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928"/>
  <workbookPr filterPrivacy="1" codeName="ThisWorkbook"/>
  <xr:revisionPtr revIDLastSave="0" documentId="8_{90904139-0B98-421D-9B5F-79105B44353B}" xr6:coauthVersionLast="47" xr6:coauthVersionMax="47" xr10:uidLastSave="{00000000-0000-0000-0000-000000000000}"/>
  <bookViews>
    <workbookView xWindow="-20610" yWindow="9495" windowWidth="20730" windowHeight="11040" xr2:uid="{00000000-000D-0000-FFFF-FFFF00000000}"/>
  </bookViews>
  <sheets>
    <sheet name="Investor Specific Equalisation" sheetId="1" r:id="rId1"/>
  </sheets>
  <definedNames>
    <definedName name="_xlnm._FilterDatabase" localSheetId="0" hidden="1">'Investor Specific Equalisation'!$A$3:$G$137976</definedName>
    <definedName name="_xlnm.Print_Area" localSheetId="0">'Investor Specific Equalisation'!$A$1:$G$137976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689862" uniqueCount="616">
  <si>
    <r>
      <rPr>
        <b/>
        <sz val="16"/>
        <color indexed="9"/>
        <rFont val="Arial"/>
        <family val="2"/>
      </rPr>
      <t>UK Reporting Fund Status (UKRFS</t>
    </r>
    <r>
      <rPr>
        <b/>
        <sz val="20"/>
        <color indexed="9"/>
        <rFont val="Arial"/>
        <family val="2"/>
      </rPr>
      <t xml:space="preserve">) - </t>
    </r>
    <r>
      <rPr>
        <b/>
        <sz val="16"/>
        <color indexed="9"/>
        <rFont val="Arial"/>
        <family val="2"/>
      </rPr>
      <t>Equalisation in accordance to Regulation 92 (3) (ba) (ii)</t>
    </r>
  </si>
  <si>
    <t>Premium Selection UCITS ICAV</t>
  </si>
  <si>
    <t>Fund/Manager logo here (if desired)</t>
  </si>
  <si>
    <t xml:space="preserve">   Period ended 31 March 2025</t>
  </si>
  <si>
    <t xml:space="preserve"> </t>
  </si>
  <si>
    <t xml:space="preserve">ISIN CODE
</t>
  </si>
  <si>
    <t xml:space="preserve">UMBRELLA NAME
</t>
  </si>
  <si>
    <t xml:space="preserve">FUND NAME
</t>
  </si>
  <si>
    <t xml:space="preserve">CLASS NAME
</t>
  </si>
  <si>
    <t xml:space="preserve">Reporting Date
</t>
  </si>
  <si>
    <t>Currency</t>
  </si>
  <si>
    <t>Equalisation rate per share in share class currency</t>
  </si>
  <si>
    <t>IE00005P8DR8</t>
  </si>
  <si>
    <t>Julius Baer Strategy Income (USD)</t>
  </si>
  <si>
    <t>Class A - acc - USD</t>
  </si>
  <si>
    <t>USD</t>
  </si>
  <si>
    <t>IE00006Z2OO2</t>
  </si>
  <si>
    <t>Julius Baer Equity India</t>
  </si>
  <si>
    <t>Class I - acc - USD</t>
  </si>
  <si>
    <t>IE00007LBW59</t>
  </si>
  <si>
    <t>Julius Baer Strategy Balanced (USD)</t>
  </si>
  <si>
    <t>Class V2 - acc - USD</t>
  </si>
  <si>
    <t>IE0000JH6KF7</t>
  </si>
  <si>
    <t>Brandywine Global Income</t>
  </si>
  <si>
    <t>Class Kh – acc – CHF</t>
  </si>
  <si>
    <t>CHF</t>
  </si>
  <si>
    <t>IE0000MG86O2</t>
  </si>
  <si>
    <t>Class Ah – acc – SGD</t>
  </si>
  <si>
    <t>SGD</t>
  </si>
  <si>
    <t>IE0000QBMWU9</t>
  </si>
  <si>
    <t>IE0000TUNPP5</t>
  </si>
  <si>
    <t>Class K - acc - USD</t>
  </si>
  <si>
    <t>IE0000WI4NW3</t>
  </si>
  <si>
    <t>Class I – dis – USD</t>
  </si>
  <si>
    <t>IE00010IBM51</t>
  </si>
  <si>
    <t>Julius Baer Edelweiss Swiss Equity</t>
  </si>
  <si>
    <t>Class N - acc - CHF</t>
  </si>
  <si>
    <t>IE00014EM9P3</t>
  </si>
  <si>
    <t>Julius Baer Equity Asia Income</t>
  </si>
  <si>
    <t>Class I - dis - USD</t>
  </si>
  <si>
    <t>IE000152E0Y3</t>
  </si>
  <si>
    <t>JP Morgan Japan Equity Core</t>
  </si>
  <si>
    <t>Class SA - acc - JPY</t>
  </si>
  <si>
    <t>JPY</t>
  </si>
  <si>
    <t>IE0001EDVHK2</t>
  </si>
  <si>
    <t>Class Z - acc</t>
  </si>
  <si>
    <t>IE0001EG4BM2</t>
  </si>
  <si>
    <t>Polar Capital Future Energy</t>
  </si>
  <si>
    <t>IE0001EZKQA0</t>
  </si>
  <si>
    <t>Class Sa1 - acc - USD</t>
  </si>
  <si>
    <t>IE0001NVPKG9</t>
  </si>
  <si>
    <t>Julius Baer Equity Global Excellence Mid Cap</t>
  </si>
  <si>
    <t>Class Nh - acc - GBP</t>
  </si>
  <si>
    <t>GBP</t>
  </si>
  <si>
    <t>IE0001QUZP56</t>
  </si>
  <si>
    <t>Class K – dismn – USD</t>
  </si>
  <si>
    <t>IE0001SKRVL4</t>
  </si>
  <si>
    <t>Class Nh – dis – GBP</t>
  </si>
  <si>
    <t>IE0001VFLQN7</t>
  </si>
  <si>
    <t>Julius Baer Dynamic Asset Allocation</t>
  </si>
  <si>
    <t>Class Kh - dis - EUR</t>
  </si>
  <si>
    <t>EUR</t>
  </si>
  <si>
    <t>IE0001W44QW0</t>
  </si>
  <si>
    <t>Julius Baer Fixed Income Asia</t>
  </si>
  <si>
    <t>Class Ah - disq - SGD</t>
  </si>
  <si>
    <t>IE0001YRXO62</t>
  </si>
  <si>
    <t>Class AH - acc - EUR</t>
  </si>
  <si>
    <t>IE00025PH044</t>
  </si>
  <si>
    <t>Class Ah – dism – SGD</t>
  </si>
  <si>
    <t>IE000279FHH9</t>
  </si>
  <si>
    <t>Julius Baer Global Income Opportunities</t>
  </si>
  <si>
    <t>Class Ah - DISM - AUD</t>
  </si>
  <si>
    <t>AUD</t>
  </si>
  <si>
    <t>IE00029RHVV0</t>
  </si>
  <si>
    <t>Class Kh - acc - CHF</t>
  </si>
  <si>
    <t>IE0002BG9QS8</t>
  </si>
  <si>
    <t>Class KH - acc - CHF</t>
  </si>
  <si>
    <t>IE0002BWX5M5</t>
  </si>
  <si>
    <t>Class Sk - acc - CHF</t>
  </si>
  <si>
    <t>IE0002DB0Z32</t>
  </si>
  <si>
    <t>IE0002I4JIT5</t>
  </si>
  <si>
    <t>Class Sa - acc - USD</t>
  </si>
  <si>
    <t>IE0002IPCDF4</t>
  </si>
  <si>
    <t>IE00030KF2H6</t>
  </si>
  <si>
    <t>Class I - acc - CHF</t>
  </si>
  <si>
    <t>IE00033X2LK5</t>
  </si>
  <si>
    <t>Class N1 - ACC - USD</t>
  </si>
  <si>
    <t>IE00037Q3DQ2</t>
  </si>
  <si>
    <t>Class Sah - acc - EUR</t>
  </si>
  <si>
    <t>IE0003L0CM29</t>
  </si>
  <si>
    <t>Class N – dis – USD</t>
  </si>
  <si>
    <t>IE0003L42YG0</t>
  </si>
  <si>
    <t>Class Ah - acc - SGD</t>
  </si>
  <si>
    <t>IE0003NFDNW5</t>
  </si>
  <si>
    <t>Class K - dis - USD</t>
  </si>
  <si>
    <t>IE0003VWBO21</t>
  </si>
  <si>
    <t>JP Morgan Flexible Credit Income</t>
  </si>
  <si>
    <t>Class Ah - DISM - EUR</t>
  </si>
  <si>
    <t>IE00040A9EC0</t>
  </si>
  <si>
    <t>Julius Baer Equity Global Excellence North America</t>
  </si>
  <si>
    <t>IE000418Y9N3</t>
  </si>
  <si>
    <t>Columbia Threadneedle Future Environment</t>
  </si>
  <si>
    <t>IE00049NPSC6</t>
  </si>
  <si>
    <t>IE0004MGCWB0</t>
  </si>
  <si>
    <t>Class I1 - acc - USD</t>
  </si>
  <si>
    <t>IE0004QX1SB7</t>
  </si>
  <si>
    <t>Julius Baer Strategy Balanced (CHF)</t>
  </si>
  <si>
    <t>Class K - acc - CHF</t>
  </si>
  <si>
    <t>IE0004XKLSX2</t>
  </si>
  <si>
    <t>Blackrock Future Technology</t>
  </si>
  <si>
    <t>Class Sah – acc – CHF</t>
  </si>
  <si>
    <t>IE0004XTRZ22</t>
  </si>
  <si>
    <t>Class Ah - Acc - SGD</t>
  </si>
  <si>
    <t>IE00055HMJU3</t>
  </si>
  <si>
    <t>Class I – acc – USD</t>
  </si>
  <si>
    <t>IE00059RUKI0</t>
  </si>
  <si>
    <t>Class A - disq - USD</t>
  </si>
  <si>
    <t>IE0005H8VFP3</t>
  </si>
  <si>
    <t>Class Nh - acc - USD</t>
  </si>
  <si>
    <t>IE0005T800Y8</t>
  </si>
  <si>
    <t>Class SK - acc - USD</t>
  </si>
  <si>
    <t>IE0005UZOUG8</t>
  </si>
  <si>
    <t>Class A - dis - USD</t>
  </si>
  <si>
    <t>IE00060E1T54</t>
  </si>
  <si>
    <t>Class SN - acc - CHF</t>
  </si>
  <si>
    <t>IE000638XLA6</t>
  </si>
  <si>
    <t>Class SA - acc - USD</t>
  </si>
  <si>
    <t>IE000640F4O5</t>
  </si>
  <si>
    <t>Class SN - acc - USD</t>
  </si>
  <si>
    <t>IE00064EYKR1</t>
  </si>
  <si>
    <t>Class A – dismn – USD</t>
  </si>
  <si>
    <t>IE00069QQMT2</t>
  </si>
  <si>
    <t>IE0006BRXE25</t>
  </si>
  <si>
    <t>Class I - acc - EUR</t>
  </si>
  <si>
    <t>IE0006KZWOC2</t>
  </si>
  <si>
    <t>Class I - acc - SGD</t>
  </si>
  <si>
    <t>IE0006U3AIN9</t>
  </si>
  <si>
    <t>Abrdn Emerging Markets Corporate Bond</t>
  </si>
  <si>
    <t>Class Ih - dism - EUR</t>
  </si>
  <si>
    <t>IE0006VQPY93</t>
  </si>
  <si>
    <t>Class K – dism – USD</t>
  </si>
  <si>
    <t>IE00072AHVY0</t>
  </si>
  <si>
    <t>Class AH - ACC - SGD</t>
  </si>
  <si>
    <t>IE00074Y0DF5</t>
  </si>
  <si>
    <t>Class I - dis - JPY</t>
  </si>
  <si>
    <t>IE0007DAHAH7</t>
  </si>
  <si>
    <t>Class Ah - acc - EUR</t>
  </si>
  <si>
    <t>IE0007MIUHP2</t>
  </si>
  <si>
    <t>IE0007OE0DQ1</t>
  </si>
  <si>
    <t>IE0007P4BXU5</t>
  </si>
  <si>
    <t>Julius Baer Strategy Balanced (EUR)</t>
  </si>
  <si>
    <t>Class V - acc - EUR</t>
  </si>
  <si>
    <t>IE0007P7IXY5</t>
  </si>
  <si>
    <t>Class A - acc - CHF</t>
  </si>
  <si>
    <t>IE0007ZZ0IO7</t>
  </si>
  <si>
    <t>Class Ah - acc - CHF</t>
  </si>
  <si>
    <t>IE00080U63F9</t>
  </si>
  <si>
    <t>Julius Baer Equity Asia</t>
  </si>
  <si>
    <t>IE00083VWVF1</t>
  </si>
  <si>
    <t>Class KH - acc - EUR</t>
  </si>
  <si>
    <t>IE0008FSPO18</t>
  </si>
  <si>
    <t>IE0008HT7N88</t>
  </si>
  <si>
    <t>IE0008LDIG16</t>
  </si>
  <si>
    <t>Class Sk – acc – EUR</t>
  </si>
  <si>
    <t>IE0008P5RKB4</t>
  </si>
  <si>
    <t>Class Ah - DISM - GBP</t>
  </si>
  <si>
    <t>IE000911ZYE7</t>
  </si>
  <si>
    <t>Class Ih - dism - GBP</t>
  </si>
  <si>
    <t>IE00094QCS46</t>
  </si>
  <si>
    <t>Class K - dis - CHF</t>
  </si>
  <si>
    <t>IE00095X8KK9</t>
  </si>
  <si>
    <t>Class K - ACC - USD</t>
  </si>
  <si>
    <t>IE00098FZN92</t>
  </si>
  <si>
    <t>Class Ah – acc – CHF</t>
  </si>
  <si>
    <t>IE00099ONIG6</t>
  </si>
  <si>
    <t>IE0009DL5QQ4</t>
  </si>
  <si>
    <t>Class Kh - acc - EUR</t>
  </si>
  <si>
    <t>IE0009GFWDW7</t>
  </si>
  <si>
    <t>IE0009OQMW03</t>
  </si>
  <si>
    <t>Class Nh – acc – GBP</t>
  </si>
  <si>
    <t>IE0009R3V4Z5</t>
  </si>
  <si>
    <t>Class V - dis - USD</t>
  </si>
  <si>
    <t>IE0009TPHC75</t>
  </si>
  <si>
    <t>Class K - dis - EUR</t>
  </si>
  <si>
    <t>IE0009UBMU87</t>
  </si>
  <si>
    <t>Class NH - DIS - EUR</t>
  </si>
  <si>
    <t>IE000AA4N342</t>
  </si>
  <si>
    <t>Class SA - DIS - USD</t>
  </si>
  <si>
    <t>IE000AANG166</t>
  </si>
  <si>
    <t>Class N - ACC - USD</t>
  </si>
  <si>
    <t>IE000AE3ULS3</t>
  </si>
  <si>
    <t>Julius Baer Asia REITs</t>
  </si>
  <si>
    <t>IE000AHKG9W4</t>
  </si>
  <si>
    <t>Class N - acc - USD</t>
  </si>
  <si>
    <t>IE000AQNZP12</t>
  </si>
  <si>
    <t>Class I - dis - CHF</t>
  </si>
  <si>
    <t>IE000AT9UQE2</t>
  </si>
  <si>
    <t>Class A – acc – USD</t>
  </si>
  <si>
    <t>IE000AWZMFP1</t>
  </si>
  <si>
    <t>IE000AXTV9T2</t>
  </si>
  <si>
    <t>Jupiter Strategic Absolute Return Bond Fund (formerly Western Asset Bond
Opportunities)</t>
  </si>
  <si>
    <t>IE000AY8YPT9</t>
  </si>
  <si>
    <t>Class Kh – disn – GBP</t>
  </si>
  <si>
    <t>IE000B5YB096</t>
  </si>
  <si>
    <t>Class Nh - dis - GBP</t>
  </si>
  <si>
    <t>IE000BEYXR12</t>
  </si>
  <si>
    <t>Julius Baer Global Balanced GBP</t>
  </si>
  <si>
    <t>Class N - acc - GBP</t>
  </si>
  <si>
    <t>IE000BGHNHU4</t>
  </si>
  <si>
    <t>Class Nh – dis – EUR</t>
  </si>
  <si>
    <t>IE000BHQ3AU1</t>
  </si>
  <si>
    <t>Class I - dism - USD</t>
  </si>
  <si>
    <t>IE000BLRCMU6</t>
  </si>
  <si>
    <t>Class Ah - dis - CHF</t>
  </si>
  <si>
    <t>IE000BNXZ935</t>
  </si>
  <si>
    <t>IE000BO1RXC9</t>
  </si>
  <si>
    <t>Class NH - ACC - GBP</t>
  </si>
  <si>
    <t>IE000BOSOHS7</t>
  </si>
  <si>
    <t>Julius Baer Strategy Income (CHF)</t>
  </si>
  <si>
    <t>IE000BWRARA8</t>
  </si>
  <si>
    <t>Class N – disn – USD</t>
  </si>
  <si>
    <t>IE000BZM1KX0</t>
  </si>
  <si>
    <t>IE000BZTBGT8</t>
  </si>
  <si>
    <t>IE000C00DZX9</t>
  </si>
  <si>
    <t>IE000CE7U120</t>
  </si>
  <si>
    <t>Class Ah – dis – GBP</t>
  </si>
  <si>
    <t>IE000CEDJIC0</t>
  </si>
  <si>
    <t>Class Z - acc - USD</t>
  </si>
  <si>
    <t>IE000CHXNHE1</t>
  </si>
  <si>
    <t>Class AH-DISQ - GBP</t>
  </si>
  <si>
    <t>IE000CJD3CB9</t>
  </si>
  <si>
    <t>Class Ah - acc - USD</t>
  </si>
  <si>
    <t>IE000CK00PC9</t>
  </si>
  <si>
    <t>IE000CKVPP00</t>
  </si>
  <si>
    <t>Class A - DIS - USD</t>
  </si>
  <si>
    <t>IE000CO3T3X8</t>
  </si>
  <si>
    <t>Class Sk - acc - EUR</t>
  </si>
  <si>
    <t>IE000CP0BRK8</t>
  </si>
  <si>
    <t>Julius Baer Fixed Income Investment Grade Corporate (EUR)</t>
  </si>
  <si>
    <t>Class Z - acc - EUR</t>
  </si>
  <si>
    <t>IE000CRSIPQ7</t>
  </si>
  <si>
    <t>Class Kh - acc - USD</t>
  </si>
  <si>
    <t>IE000CS8B9U7</t>
  </si>
  <si>
    <t>IE000D2B38C6</t>
  </si>
  <si>
    <t>Class Ih - acc - EUR</t>
  </si>
  <si>
    <t>IE000D56YZ00</t>
  </si>
  <si>
    <t>Class AH - ACC - EUR</t>
  </si>
  <si>
    <t>IE000D6AOHZ4</t>
  </si>
  <si>
    <t>IE000D8YR2N6</t>
  </si>
  <si>
    <t>Class Ah - NET DISM - SGD</t>
  </si>
  <si>
    <t>IE000DD0JF10</t>
  </si>
  <si>
    <t>IE000DIIBKM0</t>
  </si>
  <si>
    <t>Artemis US Extended Alpha</t>
  </si>
  <si>
    <t>IE000DLV8R90</t>
  </si>
  <si>
    <t>Class A - ACC - USD</t>
  </si>
  <si>
    <t>IE000DOX9SA2</t>
  </si>
  <si>
    <t>Class SK - DISM - USD</t>
  </si>
  <si>
    <t>IE000E1Z2A23</t>
  </si>
  <si>
    <t>IE000E78O8V4</t>
  </si>
  <si>
    <t>IE000E8MXTM8</t>
  </si>
  <si>
    <t>Class Ah – dis – SGD</t>
  </si>
  <si>
    <t>IE000EBAVZ53</t>
  </si>
  <si>
    <t>IE000EGBCRK4</t>
  </si>
  <si>
    <t>IE000EHVHOI0</t>
  </si>
  <si>
    <t>Class Ah - dism - SGD</t>
  </si>
  <si>
    <t>IE000EY5A8B7</t>
  </si>
  <si>
    <t>Class Ah - dis - EUR</t>
  </si>
  <si>
    <t>IE000EYS3C81</t>
  </si>
  <si>
    <t>IE000EZQ5DP5</t>
  </si>
  <si>
    <t>Class Ah – acc – GBP</t>
  </si>
  <si>
    <t>IE000F0MKZI6</t>
  </si>
  <si>
    <t>Class Kh – dis – GBP</t>
  </si>
  <si>
    <t>IE000F4PZ8U8</t>
  </si>
  <si>
    <t>IE000F75O4Y9</t>
  </si>
  <si>
    <t>Class A - dis - EUR</t>
  </si>
  <si>
    <t>IE000F8FKD40</t>
  </si>
  <si>
    <t>IE000FG9VDV2</t>
  </si>
  <si>
    <t>Class A - dis - CHF</t>
  </si>
  <si>
    <t>IE000FGQA8J9</t>
  </si>
  <si>
    <t>IE000FIXBMX7</t>
  </si>
  <si>
    <t>IE000FO4ZQQ6</t>
  </si>
  <si>
    <t>Class Ah – acc – EUR</t>
  </si>
  <si>
    <t>IE000FOC6F95</t>
  </si>
  <si>
    <t>IE000FS5NN95</t>
  </si>
  <si>
    <t>Class Kh – acc – EUR</t>
  </si>
  <si>
    <t>IE000FSQVZZ5</t>
  </si>
  <si>
    <t>Class AH - DIS - AUD</t>
  </si>
  <si>
    <t>IE000FVJBQA8</t>
  </si>
  <si>
    <t>IE000G1LLM86</t>
  </si>
  <si>
    <t>IE000G62MI87</t>
  </si>
  <si>
    <t>Class Ih – acc – CHF</t>
  </si>
  <si>
    <t>IE000G8XO355</t>
  </si>
  <si>
    <t>Class Nh - acc - EUR</t>
  </si>
  <si>
    <t>IE000G968YB9</t>
  </si>
  <si>
    <t>Class Ah - acc - AUD</t>
  </si>
  <si>
    <t>IE000GBX1688</t>
  </si>
  <si>
    <t>IE000GKPSP92</t>
  </si>
  <si>
    <t>Class AH - acc - CHF</t>
  </si>
  <si>
    <t>IE000GSEB1X3</t>
  </si>
  <si>
    <t>IE000GUF0E90</t>
  </si>
  <si>
    <t>IE000GX57W83</t>
  </si>
  <si>
    <t>IE000GZ0W8I3</t>
  </si>
  <si>
    <t>Class A - acc - JPY</t>
  </si>
  <si>
    <t>IE000HBA7EH9</t>
  </si>
  <si>
    <t>IE000HKVN4G4</t>
  </si>
  <si>
    <t>IE000HV9GZF8</t>
  </si>
  <si>
    <t>Class A - DISM - USD</t>
  </si>
  <si>
    <t>IE000HVMJ7L1</t>
  </si>
  <si>
    <t>Class I - acc - JPY</t>
  </si>
  <si>
    <t>IE000HXQNUK1</t>
  </si>
  <si>
    <t>IE000I11B521</t>
  </si>
  <si>
    <t>Class AH - dis - GBP</t>
  </si>
  <si>
    <t>IE000IBUD805</t>
  </si>
  <si>
    <t>Class Kh - dis - CHF</t>
  </si>
  <si>
    <t>IE000INT5NV9</t>
  </si>
  <si>
    <t>IE000IQYZCG7</t>
  </si>
  <si>
    <t>IE000IVNWX44</t>
  </si>
  <si>
    <t>Class N - acc - EUR</t>
  </si>
  <si>
    <t>IE000IWAUYZ0</t>
  </si>
  <si>
    <t>Class Ah – disn – SGD</t>
  </si>
  <si>
    <t>IE000IXJYHW3</t>
  </si>
  <si>
    <t>Class K – dis – USD</t>
  </si>
  <si>
    <t>IE000IXO9O34</t>
  </si>
  <si>
    <t>Class K – disn – USD</t>
  </si>
  <si>
    <t>IE000J4EJKP0</t>
  </si>
  <si>
    <t>Class Ah - ndisq - SGD</t>
  </si>
  <si>
    <t>IE000J4RWD30</t>
  </si>
  <si>
    <t>IE000J5QMRB0</t>
  </si>
  <si>
    <t>Class NH - acc - EUR</t>
  </si>
  <si>
    <t>IE000J7PRCV7</t>
  </si>
  <si>
    <t>Class K – acc – USD</t>
  </si>
  <si>
    <t>IE000JAWWTM2</t>
  </si>
  <si>
    <t>IE000JEQKLW7</t>
  </si>
  <si>
    <t>Class K - acc - EUR</t>
  </si>
  <si>
    <t>IE000JKFI1I1</t>
  </si>
  <si>
    <t>Class I – acc – EUR</t>
  </si>
  <si>
    <t>IE000JPYSHI7</t>
  </si>
  <si>
    <t>Class N - dism - USD</t>
  </si>
  <si>
    <t>IE000JUDC7J2</t>
  </si>
  <si>
    <t>Class N – acc – USD</t>
  </si>
  <si>
    <t>IE000JZ1G7Q1</t>
  </si>
  <si>
    <t>IE000K2LFL45</t>
  </si>
  <si>
    <t>Julius Baer Fixed Income Investment Grade Corporate (GBP)</t>
  </si>
  <si>
    <t>Class I – disq – GBP</t>
  </si>
  <si>
    <t>IE000K6VHTX5</t>
  </si>
  <si>
    <t>Class Ah - disq - AUD</t>
  </si>
  <si>
    <t>IE000K8V19L3</t>
  </si>
  <si>
    <t>IE000KMSI9S3</t>
  </si>
  <si>
    <t>IE000KVBM3G3</t>
  </si>
  <si>
    <t>IE000KWRWT41</t>
  </si>
  <si>
    <t>IE000L2QGY00</t>
  </si>
  <si>
    <t>IE000LDY7644</t>
  </si>
  <si>
    <t>IE000LHXATZ9</t>
  </si>
  <si>
    <t>Class Sa – acc- CHF</t>
  </si>
  <si>
    <t>IE000LI04B68</t>
  </si>
  <si>
    <t>IE000LLCZH09</t>
  </si>
  <si>
    <t>Class A - acc - EUR</t>
  </si>
  <si>
    <t>IE000LS6MWS1</t>
  </si>
  <si>
    <t>IE000LZLMKF2</t>
  </si>
  <si>
    <t>IE000M48B5A6</t>
  </si>
  <si>
    <t>IE000M4VBVT5</t>
  </si>
  <si>
    <t>IE000M5GXHW0</t>
  </si>
  <si>
    <t>IE000MBPMM11</t>
  </si>
  <si>
    <t>IE000MMWNPK2</t>
  </si>
  <si>
    <t>IE000MP9ZUK0</t>
  </si>
  <si>
    <t>IE000MVJ4ND6</t>
  </si>
  <si>
    <t>Class A1 - acc - USD</t>
  </si>
  <si>
    <t>IE000MYDELL3</t>
  </si>
  <si>
    <t>IE000N1E08N0</t>
  </si>
  <si>
    <t>IE000N6Y3A07</t>
  </si>
  <si>
    <t>Class NH - ACC - EUR</t>
  </si>
  <si>
    <t>IE000NAHH243</t>
  </si>
  <si>
    <t>Class Nh – disn – GBP</t>
  </si>
  <si>
    <t>IE000NB9T003</t>
  </si>
  <si>
    <t>IE000NBBSW91</t>
  </si>
  <si>
    <t>IE000NE8Z934</t>
  </si>
  <si>
    <t>Class K - acc - CEUR</t>
  </si>
  <si>
    <t>IE000NK5VMF8</t>
  </si>
  <si>
    <t>Class Sa - acc - EUR</t>
  </si>
  <si>
    <t>IE000NO2VTE9</t>
  </si>
  <si>
    <t>Class A – disn – USD</t>
  </si>
  <si>
    <t>IE000NOKX849</t>
  </si>
  <si>
    <t>Class Ah – dis – EUR</t>
  </si>
  <si>
    <t>IE000NOVIPR3</t>
  </si>
  <si>
    <t>Class AH - DIS - CHF</t>
  </si>
  <si>
    <t>IE000NOW7O95</t>
  </si>
  <si>
    <t>IE000NQ56375</t>
  </si>
  <si>
    <t>Class Kh - dis - GBP</t>
  </si>
  <si>
    <t>IE000NUQFNN0</t>
  </si>
  <si>
    <t>Class Ih – acc – EUR</t>
  </si>
  <si>
    <t>IE000NW4GHS1</t>
  </si>
  <si>
    <t>Class K - dism - USD</t>
  </si>
  <si>
    <t>IE000OEPN5K0</t>
  </si>
  <si>
    <t>IE000OH70H36</t>
  </si>
  <si>
    <t>IE000OO4MUB7</t>
  </si>
  <si>
    <t>Class Sa – acc – EUR</t>
  </si>
  <si>
    <t>IE000OQUSHA0</t>
  </si>
  <si>
    <t>IE000OTUIP72</t>
  </si>
  <si>
    <t>Class I - acc - GBP</t>
  </si>
  <si>
    <t>IE000OW6X8F3</t>
  </si>
  <si>
    <t>Class A – dis – USD</t>
  </si>
  <si>
    <t>IE000P3SQGF8</t>
  </si>
  <si>
    <t>IE000P4AKHO7</t>
  </si>
  <si>
    <t>Class Skh – acc – CHF</t>
  </si>
  <si>
    <t>IE000PAV7RC8</t>
  </si>
  <si>
    <t>IE000PEKYQ95</t>
  </si>
  <si>
    <t>Class N - dis - USD</t>
  </si>
  <si>
    <t>IE000PEOF9R7</t>
  </si>
  <si>
    <t>IE000PHUFJA9</t>
  </si>
  <si>
    <t>Class K1 - ACC - USD</t>
  </si>
  <si>
    <t>IE000PJR4OI6</t>
  </si>
  <si>
    <t>Class KH - DIS - CHF</t>
  </si>
  <si>
    <t>IE000PJSKRG9</t>
  </si>
  <si>
    <t>Julius Baer Global Growth GBP</t>
  </si>
  <si>
    <t>IE000PLSU7V1</t>
  </si>
  <si>
    <t>IE000PS1GLT1</t>
  </si>
  <si>
    <t>IE000Q2F92P1</t>
  </si>
  <si>
    <t>IE000Q4KE1U0</t>
  </si>
  <si>
    <t>Class SA - ACC - USD</t>
  </si>
  <si>
    <t>IE000Q8ZCL01</t>
  </si>
  <si>
    <t>Class Nh – acc – EUR</t>
  </si>
  <si>
    <t>IE000QEKLGJ0</t>
  </si>
  <si>
    <t>IE000QGRZN55</t>
  </si>
  <si>
    <t>IE000QJGIDJ0</t>
  </si>
  <si>
    <t>Class AH - DIS - SGD</t>
  </si>
  <si>
    <t>IE000QKBIQ55</t>
  </si>
  <si>
    <t>IE000QNX1HQ4</t>
  </si>
  <si>
    <t>Class Kh – acc – SGD</t>
  </si>
  <si>
    <t>IE000QODBOK7</t>
  </si>
  <si>
    <t>Class I – disn – USD</t>
  </si>
  <si>
    <t>IE000QPJ2AB5</t>
  </si>
  <si>
    <t>Class A – dism – USD</t>
  </si>
  <si>
    <t>IE000QZ2GZR3</t>
  </si>
  <si>
    <t>IE000R6U8B88</t>
  </si>
  <si>
    <t>Class Ih - dis - EUR</t>
  </si>
  <si>
    <t>IE000RF340U2</t>
  </si>
  <si>
    <t>IE000RKO4GM2</t>
  </si>
  <si>
    <t>Class A – acc – EUR</t>
  </si>
  <si>
    <t>IE000ROY5IG1</t>
  </si>
  <si>
    <t>Class Ah – disn – EUR</t>
  </si>
  <si>
    <t>IE000RUWZ7K0</t>
  </si>
  <si>
    <t>IE000RWJ2DC7</t>
  </si>
  <si>
    <t>Class AH - acc - USD</t>
  </si>
  <si>
    <t>IE000SJ21NY2</t>
  </si>
  <si>
    <t>Class AH - ACC - CHF</t>
  </si>
  <si>
    <t>IE000SYMQ680</t>
  </si>
  <si>
    <t>Class A - dism - USD</t>
  </si>
  <si>
    <t>IE000SZZPKQ7</t>
  </si>
  <si>
    <t>IE000T86VCU9</t>
  </si>
  <si>
    <t>IE000T8HRFM2</t>
  </si>
  <si>
    <t>Class Sk - acc - USD</t>
  </si>
  <si>
    <t>IE000TEFAW72</t>
  </si>
  <si>
    <t>Class A - dis - JPY</t>
  </si>
  <si>
    <t>IE000TEQY297</t>
  </si>
  <si>
    <t>IE000TFU8BH1</t>
  </si>
  <si>
    <t>Class V - acc - USD</t>
  </si>
  <si>
    <t>IE000TGOJI52</t>
  </si>
  <si>
    <t>Class Ah – disn – GBP</t>
  </si>
  <si>
    <t>IE000TJ22RY9</t>
  </si>
  <si>
    <t>Class Sk – acc – USD</t>
  </si>
  <si>
    <t>IE000TKMA269</t>
  </si>
  <si>
    <t>IE000TQQP059</t>
  </si>
  <si>
    <t>IE000TVVKUK6</t>
  </si>
  <si>
    <t>Class KH - ACC - USD</t>
  </si>
  <si>
    <t>IE000TW4NHT9</t>
  </si>
  <si>
    <t>Class A - ndisq - USD</t>
  </si>
  <si>
    <t>IE000TXI9AO1</t>
  </si>
  <si>
    <t>IE000U1YEX13</t>
  </si>
  <si>
    <t>Class Sa - acc - CHF</t>
  </si>
  <si>
    <t>IE000U4N9H37</t>
  </si>
  <si>
    <t>IE000U55DP15</t>
  </si>
  <si>
    <t>Class Ah – dismn – SGD</t>
  </si>
  <si>
    <t>IE000UBCG7O7</t>
  </si>
  <si>
    <t>Class KH - DISM - GBP</t>
  </si>
  <si>
    <t>IE000UCZ9VL4</t>
  </si>
  <si>
    <t>Class N – acc – EUR</t>
  </si>
  <si>
    <t>IE000ULPQRJ2</t>
  </si>
  <si>
    <t>IE000UN8X1X5</t>
  </si>
  <si>
    <t>IE000UNV4211</t>
  </si>
  <si>
    <t>Class NH - acc - GBP</t>
  </si>
  <si>
    <t>IE000UO993D8</t>
  </si>
  <si>
    <t>Class Nh – disn – EUR</t>
  </si>
  <si>
    <t>IE000UQCQSM1</t>
  </si>
  <si>
    <t>IE000UQW6I78</t>
  </si>
  <si>
    <t>IE000UR5HXN2</t>
  </si>
  <si>
    <t>Class SA - DISM - USD</t>
  </si>
  <si>
    <t>IE000UUHKK38</t>
  </si>
  <si>
    <t>Class A - Net DISM - USD</t>
  </si>
  <si>
    <t>IE000UW4XQ76</t>
  </si>
  <si>
    <t>IE000V5VTKP4</t>
  </si>
  <si>
    <t>Class AH - DIS - EUR</t>
  </si>
  <si>
    <t>IE000V7X41Q1</t>
  </si>
  <si>
    <t>IE000VA241B1</t>
  </si>
  <si>
    <t>IE000VC93G02</t>
  </si>
  <si>
    <t>IE000VDHR934</t>
  </si>
  <si>
    <t>Class SAh - acc - USD</t>
  </si>
  <si>
    <t>IE000VEZ9D02</t>
  </si>
  <si>
    <t>IE000VJWBQ79</t>
  </si>
  <si>
    <t>Class Sk – acc – CHF</t>
  </si>
  <si>
    <t>IE000VNLOMU8</t>
  </si>
  <si>
    <t>IE000VPTON09</t>
  </si>
  <si>
    <t>IE000VVD6688</t>
  </si>
  <si>
    <t>IE000VW1GRM9</t>
  </si>
  <si>
    <t>Class K - disq - USD</t>
  </si>
  <si>
    <t>IE000VW74BL0</t>
  </si>
  <si>
    <t>IE000VZRZ3S8</t>
  </si>
  <si>
    <t>Class Sah – acc – EUR</t>
  </si>
  <si>
    <t>IE000W8AVTA0</t>
  </si>
  <si>
    <t>IE000W9KLXD4</t>
  </si>
  <si>
    <t>IE000WBK8PG4</t>
  </si>
  <si>
    <t>Class Skh – acc – EUR</t>
  </si>
  <si>
    <t>IE000WEIT0F4</t>
  </si>
  <si>
    <t>Class A – dism – GBP share class</t>
  </si>
  <si>
    <t>IE000WFBH543</t>
  </si>
  <si>
    <t>IE000WHL4UN2</t>
  </si>
  <si>
    <t>IE000WNB98B7</t>
  </si>
  <si>
    <t>IE000X5C3349</t>
  </si>
  <si>
    <t>IE000X6R9HM7</t>
  </si>
  <si>
    <t>IE000XK45T46</t>
  </si>
  <si>
    <t>IE000XNCVJD0</t>
  </si>
  <si>
    <t>IE000XONPR58</t>
  </si>
  <si>
    <t>IE000XZZ8QR3</t>
  </si>
  <si>
    <t>Class SK - ACC - USD</t>
  </si>
  <si>
    <t>IE000Y3GPJX1</t>
  </si>
  <si>
    <t>IE000YBP6GA3</t>
  </si>
  <si>
    <t>IE000YG8KBH7</t>
  </si>
  <si>
    <t>IE000YPP4DW3</t>
  </si>
  <si>
    <t>IE000YR1SDE5</t>
  </si>
  <si>
    <t>Class Kh - disq - SGD</t>
  </si>
  <si>
    <t>IE000YSJ5L38</t>
  </si>
  <si>
    <t>Class Nh – acc – CHF</t>
  </si>
  <si>
    <t>IE000Z0UZLB8</t>
  </si>
  <si>
    <t>Class SK – acc – USD</t>
  </si>
  <si>
    <t>IE000Z323BX6</t>
  </si>
  <si>
    <t>IE000Z7OS347</t>
  </si>
  <si>
    <t>Class Ih - acc - CHF</t>
  </si>
  <si>
    <t>IE000ZCA6ZD2</t>
  </si>
  <si>
    <t>IE000ZDOGWD5</t>
  </si>
  <si>
    <t>IE000ZGTY244</t>
  </si>
  <si>
    <t>IE000ZH4U3O8</t>
  </si>
  <si>
    <t>Class Snh - acc - EUR</t>
  </si>
  <si>
    <t>IE000ZQRV3H2</t>
  </si>
  <si>
    <t>IE000ZU9GY42</t>
  </si>
  <si>
    <t>IE000ZXYPKK3</t>
  </si>
  <si>
    <t>Class Ah - dis - GBP</t>
  </si>
  <si>
    <t>IE00BKPS6T98</t>
  </si>
  <si>
    <t>Allianz All China Equity</t>
  </si>
  <si>
    <t>IE00BKPS6V11</t>
  </si>
  <si>
    <t>IE00BKPS6W28</t>
  </si>
  <si>
    <t>IE00BKPS6X35</t>
  </si>
  <si>
    <t>Class Nh - dis - EUR</t>
  </si>
  <si>
    <t>IE00BMTVHT52</t>
  </si>
  <si>
    <t>IE00BMTVHV74</t>
  </si>
  <si>
    <t>IE00BMTVHW81</t>
  </si>
  <si>
    <t>IE00BMTVHX98</t>
  </si>
  <si>
    <t>IE00BMTVHY06</t>
  </si>
  <si>
    <t>IE00BMTVHZ13</t>
  </si>
  <si>
    <t>IE00BMTVJ008</t>
  </si>
  <si>
    <t>JP Morgan Emerging Markets Opportunities</t>
  </si>
  <si>
    <t>IE00BMTVJ115</t>
  </si>
  <si>
    <t>IE00BMTVJ222</t>
  </si>
  <si>
    <t>IE00BMTVJ339</t>
  </si>
  <si>
    <t>IE00BMTVJ446</t>
  </si>
  <si>
    <t>IE00BMTVJ552</t>
  </si>
  <si>
    <t>IE00BMTVJ669</t>
  </si>
  <si>
    <t>T. Rowe Price Asian Equity (Ex-Japan)</t>
  </si>
  <si>
    <t>IE00BMTVJ776</t>
  </si>
  <si>
    <t>IE00BMTVJ883</t>
  </si>
  <si>
    <t>IE00BMTVJ990</t>
  </si>
  <si>
    <t>IE00BMTVJB19</t>
  </si>
  <si>
    <t>IE00BMTVJC26</t>
  </si>
  <si>
    <t>IE00BMTVJD33</t>
  </si>
  <si>
    <t>IE00BMTVJF56</t>
  </si>
  <si>
    <t>IE00BMTVJG63</t>
  </si>
  <si>
    <t>IE00BMTVJH70</t>
  </si>
  <si>
    <t>IE00BMTVJJ94</t>
  </si>
  <si>
    <t>IE00BMTVJK00</t>
  </si>
  <si>
    <t>IE00BMTVJL17</t>
  </si>
  <si>
    <t>IE00BMTVJM24</t>
  </si>
  <si>
    <t>Class Ih - dis - GBP</t>
  </si>
  <si>
    <t>IE00BMTVJN31</t>
  </si>
  <si>
    <t>IE00BMTVJP54</t>
  </si>
  <si>
    <t>IE00BMTVJQ61</t>
  </si>
  <si>
    <t>IE00BMTVJS85</t>
  </si>
  <si>
    <t>IE00BMTVJT92</t>
  </si>
  <si>
    <t>IE00BN13JR80</t>
  </si>
  <si>
    <t>IE00BN13JS97</t>
  </si>
  <si>
    <t>IE00BN13JT05</t>
  </si>
  <si>
    <t>IE00BN13JV27</t>
  </si>
  <si>
    <t>IE00BN13JW34</t>
  </si>
  <si>
    <t>IE00BN13JX41</t>
  </si>
  <si>
    <t>IE00BN13JY57</t>
  </si>
  <si>
    <t>IE00BN13JZ64</t>
  </si>
  <si>
    <t>IE00BN13K086</t>
  </si>
  <si>
    <t>IE00BN13K193</t>
  </si>
  <si>
    <t>IE00BNGJL087</t>
  </si>
  <si>
    <t>Polar Capital Future Healthcare</t>
  </si>
  <si>
    <t>IE00BNGJL194</t>
  </si>
  <si>
    <t>IE00BNGJL202</t>
  </si>
  <si>
    <t>IE00BNGJL319</t>
  </si>
  <si>
    <t>IE00BNGJL426</t>
  </si>
  <si>
    <t>IE00BNGJL533</t>
  </si>
  <si>
    <t>IE00BNGJL640</t>
  </si>
  <si>
    <t>IE00BNGJL756</t>
  </si>
  <si>
    <t>IE00BNGJL863</t>
  </si>
  <si>
    <t>IE00BNGJL970</t>
  </si>
  <si>
    <t>IE00BNGJLB98</t>
  </si>
  <si>
    <t>IE00BNGJLC06</t>
  </si>
  <si>
    <t>IE00BNGJLD13</t>
  </si>
  <si>
    <t>IE00BNGJLF37</t>
  </si>
  <si>
    <t>IE00BNGJLG44</t>
  </si>
  <si>
    <t>IE00BNGJLH50</t>
  </si>
  <si>
    <t>IE00BNGJLJ74</t>
  </si>
  <si>
    <t>IE00BNGJLK89</t>
  </si>
  <si>
    <t>IE00BNGJLL96</t>
  </si>
  <si>
    <t>IE00BNGJLM04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164" formatCode="#,##0.0000"/>
    <numFmt numFmtId="165" formatCode="0.0000"/>
  </numFmts>
  <fonts count="11" x14ac:knownFonts="1">
    <font>
      <sz val="12"/>
      <color theme="1"/>
      <name val="Aptos"/>
      <family val="2"/>
      <scheme val="minor"/>
    </font>
    <font>
      <sz val="11"/>
      <color theme="1"/>
      <name val="Aptos"/>
      <family val="2"/>
      <scheme val="minor"/>
    </font>
    <font>
      <b/>
      <sz val="20"/>
      <color indexed="9"/>
      <name val="Arial"/>
      <family val="2"/>
    </font>
    <font>
      <b/>
      <sz val="16"/>
      <color indexed="9"/>
      <name val="Arial"/>
      <family val="2"/>
    </font>
    <font>
      <b/>
      <sz val="20"/>
      <color indexed="9"/>
      <name val="Aptos"/>
      <family val="2"/>
      <scheme val="minor"/>
    </font>
    <font>
      <sz val="9"/>
      <color theme="1"/>
      <name val="Aptos"/>
      <family val="2"/>
      <scheme val="minor"/>
    </font>
    <font>
      <sz val="10"/>
      <name val="Arial"/>
      <family val="2"/>
    </font>
    <font>
      <b/>
      <sz val="20"/>
      <name val="Arial"/>
      <family val="2"/>
    </font>
    <font>
      <b/>
      <i/>
      <sz val="10"/>
      <name val="Arial"/>
      <family val="2"/>
    </font>
    <font>
      <b/>
      <sz val="10"/>
      <name val="Arial"/>
      <family val="2"/>
    </font>
    <font>
      <b/>
      <sz val="10"/>
      <name val="Aptos"/>
      <family val="2"/>
      <scheme val="minor"/>
    </font>
  </fonts>
  <fills count="5">
    <fill>
      <patternFill patternType="none"/>
    </fill>
    <fill>
      <patternFill patternType="gray125"/>
    </fill>
    <fill>
      <patternFill patternType="solid">
        <fgColor theme="1"/>
        <bgColor indexed="64"/>
      </patternFill>
    </fill>
    <fill>
      <patternFill patternType="solid">
        <fgColor theme="0"/>
        <bgColor indexed="64"/>
      </patternFill>
    </fill>
    <fill>
      <patternFill patternType="solid">
        <fgColor rgb="FF92D050"/>
        <bgColor indexed="64"/>
      </patternFill>
    </fill>
  </fills>
  <borders count="2">
    <border>
      <left/>
      <right/>
      <top/>
      <bottom/>
      <diagonal/>
    </border>
    <border>
      <left style="thin">
        <color theme="0"/>
      </left>
      <right style="thin">
        <color theme="0"/>
      </right>
      <top style="thin">
        <color theme="0"/>
      </top>
      <bottom/>
      <diagonal/>
    </border>
  </borders>
  <cellStyleXfs count="4">
    <xf numFmtId="0" fontId="0" fillId="0" borderId="0"/>
    <xf numFmtId="0" fontId="1" fillId="0" borderId="0"/>
    <xf numFmtId="0" fontId="5" fillId="0" borderId="0"/>
    <xf numFmtId="0" fontId="6" fillId="0" borderId="0"/>
  </cellStyleXfs>
  <cellXfs count="18">
    <xf numFmtId="0" fontId="0" fillId="0" borderId="0" xfId="0"/>
    <xf numFmtId="0" fontId="2" fillId="2" borderId="0" xfId="1" applyFont="1" applyFill="1" applyAlignment="1">
      <alignment vertical="center"/>
    </xf>
    <xf numFmtId="0" fontId="4" fillId="2" borderId="0" xfId="1" applyFont="1" applyFill="1" applyAlignment="1">
      <alignment vertical="center"/>
    </xf>
    <xf numFmtId="0" fontId="5" fillId="0" borderId="0" xfId="2"/>
    <xf numFmtId="0" fontId="6" fillId="3" borderId="0" xfId="3" applyFill="1" applyAlignment="1">
      <alignment horizontal="center"/>
    </xf>
    <xf numFmtId="0" fontId="6" fillId="3" borderId="0" xfId="3" applyFill="1"/>
    <xf numFmtId="14" fontId="7" fillId="3" borderId="0" xfId="1" applyNumberFormat="1" applyFont="1" applyFill="1" applyAlignment="1">
      <alignment vertical="top"/>
    </xf>
    <xf numFmtId="0" fontId="8" fillId="3" borderId="0" xfId="3" applyFont="1" applyFill="1" applyAlignment="1">
      <alignment horizontal="right" vertical="center" wrapText="1"/>
    </xf>
    <xf numFmtId="0" fontId="9" fillId="3" borderId="0" xfId="3" applyFont="1" applyFill="1" applyAlignment="1">
      <alignment horizontal="left"/>
    </xf>
    <xf numFmtId="0" fontId="8" fillId="3" borderId="0" xfId="3" applyFont="1" applyFill="1" applyAlignment="1">
      <alignment horizontal="center" vertical="center" wrapText="1"/>
    </xf>
    <xf numFmtId="0" fontId="6" fillId="3" borderId="0" xfId="3" applyFill="1" applyAlignment="1">
      <alignment horizontal="left"/>
    </xf>
    <xf numFmtId="0" fontId="10" fillId="4" borderId="1" xfId="1" applyFont="1" applyFill="1" applyBorder="1" applyAlignment="1">
      <alignment horizontal="center" vertical="top" wrapText="1"/>
    </xf>
    <xf numFmtId="0" fontId="10" fillId="4" borderId="0" xfId="1" applyFont="1" applyFill="1" applyAlignment="1">
      <alignment horizontal="center" vertical="top" wrapText="1"/>
    </xf>
    <xf numFmtId="0" fontId="5" fillId="3" borderId="0" xfId="2" applyFill="1" applyAlignment="1">
      <alignment horizontal="center" vertical="center"/>
    </xf>
    <xf numFmtId="0" fontId="5" fillId="3" borderId="0" xfId="2" applyFill="1" applyAlignment="1">
      <alignment vertical="center"/>
    </xf>
    <xf numFmtId="14" fontId="5" fillId="3" borderId="0" xfId="2" applyNumberFormat="1" applyFill="1" applyAlignment="1">
      <alignment horizontal="center" vertical="center"/>
    </xf>
    <xf numFmtId="164" fontId="5" fillId="3" borderId="0" xfId="2" applyNumberFormat="1" applyFill="1" applyAlignment="1">
      <alignment horizontal="center" vertical="center"/>
    </xf>
    <xf numFmtId="165" fontId="5" fillId="0" borderId="0" xfId="2" applyNumberFormat="1"/>
  </cellXfs>
  <cellStyles count="4">
    <cellStyle name="Normal" xfId="0" builtinId="0" customBuiltin="1"/>
    <cellStyle name="Normal 12 2 2 2 2" xfId="1" xr:uid="{0FC2D773-7448-4F08-A40F-CCC9FCF91B4F}"/>
    <cellStyle name="Normal 4 2 2 3" xfId="2" xr:uid="{7D269351-2367-4D2D-836A-B78578165CA0}"/>
    <cellStyle name="Normal 7 2 3" xfId="3" xr:uid="{9D0C9183-F2C1-4E9B-A659-20D61558C413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Deloitt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86BC25"/>
      </a:accent1>
      <a:accent2>
        <a:srgbClr val="046A38"/>
      </a:accent2>
      <a:accent3>
        <a:srgbClr val="62B5E5"/>
      </a:accent3>
      <a:accent4>
        <a:srgbClr val="012169"/>
      </a:accent4>
      <a:accent5>
        <a:srgbClr val="0097A9"/>
      </a:accent5>
      <a:accent6>
        <a:srgbClr val="75787B"/>
      </a:accent6>
      <a:hlink>
        <a:srgbClr val="00A3E0"/>
      </a:hlink>
      <a:folHlink>
        <a:srgbClr val="954F72"/>
      </a:folHlink>
    </a:clrScheme>
    <a:fontScheme name="Deloitte NSE">
      <a:majorFont>
        <a:latin typeface="Aptos"/>
        <a:ea typeface=""/>
        <a:cs typeface=""/>
      </a:majorFont>
      <a:minorFont>
        <a:latin typeface="Apto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sheetPr codeName="Sheet1"/>
  <dimension ref="A1:J137976"/>
  <sheetViews>
    <sheetView tabSelected="1" view="pageBreakPreview" zoomScaleNormal="100" zoomScaleSheetLayoutView="100" workbookViewId="0">
      <selection activeCell="D6" sqref="D6"/>
    </sheetView>
  </sheetViews>
  <sheetFormatPr defaultColWidth="12.3046875" defaultRowHeight="12" x14ac:dyDescent="0.3"/>
  <cols>
    <col min="1" max="1" width="14.23046875" style="3" customWidth="1"/>
    <col min="2" max="2" width="20.23046875" style="3" customWidth="1"/>
    <col min="3" max="3" width="56.07421875" style="3" bestFit="1" customWidth="1"/>
    <col min="4" max="4" width="20.69140625" style="3" bestFit="1" customWidth="1"/>
    <col min="5" max="5" width="11.07421875" style="3" bestFit="1" customWidth="1"/>
    <col min="6" max="6" width="7.15234375" style="3" bestFit="1" customWidth="1"/>
    <col min="7" max="7" width="15.4609375" style="3" bestFit="1" customWidth="1"/>
    <col min="8" max="16384" width="12.3046875" style="3"/>
  </cols>
  <sheetData>
    <row r="1" spans="1:10" ht="26" x14ac:dyDescent="0.3">
      <c r="A1" s="1" t="s">
        <v>0</v>
      </c>
      <c r="B1" s="2"/>
      <c r="C1" s="2"/>
      <c r="D1" s="2"/>
      <c r="E1" s="2"/>
      <c r="F1" s="2"/>
      <c r="G1" s="2"/>
    </row>
    <row r="2" spans="1:10" ht="13" x14ac:dyDescent="0.3">
      <c r="A2" s="4"/>
      <c r="B2" s="4"/>
      <c r="C2" s="4"/>
      <c r="D2" s="4"/>
      <c r="E2" s="4"/>
      <c r="F2" s="4"/>
      <c r="G2" s="5"/>
    </row>
    <row r="3" spans="1:10" ht="26" x14ac:dyDescent="0.3">
      <c r="A3" s="6" t="s">
        <v>1</v>
      </c>
      <c r="B3" s="4"/>
      <c r="C3" s="4"/>
      <c r="D3" s="4"/>
      <c r="E3" s="4"/>
      <c r="F3" s="4"/>
      <c r="G3" s="7" t="s">
        <v>2</v>
      </c>
    </row>
    <row r="4" spans="1:10" ht="13" x14ac:dyDescent="0.3">
      <c r="A4" s="8" t="s">
        <v>3</v>
      </c>
      <c r="B4" s="4"/>
      <c r="C4" s="4"/>
      <c r="D4" s="4"/>
      <c r="E4" s="4"/>
      <c r="F4" s="4"/>
      <c r="G4" s="9"/>
    </row>
    <row r="5" spans="1:10" ht="13" x14ac:dyDescent="0.3">
      <c r="A5" s="10" t="s">
        <v>4</v>
      </c>
      <c r="B5" s="10"/>
      <c r="C5" s="4"/>
      <c r="D5" s="4"/>
      <c r="E5" s="4"/>
      <c r="F5" s="4"/>
      <c r="G5" s="9"/>
    </row>
    <row r="6" spans="1:10" ht="39" x14ac:dyDescent="0.3">
      <c r="A6" s="11" t="s">
        <v>5</v>
      </c>
      <c r="B6" s="11" t="s">
        <v>6</v>
      </c>
      <c r="C6" s="11" t="s">
        <v>7</v>
      </c>
      <c r="D6" s="11" t="s">
        <v>8</v>
      </c>
      <c r="E6" s="11" t="s">
        <v>9</v>
      </c>
      <c r="F6" s="11" t="s">
        <v>10</v>
      </c>
      <c r="G6" s="11" t="s">
        <v>11</v>
      </c>
      <c r="J6" s="12"/>
    </row>
    <row r="7" spans="1:10" x14ac:dyDescent="0.3">
      <c r="A7" s="13" t="s">
        <v>12</v>
      </c>
      <c r="B7" s="14" t="s">
        <v>1</v>
      </c>
      <c r="C7" s="14" t="s">
        <v>13</v>
      </c>
      <c r="D7" s="14" t="s">
        <v>14</v>
      </c>
      <c r="E7" s="15">
        <v>45383</v>
      </c>
      <c r="F7" s="14" t="s">
        <v>15</v>
      </c>
      <c r="G7" s="16">
        <v>0</v>
      </c>
      <c r="I7" s="17"/>
    </row>
    <row r="8" spans="1:10" x14ac:dyDescent="0.3">
      <c r="A8" s="13" t="s">
        <v>12</v>
      </c>
      <c r="B8" s="14" t="s">
        <v>1</v>
      </c>
      <c r="C8" s="14" t="s">
        <v>13</v>
      </c>
      <c r="D8" s="14" t="s">
        <v>14</v>
      </c>
      <c r="E8" s="15">
        <v>45384</v>
      </c>
      <c r="F8" s="14" t="s">
        <v>15</v>
      </c>
      <c r="G8" s="16">
        <v>0</v>
      </c>
    </row>
    <row r="9" spans="1:10" x14ac:dyDescent="0.3">
      <c r="A9" s="13" t="s">
        <v>12</v>
      </c>
      <c r="B9" s="14" t="s">
        <v>1</v>
      </c>
      <c r="C9" s="14" t="s">
        <v>13</v>
      </c>
      <c r="D9" s="14" t="s">
        <v>14</v>
      </c>
      <c r="E9" s="15">
        <v>45385</v>
      </c>
      <c r="F9" s="14" t="s">
        <v>15</v>
      </c>
      <c r="G9" s="16">
        <v>2.7296829141893977E-2</v>
      </c>
    </row>
    <row r="10" spans="1:10" x14ac:dyDescent="0.3">
      <c r="A10" s="13" t="s">
        <v>12</v>
      </c>
      <c r="B10" s="14" t="s">
        <v>1</v>
      </c>
      <c r="C10" s="14" t="s">
        <v>13</v>
      </c>
      <c r="D10" s="14" t="s">
        <v>14</v>
      </c>
      <c r="E10" s="15">
        <v>45386</v>
      </c>
      <c r="F10" s="14" t="s">
        <v>15</v>
      </c>
      <c r="G10" s="16">
        <v>4.491023628967427E-2</v>
      </c>
    </row>
    <row r="11" spans="1:10" x14ac:dyDescent="0.3">
      <c r="A11" s="13" t="s">
        <v>12</v>
      </c>
      <c r="B11" s="14" t="s">
        <v>1</v>
      </c>
      <c r="C11" s="14" t="s">
        <v>13</v>
      </c>
      <c r="D11" s="14" t="s">
        <v>14</v>
      </c>
      <c r="E11" s="15">
        <v>45387</v>
      </c>
      <c r="F11" s="14" t="s">
        <v>15</v>
      </c>
      <c r="G11" s="16">
        <v>6.7868000639873777E-2</v>
      </c>
    </row>
    <row r="12" spans="1:10" x14ac:dyDescent="0.3">
      <c r="A12" s="13" t="s">
        <v>12</v>
      </c>
      <c r="B12" s="14" t="s">
        <v>1</v>
      </c>
      <c r="C12" s="14" t="s">
        <v>13</v>
      </c>
      <c r="D12" s="14" t="s">
        <v>14</v>
      </c>
      <c r="E12" s="15">
        <v>45388</v>
      </c>
      <c r="F12" s="14" t="s">
        <v>15</v>
      </c>
      <c r="G12" s="16">
        <v>6.7868000639873777E-2</v>
      </c>
    </row>
    <row r="13" spans="1:10" x14ac:dyDescent="0.3">
      <c r="A13" s="13" t="s">
        <v>12</v>
      </c>
      <c r="B13" s="14" t="s">
        <v>1</v>
      </c>
      <c r="C13" s="14" t="s">
        <v>13</v>
      </c>
      <c r="D13" s="14" t="s">
        <v>14</v>
      </c>
      <c r="E13" s="15">
        <v>45389</v>
      </c>
      <c r="F13" s="14" t="s">
        <v>15</v>
      </c>
      <c r="G13" s="16">
        <v>6.7868000639873777E-2</v>
      </c>
    </row>
    <row r="14" spans="1:10" x14ac:dyDescent="0.3">
      <c r="A14" s="13" t="s">
        <v>12</v>
      </c>
      <c r="B14" s="14" t="s">
        <v>1</v>
      </c>
      <c r="C14" s="14" t="s">
        <v>13</v>
      </c>
      <c r="D14" s="14" t="s">
        <v>14</v>
      </c>
      <c r="E14" s="15">
        <v>45390</v>
      </c>
      <c r="F14" s="14" t="s">
        <v>15</v>
      </c>
      <c r="G14" s="16">
        <v>8.32792370935974E-2</v>
      </c>
    </row>
    <row r="15" spans="1:10" x14ac:dyDescent="0.3">
      <c r="A15" s="13" t="s">
        <v>12</v>
      </c>
      <c r="B15" s="14" t="s">
        <v>1</v>
      </c>
      <c r="C15" s="14" t="s">
        <v>13</v>
      </c>
      <c r="D15" s="14" t="s">
        <v>14</v>
      </c>
      <c r="E15" s="15">
        <v>45391</v>
      </c>
      <c r="F15" s="14" t="s">
        <v>15</v>
      </c>
      <c r="G15" s="16">
        <v>0.10274960396953113</v>
      </c>
    </row>
    <row r="16" spans="1:10" x14ac:dyDescent="0.3">
      <c r="A16" s="13" t="s">
        <v>12</v>
      </c>
      <c r="B16" s="14" t="s">
        <v>1</v>
      </c>
      <c r="C16" s="14" t="s">
        <v>13</v>
      </c>
      <c r="D16" s="14" t="s">
        <v>14</v>
      </c>
      <c r="E16" s="15">
        <v>45392</v>
      </c>
      <c r="F16" s="14" t="s">
        <v>15</v>
      </c>
      <c r="G16" s="16">
        <v>0.10922805239385108</v>
      </c>
    </row>
    <row r="17" spans="1:7" x14ac:dyDescent="0.3">
      <c r="A17" s="13" t="s">
        <v>12</v>
      </c>
      <c r="B17" s="14" t="s">
        <v>1</v>
      </c>
      <c r="C17" s="14" t="s">
        <v>13</v>
      </c>
      <c r="D17" s="14" t="s">
        <v>14</v>
      </c>
      <c r="E17" s="15">
        <v>45393</v>
      </c>
      <c r="F17" s="14" t="s">
        <v>15</v>
      </c>
      <c r="G17" s="16">
        <v>0.115704765736226</v>
      </c>
    </row>
    <row r="18" spans="1:7" x14ac:dyDescent="0.3">
      <c r="A18" s="13" t="s">
        <v>12</v>
      </c>
      <c r="B18" s="14" t="s">
        <v>1</v>
      </c>
      <c r="C18" s="14" t="s">
        <v>13</v>
      </c>
      <c r="D18" s="14" t="s">
        <v>14</v>
      </c>
      <c r="E18" s="15">
        <v>45394</v>
      </c>
      <c r="F18" s="14" t="s">
        <v>15</v>
      </c>
      <c r="G18" s="16">
        <v>0.12221872998284912</v>
      </c>
    </row>
    <row r="19" spans="1:7" x14ac:dyDescent="0.3">
      <c r="A19" s="13" t="s">
        <v>12</v>
      </c>
      <c r="B19" s="14" t="s">
        <v>1</v>
      </c>
      <c r="C19" s="14" t="s">
        <v>13</v>
      </c>
      <c r="D19" s="14" t="s">
        <v>14</v>
      </c>
      <c r="E19" s="15">
        <v>45395</v>
      </c>
      <c r="F19" s="14" t="s">
        <v>15</v>
      </c>
      <c r="G19" s="16">
        <v>0.12221872998284912</v>
      </c>
    </row>
    <row r="20" spans="1:7" x14ac:dyDescent="0.3">
      <c r="A20" s="13" t="s">
        <v>12</v>
      </c>
      <c r="B20" s="14" t="s">
        <v>1</v>
      </c>
      <c r="C20" s="14" t="s">
        <v>13</v>
      </c>
      <c r="D20" s="14" t="s">
        <v>14</v>
      </c>
      <c r="E20" s="15">
        <v>45396</v>
      </c>
      <c r="F20" s="14" t="s">
        <v>15</v>
      </c>
      <c r="G20" s="16">
        <v>0.12221872998284912</v>
      </c>
    </row>
    <row r="21" spans="1:7" x14ac:dyDescent="0.3">
      <c r="A21" s="13" t="s">
        <v>12</v>
      </c>
      <c r="B21" s="14" t="s">
        <v>1</v>
      </c>
      <c r="C21" s="14" t="s">
        <v>13</v>
      </c>
      <c r="D21" s="14" t="s">
        <v>14</v>
      </c>
      <c r="E21" s="15">
        <v>45397</v>
      </c>
      <c r="F21" s="14" t="s">
        <v>15</v>
      </c>
      <c r="G21" s="16">
        <v>0.1287550812640775</v>
      </c>
    </row>
    <row r="22" spans="1:7" x14ac:dyDescent="0.3">
      <c r="A22" s="13" t="s">
        <v>12</v>
      </c>
      <c r="B22" s="14" t="s">
        <v>1</v>
      </c>
      <c r="C22" s="14" t="s">
        <v>13</v>
      </c>
      <c r="D22" s="14" t="s">
        <v>14</v>
      </c>
      <c r="E22" s="15">
        <v>45398</v>
      </c>
      <c r="F22" s="14" t="s">
        <v>15</v>
      </c>
      <c r="G22" s="16">
        <v>0.14849470888110189</v>
      </c>
    </row>
    <row r="23" spans="1:7" x14ac:dyDescent="0.3">
      <c r="A23" s="13" t="s">
        <v>12</v>
      </c>
      <c r="B23" s="14" t="s">
        <v>1</v>
      </c>
      <c r="C23" s="14" t="s">
        <v>13</v>
      </c>
      <c r="D23" s="14" t="s">
        <v>14</v>
      </c>
      <c r="E23" s="15">
        <v>45399</v>
      </c>
      <c r="F23" s="14" t="s">
        <v>15</v>
      </c>
      <c r="G23" s="16">
        <v>0.15509540233209285</v>
      </c>
    </row>
    <row r="24" spans="1:7" x14ac:dyDescent="0.3">
      <c r="A24" s="13" t="s">
        <v>12</v>
      </c>
      <c r="B24" s="14" t="s">
        <v>1</v>
      </c>
      <c r="C24" s="14" t="s">
        <v>13</v>
      </c>
      <c r="D24" s="14" t="s">
        <v>14</v>
      </c>
      <c r="E24" s="15">
        <v>45400</v>
      </c>
      <c r="F24" s="14" t="s">
        <v>15</v>
      </c>
      <c r="G24" s="16">
        <v>0.16065980864292059</v>
      </c>
    </row>
    <row r="25" spans="1:7" x14ac:dyDescent="0.3">
      <c r="A25" s="13" t="s">
        <v>12</v>
      </c>
      <c r="B25" s="14" t="s">
        <v>1</v>
      </c>
      <c r="C25" s="14" t="s">
        <v>13</v>
      </c>
      <c r="D25" s="14" t="s">
        <v>14</v>
      </c>
      <c r="E25" s="15">
        <v>45401</v>
      </c>
      <c r="F25" s="14" t="s">
        <v>15</v>
      </c>
      <c r="G25" s="16">
        <v>0.16711711588689762</v>
      </c>
    </row>
    <row r="26" spans="1:7" x14ac:dyDescent="0.3">
      <c r="A26" s="13" t="s">
        <v>12</v>
      </c>
      <c r="B26" s="14" t="s">
        <v>1</v>
      </c>
      <c r="C26" s="14" t="s">
        <v>13</v>
      </c>
      <c r="D26" s="14" t="s">
        <v>14</v>
      </c>
      <c r="E26" s="15">
        <v>45402</v>
      </c>
      <c r="F26" s="14" t="s">
        <v>15</v>
      </c>
      <c r="G26" s="16">
        <v>0.16711711588689762</v>
      </c>
    </row>
    <row r="27" spans="1:7" x14ac:dyDescent="0.3">
      <c r="A27" s="13" t="s">
        <v>12</v>
      </c>
      <c r="B27" s="14" t="s">
        <v>1</v>
      </c>
      <c r="C27" s="14" t="s">
        <v>13</v>
      </c>
      <c r="D27" s="14" t="s">
        <v>14</v>
      </c>
      <c r="E27" s="15">
        <v>45403</v>
      </c>
      <c r="F27" s="14" t="s">
        <v>15</v>
      </c>
      <c r="G27" s="16">
        <v>0.16711711588689762</v>
      </c>
    </row>
    <row r="28" spans="1:7" x14ac:dyDescent="0.3">
      <c r="A28" s="13" t="s">
        <v>12</v>
      </c>
      <c r="B28" s="14" t="s">
        <v>1</v>
      </c>
      <c r="C28" s="14" t="s">
        <v>13</v>
      </c>
      <c r="D28" s="14" t="s">
        <v>14</v>
      </c>
      <c r="E28" s="15">
        <v>45404</v>
      </c>
      <c r="F28" s="14" t="s">
        <v>15</v>
      </c>
      <c r="G28" s="16">
        <v>0.17343718115382573</v>
      </c>
    </row>
    <row r="29" spans="1:7" x14ac:dyDescent="0.3">
      <c r="A29" s="13" t="s">
        <v>12</v>
      </c>
      <c r="B29" s="14" t="s">
        <v>1</v>
      </c>
      <c r="C29" s="14" t="s">
        <v>13</v>
      </c>
      <c r="D29" s="14" t="s">
        <v>14</v>
      </c>
      <c r="E29" s="15">
        <v>45405</v>
      </c>
      <c r="F29" s="14" t="s">
        <v>15</v>
      </c>
      <c r="G29" s="16">
        <v>0.19284466491299107</v>
      </c>
    </row>
    <row r="30" spans="1:7" x14ac:dyDescent="0.3">
      <c r="A30" s="13" t="s">
        <v>12</v>
      </c>
      <c r="B30" s="14" t="s">
        <v>1</v>
      </c>
      <c r="C30" s="14" t="s">
        <v>13</v>
      </c>
      <c r="D30" s="14" t="s">
        <v>14</v>
      </c>
      <c r="E30" s="15">
        <v>45406</v>
      </c>
      <c r="F30" s="14" t="s">
        <v>15</v>
      </c>
      <c r="G30" s="16">
        <v>0.19927888251962766</v>
      </c>
    </row>
    <row r="31" spans="1:7" x14ac:dyDescent="0.3">
      <c r="A31" s="13" t="s">
        <v>12</v>
      </c>
      <c r="B31" s="14" t="s">
        <v>1</v>
      </c>
      <c r="C31" s="14" t="s">
        <v>13</v>
      </c>
      <c r="D31" s="14" t="s">
        <v>14</v>
      </c>
      <c r="E31" s="15">
        <v>45407</v>
      </c>
      <c r="F31" s="14" t="s">
        <v>15</v>
      </c>
      <c r="G31" s="16">
        <v>0.20567681641044361</v>
      </c>
    </row>
    <row r="32" spans="1:7" x14ac:dyDescent="0.3">
      <c r="A32" s="13" t="s">
        <v>12</v>
      </c>
      <c r="B32" s="14" t="s">
        <v>1</v>
      </c>
      <c r="C32" s="14" t="s">
        <v>13</v>
      </c>
      <c r="D32" s="14" t="s">
        <v>14</v>
      </c>
      <c r="E32" s="15">
        <v>45408</v>
      </c>
      <c r="F32" s="14" t="s">
        <v>15</v>
      </c>
      <c r="G32" s="16">
        <v>0.21241450821588245</v>
      </c>
    </row>
    <row r="33" spans="1:7" x14ac:dyDescent="0.3">
      <c r="A33" s="13" t="s">
        <v>12</v>
      </c>
      <c r="B33" s="14" t="s">
        <v>1</v>
      </c>
      <c r="C33" s="14" t="s">
        <v>13</v>
      </c>
      <c r="D33" s="14" t="s">
        <v>14</v>
      </c>
      <c r="E33" s="15">
        <v>45409</v>
      </c>
      <c r="F33" s="14" t="s">
        <v>15</v>
      </c>
      <c r="G33" s="16">
        <v>0.21241450821588245</v>
      </c>
    </row>
    <row r="34" spans="1:7" x14ac:dyDescent="0.3">
      <c r="A34" s="13" t="s">
        <v>12</v>
      </c>
      <c r="B34" s="14" t="s">
        <v>1</v>
      </c>
      <c r="C34" s="14" t="s">
        <v>13</v>
      </c>
      <c r="D34" s="14" t="s">
        <v>14</v>
      </c>
      <c r="E34" s="15">
        <v>45410</v>
      </c>
      <c r="F34" s="14" t="s">
        <v>15</v>
      </c>
      <c r="G34" s="16">
        <v>0.21241450821588245</v>
      </c>
    </row>
    <row r="35" spans="1:7" x14ac:dyDescent="0.3">
      <c r="A35" s="13" t="s">
        <v>12</v>
      </c>
      <c r="B35" s="14" t="s">
        <v>1</v>
      </c>
      <c r="C35" s="14" t="s">
        <v>13</v>
      </c>
      <c r="D35" s="14" t="s">
        <v>14</v>
      </c>
      <c r="E35" s="15">
        <v>45411</v>
      </c>
      <c r="F35" s="14" t="s">
        <v>15</v>
      </c>
      <c r="G35" s="16">
        <v>0.21882063239736485</v>
      </c>
    </row>
    <row r="36" spans="1:7" x14ac:dyDescent="0.3">
      <c r="A36" s="13" t="s">
        <v>12</v>
      </c>
      <c r="B36" s="14" t="s">
        <v>1</v>
      </c>
      <c r="C36" s="14" t="s">
        <v>13</v>
      </c>
      <c r="D36" s="14" t="s">
        <v>14</v>
      </c>
      <c r="E36" s="15">
        <v>45412</v>
      </c>
      <c r="F36" s="14" t="s">
        <v>15</v>
      </c>
      <c r="G36" s="16">
        <v>0.23802307526519678</v>
      </c>
    </row>
    <row r="37" spans="1:7" x14ac:dyDescent="0.3">
      <c r="A37" s="13" t="s">
        <v>12</v>
      </c>
      <c r="B37" s="14" t="s">
        <v>1</v>
      </c>
      <c r="C37" s="14" t="s">
        <v>13</v>
      </c>
      <c r="D37" s="14" t="s">
        <v>14</v>
      </c>
      <c r="E37" s="15">
        <v>45413</v>
      </c>
      <c r="F37" s="14" t="s">
        <v>15</v>
      </c>
      <c r="G37" s="16">
        <v>0.23802307526519678</v>
      </c>
    </row>
    <row r="38" spans="1:7" x14ac:dyDescent="0.3">
      <c r="A38" s="13" t="s">
        <v>12</v>
      </c>
      <c r="B38" s="14" t="s">
        <v>1</v>
      </c>
      <c r="C38" s="14" t="s">
        <v>13</v>
      </c>
      <c r="D38" s="14" t="s">
        <v>14</v>
      </c>
      <c r="E38" s="15">
        <v>45414</v>
      </c>
      <c r="F38" s="14" t="s">
        <v>15</v>
      </c>
      <c r="G38" s="16">
        <v>0.24434073428247646</v>
      </c>
    </row>
    <row r="39" spans="1:7" x14ac:dyDescent="0.3">
      <c r="A39" s="13" t="s">
        <v>12</v>
      </c>
      <c r="B39" s="14" t="s">
        <v>1</v>
      </c>
      <c r="C39" s="14" t="s">
        <v>13</v>
      </c>
      <c r="D39" s="14" t="s">
        <v>14</v>
      </c>
      <c r="E39" s="15">
        <v>45415</v>
      </c>
      <c r="F39" s="14" t="s">
        <v>15</v>
      </c>
      <c r="G39" s="16">
        <v>0.26719110441547012</v>
      </c>
    </row>
    <row r="40" spans="1:7" x14ac:dyDescent="0.3">
      <c r="A40" s="13" t="s">
        <v>12</v>
      </c>
      <c r="B40" s="14" t="s">
        <v>1</v>
      </c>
      <c r="C40" s="14" t="s">
        <v>13</v>
      </c>
      <c r="D40" s="14" t="s">
        <v>14</v>
      </c>
      <c r="E40" s="15">
        <v>45416</v>
      </c>
      <c r="F40" s="14" t="s">
        <v>15</v>
      </c>
      <c r="G40" s="16">
        <v>0.26719110441547012</v>
      </c>
    </row>
    <row r="41" spans="1:7" x14ac:dyDescent="0.3">
      <c r="A41" s="13" t="s">
        <v>12</v>
      </c>
      <c r="B41" s="14" t="s">
        <v>1</v>
      </c>
      <c r="C41" s="14" t="s">
        <v>13</v>
      </c>
      <c r="D41" s="14" t="s">
        <v>14</v>
      </c>
      <c r="E41" s="15">
        <v>45417</v>
      </c>
      <c r="F41" s="14" t="s">
        <v>15</v>
      </c>
      <c r="G41" s="16">
        <v>0.26719110441547012</v>
      </c>
    </row>
    <row r="42" spans="1:7" x14ac:dyDescent="0.3">
      <c r="A42" s="13" t="s">
        <v>12</v>
      </c>
      <c r="B42" s="14" t="s">
        <v>1</v>
      </c>
      <c r="C42" s="14" t="s">
        <v>13</v>
      </c>
      <c r="D42" s="14" t="s">
        <v>14</v>
      </c>
      <c r="E42" s="15">
        <v>45418</v>
      </c>
      <c r="F42" s="14" t="s">
        <v>15</v>
      </c>
      <c r="G42" s="16">
        <v>0.26719110441547012</v>
      </c>
    </row>
    <row r="43" spans="1:7" x14ac:dyDescent="0.3">
      <c r="A43" s="13" t="s">
        <v>12</v>
      </c>
      <c r="B43" s="14" t="s">
        <v>1</v>
      </c>
      <c r="C43" s="14" t="s">
        <v>13</v>
      </c>
      <c r="D43" s="14" t="s">
        <v>14</v>
      </c>
      <c r="E43" s="15">
        <v>45419</v>
      </c>
      <c r="F43" s="14" t="s">
        <v>15</v>
      </c>
      <c r="G43" s="16">
        <v>0.27365098738196753</v>
      </c>
    </row>
    <row r="44" spans="1:7" x14ac:dyDescent="0.3">
      <c r="A44" s="13" t="s">
        <v>12</v>
      </c>
      <c r="B44" s="14" t="s">
        <v>1</v>
      </c>
      <c r="C44" s="14" t="s">
        <v>13</v>
      </c>
      <c r="D44" s="14" t="s">
        <v>14</v>
      </c>
      <c r="E44" s="15">
        <v>45420</v>
      </c>
      <c r="F44" s="14" t="s">
        <v>15</v>
      </c>
      <c r="G44" s="16">
        <v>0.29931041531120117</v>
      </c>
    </row>
    <row r="45" spans="1:7" x14ac:dyDescent="0.3">
      <c r="A45" s="13" t="s">
        <v>12</v>
      </c>
      <c r="B45" s="14" t="s">
        <v>1</v>
      </c>
      <c r="C45" s="14" t="s">
        <v>13</v>
      </c>
      <c r="D45" s="14" t="s">
        <v>14</v>
      </c>
      <c r="E45" s="15">
        <v>45421</v>
      </c>
      <c r="F45" s="14" t="s">
        <v>15</v>
      </c>
      <c r="G45" s="16">
        <v>0.29931041531120117</v>
      </c>
    </row>
    <row r="46" spans="1:7" x14ac:dyDescent="0.3">
      <c r="A46" s="13" t="s">
        <v>12</v>
      </c>
      <c r="B46" s="14" t="s">
        <v>1</v>
      </c>
      <c r="C46" s="14" t="s">
        <v>13</v>
      </c>
      <c r="D46" s="14" t="s">
        <v>14</v>
      </c>
      <c r="E46" s="15">
        <v>45422</v>
      </c>
      <c r="F46" s="14" t="s">
        <v>15</v>
      </c>
      <c r="G46" s="16">
        <v>0.30566658290356152</v>
      </c>
    </row>
    <row r="47" spans="1:7" x14ac:dyDescent="0.3">
      <c r="A47" s="13" t="s">
        <v>12</v>
      </c>
      <c r="B47" s="14" t="s">
        <v>1</v>
      </c>
      <c r="C47" s="14" t="s">
        <v>13</v>
      </c>
      <c r="D47" s="14" t="s">
        <v>14</v>
      </c>
      <c r="E47" s="15">
        <v>45423</v>
      </c>
      <c r="F47" s="14" t="s">
        <v>15</v>
      </c>
      <c r="G47" s="16">
        <v>0.30566658290356152</v>
      </c>
    </row>
    <row r="48" spans="1:7" x14ac:dyDescent="0.3">
      <c r="A48" s="13" t="s">
        <v>12</v>
      </c>
      <c r="B48" s="14" t="s">
        <v>1</v>
      </c>
      <c r="C48" s="14" t="s">
        <v>13</v>
      </c>
      <c r="D48" s="14" t="s">
        <v>14</v>
      </c>
      <c r="E48" s="15">
        <v>45424</v>
      </c>
      <c r="F48" s="14" t="s">
        <v>15</v>
      </c>
      <c r="G48" s="16">
        <v>0.30566658290356152</v>
      </c>
    </row>
    <row r="49" spans="1:7" x14ac:dyDescent="0.3">
      <c r="A49" s="13" t="s">
        <v>12</v>
      </c>
      <c r="B49" s="14" t="s">
        <v>1</v>
      </c>
      <c r="C49" s="14" t="s">
        <v>13</v>
      </c>
      <c r="D49" s="14" t="s">
        <v>14</v>
      </c>
      <c r="E49" s="15">
        <v>45425</v>
      </c>
      <c r="F49" s="14" t="s">
        <v>15</v>
      </c>
      <c r="G49" s="16">
        <v>0.31862054031486603</v>
      </c>
    </row>
    <row r="50" spans="1:7" x14ac:dyDescent="0.3">
      <c r="A50" s="13" t="s">
        <v>12</v>
      </c>
      <c r="B50" s="14" t="s">
        <v>1</v>
      </c>
      <c r="C50" s="14" t="s">
        <v>13</v>
      </c>
      <c r="D50" s="14" t="s">
        <v>14</v>
      </c>
      <c r="E50" s="15">
        <v>45426</v>
      </c>
      <c r="F50" s="14" t="s">
        <v>15</v>
      </c>
      <c r="G50" s="16">
        <v>0.3463763448110303</v>
      </c>
    </row>
    <row r="51" spans="1:7" x14ac:dyDescent="0.3">
      <c r="A51" s="13" t="s">
        <v>12</v>
      </c>
      <c r="B51" s="14" t="s">
        <v>1</v>
      </c>
      <c r="C51" s="14" t="s">
        <v>13</v>
      </c>
      <c r="D51" s="14" t="s">
        <v>14</v>
      </c>
      <c r="E51" s="15">
        <v>45427</v>
      </c>
      <c r="F51" s="14" t="s">
        <v>15</v>
      </c>
      <c r="G51" s="16">
        <v>0.35231455701567999</v>
      </c>
    </row>
    <row r="52" spans="1:7" x14ac:dyDescent="0.3">
      <c r="A52" s="13" t="s">
        <v>12</v>
      </c>
      <c r="B52" s="14" t="s">
        <v>1</v>
      </c>
      <c r="C52" s="14" t="s">
        <v>13</v>
      </c>
      <c r="D52" s="14" t="s">
        <v>14</v>
      </c>
      <c r="E52" s="15">
        <v>45428</v>
      </c>
      <c r="F52" s="14" t="s">
        <v>15</v>
      </c>
      <c r="G52" s="16">
        <v>0.35824114821961239</v>
      </c>
    </row>
    <row r="53" spans="1:7" x14ac:dyDescent="0.3">
      <c r="A53" s="13" t="s">
        <v>12</v>
      </c>
      <c r="B53" s="14" t="s">
        <v>1</v>
      </c>
      <c r="C53" s="14" t="s">
        <v>13</v>
      </c>
      <c r="D53" s="14" t="s">
        <v>14</v>
      </c>
      <c r="E53" s="15">
        <v>45429</v>
      </c>
      <c r="F53" s="14" t="s">
        <v>15</v>
      </c>
      <c r="G53" s="16">
        <v>0.39206534938184517</v>
      </c>
    </row>
    <row r="54" spans="1:7" x14ac:dyDescent="0.3">
      <c r="A54" s="13" t="s">
        <v>12</v>
      </c>
      <c r="B54" s="14" t="s">
        <v>1</v>
      </c>
      <c r="C54" s="14" t="s">
        <v>13</v>
      </c>
      <c r="D54" s="14" t="s">
        <v>14</v>
      </c>
      <c r="E54" s="15">
        <v>45430</v>
      </c>
      <c r="F54" s="14" t="s">
        <v>15</v>
      </c>
      <c r="G54" s="16">
        <v>0.39206534938184517</v>
      </c>
    </row>
    <row r="55" spans="1:7" x14ac:dyDescent="0.3">
      <c r="A55" s="13" t="s">
        <v>12</v>
      </c>
      <c r="B55" s="14" t="s">
        <v>1</v>
      </c>
      <c r="C55" s="14" t="s">
        <v>13</v>
      </c>
      <c r="D55" s="14" t="s">
        <v>14</v>
      </c>
      <c r="E55" s="15">
        <v>45431</v>
      </c>
      <c r="F55" s="14" t="s">
        <v>15</v>
      </c>
      <c r="G55" s="16">
        <v>0.39206534938184517</v>
      </c>
    </row>
    <row r="56" spans="1:7" x14ac:dyDescent="0.3">
      <c r="A56" s="13" t="s">
        <v>12</v>
      </c>
      <c r="B56" s="14" t="s">
        <v>1</v>
      </c>
      <c r="C56" s="14" t="s">
        <v>13</v>
      </c>
      <c r="D56" s="14" t="s">
        <v>14</v>
      </c>
      <c r="E56" s="15">
        <v>45432</v>
      </c>
      <c r="F56" s="14" t="s">
        <v>15</v>
      </c>
      <c r="G56" s="16">
        <v>0.39206534938184517</v>
      </c>
    </row>
    <row r="57" spans="1:7" x14ac:dyDescent="0.3">
      <c r="A57" s="13" t="s">
        <v>12</v>
      </c>
      <c r="B57" s="14" t="s">
        <v>1</v>
      </c>
      <c r="C57" s="14" t="s">
        <v>13</v>
      </c>
      <c r="D57" s="14" t="s">
        <v>14</v>
      </c>
      <c r="E57" s="15">
        <v>45433</v>
      </c>
      <c r="F57" s="14" t="s">
        <v>15</v>
      </c>
      <c r="G57" s="16">
        <v>0.39829264222230026</v>
      </c>
    </row>
    <row r="58" spans="1:7" x14ac:dyDescent="0.3">
      <c r="A58" s="13" t="s">
        <v>12</v>
      </c>
      <c r="B58" s="14" t="s">
        <v>1</v>
      </c>
      <c r="C58" s="14" t="s">
        <v>13</v>
      </c>
      <c r="D58" s="14" t="s">
        <v>14</v>
      </c>
      <c r="E58" s="15">
        <v>45434</v>
      </c>
      <c r="F58" s="14" t="s">
        <v>15</v>
      </c>
      <c r="G58" s="16">
        <v>0.42301306303373098</v>
      </c>
    </row>
    <row r="59" spans="1:7" x14ac:dyDescent="0.3">
      <c r="A59" s="13" t="s">
        <v>12</v>
      </c>
      <c r="B59" s="14" t="s">
        <v>1</v>
      </c>
      <c r="C59" s="14" t="s">
        <v>13</v>
      </c>
      <c r="D59" s="14" t="s">
        <v>14</v>
      </c>
      <c r="E59" s="15">
        <v>45435</v>
      </c>
      <c r="F59" s="14" t="s">
        <v>15</v>
      </c>
      <c r="G59" s="16">
        <v>0.47468382238728996</v>
      </c>
    </row>
    <row r="60" spans="1:7" x14ac:dyDescent="0.3">
      <c r="A60" s="13" t="s">
        <v>12</v>
      </c>
      <c r="B60" s="14" t="s">
        <v>1</v>
      </c>
      <c r="C60" s="14" t="s">
        <v>13</v>
      </c>
      <c r="D60" s="14" t="s">
        <v>14</v>
      </c>
      <c r="E60" s="15">
        <v>45436</v>
      </c>
      <c r="F60" s="14" t="s">
        <v>15</v>
      </c>
      <c r="G60" s="16">
        <v>0.48091798027969657</v>
      </c>
    </row>
    <row r="61" spans="1:7" x14ac:dyDescent="0.3">
      <c r="A61" s="13" t="s">
        <v>12</v>
      </c>
      <c r="B61" s="14" t="s">
        <v>1</v>
      </c>
      <c r="C61" s="14" t="s">
        <v>13</v>
      </c>
      <c r="D61" s="14" t="s">
        <v>14</v>
      </c>
      <c r="E61" s="15">
        <v>45437</v>
      </c>
      <c r="F61" s="14" t="s">
        <v>15</v>
      </c>
      <c r="G61" s="16">
        <v>0.48091798027969657</v>
      </c>
    </row>
    <row r="62" spans="1:7" x14ac:dyDescent="0.3">
      <c r="A62" s="13" t="s">
        <v>12</v>
      </c>
      <c r="B62" s="14" t="s">
        <v>1</v>
      </c>
      <c r="C62" s="14" t="s">
        <v>13</v>
      </c>
      <c r="D62" s="14" t="s">
        <v>14</v>
      </c>
      <c r="E62" s="15">
        <v>45438</v>
      </c>
      <c r="F62" s="14" t="s">
        <v>15</v>
      </c>
      <c r="G62" s="16">
        <v>0.48091798027969657</v>
      </c>
    </row>
    <row r="63" spans="1:7" x14ac:dyDescent="0.3">
      <c r="A63" s="13" t="s">
        <v>12</v>
      </c>
      <c r="B63" s="14" t="s">
        <v>1</v>
      </c>
      <c r="C63" s="14" t="s">
        <v>13</v>
      </c>
      <c r="D63" s="14" t="s">
        <v>14</v>
      </c>
      <c r="E63" s="15">
        <v>45439</v>
      </c>
      <c r="F63" s="14" t="s">
        <v>15</v>
      </c>
      <c r="G63" s="16">
        <v>0.48717880982664447</v>
      </c>
    </row>
    <row r="64" spans="1:7" x14ac:dyDescent="0.3">
      <c r="A64" s="13" t="s">
        <v>12</v>
      </c>
      <c r="B64" s="14" t="s">
        <v>1</v>
      </c>
      <c r="C64" s="14" t="s">
        <v>13</v>
      </c>
      <c r="D64" s="14" t="s">
        <v>14</v>
      </c>
      <c r="E64" s="15">
        <v>45440</v>
      </c>
      <c r="F64" s="14" t="s">
        <v>15</v>
      </c>
      <c r="G64" s="16">
        <v>0.50596560980411964</v>
      </c>
    </row>
    <row r="65" spans="1:7" x14ac:dyDescent="0.3">
      <c r="A65" s="13" t="s">
        <v>12</v>
      </c>
      <c r="B65" s="14" t="s">
        <v>1</v>
      </c>
      <c r="C65" s="14" t="s">
        <v>13</v>
      </c>
      <c r="D65" s="14" t="s">
        <v>14</v>
      </c>
      <c r="E65" s="15">
        <v>45441</v>
      </c>
      <c r="F65" s="14" t="s">
        <v>15</v>
      </c>
      <c r="G65" s="16">
        <v>0.51283427469175324</v>
      </c>
    </row>
    <row r="66" spans="1:7" x14ac:dyDescent="0.3">
      <c r="A66" s="13" t="s">
        <v>12</v>
      </c>
      <c r="B66" s="14" t="s">
        <v>1</v>
      </c>
      <c r="C66" s="14" t="s">
        <v>13</v>
      </c>
      <c r="D66" s="14" t="s">
        <v>14</v>
      </c>
      <c r="E66" s="15">
        <v>45442</v>
      </c>
      <c r="F66" s="14" t="s">
        <v>15</v>
      </c>
      <c r="G66" s="16">
        <v>0.51911623092371384</v>
      </c>
    </row>
    <row r="67" spans="1:7" x14ac:dyDescent="0.3">
      <c r="A67" s="13" t="s">
        <v>12</v>
      </c>
      <c r="B67" s="14" t="s">
        <v>1</v>
      </c>
      <c r="C67" s="14" t="s">
        <v>13</v>
      </c>
      <c r="D67" s="14" t="s">
        <v>14</v>
      </c>
      <c r="E67" s="15">
        <v>45443</v>
      </c>
      <c r="F67" s="14" t="s">
        <v>15</v>
      </c>
      <c r="G67" s="16">
        <v>0.52543468324611753</v>
      </c>
    </row>
    <row r="68" spans="1:7" x14ac:dyDescent="0.3">
      <c r="A68" s="13" t="s">
        <v>12</v>
      </c>
      <c r="B68" s="14" t="s">
        <v>1</v>
      </c>
      <c r="C68" s="14" t="s">
        <v>13</v>
      </c>
      <c r="D68" s="14" t="s">
        <v>14</v>
      </c>
      <c r="E68" s="15">
        <v>45444</v>
      </c>
      <c r="F68" s="14" t="s">
        <v>15</v>
      </c>
      <c r="G68" s="16">
        <v>0.52543468324611753</v>
      </c>
    </row>
    <row r="69" spans="1:7" x14ac:dyDescent="0.3">
      <c r="A69" s="13" t="s">
        <v>12</v>
      </c>
      <c r="B69" s="14" t="s">
        <v>1</v>
      </c>
      <c r="C69" s="14" t="s">
        <v>13</v>
      </c>
      <c r="D69" s="14" t="s">
        <v>14</v>
      </c>
      <c r="E69" s="15">
        <v>45445</v>
      </c>
      <c r="F69" s="14" t="s">
        <v>15</v>
      </c>
      <c r="G69" s="16">
        <v>0.52543468324611753</v>
      </c>
    </row>
    <row r="70" spans="1:7" x14ac:dyDescent="0.3">
      <c r="A70" s="13" t="s">
        <v>12</v>
      </c>
      <c r="B70" s="14" t="s">
        <v>1</v>
      </c>
      <c r="C70" s="14" t="s">
        <v>13</v>
      </c>
      <c r="D70" s="14" t="s">
        <v>14</v>
      </c>
      <c r="E70" s="15">
        <v>45446</v>
      </c>
      <c r="F70" s="14" t="s">
        <v>15</v>
      </c>
      <c r="G70" s="16">
        <v>0.52543468324611753</v>
      </c>
    </row>
    <row r="71" spans="1:7" x14ac:dyDescent="0.3">
      <c r="A71" s="13" t="s">
        <v>12</v>
      </c>
      <c r="B71" s="14" t="s">
        <v>1</v>
      </c>
      <c r="C71" s="14" t="s">
        <v>13</v>
      </c>
      <c r="D71" s="14" t="s">
        <v>14</v>
      </c>
      <c r="E71" s="15">
        <v>45447</v>
      </c>
      <c r="F71" s="14" t="s">
        <v>15</v>
      </c>
      <c r="G71" s="16">
        <v>0.53171723210401989</v>
      </c>
    </row>
    <row r="72" spans="1:7" x14ac:dyDescent="0.3">
      <c r="A72" s="13" t="s">
        <v>12</v>
      </c>
      <c r="B72" s="14" t="s">
        <v>1</v>
      </c>
      <c r="C72" s="14" t="s">
        <v>13</v>
      </c>
      <c r="D72" s="14" t="s">
        <v>14</v>
      </c>
      <c r="E72" s="15">
        <v>45448</v>
      </c>
      <c r="F72" s="14" t="s">
        <v>15</v>
      </c>
      <c r="G72" s="16">
        <v>0.5605316748782897</v>
      </c>
    </row>
    <row r="73" spans="1:7" x14ac:dyDescent="0.3">
      <c r="A73" s="13" t="s">
        <v>12</v>
      </c>
      <c r="B73" s="14" t="s">
        <v>1</v>
      </c>
      <c r="C73" s="14" t="s">
        <v>13</v>
      </c>
      <c r="D73" s="14" t="s">
        <v>14</v>
      </c>
      <c r="E73" s="15">
        <v>45449</v>
      </c>
      <c r="F73" s="14" t="s">
        <v>15</v>
      </c>
      <c r="G73" s="16">
        <v>0.56665084976918823</v>
      </c>
    </row>
    <row r="74" spans="1:7" x14ac:dyDescent="0.3">
      <c r="A74" s="13" t="s">
        <v>12</v>
      </c>
      <c r="B74" s="14" t="s">
        <v>1</v>
      </c>
      <c r="C74" s="14" t="s">
        <v>13</v>
      </c>
      <c r="D74" s="14" t="s">
        <v>14</v>
      </c>
      <c r="E74" s="15">
        <v>45450</v>
      </c>
      <c r="F74" s="14" t="s">
        <v>15</v>
      </c>
      <c r="G74" s="16">
        <v>0.57273667606344791</v>
      </c>
    </row>
    <row r="75" spans="1:7" x14ac:dyDescent="0.3">
      <c r="A75" s="13" t="s">
        <v>12</v>
      </c>
      <c r="B75" s="14" t="s">
        <v>1</v>
      </c>
      <c r="C75" s="14" t="s">
        <v>13</v>
      </c>
      <c r="D75" s="14" t="s">
        <v>14</v>
      </c>
      <c r="E75" s="15">
        <v>45451</v>
      </c>
      <c r="F75" s="14" t="s">
        <v>15</v>
      </c>
      <c r="G75" s="16">
        <v>0.57273667606344791</v>
      </c>
    </row>
    <row r="76" spans="1:7" x14ac:dyDescent="0.3">
      <c r="A76" s="13" t="s">
        <v>12</v>
      </c>
      <c r="B76" s="14" t="s">
        <v>1</v>
      </c>
      <c r="C76" s="14" t="s">
        <v>13</v>
      </c>
      <c r="D76" s="14" t="s">
        <v>14</v>
      </c>
      <c r="E76" s="15">
        <v>45452</v>
      </c>
      <c r="F76" s="14" t="s">
        <v>15</v>
      </c>
      <c r="G76" s="16">
        <v>0.57273667606344791</v>
      </c>
    </row>
    <row r="77" spans="1:7" x14ac:dyDescent="0.3">
      <c r="A77" s="13" t="s">
        <v>12</v>
      </c>
      <c r="B77" s="14" t="s">
        <v>1</v>
      </c>
      <c r="C77" s="14" t="s">
        <v>13</v>
      </c>
      <c r="D77" s="14" t="s">
        <v>14</v>
      </c>
      <c r="E77" s="15">
        <v>45453</v>
      </c>
      <c r="F77" s="14" t="s">
        <v>15</v>
      </c>
      <c r="G77" s="16">
        <v>0.57894038669587045</v>
      </c>
    </row>
    <row r="78" spans="1:7" x14ac:dyDescent="0.3">
      <c r="A78" s="13" t="s">
        <v>12</v>
      </c>
      <c r="B78" s="14" t="s">
        <v>1</v>
      </c>
      <c r="C78" s="14" t="s">
        <v>13</v>
      </c>
      <c r="D78" s="14" t="s">
        <v>14</v>
      </c>
      <c r="E78" s="15">
        <v>45454</v>
      </c>
      <c r="F78" s="14" t="s">
        <v>15</v>
      </c>
      <c r="G78" s="16">
        <v>0.59741986794724755</v>
      </c>
    </row>
    <row r="79" spans="1:7" x14ac:dyDescent="0.3">
      <c r="A79" s="13" t="s">
        <v>12</v>
      </c>
      <c r="B79" s="14" t="s">
        <v>1</v>
      </c>
      <c r="C79" s="14" t="s">
        <v>13</v>
      </c>
      <c r="D79" s="14" t="s">
        <v>14</v>
      </c>
      <c r="E79" s="15">
        <v>45455</v>
      </c>
      <c r="F79" s="14" t="s">
        <v>15</v>
      </c>
      <c r="G79" s="16">
        <v>0.60355922902867054</v>
      </c>
    </row>
    <row r="80" spans="1:7" x14ac:dyDescent="0.3">
      <c r="A80" s="13" t="s">
        <v>12</v>
      </c>
      <c r="B80" s="14" t="s">
        <v>1</v>
      </c>
      <c r="C80" s="14" t="s">
        <v>13</v>
      </c>
      <c r="D80" s="14" t="s">
        <v>14</v>
      </c>
      <c r="E80" s="15">
        <v>45456</v>
      </c>
      <c r="F80" s="14" t="s">
        <v>15</v>
      </c>
      <c r="G80" s="16">
        <v>0.60972490236450849</v>
      </c>
    </row>
    <row r="81" spans="1:7" x14ac:dyDescent="0.3">
      <c r="A81" s="13" t="s">
        <v>12</v>
      </c>
      <c r="B81" s="14" t="s">
        <v>1</v>
      </c>
      <c r="C81" s="14" t="s">
        <v>13</v>
      </c>
      <c r="D81" s="14" t="s">
        <v>14</v>
      </c>
      <c r="E81" s="15">
        <v>45457</v>
      </c>
      <c r="F81" s="14" t="s">
        <v>15</v>
      </c>
      <c r="G81" s="16">
        <v>0.6847083032657586</v>
      </c>
    </row>
    <row r="82" spans="1:7" x14ac:dyDescent="0.3">
      <c r="A82" s="13" t="s">
        <v>12</v>
      </c>
      <c r="B82" s="14" t="s">
        <v>1</v>
      </c>
      <c r="C82" s="14" t="s">
        <v>13</v>
      </c>
      <c r="D82" s="14" t="s">
        <v>14</v>
      </c>
      <c r="E82" s="15">
        <v>45458</v>
      </c>
      <c r="F82" s="14" t="s">
        <v>15</v>
      </c>
      <c r="G82" s="16">
        <v>0.6847083032657586</v>
      </c>
    </row>
    <row r="83" spans="1:7" x14ac:dyDescent="0.3">
      <c r="A83" s="13" t="s">
        <v>12</v>
      </c>
      <c r="B83" s="14" t="s">
        <v>1</v>
      </c>
      <c r="C83" s="14" t="s">
        <v>13</v>
      </c>
      <c r="D83" s="14" t="s">
        <v>14</v>
      </c>
      <c r="E83" s="15">
        <v>45459</v>
      </c>
      <c r="F83" s="14" t="s">
        <v>15</v>
      </c>
      <c r="G83" s="16">
        <v>0.6847083032657586</v>
      </c>
    </row>
    <row r="84" spans="1:7" x14ac:dyDescent="0.3">
      <c r="A84" s="13" t="s">
        <v>12</v>
      </c>
      <c r="B84" s="14" t="s">
        <v>1</v>
      </c>
      <c r="C84" s="14" t="s">
        <v>13</v>
      </c>
      <c r="D84" s="14" t="s">
        <v>14</v>
      </c>
      <c r="E84" s="15">
        <v>45460</v>
      </c>
      <c r="F84" s="14" t="s">
        <v>15</v>
      </c>
      <c r="G84" s="16">
        <v>0.6907650977212757</v>
      </c>
    </row>
    <row r="85" spans="1:7" x14ac:dyDescent="0.3">
      <c r="A85" s="13" t="s">
        <v>12</v>
      </c>
      <c r="B85" s="14" t="s">
        <v>1</v>
      </c>
      <c r="C85" s="14" t="s">
        <v>13</v>
      </c>
      <c r="D85" s="14" t="s">
        <v>14</v>
      </c>
      <c r="E85" s="15">
        <v>45461</v>
      </c>
      <c r="F85" s="14" t="s">
        <v>15</v>
      </c>
      <c r="G85" s="16">
        <v>0.70915941792984671</v>
      </c>
    </row>
    <row r="86" spans="1:7" x14ac:dyDescent="0.3">
      <c r="A86" s="13" t="s">
        <v>12</v>
      </c>
      <c r="B86" s="14" t="s">
        <v>1</v>
      </c>
      <c r="C86" s="14" t="s">
        <v>13</v>
      </c>
      <c r="D86" s="14" t="s">
        <v>14</v>
      </c>
      <c r="E86" s="15">
        <v>45462</v>
      </c>
      <c r="F86" s="14" t="s">
        <v>15</v>
      </c>
      <c r="G86" s="16">
        <v>0.71527259921121389</v>
      </c>
    </row>
    <row r="87" spans="1:7" x14ac:dyDescent="0.3">
      <c r="A87" s="13" t="s">
        <v>12</v>
      </c>
      <c r="B87" s="14" t="s">
        <v>1</v>
      </c>
      <c r="C87" s="14" t="s">
        <v>13</v>
      </c>
      <c r="D87" s="14" t="s">
        <v>14</v>
      </c>
      <c r="E87" s="15">
        <v>45463</v>
      </c>
      <c r="F87" s="14" t="s">
        <v>15</v>
      </c>
      <c r="G87" s="16">
        <v>0.7213756354188926</v>
      </c>
    </row>
    <row r="88" spans="1:7" x14ac:dyDescent="0.3">
      <c r="A88" s="13" t="s">
        <v>12</v>
      </c>
      <c r="B88" s="14" t="s">
        <v>1</v>
      </c>
      <c r="C88" s="14" t="s">
        <v>13</v>
      </c>
      <c r="D88" s="14" t="s">
        <v>14</v>
      </c>
      <c r="E88" s="15">
        <v>45464</v>
      </c>
      <c r="F88" s="14" t="s">
        <v>15</v>
      </c>
      <c r="G88" s="16">
        <v>0.72744416510567134</v>
      </c>
    </row>
    <row r="89" spans="1:7" x14ac:dyDescent="0.3">
      <c r="A89" s="13" t="s">
        <v>12</v>
      </c>
      <c r="B89" s="14" t="s">
        <v>1</v>
      </c>
      <c r="C89" s="14" t="s">
        <v>13</v>
      </c>
      <c r="D89" s="14" t="s">
        <v>14</v>
      </c>
      <c r="E89" s="15">
        <v>45465</v>
      </c>
      <c r="F89" s="14" t="s">
        <v>15</v>
      </c>
      <c r="G89" s="16">
        <v>0.72744416510567134</v>
      </c>
    </row>
    <row r="90" spans="1:7" x14ac:dyDescent="0.3">
      <c r="A90" s="13" t="s">
        <v>12</v>
      </c>
      <c r="B90" s="14" t="s">
        <v>1</v>
      </c>
      <c r="C90" s="14" t="s">
        <v>13</v>
      </c>
      <c r="D90" s="14" t="s">
        <v>14</v>
      </c>
      <c r="E90" s="15">
        <v>45466</v>
      </c>
      <c r="F90" s="14" t="s">
        <v>15</v>
      </c>
      <c r="G90" s="16">
        <v>0.72744416510567134</v>
      </c>
    </row>
    <row r="91" spans="1:7" x14ac:dyDescent="0.3">
      <c r="A91" s="13" t="s">
        <v>12</v>
      </c>
      <c r="B91" s="14" t="s">
        <v>1</v>
      </c>
      <c r="C91" s="14" t="s">
        <v>13</v>
      </c>
      <c r="D91" s="14" t="s">
        <v>14</v>
      </c>
      <c r="E91" s="15">
        <v>45467</v>
      </c>
      <c r="F91" s="14" t="s">
        <v>15</v>
      </c>
      <c r="G91" s="16">
        <v>0.74861952480770733</v>
      </c>
    </row>
    <row r="92" spans="1:7" x14ac:dyDescent="0.3">
      <c r="A92" s="13" t="s">
        <v>12</v>
      </c>
      <c r="B92" s="14" t="s">
        <v>1</v>
      </c>
      <c r="C92" s="14" t="s">
        <v>13</v>
      </c>
      <c r="D92" s="14" t="s">
        <v>14</v>
      </c>
      <c r="E92" s="15">
        <v>45468</v>
      </c>
      <c r="F92" s="14" t="s">
        <v>15</v>
      </c>
      <c r="G92" s="16">
        <v>0.76676197016784298</v>
      </c>
    </row>
    <row r="93" spans="1:7" x14ac:dyDescent="0.3">
      <c r="A93" s="13" t="s">
        <v>12</v>
      </c>
      <c r="B93" s="14" t="s">
        <v>1</v>
      </c>
      <c r="C93" s="14" t="s">
        <v>13</v>
      </c>
      <c r="D93" s="14" t="s">
        <v>14</v>
      </c>
      <c r="E93" s="15">
        <v>45469</v>
      </c>
      <c r="F93" s="14" t="s">
        <v>15</v>
      </c>
      <c r="G93" s="16">
        <v>0.77279385511622689</v>
      </c>
    </row>
    <row r="94" spans="1:7" x14ac:dyDescent="0.3">
      <c r="A94" s="13" t="s">
        <v>12</v>
      </c>
      <c r="B94" s="14" t="s">
        <v>1</v>
      </c>
      <c r="C94" s="14" t="s">
        <v>13</v>
      </c>
      <c r="D94" s="14" t="s">
        <v>14</v>
      </c>
      <c r="E94" s="15">
        <v>45470</v>
      </c>
      <c r="F94" s="14" t="s">
        <v>15</v>
      </c>
      <c r="G94" s="16">
        <v>0.77882027594829872</v>
      </c>
    </row>
    <row r="95" spans="1:7" x14ac:dyDescent="0.3">
      <c r="A95" s="13" t="s">
        <v>12</v>
      </c>
      <c r="B95" s="14" t="s">
        <v>1</v>
      </c>
      <c r="C95" s="14" t="s">
        <v>13</v>
      </c>
      <c r="D95" s="14" t="s">
        <v>14</v>
      </c>
      <c r="E95" s="15">
        <v>45471</v>
      </c>
      <c r="F95" s="14" t="s">
        <v>15</v>
      </c>
      <c r="G95" s="16">
        <v>0.78315791700065995</v>
      </c>
    </row>
    <row r="96" spans="1:7" x14ac:dyDescent="0.3">
      <c r="A96" s="13" t="s">
        <v>12</v>
      </c>
      <c r="B96" s="14" t="s">
        <v>1</v>
      </c>
      <c r="C96" s="14" t="s">
        <v>13</v>
      </c>
      <c r="D96" s="14" t="s">
        <v>14</v>
      </c>
      <c r="E96" s="15">
        <v>45472</v>
      </c>
      <c r="F96" s="14" t="s">
        <v>15</v>
      </c>
      <c r="G96" s="16">
        <v>0.78315791700065995</v>
      </c>
    </row>
    <row r="97" spans="1:7" x14ac:dyDescent="0.3">
      <c r="A97" s="13" t="s">
        <v>12</v>
      </c>
      <c r="B97" s="14" t="s">
        <v>1</v>
      </c>
      <c r="C97" s="14" t="s">
        <v>13</v>
      </c>
      <c r="D97" s="14" t="s">
        <v>14</v>
      </c>
      <c r="E97" s="15">
        <v>45473</v>
      </c>
      <c r="F97" s="14" t="s">
        <v>15</v>
      </c>
      <c r="G97" s="16">
        <v>0.78315791700065995</v>
      </c>
    </row>
    <row r="98" spans="1:7" x14ac:dyDescent="0.3">
      <c r="A98" s="13" t="s">
        <v>12</v>
      </c>
      <c r="B98" s="14" t="s">
        <v>1</v>
      </c>
      <c r="C98" s="14" t="s">
        <v>13</v>
      </c>
      <c r="D98" s="14" t="s">
        <v>14</v>
      </c>
      <c r="E98" s="15">
        <v>45474</v>
      </c>
      <c r="F98" s="14" t="s">
        <v>15</v>
      </c>
      <c r="G98" s="16">
        <v>0.78919383174954494</v>
      </c>
    </row>
    <row r="99" spans="1:7" x14ac:dyDescent="0.3">
      <c r="A99" s="13" t="s">
        <v>12</v>
      </c>
      <c r="B99" s="14" t="s">
        <v>1</v>
      </c>
      <c r="C99" s="14" t="s">
        <v>13</v>
      </c>
      <c r="D99" s="14" t="s">
        <v>14</v>
      </c>
      <c r="E99" s="15">
        <v>45475</v>
      </c>
      <c r="F99" s="14" t="s">
        <v>15</v>
      </c>
      <c r="G99" s="16">
        <v>0.8182153547532659</v>
      </c>
    </row>
    <row r="100" spans="1:7" x14ac:dyDescent="0.3">
      <c r="A100" s="13" t="s">
        <v>12</v>
      </c>
      <c r="B100" s="14" t="s">
        <v>1</v>
      </c>
      <c r="C100" s="14" t="s">
        <v>13</v>
      </c>
      <c r="D100" s="14" t="s">
        <v>14</v>
      </c>
      <c r="E100" s="15">
        <v>45476</v>
      </c>
      <c r="F100" s="14" t="s">
        <v>15</v>
      </c>
      <c r="G100" s="16">
        <v>0.82307409345486104</v>
      </c>
    </row>
    <row r="101" spans="1:7" x14ac:dyDescent="0.3">
      <c r="A101" s="13" t="s">
        <v>12</v>
      </c>
      <c r="B101" s="14" t="s">
        <v>1</v>
      </c>
      <c r="C101" s="14" t="s">
        <v>13</v>
      </c>
      <c r="D101" s="14" t="s">
        <v>14</v>
      </c>
      <c r="E101" s="15">
        <v>45477</v>
      </c>
      <c r="F101" s="14" t="s">
        <v>15</v>
      </c>
      <c r="G101" s="16">
        <v>0.82869975029236642</v>
      </c>
    </row>
    <row r="102" spans="1:7" x14ac:dyDescent="0.3">
      <c r="A102" s="13" t="s">
        <v>12</v>
      </c>
      <c r="B102" s="14" t="s">
        <v>1</v>
      </c>
      <c r="C102" s="14" t="s">
        <v>13</v>
      </c>
      <c r="D102" s="14" t="s">
        <v>14</v>
      </c>
      <c r="E102" s="15">
        <v>45478</v>
      </c>
      <c r="F102" s="14" t="s">
        <v>15</v>
      </c>
      <c r="G102" s="16">
        <v>0.83458562128168956</v>
      </c>
    </row>
    <row r="103" spans="1:7" x14ac:dyDescent="0.3">
      <c r="A103" s="13" t="s">
        <v>12</v>
      </c>
      <c r="B103" s="14" t="s">
        <v>1</v>
      </c>
      <c r="C103" s="14" t="s">
        <v>13</v>
      </c>
      <c r="D103" s="14" t="s">
        <v>14</v>
      </c>
      <c r="E103" s="15">
        <v>45479</v>
      </c>
      <c r="F103" s="14" t="s">
        <v>15</v>
      </c>
      <c r="G103" s="16">
        <v>0.83458562128168956</v>
      </c>
    </row>
    <row r="104" spans="1:7" x14ac:dyDescent="0.3">
      <c r="A104" s="13" t="s">
        <v>12</v>
      </c>
      <c r="B104" s="14" t="s">
        <v>1</v>
      </c>
      <c r="C104" s="14" t="s">
        <v>13</v>
      </c>
      <c r="D104" s="14" t="s">
        <v>14</v>
      </c>
      <c r="E104" s="15">
        <v>45480</v>
      </c>
      <c r="F104" s="14" t="s">
        <v>15</v>
      </c>
      <c r="G104" s="16">
        <v>0.83458562128168956</v>
      </c>
    </row>
    <row r="105" spans="1:7" x14ac:dyDescent="0.3">
      <c r="A105" s="13" t="s">
        <v>12</v>
      </c>
      <c r="B105" s="14" t="s">
        <v>1</v>
      </c>
      <c r="C105" s="14" t="s">
        <v>13</v>
      </c>
      <c r="D105" s="14" t="s">
        <v>14</v>
      </c>
      <c r="E105" s="15">
        <v>45481</v>
      </c>
      <c r="F105" s="14" t="s">
        <v>15</v>
      </c>
      <c r="G105" s="16">
        <v>0.84028398188820574</v>
      </c>
    </row>
    <row r="106" spans="1:7" x14ac:dyDescent="0.3">
      <c r="A106" s="13" t="s">
        <v>12</v>
      </c>
      <c r="B106" s="14" t="s">
        <v>1</v>
      </c>
      <c r="C106" s="14" t="s">
        <v>13</v>
      </c>
      <c r="D106" s="14" t="s">
        <v>14</v>
      </c>
      <c r="E106" s="15">
        <v>45482</v>
      </c>
      <c r="F106" s="14" t="s">
        <v>15</v>
      </c>
      <c r="G106" s="16">
        <v>0.8580620324024596</v>
      </c>
    </row>
    <row r="107" spans="1:7" x14ac:dyDescent="0.3">
      <c r="A107" s="13" t="s">
        <v>12</v>
      </c>
      <c r="B107" s="14" t="s">
        <v>1</v>
      </c>
      <c r="C107" s="14" t="s">
        <v>13</v>
      </c>
      <c r="D107" s="14" t="s">
        <v>14</v>
      </c>
      <c r="E107" s="15">
        <v>45483</v>
      </c>
      <c r="F107" s="14" t="s">
        <v>15</v>
      </c>
      <c r="G107" s="16">
        <v>0.87247102787508535</v>
      </c>
    </row>
    <row r="108" spans="1:7" x14ac:dyDescent="0.3">
      <c r="A108" s="13" t="s">
        <v>12</v>
      </c>
      <c r="B108" s="14" t="s">
        <v>1</v>
      </c>
      <c r="C108" s="14" t="s">
        <v>13</v>
      </c>
      <c r="D108" s="14" t="s">
        <v>14</v>
      </c>
      <c r="E108" s="15">
        <v>45484</v>
      </c>
      <c r="F108" s="14" t="s">
        <v>15</v>
      </c>
      <c r="G108" s="16">
        <v>0.87829932855176496</v>
      </c>
    </row>
    <row r="109" spans="1:7" x14ac:dyDescent="0.3">
      <c r="A109" s="13" t="s">
        <v>12</v>
      </c>
      <c r="B109" s="14" t="s">
        <v>1</v>
      </c>
      <c r="C109" s="14" t="s">
        <v>13</v>
      </c>
      <c r="D109" s="14" t="s">
        <v>14</v>
      </c>
      <c r="E109" s="15">
        <v>45485</v>
      </c>
      <c r="F109" s="14" t="s">
        <v>15</v>
      </c>
      <c r="G109" s="16">
        <v>0.90048166555909881</v>
      </c>
    </row>
    <row r="110" spans="1:7" x14ac:dyDescent="0.3">
      <c r="A110" s="13" t="s">
        <v>12</v>
      </c>
      <c r="B110" s="14" t="s">
        <v>1</v>
      </c>
      <c r="C110" s="14" t="s">
        <v>13</v>
      </c>
      <c r="D110" s="14" t="s">
        <v>14</v>
      </c>
      <c r="E110" s="15">
        <v>45486</v>
      </c>
      <c r="F110" s="14" t="s">
        <v>15</v>
      </c>
      <c r="G110" s="16">
        <v>0.90048166555909881</v>
      </c>
    </row>
    <row r="111" spans="1:7" x14ac:dyDescent="0.3">
      <c r="A111" s="13" t="s">
        <v>12</v>
      </c>
      <c r="B111" s="14" t="s">
        <v>1</v>
      </c>
      <c r="C111" s="14" t="s">
        <v>13</v>
      </c>
      <c r="D111" s="14" t="s">
        <v>14</v>
      </c>
      <c r="E111" s="15">
        <v>45487</v>
      </c>
      <c r="F111" s="14" t="s">
        <v>15</v>
      </c>
      <c r="G111" s="16">
        <v>0.90048166555909881</v>
      </c>
    </row>
    <row r="112" spans="1:7" x14ac:dyDescent="0.3">
      <c r="A112" s="13" t="s">
        <v>12</v>
      </c>
      <c r="B112" s="14" t="s">
        <v>1</v>
      </c>
      <c r="C112" s="14" t="s">
        <v>13</v>
      </c>
      <c r="D112" s="14" t="s">
        <v>14</v>
      </c>
      <c r="E112" s="15">
        <v>45488</v>
      </c>
      <c r="F112" s="14" t="s">
        <v>15</v>
      </c>
      <c r="G112" s="16">
        <v>0.906280672833229</v>
      </c>
    </row>
    <row r="113" spans="1:7" x14ac:dyDescent="0.3">
      <c r="A113" s="13" t="s">
        <v>12</v>
      </c>
      <c r="B113" s="14" t="s">
        <v>1</v>
      </c>
      <c r="C113" s="14" t="s">
        <v>13</v>
      </c>
      <c r="D113" s="14" t="s">
        <v>14</v>
      </c>
      <c r="E113" s="15">
        <v>45489</v>
      </c>
      <c r="F113" s="14" t="s">
        <v>15</v>
      </c>
      <c r="G113" s="16">
        <v>0.92348359758434861</v>
      </c>
    </row>
    <row r="114" spans="1:7" x14ac:dyDescent="0.3">
      <c r="A114" s="13" t="s">
        <v>12</v>
      </c>
      <c r="B114" s="14" t="s">
        <v>1</v>
      </c>
      <c r="C114" s="14" t="s">
        <v>13</v>
      </c>
      <c r="D114" s="14" t="s">
        <v>14</v>
      </c>
      <c r="E114" s="15">
        <v>45490</v>
      </c>
      <c r="F114" s="14" t="s">
        <v>15</v>
      </c>
      <c r="G114" s="16">
        <v>0.92919843965516913</v>
      </c>
    </row>
    <row r="115" spans="1:7" x14ac:dyDescent="0.3">
      <c r="A115" s="13" t="s">
        <v>12</v>
      </c>
      <c r="B115" s="14" t="s">
        <v>1</v>
      </c>
      <c r="C115" s="14" t="s">
        <v>13</v>
      </c>
      <c r="D115" s="14" t="s">
        <v>14</v>
      </c>
      <c r="E115" s="15">
        <v>45491</v>
      </c>
      <c r="F115" s="14" t="s">
        <v>15</v>
      </c>
      <c r="G115" s="16">
        <v>0.93489545866727219</v>
      </c>
    </row>
    <row r="116" spans="1:7" x14ac:dyDescent="0.3">
      <c r="A116" s="13" t="s">
        <v>12</v>
      </c>
      <c r="B116" s="14" t="s">
        <v>1</v>
      </c>
      <c r="C116" s="14" t="s">
        <v>13</v>
      </c>
      <c r="D116" s="14" t="s">
        <v>14</v>
      </c>
      <c r="E116" s="15">
        <v>45492</v>
      </c>
      <c r="F116" s="14" t="s">
        <v>15</v>
      </c>
      <c r="G116" s="16">
        <v>0.94061259978749656</v>
      </c>
    </row>
    <row r="117" spans="1:7" x14ac:dyDescent="0.3">
      <c r="A117" s="13" t="s">
        <v>12</v>
      </c>
      <c r="B117" s="14" t="s">
        <v>1</v>
      </c>
      <c r="C117" s="14" t="s">
        <v>13</v>
      </c>
      <c r="D117" s="14" t="s">
        <v>14</v>
      </c>
      <c r="E117" s="15">
        <v>45493</v>
      </c>
      <c r="F117" s="14" t="s">
        <v>15</v>
      </c>
      <c r="G117" s="16">
        <v>0.94061259978749656</v>
      </c>
    </row>
    <row r="118" spans="1:7" x14ac:dyDescent="0.3">
      <c r="A118" s="13" t="s">
        <v>12</v>
      </c>
      <c r="B118" s="14" t="s">
        <v>1</v>
      </c>
      <c r="C118" s="14" t="s">
        <v>13</v>
      </c>
      <c r="D118" s="14" t="s">
        <v>14</v>
      </c>
      <c r="E118" s="15">
        <v>45494</v>
      </c>
      <c r="F118" s="14" t="s">
        <v>15</v>
      </c>
      <c r="G118" s="16">
        <v>0.94061259978749656</v>
      </c>
    </row>
    <row r="119" spans="1:7" x14ac:dyDescent="0.3">
      <c r="A119" s="13" t="s">
        <v>12</v>
      </c>
      <c r="B119" s="14" t="s">
        <v>1</v>
      </c>
      <c r="C119" s="14" t="s">
        <v>13</v>
      </c>
      <c r="D119" s="14" t="s">
        <v>14</v>
      </c>
      <c r="E119" s="15">
        <v>45495</v>
      </c>
      <c r="F119" s="14" t="s">
        <v>15</v>
      </c>
      <c r="G119" s="16">
        <v>0.945220429615933</v>
      </c>
    </row>
    <row r="120" spans="1:7" x14ac:dyDescent="0.3">
      <c r="A120" s="13" t="s">
        <v>12</v>
      </c>
      <c r="B120" s="14" t="s">
        <v>1</v>
      </c>
      <c r="C120" s="14" t="s">
        <v>13</v>
      </c>
      <c r="D120" s="14" t="s">
        <v>14</v>
      </c>
      <c r="E120" s="15">
        <v>45496</v>
      </c>
      <c r="F120" s="14" t="s">
        <v>15</v>
      </c>
      <c r="G120" s="16">
        <v>0.96259378180107791</v>
      </c>
    </row>
    <row r="121" spans="1:7" x14ac:dyDescent="0.3">
      <c r="A121" s="13" t="s">
        <v>12</v>
      </c>
      <c r="B121" s="14" t="s">
        <v>1</v>
      </c>
      <c r="C121" s="14" t="s">
        <v>13</v>
      </c>
      <c r="D121" s="14" t="s">
        <v>14</v>
      </c>
      <c r="E121" s="15">
        <v>45497</v>
      </c>
      <c r="F121" s="14" t="s">
        <v>15</v>
      </c>
      <c r="G121" s="16">
        <v>0.96842388405636914</v>
      </c>
    </row>
    <row r="122" spans="1:7" x14ac:dyDescent="0.3">
      <c r="A122" s="13" t="s">
        <v>12</v>
      </c>
      <c r="B122" s="14" t="s">
        <v>1</v>
      </c>
      <c r="C122" s="14" t="s">
        <v>13</v>
      </c>
      <c r="D122" s="14" t="s">
        <v>14</v>
      </c>
      <c r="E122" s="15">
        <v>45498</v>
      </c>
      <c r="F122" s="14" t="s">
        <v>15</v>
      </c>
      <c r="G122" s="16">
        <v>0.9742536896591828</v>
      </c>
    </row>
    <row r="123" spans="1:7" x14ac:dyDescent="0.3">
      <c r="A123" s="13" t="s">
        <v>12</v>
      </c>
      <c r="B123" s="14" t="s">
        <v>1</v>
      </c>
      <c r="C123" s="14" t="s">
        <v>13</v>
      </c>
      <c r="D123" s="14" t="s">
        <v>14</v>
      </c>
      <c r="E123" s="15">
        <v>45499</v>
      </c>
      <c r="F123" s="14" t="s">
        <v>15</v>
      </c>
      <c r="G123" s="16">
        <v>0.979925847369289</v>
      </c>
    </row>
    <row r="124" spans="1:7" x14ac:dyDescent="0.3">
      <c r="A124" s="13" t="s">
        <v>12</v>
      </c>
      <c r="B124" s="14" t="s">
        <v>1</v>
      </c>
      <c r="C124" s="14" t="s">
        <v>13</v>
      </c>
      <c r="D124" s="14" t="s">
        <v>14</v>
      </c>
      <c r="E124" s="15">
        <v>45500</v>
      </c>
      <c r="F124" s="14" t="s">
        <v>15</v>
      </c>
      <c r="G124" s="16">
        <v>0.979925847369289</v>
      </c>
    </row>
    <row r="125" spans="1:7" x14ac:dyDescent="0.3">
      <c r="A125" s="13" t="s">
        <v>12</v>
      </c>
      <c r="B125" s="14" t="s">
        <v>1</v>
      </c>
      <c r="C125" s="14" t="s">
        <v>13</v>
      </c>
      <c r="D125" s="14" t="s">
        <v>14</v>
      </c>
      <c r="E125" s="15">
        <v>45501</v>
      </c>
      <c r="F125" s="14" t="s">
        <v>15</v>
      </c>
      <c r="G125" s="16">
        <v>0.979925847369289</v>
      </c>
    </row>
    <row r="126" spans="1:7" x14ac:dyDescent="0.3">
      <c r="A126" s="13" t="s">
        <v>12</v>
      </c>
      <c r="B126" s="14" t="s">
        <v>1</v>
      </c>
      <c r="C126" s="14" t="s">
        <v>13</v>
      </c>
      <c r="D126" s="14" t="s">
        <v>14</v>
      </c>
      <c r="E126" s="15">
        <v>45502</v>
      </c>
      <c r="F126" s="14" t="s">
        <v>15</v>
      </c>
      <c r="G126" s="16">
        <v>0.98563544318937713</v>
      </c>
    </row>
    <row r="127" spans="1:7" x14ac:dyDescent="0.3">
      <c r="A127" s="13" t="s">
        <v>12</v>
      </c>
      <c r="B127" s="14" t="s">
        <v>1</v>
      </c>
      <c r="C127" s="14" t="s">
        <v>13</v>
      </c>
      <c r="D127" s="14" t="s">
        <v>14</v>
      </c>
      <c r="E127" s="15">
        <v>45503</v>
      </c>
      <c r="F127" s="14" t="s">
        <v>15</v>
      </c>
      <c r="G127" s="16">
        <v>1.0027031106147029</v>
      </c>
    </row>
    <row r="128" spans="1:7" x14ac:dyDescent="0.3">
      <c r="A128" s="13" t="s">
        <v>12</v>
      </c>
      <c r="B128" s="14" t="s">
        <v>1</v>
      </c>
      <c r="C128" s="14" t="s">
        <v>13</v>
      </c>
      <c r="D128" s="14" t="s">
        <v>14</v>
      </c>
      <c r="E128" s="15">
        <v>45504</v>
      </c>
      <c r="F128" s="14" t="s">
        <v>15</v>
      </c>
      <c r="G128" s="16">
        <v>1.0112169509213755</v>
      </c>
    </row>
    <row r="129" spans="1:7" x14ac:dyDescent="0.3">
      <c r="A129" s="13" t="s">
        <v>12</v>
      </c>
      <c r="B129" s="14" t="s">
        <v>1</v>
      </c>
      <c r="C129" s="14" t="s">
        <v>13</v>
      </c>
      <c r="D129" s="14" t="s">
        <v>14</v>
      </c>
      <c r="E129" s="15">
        <v>45505</v>
      </c>
      <c r="F129" s="14" t="s">
        <v>15</v>
      </c>
      <c r="G129" s="16">
        <v>1.0112169509213755</v>
      </c>
    </row>
    <row r="130" spans="1:7" x14ac:dyDescent="0.3">
      <c r="A130" s="13" t="s">
        <v>12</v>
      </c>
      <c r="B130" s="14" t="s">
        <v>1</v>
      </c>
      <c r="C130" s="14" t="s">
        <v>13</v>
      </c>
      <c r="D130" s="14" t="s">
        <v>14</v>
      </c>
      <c r="E130" s="15">
        <v>45506</v>
      </c>
      <c r="F130" s="14" t="s">
        <v>15</v>
      </c>
      <c r="G130" s="16">
        <v>1.0169911804666731</v>
      </c>
    </row>
    <row r="131" spans="1:7" x14ac:dyDescent="0.3">
      <c r="A131" s="13" t="s">
        <v>12</v>
      </c>
      <c r="B131" s="14" t="s">
        <v>1</v>
      </c>
      <c r="C131" s="14" t="s">
        <v>13</v>
      </c>
      <c r="D131" s="14" t="s">
        <v>14</v>
      </c>
      <c r="E131" s="15">
        <v>45507</v>
      </c>
      <c r="F131" s="14" t="s">
        <v>15</v>
      </c>
      <c r="G131" s="16">
        <v>1.0169911804666731</v>
      </c>
    </row>
    <row r="132" spans="1:7" x14ac:dyDescent="0.3">
      <c r="A132" s="13" t="s">
        <v>12</v>
      </c>
      <c r="B132" s="14" t="s">
        <v>1</v>
      </c>
      <c r="C132" s="14" t="s">
        <v>13</v>
      </c>
      <c r="D132" s="14" t="s">
        <v>14</v>
      </c>
      <c r="E132" s="15">
        <v>45508</v>
      </c>
      <c r="F132" s="14" t="s">
        <v>15</v>
      </c>
      <c r="G132" s="16">
        <v>1.0169911804666731</v>
      </c>
    </row>
    <row r="133" spans="1:7" x14ac:dyDescent="0.3">
      <c r="A133" s="13" t="s">
        <v>12</v>
      </c>
      <c r="B133" s="14" t="s">
        <v>1</v>
      </c>
      <c r="C133" s="14" t="s">
        <v>13</v>
      </c>
      <c r="D133" s="14" t="s">
        <v>14</v>
      </c>
      <c r="E133" s="15">
        <v>45509</v>
      </c>
      <c r="F133" s="14" t="s">
        <v>15</v>
      </c>
      <c r="G133" s="16">
        <v>1.0169911804666731</v>
      </c>
    </row>
    <row r="134" spans="1:7" x14ac:dyDescent="0.3">
      <c r="A134" s="13" t="s">
        <v>12</v>
      </c>
      <c r="B134" s="14" t="s">
        <v>1</v>
      </c>
      <c r="C134" s="14" t="s">
        <v>13</v>
      </c>
      <c r="D134" s="14" t="s">
        <v>14</v>
      </c>
      <c r="E134" s="15">
        <v>45510</v>
      </c>
      <c r="F134" s="14" t="s">
        <v>15</v>
      </c>
      <c r="G134" s="16">
        <v>1.0668069265694917</v>
      </c>
    </row>
    <row r="135" spans="1:7" x14ac:dyDescent="0.3">
      <c r="A135" s="13" t="s">
        <v>12</v>
      </c>
      <c r="B135" s="14" t="s">
        <v>1</v>
      </c>
      <c r="C135" s="14" t="s">
        <v>13</v>
      </c>
      <c r="D135" s="14" t="s">
        <v>14</v>
      </c>
      <c r="E135" s="15">
        <v>45511</v>
      </c>
      <c r="F135" s="14" t="s">
        <v>15</v>
      </c>
      <c r="G135" s="16">
        <v>1.0989028319383505</v>
      </c>
    </row>
    <row r="136" spans="1:7" x14ac:dyDescent="0.3">
      <c r="A136" s="13" t="s">
        <v>12</v>
      </c>
      <c r="B136" s="14" t="s">
        <v>1</v>
      </c>
      <c r="C136" s="14" t="s">
        <v>13</v>
      </c>
      <c r="D136" s="14" t="s">
        <v>14</v>
      </c>
      <c r="E136" s="15">
        <v>45512</v>
      </c>
      <c r="F136" s="14" t="s">
        <v>15</v>
      </c>
      <c r="G136" s="16">
        <v>1.1047614667315959</v>
      </c>
    </row>
    <row r="137" spans="1:7" x14ac:dyDescent="0.3">
      <c r="A137" s="13" t="s">
        <v>12</v>
      </c>
      <c r="B137" s="14" t="s">
        <v>1</v>
      </c>
      <c r="C137" s="14" t="s">
        <v>13</v>
      </c>
      <c r="D137" s="14" t="s">
        <v>14</v>
      </c>
      <c r="E137" s="15">
        <v>45513</v>
      </c>
      <c r="F137" s="14" t="s">
        <v>15</v>
      </c>
      <c r="G137" s="16">
        <v>1.1106293704300536</v>
      </c>
    </row>
    <row r="138" spans="1:7" x14ac:dyDescent="0.3">
      <c r="A138" s="13" t="s">
        <v>12</v>
      </c>
      <c r="B138" s="14" t="s">
        <v>1</v>
      </c>
      <c r="C138" s="14" t="s">
        <v>13</v>
      </c>
      <c r="D138" s="14" t="s">
        <v>14</v>
      </c>
      <c r="E138" s="15">
        <v>45514</v>
      </c>
      <c r="F138" s="14" t="s">
        <v>15</v>
      </c>
      <c r="G138" s="16">
        <v>1.1106293704300536</v>
      </c>
    </row>
    <row r="139" spans="1:7" x14ac:dyDescent="0.3">
      <c r="A139" s="13" t="s">
        <v>12</v>
      </c>
      <c r="B139" s="14" t="s">
        <v>1</v>
      </c>
      <c r="C139" s="14" t="s">
        <v>13</v>
      </c>
      <c r="D139" s="14" t="s">
        <v>14</v>
      </c>
      <c r="E139" s="15">
        <v>45515</v>
      </c>
      <c r="F139" s="14" t="s">
        <v>15</v>
      </c>
      <c r="G139" s="16">
        <v>1.1106293704300536</v>
      </c>
    </row>
    <row r="140" spans="1:7" x14ac:dyDescent="0.3">
      <c r="A140" s="13" t="s">
        <v>12</v>
      </c>
      <c r="B140" s="14" t="s">
        <v>1</v>
      </c>
      <c r="C140" s="14" t="s">
        <v>13</v>
      </c>
      <c r="D140" s="14" t="s">
        <v>14</v>
      </c>
      <c r="E140" s="15">
        <v>45516</v>
      </c>
      <c r="F140" s="14" t="s">
        <v>15</v>
      </c>
      <c r="G140" s="16">
        <v>1.1163383492329675</v>
      </c>
    </row>
    <row r="141" spans="1:7" x14ac:dyDescent="0.3">
      <c r="A141" s="13" t="s">
        <v>12</v>
      </c>
      <c r="B141" s="14" t="s">
        <v>1</v>
      </c>
      <c r="C141" s="14" t="s">
        <v>13</v>
      </c>
      <c r="D141" s="14" t="s">
        <v>14</v>
      </c>
      <c r="E141" s="15">
        <v>45517</v>
      </c>
      <c r="F141" s="14" t="s">
        <v>15</v>
      </c>
      <c r="G141" s="16">
        <v>1.1334215026929386</v>
      </c>
    </row>
    <row r="142" spans="1:7" x14ac:dyDescent="0.3">
      <c r="A142" s="13" t="s">
        <v>12</v>
      </c>
      <c r="B142" s="14" t="s">
        <v>1</v>
      </c>
      <c r="C142" s="14" t="s">
        <v>13</v>
      </c>
      <c r="D142" s="14" t="s">
        <v>14</v>
      </c>
      <c r="E142" s="15">
        <v>45518</v>
      </c>
      <c r="F142" s="14" t="s">
        <v>15</v>
      </c>
      <c r="G142" s="16">
        <v>1.139062771481268</v>
      </c>
    </row>
    <row r="143" spans="1:7" x14ac:dyDescent="0.3">
      <c r="A143" s="13" t="s">
        <v>12</v>
      </c>
      <c r="B143" s="14" t="s">
        <v>1</v>
      </c>
      <c r="C143" s="14" t="s">
        <v>13</v>
      </c>
      <c r="D143" s="14" t="s">
        <v>14</v>
      </c>
      <c r="E143" s="15">
        <v>45519</v>
      </c>
      <c r="F143" s="14" t="s">
        <v>15</v>
      </c>
      <c r="G143" s="16">
        <v>1.1446572217209514</v>
      </c>
    </row>
    <row r="144" spans="1:7" x14ac:dyDescent="0.3">
      <c r="A144" s="13" t="s">
        <v>12</v>
      </c>
      <c r="B144" s="14" t="s">
        <v>1</v>
      </c>
      <c r="C144" s="14" t="s">
        <v>13</v>
      </c>
      <c r="D144" s="14" t="s">
        <v>14</v>
      </c>
      <c r="E144" s="15">
        <v>45520</v>
      </c>
      <c r="F144" s="14" t="s">
        <v>15</v>
      </c>
      <c r="G144" s="16">
        <v>1.1502326407567007</v>
      </c>
    </row>
    <row r="145" spans="1:7" x14ac:dyDescent="0.3">
      <c r="A145" s="13" t="s">
        <v>12</v>
      </c>
      <c r="B145" s="14" t="s">
        <v>1</v>
      </c>
      <c r="C145" s="14" t="s">
        <v>13</v>
      </c>
      <c r="D145" s="14" t="s">
        <v>14</v>
      </c>
      <c r="E145" s="15">
        <v>45521</v>
      </c>
      <c r="F145" s="14" t="s">
        <v>15</v>
      </c>
      <c r="G145" s="16">
        <v>1.1502326407567007</v>
      </c>
    </row>
    <row r="146" spans="1:7" x14ac:dyDescent="0.3">
      <c r="A146" s="13" t="s">
        <v>12</v>
      </c>
      <c r="B146" s="14" t="s">
        <v>1</v>
      </c>
      <c r="C146" s="14" t="s">
        <v>13</v>
      </c>
      <c r="D146" s="14" t="s">
        <v>14</v>
      </c>
      <c r="E146" s="15">
        <v>45522</v>
      </c>
      <c r="F146" s="14" t="s">
        <v>15</v>
      </c>
      <c r="G146" s="16">
        <v>1.1502326407567007</v>
      </c>
    </row>
    <row r="147" spans="1:7" x14ac:dyDescent="0.3">
      <c r="A147" s="13" t="s">
        <v>12</v>
      </c>
      <c r="B147" s="14" t="s">
        <v>1</v>
      </c>
      <c r="C147" s="14" t="s">
        <v>13</v>
      </c>
      <c r="D147" s="14" t="s">
        <v>14</v>
      </c>
      <c r="E147" s="15">
        <v>45523</v>
      </c>
      <c r="F147" s="14" t="s">
        <v>15</v>
      </c>
      <c r="G147" s="16">
        <v>1.1557802724477382</v>
      </c>
    </row>
    <row r="148" spans="1:7" x14ac:dyDescent="0.3">
      <c r="A148" s="13" t="s">
        <v>12</v>
      </c>
      <c r="B148" s="14" t="s">
        <v>1</v>
      </c>
      <c r="C148" s="14" t="s">
        <v>13</v>
      </c>
      <c r="D148" s="14" t="s">
        <v>14</v>
      </c>
      <c r="E148" s="15">
        <v>45524</v>
      </c>
      <c r="F148" s="14" t="s">
        <v>15</v>
      </c>
      <c r="G148" s="16">
        <v>1.1724122848790814</v>
      </c>
    </row>
    <row r="149" spans="1:7" x14ac:dyDescent="0.3">
      <c r="A149" s="13" t="s">
        <v>12</v>
      </c>
      <c r="B149" s="14" t="s">
        <v>1</v>
      </c>
      <c r="C149" s="14" t="s">
        <v>13</v>
      </c>
      <c r="D149" s="14" t="s">
        <v>14</v>
      </c>
      <c r="E149" s="15">
        <v>45525</v>
      </c>
      <c r="F149" s="14" t="s">
        <v>15</v>
      </c>
      <c r="G149" s="16">
        <v>1.1755649557078716</v>
      </c>
    </row>
    <row r="150" spans="1:7" x14ac:dyDescent="0.3">
      <c r="A150" s="13" t="s">
        <v>12</v>
      </c>
      <c r="B150" s="14" t="s">
        <v>1</v>
      </c>
      <c r="C150" s="14" t="s">
        <v>13</v>
      </c>
      <c r="D150" s="14" t="s">
        <v>14</v>
      </c>
      <c r="E150" s="15">
        <v>45526</v>
      </c>
      <c r="F150" s="14" t="s">
        <v>15</v>
      </c>
      <c r="G150" s="16">
        <v>1.2282453505358388</v>
      </c>
    </row>
    <row r="151" spans="1:7" x14ac:dyDescent="0.3">
      <c r="A151" s="13" t="s">
        <v>12</v>
      </c>
      <c r="B151" s="14" t="s">
        <v>1</v>
      </c>
      <c r="C151" s="14" t="s">
        <v>13</v>
      </c>
      <c r="D151" s="14" t="s">
        <v>14</v>
      </c>
      <c r="E151" s="15">
        <v>45527</v>
      </c>
      <c r="F151" s="14" t="s">
        <v>15</v>
      </c>
      <c r="G151" s="16">
        <v>1.2422812023773377</v>
      </c>
    </row>
    <row r="152" spans="1:7" x14ac:dyDescent="0.3">
      <c r="A152" s="13" t="s">
        <v>12</v>
      </c>
      <c r="B152" s="14" t="s">
        <v>1</v>
      </c>
      <c r="C152" s="14" t="s">
        <v>13</v>
      </c>
      <c r="D152" s="14" t="s">
        <v>14</v>
      </c>
      <c r="E152" s="15">
        <v>45528</v>
      </c>
      <c r="F152" s="14" t="s">
        <v>15</v>
      </c>
      <c r="G152" s="16">
        <v>1.2422812023773377</v>
      </c>
    </row>
    <row r="153" spans="1:7" x14ac:dyDescent="0.3">
      <c r="A153" s="13" t="s">
        <v>12</v>
      </c>
      <c r="B153" s="14" t="s">
        <v>1</v>
      </c>
      <c r="C153" s="14" t="s">
        <v>13</v>
      </c>
      <c r="D153" s="14" t="s">
        <v>14</v>
      </c>
      <c r="E153" s="15">
        <v>45529</v>
      </c>
      <c r="F153" s="14" t="s">
        <v>15</v>
      </c>
      <c r="G153" s="16">
        <v>1.2422812023773377</v>
      </c>
    </row>
    <row r="154" spans="1:7" x14ac:dyDescent="0.3">
      <c r="A154" s="13" t="s">
        <v>12</v>
      </c>
      <c r="B154" s="14" t="s">
        <v>1</v>
      </c>
      <c r="C154" s="14" t="s">
        <v>13</v>
      </c>
      <c r="D154" s="14" t="s">
        <v>14</v>
      </c>
      <c r="E154" s="15">
        <v>45530</v>
      </c>
      <c r="F154" s="14" t="s">
        <v>15</v>
      </c>
      <c r="G154" s="16">
        <v>1.2477958005277436</v>
      </c>
    </row>
    <row r="155" spans="1:7" x14ac:dyDescent="0.3">
      <c r="A155" s="13" t="s">
        <v>12</v>
      </c>
      <c r="B155" s="14" t="s">
        <v>1</v>
      </c>
      <c r="C155" s="14" t="s">
        <v>13</v>
      </c>
      <c r="D155" s="14" t="s">
        <v>14</v>
      </c>
      <c r="E155" s="15">
        <v>45531</v>
      </c>
      <c r="F155" s="14" t="s">
        <v>15</v>
      </c>
      <c r="G155" s="16">
        <v>1.2642694453701131</v>
      </c>
    </row>
    <row r="156" spans="1:7" x14ac:dyDescent="0.3">
      <c r="A156" s="13" t="s">
        <v>12</v>
      </c>
      <c r="B156" s="14" t="s">
        <v>1</v>
      </c>
      <c r="C156" s="14" t="s">
        <v>13</v>
      </c>
      <c r="D156" s="14" t="s">
        <v>14</v>
      </c>
      <c r="E156" s="15">
        <v>45532</v>
      </c>
      <c r="F156" s="14" t="s">
        <v>15</v>
      </c>
      <c r="G156" s="16">
        <v>1.2737958698144125</v>
      </c>
    </row>
    <row r="157" spans="1:7" x14ac:dyDescent="0.3">
      <c r="A157" s="13" t="s">
        <v>12</v>
      </c>
      <c r="B157" s="14" t="s">
        <v>1</v>
      </c>
      <c r="C157" s="14" t="s">
        <v>13</v>
      </c>
      <c r="D157" s="14" t="s">
        <v>14</v>
      </c>
      <c r="E157" s="15">
        <v>45533</v>
      </c>
      <c r="F157" s="14" t="s">
        <v>15</v>
      </c>
      <c r="G157" s="16">
        <v>1.2791811182096082</v>
      </c>
    </row>
    <row r="158" spans="1:7" x14ac:dyDescent="0.3">
      <c r="A158" s="13" t="s">
        <v>12</v>
      </c>
      <c r="B158" s="14" t="s">
        <v>1</v>
      </c>
      <c r="C158" s="14" t="s">
        <v>13</v>
      </c>
      <c r="D158" s="14" t="s">
        <v>14</v>
      </c>
      <c r="E158" s="15">
        <v>45534</v>
      </c>
      <c r="F158" s="14" t="s">
        <v>15</v>
      </c>
      <c r="G158" s="16">
        <v>1.284577535534442</v>
      </c>
    </row>
    <row r="159" spans="1:7" x14ac:dyDescent="0.3">
      <c r="A159" s="13" t="s">
        <v>12</v>
      </c>
      <c r="B159" s="14" t="s">
        <v>1</v>
      </c>
      <c r="C159" s="14" t="s">
        <v>13</v>
      </c>
      <c r="D159" s="14" t="s">
        <v>14</v>
      </c>
      <c r="E159" s="15">
        <v>45535</v>
      </c>
      <c r="F159" s="14" t="s">
        <v>15</v>
      </c>
      <c r="G159" s="16">
        <v>1.284577535534442</v>
      </c>
    </row>
    <row r="160" spans="1:7" x14ac:dyDescent="0.3">
      <c r="A160" s="13" t="s">
        <v>12</v>
      </c>
      <c r="B160" s="14" t="s">
        <v>1</v>
      </c>
      <c r="C160" s="14" t="s">
        <v>13</v>
      </c>
      <c r="D160" s="14" t="s">
        <v>14</v>
      </c>
      <c r="E160" s="15">
        <v>45536</v>
      </c>
      <c r="F160" s="14" t="s">
        <v>15</v>
      </c>
      <c r="G160" s="16">
        <v>1.284577535534442</v>
      </c>
    </row>
    <row r="161" spans="1:7" x14ac:dyDescent="0.3">
      <c r="A161" s="13" t="s">
        <v>12</v>
      </c>
      <c r="B161" s="14" t="s">
        <v>1</v>
      </c>
      <c r="C161" s="14" t="s">
        <v>13</v>
      </c>
      <c r="D161" s="14" t="s">
        <v>14</v>
      </c>
      <c r="E161" s="15">
        <v>45537</v>
      </c>
      <c r="F161" s="14" t="s">
        <v>15</v>
      </c>
      <c r="G161" s="16">
        <v>1.2899739974458211</v>
      </c>
    </row>
    <row r="162" spans="1:7" x14ac:dyDescent="0.3">
      <c r="A162" s="13" t="s">
        <v>12</v>
      </c>
      <c r="B162" s="14" t="s">
        <v>1</v>
      </c>
      <c r="C162" s="14" t="s">
        <v>13</v>
      </c>
      <c r="D162" s="14" t="s">
        <v>14</v>
      </c>
      <c r="E162" s="15">
        <v>45538</v>
      </c>
      <c r="F162" s="14" t="s">
        <v>15</v>
      </c>
      <c r="G162" s="16">
        <v>1.3203906229145732</v>
      </c>
    </row>
    <row r="163" spans="1:7" x14ac:dyDescent="0.3">
      <c r="A163" s="13" t="s">
        <v>12</v>
      </c>
      <c r="B163" s="14" t="s">
        <v>1</v>
      </c>
      <c r="C163" s="14" t="s">
        <v>13</v>
      </c>
      <c r="D163" s="14" t="s">
        <v>14</v>
      </c>
      <c r="E163" s="15">
        <v>45539</v>
      </c>
      <c r="F163" s="14" t="s">
        <v>15</v>
      </c>
      <c r="G163" s="16">
        <v>1.3258208145475934</v>
      </c>
    </row>
    <row r="164" spans="1:7" x14ac:dyDescent="0.3">
      <c r="A164" s="13" t="s">
        <v>12</v>
      </c>
      <c r="B164" s="14" t="s">
        <v>1</v>
      </c>
      <c r="C164" s="14" t="s">
        <v>13</v>
      </c>
      <c r="D164" s="14" t="s">
        <v>14</v>
      </c>
      <c r="E164" s="15">
        <v>45540</v>
      </c>
      <c r="F164" s="14" t="s">
        <v>15</v>
      </c>
      <c r="G164" s="16">
        <v>1.3412727685903281</v>
      </c>
    </row>
    <row r="165" spans="1:7" x14ac:dyDescent="0.3">
      <c r="A165" s="13" t="s">
        <v>12</v>
      </c>
      <c r="B165" s="14" t="s">
        <v>1</v>
      </c>
      <c r="C165" s="14" t="s">
        <v>13</v>
      </c>
      <c r="D165" s="14" t="s">
        <v>14</v>
      </c>
      <c r="E165" s="15">
        <v>45541</v>
      </c>
      <c r="F165" s="14" t="s">
        <v>15</v>
      </c>
      <c r="G165" s="16">
        <v>1.3471505733085998</v>
      </c>
    </row>
    <row r="166" spans="1:7" x14ac:dyDescent="0.3">
      <c r="A166" s="13" t="s">
        <v>12</v>
      </c>
      <c r="B166" s="14" t="s">
        <v>1</v>
      </c>
      <c r="C166" s="14" t="s">
        <v>13</v>
      </c>
      <c r="D166" s="14" t="s">
        <v>14</v>
      </c>
      <c r="E166" s="15">
        <v>45542</v>
      </c>
      <c r="F166" s="14" t="s">
        <v>15</v>
      </c>
      <c r="G166" s="16">
        <v>1.3471505733085998</v>
      </c>
    </row>
    <row r="167" spans="1:7" x14ac:dyDescent="0.3">
      <c r="A167" s="13" t="s">
        <v>12</v>
      </c>
      <c r="B167" s="14" t="s">
        <v>1</v>
      </c>
      <c r="C167" s="14" t="s">
        <v>13</v>
      </c>
      <c r="D167" s="14" t="s">
        <v>14</v>
      </c>
      <c r="E167" s="15">
        <v>45543</v>
      </c>
      <c r="F167" s="14" t="s">
        <v>15</v>
      </c>
      <c r="G167" s="16">
        <v>1.3471505733085998</v>
      </c>
    </row>
    <row r="168" spans="1:7" x14ac:dyDescent="0.3">
      <c r="A168" s="13" t="s">
        <v>12</v>
      </c>
      <c r="B168" s="14" t="s">
        <v>1</v>
      </c>
      <c r="C168" s="14" t="s">
        <v>13</v>
      </c>
      <c r="D168" s="14" t="s">
        <v>14</v>
      </c>
      <c r="E168" s="15">
        <v>45544</v>
      </c>
      <c r="F168" s="14" t="s">
        <v>15</v>
      </c>
      <c r="G168" s="16">
        <v>1.3530249435076409</v>
      </c>
    </row>
    <row r="169" spans="1:7" x14ac:dyDescent="0.3">
      <c r="A169" s="13" t="s">
        <v>12</v>
      </c>
      <c r="B169" s="14" t="s">
        <v>1</v>
      </c>
      <c r="C169" s="14" t="s">
        <v>13</v>
      </c>
      <c r="D169" s="14" t="s">
        <v>14</v>
      </c>
      <c r="E169" s="15">
        <v>45545</v>
      </c>
      <c r="F169" s="14" t="s">
        <v>15</v>
      </c>
      <c r="G169" s="16">
        <v>1.3703873481557651</v>
      </c>
    </row>
    <row r="170" spans="1:7" x14ac:dyDescent="0.3">
      <c r="A170" s="13" t="s">
        <v>12</v>
      </c>
      <c r="B170" s="14" t="s">
        <v>1</v>
      </c>
      <c r="C170" s="14" t="s">
        <v>13</v>
      </c>
      <c r="D170" s="14" t="s">
        <v>14</v>
      </c>
      <c r="E170" s="15">
        <v>45546</v>
      </c>
      <c r="F170" s="14" t="s">
        <v>15</v>
      </c>
      <c r="G170" s="16">
        <v>1.3761329224302523</v>
      </c>
    </row>
    <row r="171" spans="1:7" x14ac:dyDescent="0.3">
      <c r="A171" s="13" t="s">
        <v>12</v>
      </c>
      <c r="B171" s="14" t="s">
        <v>1</v>
      </c>
      <c r="C171" s="14" t="s">
        <v>13</v>
      </c>
      <c r="D171" s="14" t="s">
        <v>14</v>
      </c>
      <c r="E171" s="15">
        <v>45547</v>
      </c>
      <c r="F171" s="14" t="s">
        <v>15</v>
      </c>
      <c r="G171" s="16">
        <v>1.381824443941585</v>
      </c>
    </row>
    <row r="172" spans="1:7" x14ac:dyDescent="0.3">
      <c r="A172" s="13" t="s">
        <v>12</v>
      </c>
      <c r="B172" s="14" t="s">
        <v>1</v>
      </c>
      <c r="C172" s="14" t="s">
        <v>13</v>
      </c>
      <c r="D172" s="14" t="s">
        <v>14</v>
      </c>
      <c r="E172" s="15">
        <v>45548</v>
      </c>
      <c r="F172" s="14" t="s">
        <v>15</v>
      </c>
      <c r="G172" s="16">
        <v>1.4333794518709768</v>
      </c>
    </row>
    <row r="173" spans="1:7" x14ac:dyDescent="0.3">
      <c r="A173" s="13" t="s">
        <v>12</v>
      </c>
      <c r="B173" s="14" t="s">
        <v>1</v>
      </c>
      <c r="C173" s="14" t="s">
        <v>13</v>
      </c>
      <c r="D173" s="14" t="s">
        <v>14</v>
      </c>
      <c r="E173" s="15">
        <v>45549</v>
      </c>
      <c r="F173" s="14" t="s">
        <v>15</v>
      </c>
      <c r="G173" s="16">
        <v>1.4333794518709768</v>
      </c>
    </row>
    <row r="174" spans="1:7" x14ac:dyDescent="0.3">
      <c r="A174" s="13" t="s">
        <v>12</v>
      </c>
      <c r="B174" s="14" t="s">
        <v>1</v>
      </c>
      <c r="C174" s="14" t="s">
        <v>13</v>
      </c>
      <c r="D174" s="14" t="s">
        <v>14</v>
      </c>
      <c r="E174" s="15">
        <v>45550</v>
      </c>
      <c r="F174" s="14" t="s">
        <v>15</v>
      </c>
      <c r="G174" s="16">
        <v>1.4333794518709768</v>
      </c>
    </row>
    <row r="175" spans="1:7" x14ac:dyDescent="0.3">
      <c r="A175" s="13" t="s">
        <v>12</v>
      </c>
      <c r="B175" s="14" t="s">
        <v>1</v>
      </c>
      <c r="C175" s="14" t="s">
        <v>13</v>
      </c>
      <c r="D175" s="14" t="s">
        <v>14</v>
      </c>
      <c r="E175" s="15">
        <v>45551</v>
      </c>
      <c r="F175" s="14" t="s">
        <v>15</v>
      </c>
      <c r="G175" s="16">
        <v>1.4387684982029831</v>
      </c>
    </row>
    <row r="176" spans="1:7" x14ac:dyDescent="0.3">
      <c r="A176" s="13" t="s">
        <v>12</v>
      </c>
      <c r="B176" s="14" t="s">
        <v>1</v>
      </c>
      <c r="C176" s="14" t="s">
        <v>13</v>
      </c>
      <c r="D176" s="14" t="s">
        <v>14</v>
      </c>
      <c r="E176" s="15">
        <v>45552</v>
      </c>
      <c r="F176" s="14" t="s">
        <v>15</v>
      </c>
      <c r="G176" s="16">
        <v>1.4701866874357012</v>
      </c>
    </row>
    <row r="177" spans="1:7" x14ac:dyDescent="0.3">
      <c r="A177" s="13" t="s">
        <v>12</v>
      </c>
      <c r="B177" s="14" t="s">
        <v>1</v>
      </c>
      <c r="C177" s="14" t="s">
        <v>13</v>
      </c>
      <c r="D177" s="14" t="s">
        <v>14</v>
      </c>
      <c r="E177" s="15">
        <v>45553</v>
      </c>
      <c r="F177" s="14" t="s">
        <v>15</v>
      </c>
      <c r="G177" s="16">
        <v>1.4754168000343932</v>
      </c>
    </row>
    <row r="178" spans="1:7" x14ac:dyDescent="0.3">
      <c r="A178" s="13" t="s">
        <v>12</v>
      </c>
      <c r="B178" s="14" t="s">
        <v>1</v>
      </c>
      <c r="C178" s="14" t="s">
        <v>13</v>
      </c>
      <c r="D178" s="14" t="s">
        <v>14</v>
      </c>
      <c r="E178" s="15">
        <v>45554</v>
      </c>
      <c r="F178" s="14" t="s">
        <v>15</v>
      </c>
      <c r="G178" s="16">
        <v>1.4791233432942839</v>
      </c>
    </row>
    <row r="179" spans="1:7" x14ac:dyDescent="0.3">
      <c r="A179" s="13" t="s">
        <v>12</v>
      </c>
      <c r="B179" s="14" t="s">
        <v>1</v>
      </c>
      <c r="C179" s="14" t="s">
        <v>13</v>
      </c>
      <c r="D179" s="14" t="s">
        <v>14</v>
      </c>
      <c r="E179" s="15">
        <v>45555</v>
      </c>
      <c r="F179" s="14" t="s">
        <v>15</v>
      </c>
      <c r="G179" s="16">
        <v>1.4859474285867305</v>
      </c>
    </row>
    <row r="180" spans="1:7" x14ac:dyDescent="0.3">
      <c r="A180" s="13" t="s">
        <v>12</v>
      </c>
      <c r="B180" s="14" t="s">
        <v>1</v>
      </c>
      <c r="C180" s="14" t="s">
        <v>13</v>
      </c>
      <c r="D180" s="14" t="s">
        <v>14</v>
      </c>
      <c r="E180" s="15">
        <v>45556</v>
      </c>
      <c r="F180" s="14" t="s">
        <v>15</v>
      </c>
      <c r="G180" s="16">
        <v>1.4859474285867305</v>
      </c>
    </row>
    <row r="181" spans="1:7" x14ac:dyDescent="0.3">
      <c r="A181" s="13" t="s">
        <v>12</v>
      </c>
      <c r="B181" s="14" t="s">
        <v>1</v>
      </c>
      <c r="C181" s="14" t="s">
        <v>13</v>
      </c>
      <c r="D181" s="14" t="s">
        <v>14</v>
      </c>
      <c r="E181" s="15">
        <v>45557</v>
      </c>
      <c r="F181" s="14" t="s">
        <v>15</v>
      </c>
      <c r="G181" s="16">
        <v>1.4859474285867305</v>
      </c>
    </row>
    <row r="182" spans="1:7" x14ac:dyDescent="0.3">
      <c r="A182" s="13" t="s">
        <v>12</v>
      </c>
      <c r="B182" s="14" t="s">
        <v>1</v>
      </c>
      <c r="C182" s="14" t="s">
        <v>13</v>
      </c>
      <c r="D182" s="14" t="s">
        <v>14</v>
      </c>
      <c r="E182" s="15">
        <v>45558</v>
      </c>
      <c r="F182" s="14" t="s">
        <v>15</v>
      </c>
      <c r="G182" s="16">
        <v>1.4890250568409695</v>
      </c>
    </row>
    <row r="183" spans="1:7" x14ac:dyDescent="0.3">
      <c r="A183" s="13" t="s">
        <v>12</v>
      </c>
      <c r="B183" s="14" t="s">
        <v>1</v>
      </c>
      <c r="C183" s="14" t="s">
        <v>13</v>
      </c>
      <c r="D183" s="14" t="s">
        <v>14</v>
      </c>
      <c r="E183" s="15">
        <v>45559</v>
      </c>
      <c r="F183" s="14" t="s">
        <v>15</v>
      </c>
      <c r="G183" s="16">
        <v>1.5045275608228057</v>
      </c>
    </row>
    <row r="184" spans="1:7" x14ac:dyDescent="0.3">
      <c r="A184" s="13" t="s">
        <v>12</v>
      </c>
      <c r="B184" s="14" t="s">
        <v>1</v>
      </c>
      <c r="C184" s="14" t="s">
        <v>13</v>
      </c>
      <c r="D184" s="14" t="s">
        <v>14</v>
      </c>
      <c r="E184" s="15">
        <v>45560</v>
      </c>
      <c r="F184" s="14" t="s">
        <v>15</v>
      </c>
      <c r="G184" s="16">
        <v>1.5094633323527811</v>
      </c>
    </row>
    <row r="185" spans="1:7" x14ac:dyDescent="0.3">
      <c r="A185" s="13" t="s">
        <v>12</v>
      </c>
      <c r="B185" s="14" t="s">
        <v>1</v>
      </c>
      <c r="C185" s="14" t="s">
        <v>13</v>
      </c>
      <c r="D185" s="14" t="s">
        <v>14</v>
      </c>
      <c r="E185" s="15">
        <v>45561</v>
      </c>
      <c r="F185" s="14" t="s">
        <v>15</v>
      </c>
      <c r="G185" s="16">
        <v>1.5143822237700708</v>
      </c>
    </row>
    <row r="186" spans="1:7" x14ac:dyDescent="0.3">
      <c r="A186" s="13" t="s">
        <v>12</v>
      </c>
      <c r="B186" s="14" t="s">
        <v>1</v>
      </c>
      <c r="C186" s="14" t="s">
        <v>13</v>
      </c>
      <c r="D186" s="14" t="s">
        <v>14</v>
      </c>
      <c r="E186" s="15">
        <v>45562</v>
      </c>
      <c r="F186" s="14" t="s">
        <v>15</v>
      </c>
      <c r="G186" s="16">
        <v>1.5233321379165676</v>
      </c>
    </row>
    <row r="187" spans="1:7" x14ac:dyDescent="0.3">
      <c r="A187" s="13" t="s">
        <v>12</v>
      </c>
      <c r="B187" s="14" t="s">
        <v>1</v>
      </c>
      <c r="C187" s="14" t="s">
        <v>13</v>
      </c>
      <c r="D187" s="14" t="s">
        <v>14</v>
      </c>
      <c r="E187" s="15">
        <v>45563</v>
      </c>
      <c r="F187" s="14" t="s">
        <v>15</v>
      </c>
      <c r="G187" s="16">
        <v>1.5233321379165676</v>
      </c>
    </row>
    <row r="188" spans="1:7" x14ac:dyDescent="0.3">
      <c r="A188" s="13" t="s">
        <v>12</v>
      </c>
      <c r="B188" s="14" t="s">
        <v>1</v>
      </c>
      <c r="C188" s="14" t="s">
        <v>13</v>
      </c>
      <c r="D188" s="14" t="s">
        <v>14</v>
      </c>
      <c r="E188" s="15">
        <v>45564</v>
      </c>
      <c r="F188" s="14" t="s">
        <v>15</v>
      </c>
      <c r="G188" s="16">
        <v>1.5233321379165676</v>
      </c>
    </row>
    <row r="189" spans="1:7" x14ac:dyDescent="0.3">
      <c r="A189" s="13" t="s">
        <v>12</v>
      </c>
      <c r="B189" s="14" t="s">
        <v>1</v>
      </c>
      <c r="C189" s="14" t="s">
        <v>13</v>
      </c>
      <c r="D189" s="14" t="s">
        <v>14</v>
      </c>
      <c r="E189" s="15">
        <v>45565</v>
      </c>
      <c r="F189" s="14" t="s">
        <v>15</v>
      </c>
      <c r="G189" s="16">
        <v>1.5285309808515781</v>
      </c>
    </row>
    <row r="190" spans="1:7" x14ac:dyDescent="0.3">
      <c r="A190" s="13" t="s">
        <v>12</v>
      </c>
      <c r="B190" s="14" t="s">
        <v>1</v>
      </c>
      <c r="C190" s="14" t="s">
        <v>13</v>
      </c>
      <c r="D190" s="14" t="s">
        <v>14</v>
      </c>
      <c r="E190" s="15">
        <v>45566</v>
      </c>
      <c r="F190" s="14" t="s">
        <v>15</v>
      </c>
      <c r="G190" s="16">
        <v>1.5441635440338586</v>
      </c>
    </row>
    <row r="191" spans="1:7" x14ac:dyDescent="0.3">
      <c r="A191" s="13" t="s">
        <v>12</v>
      </c>
      <c r="B191" s="14" t="s">
        <v>1</v>
      </c>
      <c r="C191" s="14" t="s">
        <v>13</v>
      </c>
      <c r="D191" s="14" t="s">
        <v>14</v>
      </c>
      <c r="E191" s="15">
        <v>45567</v>
      </c>
      <c r="F191" s="14" t="s">
        <v>15</v>
      </c>
      <c r="G191" s="16">
        <v>1.5794870328294512</v>
      </c>
    </row>
    <row r="192" spans="1:7" x14ac:dyDescent="0.3">
      <c r="A192" s="13" t="s">
        <v>12</v>
      </c>
      <c r="B192" s="14" t="s">
        <v>1</v>
      </c>
      <c r="C192" s="14" t="s">
        <v>13</v>
      </c>
      <c r="D192" s="14" t="s">
        <v>14</v>
      </c>
      <c r="E192" s="15">
        <v>45568</v>
      </c>
      <c r="F192" s="14" t="s">
        <v>15</v>
      </c>
      <c r="G192" s="16">
        <v>1.5849159771319448</v>
      </c>
    </row>
    <row r="193" spans="1:7" x14ac:dyDescent="0.3">
      <c r="A193" s="13" t="s">
        <v>12</v>
      </c>
      <c r="B193" s="14" t="s">
        <v>1</v>
      </c>
      <c r="C193" s="14" t="s">
        <v>13</v>
      </c>
      <c r="D193" s="14" t="s">
        <v>14</v>
      </c>
      <c r="E193" s="15">
        <v>45569</v>
      </c>
      <c r="F193" s="14" t="s">
        <v>15</v>
      </c>
      <c r="G193" s="16">
        <v>1.599322627604818</v>
      </c>
    </row>
    <row r="194" spans="1:7" x14ac:dyDescent="0.3">
      <c r="A194" s="13" t="s">
        <v>12</v>
      </c>
      <c r="B194" s="14" t="s">
        <v>1</v>
      </c>
      <c r="C194" s="14" t="s">
        <v>13</v>
      </c>
      <c r="D194" s="14" t="s">
        <v>14</v>
      </c>
      <c r="E194" s="15">
        <v>45570</v>
      </c>
      <c r="F194" s="14" t="s">
        <v>15</v>
      </c>
      <c r="G194" s="16">
        <v>1.599322627604818</v>
      </c>
    </row>
    <row r="195" spans="1:7" x14ac:dyDescent="0.3">
      <c r="A195" s="13" t="s">
        <v>12</v>
      </c>
      <c r="B195" s="14" t="s">
        <v>1</v>
      </c>
      <c r="C195" s="14" t="s">
        <v>13</v>
      </c>
      <c r="D195" s="14" t="s">
        <v>14</v>
      </c>
      <c r="E195" s="15">
        <v>45571</v>
      </c>
      <c r="F195" s="14" t="s">
        <v>15</v>
      </c>
      <c r="G195" s="16">
        <v>1.599322627604818</v>
      </c>
    </row>
    <row r="196" spans="1:7" x14ac:dyDescent="0.3">
      <c r="A196" s="13" t="s">
        <v>12</v>
      </c>
      <c r="B196" s="14" t="s">
        <v>1</v>
      </c>
      <c r="C196" s="14" t="s">
        <v>13</v>
      </c>
      <c r="D196" s="14" t="s">
        <v>14</v>
      </c>
      <c r="E196" s="15">
        <v>45572</v>
      </c>
      <c r="F196" s="14" t="s">
        <v>15</v>
      </c>
      <c r="G196" s="16">
        <v>1.6047349671986484</v>
      </c>
    </row>
    <row r="197" spans="1:7" x14ac:dyDescent="0.3">
      <c r="A197" s="13" t="s">
        <v>12</v>
      </c>
      <c r="B197" s="14" t="s">
        <v>1</v>
      </c>
      <c r="C197" s="14" t="s">
        <v>13</v>
      </c>
      <c r="D197" s="14" t="s">
        <v>14</v>
      </c>
      <c r="E197" s="15">
        <v>45573</v>
      </c>
      <c r="F197" s="14" t="s">
        <v>15</v>
      </c>
      <c r="G197" s="16">
        <v>1.6210036635272689</v>
      </c>
    </row>
    <row r="198" spans="1:7" x14ac:dyDescent="0.3">
      <c r="A198" s="13" t="s">
        <v>12</v>
      </c>
      <c r="B198" s="14" t="s">
        <v>1</v>
      </c>
      <c r="C198" s="14" t="s">
        <v>13</v>
      </c>
      <c r="D198" s="14" t="s">
        <v>14</v>
      </c>
      <c r="E198" s="15">
        <v>45574</v>
      </c>
      <c r="F198" s="14" t="s">
        <v>15</v>
      </c>
      <c r="G198" s="16">
        <v>1.6263720558942314</v>
      </c>
    </row>
    <row r="199" spans="1:7" x14ac:dyDescent="0.3">
      <c r="A199" s="13" t="s">
        <v>12</v>
      </c>
      <c r="B199" s="14" t="s">
        <v>1</v>
      </c>
      <c r="C199" s="14" t="s">
        <v>13</v>
      </c>
      <c r="D199" s="14" t="s">
        <v>14</v>
      </c>
      <c r="E199" s="15">
        <v>45575</v>
      </c>
      <c r="F199" s="14" t="s">
        <v>15</v>
      </c>
      <c r="G199" s="16">
        <v>1.6317181299336929</v>
      </c>
    </row>
    <row r="200" spans="1:7" x14ac:dyDescent="0.3">
      <c r="A200" s="13" t="s">
        <v>12</v>
      </c>
      <c r="B200" s="14" t="s">
        <v>1</v>
      </c>
      <c r="C200" s="14" t="s">
        <v>13</v>
      </c>
      <c r="D200" s="14" t="s">
        <v>14</v>
      </c>
      <c r="E200" s="15">
        <v>45576</v>
      </c>
      <c r="F200" s="14" t="s">
        <v>15</v>
      </c>
      <c r="G200" s="16">
        <v>1.6370512971234128</v>
      </c>
    </row>
    <row r="201" spans="1:7" x14ac:dyDescent="0.3">
      <c r="A201" s="13" t="s">
        <v>12</v>
      </c>
      <c r="B201" s="14" t="s">
        <v>1</v>
      </c>
      <c r="C201" s="14" t="s">
        <v>13</v>
      </c>
      <c r="D201" s="14" t="s">
        <v>14</v>
      </c>
      <c r="E201" s="15">
        <v>45577</v>
      </c>
      <c r="F201" s="14" t="s">
        <v>15</v>
      </c>
      <c r="G201" s="16">
        <v>1.6370512971234128</v>
      </c>
    </row>
    <row r="202" spans="1:7" x14ac:dyDescent="0.3">
      <c r="A202" s="13" t="s">
        <v>12</v>
      </c>
      <c r="B202" s="14" t="s">
        <v>1</v>
      </c>
      <c r="C202" s="14" t="s">
        <v>13</v>
      </c>
      <c r="D202" s="14" t="s">
        <v>14</v>
      </c>
      <c r="E202" s="15">
        <v>45578</v>
      </c>
      <c r="F202" s="14" t="s">
        <v>15</v>
      </c>
      <c r="G202" s="16">
        <v>1.6370512971234128</v>
      </c>
    </row>
    <row r="203" spans="1:7" x14ac:dyDescent="0.3">
      <c r="A203" s="13" t="s">
        <v>12</v>
      </c>
      <c r="B203" s="14" t="s">
        <v>1</v>
      </c>
      <c r="C203" s="14" t="s">
        <v>13</v>
      </c>
      <c r="D203" s="14" t="s">
        <v>14</v>
      </c>
      <c r="E203" s="15">
        <v>45579</v>
      </c>
      <c r="F203" s="14" t="s">
        <v>15</v>
      </c>
      <c r="G203" s="16">
        <v>1.6423786586516886</v>
      </c>
    </row>
    <row r="204" spans="1:7" x14ac:dyDescent="0.3">
      <c r="A204" s="13" t="s">
        <v>12</v>
      </c>
      <c r="B204" s="14" t="s">
        <v>1</v>
      </c>
      <c r="C204" s="14" t="s">
        <v>13</v>
      </c>
      <c r="D204" s="14" t="s">
        <v>14</v>
      </c>
      <c r="E204" s="15">
        <v>45580</v>
      </c>
      <c r="F204" s="14" t="s">
        <v>15</v>
      </c>
      <c r="G204" s="16">
        <v>1.6583954325140922</v>
      </c>
    </row>
    <row r="205" spans="1:7" x14ac:dyDescent="0.3">
      <c r="A205" s="13" t="s">
        <v>12</v>
      </c>
      <c r="B205" s="14" t="s">
        <v>1</v>
      </c>
      <c r="C205" s="14" t="s">
        <v>13</v>
      </c>
      <c r="D205" s="14" t="s">
        <v>14</v>
      </c>
      <c r="E205" s="15">
        <v>45581</v>
      </c>
      <c r="F205" s="14" t="s">
        <v>15</v>
      </c>
      <c r="G205" s="16">
        <v>1.6637072486241002</v>
      </c>
    </row>
    <row r="206" spans="1:7" x14ac:dyDescent="0.3">
      <c r="A206" s="13" t="s">
        <v>12</v>
      </c>
      <c r="B206" s="14" t="s">
        <v>1</v>
      </c>
      <c r="C206" s="14" t="s">
        <v>13</v>
      </c>
      <c r="D206" s="14" t="s">
        <v>14</v>
      </c>
      <c r="E206" s="15">
        <v>45582</v>
      </c>
      <c r="F206" s="14" t="s">
        <v>15</v>
      </c>
      <c r="G206" s="16">
        <v>1.6690335126839595</v>
      </c>
    </row>
    <row r="207" spans="1:7" x14ac:dyDescent="0.3">
      <c r="A207" s="13" t="s">
        <v>12</v>
      </c>
      <c r="B207" s="14" t="s">
        <v>1</v>
      </c>
      <c r="C207" s="14" t="s">
        <v>13</v>
      </c>
      <c r="D207" s="14" t="s">
        <v>14</v>
      </c>
      <c r="E207" s="15">
        <v>45583</v>
      </c>
      <c r="F207" s="14" t="s">
        <v>15</v>
      </c>
      <c r="G207" s="16">
        <v>1.6743446693206283</v>
      </c>
    </row>
    <row r="208" spans="1:7" x14ac:dyDescent="0.3">
      <c r="A208" s="13" t="s">
        <v>12</v>
      </c>
      <c r="B208" s="14" t="s">
        <v>1</v>
      </c>
      <c r="C208" s="14" t="s">
        <v>13</v>
      </c>
      <c r="D208" s="14" t="s">
        <v>14</v>
      </c>
      <c r="E208" s="15">
        <v>45584</v>
      </c>
      <c r="F208" s="14" t="s">
        <v>15</v>
      </c>
      <c r="G208" s="16">
        <v>1.6743446693206283</v>
      </c>
    </row>
    <row r="209" spans="1:7" x14ac:dyDescent="0.3">
      <c r="A209" s="13" t="s">
        <v>12</v>
      </c>
      <c r="B209" s="14" t="s">
        <v>1</v>
      </c>
      <c r="C209" s="14" t="s">
        <v>13</v>
      </c>
      <c r="D209" s="14" t="s">
        <v>14</v>
      </c>
      <c r="E209" s="15">
        <v>45585</v>
      </c>
      <c r="F209" s="14" t="s">
        <v>15</v>
      </c>
      <c r="G209" s="16">
        <v>1.6743446693206283</v>
      </c>
    </row>
    <row r="210" spans="1:7" x14ac:dyDescent="0.3">
      <c r="A210" s="13" t="s">
        <v>12</v>
      </c>
      <c r="B210" s="14" t="s">
        <v>1</v>
      </c>
      <c r="C210" s="14" t="s">
        <v>13</v>
      </c>
      <c r="D210" s="14" t="s">
        <v>14</v>
      </c>
      <c r="E210" s="15">
        <v>45586</v>
      </c>
      <c r="F210" s="14" t="s">
        <v>15</v>
      </c>
      <c r="G210" s="16">
        <v>1.6787641619295917</v>
      </c>
    </row>
    <row r="211" spans="1:7" x14ac:dyDescent="0.3">
      <c r="A211" s="13" t="s">
        <v>12</v>
      </c>
      <c r="B211" s="14" t="s">
        <v>1</v>
      </c>
      <c r="C211" s="14" t="s">
        <v>13</v>
      </c>
      <c r="D211" s="14" t="s">
        <v>14</v>
      </c>
      <c r="E211" s="15">
        <v>45587</v>
      </c>
      <c r="F211" s="14" t="s">
        <v>15</v>
      </c>
      <c r="G211" s="16">
        <v>1.6952204629820322</v>
      </c>
    </row>
    <row r="212" spans="1:7" x14ac:dyDescent="0.3">
      <c r="A212" s="13" t="s">
        <v>12</v>
      </c>
      <c r="B212" s="14" t="s">
        <v>1</v>
      </c>
      <c r="C212" s="14" t="s">
        <v>13</v>
      </c>
      <c r="D212" s="14" t="s">
        <v>14</v>
      </c>
      <c r="E212" s="15">
        <v>45588</v>
      </c>
      <c r="F212" s="14" t="s">
        <v>15</v>
      </c>
      <c r="G212" s="16">
        <v>1.700707228689577</v>
      </c>
    </row>
    <row r="213" spans="1:7" x14ac:dyDescent="0.3">
      <c r="A213" s="13" t="s">
        <v>12</v>
      </c>
      <c r="B213" s="14" t="s">
        <v>1</v>
      </c>
      <c r="C213" s="14" t="s">
        <v>13</v>
      </c>
      <c r="D213" s="14" t="s">
        <v>14</v>
      </c>
      <c r="E213" s="15">
        <v>45589</v>
      </c>
      <c r="F213" s="14" t="s">
        <v>15</v>
      </c>
      <c r="G213" s="16">
        <v>1.7061832052219204</v>
      </c>
    </row>
    <row r="214" spans="1:7" x14ac:dyDescent="0.3">
      <c r="A214" s="13" t="s">
        <v>12</v>
      </c>
      <c r="B214" s="14" t="s">
        <v>1</v>
      </c>
      <c r="C214" s="14" t="s">
        <v>13</v>
      </c>
      <c r="D214" s="14" t="s">
        <v>14</v>
      </c>
      <c r="E214" s="15">
        <v>45590</v>
      </c>
      <c r="F214" s="14" t="s">
        <v>15</v>
      </c>
      <c r="G214" s="16">
        <v>1.7116910558272924</v>
      </c>
    </row>
    <row r="215" spans="1:7" x14ac:dyDescent="0.3">
      <c r="A215" s="13" t="s">
        <v>12</v>
      </c>
      <c r="B215" s="14" t="s">
        <v>1</v>
      </c>
      <c r="C215" s="14" t="s">
        <v>13</v>
      </c>
      <c r="D215" s="14" t="s">
        <v>14</v>
      </c>
      <c r="E215" s="15">
        <v>45591</v>
      </c>
      <c r="F215" s="14" t="s">
        <v>15</v>
      </c>
      <c r="G215" s="16">
        <v>1.7116910558272924</v>
      </c>
    </row>
    <row r="216" spans="1:7" x14ac:dyDescent="0.3">
      <c r="A216" s="13" t="s">
        <v>12</v>
      </c>
      <c r="B216" s="14" t="s">
        <v>1</v>
      </c>
      <c r="C216" s="14" t="s">
        <v>13</v>
      </c>
      <c r="D216" s="14" t="s">
        <v>14</v>
      </c>
      <c r="E216" s="15">
        <v>45592</v>
      </c>
      <c r="F216" s="14" t="s">
        <v>15</v>
      </c>
      <c r="G216" s="16">
        <v>1.7116910558272924</v>
      </c>
    </row>
    <row r="217" spans="1:7" x14ac:dyDescent="0.3">
      <c r="A217" s="13" t="s">
        <v>12</v>
      </c>
      <c r="B217" s="14" t="s">
        <v>1</v>
      </c>
      <c r="C217" s="14" t="s">
        <v>13</v>
      </c>
      <c r="D217" s="14" t="s">
        <v>14</v>
      </c>
      <c r="E217" s="15">
        <v>45593</v>
      </c>
      <c r="F217" s="14" t="s">
        <v>15</v>
      </c>
      <c r="G217" s="16">
        <v>1.7116910558272924</v>
      </c>
    </row>
    <row r="218" spans="1:7" x14ac:dyDescent="0.3">
      <c r="A218" s="13" t="s">
        <v>12</v>
      </c>
      <c r="B218" s="14" t="s">
        <v>1</v>
      </c>
      <c r="C218" s="14" t="s">
        <v>13</v>
      </c>
      <c r="D218" s="14" t="s">
        <v>14</v>
      </c>
      <c r="E218" s="15">
        <v>45594</v>
      </c>
      <c r="F218" s="14" t="s">
        <v>15</v>
      </c>
      <c r="G218" s="16">
        <v>1.7199232147766839</v>
      </c>
    </row>
    <row r="219" spans="1:7" x14ac:dyDescent="0.3">
      <c r="A219" s="13" t="s">
        <v>12</v>
      </c>
      <c r="B219" s="14" t="s">
        <v>1</v>
      </c>
      <c r="C219" s="14" t="s">
        <v>13</v>
      </c>
      <c r="D219" s="14" t="s">
        <v>14</v>
      </c>
      <c r="E219" s="15">
        <v>45595</v>
      </c>
      <c r="F219" s="14" t="s">
        <v>15</v>
      </c>
      <c r="G219" s="16">
        <v>1.7419755812358249</v>
      </c>
    </row>
    <row r="220" spans="1:7" x14ac:dyDescent="0.3">
      <c r="A220" s="13" t="s">
        <v>12</v>
      </c>
      <c r="B220" s="14" t="s">
        <v>1</v>
      </c>
      <c r="C220" s="14" t="s">
        <v>13</v>
      </c>
      <c r="D220" s="14" t="s">
        <v>14</v>
      </c>
      <c r="E220" s="15">
        <v>45596</v>
      </c>
      <c r="F220" s="14" t="s">
        <v>15</v>
      </c>
      <c r="G220" s="16">
        <v>1.7474702100856978</v>
      </c>
    </row>
    <row r="221" spans="1:7" x14ac:dyDescent="0.3">
      <c r="A221" s="13" t="s">
        <v>12</v>
      </c>
      <c r="B221" s="14" t="s">
        <v>1</v>
      </c>
      <c r="C221" s="14" t="s">
        <v>13</v>
      </c>
      <c r="D221" s="14" t="s">
        <v>14</v>
      </c>
      <c r="E221" s="15">
        <v>45597</v>
      </c>
      <c r="F221" s="14" t="s">
        <v>15</v>
      </c>
      <c r="G221" s="16">
        <v>1.75274123393329</v>
      </c>
    </row>
    <row r="222" spans="1:7" x14ac:dyDescent="0.3">
      <c r="A222" s="13" t="s">
        <v>12</v>
      </c>
      <c r="B222" s="14" t="s">
        <v>1</v>
      </c>
      <c r="C222" s="14" t="s">
        <v>13</v>
      </c>
      <c r="D222" s="14" t="s">
        <v>14</v>
      </c>
      <c r="E222" s="15">
        <v>45598</v>
      </c>
      <c r="F222" s="14" t="s">
        <v>15</v>
      </c>
      <c r="G222" s="16">
        <v>1.75274123393329</v>
      </c>
    </row>
    <row r="223" spans="1:7" x14ac:dyDescent="0.3">
      <c r="A223" s="13" t="s">
        <v>12</v>
      </c>
      <c r="B223" s="14" t="s">
        <v>1</v>
      </c>
      <c r="C223" s="14" t="s">
        <v>13</v>
      </c>
      <c r="D223" s="14" t="s">
        <v>14</v>
      </c>
      <c r="E223" s="15">
        <v>45599</v>
      </c>
      <c r="F223" s="14" t="s">
        <v>15</v>
      </c>
      <c r="G223" s="16">
        <v>1.75274123393329</v>
      </c>
    </row>
    <row r="224" spans="1:7" x14ac:dyDescent="0.3">
      <c r="A224" s="13" t="s">
        <v>12</v>
      </c>
      <c r="B224" s="14" t="s">
        <v>1</v>
      </c>
      <c r="C224" s="14" t="s">
        <v>13</v>
      </c>
      <c r="D224" s="14" t="s">
        <v>14</v>
      </c>
      <c r="E224" s="15">
        <v>45600</v>
      </c>
      <c r="F224" s="14" t="s">
        <v>15</v>
      </c>
      <c r="G224" s="16">
        <v>1.7663809849829415</v>
      </c>
    </row>
    <row r="225" spans="1:7" x14ac:dyDescent="0.3">
      <c r="A225" s="13" t="s">
        <v>12</v>
      </c>
      <c r="B225" s="14" t="s">
        <v>1</v>
      </c>
      <c r="C225" s="14" t="s">
        <v>13</v>
      </c>
      <c r="D225" s="14" t="s">
        <v>14</v>
      </c>
      <c r="E225" s="15">
        <v>45601</v>
      </c>
      <c r="F225" s="14" t="s">
        <v>15</v>
      </c>
      <c r="G225" s="16">
        <v>1.783041073912955</v>
      </c>
    </row>
    <row r="226" spans="1:7" x14ac:dyDescent="0.3">
      <c r="A226" s="13" t="s">
        <v>12</v>
      </c>
      <c r="B226" s="14" t="s">
        <v>1</v>
      </c>
      <c r="C226" s="14" t="s">
        <v>13</v>
      </c>
      <c r="D226" s="14" t="s">
        <v>14</v>
      </c>
      <c r="E226" s="15">
        <v>45602</v>
      </c>
      <c r="F226" s="14" t="s">
        <v>15</v>
      </c>
      <c r="G226" s="16">
        <v>1.7978113131150442</v>
      </c>
    </row>
    <row r="227" spans="1:7" x14ac:dyDescent="0.3">
      <c r="A227" s="13" t="s">
        <v>12</v>
      </c>
      <c r="B227" s="14" t="s">
        <v>1</v>
      </c>
      <c r="C227" s="14" t="s">
        <v>13</v>
      </c>
      <c r="D227" s="14" t="s">
        <v>14</v>
      </c>
      <c r="E227" s="15">
        <v>45603</v>
      </c>
      <c r="F227" s="14" t="s">
        <v>15</v>
      </c>
      <c r="G227" s="16">
        <v>1.8032787050980466</v>
      </c>
    </row>
    <row r="228" spans="1:7" x14ac:dyDescent="0.3">
      <c r="A228" s="13" t="s">
        <v>12</v>
      </c>
      <c r="B228" s="14" t="s">
        <v>1</v>
      </c>
      <c r="C228" s="14" t="s">
        <v>13</v>
      </c>
      <c r="D228" s="14" t="s">
        <v>14</v>
      </c>
      <c r="E228" s="15">
        <v>45604</v>
      </c>
      <c r="F228" s="14" t="s">
        <v>15</v>
      </c>
      <c r="G228" s="16">
        <v>1.8087181940133759</v>
      </c>
    </row>
    <row r="229" spans="1:7" x14ac:dyDescent="0.3">
      <c r="A229" s="13" t="s">
        <v>12</v>
      </c>
      <c r="B229" s="14" t="s">
        <v>1</v>
      </c>
      <c r="C229" s="14" t="s">
        <v>13</v>
      </c>
      <c r="D229" s="14" t="s">
        <v>14</v>
      </c>
      <c r="E229" s="15">
        <v>45605</v>
      </c>
      <c r="F229" s="14" t="s">
        <v>15</v>
      </c>
      <c r="G229" s="16">
        <v>1.8087181940133759</v>
      </c>
    </row>
    <row r="230" spans="1:7" x14ac:dyDescent="0.3">
      <c r="A230" s="13" t="s">
        <v>12</v>
      </c>
      <c r="B230" s="14" t="s">
        <v>1</v>
      </c>
      <c r="C230" s="14" t="s">
        <v>13</v>
      </c>
      <c r="D230" s="14" t="s">
        <v>14</v>
      </c>
      <c r="E230" s="15">
        <v>45606</v>
      </c>
      <c r="F230" s="14" t="s">
        <v>15</v>
      </c>
      <c r="G230" s="16">
        <v>1.8087181940133759</v>
      </c>
    </row>
    <row r="231" spans="1:7" x14ac:dyDescent="0.3">
      <c r="A231" s="13" t="s">
        <v>12</v>
      </c>
      <c r="B231" s="14" t="s">
        <v>1</v>
      </c>
      <c r="C231" s="14" t="s">
        <v>13</v>
      </c>
      <c r="D231" s="14" t="s">
        <v>14</v>
      </c>
      <c r="E231" s="15">
        <v>45607</v>
      </c>
      <c r="F231" s="14" t="s">
        <v>15</v>
      </c>
      <c r="G231" s="16">
        <v>1.8141127981782497</v>
      </c>
    </row>
    <row r="232" spans="1:7" x14ac:dyDescent="0.3">
      <c r="A232" s="13" t="s">
        <v>12</v>
      </c>
      <c r="B232" s="14" t="s">
        <v>1</v>
      </c>
      <c r="C232" s="14" t="s">
        <v>13</v>
      </c>
      <c r="D232" s="14" t="s">
        <v>14</v>
      </c>
      <c r="E232" s="15">
        <v>45608</v>
      </c>
      <c r="F232" s="14" t="s">
        <v>15</v>
      </c>
      <c r="G232" s="16">
        <v>1.8302284547723482</v>
      </c>
    </row>
    <row r="233" spans="1:7" x14ac:dyDescent="0.3">
      <c r="A233" s="13" t="s">
        <v>12</v>
      </c>
      <c r="B233" s="14" t="s">
        <v>1</v>
      </c>
      <c r="C233" s="14" t="s">
        <v>13</v>
      </c>
      <c r="D233" s="14" t="s">
        <v>14</v>
      </c>
      <c r="E233" s="15">
        <v>45609</v>
      </c>
      <c r="F233" s="14" t="s">
        <v>15</v>
      </c>
      <c r="G233" s="16">
        <v>1.8355903422463784</v>
      </c>
    </row>
    <row r="234" spans="1:7" x14ac:dyDescent="0.3">
      <c r="A234" s="13" t="s">
        <v>12</v>
      </c>
      <c r="B234" s="14" t="s">
        <v>1</v>
      </c>
      <c r="C234" s="14" t="s">
        <v>13</v>
      </c>
      <c r="D234" s="14" t="s">
        <v>14</v>
      </c>
      <c r="E234" s="15">
        <v>45610</v>
      </c>
      <c r="F234" s="14" t="s">
        <v>15</v>
      </c>
      <c r="G234" s="16">
        <v>1.8844466962444371</v>
      </c>
    </row>
    <row r="235" spans="1:7" x14ac:dyDescent="0.3">
      <c r="A235" s="13" t="s">
        <v>12</v>
      </c>
      <c r="B235" s="14" t="s">
        <v>1</v>
      </c>
      <c r="C235" s="14" t="s">
        <v>13</v>
      </c>
      <c r="D235" s="14" t="s">
        <v>14</v>
      </c>
      <c r="E235" s="15">
        <v>45611</v>
      </c>
      <c r="F235" s="14" t="s">
        <v>15</v>
      </c>
      <c r="G235" s="16">
        <v>1.9153890920289398</v>
      </c>
    </row>
    <row r="236" spans="1:7" x14ac:dyDescent="0.3">
      <c r="A236" s="13" t="s">
        <v>12</v>
      </c>
      <c r="B236" s="14" t="s">
        <v>1</v>
      </c>
      <c r="C236" s="14" t="s">
        <v>13</v>
      </c>
      <c r="D236" s="14" t="s">
        <v>14</v>
      </c>
      <c r="E236" s="15">
        <v>45612</v>
      </c>
      <c r="F236" s="14" t="s">
        <v>15</v>
      </c>
      <c r="G236" s="16">
        <v>1.9153890920289398</v>
      </c>
    </row>
    <row r="237" spans="1:7" x14ac:dyDescent="0.3">
      <c r="A237" s="13" t="s">
        <v>12</v>
      </c>
      <c r="B237" s="14" t="s">
        <v>1</v>
      </c>
      <c r="C237" s="14" t="s">
        <v>13</v>
      </c>
      <c r="D237" s="14" t="s">
        <v>14</v>
      </c>
      <c r="E237" s="15">
        <v>45613</v>
      </c>
      <c r="F237" s="14" t="s">
        <v>15</v>
      </c>
      <c r="G237" s="16">
        <v>1.9153890920289398</v>
      </c>
    </row>
    <row r="238" spans="1:7" x14ac:dyDescent="0.3">
      <c r="A238" s="13" t="s">
        <v>12</v>
      </c>
      <c r="B238" s="14" t="s">
        <v>1</v>
      </c>
      <c r="C238" s="14" t="s">
        <v>13</v>
      </c>
      <c r="D238" s="14" t="s">
        <v>14</v>
      </c>
      <c r="E238" s="15">
        <v>45614</v>
      </c>
      <c r="F238" s="14" t="s">
        <v>15</v>
      </c>
      <c r="G238" s="16">
        <v>1.9206401315917541</v>
      </c>
    </row>
    <row r="239" spans="1:7" x14ac:dyDescent="0.3">
      <c r="A239" s="13" t="s">
        <v>12</v>
      </c>
      <c r="B239" s="14" t="s">
        <v>1</v>
      </c>
      <c r="C239" s="14" t="s">
        <v>13</v>
      </c>
      <c r="D239" s="14" t="s">
        <v>14</v>
      </c>
      <c r="E239" s="15">
        <v>45615</v>
      </c>
      <c r="F239" s="14" t="s">
        <v>15</v>
      </c>
      <c r="G239" s="16">
        <v>1.9355375770358605</v>
      </c>
    </row>
    <row r="240" spans="1:7" x14ac:dyDescent="0.3">
      <c r="A240" s="13" t="s">
        <v>12</v>
      </c>
      <c r="B240" s="14" t="s">
        <v>1</v>
      </c>
      <c r="C240" s="14" t="s">
        <v>13</v>
      </c>
      <c r="D240" s="14" t="s">
        <v>14</v>
      </c>
      <c r="E240" s="15">
        <v>45616</v>
      </c>
      <c r="F240" s="14" t="s">
        <v>15</v>
      </c>
      <c r="G240" s="16">
        <v>1.940694029922597</v>
      </c>
    </row>
    <row r="241" spans="1:7" x14ac:dyDescent="0.3">
      <c r="A241" s="13" t="s">
        <v>12</v>
      </c>
      <c r="B241" s="14" t="s">
        <v>1</v>
      </c>
      <c r="C241" s="14" t="s">
        <v>13</v>
      </c>
      <c r="D241" s="14" t="s">
        <v>14</v>
      </c>
      <c r="E241" s="15">
        <v>45617</v>
      </c>
      <c r="F241" s="14" t="s">
        <v>15</v>
      </c>
      <c r="G241" s="16">
        <v>1.9458406942878281</v>
      </c>
    </row>
    <row r="242" spans="1:7" x14ac:dyDescent="0.3">
      <c r="A242" s="13" t="s">
        <v>12</v>
      </c>
      <c r="B242" s="14" t="s">
        <v>1</v>
      </c>
      <c r="C242" s="14" t="s">
        <v>13</v>
      </c>
      <c r="D242" s="14" t="s">
        <v>14</v>
      </c>
      <c r="E242" s="15">
        <v>45618</v>
      </c>
      <c r="F242" s="14" t="s">
        <v>15</v>
      </c>
      <c r="G242" s="16">
        <v>1.9509907093598802</v>
      </c>
    </row>
    <row r="243" spans="1:7" x14ac:dyDescent="0.3">
      <c r="A243" s="13" t="s">
        <v>12</v>
      </c>
      <c r="B243" s="14" t="s">
        <v>1</v>
      </c>
      <c r="C243" s="14" t="s">
        <v>13</v>
      </c>
      <c r="D243" s="14" t="s">
        <v>14</v>
      </c>
      <c r="E243" s="15">
        <v>45619</v>
      </c>
      <c r="F243" s="14" t="s">
        <v>15</v>
      </c>
      <c r="G243" s="16">
        <v>1.9509907093598802</v>
      </c>
    </row>
    <row r="244" spans="1:7" x14ac:dyDescent="0.3">
      <c r="A244" s="13" t="s">
        <v>12</v>
      </c>
      <c r="B244" s="14" t="s">
        <v>1</v>
      </c>
      <c r="C244" s="14" t="s">
        <v>13</v>
      </c>
      <c r="D244" s="14" t="s">
        <v>14</v>
      </c>
      <c r="E244" s="15">
        <v>45620</v>
      </c>
      <c r="F244" s="14" t="s">
        <v>15</v>
      </c>
      <c r="G244" s="16">
        <v>1.9509907093598802</v>
      </c>
    </row>
    <row r="245" spans="1:7" x14ac:dyDescent="0.3">
      <c r="A245" s="13" t="s">
        <v>12</v>
      </c>
      <c r="B245" s="14" t="s">
        <v>1</v>
      </c>
      <c r="C245" s="14" t="s">
        <v>13</v>
      </c>
      <c r="D245" s="14" t="s">
        <v>14</v>
      </c>
      <c r="E245" s="15">
        <v>45621</v>
      </c>
      <c r="F245" s="14" t="s">
        <v>15</v>
      </c>
      <c r="G245" s="16">
        <v>1.9560884311775693</v>
      </c>
    </row>
    <row r="246" spans="1:7" x14ac:dyDescent="0.3">
      <c r="A246" s="13" t="s">
        <v>12</v>
      </c>
      <c r="B246" s="14" t="s">
        <v>1</v>
      </c>
      <c r="C246" s="14" t="s">
        <v>13</v>
      </c>
      <c r="D246" s="14" t="s">
        <v>14</v>
      </c>
      <c r="E246" s="15">
        <v>45622</v>
      </c>
      <c r="F246" s="14" t="s">
        <v>15</v>
      </c>
      <c r="G246" s="16">
        <v>1.9713915003949829</v>
      </c>
    </row>
    <row r="247" spans="1:7" x14ac:dyDescent="0.3">
      <c r="A247" s="13" t="s">
        <v>12</v>
      </c>
      <c r="B247" s="14" t="s">
        <v>1</v>
      </c>
      <c r="C247" s="14" t="s">
        <v>13</v>
      </c>
      <c r="D247" s="14" t="s">
        <v>14</v>
      </c>
      <c r="E247" s="15">
        <v>45623</v>
      </c>
      <c r="F247" s="14" t="s">
        <v>15</v>
      </c>
      <c r="G247" s="16">
        <v>1.976381971856789</v>
      </c>
    </row>
    <row r="248" spans="1:7" x14ac:dyDescent="0.3">
      <c r="A248" s="13" t="s">
        <v>12</v>
      </c>
      <c r="B248" s="14" t="s">
        <v>1</v>
      </c>
      <c r="C248" s="14" t="s">
        <v>13</v>
      </c>
      <c r="D248" s="14" t="s">
        <v>14</v>
      </c>
      <c r="E248" s="15">
        <v>45624</v>
      </c>
      <c r="F248" s="14" t="s">
        <v>15</v>
      </c>
      <c r="G248" s="16">
        <v>1.9836126894648247</v>
      </c>
    </row>
    <row r="249" spans="1:7" x14ac:dyDescent="0.3">
      <c r="A249" s="13" t="s">
        <v>12</v>
      </c>
      <c r="B249" s="14" t="s">
        <v>1</v>
      </c>
      <c r="C249" s="14" t="s">
        <v>13</v>
      </c>
      <c r="D249" s="14" t="s">
        <v>14</v>
      </c>
      <c r="E249" s="15">
        <v>45625</v>
      </c>
      <c r="F249" s="14" t="s">
        <v>15</v>
      </c>
      <c r="G249" s="16">
        <v>1.9888406569355128</v>
      </c>
    </row>
    <row r="250" spans="1:7" x14ac:dyDescent="0.3">
      <c r="A250" s="13" t="s">
        <v>12</v>
      </c>
      <c r="B250" s="14" t="s">
        <v>1</v>
      </c>
      <c r="C250" s="14" t="s">
        <v>13</v>
      </c>
      <c r="D250" s="14" t="s">
        <v>14</v>
      </c>
      <c r="E250" s="15">
        <v>45626</v>
      </c>
      <c r="F250" s="14" t="s">
        <v>15</v>
      </c>
      <c r="G250" s="16">
        <v>1.9888406569355128</v>
      </c>
    </row>
    <row r="251" spans="1:7" x14ac:dyDescent="0.3">
      <c r="A251" s="13" t="s">
        <v>12</v>
      </c>
      <c r="B251" s="14" t="s">
        <v>1</v>
      </c>
      <c r="C251" s="14" t="s">
        <v>13</v>
      </c>
      <c r="D251" s="14" t="s">
        <v>14</v>
      </c>
      <c r="E251" s="15">
        <v>45627</v>
      </c>
      <c r="F251" s="14" t="s">
        <v>15</v>
      </c>
      <c r="G251" s="16">
        <v>1.9888406569355128</v>
      </c>
    </row>
    <row r="252" spans="1:7" x14ac:dyDescent="0.3">
      <c r="A252" s="13" t="s">
        <v>12</v>
      </c>
      <c r="B252" s="14" t="s">
        <v>1</v>
      </c>
      <c r="C252" s="14" t="s">
        <v>13</v>
      </c>
      <c r="D252" s="14" t="s">
        <v>14</v>
      </c>
      <c r="E252" s="15">
        <v>45628</v>
      </c>
      <c r="F252" s="14" t="s">
        <v>15</v>
      </c>
      <c r="G252" s="16">
        <v>2.002331649648164</v>
      </c>
    </row>
    <row r="253" spans="1:7" x14ac:dyDescent="0.3">
      <c r="A253" s="13" t="s">
        <v>12</v>
      </c>
      <c r="B253" s="14" t="s">
        <v>1</v>
      </c>
      <c r="C253" s="14" t="s">
        <v>13</v>
      </c>
      <c r="D253" s="14" t="s">
        <v>14</v>
      </c>
      <c r="E253" s="15">
        <v>45629</v>
      </c>
      <c r="F253" s="14" t="s">
        <v>15</v>
      </c>
      <c r="G253" s="16">
        <v>2.0152807536738031</v>
      </c>
    </row>
    <row r="254" spans="1:7" x14ac:dyDescent="0.3">
      <c r="A254" s="13" t="s">
        <v>12</v>
      </c>
      <c r="B254" s="14" t="s">
        <v>1</v>
      </c>
      <c r="C254" s="14" t="s">
        <v>13</v>
      </c>
      <c r="D254" s="14" t="s">
        <v>14</v>
      </c>
      <c r="E254" s="15">
        <v>45630</v>
      </c>
      <c r="F254" s="14" t="s">
        <v>15</v>
      </c>
      <c r="G254" s="16">
        <v>2.0273403406900394</v>
      </c>
    </row>
    <row r="255" spans="1:7" x14ac:dyDescent="0.3">
      <c r="A255" s="13" t="s">
        <v>12</v>
      </c>
      <c r="B255" s="14" t="s">
        <v>1</v>
      </c>
      <c r="C255" s="14" t="s">
        <v>13</v>
      </c>
      <c r="D255" s="14" t="s">
        <v>14</v>
      </c>
      <c r="E255" s="15">
        <v>45631</v>
      </c>
      <c r="F255" s="14" t="s">
        <v>15</v>
      </c>
      <c r="G255" s="16">
        <v>2.0406902211447333</v>
      </c>
    </row>
    <row r="256" spans="1:7" x14ac:dyDescent="0.3">
      <c r="A256" s="13" t="s">
        <v>12</v>
      </c>
      <c r="B256" s="14" t="s">
        <v>1</v>
      </c>
      <c r="C256" s="14" t="s">
        <v>13</v>
      </c>
      <c r="D256" s="14" t="s">
        <v>14</v>
      </c>
      <c r="E256" s="15">
        <v>45632</v>
      </c>
      <c r="F256" s="14" t="s">
        <v>15</v>
      </c>
      <c r="G256" s="16">
        <v>2.0456646799814284</v>
      </c>
    </row>
    <row r="257" spans="1:7" x14ac:dyDescent="0.3">
      <c r="A257" s="13" t="s">
        <v>12</v>
      </c>
      <c r="B257" s="14" t="s">
        <v>1</v>
      </c>
      <c r="C257" s="14" t="s">
        <v>13</v>
      </c>
      <c r="D257" s="14" t="s">
        <v>14</v>
      </c>
      <c r="E257" s="15">
        <v>45633</v>
      </c>
      <c r="F257" s="14" t="s">
        <v>15</v>
      </c>
      <c r="G257" s="16">
        <v>2.0456646799814284</v>
      </c>
    </row>
    <row r="258" spans="1:7" x14ac:dyDescent="0.3">
      <c r="A258" s="13" t="s">
        <v>12</v>
      </c>
      <c r="B258" s="14" t="s">
        <v>1</v>
      </c>
      <c r="C258" s="14" t="s">
        <v>13</v>
      </c>
      <c r="D258" s="14" t="s">
        <v>14</v>
      </c>
      <c r="E258" s="15">
        <v>45634</v>
      </c>
      <c r="F258" s="14" t="s">
        <v>15</v>
      </c>
      <c r="G258" s="16">
        <v>2.0456646799814284</v>
      </c>
    </row>
    <row r="259" spans="1:7" x14ac:dyDescent="0.3">
      <c r="A259" s="13" t="s">
        <v>12</v>
      </c>
      <c r="B259" s="14" t="s">
        <v>1</v>
      </c>
      <c r="C259" s="14" t="s">
        <v>13</v>
      </c>
      <c r="D259" s="14" t="s">
        <v>14</v>
      </c>
      <c r="E259" s="15">
        <v>45635</v>
      </c>
      <c r="F259" s="14" t="s">
        <v>15</v>
      </c>
      <c r="G259" s="16">
        <v>2.0506163366196488</v>
      </c>
    </row>
    <row r="260" spans="1:7" x14ac:dyDescent="0.3">
      <c r="A260" s="13" t="s">
        <v>12</v>
      </c>
      <c r="B260" s="14" t="s">
        <v>1</v>
      </c>
      <c r="C260" s="14" t="s">
        <v>13</v>
      </c>
      <c r="D260" s="14" t="s">
        <v>14</v>
      </c>
      <c r="E260" s="15">
        <v>45636</v>
      </c>
      <c r="F260" s="14" t="s">
        <v>15</v>
      </c>
      <c r="G260" s="16">
        <v>2.0654921167162388</v>
      </c>
    </row>
    <row r="261" spans="1:7" x14ac:dyDescent="0.3">
      <c r="A261" s="13" t="s">
        <v>12</v>
      </c>
      <c r="B261" s="14" t="s">
        <v>1</v>
      </c>
      <c r="C261" s="14" t="s">
        <v>13</v>
      </c>
      <c r="D261" s="14" t="s">
        <v>14</v>
      </c>
      <c r="E261" s="15">
        <v>45637</v>
      </c>
      <c r="F261" s="14" t="s">
        <v>15</v>
      </c>
      <c r="G261" s="16">
        <v>2.0845135215470934</v>
      </c>
    </row>
    <row r="262" spans="1:7" x14ac:dyDescent="0.3">
      <c r="A262" s="13" t="s">
        <v>12</v>
      </c>
      <c r="B262" s="14" t="s">
        <v>1</v>
      </c>
      <c r="C262" s="14" t="s">
        <v>13</v>
      </c>
      <c r="D262" s="14" t="s">
        <v>14</v>
      </c>
      <c r="E262" s="15">
        <v>45638</v>
      </c>
      <c r="F262" s="14" t="s">
        <v>15</v>
      </c>
      <c r="G262" s="16">
        <v>2.0894790780886989</v>
      </c>
    </row>
    <row r="263" spans="1:7" x14ac:dyDescent="0.3">
      <c r="A263" s="13" t="s">
        <v>12</v>
      </c>
      <c r="B263" s="14" t="s">
        <v>1</v>
      </c>
      <c r="C263" s="14" t="s">
        <v>13</v>
      </c>
      <c r="D263" s="14" t="s">
        <v>14</v>
      </c>
      <c r="E263" s="15">
        <v>45639</v>
      </c>
      <c r="F263" s="14" t="s">
        <v>15</v>
      </c>
      <c r="G263" s="16">
        <v>2.1369913408768886</v>
      </c>
    </row>
    <row r="264" spans="1:7" x14ac:dyDescent="0.3">
      <c r="A264" s="13" t="s">
        <v>12</v>
      </c>
      <c r="B264" s="14" t="s">
        <v>1</v>
      </c>
      <c r="C264" s="14" t="s">
        <v>13</v>
      </c>
      <c r="D264" s="14" t="s">
        <v>14</v>
      </c>
      <c r="E264" s="15">
        <v>45640</v>
      </c>
      <c r="F264" s="14" t="s">
        <v>15</v>
      </c>
      <c r="G264" s="16">
        <v>2.1369913408768886</v>
      </c>
    </row>
    <row r="265" spans="1:7" x14ac:dyDescent="0.3">
      <c r="A265" s="13" t="s">
        <v>12</v>
      </c>
      <c r="B265" s="14" t="s">
        <v>1</v>
      </c>
      <c r="C265" s="14" t="s">
        <v>13</v>
      </c>
      <c r="D265" s="14" t="s">
        <v>14</v>
      </c>
      <c r="E265" s="15">
        <v>45641</v>
      </c>
      <c r="F265" s="14" t="s">
        <v>15</v>
      </c>
      <c r="G265" s="16">
        <v>2.1369913408768886</v>
      </c>
    </row>
    <row r="266" spans="1:7" x14ac:dyDescent="0.3">
      <c r="A266" s="13" t="s">
        <v>12</v>
      </c>
      <c r="B266" s="14" t="s">
        <v>1</v>
      </c>
      <c r="C266" s="14" t="s">
        <v>13</v>
      </c>
      <c r="D266" s="14" t="s">
        <v>14</v>
      </c>
      <c r="E266" s="15">
        <v>45642</v>
      </c>
      <c r="F266" s="14" t="s">
        <v>15</v>
      </c>
      <c r="G266" s="16">
        <v>2.1420356923465915</v>
      </c>
    </row>
    <row r="267" spans="1:7" x14ac:dyDescent="0.3">
      <c r="A267" s="13" t="s">
        <v>12</v>
      </c>
      <c r="B267" s="14" t="s">
        <v>1</v>
      </c>
      <c r="C267" s="14" t="s">
        <v>13</v>
      </c>
      <c r="D267" s="14" t="s">
        <v>14</v>
      </c>
      <c r="E267" s="15">
        <v>45643</v>
      </c>
      <c r="F267" s="14" t="s">
        <v>15</v>
      </c>
      <c r="G267" s="16">
        <v>2.1573956474934737</v>
      </c>
    </row>
    <row r="268" spans="1:7" x14ac:dyDescent="0.3">
      <c r="A268" s="13" t="s">
        <v>12</v>
      </c>
      <c r="B268" s="14" t="s">
        <v>1</v>
      </c>
      <c r="C268" s="14" t="s">
        <v>13</v>
      </c>
      <c r="D268" s="14" t="s">
        <v>14</v>
      </c>
      <c r="E268" s="15">
        <v>45644</v>
      </c>
      <c r="F268" s="14" t="s">
        <v>15</v>
      </c>
      <c r="G268" s="16">
        <v>2.1620794878424658</v>
      </c>
    </row>
    <row r="269" spans="1:7" x14ac:dyDescent="0.3">
      <c r="A269" s="13" t="s">
        <v>12</v>
      </c>
      <c r="B269" s="14" t="s">
        <v>1</v>
      </c>
      <c r="C269" s="14" t="s">
        <v>13</v>
      </c>
      <c r="D269" s="14" t="s">
        <v>14</v>
      </c>
      <c r="E269" s="15">
        <v>45645</v>
      </c>
      <c r="F269" s="14" t="s">
        <v>15</v>
      </c>
      <c r="G269" s="16">
        <v>2.1671127388080351</v>
      </c>
    </row>
    <row r="270" spans="1:7" x14ac:dyDescent="0.3">
      <c r="A270" s="13" t="s">
        <v>12</v>
      </c>
      <c r="B270" s="14" t="s">
        <v>1</v>
      </c>
      <c r="C270" s="14" t="s">
        <v>13</v>
      </c>
      <c r="D270" s="14" t="s">
        <v>14</v>
      </c>
      <c r="E270" s="15">
        <v>45646</v>
      </c>
      <c r="F270" s="14" t="s">
        <v>15</v>
      </c>
      <c r="G270" s="16">
        <v>2.1724254865224224</v>
      </c>
    </row>
    <row r="271" spans="1:7" x14ac:dyDescent="0.3">
      <c r="A271" s="13" t="s">
        <v>12</v>
      </c>
      <c r="B271" s="14" t="s">
        <v>1</v>
      </c>
      <c r="C271" s="14" t="s">
        <v>13</v>
      </c>
      <c r="D271" s="14" t="s">
        <v>14</v>
      </c>
      <c r="E271" s="15">
        <v>45647</v>
      </c>
      <c r="F271" s="14" t="s">
        <v>15</v>
      </c>
      <c r="G271" s="16">
        <v>2.1724254865224224</v>
      </c>
    </row>
    <row r="272" spans="1:7" x14ac:dyDescent="0.3">
      <c r="A272" s="13" t="s">
        <v>12</v>
      </c>
      <c r="B272" s="14" t="s">
        <v>1</v>
      </c>
      <c r="C272" s="14" t="s">
        <v>13</v>
      </c>
      <c r="D272" s="14" t="s">
        <v>14</v>
      </c>
      <c r="E272" s="15">
        <v>45648</v>
      </c>
      <c r="F272" s="14" t="s">
        <v>15</v>
      </c>
      <c r="G272" s="16">
        <v>2.1724254865224224</v>
      </c>
    </row>
    <row r="273" spans="1:7" x14ac:dyDescent="0.3">
      <c r="A273" s="13" t="s">
        <v>12</v>
      </c>
      <c r="B273" s="14" t="s">
        <v>1</v>
      </c>
      <c r="C273" s="14" t="s">
        <v>13</v>
      </c>
      <c r="D273" s="14" t="s">
        <v>14</v>
      </c>
      <c r="E273" s="15">
        <v>45649</v>
      </c>
      <c r="F273" s="14" t="s">
        <v>15</v>
      </c>
      <c r="G273" s="16">
        <v>2.1777584647593522</v>
      </c>
    </row>
    <row r="274" spans="1:7" x14ac:dyDescent="0.3">
      <c r="A274" s="13" t="s">
        <v>12</v>
      </c>
      <c r="B274" s="14" t="s">
        <v>1</v>
      </c>
      <c r="C274" s="14" t="s">
        <v>13</v>
      </c>
      <c r="D274" s="14" t="s">
        <v>14</v>
      </c>
      <c r="E274" s="15">
        <v>45650</v>
      </c>
      <c r="F274" s="14" t="s">
        <v>15</v>
      </c>
      <c r="G274" s="16">
        <v>2.1937108485618357</v>
      </c>
    </row>
    <row r="275" spans="1:7" x14ac:dyDescent="0.3">
      <c r="A275" s="13" t="s">
        <v>12</v>
      </c>
      <c r="B275" s="14" t="s">
        <v>1</v>
      </c>
      <c r="C275" s="14" t="s">
        <v>13</v>
      </c>
      <c r="D275" s="14" t="s">
        <v>14</v>
      </c>
      <c r="E275" s="15">
        <v>45651</v>
      </c>
      <c r="F275" s="14" t="s">
        <v>15</v>
      </c>
      <c r="G275" s="16">
        <v>2.1937108485618357</v>
      </c>
    </row>
    <row r="276" spans="1:7" x14ac:dyDescent="0.3">
      <c r="A276" s="13" t="s">
        <v>12</v>
      </c>
      <c r="B276" s="14" t="s">
        <v>1</v>
      </c>
      <c r="C276" s="14" t="s">
        <v>13</v>
      </c>
      <c r="D276" s="14" t="s">
        <v>14</v>
      </c>
      <c r="E276" s="15">
        <v>45652</v>
      </c>
      <c r="F276" s="14" t="s">
        <v>15</v>
      </c>
      <c r="G276" s="16">
        <v>2.1937108485618357</v>
      </c>
    </row>
    <row r="277" spans="1:7" x14ac:dyDescent="0.3">
      <c r="A277" s="13" t="s">
        <v>12</v>
      </c>
      <c r="B277" s="14" t="s">
        <v>1</v>
      </c>
      <c r="C277" s="14" t="s">
        <v>13</v>
      </c>
      <c r="D277" s="14" t="s">
        <v>14</v>
      </c>
      <c r="E277" s="15">
        <v>45653</v>
      </c>
      <c r="F277" s="14" t="s">
        <v>15</v>
      </c>
      <c r="G277" s="16">
        <v>2.1937108485618357</v>
      </c>
    </row>
    <row r="278" spans="1:7" x14ac:dyDescent="0.3">
      <c r="A278" s="13" t="s">
        <v>12</v>
      </c>
      <c r="B278" s="14" t="s">
        <v>1</v>
      </c>
      <c r="C278" s="14" t="s">
        <v>13</v>
      </c>
      <c r="D278" s="14" t="s">
        <v>14</v>
      </c>
      <c r="E278" s="15">
        <v>45654</v>
      </c>
      <c r="F278" s="14" t="s">
        <v>15</v>
      </c>
      <c r="G278" s="16">
        <v>2.1937108485618357</v>
      </c>
    </row>
    <row r="279" spans="1:7" x14ac:dyDescent="0.3">
      <c r="A279" s="13" t="s">
        <v>12</v>
      </c>
      <c r="B279" s="14" t="s">
        <v>1</v>
      </c>
      <c r="C279" s="14" t="s">
        <v>13</v>
      </c>
      <c r="D279" s="14" t="s">
        <v>14</v>
      </c>
      <c r="E279" s="15">
        <v>45655</v>
      </c>
      <c r="F279" s="14" t="s">
        <v>15</v>
      </c>
      <c r="G279" s="16">
        <v>2.1937108485618357</v>
      </c>
    </row>
    <row r="280" spans="1:7" x14ac:dyDescent="0.3">
      <c r="A280" s="13" t="s">
        <v>12</v>
      </c>
      <c r="B280" s="14" t="s">
        <v>1</v>
      </c>
      <c r="C280" s="14" t="s">
        <v>13</v>
      </c>
      <c r="D280" s="14" t="s">
        <v>14</v>
      </c>
      <c r="E280" s="15">
        <v>45656</v>
      </c>
      <c r="F280" s="14" t="s">
        <v>15</v>
      </c>
      <c r="G280" s="16">
        <v>2.1990054324863042</v>
      </c>
    </row>
    <row r="281" spans="1:7" x14ac:dyDescent="0.3">
      <c r="A281" s="13" t="s">
        <v>12</v>
      </c>
      <c r="B281" s="14" t="s">
        <v>1</v>
      </c>
      <c r="C281" s="14" t="s">
        <v>13</v>
      </c>
      <c r="D281" s="14" t="s">
        <v>14</v>
      </c>
      <c r="E281" s="15">
        <v>45657</v>
      </c>
      <c r="F281" s="14" t="s">
        <v>15</v>
      </c>
      <c r="G281" s="16">
        <v>2.2300796108480827</v>
      </c>
    </row>
    <row r="282" spans="1:7" x14ac:dyDescent="0.3">
      <c r="A282" s="13" t="s">
        <v>12</v>
      </c>
      <c r="B282" s="14" t="s">
        <v>1</v>
      </c>
      <c r="C282" s="14" t="s">
        <v>13</v>
      </c>
      <c r="D282" s="14" t="s">
        <v>14</v>
      </c>
      <c r="E282" s="15">
        <v>45658</v>
      </c>
      <c r="F282" s="14" t="s">
        <v>15</v>
      </c>
      <c r="G282" s="16">
        <v>2.2300796108480827</v>
      </c>
    </row>
    <row r="283" spans="1:7" x14ac:dyDescent="0.3">
      <c r="A283" s="13" t="s">
        <v>12</v>
      </c>
      <c r="B283" s="14" t="s">
        <v>1</v>
      </c>
      <c r="C283" s="14" t="s">
        <v>13</v>
      </c>
      <c r="D283" s="14" t="s">
        <v>14</v>
      </c>
      <c r="E283" s="15">
        <v>45659</v>
      </c>
      <c r="F283" s="14" t="s">
        <v>15</v>
      </c>
      <c r="G283" s="16">
        <v>2.2300796108480827</v>
      </c>
    </row>
    <row r="284" spans="1:7" x14ac:dyDescent="0.3">
      <c r="A284" s="13" t="s">
        <v>12</v>
      </c>
      <c r="B284" s="14" t="s">
        <v>1</v>
      </c>
      <c r="C284" s="14" t="s">
        <v>13</v>
      </c>
      <c r="D284" s="14" t="s">
        <v>14</v>
      </c>
      <c r="E284" s="15">
        <v>45660</v>
      </c>
      <c r="F284" s="14" t="s">
        <v>15</v>
      </c>
      <c r="G284" s="16">
        <v>2.2352326609563384</v>
      </c>
    </row>
    <row r="285" spans="1:7" x14ac:dyDescent="0.3">
      <c r="A285" s="13" t="s">
        <v>12</v>
      </c>
      <c r="B285" s="14" t="s">
        <v>1</v>
      </c>
      <c r="C285" s="14" t="s">
        <v>13</v>
      </c>
      <c r="D285" s="14" t="s">
        <v>14</v>
      </c>
      <c r="E285" s="15">
        <v>45661</v>
      </c>
      <c r="F285" s="14" t="s">
        <v>15</v>
      </c>
      <c r="G285" s="16">
        <v>2.2352326609563384</v>
      </c>
    </row>
    <row r="286" spans="1:7" x14ac:dyDescent="0.3">
      <c r="A286" s="13" t="s">
        <v>12</v>
      </c>
      <c r="B286" s="14" t="s">
        <v>1</v>
      </c>
      <c r="C286" s="14" t="s">
        <v>13</v>
      </c>
      <c r="D286" s="14" t="s">
        <v>14</v>
      </c>
      <c r="E286" s="15">
        <v>45662</v>
      </c>
      <c r="F286" s="14" t="s">
        <v>15</v>
      </c>
      <c r="G286" s="16">
        <v>2.2352326609563384</v>
      </c>
    </row>
    <row r="287" spans="1:7" x14ac:dyDescent="0.3">
      <c r="A287" s="13" t="s">
        <v>12</v>
      </c>
      <c r="B287" s="14" t="s">
        <v>1</v>
      </c>
      <c r="C287" s="14" t="s">
        <v>13</v>
      </c>
      <c r="D287" s="14" t="s">
        <v>14</v>
      </c>
      <c r="E287" s="15">
        <v>45663</v>
      </c>
      <c r="F287" s="14" t="s">
        <v>15</v>
      </c>
      <c r="G287" s="16">
        <v>2.2629387718973164</v>
      </c>
    </row>
    <row r="288" spans="1:7" x14ac:dyDescent="0.3">
      <c r="A288" s="13" t="s">
        <v>12</v>
      </c>
      <c r="B288" s="14" t="s">
        <v>1</v>
      </c>
      <c r="C288" s="14" t="s">
        <v>13</v>
      </c>
      <c r="D288" s="14" t="s">
        <v>14</v>
      </c>
      <c r="E288" s="15">
        <v>45664</v>
      </c>
      <c r="F288" s="14" t="s">
        <v>15</v>
      </c>
      <c r="G288" s="16">
        <v>2.2965729169109252</v>
      </c>
    </row>
    <row r="289" spans="1:7" x14ac:dyDescent="0.3">
      <c r="A289" s="13" t="s">
        <v>12</v>
      </c>
      <c r="B289" s="14" t="s">
        <v>1</v>
      </c>
      <c r="C289" s="14" t="s">
        <v>13</v>
      </c>
      <c r="D289" s="14" t="s">
        <v>14</v>
      </c>
      <c r="E289" s="15">
        <v>45665</v>
      </c>
      <c r="F289" s="14" t="s">
        <v>15</v>
      </c>
      <c r="G289" s="16">
        <v>2.3018273001011491</v>
      </c>
    </row>
    <row r="290" spans="1:7" x14ac:dyDescent="0.3">
      <c r="A290" s="13" t="s">
        <v>12</v>
      </c>
      <c r="B290" s="14" t="s">
        <v>1</v>
      </c>
      <c r="C290" s="14" t="s">
        <v>13</v>
      </c>
      <c r="D290" s="14" t="s">
        <v>14</v>
      </c>
      <c r="E290" s="15">
        <v>45666</v>
      </c>
      <c r="F290" s="14" t="s">
        <v>15</v>
      </c>
      <c r="G290" s="16">
        <v>2.3071084161164439</v>
      </c>
    </row>
    <row r="291" spans="1:7" x14ac:dyDescent="0.3">
      <c r="A291" s="13" t="s">
        <v>12</v>
      </c>
      <c r="B291" s="14" t="s">
        <v>1</v>
      </c>
      <c r="C291" s="14" t="s">
        <v>13</v>
      </c>
      <c r="D291" s="14" t="s">
        <v>14</v>
      </c>
      <c r="E291" s="15">
        <v>45667</v>
      </c>
      <c r="F291" s="14" t="s">
        <v>15</v>
      </c>
      <c r="G291" s="16">
        <v>2.3123485930506402</v>
      </c>
    </row>
    <row r="292" spans="1:7" x14ac:dyDescent="0.3">
      <c r="A292" s="13" t="s">
        <v>12</v>
      </c>
      <c r="B292" s="14" t="s">
        <v>1</v>
      </c>
      <c r="C292" s="14" t="s">
        <v>13</v>
      </c>
      <c r="D292" s="14" t="s">
        <v>14</v>
      </c>
      <c r="E292" s="15">
        <v>45668</v>
      </c>
      <c r="F292" s="14" t="s">
        <v>15</v>
      </c>
      <c r="G292" s="16">
        <v>2.3123485930506402</v>
      </c>
    </row>
    <row r="293" spans="1:7" x14ac:dyDescent="0.3">
      <c r="A293" s="13" t="s">
        <v>12</v>
      </c>
      <c r="B293" s="14" t="s">
        <v>1</v>
      </c>
      <c r="C293" s="14" t="s">
        <v>13</v>
      </c>
      <c r="D293" s="14" t="s">
        <v>14</v>
      </c>
      <c r="E293" s="15">
        <v>45669</v>
      </c>
      <c r="F293" s="14" t="s">
        <v>15</v>
      </c>
      <c r="G293" s="16">
        <v>2.3123485930506402</v>
      </c>
    </row>
    <row r="294" spans="1:7" x14ac:dyDescent="0.3">
      <c r="A294" s="13" t="s">
        <v>12</v>
      </c>
      <c r="B294" s="14" t="s">
        <v>1</v>
      </c>
      <c r="C294" s="14" t="s">
        <v>13</v>
      </c>
      <c r="D294" s="14" t="s">
        <v>14</v>
      </c>
      <c r="E294" s="15">
        <v>45670</v>
      </c>
      <c r="F294" s="14" t="s">
        <v>15</v>
      </c>
      <c r="G294" s="16">
        <v>2.3176230089356946</v>
      </c>
    </row>
    <row r="295" spans="1:7" x14ac:dyDescent="0.3">
      <c r="A295" s="13" t="s">
        <v>12</v>
      </c>
      <c r="B295" s="14" t="s">
        <v>1</v>
      </c>
      <c r="C295" s="14" t="s">
        <v>13</v>
      </c>
      <c r="D295" s="14" t="s">
        <v>14</v>
      </c>
      <c r="E295" s="15">
        <v>45671</v>
      </c>
      <c r="F295" s="14" t="s">
        <v>15</v>
      </c>
      <c r="G295" s="16">
        <v>2.3336123690245421</v>
      </c>
    </row>
    <row r="296" spans="1:7" x14ac:dyDescent="0.3">
      <c r="A296" s="13" t="s">
        <v>12</v>
      </c>
      <c r="B296" s="14" t="s">
        <v>1</v>
      </c>
      <c r="C296" s="14" t="s">
        <v>13</v>
      </c>
      <c r="D296" s="14" t="s">
        <v>14</v>
      </c>
      <c r="E296" s="15">
        <v>45672</v>
      </c>
      <c r="F296" s="14" t="s">
        <v>15</v>
      </c>
      <c r="G296" s="16">
        <v>2.3389597603805194</v>
      </c>
    </row>
    <row r="297" spans="1:7" x14ac:dyDescent="0.3">
      <c r="A297" s="13" t="s">
        <v>12</v>
      </c>
      <c r="B297" s="14" t="s">
        <v>1</v>
      </c>
      <c r="C297" s="14" t="s">
        <v>13</v>
      </c>
      <c r="D297" s="14" t="s">
        <v>14</v>
      </c>
      <c r="E297" s="15">
        <v>45673</v>
      </c>
      <c r="F297" s="14" t="s">
        <v>15</v>
      </c>
      <c r="G297" s="16">
        <v>2.3442785493424259</v>
      </c>
    </row>
    <row r="298" spans="1:7" x14ac:dyDescent="0.3">
      <c r="A298" s="13" t="s">
        <v>12</v>
      </c>
      <c r="B298" s="14" t="s">
        <v>1</v>
      </c>
      <c r="C298" s="14" t="s">
        <v>13</v>
      </c>
      <c r="D298" s="14" t="s">
        <v>14</v>
      </c>
      <c r="E298" s="15">
        <v>45674</v>
      </c>
      <c r="F298" s="14" t="s">
        <v>15</v>
      </c>
      <c r="G298" s="16">
        <v>2.3478310071632351</v>
      </c>
    </row>
    <row r="299" spans="1:7" x14ac:dyDescent="0.3">
      <c r="A299" s="13" t="s">
        <v>12</v>
      </c>
      <c r="B299" s="14" t="s">
        <v>1</v>
      </c>
      <c r="C299" s="14" t="s">
        <v>13</v>
      </c>
      <c r="D299" s="14" t="s">
        <v>14</v>
      </c>
      <c r="E299" s="15">
        <v>45675</v>
      </c>
      <c r="F299" s="14" t="s">
        <v>15</v>
      </c>
      <c r="G299" s="16">
        <v>2.3478310071632351</v>
      </c>
    </row>
    <row r="300" spans="1:7" x14ac:dyDescent="0.3">
      <c r="A300" s="13" t="s">
        <v>12</v>
      </c>
      <c r="B300" s="14" t="s">
        <v>1</v>
      </c>
      <c r="C300" s="14" t="s">
        <v>13</v>
      </c>
      <c r="D300" s="14" t="s">
        <v>14</v>
      </c>
      <c r="E300" s="15">
        <v>45676</v>
      </c>
      <c r="F300" s="14" t="s">
        <v>15</v>
      </c>
      <c r="G300" s="16">
        <v>2.3478310071632351</v>
      </c>
    </row>
    <row r="301" spans="1:7" x14ac:dyDescent="0.3">
      <c r="A301" s="13" t="s">
        <v>12</v>
      </c>
      <c r="B301" s="14" t="s">
        <v>1</v>
      </c>
      <c r="C301" s="14" t="s">
        <v>13</v>
      </c>
      <c r="D301" s="14" t="s">
        <v>14</v>
      </c>
      <c r="E301" s="15">
        <v>45677</v>
      </c>
      <c r="F301" s="14" t="s">
        <v>15</v>
      </c>
      <c r="G301" s="16">
        <v>2.3528035386565729</v>
      </c>
    </row>
    <row r="302" spans="1:7" x14ac:dyDescent="0.3">
      <c r="A302" s="13" t="s">
        <v>12</v>
      </c>
      <c r="B302" s="14" t="s">
        <v>1</v>
      </c>
      <c r="C302" s="14" t="s">
        <v>13</v>
      </c>
      <c r="D302" s="14" t="s">
        <v>14</v>
      </c>
      <c r="E302" s="15">
        <v>45678</v>
      </c>
      <c r="F302" s="14" t="s">
        <v>15</v>
      </c>
      <c r="G302" s="16">
        <v>2.3671358798717859</v>
      </c>
    </row>
    <row r="303" spans="1:7" x14ac:dyDescent="0.3">
      <c r="A303" s="13" t="s">
        <v>12</v>
      </c>
      <c r="B303" s="14" t="s">
        <v>1</v>
      </c>
      <c r="C303" s="14" t="s">
        <v>13</v>
      </c>
      <c r="D303" s="14" t="s">
        <v>14</v>
      </c>
      <c r="E303" s="15">
        <v>45679</v>
      </c>
      <c r="F303" s="14" t="s">
        <v>15</v>
      </c>
      <c r="G303" s="16">
        <v>2.371994525414304</v>
      </c>
    </row>
    <row r="304" spans="1:7" x14ac:dyDescent="0.3">
      <c r="A304" s="13" t="s">
        <v>12</v>
      </c>
      <c r="B304" s="14" t="s">
        <v>1</v>
      </c>
      <c r="C304" s="14" t="s">
        <v>13</v>
      </c>
      <c r="D304" s="14" t="s">
        <v>14</v>
      </c>
      <c r="E304" s="15">
        <v>45680</v>
      </c>
      <c r="F304" s="14" t="s">
        <v>15</v>
      </c>
      <c r="G304" s="16">
        <v>2.376825697068456</v>
      </c>
    </row>
    <row r="305" spans="1:7" x14ac:dyDescent="0.3">
      <c r="A305" s="13" t="s">
        <v>12</v>
      </c>
      <c r="B305" s="14" t="s">
        <v>1</v>
      </c>
      <c r="C305" s="14" t="s">
        <v>13</v>
      </c>
      <c r="D305" s="14" t="s">
        <v>14</v>
      </c>
      <c r="E305" s="15">
        <v>45681</v>
      </c>
      <c r="F305" s="14" t="s">
        <v>15</v>
      </c>
      <c r="G305" s="16">
        <v>2.3816457140884832</v>
      </c>
    </row>
    <row r="306" spans="1:7" x14ac:dyDescent="0.3">
      <c r="A306" s="13" t="s">
        <v>12</v>
      </c>
      <c r="B306" s="14" t="s">
        <v>1</v>
      </c>
      <c r="C306" s="14" t="s">
        <v>13</v>
      </c>
      <c r="D306" s="14" t="s">
        <v>14</v>
      </c>
      <c r="E306" s="15">
        <v>45682</v>
      </c>
      <c r="F306" s="14" t="s">
        <v>15</v>
      </c>
      <c r="G306" s="16">
        <v>2.3816457140884832</v>
      </c>
    </row>
    <row r="307" spans="1:7" x14ac:dyDescent="0.3">
      <c r="A307" s="13" t="s">
        <v>12</v>
      </c>
      <c r="B307" s="14" t="s">
        <v>1</v>
      </c>
      <c r="C307" s="14" t="s">
        <v>13</v>
      </c>
      <c r="D307" s="14" t="s">
        <v>14</v>
      </c>
      <c r="E307" s="15">
        <v>45683</v>
      </c>
      <c r="F307" s="14" t="s">
        <v>15</v>
      </c>
      <c r="G307" s="16">
        <v>2.3816457140884832</v>
      </c>
    </row>
    <row r="308" spans="1:7" x14ac:dyDescent="0.3">
      <c r="A308" s="13" t="s">
        <v>12</v>
      </c>
      <c r="B308" s="14" t="s">
        <v>1</v>
      </c>
      <c r="C308" s="14" t="s">
        <v>13</v>
      </c>
      <c r="D308" s="14" t="s">
        <v>14</v>
      </c>
      <c r="E308" s="15">
        <v>45684</v>
      </c>
      <c r="F308" s="14" t="s">
        <v>15</v>
      </c>
      <c r="G308" s="16">
        <v>2.3872938915309101</v>
      </c>
    </row>
    <row r="309" spans="1:7" x14ac:dyDescent="0.3">
      <c r="A309" s="13" t="s">
        <v>12</v>
      </c>
      <c r="B309" s="14" t="s">
        <v>1</v>
      </c>
      <c r="C309" s="14" t="s">
        <v>13</v>
      </c>
      <c r="D309" s="14" t="s">
        <v>14</v>
      </c>
      <c r="E309" s="15">
        <v>45685</v>
      </c>
      <c r="F309" s="14" t="s">
        <v>15</v>
      </c>
      <c r="G309" s="16">
        <v>2.4017485554723406</v>
      </c>
    </row>
    <row r="310" spans="1:7" x14ac:dyDescent="0.3">
      <c r="A310" s="13" t="s">
        <v>12</v>
      </c>
      <c r="B310" s="14" t="s">
        <v>1</v>
      </c>
      <c r="C310" s="14" t="s">
        <v>13</v>
      </c>
      <c r="D310" s="14" t="s">
        <v>14</v>
      </c>
      <c r="E310" s="15">
        <v>45686</v>
      </c>
      <c r="F310" s="14" t="s">
        <v>15</v>
      </c>
      <c r="G310" s="16">
        <v>2.4065067671502076</v>
      </c>
    </row>
    <row r="311" spans="1:7" x14ac:dyDescent="0.3">
      <c r="A311" s="13" t="s">
        <v>12</v>
      </c>
      <c r="B311" s="14" t="s">
        <v>1</v>
      </c>
      <c r="C311" s="14" t="s">
        <v>13</v>
      </c>
      <c r="D311" s="14" t="s">
        <v>14</v>
      </c>
      <c r="E311" s="15">
        <v>45687</v>
      </c>
      <c r="F311" s="14" t="s">
        <v>15</v>
      </c>
      <c r="G311" s="16">
        <v>2.4112477063996542</v>
      </c>
    </row>
    <row r="312" spans="1:7" x14ac:dyDescent="0.3">
      <c r="A312" s="13" t="s">
        <v>12</v>
      </c>
      <c r="B312" s="14" t="s">
        <v>1</v>
      </c>
      <c r="C312" s="14" t="s">
        <v>13</v>
      </c>
      <c r="D312" s="14" t="s">
        <v>14</v>
      </c>
      <c r="E312" s="15">
        <v>45688</v>
      </c>
      <c r="F312" s="14" t="s">
        <v>15</v>
      </c>
      <c r="G312" s="16">
        <v>2.4159726361867162</v>
      </c>
    </row>
    <row r="313" spans="1:7" x14ac:dyDescent="0.3">
      <c r="A313" s="13" t="s">
        <v>12</v>
      </c>
      <c r="B313" s="14" t="s">
        <v>1</v>
      </c>
      <c r="C313" s="14" t="s">
        <v>13</v>
      </c>
      <c r="D313" s="14" t="s">
        <v>14</v>
      </c>
      <c r="E313" s="15">
        <v>45689</v>
      </c>
      <c r="F313" s="14" t="s">
        <v>15</v>
      </c>
      <c r="G313" s="16">
        <v>2.4159726361867162</v>
      </c>
    </row>
    <row r="314" spans="1:7" x14ac:dyDescent="0.3">
      <c r="A314" s="13" t="s">
        <v>12</v>
      </c>
      <c r="B314" s="14" t="s">
        <v>1</v>
      </c>
      <c r="C314" s="14" t="s">
        <v>13</v>
      </c>
      <c r="D314" s="14" t="s">
        <v>14</v>
      </c>
      <c r="E314" s="15">
        <v>45690</v>
      </c>
      <c r="F314" s="14" t="s">
        <v>15</v>
      </c>
      <c r="G314" s="16">
        <v>2.4159726361867162</v>
      </c>
    </row>
    <row r="315" spans="1:7" x14ac:dyDescent="0.3">
      <c r="A315" s="13" t="s">
        <v>12</v>
      </c>
      <c r="B315" s="14" t="s">
        <v>1</v>
      </c>
      <c r="C315" s="14" t="s">
        <v>13</v>
      </c>
      <c r="D315" s="14" t="s">
        <v>14</v>
      </c>
      <c r="E315" s="15">
        <v>45691</v>
      </c>
      <c r="F315" s="14" t="s">
        <v>15</v>
      </c>
      <c r="G315" s="16">
        <v>2.4159726361867162</v>
      </c>
    </row>
    <row r="316" spans="1:7" x14ac:dyDescent="0.3">
      <c r="A316" s="13" t="s">
        <v>12</v>
      </c>
      <c r="B316" s="14" t="s">
        <v>1</v>
      </c>
      <c r="C316" s="14" t="s">
        <v>13</v>
      </c>
      <c r="D316" s="14" t="s">
        <v>14</v>
      </c>
      <c r="E316" s="15">
        <v>45692</v>
      </c>
      <c r="F316" s="14" t="s">
        <v>15</v>
      </c>
      <c r="G316" s="16">
        <v>2.4205641327774527</v>
      </c>
    </row>
    <row r="317" spans="1:7" x14ac:dyDescent="0.3">
      <c r="A317" s="13" t="s">
        <v>12</v>
      </c>
      <c r="B317" s="14" t="s">
        <v>1</v>
      </c>
      <c r="C317" s="14" t="s">
        <v>13</v>
      </c>
      <c r="D317" s="14" t="s">
        <v>14</v>
      </c>
      <c r="E317" s="15">
        <v>45693</v>
      </c>
      <c r="F317" s="14" t="s">
        <v>15</v>
      </c>
      <c r="G317" s="16">
        <v>2.5278517084065286</v>
      </c>
    </row>
    <row r="318" spans="1:7" x14ac:dyDescent="0.3">
      <c r="A318" s="13" t="s">
        <v>12</v>
      </c>
      <c r="B318" s="14" t="s">
        <v>1</v>
      </c>
      <c r="C318" s="14" t="s">
        <v>13</v>
      </c>
      <c r="D318" s="14" t="s">
        <v>14</v>
      </c>
      <c r="E318" s="15">
        <v>45694</v>
      </c>
      <c r="F318" s="14" t="s">
        <v>15</v>
      </c>
      <c r="G318" s="16">
        <v>2.5331984230220055</v>
      </c>
    </row>
    <row r="319" spans="1:7" x14ac:dyDescent="0.3">
      <c r="A319" s="13" t="s">
        <v>12</v>
      </c>
      <c r="B319" s="14" t="s">
        <v>1</v>
      </c>
      <c r="C319" s="14" t="s">
        <v>13</v>
      </c>
      <c r="D319" s="14" t="s">
        <v>14</v>
      </c>
      <c r="E319" s="15">
        <v>45695</v>
      </c>
      <c r="F319" s="14" t="s">
        <v>15</v>
      </c>
      <c r="G319" s="16">
        <v>2.5470305527091814</v>
      </c>
    </row>
    <row r="320" spans="1:7" x14ac:dyDescent="0.3">
      <c r="A320" s="13" t="s">
        <v>12</v>
      </c>
      <c r="B320" s="14" t="s">
        <v>1</v>
      </c>
      <c r="C320" s="14" t="s">
        <v>13</v>
      </c>
      <c r="D320" s="14" t="s">
        <v>14</v>
      </c>
      <c r="E320" s="15">
        <v>45696</v>
      </c>
      <c r="F320" s="14" t="s">
        <v>15</v>
      </c>
      <c r="G320" s="16">
        <v>2.5470305527091814</v>
      </c>
    </row>
    <row r="321" spans="1:7" x14ac:dyDescent="0.3">
      <c r="A321" s="13" t="s">
        <v>12</v>
      </c>
      <c r="B321" s="14" t="s">
        <v>1</v>
      </c>
      <c r="C321" s="14" t="s">
        <v>13</v>
      </c>
      <c r="D321" s="14" t="s">
        <v>14</v>
      </c>
      <c r="E321" s="15">
        <v>45697</v>
      </c>
      <c r="F321" s="14" t="s">
        <v>15</v>
      </c>
      <c r="G321" s="16">
        <v>2.5470305527091814</v>
      </c>
    </row>
    <row r="322" spans="1:7" x14ac:dyDescent="0.3">
      <c r="A322" s="13" t="s">
        <v>12</v>
      </c>
      <c r="B322" s="14" t="s">
        <v>1</v>
      </c>
      <c r="C322" s="14" t="s">
        <v>13</v>
      </c>
      <c r="D322" s="14" t="s">
        <v>14</v>
      </c>
      <c r="E322" s="15">
        <v>45698</v>
      </c>
      <c r="F322" s="14" t="s">
        <v>15</v>
      </c>
      <c r="G322" s="16">
        <v>2.5522731138813102</v>
      </c>
    </row>
    <row r="323" spans="1:7" x14ac:dyDescent="0.3">
      <c r="A323" s="13" t="s">
        <v>12</v>
      </c>
      <c r="B323" s="14" t="s">
        <v>1</v>
      </c>
      <c r="C323" s="14" t="s">
        <v>13</v>
      </c>
      <c r="D323" s="14" t="s">
        <v>14</v>
      </c>
      <c r="E323" s="15">
        <v>45699</v>
      </c>
      <c r="F323" s="14" t="s">
        <v>15</v>
      </c>
      <c r="G323" s="16">
        <v>2.5681214983718061</v>
      </c>
    </row>
    <row r="324" spans="1:7" x14ac:dyDescent="0.3">
      <c r="A324" s="13" t="s">
        <v>12</v>
      </c>
      <c r="B324" s="14" t="s">
        <v>1</v>
      </c>
      <c r="C324" s="14" t="s">
        <v>13</v>
      </c>
      <c r="D324" s="14" t="s">
        <v>14</v>
      </c>
      <c r="E324" s="15">
        <v>45700</v>
      </c>
      <c r="F324" s="14" t="s">
        <v>15</v>
      </c>
      <c r="G324" s="16">
        <v>2.5734006472076567</v>
      </c>
    </row>
    <row r="325" spans="1:7" x14ac:dyDescent="0.3">
      <c r="A325" s="13" t="s">
        <v>12</v>
      </c>
      <c r="B325" s="14" t="s">
        <v>1</v>
      </c>
      <c r="C325" s="14" t="s">
        <v>13</v>
      </c>
      <c r="D325" s="14" t="s">
        <v>14</v>
      </c>
      <c r="E325" s="15">
        <v>45701</v>
      </c>
      <c r="F325" s="14" t="s">
        <v>15</v>
      </c>
      <c r="G325" s="16">
        <v>2.5786673660937591</v>
      </c>
    </row>
    <row r="326" spans="1:7" x14ac:dyDescent="0.3">
      <c r="A326" s="13" t="s">
        <v>12</v>
      </c>
      <c r="B326" s="14" t="s">
        <v>1</v>
      </c>
      <c r="C326" s="14" t="s">
        <v>13</v>
      </c>
      <c r="D326" s="14" t="s">
        <v>14</v>
      </c>
      <c r="E326" s="15">
        <v>45702</v>
      </c>
      <c r="F326" s="14" t="s">
        <v>15</v>
      </c>
      <c r="G326" s="16">
        <v>2.5839346528455858</v>
      </c>
    </row>
    <row r="327" spans="1:7" x14ac:dyDescent="0.3">
      <c r="A327" s="13" t="s">
        <v>12</v>
      </c>
      <c r="B327" s="14" t="s">
        <v>1</v>
      </c>
      <c r="C327" s="14" t="s">
        <v>13</v>
      </c>
      <c r="D327" s="14" t="s">
        <v>14</v>
      </c>
      <c r="E327" s="15">
        <v>45703</v>
      </c>
      <c r="F327" s="14" t="s">
        <v>15</v>
      </c>
      <c r="G327" s="16">
        <v>2.5839346528455858</v>
      </c>
    </row>
    <row r="328" spans="1:7" x14ac:dyDescent="0.3">
      <c r="A328" s="13" t="s">
        <v>12</v>
      </c>
      <c r="B328" s="14" t="s">
        <v>1</v>
      </c>
      <c r="C328" s="14" t="s">
        <v>13</v>
      </c>
      <c r="D328" s="14" t="s">
        <v>14</v>
      </c>
      <c r="E328" s="15">
        <v>45704</v>
      </c>
      <c r="F328" s="14" t="s">
        <v>15</v>
      </c>
      <c r="G328" s="16">
        <v>2.5839346528455858</v>
      </c>
    </row>
    <row r="329" spans="1:7" x14ac:dyDescent="0.3">
      <c r="A329" s="13" t="s">
        <v>12</v>
      </c>
      <c r="B329" s="14" t="s">
        <v>1</v>
      </c>
      <c r="C329" s="14" t="s">
        <v>13</v>
      </c>
      <c r="D329" s="14" t="s">
        <v>14</v>
      </c>
      <c r="E329" s="15">
        <v>45705</v>
      </c>
      <c r="F329" s="14" t="s">
        <v>15</v>
      </c>
      <c r="G329" s="16">
        <v>2.5890903451833935</v>
      </c>
    </row>
    <row r="330" spans="1:7" x14ac:dyDescent="0.3">
      <c r="A330" s="13" t="s">
        <v>12</v>
      </c>
      <c r="B330" s="14" t="s">
        <v>1</v>
      </c>
      <c r="C330" s="14" t="s">
        <v>13</v>
      </c>
      <c r="D330" s="14" t="s">
        <v>14</v>
      </c>
      <c r="E330" s="15">
        <v>45706</v>
      </c>
      <c r="F330" s="14" t="s">
        <v>15</v>
      </c>
      <c r="G330" s="16">
        <v>2.6045634838191916</v>
      </c>
    </row>
    <row r="331" spans="1:7" x14ac:dyDescent="0.3">
      <c r="A331" s="13" t="s">
        <v>12</v>
      </c>
      <c r="B331" s="14" t="s">
        <v>1</v>
      </c>
      <c r="C331" s="14" t="s">
        <v>13</v>
      </c>
      <c r="D331" s="14" t="s">
        <v>14</v>
      </c>
      <c r="E331" s="15">
        <v>45707</v>
      </c>
      <c r="F331" s="14" t="s">
        <v>15</v>
      </c>
      <c r="G331" s="16">
        <v>2.608125316620288</v>
      </c>
    </row>
    <row r="332" spans="1:7" x14ac:dyDescent="0.3">
      <c r="A332" s="13" t="s">
        <v>12</v>
      </c>
      <c r="B332" s="14" t="s">
        <v>1</v>
      </c>
      <c r="C332" s="14" t="s">
        <v>13</v>
      </c>
      <c r="D332" s="14" t="s">
        <v>14</v>
      </c>
      <c r="E332" s="15">
        <v>45708</v>
      </c>
      <c r="F332" s="14" t="s">
        <v>15</v>
      </c>
      <c r="G332" s="16">
        <v>2.6131879337145616</v>
      </c>
    </row>
    <row r="333" spans="1:7" x14ac:dyDescent="0.3">
      <c r="A333" s="13" t="s">
        <v>12</v>
      </c>
      <c r="B333" s="14" t="s">
        <v>1</v>
      </c>
      <c r="C333" s="14" t="s">
        <v>13</v>
      </c>
      <c r="D333" s="14" t="s">
        <v>14</v>
      </c>
      <c r="E333" s="15">
        <v>45709</v>
      </c>
      <c r="F333" s="14" t="s">
        <v>15</v>
      </c>
      <c r="G333" s="16">
        <v>2.6177270440664895</v>
      </c>
    </row>
    <row r="334" spans="1:7" x14ac:dyDescent="0.3">
      <c r="A334" s="13" t="s">
        <v>12</v>
      </c>
      <c r="B334" s="14" t="s">
        <v>1</v>
      </c>
      <c r="C334" s="14" t="s">
        <v>13</v>
      </c>
      <c r="D334" s="14" t="s">
        <v>14</v>
      </c>
      <c r="E334" s="15">
        <v>45710</v>
      </c>
      <c r="F334" s="14" t="s">
        <v>15</v>
      </c>
      <c r="G334" s="16">
        <v>2.6177270440664895</v>
      </c>
    </row>
    <row r="335" spans="1:7" x14ac:dyDescent="0.3">
      <c r="A335" s="13" t="s">
        <v>12</v>
      </c>
      <c r="B335" s="14" t="s">
        <v>1</v>
      </c>
      <c r="C335" s="14" t="s">
        <v>13</v>
      </c>
      <c r="D335" s="14" t="s">
        <v>14</v>
      </c>
      <c r="E335" s="15">
        <v>45711</v>
      </c>
      <c r="F335" s="14" t="s">
        <v>15</v>
      </c>
      <c r="G335" s="16">
        <v>2.6177270440664895</v>
      </c>
    </row>
    <row r="336" spans="1:7" x14ac:dyDescent="0.3">
      <c r="A336" s="13" t="s">
        <v>12</v>
      </c>
      <c r="B336" s="14" t="s">
        <v>1</v>
      </c>
      <c r="C336" s="14" t="s">
        <v>13</v>
      </c>
      <c r="D336" s="14" t="s">
        <v>14</v>
      </c>
      <c r="E336" s="15">
        <v>45712</v>
      </c>
      <c r="F336" s="14" t="s">
        <v>15</v>
      </c>
      <c r="G336" s="16">
        <v>2.6506022700478993</v>
      </c>
    </row>
    <row r="337" spans="1:7" x14ac:dyDescent="0.3">
      <c r="A337" s="13" t="s">
        <v>12</v>
      </c>
      <c r="B337" s="14" t="s">
        <v>1</v>
      </c>
      <c r="C337" s="14" t="s">
        <v>13</v>
      </c>
      <c r="D337" s="14" t="s">
        <v>14</v>
      </c>
      <c r="E337" s="15">
        <v>45713</v>
      </c>
      <c r="F337" s="14" t="s">
        <v>15</v>
      </c>
      <c r="G337" s="16">
        <v>2.6642365415683811</v>
      </c>
    </row>
    <row r="338" spans="1:7" x14ac:dyDescent="0.3">
      <c r="A338" s="13" t="s">
        <v>12</v>
      </c>
      <c r="B338" s="14" t="s">
        <v>1</v>
      </c>
      <c r="C338" s="14" t="s">
        <v>13</v>
      </c>
      <c r="D338" s="14" t="s">
        <v>14</v>
      </c>
      <c r="E338" s="15">
        <v>45714</v>
      </c>
      <c r="F338" s="14" t="s">
        <v>15</v>
      </c>
      <c r="G338" s="16">
        <v>2.6687267259906675</v>
      </c>
    </row>
    <row r="339" spans="1:7" x14ac:dyDescent="0.3">
      <c r="A339" s="13" t="s">
        <v>12</v>
      </c>
      <c r="B339" s="14" t="s">
        <v>1</v>
      </c>
      <c r="C339" s="14" t="s">
        <v>13</v>
      </c>
      <c r="D339" s="14" t="s">
        <v>14</v>
      </c>
      <c r="E339" s="15">
        <v>45715</v>
      </c>
      <c r="F339" s="14" t="s">
        <v>15</v>
      </c>
      <c r="G339" s="16">
        <v>2.6772018862808267</v>
      </c>
    </row>
    <row r="340" spans="1:7" x14ac:dyDescent="0.3">
      <c r="A340" s="13" t="s">
        <v>12</v>
      </c>
      <c r="B340" s="14" t="s">
        <v>1</v>
      </c>
      <c r="C340" s="14" t="s">
        <v>13</v>
      </c>
      <c r="D340" s="14" t="s">
        <v>14</v>
      </c>
      <c r="E340" s="15">
        <v>45716</v>
      </c>
      <c r="F340" s="14" t="s">
        <v>15</v>
      </c>
      <c r="G340" s="16">
        <v>2.6817273398811543</v>
      </c>
    </row>
    <row r="341" spans="1:7" x14ac:dyDescent="0.3">
      <c r="A341" s="13" t="s">
        <v>12</v>
      </c>
      <c r="B341" s="14" t="s">
        <v>1</v>
      </c>
      <c r="C341" s="14" t="s">
        <v>13</v>
      </c>
      <c r="D341" s="14" t="s">
        <v>14</v>
      </c>
      <c r="E341" s="15">
        <v>45717</v>
      </c>
      <c r="F341" s="14" t="s">
        <v>15</v>
      </c>
      <c r="G341" s="16">
        <v>2.6817273398811543</v>
      </c>
    </row>
    <row r="342" spans="1:7" x14ac:dyDescent="0.3">
      <c r="A342" s="13" t="s">
        <v>12</v>
      </c>
      <c r="B342" s="14" t="s">
        <v>1</v>
      </c>
      <c r="C342" s="14" t="s">
        <v>13</v>
      </c>
      <c r="D342" s="14" t="s">
        <v>14</v>
      </c>
      <c r="E342" s="15">
        <v>45718</v>
      </c>
      <c r="F342" s="14" t="s">
        <v>15</v>
      </c>
      <c r="G342" s="16">
        <v>2.6817273398811543</v>
      </c>
    </row>
    <row r="343" spans="1:7" x14ac:dyDescent="0.3">
      <c r="A343" s="13" t="s">
        <v>12</v>
      </c>
      <c r="B343" s="14" t="s">
        <v>1</v>
      </c>
      <c r="C343" s="14" t="s">
        <v>13</v>
      </c>
      <c r="D343" s="14" t="s">
        <v>14</v>
      </c>
      <c r="E343" s="15">
        <v>45719</v>
      </c>
      <c r="F343" s="14" t="s">
        <v>15</v>
      </c>
      <c r="G343" s="16">
        <v>2.6909201114844192</v>
      </c>
    </row>
    <row r="344" spans="1:7" x14ac:dyDescent="0.3">
      <c r="A344" s="13" t="s">
        <v>12</v>
      </c>
      <c r="B344" s="14" t="s">
        <v>1</v>
      </c>
      <c r="C344" s="14" t="s">
        <v>13</v>
      </c>
      <c r="D344" s="14" t="s">
        <v>14</v>
      </c>
      <c r="E344" s="15">
        <v>45720</v>
      </c>
      <c r="F344" s="14" t="s">
        <v>15</v>
      </c>
      <c r="G344" s="16">
        <v>2.7090811846422449</v>
      </c>
    </row>
    <row r="345" spans="1:7" x14ac:dyDescent="0.3">
      <c r="A345" s="13" t="s">
        <v>12</v>
      </c>
      <c r="B345" s="14" t="s">
        <v>1</v>
      </c>
      <c r="C345" s="14" t="s">
        <v>13</v>
      </c>
      <c r="D345" s="14" t="s">
        <v>14</v>
      </c>
      <c r="E345" s="15">
        <v>45721</v>
      </c>
      <c r="F345" s="14" t="s">
        <v>15</v>
      </c>
      <c r="G345" s="16">
        <v>2.7132522339356133</v>
      </c>
    </row>
    <row r="346" spans="1:7" x14ac:dyDescent="0.3">
      <c r="A346" s="13" t="s">
        <v>12</v>
      </c>
      <c r="B346" s="14" t="s">
        <v>1</v>
      </c>
      <c r="C346" s="14" t="s">
        <v>13</v>
      </c>
      <c r="D346" s="14" t="s">
        <v>14</v>
      </c>
      <c r="E346" s="15">
        <v>45722</v>
      </c>
      <c r="F346" s="14" t="s">
        <v>15</v>
      </c>
      <c r="G346" s="16">
        <v>2.7247922523565902</v>
      </c>
    </row>
    <row r="347" spans="1:7" x14ac:dyDescent="0.3">
      <c r="A347" s="13" t="s">
        <v>12</v>
      </c>
      <c r="B347" s="14" t="s">
        <v>1</v>
      </c>
      <c r="C347" s="14" t="s">
        <v>13</v>
      </c>
      <c r="D347" s="14" t="s">
        <v>14</v>
      </c>
      <c r="E347" s="15">
        <v>45723</v>
      </c>
      <c r="F347" s="14" t="s">
        <v>15</v>
      </c>
      <c r="G347" s="16">
        <v>2.7289623102949281</v>
      </c>
    </row>
    <row r="348" spans="1:7" x14ac:dyDescent="0.3">
      <c r="A348" s="13" t="s">
        <v>12</v>
      </c>
      <c r="B348" s="14" t="s">
        <v>1</v>
      </c>
      <c r="C348" s="14" t="s">
        <v>13</v>
      </c>
      <c r="D348" s="14" t="s">
        <v>14</v>
      </c>
      <c r="E348" s="15">
        <v>45724</v>
      </c>
      <c r="F348" s="14" t="s">
        <v>15</v>
      </c>
      <c r="G348" s="16">
        <v>2.7289623102949281</v>
      </c>
    </row>
    <row r="349" spans="1:7" x14ac:dyDescent="0.3">
      <c r="A349" s="13" t="s">
        <v>12</v>
      </c>
      <c r="B349" s="14" t="s">
        <v>1</v>
      </c>
      <c r="C349" s="14" t="s">
        <v>13</v>
      </c>
      <c r="D349" s="14" t="s">
        <v>14</v>
      </c>
      <c r="E349" s="15">
        <v>45725</v>
      </c>
      <c r="F349" s="14" t="s">
        <v>15</v>
      </c>
      <c r="G349" s="16">
        <v>2.7289623102949281</v>
      </c>
    </row>
    <row r="350" spans="1:7" x14ac:dyDescent="0.3">
      <c r="A350" s="13" t="s">
        <v>12</v>
      </c>
      <c r="B350" s="14" t="s">
        <v>1</v>
      </c>
      <c r="C350" s="14" t="s">
        <v>13</v>
      </c>
      <c r="D350" s="14" t="s">
        <v>14</v>
      </c>
      <c r="E350" s="15">
        <v>45726</v>
      </c>
      <c r="F350" s="14" t="s">
        <v>15</v>
      </c>
      <c r="G350" s="16">
        <v>2.7330725771329862</v>
      </c>
    </row>
    <row r="351" spans="1:7" x14ac:dyDescent="0.3">
      <c r="A351" s="13" t="s">
        <v>12</v>
      </c>
      <c r="B351" s="14" t="s">
        <v>1</v>
      </c>
      <c r="C351" s="14" t="s">
        <v>13</v>
      </c>
      <c r="D351" s="14" t="s">
        <v>14</v>
      </c>
      <c r="E351" s="15">
        <v>45727</v>
      </c>
      <c r="F351" s="14" t="s">
        <v>15</v>
      </c>
      <c r="G351" s="16">
        <v>2.7454261675823677</v>
      </c>
    </row>
    <row r="352" spans="1:7" x14ac:dyDescent="0.3">
      <c r="A352" s="13" t="s">
        <v>12</v>
      </c>
      <c r="B352" s="14" t="s">
        <v>1</v>
      </c>
      <c r="C352" s="14" t="s">
        <v>13</v>
      </c>
      <c r="D352" s="14" t="s">
        <v>14</v>
      </c>
      <c r="E352" s="15">
        <v>45728</v>
      </c>
      <c r="F352" s="14" t="s">
        <v>15</v>
      </c>
      <c r="G352" s="16">
        <v>2.7495816945977527</v>
      </c>
    </row>
    <row r="353" spans="1:7" x14ac:dyDescent="0.3">
      <c r="A353" s="13" t="s">
        <v>12</v>
      </c>
      <c r="B353" s="14" t="s">
        <v>1</v>
      </c>
      <c r="C353" s="14" t="s">
        <v>13</v>
      </c>
      <c r="D353" s="14" t="s">
        <v>14</v>
      </c>
      <c r="E353" s="15">
        <v>45729</v>
      </c>
      <c r="F353" s="14" t="s">
        <v>15</v>
      </c>
      <c r="G353" s="16">
        <v>2.7537829346923197</v>
      </c>
    </row>
    <row r="354" spans="1:7" x14ac:dyDescent="0.3">
      <c r="A354" s="13" t="s">
        <v>12</v>
      </c>
      <c r="B354" s="14" t="s">
        <v>1</v>
      </c>
      <c r="C354" s="14" t="s">
        <v>13</v>
      </c>
      <c r="D354" s="14" t="s">
        <v>14</v>
      </c>
      <c r="E354" s="15">
        <v>45730</v>
      </c>
      <c r="F354" s="14" t="s">
        <v>15</v>
      </c>
      <c r="G354" s="16">
        <v>2.7991361136974686</v>
      </c>
    </row>
    <row r="355" spans="1:7" x14ac:dyDescent="0.3">
      <c r="A355" s="13" t="s">
        <v>12</v>
      </c>
      <c r="B355" s="14" t="s">
        <v>1</v>
      </c>
      <c r="C355" s="14" t="s">
        <v>13</v>
      </c>
      <c r="D355" s="14" t="s">
        <v>14</v>
      </c>
      <c r="E355" s="15">
        <v>45731</v>
      </c>
      <c r="F355" s="14" t="s">
        <v>15</v>
      </c>
      <c r="G355" s="16">
        <v>2.7991361136974686</v>
      </c>
    </row>
    <row r="356" spans="1:7" x14ac:dyDescent="0.3">
      <c r="A356" s="13" t="s">
        <v>12</v>
      </c>
      <c r="B356" s="14" t="s">
        <v>1</v>
      </c>
      <c r="C356" s="14" t="s">
        <v>13</v>
      </c>
      <c r="D356" s="14" t="s">
        <v>14</v>
      </c>
      <c r="E356" s="15">
        <v>45732</v>
      </c>
      <c r="F356" s="14" t="s">
        <v>15</v>
      </c>
      <c r="G356" s="16">
        <v>2.7991361136974686</v>
      </c>
    </row>
    <row r="357" spans="1:7" x14ac:dyDescent="0.3">
      <c r="A357" s="13" t="s">
        <v>12</v>
      </c>
      <c r="B357" s="14" t="s">
        <v>1</v>
      </c>
      <c r="C357" s="14" t="s">
        <v>13</v>
      </c>
      <c r="D357" s="14" t="s">
        <v>14</v>
      </c>
      <c r="E357" s="15">
        <v>45733</v>
      </c>
      <c r="F357" s="14" t="s">
        <v>15</v>
      </c>
      <c r="G357" s="16">
        <v>2.7991361136974686</v>
      </c>
    </row>
    <row r="358" spans="1:7" x14ac:dyDescent="0.3">
      <c r="A358" s="13" t="s">
        <v>12</v>
      </c>
      <c r="B358" s="14" t="s">
        <v>1</v>
      </c>
      <c r="C358" s="14" t="s">
        <v>13</v>
      </c>
      <c r="D358" s="14" t="s">
        <v>14</v>
      </c>
      <c r="E358" s="15">
        <v>45734</v>
      </c>
      <c r="F358" s="14" t="s">
        <v>15</v>
      </c>
      <c r="G358" s="16">
        <v>2.8031777214489324</v>
      </c>
    </row>
    <row r="359" spans="1:7" x14ac:dyDescent="0.3">
      <c r="A359" s="13" t="s">
        <v>12</v>
      </c>
      <c r="B359" s="14" t="s">
        <v>1</v>
      </c>
      <c r="C359" s="14" t="s">
        <v>13</v>
      </c>
      <c r="D359" s="14" t="s">
        <v>14</v>
      </c>
      <c r="E359" s="15">
        <v>45735</v>
      </c>
      <c r="F359" s="14" t="s">
        <v>15</v>
      </c>
      <c r="G359" s="16">
        <v>2.8190909410596516</v>
      </c>
    </row>
    <row r="360" spans="1:7" x14ac:dyDescent="0.3">
      <c r="A360" s="13" t="s">
        <v>12</v>
      </c>
      <c r="B360" s="14" t="s">
        <v>1</v>
      </c>
      <c r="C360" s="14" t="s">
        <v>13</v>
      </c>
      <c r="D360" s="14" t="s">
        <v>14</v>
      </c>
      <c r="E360" s="15">
        <v>45736</v>
      </c>
      <c r="F360" s="14" t="s">
        <v>15</v>
      </c>
      <c r="G360" s="16">
        <v>2.8230707251209375</v>
      </c>
    </row>
    <row r="361" spans="1:7" x14ac:dyDescent="0.3">
      <c r="A361" s="13" t="s">
        <v>12</v>
      </c>
      <c r="B361" s="14" t="s">
        <v>1</v>
      </c>
      <c r="C361" s="14" t="s">
        <v>13</v>
      </c>
      <c r="D361" s="14" t="s">
        <v>14</v>
      </c>
      <c r="E361" s="15">
        <v>45737</v>
      </c>
      <c r="F361" s="14" t="s">
        <v>15</v>
      </c>
      <c r="G361" s="16">
        <v>2.8284229837668122</v>
      </c>
    </row>
    <row r="362" spans="1:7" x14ac:dyDescent="0.3">
      <c r="A362" s="13" t="s">
        <v>12</v>
      </c>
      <c r="B362" s="14" t="s">
        <v>1</v>
      </c>
      <c r="C362" s="14" t="s">
        <v>13</v>
      </c>
      <c r="D362" s="14" t="s">
        <v>14</v>
      </c>
      <c r="E362" s="15">
        <v>45738</v>
      </c>
      <c r="F362" s="14" t="s">
        <v>15</v>
      </c>
      <c r="G362" s="16">
        <v>2.8284229837668122</v>
      </c>
    </row>
    <row r="363" spans="1:7" x14ac:dyDescent="0.3">
      <c r="A363" s="13" t="s">
        <v>12</v>
      </c>
      <c r="B363" s="14" t="s">
        <v>1</v>
      </c>
      <c r="C363" s="14" t="s">
        <v>13</v>
      </c>
      <c r="D363" s="14" t="s">
        <v>14</v>
      </c>
      <c r="E363" s="15">
        <v>45739</v>
      </c>
      <c r="F363" s="14" t="s">
        <v>15</v>
      </c>
      <c r="G363" s="16">
        <v>2.8284229837668122</v>
      </c>
    </row>
    <row r="364" spans="1:7" x14ac:dyDescent="0.3">
      <c r="A364" s="13" t="s">
        <v>12</v>
      </c>
      <c r="B364" s="14" t="s">
        <v>1</v>
      </c>
      <c r="C364" s="14" t="s">
        <v>13</v>
      </c>
      <c r="D364" s="14" t="s">
        <v>14</v>
      </c>
      <c r="E364" s="15">
        <v>45740</v>
      </c>
      <c r="F364" s="14" t="s">
        <v>15</v>
      </c>
      <c r="G364" s="16">
        <v>2.8309800565555459</v>
      </c>
    </row>
    <row r="365" spans="1:7" x14ac:dyDescent="0.3">
      <c r="A365" s="13" t="s">
        <v>12</v>
      </c>
      <c r="B365" s="14" t="s">
        <v>1</v>
      </c>
      <c r="C365" s="14" t="s">
        <v>13</v>
      </c>
      <c r="D365" s="14" t="s">
        <v>14</v>
      </c>
      <c r="E365" s="15">
        <v>45741</v>
      </c>
      <c r="F365" s="14" t="s">
        <v>15</v>
      </c>
      <c r="G365" s="16">
        <v>2.884003357435005</v>
      </c>
    </row>
    <row r="366" spans="1:7" x14ac:dyDescent="0.3">
      <c r="A366" s="13" t="s">
        <v>12</v>
      </c>
      <c r="B366" s="14" t="s">
        <v>1</v>
      </c>
      <c r="C366" s="14" t="s">
        <v>13</v>
      </c>
      <c r="D366" s="14" t="s">
        <v>14</v>
      </c>
      <c r="E366" s="15">
        <v>45742</v>
      </c>
      <c r="F366" s="14" t="s">
        <v>15</v>
      </c>
      <c r="G366" s="16">
        <v>2.8872557434261159</v>
      </c>
    </row>
    <row r="367" spans="1:7" x14ac:dyDescent="0.3">
      <c r="A367" s="13" t="s">
        <v>12</v>
      </c>
      <c r="B367" s="14" t="s">
        <v>1</v>
      </c>
      <c r="C367" s="14" t="s">
        <v>13</v>
      </c>
      <c r="D367" s="14" t="s">
        <v>14</v>
      </c>
      <c r="E367" s="15">
        <v>45743</v>
      </c>
      <c r="F367" s="14" t="s">
        <v>15</v>
      </c>
      <c r="G367" s="16">
        <v>2.8915046176308294</v>
      </c>
    </row>
    <row r="368" spans="1:7" x14ac:dyDescent="0.3">
      <c r="A368" s="13" t="s">
        <v>12</v>
      </c>
      <c r="B368" s="14" t="s">
        <v>1</v>
      </c>
      <c r="C368" s="14" t="s">
        <v>13</v>
      </c>
      <c r="D368" s="14" t="s">
        <v>14</v>
      </c>
      <c r="E368" s="15">
        <v>45744</v>
      </c>
      <c r="F368" s="14" t="s">
        <v>15</v>
      </c>
      <c r="G368" s="16">
        <v>2.8954498464167808</v>
      </c>
    </row>
    <row r="369" spans="1:7" x14ac:dyDescent="0.3">
      <c r="A369" s="13" t="s">
        <v>12</v>
      </c>
      <c r="B369" s="14" t="s">
        <v>1</v>
      </c>
      <c r="C369" s="14" t="s">
        <v>13</v>
      </c>
      <c r="D369" s="14" t="s">
        <v>14</v>
      </c>
      <c r="E369" s="15">
        <v>45745</v>
      </c>
      <c r="F369" s="14" t="s">
        <v>15</v>
      </c>
      <c r="G369" s="16">
        <v>2.8954498464167808</v>
      </c>
    </row>
    <row r="370" spans="1:7" x14ac:dyDescent="0.3">
      <c r="A370" s="13" t="s">
        <v>12</v>
      </c>
      <c r="B370" s="14" t="s">
        <v>1</v>
      </c>
      <c r="C370" s="14" t="s">
        <v>13</v>
      </c>
      <c r="D370" s="14" t="s">
        <v>14</v>
      </c>
      <c r="E370" s="15">
        <v>45746</v>
      </c>
      <c r="F370" s="14" t="s">
        <v>15</v>
      </c>
      <c r="G370" s="16">
        <v>2.8954498464167808</v>
      </c>
    </row>
    <row r="371" spans="1:7" x14ac:dyDescent="0.3">
      <c r="A371" s="13" t="s">
        <v>12</v>
      </c>
      <c r="B371" s="14" t="s">
        <v>1</v>
      </c>
      <c r="C371" s="14" t="s">
        <v>13</v>
      </c>
      <c r="D371" s="14" t="s">
        <v>14</v>
      </c>
      <c r="E371" s="15">
        <v>45747</v>
      </c>
      <c r="F371" s="14" t="s">
        <v>15</v>
      </c>
      <c r="G371" s="16">
        <v>2.8994018912688633</v>
      </c>
    </row>
    <row r="372" spans="1:7" x14ac:dyDescent="0.3">
      <c r="A372" s="13" t="s">
        <v>16</v>
      </c>
      <c r="B372" s="14" t="s">
        <v>1</v>
      </c>
      <c r="C372" s="14" t="s">
        <v>17</v>
      </c>
      <c r="D372" s="14" t="s">
        <v>18</v>
      </c>
      <c r="E372" s="15">
        <v>45383</v>
      </c>
      <c r="F372" s="14" t="s">
        <v>15</v>
      </c>
      <c r="G372" s="16">
        <v>0</v>
      </c>
    </row>
    <row r="373" spans="1:7" x14ac:dyDescent="0.3">
      <c r="A373" s="13" t="s">
        <v>16</v>
      </c>
      <c r="B373" s="14" t="s">
        <v>1</v>
      </c>
      <c r="C373" s="14" t="s">
        <v>17</v>
      </c>
      <c r="D373" s="14" t="s">
        <v>18</v>
      </c>
      <c r="E373" s="15">
        <v>45384</v>
      </c>
      <c r="F373" s="14" t="s">
        <v>15</v>
      </c>
      <c r="G373" s="16">
        <v>0</v>
      </c>
    </row>
    <row r="374" spans="1:7" x14ac:dyDescent="0.3">
      <c r="A374" s="13" t="s">
        <v>16</v>
      </c>
      <c r="B374" s="14" t="s">
        <v>1</v>
      </c>
      <c r="C374" s="14" t="s">
        <v>17</v>
      </c>
      <c r="D374" s="14" t="s">
        <v>18</v>
      </c>
      <c r="E374" s="15">
        <v>45385</v>
      </c>
      <c r="F374" s="14" t="s">
        <v>15</v>
      </c>
      <c r="G374" s="16">
        <v>0</v>
      </c>
    </row>
    <row r="375" spans="1:7" x14ac:dyDescent="0.3">
      <c r="A375" s="13" t="s">
        <v>16</v>
      </c>
      <c r="B375" s="14" t="s">
        <v>1</v>
      </c>
      <c r="C375" s="14" t="s">
        <v>17</v>
      </c>
      <c r="D375" s="14" t="s">
        <v>18</v>
      </c>
      <c r="E375" s="15">
        <v>45386</v>
      </c>
      <c r="F375" s="14" t="s">
        <v>15</v>
      </c>
      <c r="G375" s="16">
        <v>0</v>
      </c>
    </row>
    <row r="376" spans="1:7" x14ac:dyDescent="0.3">
      <c r="A376" s="13" t="s">
        <v>16</v>
      </c>
      <c r="B376" s="14" t="s">
        <v>1</v>
      </c>
      <c r="C376" s="14" t="s">
        <v>17</v>
      </c>
      <c r="D376" s="14" t="s">
        <v>18</v>
      </c>
      <c r="E376" s="15">
        <v>45387</v>
      </c>
      <c r="F376" s="14" t="s">
        <v>15</v>
      </c>
      <c r="G376" s="16">
        <v>0</v>
      </c>
    </row>
    <row r="377" spans="1:7" x14ac:dyDescent="0.3">
      <c r="A377" s="13" t="s">
        <v>16</v>
      </c>
      <c r="B377" s="14" t="s">
        <v>1</v>
      </c>
      <c r="C377" s="14" t="s">
        <v>17</v>
      </c>
      <c r="D377" s="14" t="s">
        <v>18</v>
      </c>
      <c r="E377" s="15">
        <v>45388</v>
      </c>
      <c r="F377" s="14" t="s">
        <v>15</v>
      </c>
      <c r="G377" s="16">
        <v>0</v>
      </c>
    </row>
    <row r="378" spans="1:7" x14ac:dyDescent="0.3">
      <c r="A378" s="13" t="s">
        <v>16</v>
      </c>
      <c r="B378" s="14" t="s">
        <v>1</v>
      </c>
      <c r="C378" s="14" t="s">
        <v>17</v>
      </c>
      <c r="D378" s="14" t="s">
        <v>18</v>
      </c>
      <c r="E378" s="15">
        <v>45389</v>
      </c>
      <c r="F378" s="14" t="s">
        <v>15</v>
      </c>
      <c r="G378" s="16">
        <v>0</v>
      </c>
    </row>
    <row r="379" spans="1:7" x14ac:dyDescent="0.3">
      <c r="A379" s="13" t="s">
        <v>16</v>
      </c>
      <c r="B379" s="14" t="s">
        <v>1</v>
      </c>
      <c r="C379" s="14" t="s">
        <v>17</v>
      </c>
      <c r="D379" s="14" t="s">
        <v>18</v>
      </c>
      <c r="E379" s="15">
        <v>45390</v>
      </c>
      <c r="F379" s="14" t="s">
        <v>15</v>
      </c>
      <c r="G379" s="16">
        <v>0</v>
      </c>
    </row>
    <row r="380" spans="1:7" x14ac:dyDescent="0.3">
      <c r="A380" s="13" t="s">
        <v>16</v>
      </c>
      <c r="B380" s="14" t="s">
        <v>1</v>
      </c>
      <c r="C380" s="14" t="s">
        <v>17</v>
      </c>
      <c r="D380" s="14" t="s">
        <v>18</v>
      </c>
      <c r="E380" s="15">
        <v>45391</v>
      </c>
      <c r="F380" s="14" t="s">
        <v>15</v>
      </c>
      <c r="G380" s="16">
        <v>0</v>
      </c>
    </row>
    <row r="381" spans="1:7" x14ac:dyDescent="0.3">
      <c r="A381" s="13" t="s">
        <v>16</v>
      </c>
      <c r="B381" s="14" t="s">
        <v>1</v>
      </c>
      <c r="C381" s="14" t="s">
        <v>17</v>
      </c>
      <c r="D381" s="14" t="s">
        <v>18</v>
      </c>
      <c r="E381" s="15">
        <v>45392</v>
      </c>
      <c r="F381" s="14" t="s">
        <v>15</v>
      </c>
      <c r="G381" s="16">
        <v>0</v>
      </c>
    </row>
    <row r="382" spans="1:7" x14ac:dyDescent="0.3">
      <c r="A382" s="13" t="s">
        <v>16</v>
      </c>
      <c r="B382" s="14" t="s">
        <v>1</v>
      </c>
      <c r="C382" s="14" t="s">
        <v>17</v>
      </c>
      <c r="D382" s="14" t="s">
        <v>18</v>
      </c>
      <c r="E382" s="15">
        <v>45393</v>
      </c>
      <c r="F382" s="14" t="s">
        <v>15</v>
      </c>
      <c r="G382" s="16">
        <v>0</v>
      </c>
    </row>
    <row r="383" spans="1:7" x14ac:dyDescent="0.3">
      <c r="A383" s="13" t="s">
        <v>16</v>
      </c>
      <c r="B383" s="14" t="s">
        <v>1</v>
      </c>
      <c r="C383" s="14" t="s">
        <v>17</v>
      </c>
      <c r="D383" s="14" t="s">
        <v>18</v>
      </c>
      <c r="E383" s="15">
        <v>45394</v>
      </c>
      <c r="F383" s="14" t="s">
        <v>15</v>
      </c>
      <c r="G383" s="16">
        <v>0</v>
      </c>
    </row>
    <row r="384" spans="1:7" x14ac:dyDescent="0.3">
      <c r="A384" s="13" t="s">
        <v>16</v>
      </c>
      <c r="B384" s="14" t="s">
        <v>1</v>
      </c>
      <c r="C384" s="14" t="s">
        <v>17</v>
      </c>
      <c r="D384" s="14" t="s">
        <v>18</v>
      </c>
      <c r="E384" s="15">
        <v>45395</v>
      </c>
      <c r="F384" s="14" t="s">
        <v>15</v>
      </c>
      <c r="G384" s="16">
        <v>0</v>
      </c>
    </row>
    <row r="385" spans="1:7" x14ac:dyDescent="0.3">
      <c r="A385" s="13" t="s">
        <v>16</v>
      </c>
      <c r="B385" s="14" t="s">
        <v>1</v>
      </c>
      <c r="C385" s="14" t="s">
        <v>17</v>
      </c>
      <c r="D385" s="14" t="s">
        <v>18</v>
      </c>
      <c r="E385" s="15">
        <v>45396</v>
      </c>
      <c r="F385" s="14" t="s">
        <v>15</v>
      </c>
      <c r="G385" s="16">
        <v>0</v>
      </c>
    </row>
    <row r="386" spans="1:7" x14ac:dyDescent="0.3">
      <c r="A386" s="13" t="s">
        <v>16</v>
      </c>
      <c r="B386" s="14" t="s">
        <v>1</v>
      </c>
      <c r="C386" s="14" t="s">
        <v>17</v>
      </c>
      <c r="D386" s="14" t="s">
        <v>18</v>
      </c>
      <c r="E386" s="15">
        <v>45397</v>
      </c>
      <c r="F386" s="14" t="s">
        <v>15</v>
      </c>
      <c r="G386" s="16">
        <v>0</v>
      </c>
    </row>
    <row r="387" spans="1:7" x14ac:dyDescent="0.3">
      <c r="A387" s="13" t="s">
        <v>16</v>
      </c>
      <c r="B387" s="14" t="s">
        <v>1</v>
      </c>
      <c r="C387" s="14" t="s">
        <v>17</v>
      </c>
      <c r="D387" s="14" t="s">
        <v>18</v>
      </c>
      <c r="E387" s="15">
        <v>45398</v>
      </c>
      <c r="F387" s="14" t="s">
        <v>15</v>
      </c>
      <c r="G387" s="16">
        <v>0</v>
      </c>
    </row>
    <row r="388" spans="1:7" x14ac:dyDescent="0.3">
      <c r="A388" s="13" t="s">
        <v>16</v>
      </c>
      <c r="B388" s="14" t="s">
        <v>1</v>
      </c>
      <c r="C388" s="14" t="s">
        <v>17</v>
      </c>
      <c r="D388" s="14" t="s">
        <v>18</v>
      </c>
      <c r="E388" s="15">
        <v>45399</v>
      </c>
      <c r="F388" s="14" t="s">
        <v>15</v>
      </c>
      <c r="G388" s="16">
        <v>0</v>
      </c>
    </row>
    <row r="389" spans="1:7" x14ac:dyDescent="0.3">
      <c r="A389" s="13" t="s">
        <v>16</v>
      </c>
      <c r="B389" s="14" t="s">
        <v>1</v>
      </c>
      <c r="C389" s="14" t="s">
        <v>17</v>
      </c>
      <c r="D389" s="14" t="s">
        <v>18</v>
      </c>
      <c r="E389" s="15">
        <v>45400</v>
      </c>
      <c r="F389" s="14" t="s">
        <v>15</v>
      </c>
      <c r="G389" s="16">
        <v>0</v>
      </c>
    </row>
    <row r="390" spans="1:7" x14ac:dyDescent="0.3">
      <c r="A390" s="13" t="s">
        <v>16</v>
      </c>
      <c r="B390" s="14" t="s">
        <v>1</v>
      </c>
      <c r="C390" s="14" t="s">
        <v>17</v>
      </c>
      <c r="D390" s="14" t="s">
        <v>18</v>
      </c>
      <c r="E390" s="15">
        <v>45401</v>
      </c>
      <c r="F390" s="14" t="s">
        <v>15</v>
      </c>
      <c r="G390" s="16">
        <v>0</v>
      </c>
    </row>
    <row r="391" spans="1:7" x14ac:dyDescent="0.3">
      <c r="A391" s="13" t="s">
        <v>16</v>
      </c>
      <c r="B391" s="14" t="s">
        <v>1</v>
      </c>
      <c r="C391" s="14" t="s">
        <v>17</v>
      </c>
      <c r="D391" s="14" t="s">
        <v>18</v>
      </c>
      <c r="E391" s="15">
        <v>45402</v>
      </c>
      <c r="F391" s="14" t="s">
        <v>15</v>
      </c>
      <c r="G391" s="16">
        <v>0</v>
      </c>
    </row>
    <row r="392" spans="1:7" x14ac:dyDescent="0.3">
      <c r="A392" s="13" t="s">
        <v>16</v>
      </c>
      <c r="B392" s="14" t="s">
        <v>1</v>
      </c>
      <c r="C392" s="14" t="s">
        <v>17</v>
      </c>
      <c r="D392" s="14" t="s">
        <v>18</v>
      </c>
      <c r="E392" s="15">
        <v>45403</v>
      </c>
      <c r="F392" s="14" t="s">
        <v>15</v>
      </c>
      <c r="G392" s="16">
        <v>0</v>
      </c>
    </row>
    <row r="393" spans="1:7" x14ac:dyDescent="0.3">
      <c r="A393" s="13" t="s">
        <v>16</v>
      </c>
      <c r="B393" s="14" t="s">
        <v>1</v>
      </c>
      <c r="C393" s="14" t="s">
        <v>17</v>
      </c>
      <c r="D393" s="14" t="s">
        <v>18</v>
      </c>
      <c r="E393" s="15">
        <v>45404</v>
      </c>
      <c r="F393" s="14" t="s">
        <v>15</v>
      </c>
      <c r="G393" s="16">
        <v>0</v>
      </c>
    </row>
    <row r="394" spans="1:7" x14ac:dyDescent="0.3">
      <c r="A394" s="13" t="s">
        <v>16</v>
      </c>
      <c r="B394" s="14" t="s">
        <v>1</v>
      </c>
      <c r="C394" s="14" t="s">
        <v>17</v>
      </c>
      <c r="D394" s="14" t="s">
        <v>18</v>
      </c>
      <c r="E394" s="15">
        <v>45405</v>
      </c>
      <c r="F394" s="14" t="s">
        <v>15</v>
      </c>
      <c r="G394" s="16">
        <v>0</v>
      </c>
    </row>
    <row r="395" spans="1:7" x14ac:dyDescent="0.3">
      <c r="A395" s="13" t="s">
        <v>16</v>
      </c>
      <c r="B395" s="14" t="s">
        <v>1</v>
      </c>
      <c r="C395" s="14" t="s">
        <v>17</v>
      </c>
      <c r="D395" s="14" t="s">
        <v>18</v>
      </c>
      <c r="E395" s="15">
        <v>45406</v>
      </c>
      <c r="F395" s="14" t="s">
        <v>15</v>
      </c>
      <c r="G395" s="16">
        <v>0</v>
      </c>
    </row>
    <row r="396" spans="1:7" x14ac:dyDescent="0.3">
      <c r="A396" s="13" t="s">
        <v>16</v>
      </c>
      <c r="B396" s="14" t="s">
        <v>1</v>
      </c>
      <c r="C396" s="14" t="s">
        <v>17</v>
      </c>
      <c r="D396" s="14" t="s">
        <v>18</v>
      </c>
      <c r="E396" s="15">
        <v>45407</v>
      </c>
      <c r="F396" s="14" t="s">
        <v>15</v>
      </c>
      <c r="G396" s="16">
        <v>0</v>
      </c>
    </row>
    <row r="397" spans="1:7" x14ac:dyDescent="0.3">
      <c r="A397" s="13" t="s">
        <v>16</v>
      </c>
      <c r="B397" s="14" t="s">
        <v>1</v>
      </c>
      <c r="C397" s="14" t="s">
        <v>17</v>
      </c>
      <c r="D397" s="14" t="s">
        <v>18</v>
      </c>
      <c r="E397" s="15">
        <v>45408</v>
      </c>
      <c r="F397" s="14" t="s">
        <v>15</v>
      </c>
      <c r="G397" s="16">
        <v>0</v>
      </c>
    </row>
    <row r="398" spans="1:7" x14ac:dyDescent="0.3">
      <c r="A398" s="13" t="s">
        <v>16</v>
      </c>
      <c r="B398" s="14" t="s">
        <v>1</v>
      </c>
      <c r="C398" s="14" t="s">
        <v>17</v>
      </c>
      <c r="D398" s="14" t="s">
        <v>18</v>
      </c>
      <c r="E398" s="15">
        <v>45409</v>
      </c>
      <c r="F398" s="14" t="s">
        <v>15</v>
      </c>
      <c r="G398" s="16">
        <v>0</v>
      </c>
    </row>
    <row r="399" spans="1:7" x14ac:dyDescent="0.3">
      <c r="A399" s="13" t="s">
        <v>16</v>
      </c>
      <c r="B399" s="14" t="s">
        <v>1</v>
      </c>
      <c r="C399" s="14" t="s">
        <v>17</v>
      </c>
      <c r="D399" s="14" t="s">
        <v>18</v>
      </c>
      <c r="E399" s="15">
        <v>45410</v>
      </c>
      <c r="F399" s="14" t="s">
        <v>15</v>
      </c>
      <c r="G399" s="16">
        <v>0</v>
      </c>
    </row>
    <row r="400" spans="1:7" x14ac:dyDescent="0.3">
      <c r="A400" s="13" t="s">
        <v>16</v>
      </c>
      <c r="B400" s="14" t="s">
        <v>1</v>
      </c>
      <c r="C400" s="14" t="s">
        <v>17</v>
      </c>
      <c r="D400" s="14" t="s">
        <v>18</v>
      </c>
      <c r="E400" s="15">
        <v>45411</v>
      </c>
      <c r="F400" s="14" t="s">
        <v>15</v>
      </c>
      <c r="G400" s="16">
        <v>0</v>
      </c>
    </row>
    <row r="401" spans="1:7" x14ac:dyDescent="0.3">
      <c r="A401" s="13" t="s">
        <v>16</v>
      </c>
      <c r="B401" s="14" t="s">
        <v>1</v>
      </c>
      <c r="C401" s="14" t="s">
        <v>17</v>
      </c>
      <c r="D401" s="14" t="s">
        <v>18</v>
      </c>
      <c r="E401" s="15">
        <v>45412</v>
      </c>
      <c r="F401" s="14" t="s">
        <v>15</v>
      </c>
      <c r="G401" s="16">
        <v>0</v>
      </c>
    </row>
    <row r="402" spans="1:7" x14ac:dyDescent="0.3">
      <c r="A402" s="13" t="s">
        <v>16</v>
      </c>
      <c r="B402" s="14" t="s">
        <v>1</v>
      </c>
      <c r="C402" s="14" t="s">
        <v>17</v>
      </c>
      <c r="D402" s="14" t="s">
        <v>18</v>
      </c>
      <c r="E402" s="15">
        <v>45413</v>
      </c>
      <c r="F402" s="14" t="s">
        <v>15</v>
      </c>
      <c r="G402" s="16">
        <v>0</v>
      </c>
    </row>
    <row r="403" spans="1:7" x14ac:dyDescent="0.3">
      <c r="A403" s="13" t="s">
        <v>16</v>
      </c>
      <c r="B403" s="14" t="s">
        <v>1</v>
      </c>
      <c r="C403" s="14" t="s">
        <v>17</v>
      </c>
      <c r="D403" s="14" t="s">
        <v>18</v>
      </c>
      <c r="E403" s="15">
        <v>45414</v>
      </c>
      <c r="F403" s="14" t="s">
        <v>15</v>
      </c>
      <c r="G403" s="16">
        <v>0</v>
      </c>
    </row>
    <row r="404" spans="1:7" x14ac:dyDescent="0.3">
      <c r="A404" s="13" t="s">
        <v>16</v>
      </c>
      <c r="B404" s="14" t="s">
        <v>1</v>
      </c>
      <c r="C404" s="14" t="s">
        <v>17</v>
      </c>
      <c r="D404" s="14" t="s">
        <v>18</v>
      </c>
      <c r="E404" s="15">
        <v>45415</v>
      </c>
      <c r="F404" s="14" t="s">
        <v>15</v>
      </c>
      <c r="G404" s="16">
        <v>0</v>
      </c>
    </row>
    <row r="405" spans="1:7" x14ac:dyDescent="0.3">
      <c r="A405" s="13" t="s">
        <v>16</v>
      </c>
      <c r="B405" s="14" t="s">
        <v>1</v>
      </c>
      <c r="C405" s="14" t="s">
        <v>17</v>
      </c>
      <c r="D405" s="14" t="s">
        <v>18</v>
      </c>
      <c r="E405" s="15">
        <v>45416</v>
      </c>
      <c r="F405" s="14" t="s">
        <v>15</v>
      </c>
      <c r="G405" s="16">
        <v>0</v>
      </c>
    </row>
    <row r="406" spans="1:7" x14ac:dyDescent="0.3">
      <c r="A406" s="13" t="s">
        <v>16</v>
      </c>
      <c r="B406" s="14" t="s">
        <v>1</v>
      </c>
      <c r="C406" s="14" t="s">
        <v>17</v>
      </c>
      <c r="D406" s="14" t="s">
        <v>18</v>
      </c>
      <c r="E406" s="15">
        <v>45417</v>
      </c>
      <c r="F406" s="14" t="s">
        <v>15</v>
      </c>
      <c r="G406" s="16">
        <v>0</v>
      </c>
    </row>
    <row r="407" spans="1:7" x14ac:dyDescent="0.3">
      <c r="A407" s="13" t="s">
        <v>16</v>
      </c>
      <c r="B407" s="14" t="s">
        <v>1</v>
      </c>
      <c r="C407" s="14" t="s">
        <v>17</v>
      </c>
      <c r="D407" s="14" t="s">
        <v>18</v>
      </c>
      <c r="E407" s="15">
        <v>45418</v>
      </c>
      <c r="F407" s="14" t="s">
        <v>15</v>
      </c>
      <c r="G407" s="16">
        <v>0</v>
      </c>
    </row>
    <row r="408" spans="1:7" x14ac:dyDescent="0.3">
      <c r="A408" s="13" t="s">
        <v>16</v>
      </c>
      <c r="B408" s="14" t="s">
        <v>1</v>
      </c>
      <c r="C408" s="14" t="s">
        <v>17</v>
      </c>
      <c r="D408" s="14" t="s">
        <v>18</v>
      </c>
      <c r="E408" s="15">
        <v>45419</v>
      </c>
      <c r="F408" s="14" t="s">
        <v>15</v>
      </c>
      <c r="G408" s="16">
        <v>0</v>
      </c>
    </row>
    <row r="409" spans="1:7" x14ac:dyDescent="0.3">
      <c r="A409" s="13" t="s">
        <v>16</v>
      </c>
      <c r="B409" s="14" t="s">
        <v>1</v>
      </c>
      <c r="C409" s="14" t="s">
        <v>17</v>
      </c>
      <c r="D409" s="14" t="s">
        <v>18</v>
      </c>
      <c r="E409" s="15">
        <v>45420</v>
      </c>
      <c r="F409" s="14" t="s">
        <v>15</v>
      </c>
      <c r="G409" s="16">
        <v>0</v>
      </c>
    </row>
    <row r="410" spans="1:7" x14ac:dyDescent="0.3">
      <c r="A410" s="13" t="s">
        <v>16</v>
      </c>
      <c r="B410" s="14" t="s">
        <v>1</v>
      </c>
      <c r="C410" s="14" t="s">
        <v>17</v>
      </c>
      <c r="D410" s="14" t="s">
        <v>18</v>
      </c>
      <c r="E410" s="15">
        <v>45421</v>
      </c>
      <c r="F410" s="14" t="s">
        <v>15</v>
      </c>
      <c r="G410" s="16">
        <v>0</v>
      </c>
    </row>
    <row r="411" spans="1:7" x14ac:dyDescent="0.3">
      <c r="A411" s="13" t="s">
        <v>16</v>
      </c>
      <c r="B411" s="14" t="s">
        <v>1</v>
      </c>
      <c r="C411" s="14" t="s">
        <v>17</v>
      </c>
      <c r="D411" s="14" t="s">
        <v>18</v>
      </c>
      <c r="E411" s="15">
        <v>45422</v>
      </c>
      <c r="F411" s="14" t="s">
        <v>15</v>
      </c>
      <c r="G411" s="16">
        <v>0</v>
      </c>
    </row>
    <row r="412" spans="1:7" x14ac:dyDescent="0.3">
      <c r="A412" s="13" t="s">
        <v>16</v>
      </c>
      <c r="B412" s="14" t="s">
        <v>1</v>
      </c>
      <c r="C412" s="14" t="s">
        <v>17</v>
      </c>
      <c r="D412" s="14" t="s">
        <v>18</v>
      </c>
      <c r="E412" s="15">
        <v>45423</v>
      </c>
      <c r="F412" s="14" t="s">
        <v>15</v>
      </c>
      <c r="G412" s="16">
        <v>0</v>
      </c>
    </row>
    <row r="413" spans="1:7" x14ac:dyDescent="0.3">
      <c r="A413" s="13" t="s">
        <v>16</v>
      </c>
      <c r="B413" s="14" t="s">
        <v>1</v>
      </c>
      <c r="C413" s="14" t="s">
        <v>17</v>
      </c>
      <c r="D413" s="14" t="s">
        <v>18</v>
      </c>
      <c r="E413" s="15">
        <v>45424</v>
      </c>
      <c r="F413" s="14" t="s">
        <v>15</v>
      </c>
      <c r="G413" s="16">
        <v>0</v>
      </c>
    </row>
    <row r="414" spans="1:7" x14ac:dyDescent="0.3">
      <c r="A414" s="13" t="s">
        <v>16</v>
      </c>
      <c r="B414" s="14" t="s">
        <v>1</v>
      </c>
      <c r="C414" s="14" t="s">
        <v>17</v>
      </c>
      <c r="D414" s="14" t="s">
        <v>18</v>
      </c>
      <c r="E414" s="15">
        <v>45425</v>
      </c>
      <c r="F414" s="14" t="s">
        <v>15</v>
      </c>
      <c r="G414" s="16">
        <v>0</v>
      </c>
    </row>
    <row r="415" spans="1:7" x14ac:dyDescent="0.3">
      <c r="A415" s="13" t="s">
        <v>16</v>
      </c>
      <c r="B415" s="14" t="s">
        <v>1</v>
      </c>
      <c r="C415" s="14" t="s">
        <v>17</v>
      </c>
      <c r="D415" s="14" t="s">
        <v>18</v>
      </c>
      <c r="E415" s="15">
        <v>45426</v>
      </c>
      <c r="F415" s="14" t="s">
        <v>15</v>
      </c>
      <c r="G415" s="16">
        <v>0</v>
      </c>
    </row>
    <row r="416" spans="1:7" x14ac:dyDescent="0.3">
      <c r="A416" s="13" t="s">
        <v>16</v>
      </c>
      <c r="B416" s="14" t="s">
        <v>1</v>
      </c>
      <c r="C416" s="14" t="s">
        <v>17</v>
      </c>
      <c r="D416" s="14" t="s">
        <v>18</v>
      </c>
      <c r="E416" s="15">
        <v>45427</v>
      </c>
      <c r="F416" s="14" t="s">
        <v>15</v>
      </c>
      <c r="G416" s="16">
        <v>0</v>
      </c>
    </row>
    <row r="417" spans="1:7" x14ac:dyDescent="0.3">
      <c r="A417" s="13" t="s">
        <v>16</v>
      </c>
      <c r="B417" s="14" t="s">
        <v>1</v>
      </c>
      <c r="C417" s="14" t="s">
        <v>17</v>
      </c>
      <c r="D417" s="14" t="s">
        <v>18</v>
      </c>
      <c r="E417" s="15">
        <v>45428</v>
      </c>
      <c r="F417" s="14" t="s">
        <v>15</v>
      </c>
      <c r="G417" s="16">
        <v>0</v>
      </c>
    </row>
    <row r="418" spans="1:7" x14ac:dyDescent="0.3">
      <c r="A418" s="13" t="s">
        <v>16</v>
      </c>
      <c r="B418" s="14" t="s">
        <v>1</v>
      </c>
      <c r="C418" s="14" t="s">
        <v>17</v>
      </c>
      <c r="D418" s="14" t="s">
        <v>18</v>
      </c>
      <c r="E418" s="15">
        <v>45429</v>
      </c>
      <c r="F418" s="14" t="s">
        <v>15</v>
      </c>
      <c r="G418" s="16">
        <v>0</v>
      </c>
    </row>
    <row r="419" spans="1:7" x14ac:dyDescent="0.3">
      <c r="A419" s="13" t="s">
        <v>16</v>
      </c>
      <c r="B419" s="14" t="s">
        <v>1</v>
      </c>
      <c r="C419" s="14" t="s">
        <v>17</v>
      </c>
      <c r="D419" s="14" t="s">
        <v>18</v>
      </c>
      <c r="E419" s="15">
        <v>45430</v>
      </c>
      <c r="F419" s="14" t="s">
        <v>15</v>
      </c>
      <c r="G419" s="16">
        <v>0</v>
      </c>
    </row>
    <row r="420" spans="1:7" x14ac:dyDescent="0.3">
      <c r="A420" s="13" t="s">
        <v>16</v>
      </c>
      <c r="B420" s="14" t="s">
        <v>1</v>
      </c>
      <c r="C420" s="14" t="s">
        <v>17</v>
      </c>
      <c r="D420" s="14" t="s">
        <v>18</v>
      </c>
      <c r="E420" s="15">
        <v>45431</v>
      </c>
      <c r="F420" s="14" t="s">
        <v>15</v>
      </c>
      <c r="G420" s="16">
        <v>0</v>
      </c>
    </row>
    <row r="421" spans="1:7" x14ac:dyDescent="0.3">
      <c r="A421" s="13" t="s">
        <v>16</v>
      </c>
      <c r="B421" s="14" t="s">
        <v>1</v>
      </c>
      <c r="C421" s="14" t="s">
        <v>17</v>
      </c>
      <c r="D421" s="14" t="s">
        <v>18</v>
      </c>
      <c r="E421" s="15">
        <v>45432</v>
      </c>
      <c r="F421" s="14" t="s">
        <v>15</v>
      </c>
      <c r="G421" s="16">
        <v>0</v>
      </c>
    </row>
    <row r="422" spans="1:7" x14ac:dyDescent="0.3">
      <c r="A422" s="13" t="s">
        <v>16</v>
      </c>
      <c r="B422" s="14" t="s">
        <v>1</v>
      </c>
      <c r="C422" s="14" t="s">
        <v>17</v>
      </c>
      <c r="D422" s="14" t="s">
        <v>18</v>
      </c>
      <c r="E422" s="15">
        <v>45433</v>
      </c>
      <c r="F422" s="14" t="s">
        <v>15</v>
      </c>
      <c r="G422" s="16">
        <v>0</v>
      </c>
    </row>
    <row r="423" spans="1:7" x14ac:dyDescent="0.3">
      <c r="A423" s="13" t="s">
        <v>16</v>
      </c>
      <c r="B423" s="14" t="s">
        <v>1</v>
      </c>
      <c r="C423" s="14" t="s">
        <v>17</v>
      </c>
      <c r="D423" s="14" t="s">
        <v>18</v>
      </c>
      <c r="E423" s="15">
        <v>45434</v>
      </c>
      <c r="F423" s="14" t="s">
        <v>15</v>
      </c>
      <c r="G423" s="16">
        <v>0</v>
      </c>
    </row>
    <row r="424" spans="1:7" x14ac:dyDescent="0.3">
      <c r="A424" s="13" t="s">
        <v>16</v>
      </c>
      <c r="B424" s="14" t="s">
        <v>1</v>
      </c>
      <c r="C424" s="14" t="s">
        <v>17</v>
      </c>
      <c r="D424" s="14" t="s">
        <v>18</v>
      </c>
      <c r="E424" s="15">
        <v>45435</v>
      </c>
      <c r="F424" s="14" t="s">
        <v>15</v>
      </c>
      <c r="G424" s="16">
        <v>0</v>
      </c>
    </row>
    <row r="425" spans="1:7" x14ac:dyDescent="0.3">
      <c r="A425" s="13" t="s">
        <v>16</v>
      </c>
      <c r="B425" s="14" t="s">
        <v>1</v>
      </c>
      <c r="C425" s="14" t="s">
        <v>17</v>
      </c>
      <c r="D425" s="14" t="s">
        <v>18</v>
      </c>
      <c r="E425" s="15">
        <v>45436</v>
      </c>
      <c r="F425" s="14" t="s">
        <v>15</v>
      </c>
      <c r="G425" s="16">
        <v>0</v>
      </c>
    </row>
    <row r="426" spans="1:7" x14ac:dyDescent="0.3">
      <c r="A426" s="13" t="s">
        <v>16</v>
      </c>
      <c r="B426" s="14" t="s">
        <v>1</v>
      </c>
      <c r="C426" s="14" t="s">
        <v>17</v>
      </c>
      <c r="D426" s="14" t="s">
        <v>18</v>
      </c>
      <c r="E426" s="15">
        <v>45437</v>
      </c>
      <c r="F426" s="14" t="s">
        <v>15</v>
      </c>
      <c r="G426" s="16">
        <v>0</v>
      </c>
    </row>
    <row r="427" spans="1:7" x14ac:dyDescent="0.3">
      <c r="A427" s="13" t="s">
        <v>16</v>
      </c>
      <c r="B427" s="14" t="s">
        <v>1</v>
      </c>
      <c r="C427" s="14" t="s">
        <v>17</v>
      </c>
      <c r="D427" s="14" t="s">
        <v>18</v>
      </c>
      <c r="E427" s="15">
        <v>45438</v>
      </c>
      <c r="F427" s="14" t="s">
        <v>15</v>
      </c>
      <c r="G427" s="16">
        <v>0</v>
      </c>
    </row>
    <row r="428" spans="1:7" x14ac:dyDescent="0.3">
      <c r="A428" s="13" t="s">
        <v>16</v>
      </c>
      <c r="B428" s="14" t="s">
        <v>1</v>
      </c>
      <c r="C428" s="14" t="s">
        <v>17</v>
      </c>
      <c r="D428" s="14" t="s">
        <v>18</v>
      </c>
      <c r="E428" s="15">
        <v>45439</v>
      </c>
      <c r="F428" s="14" t="s">
        <v>15</v>
      </c>
      <c r="G428" s="16">
        <v>0</v>
      </c>
    </row>
    <row r="429" spans="1:7" x14ac:dyDescent="0.3">
      <c r="A429" s="13" t="s">
        <v>16</v>
      </c>
      <c r="B429" s="14" t="s">
        <v>1</v>
      </c>
      <c r="C429" s="14" t="s">
        <v>17</v>
      </c>
      <c r="D429" s="14" t="s">
        <v>18</v>
      </c>
      <c r="E429" s="15">
        <v>45440</v>
      </c>
      <c r="F429" s="14" t="s">
        <v>15</v>
      </c>
      <c r="G429" s="16">
        <v>0</v>
      </c>
    </row>
    <row r="430" spans="1:7" x14ac:dyDescent="0.3">
      <c r="A430" s="13" t="s">
        <v>16</v>
      </c>
      <c r="B430" s="14" t="s">
        <v>1</v>
      </c>
      <c r="C430" s="14" t="s">
        <v>17</v>
      </c>
      <c r="D430" s="14" t="s">
        <v>18</v>
      </c>
      <c r="E430" s="15">
        <v>45441</v>
      </c>
      <c r="F430" s="14" t="s">
        <v>15</v>
      </c>
      <c r="G430" s="16">
        <v>0</v>
      </c>
    </row>
    <row r="431" spans="1:7" x14ac:dyDescent="0.3">
      <c r="A431" s="13" t="s">
        <v>16</v>
      </c>
      <c r="B431" s="14" t="s">
        <v>1</v>
      </c>
      <c r="C431" s="14" t="s">
        <v>17</v>
      </c>
      <c r="D431" s="14" t="s">
        <v>18</v>
      </c>
      <c r="E431" s="15">
        <v>45442</v>
      </c>
      <c r="F431" s="14" t="s">
        <v>15</v>
      </c>
      <c r="G431" s="16">
        <v>0</v>
      </c>
    </row>
    <row r="432" spans="1:7" x14ac:dyDescent="0.3">
      <c r="A432" s="13" t="s">
        <v>16</v>
      </c>
      <c r="B432" s="14" t="s">
        <v>1</v>
      </c>
      <c r="C432" s="14" t="s">
        <v>17</v>
      </c>
      <c r="D432" s="14" t="s">
        <v>18</v>
      </c>
      <c r="E432" s="15">
        <v>45443</v>
      </c>
      <c r="F432" s="14" t="s">
        <v>15</v>
      </c>
      <c r="G432" s="16">
        <v>0</v>
      </c>
    </row>
    <row r="433" spans="1:7" x14ac:dyDescent="0.3">
      <c r="A433" s="13" t="s">
        <v>16</v>
      </c>
      <c r="B433" s="14" t="s">
        <v>1</v>
      </c>
      <c r="C433" s="14" t="s">
        <v>17</v>
      </c>
      <c r="D433" s="14" t="s">
        <v>18</v>
      </c>
      <c r="E433" s="15">
        <v>45444</v>
      </c>
      <c r="F433" s="14" t="s">
        <v>15</v>
      </c>
      <c r="G433" s="16">
        <v>0</v>
      </c>
    </row>
    <row r="434" spans="1:7" x14ac:dyDescent="0.3">
      <c r="A434" s="13" t="s">
        <v>16</v>
      </c>
      <c r="B434" s="14" t="s">
        <v>1</v>
      </c>
      <c r="C434" s="14" t="s">
        <v>17</v>
      </c>
      <c r="D434" s="14" t="s">
        <v>18</v>
      </c>
      <c r="E434" s="15">
        <v>45445</v>
      </c>
      <c r="F434" s="14" t="s">
        <v>15</v>
      </c>
      <c r="G434" s="16">
        <v>0</v>
      </c>
    </row>
    <row r="435" spans="1:7" x14ac:dyDescent="0.3">
      <c r="A435" s="13" t="s">
        <v>16</v>
      </c>
      <c r="B435" s="14" t="s">
        <v>1</v>
      </c>
      <c r="C435" s="14" t="s">
        <v>17</v>
      </c>
      <c r="D435" s="14" t="s">
        <v>18</v>
      </c>
      <c r="E435" s="15">
        <v>45446</v>
      </c>
      <c r="F435" s="14" t="s">
        <v>15</v>
      </c>
      <c r="G435" s="16">
        <v>0</v>
      </c>
    </row>
    <row r="436" spans="1:7" x14ac:dyDescent="0.3">
      <c r="A436" s="13" t="s">
        <v>16</v>
      </c>
      <c r="B436" s="14" t="s">
        <v>1</v>
      </c>
      <c r="C436" s="14" t="s">
        <v>17</v>
      </c>
      <c r="D436" s="14" t="s">
        <v>18</v>
      </c>
      <c r="E436" s="15">
        <v>45447</v>
      </c>
      <c r="F436" s="14" t="s">
        <v>15</v>
      </c>
      <c r="G436" s="16">
        <v>0</v>
      </c>
    </row>
    <row r="437" spans="1:7" x14ac:dyDescent="0.3">
      <c r="A437" s="13" t="s">
        <v>16</v>
      </c>
      <c r="B437" s="14" t="s">
        <v>1</v>
      </c>
      <c r="C437" s="14" t="s">
        <v>17</v>
      </c>
      <c r="D437" s="14" t="s">
        <v>18</v>
      </c>
      <c r="E437" s="15">
        <v>45448</v>
      </c>
      <c r="F437" s="14" t="s">
        <v>15</v>
      </c>
      <c r="G437" s="16">
        <v>0</v>
      </c>
    </row>
    <row r="438" spans="1:7" x14ac:dyDescent="0.3">
      <c r="A438" s="13" t="s">
        <v>16</v>
      </c>
      <c r="B438" s="14" t="s">
        <v>1</v>
      </c>
      <c r="C438" s="14" t="s">
        <v>17</v>
      </c>
      <c r="D438" s="14" t="s">
        <v>18</v>
      </c>
      <c r="E438" s="15">
        <v>45449</v>
      </c>
      <c r="F438" s="14" t="s">
        <v>15</v>
      </c>
      <c r="G438" s="16">
        <v>0</v>
      </c>
    </row>
    <row r="439" spans="1:7" x14ac:dyDescent="0.3">
      <c r="A439" s="13" t="s">
        <v>16</v>
      </c>
      <c r="B439" s="14" t="s">
        <v>1</v>
      </c>
      <c r="C439" s="14" t="s">
        <v>17</v>
      </c>
      <c r="D439" s="14" t="s">
        <v>18</v>
      </c>
      <c r="E439" s="15">
        <v>45450</v>
      </c>
      <c r="F439" s="14" t="s">
        <v>15</v>
      </c>
      <c r="G439" s="16">
        <v>0</v>
      </c>
    </row>
    <row r="440" spans="1:7" x14ac:dyDescent="0.3">
      <c r="A440" s="13" t="s">
        <v>16</v>
      </c>
      <c r="B440" s="14" t="s">
        <v>1</v>
      </c>
      <c r="C440" s="14" t="s">
        <v>17</v>
      </c>
      <c r="D440" s="14" t="s">
        <v>18</v>
      </c>
      <c r="E440" s="15">
        <v>45451</v>
      </c>
      <c r="F440" s="14" t="s">
        <v>15</v>
      </c>
      <c r="G440" s="16">
        <v>0</v>
      </c>
    </row>
    <row r="441" spans="1:7" x14ac:dyDescent="0.3">
      <c r="A441" s="13" t="s">
        <v>16</v>
      </c>
      <c r="B441" s="14" t="s">
        <v>1</v>
      </c>
      <c r="C441" s="14" t="s">
        <v>17</v>
      </c>
      <c r="D441" s="14" t="s">
        <v>18</v>
      </c>
      <c r="E441" s="15">
        <v>45452</v>
      </c>
      <c r="F441" s="14" t="s">
        <v>15</v>
      </c>
      <c r="G441" s="16">
        <v>0</v>
      </c>
    </row>
    <row r="442" spans="1:7" x14ac:dyDescent="0.3">
      <c r="A442" s="13" t="s">
        <v>16</v>
      </c>
      <c r="B442" s="14" t="s">
        <v>1</v>
      </c>
      <c r="C442" s="14" t="s">
        <v>17</v>
      </c>
      <c r="D442" s="14" t="s">
        <v>18</v>
      </c>
      <c r="E442" s="15">
        <v>45453</v>
      </c>
      <c r="F442" s="14" t="s">
        <v>15</v>
      </c>
      <c r="G442" s="16">
        <v>0</v>
      </c>
    </row>
    <row r="443" spans="1:7" x14ac:dyDescent="0.3">
      <c r="A443" s="13" t="s">
        <v>16</v>
      </c>
      <c r="B443" s="14" t="s">
        <v>1</v>
      </c>
      <c r="C443" s="14" t="s">
        <v>17</v>
      </c>
      <c r="D443" s="14" t="s">
        <v>18</v>
      </c>
      <c r="E443" s="15">
        <v>45454</v>
      </c>
      <c r="F443" s="14" t="s">
        <v>15</v>
      </c>
      <c r="G443" s="16">
        <v>0</v>
      </c>
    </row>
    <row r="444" spans="1:7" x14ac:dyDescent="0.3">
      <c r="A444" s="13" t="s">
        <v>16</v>
      </c>
      <c r="B444" s="14" t="s">
        <v>1</v>
      </c>
      <c r="C444" s="14" t="s">
        <v>17</v>
      </c>
      <c r="D444" s="14" t="s">
        <v>18</v>
      </c>
      <c r="E444" s="15">
        <v>45455</v>
      </c>
      <c r="F444" s="14" t="s">
        <v>15</v>
      </c>
      <c r="G444" s="16">
        <v>0</v>
      </c>
    </row>
    <row r="445" spans="1:7" x14ac:dyDescent="0.3">
      <c r="A445" s="13" t="s">
        <v>16</v>
      </c>
      <c r="B445" s="14" t="s">
        <v>1</v>
      </c>
      <c r="C445" s="14" t="s">
        <v>17</v>
      </c>
      <c r="D445" s="14" t="s">
        <v>18</v>
      </c>
      <c r="E445" s="15">
        <v>45456</v>
      </c>
      <c r="F445" s="14" t="s">
        <v>15</v>
      </c>
      <c r="G445" s="16">
        <v>0</v>
      </c>
    </row>
    <row r="446" spans="1:7" x14ac:dyDescent="0.3">
      <c r="A446" s="13" t="s">
        <v>16</v>
      </c>
      <c r="B446" s="14" t="s">
        <v>1</v>
      </c>
      <c r="C446" s="14" t="s">
        <v>17</v>
      </c>
      <c r="D446" s="14" t="s">
        <v>18</v>
      </c>
      <c r="E446" s="15">
        <v>45457</v>
      </c>
      <c r="F446" s="14" t="s">
        <v>15</v>
      </c>
      <c r="G446" s="16">
        <v>0</v>
      </c>
    </row>
    <row r="447" spans="1:7" x14ac:dyDescent="0.3">
      <c r="A447" s="13" t="s">
        <v>16</v>
      </c>
      <c r="B447" s="14" t="s">
        <v>1</v>
      </c>
      <c r="C447" s="14" t="s">
        <v>17</v>
      </c>
      <c r="D447" s="14" t="s">
        <v>18</v>
      </c>
      <c r="E447" s="15">
        <v>45458</v>
      </c>
      <c r="F447" s="14" t="s">
        <v>15</v>
      </c>
      <c r="G447" s="16">
        <v>0</v>
      </c>
    </row>
    <row r="448" spans="1:7" x14ac:dyDescent="0.3">
      <c r="A448" s="13" t="s">
        <v>16</v>
      </c>
      <c r="B448" s="14" t="s">
        <v>1</v>
      </c>
      <c r="C448" s="14" t="s">
        <v>17</v>
      </c>
      <c r="D448" s="14" t="s">
        <v>18</v>
      </c>
      <c r="E448" s="15">
        <v>45459</v>
      </c>
      <c r="F448" s="14" t="s">
        <v>15</v>
      </c>
      <c r="G448" s="16">
        <v>0</v>
      </c>
    </row>
    <row r="449" spans="1:7" x14ac:dyDescent="0.3">
      <c r="A449" s="13" t="s">
        <v>16</v>
      </c>
      <c r="B449" s="14" t="s">
        <v>1</v>
      </c>
      <c r="C449" s="14" t="s">
        <v>17</v>
      </c>
      <c r="D449" s="14" t="s">
        <v>18</v>
      </c>
      <c r="E449" s="15">
        <v>45460</v>
      </c>
      <c r="F449" s="14" t="s">
        <v>15</v>
      </c>
      <c r="G449" s="16">
        <v>0</v>
      </c>
    </row>
    <row r="450" spans="1:7" x14ac:dyDescent="0.3">
      <c r="A450" s="13" t="s">
        <v>16</v>
      </c>
      <c r="B450" s="14" t="s">
        <v>1</v>
      </c>
      <c r="C450" s="14" t="s">
        <v>17</v>
      </c>
      <c r="D450" s="14" t="s">
        <v>18</v>
      </c>
      <c r="E450" s="15">
        <v>45461</v>
      </c>
      <c r="F450" s="14" t="s">
        <v>15</v>
      </c>
      <c r="G450" s="16">
        <v>0</v>
      </c>
    </row>
    <row r="451" spans="1:7" x14ac:dyDescent="0.3">
      <c r="A451" s="13" t="s">
        <v>16</v>
      </c>
      <c r="B451" s="14" t="s">
        <v>1</v>
      </c>
      <c r="C451" s="14" t="s">
        <v>17</v>
      </c>
      <c r="D451" s="14" t="s">
        <v>18</v>
      </c>
      <c r="E451" s="15">
        <v>45462</v>
      </c>
      <c r="F451" s="14" t="s">
        <v>15</v>
      </c>
      <c r="G451" s="16">
        <v>0</v>
      </c>
    </row>
    <row r="452" spans="1:7" x14ac:dyDescent="0.3">
      <c r="A452" s="13" t="s">
        <v>16</v>
      </c>
      <c r="B452" s="14" t="s">
        <v>1</v>
      </c>
      <c r="C452" s="14" t="s">
        <v>17</v>
      </c>
      <c r="D452" s="14" t="s">
        <v>18</v>
      </c>
      <c r="E452" s="15">
        <v>45463</v>
      </c>
      <c r="F452" s="14" t="s">
        <v>15</v>
      </c>
      <c r="G452" s="16">
        <v>0</v>
      </c>
    </row>
    <row r="453" spans="1:7" x14ac:dyDescent="0.3">
      <c r="A453" s="13" t="s">
        <v>16</v>
      </c>
      <c r="B453" s="14" t="s">
        <v>1</v>
      </c>
      <c r="C453" s="14" t="s">
        <v>17</v>
      </c>
      <c r="D453" s="14" t="s">
        <v>18</v>
      </c>
      <c r="E453" s="15">
        <v>45464</v>
      </c>
      <c r="F453" s="14" t="s">
        <v>15</v>
      </c>
      <c r="G453" s="16">
        <v>0</v>
      </c>
    </row>
    <row r="454" spans="1:7" x14ac:dyDescent="0.3">
      <c r="A454" s="13" t="s">
        <v>16</v>
      </c>
      <c r="B454" s="14" t="s">
        <v>1</v>
      </c>
      <c r="C454" s="14" t="s">
        <v>17</v>
      </c>
      <c r="D454" s="14" t="s">
        <v>18</v>
      </c>
      <c r="E454" s="15">
        <v>45465</v>
      </c>
      <c r="F454" s="14" t="s">
        <v>15</v>
      </c>
      <c r="G454" s="16">
        <v>0</v>
      </c>
    </row>
    <row r="455" spans="1:7" x14ac:dyDescent="0.3">
      <c r="A455" s="13" t="s">
        <v>16</v>
      </c>
      <c r="B455" s="14" t="s">
        <v>1</v>
      </c>
      <c r="C455" s="14" t="s">
        <v>17</v>
      </c>
      <c r="D455" s="14" t="s">
        <v>18</v>
      </c>
      <c r="E455" s="15">
        <v>45466</v>
      </c>
      <c r="F455" s="14" t="s">
        <v>15</v>
      </c>
      <c r="G455" s="16">
        <v>0</v>
      </c>
    </row>
    <row r="456" spans="1:7" x14ac:dyDescent="0.3">
      <c r="A456" s="13" t="s">
        <v>16</v>
      </c>
      <c r="B456" s="14" t="s">
        <v>1</v>
      </c>
      <c r="C456" s="14" t="s">
        <v>17</v>
      </c>
      <c r="D456" s="14" t="s">
        <v>18</v>
      </c>
      <c r="E456" s="15">
        <v>45467</v>
      </c>
      <c r="F456" s="14" t="s">
        <v>15</v>
      </c>
      <c r="G456" s="16">
        <v>0</v>
      </c>
    </row>
    <row r="457" spans="1:7" x14ac:dyDescent="0.3">
      <c r="A457" s="13" t="s">
        <v>16</v>
      </c>
      <c r="B457" s="14" t="s">
        <v>1</v>
      </c>
      <c r="C457" s="14" t="s">
        <v>17</v>
      </c>
      <c r="D457" s="14" t="s">
        <v>18</v>
      </c>
      <c r="E457" s="15">
        <v>45468</v>
      </c>
      <c r="F457" s="14" t="s">
        <v>15</v>
      </c>
      <c r="G457" s="16">
        <v>0</v>
      </c>
    </row>
    <row r="458" spans="1:7" x14ac:dyDescent="0.3">
      <c r="A458" s="13" t="s">
        <v>16</v>
      </c>
      <c r="B458" s="14" t="s">
        <v>1</v>
      </c>
      <c r="C458" s="14" t="s">
        <v>17</v>
      </c>
      <c r="D458" s="14" t="s">
        <v>18</v>
      </c>
      <c r="E458" s="15">
        <v>45469</v>
      </c>
      <c r="F458" s="14" t="s">
        <v>15</v>
      </c>
      <c r="G458" s="16">
        <v>0</v>
      </c>
    </row>
    <row r="459" spans="1:7" x14ac:dyDescent="0.3">
      <c r="A459" s="13" t="s">
        <v>16</v>
      </c>
      <c r="B459" s="14" t="s">
        <v>1</v>
      </c>
      <c r="C459" s="14" t="s">
        <v>17</v>
      </c>
      <c r="D459" s="14" t="s">
        <v>18</v>
      </c>
      <c r="E459" s="15">
        <v>45470</v>
      </c>
      <c r="F459" s="14" t="s">
        <v>15</v>
      </c>
      <c r="G459" s="16">
        <v>0</v>
      </c>
    </row>
    <row r="460" spans="1:7" x14ac:dyDescent="0.3">
      <c r="A460" s="13" t="s">
        <v>16</v>
      </c>
      <c r="B460" s="14" t="s">
        <v>1</v>
      </c>
      <c r="C460" s="14" t="s">
        <v>17</v>
      </c>
      <c r="D460" s="14" t="s">
        <v>18</v>
      </c>
      <c r="E460" s="15">
        <v>45471</v>
      </c>
      <c r="F460" s="14" t="s">
        <v>15</v>
      </c>
      <c r="G460" s="16">
        <v>0</v>
      </c>
    </row>
    <row r="461" spans="1:7" x14ac:dyDescent="0.3">
      <c r="A461" s="13" t="s">
        <v>16</v>
      </c>
      <c r="B461" s="14" t="s">
        <v>1</v>
      </c>
      <c r="C461" s="14" t="s">
        <v>17</v>
      </c>
      <c r="D461" s="14" t="s">
        <v>18</v>
      </c>
      <c r="E461" s="15">
        <v>45472</v>
      </c>
      <c r="F461" s="14" t="s">
        <v>15</v>
      </c>
      <c r="G461" s="16">
        <v>0</v>
      </c>
    </row>
    <row r="462" spans="1:7" x14ac:dyDescent="0.3">
      <c r="A462" s="13" t="s">
        <v>16</v>
      </c>
      <c r="B462" s="14" t="s">
        <v>1</v>
      </c>
      <c r="C462" s="14" t="s">
        <v>17</v>
      </c>
      <c r="D462" s="14" t="s">
        <v>18</v>
      </c>
      <c r="E462" s="15">
        <v>45473</v>
      </c>
      <c r="F462" s="14" t="s">
        <v>15</v>
      </c>
      <c r="G462" s="16">
        <v>0</v>
      </c>
    </row>
    <row r="463" spans="1:7" x14ac:dyDescent="0.3">
      <c r="A463" s="13" t="s">
        <v>16</v>
      </c>
      <c r="B463" s="14" t="s">
        <v>1</v>
      </c>
      <c r="C463" s="14" t="s">
        <v>17</v>
      </c>
      <c r="D463" s="14" t="s">
        <v>18</v>
      </c>
      <c r="E463" s="15">
        <v>45474</v>
      </c>
      <c r="F463" s="14" t="s">
        <v>15</v>
      </c>
      <c r="G463" s="16">
        <v>0</v>
      </c>
    </row>
    <row r="464" spans="1:7" x14ac:dyDescent="0.3">
      <c r="A464" s="13" t="s">
        <v>16</v>
      </c>
      <c r="B464" s="14" t="s">
        <v>1</v>
      </c>
      <c r="C464" s="14" t="s">
        <v>17</v>
      </c>
      <c r="D464" s="14" t="s">
        <v>18</v>
      </c>
      <c r="E464" s="15">
        <v>45475</v>
      </c>
      <c r="F464" s="14" t="s">
        <v>15</v>
      </c>
      <c r="G464" s="16">
        <v>0</v>
      </c>
    </row>
    <row r="465" spans="1:7" x14ac:dyDescent="0.3">
      <c r="A465" s="13" t="s">
        <v>16</v>
      </c>
      <c r="B465" s="14" t="s">
        <v>1</v>
      </c>
      <c r="C465" s="14" t="s">
        <v>17</v>
      </c>
      <c r="D465" s="14" t="s">
        <v>18</v>
      </c>
      <c r="E465" s="15">
        <v>45476</v>
      </c>
      <c r="F465" s="14" t="s">
        <v>15</v>
      </c>
      <c r="G465" s="16">
        <v>0</v>
      </c>
    </row>
    <row r="466" spans="1:7" x14ac:dyDescent="0.3">
      <c r="A466" s="13" t="s">
        <v>16</v>
      </c>
      <c r="B466" s="14" t="s">
        <v>1</v>
      </c>
      <c r="C466" s="14" t="s">
        <v>17</v>
      </c>
      <c r="D466" s="14" t="s">
        <v>18</v>
      </c>
      <c r="E466" s="15">
        <v>45477</v>
      </c>
      <c r="F466" s="14" t="s">
        <v>15</v>
      </c>
      <c r="G466" s="16">
        <v>0</v>
      </c>
    </row>
    <row r="467" spans="1:7" x14ac:dyDescent="0.3">
      <c r="A467" s="13" t="s">
        <v>16</v>
      </c>
      <c r="B467" s="14" t="s">
        <v>1</v>
      </c>
      <c r="C467" s="14" t="s">
        <v>17</v>
      </c>
      <c r="D467" s="14" t="s">
        <v>18</v>
      </c>
      <c r="E467" s="15">
        <v>45478</v>
      </c>
      <c r="F467" s="14" t="s">
        <v>15</v>
      </c>
      <c r="G467" s="16">
        <v>0</v>
      </c>
    </row>
    <row r="468" spans="1:7" x14ac:dyDescent="0.3">
      <c r="A468" s="13" t="s">
        <v>16</v>
      </c>
      <c r="B468" s="14" t="s">
        <v>1</v>
      </c>
      <c r="C468" s="14" t="s">
        <v>17</v>
      </c>
      <c r="D468" s="14" t="s">
        <v>18</v>
      </c>
      <c r="E468" s="15">
        <v>45479</v>
      </c>
      <c r="F468" s="14" t="s">
        <v>15</v>
      </c>
      <c r="G468" s="16">
        <v>0</v>
      </c>
    </row>
    <row r="469" spans="1:7" x14ac:dyDescent="0.3">
      <c r="A469" s="13" t="s">
        <v>16</v>
      </c>
      <c r="B469" s="14" t="s">
        <v>1</v>
      </c>
      <c r="C469" s="14" t="s">
        <v>17</v>
      </c>
      <c r="D469" s="14" t="s">
        <v>18</v>
      </c>
      <c r="E469" s="15">
        <v>45480</v>
      </c>
      <c r="F469" s="14" t="s">
        <v>15</v>
      </c>
      <c r="G469" s="16">
        <v>0</v>
      </c>
    </row>
    <row r="470" spans="1:7" x14ac:dyDescent="0.3">
      <c r="A470" s="13" t="s">
        <v>16</v>
      </c>
      <c r="B470" s="14" t="s">
        <v>1</v>
      </c>
      <c r="C470" s="14" t="s">
        <v>17</v>
      </c>
      <c r="D470" s="14" t="s">
        <v>18</v>
      </c>
      <c r="E470" s="15">
        <v>45481</v>
      </c>
      <c r="F470" s="14" t="s">
        <v>15</v>
      </c>
      <c r="G470" s="16">
        <v>0</v>
      </c>
    </row>
    <row r="471" spans="1:7" x14ac:dyDescent="0.3">
      <c r="A471" s="13" t="s">
        <v>16</v>
      </c>
      <c r="B471" s="14" t="s">
        <v>1</v>
      </c>
      <c r="C471" s="14" t="s">
        <v>17</v>
      </c>
      <c r="D471" s="14" t="s">
        <v>18</v>
      </c>
      <c r="E471" s="15">
        <v>45482</v>
      </c>
      <c r="F471" s="14" t="s">
        <v>15</v>
      </c>
      <c r="G471" s="16">
        <v>0</v>
      </c>
    </row>
    <row r="472" spans="1:7" x14ac:dyDescent="0.3">
      <c r="A472" s="13" t="s">
        <v>16</v>
      </c>
      <c r="B472" s="14" t="s">
        <v>1</v>
      </c>
      <c r="C472" s="14" t="s">
        <v>17</v>
      </c>
      <c r="D472" s="14" t="s">
        <v>18</v>
      </c>
      <c r="E472" s="15">
        <v>45483</v>
      </c>
      <c r="F472" s="14" t="s">
        <v>15</v>
      </c>
      <c r="G472" s="16">
        <v>0</v>
      </c>
    </row>
    <row r="473" spans="1:7" x14ac:dyDescent="0.3">
      <c r="A473" s="13" t="s">
        <v>16</v>
      </c>
      <c r="B473" s="14" t="s">
        <v>1</v>
      </c>
      <c r="C473" s="14" t="s">
        <v>17</v>
      </c>
      <c r="D473" s="14" t="s">
        <v>18</v>
      </c>
      <c r="E473" s="15">
        <v>45484</v>
      </c>
      <c r="F473" s="14" t="s">
        <v>15</v>
      </c>
      <c r="G473" s="16">
        <v>0</v>
      </c>
    </row>
    <row r="474" spans="1:7" x14ac:dyDescent="0.3">
      <c r="A474" s="13" t="s">
        <v>16</v>
      </c>
      <c r="B474" s="14" t="s">
        <v>1</v>
      </c>
      <c r="C474" s="14" t="s">
        <v>17</v>
      </c>
      <c r="D474" s="14" t="s">
        <v>18</v>
      </c>
      <c r="E474" s="15">
        <v>45485</v>
      </c>
      <c r="F474" s="14" t="s">
        <v>15</v>
      </c>
      <c r="G474" s="16">
        <v>0</v>
      </c>
    </row>
    <row r="475" spans="1:7" x14ac:dyDescent="0.3">
      <c r="A475" s="13" t="s">
        <v>16</v>
      </c>
      <c r="B475" s="14" t="s">
        <v>1</v>
      </c>
      <c r="C475" s="14" t="s">
        <v>17</v>
      </c>
      <c r="D475" s="14" t="s">
        <v>18</v>
      </c>
      <c r="E475" s="15">
        <v>45486</v>
      </c>
      <c r="F475" s="14" t="s">
        <v>15</v>
      </c>
      <c r="G475" s="16">
        <v>0</v>
      </c>
    </row>
    <row r="476" spans="1:7" x14ac:dyDescent="0.3">
      <c r="A476" s="13" t="s">
        <v>16</v>
      </c>
      <c r="B476" s="14" t="s">
        <v>1</v>
      </c>
      <c r="C476" s="14" t="s">
        <v>17</v>
      </c>
      <c r="D476" s="14" t="s">
        <v>18</v>
      </c>
      <c r="E476" s="15">
        <v>45487</v>
      </c>
      <c r="F476" s="14" t="s">
        <v>15</v>
      </c>
      <c r="G476" s="16">
        <v>0</v>
      </c>
    </row>
    <row r="477" spans="1:7" x14ac:dyDescent="0.3">
      <c r="A477" s="13" t="s">
        <v>16</v>
      </c>
      <c r="B477" s="14" t="s">
        <v>1</v>
      </c>
      <c r="C477" s="14" t="s">
        <v>17</v>
      </c>
      <c r="D477" s="14" t="s">
        <v>18</v>
      </c>
      <c r="E477" s="15">
        <v>45488</v>
      </c>
      <c r="F477" s="14" t="s">
        <v>15</v>
      </c>
      <c r="G477" s="16">
        <v>0</v>
      </c>
    </row>
    <row r="478" spans="1:7" x14ac:dyDescent="0.3">
      <c r="A478" s="13" t="s">
        <v>16</v>
      </c>
      <c r="B478" s="14" t="s">
        <v>1</v>
      </c>
      <c r="C478" s="14" t="s">
        <v>17</v>
      </c>
      <c r="D478" s="14" t="s">
        <v>18</v>
      </c>
      <c r="E478" s="15">
        <v>45489</v>
      </c>
      <c r="F478" s="14" t="s">
        <v>15</v>
      </c>
      <c r="G478" s="16">
        <v>0</v>
      </c>
    </row>
    <row r="479" spans="1:7" x14ac:dyDescent="0.3">
      <c r="A479" s="13" t="s">
        <v>16</v>
      </c>
      <c r="B479" s="14" t="s">
        <v>1</v>
      </c>
      <c r="C479" s="14" t="s">
        <v>17</v>
      </c>
      <c r="D479" s="14" t="s">
        <v>18</v>
      </c>
      <c r="E479" s="15">
        <v>45490</v>
      </c>
      <c r="F479" s="14" t="s">
        <v>15</v>
      </c>
      <c r="G479" s="16">
        <v>0</v>
      </c>
    </row>
    <row r="480" spans="1:7" x14ac:dyDescent="0.3">
      <c r="A480" s="13" t="s">
        <v>16</v>
      </c>
      <c r="B480" s="14" t="s">
        <v>1</v>
      </c>
      <c r="C480" s="14" t="s">
        <v>17</v>
      </c>
      <c r="D480" s="14" t="s">
        <v>18</v>
      </c>
      <c r="E480" s="15">
        <v>45491</v>
      </c>
      <c r="F480" s="14" t="s">
        <v>15</v>
      </c>
      <c r="G480" s="16">
        <v>0</v>
      </c>
    </row>
    <row r="481" spans="1:7" x14ac:dyDescent="0.3">
      <c r="A481" s="13" t="s">
        <v>16</v>
      </c>
      <c r="B481" s="14" t="s">
        <v>1</v>
      </c>
      <c r="C481" s="14" t="s">
        <v>17</v>
      </c>
      <c r="D481" s="14" t="s">
        <v>18</v>
      </c>
      <c r="E481" s="15">
        <v>45492</v>
      </c>
      <c r="F481" s="14" t="s">
        <v>15</v>
      </c>
      <c r="G481" s="16">
        <v>0</v>
      </c>
    </row>
    <row r="482" spans="1:7" x14ac:dyDescent="0.3">
      <c r="A482" s="13" t="s">
        <v>16</v>
      </c>
      <c r="B482" s="14" t="s">
        <v>1</v>
      </c>
      <c r="C482" s="14" t="s">
        <v>17</v>
      </c>
      <c r="D482" s="14" t="s">
        <v>18</v>
      </c>
      <c r="E482" s="15">
        <v>45493</v>
      </c>
      <c r="F482" s="14" t="s">
        <v>15</v>
      </c>
      <c r="G482" s="16">
        <v>0</v>
      </c>
    </row>
    <row r="483" spans="1:7" x14ac:dyDescent="0.3">
      <c r="A483" s="13" t="s">
        <v>16</v>
      </c>
      <c r="B483" s="14" t="s">
        <v>1</v>
      </c>
      <c r="C483" s="14" t="s">
        <v>17</v>
      </c>
      <c r="D483" s="14" t="s">
        <v>18</v>
      </c>
      <c r="E483" s="15">
        <v>45494</v>
      </c>
      <c r="F483" s="14" t="s">
        <v>15</v>
      </c>
      <c r="G483" s="16">
        <v>0</v>
      </c>
    </row>
    <row r="484" spans="1:7" x14ac:dyDescent="0.3">
      <c r="A484" s="13" t="s">
        <v>16</v>
      </c>
      <c r="B484" s="14" t="s">
        <v>1</v>
      </c>
      <c r="C484" s="14" t="s">
        <v>17</v>
      </c>
      <c r="D484" s="14" t="s">
        <v>18</v>
      </c>
      <c r="E484" s="15">
        <v>45495</v>
      </c>
      <c r="F484" s="14" t="s">
        <v>15</v>
      </c>
      <c r="G484" s="16">
        <v>0</v>
      </c>
    </row>
    <row r="485" spans="1:7" x14ac:dyDescent="0.3">
      <c r="A485" s="13" t="s">
        <v>16</v>
      </c>
      <c r="B485" s="14" t="s">
        <v>1</v>
      </c>
      <c r="C485" s="14" t="s">
        <v>17</v>
      </c>
      <c r="D485" s="14" t="s">
        <v>18</v>
      </c>
      <c r="E485" s="15">
        <v>45496</v>
      </c>
      <c r="F485" s="14" t="s">
        <v>15</v>
      </c>
      <c r="G485" s="16">
        <v>0</v>
      </c>
    </row>
    <row r="486" spans="1:7" x14ac:dyDescent="0.3">
      <c r="A486" s="13" t="s">
        <v>16</v>
      </c>
      <c r="B486" s="14" t="s">
        <v>1</v>
      </c>
      <c r="C486" s="14" t="s">
        <v>17</v>
      </c>
      <c r="D486" s="14" t="s">
        <v>18</v>
      </c>
      <c r="E486" s="15">
        <v>45497</v>
      </c>
      <c r="F486" s="14" t="s">
        <v>15</v>
      </c>
      <c r="G486" s="16">
        <v>0</v>
      </c>
    </row>
    <row r="487" spans="1:7" x14ac:dyDescent="0.3">
      <c r="A487" s="13" t="s">
        <v>16</v>
      </c>
      <c r="B487" s="14" t="s">
        <v>1</v>
      </c>
      <c r="C487" s="14" t="s">
        <v>17</v>
      </c>
      <c r="D487" s="14" t="s">
        <v>18</v>
      </c>
      <c r="E487" s="15">
        <v>45498</v>
      </c>
      <c r="F487" s="14" t="s">
        <v>15</v>
      </c>
      <c r="G487" s="16">
        <v>0</v>
      </c>
    </row>
    <row r="488" spans="1:7" x14ac:dyDescent="0.3">
      <c r="A488" s="13" t="s">
        <v>16</v>
      </c>
      <c r="B488" s="14" t="s">
        <v>1</v>
      </c>
      <c r="C488" s="14" t="s">
        <v>17</v>
      </c>
      <c r="D488" s="14" t="s">
        <v>18</v>
      </c>
      <c r="E488" s="15">
        <v>45499</v>
      </c>
      <c r="F488" s="14" t="s">
        <v>15</v>
      </c>
      <c r="G488" s="16">
        <v>0</v>
      </c>
    </row>
    <row r="489" spans="1:7" x14ac:dyDescent="0.3">
      <c r="A489" s="13" t="s">
        <v>16</v>
      </c>
      <c r="B489" s="14" t="s">
        <v>1</v>
      </c>
      <c r="C489" s="14" t="s">
        <v>17</v>
      </c>
      <c r="D489" s="14" t="s">
        <v>18</v>
      </c>
      <c r="E489" s="15">
        <v>45500</v>
      </c>
      <c r="F489" s="14" t="s">
        <v>15</v>
      </c>
      <c r="G489" s="16">
        <v>0</v>
      </c>
    </row>
    <row r="490" spans="1:7" x14ac:dyDescent="0.3">
      <c r="A490" s="13" t="s">
        <v>16</v>
      </c>
      <c r="B490" s="14" t="s">
        <v>1</v>
      </c>
      <c r="C490" s="14" t="s">
        <v>17</v>
      </c>
      <c r="D490" s="14" t="s">
        <v>18</v>
      </c>
      <c r="E490" s="15">
        <v>45501</v>
      </c>
      <c r="F490" s="14" t="s">
        <v>15</v>
      </c>
      <c r="G490" s="16">
        <v>0</v>
      </c>
    </row>
    <row r="491" spans="1:7" x14ac:dyDescent="0.3">
      <c r="A491" s="13" t="s">
        <v>16</v>
      </c>
      <c r="B491" s="14" t="s">
        <v>1</v>
      </c>
      <c r="C491" s="14" t="s">
        <v>17</v>
      </c>
      <c r="D491" s="14" t="s">
        <v>18</v>
      </c>
      <c r="E491" s="15">
        <v>45502</v>
      </c>
      <c r="F491" s="14" t="s">
        <v>15</v>
      </c>
      <c r="G491" s="16">
        <v>0</v>
      </c>
    </row>
    <row r="492" spans="1:7" x14ac:dyDescent="0.3">
      <c r="A492" s="13" t="s">
        <v>16</v>
      </c>
      <c r="B492" s="14" t="s">
        <v>1</v>
      </c>
      <c r="C492" s="14" t="s">
        <v>17</v>
      </c>
      <c r="D492" s="14" t="s">
        <v>18</v>
      </c>
      <c r="E492" s="15">
        <v>45503</v>
      </c>
      <c r="F492" s="14" t="s">
        <v>15</v>
      </c>
      <c r="G492" s="16">
        <v>0</v>
      </c>
    </row>
    <row r="493" spans="1:7" x14ac:dyDescent="0.3">
      <c r="A493" s="13" t="s">
        <v>16</v>
      </c>
      <c r="B493" s="14" t="s">
        <v>1</v>
      </c>
      <c r="C493" s="14" t="s">
        <v>17</v>
      </c>
      <c r="D493" s="14" t="s">
        <v>18</v>
      </c>
      <c r="E493" s="15">
        <v>45504</v>
      </c>
      <c r="F493" s="14" t="s">
        <v>15</v>
      </c>
      <c r="G493" s="16">
        <v>0</v>
      </c>
    </row>
    <row r="494" spans="1:7" x14ac:dyDescent="0.3">
      <c r="A494" s="13" t="s">
        <v>16</v>
      </c>
      <c r="B494" s="14" t="s">
        <v>1</v>
      </c>
      <c r="C494" s="14" t="s">
        <v>17</v>
      </c>
      <c r="D494" s="14" t="s">
        <v>18</v>
      </c>
      <c r="E494" s="15">
        <v>45505</v>
      </c>
      <c r="F494" s="14" t="s">
        <v>15</v>
      </c>
      <c r="G494" s="16">
        <v>0</v>
      </c>
    </row>
    <row r="495" spans="1:7" x14ac:dyDescent="0.3">
      <c r="A495" s="13" t="s">
        <v>16</v>
      </c>
      <c r="B495" s="14" t="s">
        <v>1</v>
      </c>
      <c r="C495" s="14" t="s">
        <v>17</v>
      </c>
      <c r="D495" s="14" t="s">
        <v>18</v>
      </c>
      <c r="E495" s="15">
        <v>45506</v>
      </c>
      <c r="F495" s="14" t="s">
        <v>15</v>
      </c>
      <c r="G495" s="16">
        <v>0</v>
      </c>
    </row>
    <row r="496" spans="1:7" x14ac:dyDescent="0.3">
      <c r="A496" s="13" t="s">
        <v>16</v>
      </c>
      <c r="B496" s="14" t="s">
        <v>1</v>
      </c>
      <c r="C496" s="14" t="s">
        <v>17</v>
      </c>
      <c r="D496" s="14" t="s">
        <v>18</v>
      </c>
      <c r="E496" s="15">
        <v>45507</v>
      </c>
      <c r="F496" s="14" t="s">
        <v>15</v>
      </c>
      <c r="G496" s="16">
        <v>0</v>
      </c>
    </row>
    <row r="497" spans="1:7" x14ac:dyDescent="0.3">
      <c r="A497" s="13" t="s">
        <v>16</v>
      </c>
      <c r="B497" s="14" t="s">
        <v>1</v>
      </c>
      <c r="C497" s="14" t="s">
        <v>17</v>
      </c>
      <c r="D497" s="14" t="s">
        <v>18</v>
      </c>
      <c r="E497" s="15">
        <v>45508</v>
      </c>
      <c r="F497" s="14" t="s">
        <v>15</v>
      </c>
      <c r="G497" s="16">
        <v>0</v>
      </c>
    </row>
    <row r="498" spans="1:7" x14ac:dyDescent="0.3">
      <c r="A498" s="13" t="s">
        <v>16</v>
      </c>
      <c r="B498" s="14" t="s">
        <v>1</v>
      </c>
      <c r="C498" s="14" t="s">
        <v>17</v>
      </c>
      <c r="D498" s="14" t="s">
        <v>18</v>
      </c>
      <c r="E498" s="15">
        <v>45509</v>
      </c>
      <c r="F498" s="14" t="s">
        <v>15</v>
      </c>
      <c r="G498" s="16">
        <v>0</v>
      </c>
    </row>
    <row r="499" spans="1:7" x14ac:dyDescent="0.3">
      <c r="A499" s="13" t="s">
        <v>16</v>
      </c>
      <c r="B499" s="14" t="s">
        <v>1</v>
      </c>
      <c r="C499" s="14" t="s">
        <v>17</v>
      </c>
      <c r="D499" s="14" t="s">
        <v>18</v>
      </c>
      <c r="E499" s="15">
        <v>45510</v>
      </c>
      <c r="F499" s="14" t="s">
        <v>15</v>
      </c>
      <c r="G499" s="16">
        <v>0</v>
      </c>
    </row>
    <row r="500" spans="1:7" x14ac:dyDescent="0.3">
      <c r="A500" s="13" t="s">
        <v>16</v>
      </c>
      <c r="B500" s="14" t="s">
        <v>1</v>
      </c>
      <c r="C500" s="14" t="s">
        <v>17</v>
      </c>
      <c r="D500" s="14" t="s">
        <v>18</v>
      </c>
      <c r="E500" s="15">
        <v>45511</v>
      </c>
      <c r="F500" s="14" t="s">
        <v>15</v>
      </c>
      <c r="G500" s="16">
        <v>0</v>
      </c>
    </row>
    <row r="501" spans="1:7" x14ac:dyDescent="0.3">
      <c r="A501" s="13" t="s">
        <v>16</v>
      </c>
      <c r="B501" s="14" t="s">
        <v>1</v>
      </c>
      <c r="C501" s="14" t="s">
        <v>17</v>
      </c>
      <c r="D501" s="14" t="s">
        <v>18</v>
      </c>
      <c r="E501" s="15">
        <v>45512</v>
      </c>
      <c r="F501" s="14" t="s">
        <v>15</v>
      </c>
      <c r="G501" s="16">
        <v>0</v>
      </c>
    </row>
    <row r="502" spans="1:7" x14ac:dyDescent="0.3">
      <c r="A502" s="13" t="s">
        <v>16</v>
      </c>
      <c r="B502" s="14" t="s">
        <v>1</v>
      </c>
      <c r="C502" s="14" t="s">
        <v>17</v>
      </c>
      <c r="D502" s="14" t="s">
        <v>18</v>
      </c>
      <c r="E502" s="15">
        <v>45513</v>
      </c>
      <c r="F502" s="14" t="s">
        <v>15</v>
      </c>
      <c r="G502" s="16">
        <v>0</v>
      </c>
    </row>
    <row r="503" spans="1:7" x14ac:dyDescent="0.3">
      <c r="A503" s="13" t="s">
        <v>16</v>
      </c>
      <c r="B503" s="14" t="s">
        <v>1</v>
      </c>
      <c r="C503" s="14" t="s">
        <v>17</v>
      </c>
      <c r="D503" s="14" t="s">
        <v>18</v>
      </c>
      <c r="E503" s="15">
        <v>45514</v>
      </c>
      <c r="F503" s="14" t="s">
        <v>15</v>
      </c>
      <c r="G503" s="16">
        <v>0</v>
      </c>
    </row>
    <row r="504" spans="1:7" x14ac:dyDescent="0.3">
      <c r="A504" s="13" t="s">
        <v>16</v>
      </c>
      <c r="B504" s="14" t="s">
        <v>1</v>
      </c>
      <c r="C504" s="14" t="s">
        <v>17</v>
      </c>
      <c r="D504" s="14" t="s">
        <v>18</v>
      </c>
      <c r="E504" s="15">
        <v>45515</v>
      </c>
      <c r="F504" s="14" t="s">
        <v>15</v>
      </c>
      <c r="G504" s="16">
        <v>0</v>
      </c>
    </row>
    <row r="505" spans="1:7" x14ac:dyDescent="0.3">
      <c r="A505" s="13" t="s">
        <v>16</v>
      </c>
      <c r="B505" s="14" t="s">
        <v>1</v>
      </c>
      <c r="C505" s="14" t="s">
        <v>17</v>
      </c>
      <c r="D505" s="14" t="s">
        <v>18</v>
      </c>
      <c r="E505" s="15">
        <v>45516</v>
      </c>
      <c r="F505" s="14" t="s">
        <v>15</v>
      </c>
      <c r="G505" s="16">
        <v>0</v>
      </c>
    </row>
    <row r="506" spans="1:7" x14ac:dyDescent="0.3">
      <c r="A506" s="13" t="s">
        <v>16</v>
      </c>
      <c r="B506" s="14" t="s">
        <v>1</v>
      </c>
      <c r="C506" s="14" t="s">
        <v>17</v>
      </c>
      <c r="D506" s="14" t="s">
        <v>18</v>
      </c>
      <c r="E506" s="15">
        <v>45517</v>
      </c>
      <c r="F506" s="14" t="s">
        <v>15</v>
      </c>
      <c r="G506" s="16">
        <v>0</v>
      </c>
    </row>
    <row r="507" spans="1:7" x14ac:dyDescent="0.3">
      <c r="A507" s="13" t="s">
        <v>16</v>
      </c>
      <c r="B507" s="14" t="s">
        <v>1</v>
      </c>
      <c r="C507" s="14" t="s">
        <v>17</v>
      </c>
      <c r="D507" s="14" t="s">
        <v>18</v>
      </c>
      <c r="E507" s="15">
        <v>45518</v>
      </c>
      <c r="F507" s="14" t="s">
        <v>15</v>
      </c>
      <c r="G507" s="16">
        <v>0</v>
      </c>
    </row>
    <row r="508" spans="1:7" x14ac:dyDescent="0.3">
      <c r="A508" s="13" t="s">
        <v>16</v>
      </c>
      <c r="B508" s="14" t="s">
        <v>1</v>
      </c>
      <c r="C508" s="14" t="s">
        <v>17</v>
      </c>
      <c r="D508" s="14" t="s">
        <v>18</v>
      </c>
      <c r="E508" s="15">
        <v>45519</v>
      </c>
      <c r="F508" s="14" t="s">
        <v>15</v>
      </c>
      <c r="G508" s="16">
        <v>0</v>
      </c>
    </row>
    <row r="509" spans="1:7" x14ac:dyDescent="0.3">
      <c r="A509" s="13" t="s">
        <v>16</v>
      </c>
      <c r="B509" s="14" t="s">
        <v>1</v>
      </c>
      <c r="C509" s="14" t="s">
        <v>17</v>
      </c>
      <c r="D509" s="14" t="s">
        <v>18</v>
      </c>
      <c r="E509" s="15">
        <v>45520</v>
      </c>
      <c r="F509" s="14" t="s">
        <v>15</v>
      </c>
      <c r="G509" s="16">
        <v>0</v>
      </c>
    </row>
    <row r="510" spans="1:7" x14ac:dyDescent="0.3">
      <c r="A510" s="13" t="s">
        <v>16</v>
      </c>
      <c r="B510" s="14" t="s">
        <v>1</v>
      </c>
      <c r="C510" s="14" t="s">
        <v>17</v>
      </c>
      <c r="D510" s="14" t="s">
        <v>18</v>
      </c>
      <c r="E510" s="15">
        <v>45521</v>
      </c>
      <c r="F510" s="14" t="s">
        <v>15</v>
      </c>
      <c r="G510" s="16">
        <v>0</v>
      </c>
    </row>
    <row r="511" spans="1:7" x14ac:dyDescent="0.3">
      <c r="A511" s="13" t="s">
        <v>16</v>
      </c>
      <c r="B511" s="14" t="s">
        <v>1</v>
      </c>
      <c r="C511" s="14" t="s">
        <v>17</v>
      </c>
      <c r="D511" s="14" t="s">
        <v>18</v>
      </c>
      <c r="E511" s="15">
        <v>45522</v>
      </c>
      <c r="F511" s="14" t="s">
        <v>15</v>
      </c>
      <c r="G511" s="16">
        <v>0</v>
      </c>
    </row>
    <row r="512" spans="1:7" x14ac:dyDescent="0.3">
      <c r="A512" s="13" t="s">
        <v>16</v>
      </c>
      <c r="B512" s="14" t="s">
        <v>1</v>
      </c>
      <c r="C512" s="14" t="s">
        <v>17</v>
      </c>
      <c r="D512" s="14" t="s">
        <v>18</v>
      </c>
      <c r="E512" s="15">
        <v>45523</v>
      </c>
      <c r="F512" s="14" t="s">
        <v>15</v>
      </c>
      <c r="G512" s="16">
        <v>0</v>
      </c>
    </row>
    <row r="513" spans="1:7" x14ac:dyDescent="0.3">
      <c r="A513" s="13" t="s">
        <v>16</v>
      </c>
      <c r="B513" s="14" t="s">
        <v>1</v>
      </c>
      <c r="C513" s="14" t="s">
        <v>17</v>
      </c>
      <c r="D513" s="14" t="s">
        <v>18</v>
      </c>
      <c r="E513" s="15">
        <v>45524</v>
      </c>
      <c r="F513" s="14" t="s">
        <v>15</v>
      </c>
      <c r="G513" s="16">
        <v>0</v>
      </c>
    </row>
    <row r="514" spans="1:7" x14ac:dyDescent="0.3">
      <c r="A514" s="13" t="s">
        <v>16</v>
      </c>
      <c r="B514" s="14" t="s">
        <v>1</v>
      </c>
      <c r="C514" s="14" t="s">
        <v>17</v>
      </c>
      <c r="D514" s="14" t="s">
        <v>18</v>
      </c>
      <c r="E514" s="15">
        <v>45525</v>
      </c>
      <c r="F514" s="14" t="s">
        <v>15</v>
      </c>
      <c r="G514" s="16">
        <v>0</v>
      </c>
    </row>
    <row r="515" spans="1:7" x14ac:dyDescent="0.3">
      <c r="A515" s="13" t="s">
        <v>16</v>
      </c>
      <c r="B515" s="14" t="s">
        <v>1</v>
      </c>
      <c r="C515" s="14" t="s">
        <v>17</v>
      </c>
      <c r="D515" s="14" t="s">
        <v>18</v>
      </c>
      <c r="E515" s="15">
        <v>45526</v>
      </c>
      <c r="F515" s="14" t="s">
        <v>15</v>
      </c>
      <c r="G515" s="16">
        <v>0</v>
      </c>
    </row>
    <row r="516" spans="1:7" x14ac:dyDescent="0.3">
      <c r="A516" s="13" t="s">
        <v>16</v>
      </c>
      <c r="B516" s="14" t="s">
        <v>1</v>
      </c>
      <c r="C516" s="14" t="s">
        <v>17</v>
      </c>
      <c r="D516" s="14" t="s">
        <v>18</v>
      </c>
      <c r="E516" s="15">
        <v>45527</v>
      </c>
      <c r="F516" s="14" t="s">
        <v>15</v>
      </c>
      <c r="G516" s="16">
        <v>0</v>
      </c>
    </row>
    <row r="517" spans="1:7" x14ac:dyDescent="0.3">
      <c r="A517" s="13" t="s">
        <v>16</v>
      </c>
      <c r="B517" s="14" t="s">
        <v>1</v>
      </c>
      <c r="C517" s="14" t="s">
        <v>17</v>
      </c>
      <c r="D517" s="14" t="s">
        <v>18</v>
      </c>
      <c r="E517" s="15">
        <v>45528</v>
      </c>
      <c r="F517" s="14" t="s">
        <v>15</v>
      </c>
      <c r="G517" s="16">
        <v>0</v>
      </c>
    </row>
    <row r="518" spans="1:7" x14ac:dyDescent="0.3">
      <c r="A518" s="13" t="s">
        <v>16</v>
      </c>
      <c r="B518" s="14" t="s">
        <v>1</v>
      </c>
      <c r="C518" s="14" t="s">
        <v>17</v>
      </c>
      <c r="D518" s="14" t="s">
        <v>18</v>
      </c>
      <c r="E518" s="15">
        <v>45529</v>
      </c>
      <c r="F518" s="14" t="s">
        <v>15</v>
      </c>
      <c r="G518" s="16">
        <v>0</v>
      </c>
    </row>
    <row r="519" spans="1:7" x14ac:dyDescent="0.3">
      <c r="A519" s="13" t="s">
        <v>16</v>
      </c>
      <c r="B519" s="14" t="s">
        <v>1</v>
      </c>
      <c r="C519" s="14" t="s">
        <v>17</v>
      </c>
      <c r="D519" s="14" t="s">
        <v>18</v>
      </c>
      <c r="E519" s="15">
        <v>45530</v>
      </c>
      <c r="F519" s="14" t="s">
        <v>15</v>
      </c>
      <c r="G519" s="16">
        <v>0</v>
      </c>
    </row>
    <row r="520" spans="1:7" x14ac:dyDescent="0.3">
      <c r="A520" s="13" t="s">
        <v>16</v>
      </c>
      <c r="B520" s="14" t="s">
        <v>1</v>
      </c>
      <c r="C520" s="14" t="s">
        <v>17</v>
      </c>
      <c r="D520" s="14" t="s">
        <v>18</v>
      </c>
      <c r="E520" s="15">
        <v>45531</v>
      </c>
      <c r="F520" s="14" t="s">
        <v>15</v>
      </c>
      <c r="G520" s="16">
        <v>0</v>
      </c>
    </row>
    <row r="521" spans="1:7" x14ac:dyDescent="0.3">
      <c r="A521" s="13" t="s">
        <v>16</v>
      </c>
      <c r="B521" s="14" t="s">
        <v>1</v>
      </c>
      <c r="C521" s="14" t="s">
        <v>17</v>
      </c>
      <c r="D521" s="14" t="s">
        <v>18</v>
      </c>
      <c r="E521" s="15">
        <v>45532</v>
      </c>
      <c r="F521" s="14" t="s">
        <v>15</v>
      </c>
      <c r="G521" s="16">
        <v>0</v>
      </c>
    </row>
    <row r="522" spans="1:7" x14ac:dyDescent="0.3">
      <c r="A522" s="13" t="s">
        <v>16</v>
      </c>
      <c r="B522" s="14" t="s">
        <v>1</v>
      </c>
      <c r="C522" s="14" t="s">
        <v>17</v>
      </c>
      <c r="D522" s="14" t="s">
        <v>18</v>
      </c>
      <c r="E522" s="15">
        <v>45533</v>
      </c>
      <c r="F522" s="14" t="s">
        <v>15</v>
      </c>
      <c r="G522" s="16">
        <v>0</v>
      </c>
    </row>
    <row r="523" spans="1:7" x14ac:dyDescent="0.3">
      <c r="A523" s="13" t="s">
        <v>16</v>
      </c>
      <c r="B523" s="14" t="s">
        <v>1</v>
      </c>
      <c r="C523" s="14" t="s">
        <v>17</v>
      </c>
      <c r="D523" s="14" t="s">
        <v>18</v>
      </c>
      <c r="E523" s="15">
        <v>45534</v>
      </c>
      <c r="F523" s="14" t="s">
        <v>15</v>
      </c>
      <c r="G523" s="16">
        <v>0</v>
      </c>
    </row>
    <row r="524" spans="1:7" x14ac:dyDescent="0.3">
      <c r="A524" s="13" t="s">
        <v>16</v>
      </c>
      <c r="B524" s="14" t="s">
        <v>1</v>
      </c>
      <c r="C524" s="14" t="s">
        <v>17</v>
      </c>
      <c r="D524" s="14" t="s">
        <v>18</v>
      </c>
      <c r="E524" s="15">
        <v>45535</v>
      </c>
      <c r="F524" s="14" t="s">
        <v>15</v>
      </c>
      <c r="G524" s="16">
        <v>0</v>
      </c>
    </row>
    <row r="525" spans="1:7" x14ac:dyDescent="0.3">
      <c r="A525" s="13" t="s">
        <v>16</v>
      </c>
      <c r="B525" s="14" t="s">
        <v>1</v>
      </c>
      <c r="C525" s="14" t="s">
        <v>17</v>
      </c>
      <c r="D525" s="14" t="s">
        <v>18</v>
      </c>
      <c r="E525" s="15">
        <v>45536</v>
      </c>
      <c r="F525" s="14" t="s">
        <v>15</v>
      </c>
      <c r="G525" s="16">
        <v>0</v>
      </c>
    </row>
    <row r="526" spans="1:7" x14ac:dyDescent="0.3">
      <c r="A526" s="13" t="s">
        <v>16</v>
      </c>
      <c r="B526" s="14" t="s">
        <v>1</v>
      </c>
      <c r="C526" s="14" t="s">
        <v>17</v>
      </c>
      <c r="D526" s="14" t="s">
        <v>18</v>
      </c>
      <c r="E526" s="15">
        <v>45537</v>
      </c>
      <c r="F526" s="14" t="s">
        <v>15</v>
      </c>
      <c r="G526" s="16">
        <v>0</v>
      </c>
    </row>
    <row r="527" spans="1:7" x14ac:dyDescent="0.3">
      <c r="A527" s="13" t="s">
        <v>16</v>
      </c>
      <c r="B527" s="14" t="s">
        <v>1</v>
      </c>
      <c r="C527" s="14" t="s">
        <v>17</v>
      </c>
      <c r="D527" s="14" t="s">
        <v>18</v>
      </c>
      <c r="E527" s="15">
        <v>45538</v>
      </c>
      <c r="F527" s="14" t="s">
        <v>15</v>
      </c>
      <c r="G527" s="16">
        <v>0</v>
      </c>
    </row>
    <row r="528" spans="1:7" x14ac:dyDescent="0.3">
      <c r="A528" s="13" t="s">
        <v>16</v>
      </c>
      <c r="B528" s="14" t="s">
        <v>1</v>
      </c>
      <c r="C528" s="14" t="s">
        <v>17</v>
      </c>
      <c r="D528" s="14" t="s">
        <v>18</v>
      </c>
      <c r="E528" s="15">
        <v>45539</v>
      </c>
      <c r="F528" s="14" t="s">
        <v>15</v>
      </c>
      <c r="G528" s="16">
        <v>0</v>
      </c>
    </row>
    <row r="529" spans="1:7" x14ac:dyDescent="0.3">
      <c r="A529" s="13" t="s">
        <v>16</v>
      </c>
      <c r="B529" s="14" t="s">
        <v>1</v>
      </c>
      <c r="C529" s="14" t="s">
        <v>17</v>
      </c>
      <c r="D529" s="14" t="s">
        <v>18</v>
      </c>
      <c r="E529" s="15">
        <v>45540</v>
      </c>
      <c r="F529" s="14" t="s">
        <v>15</v>
      </c>
      <c r="G529" s="16">
        <v>0</v>
      </c>
    </row>
    <row r="530" spans="1:7" x14ac:dyDescent="0.3">
      <c r="A530" s="13" t="s">
        <v>16</v>
      </c>
      <c r="B530" s="14" t="s">
        <v>1</v>
      </c>
      <c r="C530" s="14" t="s">
        <v>17</v>
      </c>
      <c r="D530" s="14" t="s">
        <v>18</v>
      </c>
      <c r="E530" s="15">
        <v>45541</v>
      </c>
      <c r="F530" s="14" t="s">
        <v>15</v>
      </c>
      <c r="G530" s="16">
        <v>0</v>
      </c>
    </row>
    <row r="531" spans="1:7" x14ac:dyDescent="0.3">
      <c r="A531" s="13" t="s">
        <v>16</v>
      </c>
      <c r="B531" s="14" t="s">
        <v>1</v>
      </c>
      <c r="C531" s="14" t="s">
        <v>17</v>
      </c>
      <c r="D531" s="14" t="s">
        <v>18</v>
      </c>
      <c r="E531" s="15">
        <v>45542</v>
      </c>
      <c r="F531" s="14" t="s">
        <v>15</v>
      </c>
      <c r="G531" s="16">
        <v>0</v>
      </c>
    </row>
    <row r="532" spans="1:7" x14ac:dyDescent="0.3">
      <c r="A532" s="13" t="s">
        <v>16</v>
      </c>
      <c r="B532" s="14" t="s">
        <v>1</v>
      </c>
      <c r="C532" s="14" t="s">
        <v>17</v>
      </c>
      <c r="D532" s="14" t="s">
        <v>18</v>
      </c>
      <c r="E532" s="15">
        <v>45543</v>
      </c>
      <c r="F532" s="14" t="s">
        <v>15</v>
      </c>
      <c r="G532" s="16">
        <v>0</v>
      </c>
    </row>
    <row r="533" spans="1:7" x14ac:dyDescent="0.3">
      <c r="A533" s="13" t="s">
        <v>16</v>
      </c>
      <c r="B533" s="14" t="s">
        <v>1</v>
      </c>
      <c r="C533" s="14" t="s">
        <v>17</v>
      </c>
      <c r="D533" s="14" t="s">
        <v>18</v>
      </c>
      <c r="E533" s="15">
        <v>45544</v>
      </c>
      <c r="F533" s="14" t="s">
        <v>15</v>
      </c>
      <c r="G533" s="16">
        <v>0</v>
      </c>
    </row>
    <row r="534" spans="1:7" x14ac:dyDescent="0.3">
      <c r="A534" s="13" t="s">
        <v>16</v>
      </c>
      <c r="B534" s="14" t="s">
        <v>1</v>
      </c>
      <c r="C534" s="14" t="s">
        <v>17</v>
      </c>
      <c r="D534" s="14" t="s">
        <v>18</v>
      </c>
      <c r="E534" s="15">
        <v>45545</v>
      </c>
      <c r="F534" s="14" t="s">
        <v>15</v>
      </c>
      <c r="G534" s="16">
        <v>0</v>
      </c>
    </row>
    <row r="535" spans="1:7" x14ac:dyDescent="0.3">
      <c r="A535" s="13" t="s">
        <v>16</v>
      </c>
      <c r="B535" s="14" t="s">
        <v>1</v>
      </c>
      <c r="C535" s="14" t="s">
        <v>17</v>
      </c>
      <c r="D535" s="14" t="s">
        <v>18</v>
      </c>
      <c r="E535" s="15">
        <v>45546</v>
      </c>
      <c r="F535" s="14" t="s">
        <v>15</v>
      </c>
      <c r="G535" s="16">
        <v>0</v>
      </c>
    </row>
    <row r="536" spans="1:7" x14ac:dyDescent="0.3">
      <c r="A536" s="13" t="s">
        <v>16</v>
      </c>
      <c r="B536" s="14" t="s">
        <v>1</v>
      </c>
      <c r="C536" s="14" t="s">
        <v>17</v>
      </c>
      <c r="D536" s="14" t="s">
        <v>18</v>
      </c>
      <c r="E536" s="15">
        <v>45547</v>
      </c>
      <c r="F536" s="14" t="s">
        <v>15</v>
      </c>
      <c r="G536" s="16">
        <v>0</v>
      </c>
    </row>
    <row r="537" spans="1:7" x14ac:dyDescent="0.3">
      <c r="A537" s="13" t="s">
        <v>16</v>
      </c>
      <c r="B537" s="14" t="s">
        <v>1</v>
      </c>
      <c r="C537" s="14" t="s">
        <v>17</v>
      </c>
      <c r="D537" s="14" t="s">
        <v>18</v>
      </c>
      <c r="E537" s="15">
        <v>45548</v>
      </c>
      <c r="F537" s="14" t="s">
        <v>15</v>
      </c>
      <c r="G537" s="16">
        <v>0</v>
      </c>
    </row>
    <row r="538" spans="1:7" x14ac:dyDescent="0.3">
      <c r="A538" s="13" t="s">
        <v>16</v>
      </c>
      <c r="B538" s="14" t="s">
        <v>1</v>
      </c>
      <c r="C538" s="14" t="s">
        <v>17</v>
      </c>
      <c r="D538" s="14" t="s">
        <v>18</v>
      </c>
      <c r="E538" s="15">
        <v>45549</v>
      </c>
      <c r="F538" s="14" t="s">
        <v>15</v>
      </c>
      <c r="G538" s="16">
        <v>0</v>
      </c>
    </row>
    <row r="539" spans="1:7" x14ac:dyDescent="0.3">
      <c r="A539" s="13" t="s">
        <v>16</v>
      </c>
      <c r="B539" s="14" t="s">
        <v>1</v>
      </c>
      <c r="C539" s="14" t="s">
        <v>17</v>
      </c>
      <c r="D539" s="14" t="s">
        <v>18</v>
      </c>
      <c r="E539" s="15">
        <v>45550</v>
      </c>
      <c r="F539" s="14" t="s">
        <v>15</v>
      </c>
      <c r="G539" s="16">
        <v>0</v>
      </c>
    </row>
    <row r="540" spans="1:7" x14ac:dyDescent="0.3">
      <c r="A540" s="13" t="s">
        <v>16</v>
      </c>
      <c r="B540" s="14" t="s">
        <v>1</v>
      </c>
      <c r="C540" s="14" t="s">
        <v>17</v>
      </c>
      <c r="D540" s="14" t="s">
        <v>18</v>
      </c>
      <c r="E540" s="15">
        <v>45551</v>
      </c>
      <c r="F540" s="14" t="s">
        <v>15</v>
      </c>
      <c r="G540" s="16">
        <v>0</v>
      </c>
    </row>
    <row r="541" spans="1:7" x14ac:dyDescent="0.3">
      <c r="A541" s="13" t="s">
        <v>16</v>
      </c>
      <c r="B541" s="14" t="s">
        <v>1</v>
      </c>
      <c r="C541" s="14" t="s">
        <v>17</v>
      </c>
      <c r="D541" s="14" t="s">
        <v>18</v>
      </c>
      <c r="E541" s="15">
        <v>45552</v>
      </c>
      <c r="F541" s="14" t="s">
        <v>15</v>
      </c>
      <c r="G541" s="16">
        <v>0</v>
      </c>
    </row>
    <row r="542" spans="1:7" x14ac:dyDescent="0.3">
      <c r="A542" s="13" t="s">
        <v>16</v>
      </c>
      <c r="B542" s="14" t="s">
        <v>1</v>
      </c>
      <c r="C542" s="14" t="s">
        <v>17</v>
      </c>
      <c r="D542" s="14" t="s">
        <v>18</v>
      </c>
      <c r="E542" s="15">
        <v>45553</v>
      </c>
      <c r="F542" s="14" t="s">
        <v>15</v>
      </c>
      <c r="G542" s="16">
        <v>0</v>
      </c>
    </row>
    <row r="543" spans="1:7" x14ac:dyDescent="0.3">
      <c r="A543" s="13" t="s">
        <v>16</v>
      </c>
      <c r="B543" s="14" t="s">
        <v>1</v>
      </c>
      <c r="C543" s="14" t="s">
        <v>17</v>
      </c>
      <c r="D543" s="14" t="s">
        <v>18</v>
      </c>
      <c r="E543" s="15">
        <v>45554</v>
      </c>
      <c r="F543" s="14" t="s">
        <v>15</v>
      </c>
      <c r="G543" s="16">
        <v>0</v>
      </c>
    </row>
    <row r="544" spans="1:7" x14ac:dyDescent="0.3">
      <c r="A544" s="13" t="s">
        <v>16</v>
      </c>
      <c r="B544" s="14" t="s">
        <v>1</v>
      </c>
      <c r="C544" s="14" t="s">
        <v>17</v>
      </c>
      <c r="D544" s="14" t="s">
        <v>18</v>
      </c>
      <c r="E544" s="15">
        <v>45555</v>
      </c>
      <c r="F544" s="14" t="s">
        <v>15</v>
      </c>
      <c r="G544" s="16">
        <v>0</v>
      </c>
    </row>
    <row r="545" spans="1:7" x14ac:dyDescent="0.3">
      <c r="A545" s="13" t="s">
        <v>16</v>
      </c>
      <c r="B545" s="14" t="s">
        <v>1</v>
      </c>
      <c r="C545" s="14" t="s">
        <v>17</v>
      </c>
      <c r="D545" s="14" t="s">
        <v>18</v>
      </c>
      <c r="E545" s="15">
        <v>45556</v>
      </c>
      <c r="F545" s="14" t="s">
        <v>15</v>
      </c>
      <c r="G545" s="16">
        <v>0</v>
      </c>
    </row>
    <row r="546" spans="1:7" x14ac:dyDescent="0.3">
      <c r="A546" s="13" t="s">
        <v>16</v>
      </c>
      <c r="B546" s="14" t="s">
        <v>1</v>
      </c>
      <c r="C546" s="14" t="s">
        <v>17</v>
      </c>
      <c r="D546" s="14" t="s">
        <v>18</v>
      </c>
      <c r="E546" s="15">
        <v>45557</v>
      </c>
      <c r="F546" s="14" t="s">
        <v>15</v>
      </c>
      <c r="G546" s="16">
        <v>0</v>
      </c>
    </row>
    <row r="547" spans="1:7" x14ac:dyDescent="0.3">
      <c r="A547" s="13" t="s">
        <v>16</v>
      </c>
      <c r="B547" s="14" t="s">
        <v>1</v>
      </c>
      <c r="C547" s="14" t="s">
        <v>17</v>
      </c>
      <c r="D547" s="14" t="s">
        <v>18</v>
      </c>
      <c r="E547" s="15">
        <v>45558</v>
      </c>
      <c r="F547" s="14" t="s">
        <v>15</v>
      </c>
      <c r="G547" s="16">
        <v>0</v>
      </c>
    </row>
    <row r="548" spans="1:7" x14ac:dyDescent="0.3">
      <c r="A548" s="13" t="s">
        <v>16</v>
      </c>
      <c r="B548" s="14" t="s">
        <v>1</v>
      </c>
      <c r="C548" s="14" t="s">
        <v>17</v>
      </c>
      <c r="D548" s="14" t="s">
        <v>18</v>
      </c>
      <c r="E548" s="15">
        <v>45559</v>
      </c>
      <c r="F548" s="14" t="s">
        <v>15</v>
      </c>
      <c r="G548" s="16">
        <v>0</v>
      </c>
    </row>
    <row r="549" spans="1:7" x14ac:dyDescent="0.3">
      <c r="A549" s="13" t="s">
        <v>16</v>
      </c>
      <c r="B549" s="14" t="s">
        <v>1</v>
      </c>
      <c r="C549" s="14" t="s">
        <v>17</v>
      </c>
      <c r="D549" s="14" t="s">
        <v>18</v>
      </c>
      <c r="E549" s="15">
        <v>45560</v>
      </c>
      <c r="F549" s="14" t="s">
        <v>15</v>
      </c>
      <c r="G549" s="16">
        <v>0</v>
      </c>
    </row>
    <row r="550" spans="1:7" x14ac:dyDescent="0.3">
      <c r="A550" s="13" t="s">
        <v>16</v>
      </c>
      <c r="B550" s="14" t="s">
        <v>1</v>
      </c>
      <c r="C550" s="14" t="s">
        <v>17</v>
      </c>
      <c r="D550" s="14" t="s">
        <v>18</v>
      </c>
      <c r="E550" s="15">
        <v>45561</v>
      </c>
      <c r="F550" s="14" t="s">
        <v>15</v>
      </c>
      <c r="G550" s="16">
        <v>0</v>
      </c>
    </row>
    <row r="551" spans="1:7" x14ac:dyDescent="0.3">
      <c r="A551" s="13" t="s">
        <v>16</v>
      </c>
      <c r="B551" s="14" t="s">
        <v>1</v>
      </c>
      <c r="C551" s="14" t="s">
        <v>17</v>
      </c>
      <c r="D551" s="14" t="s">
        <v>18</v>
      </c>
      <c r="E551" s="15">
        <v>45562</v>
      </c>
      <c r="F551" s="14" t="s">
        <v>15</v>
      </c>
      <c r="G551" s="16">
        <v>0</v>
      </c>
    </row>
    <row r="552" spans="1:7" x14ac:dyDescent="0.3">
      <c r="A552" s="13" t="s">
        <v>16</v>
      </c>
      <c r="B552" s="14" t="s">
        <v>1</v>
      </c>
      <c r="C552" s="14" t="s">
        <v>17</v>
      </c>
      <c r="D552" s="14" t="s">
        <v>18</v>
      </c>
      <c r="E552" s="15">
        <v>45563</v>
      </c>
      <c r="F552" s="14" t="s">
        <v>15</v>
      </c>
      <c r="G552" s="16">
        <v>0</v>
      </c>
    </row>
    <row r="553" spans="1:7" x14ac:dyDescent="0.3">
      <c r="A553" s="13" t="s">
        <v>16</v>
      </c>
      <c r="B553" s="14" t="s">
        <v>1</v>
      </c>
      <c r="C553" s="14" t="s">
        <v>17</v>
      </c>
      <c r="D553" s="14" t="s">
        <v>18</v>
      </c>
      <c r="E553" s="15">
        <v>45564</v>
      </c>
      <c r="F553" s="14" t="s">
        <v>15</v>
      </c>
      <c r="G553" s="16">
        <v>0</v>
      </c>
    </row>
    <row r="554" spans="1:7" x14ac:dyDescent="0.3">
      <c r="A554" s="13" t="s">
        <v>16</v>
      </c>
      <c r="B554" s="14" t="s">
        <v>1</v>
      </c>
      <c r="C554" s="14" t="s">
        <v>17</v>
      </c>
      <c r="D554" s="14" t="s">
        <v>18</v>
      </c>
      <c r="E554" s="15">
        <v>45565</v>
      </c>
      <c r="F554" s="14" t="s">
        <v>15</v>
      </c>
      <c r="G554" s="16">
        <v>0</v>
      </c>
    </row>
    <row r="555" spans="1:7" x14ac:dyDescent="0.3">
      <c r="A555" s="13" t="s">
        <v>16</v>
      </c>
      <c r="B555" s="14" t="s">
        <v>1</v>
      </c>
      <c r="C555" s="14" t="s">
        <v>17</v>
      </c>
      <c r="D555" s="14" t="s">
        <v>18</v>
      </c>
      <c r="E555" s="15">
        <v>45566</v>
      </c>
      <c r="F555" s="14" t="s">
        <v>15</v>
      </c>
      <c r="G555" s="16">
        <v>0</v>
      </c>
    </row>
    <row r="556" spans="1:7" x14ac:dyDescent="0.3">
      <c r="A556" s="13" t="s">
        <v>16</v>
      </c>
      <c r="B556" s="14" t="s">
        <v>1</v>
      </c>
      <c r="C556" s="14" t="s">
        <v>17</v>
      </c>
      <c r="D556" s="14" t="s">
        <v>18</v>
      </c>
      <c r="E556" s="15">
        <v>45567</v>
      </c>
      <c r="F556" s="14" t="s">
        <v>15</v>
      </c>
      <c r="G556" s="16">
        <v>0</v>
      </c>
    </row>
    <row r="557" spans="1:7" x14ac:dyDescent="0.3">
      <c r="A557" s="13" t="s">
        <v>16</v>
      </c>
      <c r="B557" s="14" t="s">
        <v>1</v>
      </c>
      <c r="C557" s="14" t="s">
        <v>17</v>
      </c>
      <c r="D557" s="14" t="s">
        <v>18</v>
      </c>
      <c r="E557" s="15">
        <v>45568</v>
      </c>
      <c r="F557" s="14" t="s">
        <v>15</v>
      </c>
      <c r="G557" s="16">
        <v>0</v>
      </c>
    </row>
    <row r="558" spans="1:7" x14ac:dyDescent="0.3">
      <c r="A558" s="13" t="s">
        <v>16</v>
      </c>
      <c r="B558" s="14" t="s">
        <v>1</v>
      </c>
      <c r="C558" s="14" t="s">
        <v>17</v>
      </c>
      <c r="D558" s="14" t="s">
        <v>18</v>
      </c>
      <c r="E558" s="15">
        <v>45569</v>
      </c>
      <c r="F558" s="14" t="s">
        <v>15</v>
      </c>
      <c r="G558" s="16">
        <v>0</v>
      </c>
    </row>
    <row r="559" spans="1:7" x14ac:dyDescent="0.3">
      <c r="A559" s="13" t="s">
        <v>16</v>
      </c>
      <c r="B559" s="14" t="s">
        <v>1</v>
      </c>
      <c r="C559" s="14" t="s">
        <v>17</v>
      </c>
      <c r="D559" s="14" t="s">
        <v>18</v>
      </c>
      <c r="E559" s="15">
        <v>45570</v>
      </c>
      <c r="F559" s="14" t="s">
        <v>15</v>
      </c>
      <c r="G559" s="16">
        <v>0</v>
      </c>
    </row>
    <row r="560" spans="1:7" x14ac:dyDescent="0.3">
      <c r="A560" s="13" t="s">
        <v>16</v>
      </c>
      <c r="B560" s="14" t="s">
        <v>1</v>
      </c>
      <c r="C560" s="14" t="s">
        <v>17</v>
      </c>
      <c r="D560" s="14" t="s">
        <v>18</v>
      </c>
      <c r="E560" s="15">
        <v>45571</v>
      </c>
      <c r="F560" s="14" t="s">
        <v>15</v>
      </c>
      <c r="G560" s="16">
        <v>0</v>
      </c>
    </row>
    <row r="561" spans="1:7" x14ac:dyDescent="0.3">
      <c r="A561" s="13" t="s">
        <v>16</v>
      </c>
      <c r="B561" s="14" t="s">
        <v>1</v>
      </c>
      <c r="C561" s="14" t="s">
        <v>17</v>
      </c>
      <c r="D561" s="14" t="s">
        <v>18</v>
      </c>
      <c r="E561" s="15">
        <v>45572</v>
      </c>
      <c r="F561" s="14" t="s">
        <v>15</v>
      </c>
      <c r="G561" s="16">
        <v>0</v>
      </c>
    </row>
    <row r="562" spans="1:7" x14ac:dyDescent="0.3">
      <c r="A562" s="13" t="s">
        <v>16</v>
      </c>
      <c r="B562" s="14" t="s">
        <v>1</v>
      </c>
      <c r="C562" s="14" t="s">
        <v>17</v>
      </c>
      <c r="D562" s="14" t="s">
        <v>18</v>
      </c>
      <c r="E562" s="15">
        <v>45573</v>
      </c>
      <c r="F562" s="14" t="s">
        <v>15</v>
      </c>
      <c r="G562" s="16">
        <v>0</v>
      </c>
    </row>
    <row r="563" spans="1:7" x14ac:dyDescent="0.3">
      <c r="A563" s="13" t="s">
        <v>16</v>
      </c>
      <c r="B563" s="14" t="s">
        <v>1</v>
      </c>
      <c r="C563" s="14" t="s">
        <v>17</v>
      </c>
      <c r="D563" s="14" t="s">
        <v>18</v>
      </c>
      <c r="E563" s="15">
        <v>45574</v>
      </c>
      <c r="F563" s="14" t="s">
        <v>15</v>
      </c>
      <c r="G563" s="16">
        <v>0</v>
      </c>
    </row>
    <row r="564" spans="1:7" x14ac:dyDescent="0.3">
      <c r="A564" s="13" t="s">
        <v>16</v>
      </c>
      <c r="B564" s="14" t="s">
        <v>1</v>
      </c>
      <c r="C564" s="14" t="s">
        <v>17</v>
      </c>
      <c r="D564" s="14" t="s">
        <v>18</v>
      </c>
      <c r="E564" s="15">
        <v>45575</v>
      </c>
      <c r="F564" s="14" t="s">
        <v>15</v>
      </c>
      <c r="G564" s="16">
        <v>0</v>
      </c>
    </row>
    <row r="565" spans="1:7" x14ac:dyDescent="0.3">
      <c r="A565" s="13" t="s">
        <v>16</v>
      </c>
      <c r="B565" s="14" t="s">
        <v>1</v>
      </c>
      <c r="C565" s="14" t="s">
        <v>17</v>
      </c>
      <c r="D565" s="14" t="s">
        <v>18</v>
      </c>
      <c r="E565" s="15">
        <v>45576</v>
      </c>
      <c r="F565" s="14" t="s">
        <v>15</v>
      </c>
      <c r="G565" s="16">
        <v>0</v>
      </c>
    </row>
    <row r="566" spans="1:7" x14ac:dyDescent="0.3">
      <c r="A566" s="13" t="s">
        <v>16</v>
      </c>
      <c r="B566" s="14" t="s">
        <v>1</v>
      </c>
      <c r="C566" s="14" t="s">
        <v>17</v>
      </c>
      <c r="D566" s="14" t="s">
        <v>18</v>
      </c>
      <c r="E566" s="15">
        <v>45577</v>
      </c>
      <c r="F566" s="14" t="s">
        <v>15</v>
      </c>
      <c r="G566" s="16">
        <v>0</v>
      </c>
    </row>
    <row r="567" spans="1:7" x14ac:dyDescent="0.3">
      <c r="A567" s="13" t="s">
        <v>16</v>
      </c>
      <c r="B567" s="14" t="s">
        <v>1</v>
      </c>
      <c r="C567" s="14" t="s">
        <v>17</v>
      </c>
      <c r="D567" s="14" t="s">
        <v>18</v>
      </c>
      <c r="E567" s="15">
        <v>45578</v>
      </c>
      <c r="F567" s="14" t="s">
        <v>15</v>
      </c>
      <c r="G567" s="16">
        <v>0</v>
      </c>
    </row>
    <row r="568" spans="1:7" x14ac:dyDescent="0.3">
      <c r="A568" s="13" t="s">
        <v>16</v>
      </c>
      <c r="B568" s="14" t="s">
        <v>1</v>
      </c>
      <c r="C568" s="14" t="s">
        <v>17</v>
      </c>
      <c r="D568" s="14" t="s">
        <v>18</v>
      </c>
      <c r="E568" s="15">
        <v>45579</v>
      </c>
      <c r="F568" s="14" t="s">
        <v>15</v>
      </c>
      <c r="G568" s="16">
        <v>0</v>
      </c>
    </row>
    <row r="569" spans="1:7" x14ac:dyDescent="0.3">
      <c r="A569" s="13" t="s">
        <v>16</v>
      </c>
      <c r="B569" s="14" t="s">
        <v>1</v>
      </c>
      <c r="C569" s="14" t="s">
        <v>17</v>
      </c>
      <c r="D569" s="14" t="s">
        <v>18</v>
      </c>
      <c r="E569" s="15">
        <v>45580</v>
      </c>
      <c r="F569" s="14" t="s">
        <v>15</v>
      </c>
      <c r="G569" s="16">
        <v>0</v>
      </c>
    </row>
    <row r="570" spans="1:7" x14ac:dyDescent="0.3">
      <c r="A570" s="13" t="s">
        <v>16</v>
      </c>
      <c r="B570" s="14" t="s">
        <v>1</v>
      </c>
      <c r="C570" s="14" t="s">
        <v>17</v>
      </c>
      <c r="D570" s="14" t="s">
        <v>18</v>
      </c>
      <c r="E570" s="15">
        <v>45581</v>
      </c>
      <c r="F570" s="14" t="s">
        <v>15</v>
      </c>
      <c r="G570" s="16">
        <v>0</v>
      </c>
    </row>
    <row r="571" spans="1:7" x14ac:dyDescent="0.3">
      <c r="A571" s="13" t="s">
        <v>16</v>
      </c>
      <c r="B571" s="14" t="s">
        <v>1</v>
      </c>
      <c r="C571" s="14" t="s">
        <v>17</v>
      </c>
      <c r="D571" s="14" t="s">
        <v>18</v>
      </c>
      <c r="E571" s="15">
        <v>45582</v>
      </c>
      <c r="F571" s="14" t="s">
        <v>15</v>
      </c>
      <c r="G571" s="16">
        <v>0</v>
      </c>
    </row>
    <row r="572" spans="1:7" x14ac:dyDescent="0.3">
      <c r="A572" s="13" t="s">
        <v>16</v>
      </c>
      <c r="B572" s="14" t="s">
        <v>1</v>
      </c>
      <c r="C572" s="14" t="s">
        <v>17</v>
      </c>
      <c r="D572" s="14" t="s">
        <v>18</v>
      </c>
      <c r="E572" s="15">
        <v>45583</v>
      </c>
      <c r="F572" s="14" t="s">
        <v>15</v>
      </c>
      <c r="G572" s="16">
        <v>0</v>
      </c>
    </row>
    <row r="573" spans="1:7" x14ac:dyDescent="0.3">
      <c r="A573" s="13" t="s">
        <v>16</v>
      </c>
      <c r="B573" s="14" t="s">
        <v>1</v>
      </c>
      <c r="C573" s="14" t="s">
        <v>17</v>
      </c>
      <c r="D573" s="14" t="s">
        <v>18</v>
      </c>
      <c r="E573" s="15">
        <v>45584</v>
      </c>
      <c r="F573" s="14" t="s">
        <v>15</v>
      </c>
      <c r="G573" s="16">
        <v>0</v>
      </c>
    </row>
    <row r="574" spans="1:7" x14ac:dyDescent="0.3">
      <c r="A574" s="13" t="s">
        <v>16</v>
      </c>
      <c r="B574" s="14" t="s">
        <v>1</v>
      </c>
      <c r="C574" s="14" t="s">
        <v>17</v>
      </c>
      <c r="D574" s="14" t="s">
        <v>18</v>
      </c>
      <c r="E574" s="15">
        <v>45585</v>
      </c>
      <c r="F574" s="14" t="s">
        <v>15</v>
      </c>
      <c r="G574" s="16">
        <v>0</v>
      </c>
    </row>
    <row r="575" spans="1:7" x14ac:dyDescent="0.3">
      <c r="A575" s="13" t="s">
        <v>16</v>
      </c>
      <c r="B575" s="14" t="s">
        <v>1</v>
      </c>
      <c r="C575" s="14" t="s">
        <v>17</v>
      </c>
      <c r="D575" s="14" t="s">
        <v>18</v>
      </c>
      <c r="E575" s="15">
        <v>45586</v>
      </c>
      <c r="F575" s="14" t="s">
        <v>15</v>
      </c>
      <c r="G575" s="16">
        <v>0</v>
      </c>
    </row>
    <row r="576" spans="1:7" x14ac:dyDescent="0.3">
      <c r="A576" s="13" t="s">
        <v>16</v>
      </c>
      <c r="B576" s="14" t="s">
        <v>1</v>
      </c>
      <c r="C576" s="14" t="s">
        <v>17</v>
      </c>
      <c r="D576" s="14" t="s">
        <v>18</v>
      </c>
      <c r="E576" s="15">
        <v>45587</v>
      </c>
      <c r="F576" s="14" t="s">
        <v>15</v>
      </c>
      <c r="G576" s="16">
        <v>0</v>
      </c>
    </row>
    <row r="577" spans="1:7" x14ac:dyDescent="0.3">
      <c r="A577" s="13" t="s">
        <v>16</v>
      </c>
      <c r="B577" s="14" t="s">
        <v>1</v>
      </c>
      <c r="C577" s="14" t="s">
        <v>17</v>
      </c>
      <c r="D577" s="14" t="s">
        <v>18</v>
      </c>
      <c r="E577" s="15">
        <v>45588</v>
      </c>
      <c r="F577" s="14" t="s">
        <v>15</v>
      </c>
      <c r="G577" s="16">
        <v>0</v>
      </c>
    </row>
    <row r="578" spans="1:7" x14ac:dyDescent="0.3">
      <c r="A578" s="13" t="s">
        <v>16</v>
      </c>
      <c r="B578" s="14" t="s">
        <v>1</v>
      </c>
      <c r="C578" s="14" t="s">
        <v>17</v>
      </c>
      <c r="D578" s="14" t="s">
        <v>18</v>
      </c>
      <c r="E578" s="15">
        <v>45589</v>
      </c>
      <c r="F578" s="14" t="s">
        <v>15</v>
      </c>
      <c r="G578" s="16">
        <v>0</v>
      </c>
    </row>
    <row r="579" spans="1:7" x14ac:dyDescent="0.3">
      <c r="A579" s="13" t="s">
        <v>16</v>
      </c>
      <c r="B579" s="14" t="s">
        <v>1</v>
      </c>
      <c r="C579" s="14" t="s">
        <v>17</v>
      </c>
      <c r="D579" s="14" t="s">
        <v>18</v>
      </c>
      <c r="E579" s="15">
        <v>45590</v>
      </c>
      <c r="F579" s="14" t="s">
        <v>15</v>
      </c>
      <c r="G579" s="16">
        <v>0</v>
      </c>
    </row>
    <row r="580" spans="1:7" x14ac:dyDescent="0.3">
      <c r="A580" s="13" t="s">
        <v>16</v>
      </c>
      <c r="B580" s="14" t="s">
        <v>1</v>
      </c>
      <c r="C580" s="14" t="s">
        <v>17</v>
      </c>
      <c r="D580" s="14" t="s">
        <v>18</v>
      </c>
      <c r="E580" s="15">
        <v>45591</v>
      </c>
      <c r="F580" s="14" t="s">
        <v>15</v>
      </c>
      <c r="G580" s="16">
        <v>0</v>
      </c>
    </row>
    <row r="581" spans="1:7" x14ac:dyDescent="0.3">
      <c r="A581" s="13" t="s">
        <v>16</v>
      </c>
      <c r="B581" s="14" t="s">
        <v>1</v>
      </c>
      <c r="C581" s="14" t="s">
        <v>17</v>
      </c>
      <c r="D581" s="14" t="s">
        <v>18</v>
      </c>
      <c r="E581" s="15">
        <v>45592</v>
      </c>
      <c r="F581" s="14" t="s">
        <v>15</v>
      </c>
      <c r="G581" s="16">
        <v>0</v>
      </c>
    </row>
    <row r="582" spans="1:7" x14ac:dyDescent="0.3">
      <c r="A582" s="13" t="s">
        <v>16</v>
      </c>
      <c r="B582" s="14" t="s">
        <v>1</v>
      </c>
      <c r="C582" s="14" t="s">
        <v>17</v>
      </c>
      <c r="D582" s="14" t="s">
        <v>18</v>
      </c>
      <c r="E582" s="15">
        <v>45593</v>
      </c>
      <c r="F582" s="14" t="s">
        <v>15</v>
      </c>
      <c r="G582" s="16">
        <v>0</v>
      </c>
    </row>
    <row r="583" spans="1:7" x14ac:dyDescent="0.3">
      <c r="A583" s="13" t="s">
        <v>16</v>
      </c>
      <c r="B583" s="14" t="s">
        <v>1</v>
      </c>
      <c r="C583" s="14" t="s">
        <v>17</v>
      </c>
      <c r="D583" s="14" t="s">
        <v>18</v>
      </c>
      <c r="E583" s="15">
        <v>45594</v>
      </c>
      <c r="F583" s="14" t="s">
        <v>15</v>
      </c>
      <c r="G583" s="16">
        <v>0</v>
      </c>
    </row>
    <row r="584" spans="1:7" x14ac:dyDescent="0.3">
      <c r="A584" s="13" t="s">
        <v>16</v>
      </c>
      <c r="B584" s="14" t="s">
        <v>1</v>
      </c>
      <c r="C584" s="14" t="s">
        <v>17</v>
      </c>
      <c r="D584" s="14" t="s">
        <v>18</v>
      </c>
      <c r="E584" s="15">
        <v>45595</v>
      </c>
      <c r="F584" s="14" t="s">
        <v>15</v>
      </c>
      <c r="G584" s="16">
        <v>0</v>
      </c>
    </row>
    <row r="585" spans="1:7" x14ac:dyDescent="0.3">
      <c r="A585" s="13" t="s">
        <v>16</v>
      </c>
      <c r="B585" s="14" t="s">
        <v>1</v>
      </c>
      <c r="C585" s="14" t="s">
        <v>17</v>
      </c>
      <c r="D585" s="14" t="s">
        <v>18</v>
      </c>
      <c r="E585" s="15">
        <v>45596</v>
      </c>
      <c r="F585" s="14" t="s">
        <v>15</v>
      </c>
      <c r="G585" s="16">
        <v>0</v>
      </c>
    </row>
    <row r="586" spans="1:7" x14ac:dyDescent="0.3">
      <c r="A586" s="13" t="s">
        <v>16</v>
      </c>
      <c r="B586" s="14" t="s">
        <v>1</v>
      </c>
      <c r="C586" s="14" t="s">
        <v>17</v>
      </c>
      <c r="D586" s="14" t="s">
        <v>18</v>
      </c>
      <c r="E586" s="15">
        <v>45597</v>
      </c>
      <c r="F586" s="14" t="s">
        <v>15</v>
      </c>
      <c r="G586" s="16">
        <v>0</v>
      </c>
    </row>
    <row r="587" spans="1:7" x14ac:dyDescent="0.3">
      <c r="A587" s="13" t="s">
        <v>16</v>
      </c>
      <c r="B587" s="14" t="s">
        <v>1</v>
      </c>
      <c r="C587" s="14" t="s">
        <v>17</v>
      </c>
      <c r="D587" s="14" t="s">
        <v>18</v>
      </c>
      <c r="E587" s="15">
        <v>45598</v>
      </c>
      <c r="F587" s="14" t="s">
        <v>15</v>
      </c>
      <c r="G587" s="16">
        <v>0</v>
      </c>
    </row>
    <row r="588" spans="1:7" x14ac:dyDescent="0.3">
      <c r="A588" s="13" t="s">
        <v>16</v>
      </c>
      <c r="B588" s="14" t="s">
        <v>1</v>
      </c>
      <c r="C588" s="14" t="s">
        <v>17</v>
      </c>
      <c r="D588" s="14" t="s">
        <v>18</v>
      </c>
      <c r="E588" s="15">
        <v>45599</v>
      </c>
      <c r="F588" s="14" t="s">
        <v>15</v>
      </c>
      <c r="G588" s="16">
        <v>0</v>
      </c>
    </row>
    <row r="589" spans="1:7" x14ac:dyDescent="0.3">
      <c r="A589" s="13" t="s">
        <v>16</v>
      </c>
      <c r="B589" s="14" t="s">
        <v>1</v>
      </c>
      <c r="C589" s="14" t="s">
        <v>17</v>
      </c>
      <c r="D589" s="14" t="s">
        <v>18</v>
      </c>
      <c r="E589" s="15">
        <v>45600</v>
      </c>
      <c r="F589" s="14" t="s">
        <v>15</v>
      </c>
      <c r="G589" s="16">
        <v>0</v>
      </c>
    </row>
    <row r="590" spans="1:7" x14ac:dyDescent="0.3">
      <c r="A590" s="13" t="s">
        <v>16</v>
      </c>
      <c r="B590" s="14" t="s">
        <v>1</v>
      </c>
      <c r="C590" s="14" t="s">
        <v>17</v>
      </c>
      <c r="D590" s="14" t="s">
        <v>18</v>
      </c>
      <c r="E590" s="15">
        <v>45601</v>
      </c>
      <c r="F590" s="14" t="s">
        <v>15</v>
      </c>
      <c r="G590" s="16">
        <v>0</v>
      </c>
    </row>
    <row r="591" spans="1:7" x14ac:dyDescent="0.3">
      <c r="A591" s="13" t="s">
        <v>16</v>
      </c>
      <c r="B591" s="14" t="s">
        <v>1</v>
      </c>
      <c r="C591" s="14" t="s">
        <v>17</v>
      </c>
      <c r="D591" s="14" t="s">
        <v>18</v>
      </c>
      <c r="E591" s="15">
        <v>45602</v>
      </c>
      <c r="F591" s="14" t="s">
        <v>15</v>
      </c>
      <c r="G591" s="16">
        <v>0</v>
      </c>
    </row>
    <row r="592" spans="1:7" x14ac:dyDescent="0.3">
      <c r="A592" s="13" t="s">
        <v>16</v>
      </c>
      <c r="B592" s="14" t="s">
        <v>1</v>
      </c>
      <c r="C592" s="14" t="s">
        <v>17</v>
      </c>
      <c r="D592" s="14" t="s">
        <v>18</v>
      </c>
      <c r="E592" s="15">
        <v>45603</v>
      </c>
      <c r="F592" s="14" t="s">
        <v>15</v>
      </c>
      <c r="G592" s="16">
        <v>0</v>
      </c>
    </row>
    <row r="593" spans="1:7" x14ac:dyDescent="0.3">
      <c r="A593" s="13" t="s">
        <v>16</v>
      </c>
      <c r="B593" s="14" t="s">
        <v>1</v>
      </c>
      <c r="C593" s="14" t="s">
        <v>17</v>
      </c>
      <c r="D593" s="14" t="s">
        <v>18</v>
      </c>
      <c r="E593" s="15">
        <v>45604</v>
      </c>
      <c r="F593" s="14" t="s">
        <v>15</v>
      </c>
      <c r="G593" s="16">
        <v>0</v>
      </c>
    </row>
    <row r="594" spans="1:7" x14ac:dyDescent="0.3">
      <c r="A594" s="13" t="s">
        <v>16</v>
      </c>
      <c r="B594" s="14" t="s">
        <v>1</v>
      </c>
      <c r="C594" s="14" t="s">
        <v>17</v>
      </c>
      <c r="D594" s="14" t="s">
        <v>18</v>
      </c>
      <c r="E594" s="15">
        <v>45605</v>
      </c>
      <c r="F594" s="14" t="s">
        <v>15</v>
      </c>
      <c r="G594" s="16">
        <v>0</v>
      </c>
    </row>
    <row r="595" spans="1:7" x14ac:dyDescent="0.3">
      <c r="A595" s="13" t="s">
        <v>16</v>
      </c>
      <c r="B595" s="14" t="s">
        <v>1</v>
      </c>
      <c r="C595" s="14" t="s">
        <v>17</v>
      </c>
      <c r="D595" s="14" t="s">
        <v>18</v>
      </c>
      <c r="E595" s="15">
        <v>45606</v>
      </c>
      <c r="F595" s="14" t="s">
        <v>15</v>
      </c>
      <c r="G595" s="16">
        <v>0</v>
      </c>
    </row>
    <row r="596" spans="1:7" x14ac:dyDescent="0.3">
      <c r="A596" s="13" t="s">
        <v>16</v>
      </c>
      <c r="B596" s="14" t="s">
        <v>1</v>
      </c>
      <c r="C596" s="14" t="s">
        <v>17</v>
      </c>
      <c r="D596" s="14" t="s">
        <v>18</v>
      </c>
      <c r="E596" s="15">
        <v>45607</v>
      </c>
      <c r="F596" s="14" t="s">
        <v>15</v>
      </c>
      <c r="G596" s="16">
        <v>0</v>
      </c>
    </row>
    <row r="597" spans="1:7" x14ac:dyDescent="0.3">
      <c r="A597" s="13" t="s">
        <v>16</v>
      </c>
      <c r="B597" s="14" t="s">
        <v>1</v>
      </c>
      <c r="C597" s="14" t="s">
        <v>17</v>
      </c>
      <c r="D597" s="14" t="s">
        <v>18</v>
      </c>
      <c r="E597" s="15">
        <v>45608</v>
      </c>
      <c r="F597" s="14" t="s">
        <v>15</v>
      </c>
      <c r="G597" s="16">
        <v>0</v>
      </c>
    </row>
    <row r="598" spans="1:7" x14ac:dyDescent="0.3">
      <c r="A598" s="13" t="s">
        <v>16</v>
      </c>
      <c r="B598" s="14" t="s">
        <v>1</v>
      </c>
      <c r="C598" s="14" t="s">
        <v>17</v>
      </c>
      <c r="D598" s="14" t="s">
        <v>18</v>
      </c>
      <c r="E598" s="15">
        <v>45609</v>
      </c>
      <c r="F598" s="14" t="s">
        <v>15</v>
      </c>
      <c r="G598" s="16">
        <v>0</v>
      </c>
    </row>
    <row r="599" spans="1:7" x14ac:dyDescent="0.3">
      <c r="A599" s="13" t="s">
        <v>16</v>
      </c>
      <c r="B599" s="14" t="s">
        <v>1</v>
      </c>
      <c r="C599" s="14" t="s">
        <v>17</v>
      </c>
      <c r="D599" s="14" t="s">
        <v>18</v>
      </c>
      <c r="E599" s="15">
        <v>45610</v>
      </c>
      <c r="F599" s="14" t="s">
        <v>15</v>
      </c>
      <c r="G599" s="16">
        <v>0</v>
      </c>
    </row>
    <row r="600" spans="1:7" x14ac:dyDescent="0.3">
      <c r="A600" s="13" t="s">
        <v>16</v>
      </c>
      <c r="B600" s="14" t="s">
        <v>1</v>
      </c>
      <c r="C600" s="14" t="s">
        <v>17</v>
      </c>
      <c r="D600" s="14" t="s">
        <v>18</v>
      </c>
      <c r="E600" s="15">
        <v>45611</v>
      </c>
      <c r="F600" s="14" t="s">
        <v>15</v>
      </c>
      <c r="G600" s="16">
        <v>0</v>
      </c>
    </row>
    <row r="601" spans="1:7" x14ac:dyDescent="0.3">
      <c r="A601" s="13" t="s">
        <v>16</v>
      </c>
      <c r="B601" s="14" t="s">
        <v>1</v>
      </c>
      <c r="C601" s="14" t="s">
        <v>17</v>
      </c>
      <c r="D601" s="14" t="s">
        <v>18</v>
      </c>
      <c r="E601" s="15">
        <v>45612</v>
      </c>
      <c r="F601" s="14" t="s">
        <v>15</v>
      </c>
      <c r="G601" s="16">
        <v>0</v>
      </c>
    </row>
    <row r="602" spans="1:7" x14ac:dyDescent="0.3">
      <c r="A602" s="13" t="s">
        <v>16</v>
      </c>
      <c r="B602" s="14" t="s">
        <v>1</v>
      </c>
      <c r="C602" s="14" t="s">
        <v>17</v>
      </c>
      <c r="D602" s="14" t="s">
        <v>18</v>
      </c>
      <c r="E602" s="15">
        <v>45613</v>
      </c>
      <c r="F602" s="14" t="s">
        <v>15</v>
      </c>
      <c r="G602" s="16">
        <v>0</v>
      </c>
    </row>
    <row r="603" spans="1:7" x14ac:dyDescent="0.3">
      <c r="A603" s="13" t="s">
        <v>16</v>
      </c>
      <c r="B603" s="14" t="s">
        <v>1</v>
      </c>
      <c r="C603" s="14" t="s">
        <v>17</v>
      </c>
      <c r="D603" s="14" t="s">
        <v>18</v>
      </c>
      <c r="E603" s="15">
        <v>45614</v>
      </c>
      <c r="F603" s="14" t="s">
        <v>15</v>
      </c>
      <c r="G603" s="16">
        <v>0</v>
      </c>
    </row>
    <row r="604" spans="1:7" x14ac:dyDescent="0.3">
      <c r="A604" s="13" t="s">
        <v>16</v>
      </c>
      <c r="B604" s="14" t="s">
        <v>1</v>
      </c>
      <c r="C604" s="14" t="s">
        <v>17</v>
      </c>
      <c r="D604" s="14" t="s">
        <v>18</v>
      </c>
      <c r="E604" s="15">
        <v>45615</v>
      </c>
      <c r="F604" s="14" t="s">
        <v>15</v>
      </c>
      <c r="G604" s="16">
        <v>0</v>
      </c>
    </row>
    <row r="605" spans="1:7" x14ac:dyDescent="0.3">
      <c r="A605" s="13" t="s">
        <v>16</v>
      </c>
      <c r="B605" s="14" t="s">
        <v>1</v>
      </c>
      <c r="C605" s="14" t="s">
        <v>17</v>
      </c>
      <c r="D605" s="14" t="s">
        <v>18</v>
      </c>
      <c r="E605" s="15">
        <v>45616</v>
      </c>
      <c r="F605" s="14" t="s">
        <v>15</v>
      </c>
      <c r="G605" s="16">
        <v>0</v>
      </c>
    </row>
    <row r="606" spans="1:7" x14ac:dyDescent="0.3">
      <c r="A606" s="13" t="s">
        <v>16</v>
      </c>
      <c r="B606" s="14" t="s">
        <v>1</v>
      </c>
      <c r="C606" s="14" t="s">
        <v>17</v>
      </c>
      <c r="D606" s="14" t="s">
        <v>18</v>
      </c>
      <c r="E606" s="15">
        <v>45617</v>
      </c>
      <c r="F606" s="14" t="s">
        <v>15</v>
      </c>
      <c r="G606" s="16">
        <v>0</v>
      </c>
    </row>
    <row r="607" spans="1:7" x14ac:dyDescent="0.3">
      <c r="A607" s="13" t="s">
        <v>16</v>
      </c>
      <c r="B607" s="14" t="s">
        <v>1</v>
      </c>
      <c r="C607" s="14" t="s">
        <v>17</v>
      </c>
      <c r="D607" s="14" t="s">
        <v>18</v>
      </c>
      <c r="E607" s="15">
        <v>45618</v>
      </c>
      <c r="F607" s="14" t="s">
        <v>15</v>
      </c>
      <c r="G607" s="16">
        <v>0</v>
      </c>
    </row>
    <row r="608" spans="1:7" x14ac:dyDescent="0.3">
      <c r="A608" s="13" t="s">
        <v>16</v>
      </c>
      <c r="B608" s="14" t="s">
        <v>1</v>
      </c>
      <c r="C608" s="14" t="s">
        <v>17</v>
      </c>
      <c r="D608" s="14" t="s">
        <v>18</v>
      </c>
      <c r="E608" s="15">
        <v>45619</v>
      </c>
      <c r="F608" s="14" t="s">
        <v>15</v>
      </c>
      <c r="G608" s="16">
        <v>0</v>
      </c>
    </row>
    <row r="609" spans="1:7" x14ac:dyDescent="0.3">
      <c r="A609" s="13" t="s">
        <v>16</v>
      </c>
      <c r="B609" s="14" t="s">
        <v>1</v>
      </c>
      <c r="C609" s="14" t="s">
        <v>17</v>
      </c>
      <c r="D609" s="14" t="s">
        <v>18</v>
      </c>
      <c r="E609" s="15">
        <v>45620</v>
      </c>
      <c r="F609" s="14" t="s">
        <v>15</v>
      </c>
      <c r="G609" s="16">
        <v>0</v>
      </c>
    </row>
    <row r="610" spans="1:7" x14ac:dyDescent="0.3">
      <c r="A610" s="13" t="s">
        <v>16</v>
      </c>
      <c r="B610" s="14" t="s">
        <v>1</v>
      </c>
      <c r="C610" s="14" t="s">
        <v>17</v>
      </c>
      <c r="D610" s="14" t="s">
        <v>18</v>
      </c>
      <c r="E610" s="15">
        <v>45621</v>
      </c>
      <c r="F610" s="14" t="s">
        <v>15</v>
      </c>
      <c r="G610" s="16">
        <v>0</v>
      </c>
    </row>
    <row r="611" spans="1:7" x14ac:dyDescent="0.3">
      <c r="A611" s="13" t="s">
        <v>16</v>
      </c>
      <c r="B611" s="14" t="s">
        <v>1</v>
      </c>
      <c r="C611" s="14" t="s">
        <v>17</v>
      </c>
      <c r="D611" s="14" t="s">
        <v>18</v>
      </c>
      <c r="E611" s="15">
        <v>45622</v>
      </c>
      <c r="F611" s="14" t="s">
        <v>15</v>
      </c>
      <c r="G611" s="16">
        <v>0</v>
      </c>
    </row>
    <row r="612" spans="1:7" x14ac:dyDescent="0.3">
      <c r="A612" s="13" t="s">
        <v>16</v>
      </c>
      <c r="B612" s="14" t="s">
        <v>1</v>
      </c>
      <c r="C612" s="14" t="s">
        <v>17</v>
      </c>
      <c r="D612" s="14" t="s">
        <v>18</v>
      </c>
      <c r="E612" s="15">
        <v>45623</v>
      </c>
      <c r="F612" s="14" t="s">
        <v>15</v>
      </c>
      <c r="G612" s="16">
        <v>0</v>
      </c>
    </row>
    <row r="613" spans="1:7" x14ac:dyDescent="0.3">
      <c r="A613" s="13" t="s">
        <v>16</v>
      </c>
      <c r="B613" s="14" t="s">
        <v>1</v>
      </c>
      <c r="C613" s="14" t="s">
        <v>17</v>
      </c>
      <c r="D613" s="14" t="s">
        <v>18</v>
      </c>
      <c r="E613" s="15">
        <v>45624</v>
      </c>
      <c r="F613" s="14" t="s">
        <v>15</v>
      </c>
      <c r="G613" s="16">
        <v>0</v>
      </c>
    </row>
    <row r="614" spans="1:7" x14ac:dyDescent="0.3">
      <c r="A614" s="13" t="s">
        <v>16</v>
      </c>
      <c r="B614" s="14" t="s">
        <v>1</v>
      </c>
      <c r="C614" s="14" t="s">
        <v>17</v>
      </c>
      <c r="D614" s="14" t="s">
        <v>18</v>
      </c>
      <c r="E614" s="15">
        <v>45625</v>
      </c>
      <c r="F614" s="14" t="s">
        <v>15</v>
      </c>
      <c r="G614" s="16">
        <v>0</v>
      </c>
    </row>
    <row r="615" spans="1:7" x14ac:dyDescent="0.3">
      <c r="A615" s="13" t="s">
        <v>16</v>
      </c>
      <c r="B615" s="14" t="s">
        <v>1</v>
      </c>
      <c r="C615" s="14" t="s">
        <v>17</v>
      </c>
      <c r="D615" s="14" t="s">
        <v>18</v>
      </c>
      <c r="E615" s="15">
        <v>45626</v>
      </c>
      <c r="F615" s="14" t="s">
        <v>15</v>
      </c>
      <c r="G615" s="16">
        <v>0</v>
      </c>
    </row>
    <row r="616" spans="1:7" x14ac:dyDescent="0.3">
      <c r="A616" s="13" t="s">
        <v>16</v>
      </c>
      <c r="B616" s="14" t="s">
        <v>1</v>
      </c>
      <c r="C616" s="14" t="s">
        <v>17</v>
      </c>
      <c r="D616" s="14" t="s">
        <v>18</v>
      </c>
      <c r="E616" s="15">
        <v>45627</v>
      </c>
      <c r="F616" s="14" t="s">
        <v>15</v>
      </c>
      <c r="G616" s="16">
        <v>0</v>
      </c>
    </row>
    <row r="617" spans="1:7" x14ac:dyDescent="0.3">
      <c r="A617" s="13" t="s">
        <v>16</v>
      </c>
      <c r="B617" s="14" t="s">
        <v>1</v>
      </c>
      <c r="C617" s="14" t="s">
        <v>17</v>
      </c>
      <c r="D617" s="14" t="s">
        <v>18</v>
      </c>
      <c r="E617" s="15">
        <v>45628</v>
      </c>
      <c r="F617" s="14" t="s">
        <v>15</v>
      </c>
      <c r="G617" s="16">
        <v>0</v>
      </c>
    </row>
    <row r="618" spans="1:7" x14ac:dyDescent="0.3">
      <c r="A618" s="13" t="s">
        <v>16</v>
      </c>
      <c r="B618" s="14" t="s">
        <v>1</v>
      </c>
      <c r="C618" s="14" t="s">
        <v>17</v>
      </c>
      <c r="D618" s="14" t="s">
        <v>18</v>
      </c>
      <c r="E618" s="15">
        <v>45629</v>
      </c>
      <c r="F618" s="14" t="s">
        <v>15</v>
      </c>
      <c r="G618" s="16">
        <v>0</v>
      </c>
    </row>
    <row r="619" spans="1:7" x14ac:dyDescent="0.3">
      <c r="A619" s="13" t="s">
        <v>16</v>
      </c>
      <c r="B619" s="14" t="s">
        <v>1</v>
      </c>
      <c r="C619" s="14" t="s">
        <v>17</v>
      </c>
      <c r="D619" s="14" t="s">
        <v>18</v>
      </c>
      <c r="E619" s="15">
        <v>45630</v>
      </c>
      <c r="F619" s="14" t="s">
        <v>15</v>
      </c>
      <c r="G619" s="16">
        <v>0</v>
      </c>
    </row>
    <row r="620" spans="1:7" x14ac:dyDescent="0.3">
      <c r="A620" s="13" t="s">
        <v>16</v>
      </c>
      <c r="B620" s="14" t="s">
        <v>1</v>
      </c>
      <c r="C620" s="14" t="s">
        <v>17</v>
      </c>
      <c r="D620" s="14" t="s">
        <v>18</v>
      </c>
      <c r="E620" s="15">
        <v>45631</v>
      </c>
      <c r="F620" s="14" t="s">
        <v>15</v>
      </c>
      <c r="G620" s="16">
        <v>0</v>
      </c>
    </row>
    <row r="621" spans="1:7" x14ac:dyDescent="0.3">
      <c r="A621" s="13" t="s">
        <v>16</v>
      </c>
      <c r="B621" s="14" t="s">
        <v>1</v>
      </c>
      <c r="C621" s="14" t="s">
        <v>17</v>
      </c>
      <c r="D621" s="14" t="s">
        <v>18</v>
      </c>
      <c r="E621" s="15">
        <v>45632</v>
      </c>
      <c r="F621" s="14" t="s">
        <v>15</v>
      </c>
      <c r="G621" s="16">
        <v>0</v>
      </c>
    </row>
    <row r="622" spans="1:7" x14ac:dyDescent="0.3">
      <c r="A622" s="13" t="s">
        <v>16</v>
      </c>
      <c r="B622" s="14" t="s">
        <v>1</v>
      </c>
      <c r="C622" s="14" t="s">
        <v>17</v>
      </c>
      <c r="D622" s="14" t="s">
        <v>18</v>
      </c>
      <c r="E622" s="15">
        <v>45633</v>
      </c>
      <c r="F622" s="14" t="s">
        <v>15</v>
      </c>
      <c r="G622" s="16">
        <v>0</v>
      </c>
    </row>
    <row r="623" spans="1:7" x14ac:dyDescent="0.3">
      <c r="A623" s="13" t="s">
        <v>16</v>
      </c>
      <c r="B623" s="14" t="s">
        <v>1</v>
      </c>
      <c r="C623" s="14" t="s">
        <v>17</v>
      </c>
      <c r="D623" s="14" t="s">
        <v>18</v>
      </c>
      <c r="E623" s="15">
        <v>45634</v>
      </c>
      <c r="F623" s="14" t="s">
        <v>15</v>
      </c>
      <c r="G623" s="16">
        <v>0</v>
      </c>
    </row>
    <row r="624" spans="1:7" x14ac:dyDescent="0.3">
      <c r="A624" s="13" t="s">
        <v>16</v>
      </c>
      <c r="B624" s="14" t="s">
        <v>1</v>
      </c>
      <c r="C624" s="14" t="s">
        <v>17</v>
      </c>
      <c r="D624" s="14" t="s">
        <v>18</v>
      </c>
      <c r="E624" s="15">
        <v>45635</v>
      </c>
      <c r="F624" s="14" t="s">
        <v>15</v>
      </c>
      <c r="G624" s="16">
        <v>0</v>
      </c>
    </row>
    <row r="625" spans="1:7" x14ac:dyDescent="0.3">
      <c r="A625" s="13" t="s">
        <v>16</v>
      </c>
      <c r="B625" s="14" t="s">
        <v>1</v>
      </c>
      <c r="C625" s="14" t="s">
        <v>17</v>
      </c>
      <c r="D625" s="14" t="s">
        <v>18</v>
      </c>
      <c r="E625" s="15">
        <v>45636</v>
      </c>
      <c r="F625" s="14" t="s">
        <v>15</v>
      </c>
      <c r="G625" s="16">
        <v>0</v>
      </c>
    </row>
    <row r="626" spans="1:7" x14ac:dyDescent="0.3">
      <c r="A626" s="13" t="s">
        <v>16</v>
      </c>
      <c r="B626" s="14" t="s">
        <v>1</v>
      </c>
      <c r="C626" s="14" t="s">
        <v>17</v>
      </c>
      <c r="D626" s="14" t="s">
        <v>18</v>
      </c>
      <c r="E626" s="15">
        <v>45637</v>
      </c>
      <c r="F626" s="14" t="s">
        <v>15</v>
      </c>
      <c r="G626" s="16">
        <v>0</v>
      </c>
    </row>
    <row r="627" spans="1:7" x14ac:dyDescent="0.3">
      <c r="A627" s="13" t="s">
        <v>16</v>
      </c>
      <c r="B627" s="14" t="s">
        <v>1</v>
      </c>
      <c r="C627" s="14" t="s">
        <v>17</v>
      </c>
      <c r="D627" s="14" t="s">
        <v>18</v>
      </c>
      <c r="E627" s="15">
        <v>45638</v>
      </c>
      <c r="F627" s="14" t="s">
        <v>15</v>
      </c>
      <c r="G627" s="16">
        <v>0</v>
      </c>
    </row>
    <row r="628" spans="1:7" x14ac:dyDescent="0.3">
      <c r="A628" s="13" t="s">
        <v>16</v>
      </c>
      <c r="B628" s="14" t="s">
        <v>1</v>
      </c>
      <c r="C628" s="14" t="s">
        <v>17</v>
      </c>
      <c r="D628" s="14" t="s">
        <v>18</v>
      </c>
      <c r="E628" s="15">
        <v>45639</v>
      </c>
      <c r="F628" s="14" t="s">
        <v>15</v>
      </c>
      <c r="G628" s="16">
        <v>0</v>
      </c>
    </row>
    <row r="629" spans="1:7" x14ac:dyDescent="0.3">
      <c r="A629" s="13" t="s">
        <v>16</v>
      </c>
      <c r="B629" s="14" t="s">
        <v>1</v>
      </c>
      <c r="C629" s="14" t="s">
        <v>17</v>
      </c>
      <c r="D629" s="14" t="s">
        <v>18</v>
      </c>
      <c r="E629" s="15">
        <v>45640</v>
      </c>
      <c r="F629" s="14" t="s">
        <v>15</v>
      </c>
      <c r="G629" s="16">
        <v>0</v>
      </c>
    </row>
    <row r="630" spans="1:7" x14ac:dyDescent="0.3">
      <c r="A630" s="13" t="s">
        <v>16</v>
      </c>
      <c r="B630" s="14" t="s">
        <v>1</v>
      </c>
      <c r="C630" s="14" t="s">
        <v>17</v>
      </c>
      <c r="D630" s="14" t="s">
        <v>18</v>
      </c>
      <c r="E630" s="15">
        <v>45641</v>
      </c>
      <c r="F630" s="14" t="s">
        <v>15</v>
      </c>
      <c r="G630" s="16">
        <v>0</v>
      </c>
    </row>
    <row r="631" spans="1:7" x14ac:dyDescent="0.3">
      <c r="A631" s="13" t="s">
        <v>16</v>
      </c>
      <c r="B631" s="14" t="s">
        <v>1</v>
      </c>
      <c r="C631" s="14" t="s">
        <v>17</v>
      </c>
      <c r="D631" s="14" t="s">
        <v>18</v>
      </c>
      <c r="E631" s="15">
        <v>45642</v>
      </c>
      <c r="F631" s="14" t="s">
        <v>15</v>
      </c>
      <c r="G631" s="16">
        <v>0</v>
      </c>
    </row>
    <row r="632" spans="1:7" x14ac:dyDescent="0.3">
      <c r="A632" s="13" t="s">
        <v>16</v>
      </c>
      <c r="B632" s="14" t="s">
        <v>1</v>
      </c>
      <c r="C632" s="14" t="s">
        <v>17</v>
      </c>
      <c r="D632" s="14" t="s">
        <v>18</v>
      </c>
      <c r="E632" s="15">
        <v>45643</v>
      </c>
      <c r="F632" s="14" t="s">
        <v>15</v>
      </c>
      <c r="G632" s="16">
        <v>0</v>
      </c>
    </row>
    <row r="633" spans="1:7" x14ac:dyDescent="0.3">
      <c r="A633" s="13" t="s">
        <v>16</v>
      </c>
      <c r="B633" s="14" t="s">
        <v>1</v>
      </c>
      <c r="C633" s="14" t="s">
        <v>17</v>
      </c>
      <c r="D633" s="14" t="s">
        <v>18</v>
      </c>
      <c r="E633" s="15">
        <v>45644</v>
      </c>
      <c r="F633" s="14" t="s">
        <v>15</v>
      </c>
      <c r="G633" s="16">
        <v>0</v>
      </c>
    </row>
    <row r="634" spans="1:7" x14ac:dyDescent="0.3">
      <c r="A634" s="13" t="s">
        <v>16</v>
      </c>
      <c r="B634" s="14" t="s">
        <v>1</v>
      </c>
      <c r="C634" s="14" t="s">
        <v>17</v>
      </c>
      <c r="D634" s="14" t="s">
        <v>18</v>
      </c>
      <c r="E634" s="15">
        <v>45645</v>
      </c>
      <c r="F634" s="14" t="s">
        <v>15</v>
      </c>
      <c r="G634" s="16">
        <v>0</v>
      </c>
    </row>
    <row r="635" spans="1:7" x14ac:dyDescent="0.3">
      <c r="A635" s="13" t="s">
        <v>16</v>
      </c>
      <c r="B635" s="14" t="s">
        <v>1</v>
      </c>
      <c r="C635" s="14" t="s">
        <v>17</v>
      </c>
      <c r="D635" s="14" t="s">
        <v>18</v>
      </c>
      <c r="E635" s="15">
        <v>45646</v>
      </c>
      <c r="F635" s="14" t="s">
        <v>15</v>
      </c>
      <c r="G635" s="16">
        <v>0</v>
      </c>
    </row>
    <row r="636" spans="1:7" x14ac:dyDescent="0.3">
      <c r="A636" s="13" t="s">
        <v>16</v>
      </c>
      <c r="B636" s="14" t="s">
        <v>1</v>
      </c>
      <c r="C636" s="14" t="s">
        <v>17</v>
      </c>
      <c r="D636" s="14" t="s">
        <v>18</v>
      </c>
      <c r="E636" s="15">
        <v>45647</v>
      </c>
      <c r="F636" s="14" t="s">
        <v>15</v>
      </c>
      <c r="G636" s="16">
        <v>0</v>
      </c>
    </row>
    <row r="637" spans="1:7" x14ac:dyDescent="0.3">
      <c r="A637" s="13" t="s">
        <v>16</v>
      </c>
      <c r="B637" s="14" t="s">
        <v>1</v>
      </c>
      <c r="C637" s="14" t="s">
        <v>17</v>
      </c>
      <c r="D637" s="14" t="s">
        <v>18</v>
      </c>
      <c r="E637" s="15">
        <v>45648</v>
      </c>
      <c r="F637" s="14" t="s">
        <v>15</v>
      </c>
      <c r="G637" s="16">
        <v>0</v>
      </c>
    </row>
    <row r="638" spans="1:7" x14ac:dyDescent="0.3">
      <c r="A638" s="13" t="s">
        <v>16</v>
      </c>
      <c r="B638" s="14" t="s">
        <v>1</v>
      </c>
      <c r="C638" s="14" t="s">
        <v>17</v>
      </c>
      <c r="D638" s="14" t="s">
        <v>18</v>
      </c>
      <c r="E638" s="15">
        <v>45649</v>
      </c>
      <c r="F638" s="14" t="s">
        <v>15</v>
      </c>
      <c r="G638" s="16">
        <v>0</v>
      </c>
    </row>
    <row r="639" spans="1:7" x14ac:dyDescent="0.3">
      <c r="A639" s="13" t="s">
        <v>16</v>
      </c>
      <c r="B639" s="14" t="s">
        <v>1</v>
      </c>
      <c r="C639" s="14" t="s">
        <v>17</v>
      </c>
      <c r="D639" s="14" t="s">
        <v>18</v>
      </c>
      <c r="E639" s="15">
        <v>45650</v>
      </c>
      <c r="F639" s="14" t="s">
        <v>15</v>
      </c>
      <c r="G639" s="16">
        <v>0</v>
      </c>
    </row>
    <row r="640" spans="1:7" x14ac:dyDescent="0.3">
      <c r="A640" s="13" t="s">
        <v>16</v>
      </c>
      <c r="B640" s="14" t="s">
        <v>1</v>
      </c>
      <c r="C640" s="14" t="s">
        <v>17</v>
      </c>
      <c r="D640" s="14" t="s">
        <v>18</v>
      </c>
      <c r="E640" s="15">
        <v>45651</v>
      </c>
      <c r="F640" s="14" t="s">
        <v>15</v>
      </c>
      <c r="G640" s="16">
        <v>0</v>
      </c>
    </row>
    <row r="641" spans="1:7" x14ac:dyDescent="0.3">
      <c r="A641" s="13" t="s">
        <v>16</v>
      </c>
      <c r="B641" s="14" t="s">
        <v>1</v>
      </c>
      <c r="C641" s="14" t="s">
        <v>17</v>
      </c>
      <c r="D641" s="14" t="s">
        <v>18</v>
      </c>
      <c r="E641" s="15">
        <v>45652</v>
      </c>
      <c r="F641" s="14" t="s">
        <v>15</v>
      </c>
      <c r="G641" s="16">
        <v>0</v>
      </c>
    </row>
    <row r="642" spans="1:7" x14ac:dyDescent="0.3">
      <c r="A642" s="13" t="s">
        <v>16</v>
      </c>
      <c r="B642" s="14" t="s">
        <v>1</v>
      </c>
      <c r="C642" s="14" t="s">
        <v>17</v>
      </c>
      <c r="D642" s="14" t="s">
        <v>18</v>
      </c>
      <c r="E642" s="15">
        <v>45653</v>
      </c>
      <c r="F642" s="14" t="s">
        <v>15</v>
      </c>
      <c r="G642" s="16">
        <v>0</v>
      </c>
    </row>
    <row r="643" spans="1:7" x14ac:dyDescent="0.3">
      <c r="A643" s="13" t="s">
        <v>16</v>
      </c>
      <c r="B643" s="14" t="s">
        <v>1</v>
      </c>
      <c r="C643" s="14" t="s">
        <v>17</v>
      </c>
      <c r="D643" s="14" t="s">
        <v>18</v>
      </c>
      <c r="E643" s="15">
        <v>45654</v>
      </c>
      <c r="F643" s="14" t="s">
        <v>15</v>
      </c>
      <c r="G643" s="16">
        <v>0</v>
      </c>
    </row>
    <row r="644" spans="1:7" x14ac:dyDescent="0.3">
      <c r="A644" s="13" t="s">
        <v>16</v>
      </c>
      <c r="B644" s="14" t="s">
        <v>1</v>
      </c>
      <c r="C644" s="14" t="s">
        <v>17</v>
      </c>
      <c r="D644" s="14" t="s">
        <v>18</v>
      </c>
      <c r="E644" s="15">
        <v>45655</v>
      </c>
      <c r="F644" s="14" t="s">
        <v>15</v>
      </c>
      <c r="G644" s="16">
        <v>0</v>
      </c>
    </row>
    <row r="645" spans="1:7" x14ac:dyDescent="0.3">
      <c r="A645" s="13" t="s">
        <v>16</v>
      </c>
      <c r="B645" s="14" t="s">
        <v>1</v>
      </c>
      <c r="C645" s="14" t="s">
        <v>17</v>
      </c>
      <c r="D645" s="14" t="s">
        <v>18</v>
      </c>
      <c r="E645" s="15">
        <v>45656</v>
      </c>
      <c r="F645" s="14" t="s">
        <v>15</v>
      </c>
      <c r="G645" s="16">
        <v>0</v>
      </c>
    </row>
    <row r="646" spans="1:7" x14ac:dyDescent="0.3">
      <c r="A646" s="13" t="s">
        <v>16</v>
      </c>
      <c r="B646" s="14" t="s">
        <v>1</v>
      </c>
      <c r="C646" s="14" t="s">
        <v>17</v>
      </c>
      <c r="D646" s="14" t="s">
        <v>18</v>
      </c>
      <c r="E646" s="15">
        <v>45657</v>
      </c>
      <c r="F646" s="14" t="s">
        <v>15</v>
      </c>
      <c r="G646" s="16">
        <v>0</v>
      </c>
    </row>
    <row r="647" spans="1:7" x14ac:dyDescent="0.3">
      <c r="A647" s="13" t="s">
        <v>16</v>
      </c>
      <c r="B647" s="14" t="s">
        <v>1</v>
      </c>
      <c r="C647" s="14" t="s">
        <v>17</v>
      </c>
      <c r="D647" s="14" t="s">
        <v>18</v>
      </c>
      <c r="E647" s="15">
        <v>45658</v>
      </c>
      <c r="F647" s="14" t="s">
        <v>15</v>
      </c>
      <c r="G647" s="16">
        <v>0</v>
      </c>
    </row>
    <row r="648" spans="1:7" x14ac:dyDescent="0.3">
      <c r="A648" s="13" t="s">
        <v>16</v>
      </c>
      <c r="B648" s="14" t="s">
        <v>1</v>
      </c>
      <c r="C648" s="14" t="s">
        <v>17</v>
      </c>
      <c r="D648" s="14" t="s">
        <v>18</v>
      </c>
      <c r="E648" s="15">
        <v>45659</v>
      </c>
      <c r="F648" s="14" t="s">
        <v>15</v>
      </c>
      <c r="G648" s="16">
        <v>0</v>
      </c>
    </row>
    <row r="649" spans="1:7" x14ac:dyDescent="0.3">
      <c r="A649" s="13" t="s">
        <v>16</v>
      </c>
      <c r="B649" s="14" t="s">
        <v>1</v>
      </c>
      <c r="C649" s="14" t="s">
        <v>17</v>
      </c>
      <c r="D649" s="14" t="s">
        <v>18</v>
      </c>
      <c r="E649" s="15">
        <v>45660</v>
      </c>
      <c r="F649" s="14" t="s">
        <v>15</v>
      </c>
      <c r="G649" s="16">
        <v>0</v>
      </c>
    </row>
    <row r="650" spans="1:7" x14ac:dyDescent="0.3">
      <c r="A650" s="13" t="s">
        <v>16</v>
      </c>
      <c r="B650" s="14" t="s">
        <v>1</v>
      </c>
      <c r="C650" s="14" t="s">
        <v>17</v>
      </c>
      <c r="D650" s="14" t="s">
        <v>18</v>
      </c>
      <c r="E650" s="15">
        <v>45661</v>
      </c>
      <c r="F650" s="14" t="s">
        <v>15</v>
      </c>
      <c r="G650" s="16">
        <v>0</v>
      </c>
    </row>
    <row r="651" spans="1:7" x14ac:dyDescent="0.3">
      <c r="A651" s="13" t="s">
        <v>16</v>
      </c>
      <c r="B651" s="14" t="s">
        <v>1</v>
      </c>
      <c r="C651" s="14" t="s">
        <v>17</v>
      </c>
      <c r="D651" s="14" t="s">
        <v>18</v>
      </c>
      <c r="E651" s="15">
        <v>45662</v>
      </c>
      <c r="F651" s="14" t="s">
        <v>15</v>
      </c>
      <c r="G651" s="16">
        <v>0</v>
      </c>
    </row>
    <row r="652" spans="1:7" x14ac:dyDescent="0.3">
      <c r="A652" s="13" t="s">
        <v>16</v>
      </c>
      <c r="B652" s="14" t="s">
        <v>1</v>
      </c>
      <c r="C652" s="14" t="s">
        <v>17</v>
      </c>
      <c r="D652" s="14" t="s">
        <v>18</v>
      </c>
      <c r="E652" s="15">
        <v>45663</v>
      </c>
      <c r="F652" s="14" t="s">
        <v>15</v>
      </c>
      <c r="G652" s="16">
        <v>0</v>
      </c>
    </row>
    <row r="653" spans="1:7" x14ac:dyDescent="0.3">
      <c r="A653" s="13" t="s">
        <v>16</v>
      </c>
      <c r="B653" s="14" t="s">
        <v>1</v>
      </c>
      <c r="C653" s="14" t="s">
        <v>17</v>
      </c>
      <c r="D653" s="14" t="s">
        <v>18</v>
      </c>
      <c r="E653" s="15">
        <v>45664</v>
      </c>
      <c r="F653" s="14" t="s">
        <v>15</v>
      </c>
      <c r="G653" s="16">
        <v>0</v>
      </c>
    </row>
    <row r="654" spans="1:7" x14ac:dyDescent="0.3">
      <c r="A654" s="13" t="s">
        <v>16</v>
      </c>
      <c r="B654" s="14" t="s">
        <v>1</v>
      </c>
      <c r="C654" s="14" t="s">
        <v>17</v>
      </c>
      <c r="D654" s="14" t="s">
        <v>18</v>
      </c>
      <c r="E654" s="15">
        <v>45665</v>
      </c>
      <c r="F654" s="14" t="s">
        <v>15</v>
      </c>
      <c r="G654" s="16">
        <v>0</v>
      </c>
    </row>
    <row r="655" spans="1:7" x14ac:dyDescent="0.3">
      <c r="A655" s="13" t="s">
        <v>16</v>
      </c>
      <c r="B655" s="14" t="s">
        <v>1</v>
      </c>
      <c r="C655" s="14" t="s">
        <v>17</v>
      </c>
      <c r="D655" s="14" t="s">
        <v>18</v>
      </c>
      <c r="E655" s="15">
        <v>45666</v>
      </c>
      <c r="F655" s="14" t="s">
        <v>15</v>
      </c>
      <c r="G655" s="16">
        <v>0</v>
      </c>
    </row>
    <row r="656" spans="1:7" x14ac:dyDescent="0.3">
      <c r="A656" s="13" t="s">
        <v>16</v>
      </c>
      <c r="B656" s="14" t="s">
        <v>1</v>
      </c>
      <c r="C656" s="14" t="s">
        <v>17</v>
      </c>
      <c r="D656" s="14" t="s">
        <v>18</v>
      </c>
      <c r="E656" s="15">
        <v>45667</v>
      </c>
      <c r="F656" s="14" t="s">
        <v>15</v>
      </c>
      <c r="G656" s="16">
        <v>0</v>
      </c>
    </row>
    <row r="657" spans="1:7" x14ac:dyDescent="0.3">
      <c r="A657" s="13" t="s">
        <v>16</v>
      </c>
      <c r="B657" s="14" t="s">
        <v>1</v>
      </c>
      <c r="C657" s="14" t="s">
        <v>17</v>
      </c>
      <c r="D657" s="14" t="s">
        <v>18</v>
      </c>
      <c r="E657" s="15">
        <v>45668</v>
      </c>
      <c r="F657" s="14" t="s">
        <v>15</v>
      </c>
      <c r="G657" s="16">
        <v>0</v>
      </c>
    </row>
    <row r="658" spans="1:7" x14ac:dyDescent="0.3">
      <c r="A658" s="13" t="s">
        <v>16</v>
      </c>
      <c r="B658" s="14" t="s">
        <v>1</v>
      </c>
      <c r="C658" s="14" t="s">
        <v>17</v>
      </c>
      <c r="D658" s="14" t="s">
        <v>18</v>
      </c>
      <c r="E658" s="15">
        <v>45669</v>
      </c>
      <c r="F658" s="14" t="s">
        <v>15</v>
      </c>
      <c r="G658" s="16">
        <v>0</v>
      </c>
    </row>
    <row r="659" spans="1:7" x14ac:dyDescent="0.3">
      <c r="A659" s="13" t="s">
        <v>16</v>
      </c>
      <c r="B659" s="14" t="s">
        <v>1</v>
      </c>
      <c r="C659" s="14" t="s">
        <v>17</v>
      </c>
      <c r="D659" s="14" t="s">
        <v>18</v>
      </c>
      <c r="E659" s="15">
        <v>45670</v>
      </c>
      <c r="F659" s="14" t="s">
        <v>15</v>
      </c>
      <c r="G659" s="16">
        <v>0</v>
      </c>
    </row>
    <row r="660" spans="1:7" x14ac:dyDescent="0.3">
      <c r="A660" s="13" t="s">
        <v>16</v>
      </c>
      <c r="B660" s="14" t="s">
        <v>1</v>
      </c>
      <c r="C660" s="14" t="s">
        <v>17</v>
      </c>
      <c r="D660" s="14" t="s">
        <v>18</v>
      </c>
      <c r="E660" s="15">
        <v>45671</v>
      </c>
      <c r="F660" s="14" t="s">
        <v>15</v>
      </c>
      <c r="G660" s="16">
        <v>0</v>
      </c>
    </row>
    <row r="661" spans="1:7" x14ac:dyDescent="0.3">
      <c r="A661" s="13" t="s">
        <v>16</v>
      </c>
      <c r="B661" s="14" t="s">
        <v>1</v>
      </c>
      <c r="C661" s="14" t="s">
        <v>17</v>
      </c>
      <c r="D661" s="14" t="s">
        <v>18</v>
      </c>
      <c r="E661" s="15">
        <v>45672</v>
      </c>
      <c r="F661" s="14" t="s">
        <v>15</v>
      </c>
      <c r="G661" s="16">
        <v>0</v>
      </c>
    </row>
    <row r="662" spans="1:7" x14ac:dyDescent="0.3">
      <c r="A662" s="13" t="s">
        <v>16</v>
      </c>
      <c r="B662" s="14" t="s">
        <v>1</v>
      </c>
      <c r="C662" s="14" t="s">
        <v>17</v>
      </c>
      <c r="D662" s="14" t="s">
        <v>18</v>
      </c>
      <c r="E662" s="15">
        <v>45673</v>
      </c>
      <c r="F662" s="14" t="s">
        <v>15</v>
      </c>
      <c r="G662" s="16">
        <v>0</v>
      </c>
    </row>
    <row r="663" spans="1:7" x14ac:dyDescent="0.3">
      <c r="A663" s="13" t="s">
        <v>16</v>
      </c>
      <c r="B663" s="14" t="s">
        <v>1</v>
      </c>
      <c r="C663" s="14" t="s">
        <v>17</v>
      </c>
      <c r="D663" s="14" t="s">
        <v>18</v>
      </c>
      <c r="E663" s="15">
        <v>45674</v>
      </c>
      <c r="F663" s="14" t="s">
        <v>15</v>
      </c>
      <c r="G663" s="16">
        <v>0</v>
      </c>
    </row>
    <row r="664" spans="1:7" x14ac:dyDescent="0.3">
      <c r="A664" s="13" t="s">
        <v>16</v>
      </c>
      <c r="B664" s="14" t="s">
        <v>1</v>
      </c>
      <c r="C664" s="14" t="s">
        <v>17</v>
      </c>
      <c r="D664" s="14" t="s">
        <v>18</v>
      </c>
      <c r="E664" s="15">
        <v>45675</v>
      </c>
      <c r="F664" s="14" t="s">
        <v>15</v>
      </c>
      <c r="G664" s="16">
        <v>0</v>
      </c>
    </row>
    <row r="665" spans="1:7" x14ac:dyDescent="0.3">
      <c r="A665" s="13" t="s">
        <v>16</v>
      </c>
      <c r="B665" s="14" t="s">
        <v>1</v>
      </c>
      <c r="C665" s="14" t="s">
        <v>17</v>
      </c>
      <c r="D665" s="14" t="s">
        <v>18</v>
      </c>
      <c r="E665" s="15">
        <v>45676</v>
      </c>
      <c r="F665" s="14" t="s">
        <v>15</v>
      </c>
      <c r="G665" s="16">
        <v>0</v>
      </c>
    </row>
    <row r="666" spans="1:7" x14ac:dyDescent="0.3">
      <c r="A666" s="13" t="s">
        <v>16</v>
      </c>
      <c r="B666" s="14" t="s">
        <v>1</v>
      </c>
      <c r="C666" s="14" t="s">
        <v>17</v>
      </c>
      <c r="D666" s="14" t="s">
        <v>18</v>
      </c>
      <c r="E666" s="15">
        <v>45677</v>
      </c>
      <c r="F666" s="14" t="s">
        <v>15</v>
      </c>
      <c r="G666" s="16">
        <v>0</v>
      </c>
    </row>
    <row r="667" spans="1:7" x14ac:dyDescent="0.3">
      <c r="A667" s="13" t="s">
        <v>16</v>
      </c>
      <c r="B667" s="14" t="s">
        <v>1</v>
      </c>
      <c r="C667" s="14" t="s">
        <v>17</v>
      </c>
      <c r="D667" s="14" t="s">
        <v>18</v>
      </c>
      <c r="E667" s="15">
        <v>45678</v>
      </c>
      <c r="F667" s="14" t="s">
        <v>15</v>
      </c>
      <c r="G667" s="16">
        <v>0</v>
      </c>
    </row>
    <row r="668" spans="1:7" x14ac:dyDescent="0.3">
      <c r="A668" s="13" t="s">
        <v>16</v>
      </c>
      <c r="B668" s="14" t="s">
        <v>1</v>
      </c>
      <c r="C668" s="14" t="s">
        <v>17</v>
      </c>
      <c r="D668" s="14" t="s">
        <v>18</v>
      </c>
      <c r="E668" s="15">
        <v>45679</v>
      </c>
      <c r="F668" s="14" t="s">
        <v>15</v>
      </c>
      <c r="G668" s="16">
        <v>0</v>
      </c>
    </row>
    <row r="669" spans="1:7" x14ac:dyDescent="0.3">
      <c r="A669" s="13" t="s">
        <v>16</v>
      </c>
      <c r="B669" s="14" t="s">
        <v>1</v>
      </c>
      <c r="C669" s="14" t="s">
        <v>17</v>
      </c>
      <c r="D669" s="14" t="s">
        <v>18</v>
      </c>
      <c r="E669" s="15">
        <v>45680</v>
      </c>
      <c r="F669" s="14" t="s">
        <v>15</v>
      </c>
      <c r="G669" s="16">
        <v>0</v>
      </c>
    </row>
    <row r="670" spans="1:7" x14ac:dyDescent="0.3">
      <c r="A670" s="13" t="s">
        <v>16</v>
      </c>
      <c r="B670" s="14" t="s">
        <v>1</v>
      </c>
      <c r="C670" s="14" t="s">
        <v>17</v>
      </c>
      <c r="D670" s="14" t="s">
        <v>18</v>
      </c>
      <c r="E670" s="15">
        <v>45681</v>
      </c>
      <c r="F670" s="14" t="s">
        <v>15</v>
      </c>
      <c r="G670" s="16">
        <v>0</v>
      </c>
    </row>
    <row r="671" spans="1:7" x14ac:dyDescent="0.3">
      <c r="A671" s="13" t="s">
        <v>16</v>
      </c>
      <c r="B671" s="14" t="s">
        <v>1</v>
      </c>
      <c r="C671" s="14" t="s">
        <v>17</v>
      </c>
      <c r="D671" s="14" t="s">
        <v>18</v>
      </c>
      <c r="E671" s="15">
        <v>45682</v>
      </c>
      <c r="F671" s="14" t="s">
        <v>15</v>
      </c>
      <c r="G671" s="16">
        <v>0</v>
      </c>
    </row>
    <row r="672" spans="1:7" x14ac:dyDescent="0.3">
      <c r="A672" s="13" t="s">
        <v>16</v>
      </c>
      <c r="B672" s="14" t="s">
        <v>1</v>
      </c>
      <c r="C672" s="14" t="s">
        <v>17</v>
      </c>
      <c r="D672" s="14" t="s">
        <v>18</v>
      </c>
      <c r="E672" s="15">
        <v>45683</v>
      </c>
      <c r="F672" s="14" t="s">
        <v>15</v>
      </c>
      <c r="G672" s="16">
        <v>0</v>
      </c>
    </row>
    <row r="673" spans="1:7" x14ac:dyDescent="0.3">
      <c r="A673" s="13" t="s">
        <v>16</v>
      </c>
      <c r="B673" s="14" t="s">
        <v>1</v>
      </c>
      <c r="C673" s="14" t="s">
        <v>17</v>
      </c>
      <c r="D673" s="14" t="s">
        <v>18</v>
      </c>
      <c r="E673" s="15">
        <v>45684</v>
      </c>
      <c r="F673" s="14" t="s">
        <v>15</v>
      </c>
      <c r="G673" s="16">
        <v>0</v>
      </c>
    </row>
    <row r="674" spans="1:7" x14ac:dyDescent="0.3">
      <c r="A674" s="13" t="s">
        <v>16</v>
      </c>
      <c r="B674" s="14" t="s">
        <v>1</v>
      </c>
      <c r="C674" s="14" t="s">
        <v>17</v>
      </c>
      <c r="D674" s="14" t="s">
        <v>18</v>
      </c>
      <c r="E674" s="15">
        <v>45685</v>
      </c>
      <c r="F674" s="14" t="s">
        <v>15</v>
      </c>
      <c r="G674" s="16">
        <v>0</v>
      </c>
    </row>
    <row r="675" spans="1:7" x14ac:dyDescent="0.3">
      <c r="A675" s="13" t="s">
        <v>16</v>
      </c>
      <c r="B675" s="14" t="s">
        <v>1</v>
      </c>
      <c r="C675" s="14" t="s">
        <v>17</v>
      </c>
      <c r="D675" s="14" t="s">
        <v>18</v>
      </c>
      <c r="E675" s="15">
        <v>45686</v>
      </c>
      <c r="F675" s="14" t="s">
        <v>15</v>
      </c>
      <c r="G675" s="16">
        <v>0</v>
      </c>
    </row>
    <row r="676" spans="1:7" x14ac:dyDescent="0.3">
      <c r="A676" s="13" t="s">
        <v>16</v>
      </c>
      <c r="B676" s="14" t="s">
        <v>1</v>
      </c>
      <c r="C676" s="14" t="s">
        <v>17</v>
      </c>
      <c r="D676" s="14" t="s">
        <v>18</v>
      </c>
      <c r="E676" s="15">
        <v>45687</v>
      </c>
      <c r="F676" s="14" t="s">
        <v>15</v>
      </c>
      <c r="G676" s="16">
        <v>0</v>
      </c>
    </row>
    <row r="677" spans="1:7" x14ac:dyDescent="0.3">
      <c r="A677" s="13" t="s">
        <v>16</v>
      </c>
      <c r="B677" s="14" t="s">
        <v>1</v>
      </c>
      <c r="C677" s="14" t="s">
        <v>17</v>
      </c>
      <c r="D677" s="14" t="s">
        <v>18</v>
      </c>
      <c r="E677" s="15">
        <v>45688</v>
      </c>
      <c r="F677" s="14" t="s">
        <v>15</v>
      </c>
      <c r="G677" s="16">
        <v>0</v>
      </c>
    </row>
    <row r="678" spans="1:7" x14ac:dyDescent="0.3">
      <c r="A678" s="13" t="s">
        <v>16</v>
      </c>
      <c r="B678" s="14" t="s">
        <v>1</v>
      </c>
      <c r="C678" s="14" t="s">
        <v>17</v>
      </c>
      <c r="D678" s="14" t="s">
        <v>18</v>
      </c>
      <c r="E678" s="15">
        <v>45689</v>
      </c>
      <c r="F678" s="14" t="s">
        <v>15</v>
      </c>
      <c r="G678" s="16">
        <v>0</v>
      </c>
    </row>
    <row r="679" spans="1:7" x14ac:dyDescent="0.3">
      <c r="A679" s="13" t="s">
        <v>16</v>
      </c>
      <c r="B679" s="14" t="s">
        <v>1</v>
      </c>
      <c r="C679" s="14" t="s">
        <v>17</v>
      </c>
      <c r="D679" s="14" t="s">
        <v>18</v>
      </c>
      <c r="E679" s="15">
        <v>45690</v>
      </c>
      <c r="F679" s="14" t="s">
        <v>15</v>
      </c>
      <c r="G679" s="16">
        <v>0</v>
      </c>
    </row>
    <row r="680" spans="1:7" x14ac:dyDescent="0.3">
      <c r="A680" s="13" t="s">
        <v>16</v>
      </c>
      <c r="B680" s="14" t="s">
        <v>1</v>
      </c>
      <c r="C680" s="14" t="s">
        <v>17</v>
      </c>
      <c r="D680" s="14" t="s">
        <v>18</v>
      </c>
      <c r="E680" s="15">
        <v>45691</v>
      </c>
      <c r="F680" s="14" t="s">
        <v>15</v>
      </c>
      <c r="G680" s="16">
        <v>0</v>
      </c>
    </row>
    <row r="681" spans="1:7" x14ac:dyDescent="0.3">
      <c r="A681" s="13" t="s">
        <v>16</v>
      </c>
      <c r="B681" s="14" t="s">
        <v>1</v>
      </c>
      <c r="C681" s="14" t="s">
        <v>17</v>
      </c>
      <c r="D681" s="14" t="s">
        <v>18</v>
      </c>
      <c r="E681" s="15">
        <v>45692</v>
      </c>
      <c r="F681" s="14" t="s">
        <v>15</v>
      </c>
      <c r="G681" s="16">
        <v>0</v>
      </c>
    </row>
    <row r="682" spans="1:7" x14ac:dyDescent="0.3">
      <c r="A682" s="13" t="s">
        <v>16</v>
      </c>
      <c r="B682" s="14" t="s">
        <v>1</v>
      </c>
      <c r="C682" s="14" t="s">
        <v>17</v>
      </c>
      <c r="D682" s="14" t="s">
        <v>18</v>
      </c>
      <c r="E682" s="15">
        <v>45693</v>
      </c>
      <c r="F682" s="14" t="s">
        <v>15</v>
      </c>
      <c r="G682" s="16">
        <v>0</v>
      </c>
    </row>
    <row r="683" spans="1:7" x14ac:dyDescent="0.3">
      <c r="A683" s="13" t="s">
        <v>16</v>
      </c>
      <c r="B683" s="14" t="s">
        <v>1</v>
      </c>
      <c r="C683" s="14" t="s">
        <v>17</v>
      </c>
      <c r="D683" s="14" t="s">
        <v>18</v>
      </c>
      <c r="E683" s="15">
        <v>45694</v>
      </c>
      <c r="F683" s="14" t="s">
        <v>15</v>
      </c>
      <c r="G683" s="16">
        <v>0</v>
      </c>
    </row>
    <row r="684" spans="1:7" x14ac:dyDescent="0.3">
      <c r="A684" s="13" t="s">
        <v>16</v>
      </c>
      <c r="B684" s="14" t="s">
        <v>1</v>
      </c>
      <c r="C684" s="14" t="s">
        <v>17</v>
      </c>
      <c r="D684" s="14" t="s">
        <v>18</v>
      </c>
      <c r="E684" s="15">
        <v>45695</v>
      </c>
      <c r="F684" s="14" t="s">
        <v>15</v>
      </c>
      <c r="G684" s="16">
        <v>0</v>
      </c>
    </row>
    <row r="685" spans="1:7" x14ac:dyDescent="0.3">
      <c r="A685" s="13" t="s">
        <v>16</v>
      </c>
      <c r="B685" s="14" t="s">
        <v>1</v>
      </c>
      <c r="C685" s="14" t="s">
        <v>17</v>
      </c>
      <c r="D685" s="14" t="s">
        <v>18</v>
      </c>
      <c r="E685" s="15">
        <v>45696</v>
      </c>
      <c r="F685" s="14" t="s">
        <v>15</v>
      </c>
      <c r="G685" s="16">
        <v>0</v>
      </c>
    </row>
    <row r="686" spans="1:7" x14ac:dyDescent="0.3">
      <c r="A686" s="13" t="s">
        <v>16</v>
      </c>
      <c r="B686" s="14" t="s">
        <v>1</v>
      </c>
      <c r="C686" s="14" t="s">
        <v>17</v>
      </c>
      <c r="D686" s="14" t="s">
        <v>18</v>
      </c>
      <c r="E686" s="15">
        <v>45697</v>
      </c>
      <c r="F686" s="14" t="s">
        <v>15</v>
      </c>
      <c r="G686" s="16">
        <v>0</v>
      </c>
    </row>
    <row r="687" spans="1:7" x14ac:dyDescent="0.3">
      <c r="A687" s="13" t="s">
        <v>16</v>
      </c>
      <c r="B687" s="14" t="s">
        <v>1</v>
      </c>
      <c r="C687" s="14" t="s">
        <v>17</v>
      </c>
      <c r="D687" s="14" t="s">
        <v>18</v>
      </c>
      <c r="E687" s="15">
        <v>45698</v>
      </c>
      <c r="F687" s="14" t="s">
        <v>15</v>
      </c>
      <c r="G687" s="16">
        <v>0</v>
      </c>
    </row>
    <row r="688" spans="1:7" x14ac:dyDescent="0.3">
      <c r="A688" s="13" t="s">
        <v>16</v>
      </c>
      <c r="B688" s="14" t="s">
        <v>1</v>
      </c>
      <c r="C688" s="14" t="s">
        <v>17</v>
      </c>
      <c r="D688" s="14" t="s">
        <v>18</v>
      </c>
      <c r="E688" s="15">
        <v>45699</v>
      </c>
      <c r="F688" s="14" t="s">
        <v>15</v>
      </c>
      <c r="G688" s="16">
        <v>0</v>
      </c>
    </row>
    <row r="689" spans="1:7" x14ac:dyDescent="0.3">
      <c r="A689" s="13" t="s">
        <v>16</v>
      </c>
      <c r="B689" s="14" t="s">
        <v>1</v>
      </c>
      <c r="C689" s="14" t="s">
        <v>17</v>
      </c>
      <c r="D689" s="14" t="s">
        <v>18</v>
      </c>
      <c r="E689" s="15">
        <v>45700</v>
      </c>
      <c r="F689" s="14" t="s">
        <v>15</v>
      </c>
      <c r="G689" s="16">
        <v>0</v>
      </c>
    </row>
    <row r="690" spans="1:7" x14ac:dyDescent="0.3">
      <c r="A690" s="13" t="s">
        <v>16</v>
      </c>
      <c r="B690" s="14" t="s">
        <v>1</v>
      </c>
      <c r="C690" s="14" t="s">
        <v>17</v>
      </c>
      <c r="D690" s="14" t="s">
        <v>18</v>
      </c>
      <c r="E690" s="15">
        <v>45701</v>
      </c>
      <c r="F690" s="14" t="s">
        <v>15</v>
      </c>
      <c r="G690" s="16">
        <v>0</v>
      </c>
    </row>
    <row r="691" spans="1:7" x14ac:dyDescent="0.3">
      <c r="A691" s="13" t="s">
        <v>16</v>
      </c>
      <c r="B691" s="14" t="s">
        <v>1</v>
      </c>
      <c r="C691" s="14" t="s">
        <v>17</v>
      </c>
      <c r="D691" s="14" t="s">
        <v>18</v>
      </c>
      <c r="E691" s="15">
        <v>45702</v>
      </c>
      <c r="F691" s="14" t="s">
        <v>15</v>
      </c>
      <c r="G691" s="16">
        <v>0</v>
      </c>
    </row>
    <row r="692" spans="1:7" x14ac:dyDescent="0.3">
      <c r="A692" s="13" t="s">
        <v>16</v>
      </c>
      <c r="B692" s="14" t="s">
        <v>1</v>
      </c>
      <c r="C692" s="14" t="s">
        <v>17</v>
      </c>
      <c r="D692" s="14" t="s">
        <v>18</v>
      </c>
      <c r="E692" s="15">
        <v>45703</v>
      </c>
      <c r="F692" s="14" t="s">
        <v>15</v>
      </c>
      <c r="G692" s="16">
        <v>0</v>
      </c>
    </row>
    <row r="693" spans="1:7" x14ac:dyDescent="0.3">
      <c r="A693" s="13" t="s">
        <v>16</v>
      </c>
      <c r="B693" s="14" t="s">
        <v>1</v>
      </c>
      <c r="C693" s="14" t="s">
        <v>17</v>
      </c>
      <c r="D693" s="14" t="s">
        <v>18</v>
      </c>
      <c r="E693" s="15">
        <v>45704</v>
      </c>
      <c r="F693" s="14" t="s">
        <v>15</v>
      </c>
      <c r="G693" s="16">
        <v>0</v>
      </c>
    </row>
    <row r="694" spans="1:7" x14ac:dyDescent="0.3">
      <c r="A694" s="13" t="s">
        <v>16</v>
      </c>
      <c r="B694" s="14" t="s">
        <v>1</v>
      </c>
      <c r="C694" s="14" t="s">
        <v>17</v>
      </c>
      <c r="D694" s="14" t="s">
        <v>18</v>
      </c>
      <c r="E694" s="15">
        <v>45705</v>
      </c>
      <c r="F694" s="14" t="s">
        <v>15</v>
      </c>
      <c r="G694" s="16">
        <v>0</v>
      </c>
    </row>
    <row r="695" spans="1:7" x14ac:dyDescent="0.3">
      <c r="A695" s="13" t="s">
        <v>16</v>
      </c>
      <c r="B695" s="14" t="s">
        <v>1</v>
      </c>
      <c r="C695" s="14" t="s">
        <v>17</v>
      </c>
      <c r="D695" s="14" t="s">
        <v>18</v>
      </c>
      <c r="E695" s="15">
        <v>45706</v>
      </c>
      <c r="F695" s="14" t="s">
        <v>15</v>
      </c>
      <c r="G695" s="16">
        <v>0</v>
      </c>
    </row>
    <row r="696" spans="1:7" x14ac:dyDescent="0.3">
      <c r="A696" s="13" t="s">
        <v>16</v>
      </c>
      <c r="B696" s="14" t="s">
        <v>1</v>
      </c>
      <c r="C696" s="14" t="s">
        <v>17</v>
      </c>
      <c r="D696" s="14" t="s">
        <v>18</v>
      </c>
      <c r="E696" s="15">
        <v>45707</v>
      </c>
      <c r="F696" s="14" t="s">
        <v>15</v>
      </c>
      <c r="G696" s="16">
        <v>0</v>
      </c>
    </row>
    <row r="697" spans="1:7" x14ac:dyDescent="0.3">
      <c r="A697" s="13" t="s">
        <v>16</v>
      </c>
      <c r="B697" s="14" t="s">
        <v>1</v>
      </c>
      <c r="C697" s="14" t="s">
        <v>17</v>
      </c>
      <c r="D697" s="14" t="s">
        <v>18</v>
      </c>
      <c r="E697" s="15">
        <v>45708</v>
      </c>
      <c r="F697" s="14" t="s">
        <v>15</v>
      </c>
      <c r="G697" s="16">
        <v>0</v>
      </c>
    </row>
    <row r="698" spans="1:7" x14ac:dyDescent="0.3">
      <c r="A698" s="13" t="s">
        <v>16</v>
      </c>
      <c r="B698" s="14" t="s">
        <v>1</v>
      </c>
      <c r="C698" s="14" t="s">
        <v>17</v>
      </c>
      <c r="D698" s="14" t="s">
        <v>18</v>
      </c>
      <c r="E698" s="15">
        <v>45709</v>
      </c>
      <c r="F698" s="14" t="s">
        <v>15</v>
      </c>
      <c r="G698" s="16">
        <v>0</v>
      </c>
    </row>
    <row r="699" spans="1:7" x14ac:dyDescent="0.3">
      <c r="A699" s="13" t="s">
        <v>16</v>
      </c>
      <c r="B699" s="14" t="s">
        <v>1</v>
      </c>
      <c r="C699" s="14" t="s">
        <v>17</v>
      </c>
      <c r="D699" s="14" t="s">
        <v>18</v>
      </c>
      <c r="E699" s="15">
        <v>45710</v>
      </c>
      <c r="F699" s="14" t="s">
        <v>15</v>
      </c>
      <c r="G699" s="16">
        <v>0</v>
      </c>
    </row>
    <row r="700" spans="1:7" x14ac:dyDescent="0.3">
      <c r="A700" s="13" t="s">
        <v>16</v>
      </c>
      <c r="B700" s="14" t="s">
        <v>1</v>
      </c>
      <c r="C700" s="14" t="s">
        <v>17</v>
      </c>
      <c r="D700" s="14" t="s">
        <v>18</v>
      </c>
      <c r="E700" s="15">
        <v>45711</v>
      </c>
      <c r="F700" s="14" t="s">
        <v>15</v>
      </c>
      <c r="G700" s="16">
        <v>0</v>
      </c>
    </row>
    <row r="701" spans="1:7" x14ac:dyDescent="0.3">
      <c r="A701" s="13" t="s">
        <v>16</v>
      </c>
      <c r="B701" s="14" t="s">
        <v>1</v>
      </c>
      <c r="C701" s="14" t="s">
        <v>17</v>
      </c>
      <c r="D701" s="14" t="s">
        <v>18</v>
      </c>
      <c r="E701" s="15">
        <v>45712</v>
      </c>
      <c r="F701" s="14" t="s">
        <v>15</v>
      </c>
      <c r="G701" s="16">
        <v>0</v>
      </c>
    </row>
    <row r="702" spans="1:7" x14ac:dyDescent="0.3">
      <c r="A702" s="13" t="s">
        <v>16</v>
      </c>
      <c r="B702" s="14" t="s">
        <v>1</v>
      </c>
      <c r="C702" s="14" t="s">
        <v>17</v>
      </c>
      <c r="D702" s="14" t="s">
        <v>18</v>
      </c>
      <c r="E702" s="15">
        <v>45713</v>
      </c>
      <c r="F702" s="14" t="s">
        <v>15</v>
      </c>
      <c r="G702" s="16">
        <v>0</v>
      </c>
    </row>
    <row r="703" spans="1:7" x14ac:dyDescent="0.3">
      <c r="A703" s="13" t="s">
        <v>16</v>
      </c>
      <c r="B703" s="14" t="s">
        <v>1</v>
      </c>
      <c r="C703" s="14" t="s">
        <v>17</v>
      </c>
      <c r="D703" s="14" t="s">
        <v>18</v>
      </c>
      <c r="E703" s="15">
        <v>45714</v>
      </c>
      <c r="F703" s="14" t="s">
        <v>15</v>
      </c>
      <c r="G703" s="16">
        <v>0</v>
      </c>
    </row>
    <row r="704" spans="1:7" x14ac:dyDescent="0.3">
      <c r="A704" s="13" t="s">
        <v>16</v>
      </c>
      <c r="B704" s="14" t="s">
        <v>1</v>
      </c>
      <c r="C704" s="14" t="s">
        <v>17</v>
      </c>
      <c r="D704" s="14" t="s">
        <v>18</v>
      </c>
      <c r="E704" s="15">
        <v>45715</v>
      </c>
      <c r="F704" s="14" t="s">
        <v>15</v>
      </c>
      <c r="G704" s="16">
        <v>0</v>
      </c>
    </row>
    <row r="705" spans="1:7" x14ac:dyDescent="0.3">
      <c r="A705" s="13" t="s">
        <v>16</v>
      </c>
      <c r="B705" s="14" t="s">
        <v>1</v>
      </c>
      <c r="C705" s="14" t="s">
        <v>17</v>
      </c>
      <c r="D705" s="14" t="s">
        <v>18</v>
      </c>
      <c r="E705" s="15">
        <v>45716</v>
      </c>
      <c r="F705" s="14" t="s">
        <v>15</v>
      </c>
      <c r="G705" s="16">
        <v>0</v>
      </c>
    </row>
    <row r="706" spans="1:7" x14ac:dyDescent="0.3">
      <c r="A706" s="13" t="s">
        <v>16</v>
      </c>
      <c r="B706" s="14" t="s">
        <v>1</v>
      </c>
      <c r="C706" s="14" t="s">
        <v>17</v>
      </c>
      <c r="D706" s="14" t="s">
        <v>18</v>
      </c>
      <c r="E706" s="15">
        <v>45717</v>
      </c>
      <c r="F706" s="14" t="s">
        <v>15</v>
      </c>
      <c r="G706" s="16">
        <v>0</v>
      </c>
    </row>
    <row r="707" spans="1:7" x14ac:dyDescent="0.3">
      <c r="A707" s="13" t="s">
        <v>16</v>
      </c>
      <c r="B707" s="14" t="s">
        <v>1</v>
      </c>
      <c r="C707" s="14" t="s">
        <v>17</v>
      </c>
      <c r="D707" s="14" t="s">
        <v>18</v>
      </c>
      <c r="E707" s="15">
        <v>45718</v>
      </c>
      <c r="F707" s="14" t="s">
        <v>15</v>
      </c>
      <c r="G707" s="16">
        <v>0</v>
      </c>
    </row>
    <row r="708" spans="1:7" x14ac:dyDescent="0.3">
      <c r="A708" s="13" t="s">
        <v>16</v>
      </c>
      <c r="B708" s="14" t="s">
        <v>1</v>
      </c>
      <c r="C708" s="14" t="s">
        <v>17</v>
      </c>
      <c r="D708" s="14" t="s">
        <v>18</v>
      </c>
      <c r="E708" s="15">
        <v>45719</v>
      </c>
      <c r="F708" s="14" t="s">
        <v>15</v>
      </c>
      <c r="G708" s="16">
        <v>0</v>
      </c>
    </row>
    <row r="709" spans="1:7" x14ac:dyDescent="0.3">
      <c r="A709" s="13" t="s">
        <v>16</v>
      </c>
      <c r="B709" s="14" t="s">
        <v>1</v>
      </c>
      <c r="C709" s="14" t="s">
        <v>17</v>
      </c>
      <c r="D709" s="14" t="s">
        <v>18</v>
      </c>
      <c r="E709" s="15">
        <v>45720</v>
      </c>
      <c r="F709" s="14" t="s">
        <v>15</v>
      </c>
      <c r="G709" s="16">
        <v>0</v>
      </c>
    </row>
    <row r="710" spans="1:7" x14ac:dyDescent="0.3">
      <c r="A710" s="13" t="s">
        <v>16</v>
      </c>
      <c r="B710" s="14" t="s">
        <v>1</v>
      </c>
      <c r="C710" s="14" t="s">
        <v>17</v>
      </c>
      <c r="D710" s="14" t="s">
        <v>18</v>
      </c>
      <c r="E710" s="15">
        <v>45721</v>
      </c>
      <c r="F710" s="14" t="s">
        <v>15</v>
      </c>
      <c r="G710" s="16">
        <v>0</v>
      </c>
    </row>
    <row r="711" spans="1:7" x14ac:dyDescent="0.3">
      <c r="A711" s="13" t="s">
        <v>16</v>
      </c>
      <c r="B711" s="14" t="s">
        <v>1</v>
      </c>
      <c r="C711" s="14" t="s">
        <v>17</v>
      </c>
      <c r="D711" s="14" t="s">
        <v>18</v>
      </c>
      <c r="E711" s="15">
        <v>45722</v>
      </c>
      <c r="F711" s="14" t="s">
        <v>15</v>
      </c>
      <c r="G711" s="16">
        <v>0</v>
      </c>
    </row>
    <row r="712" spans="1:7" x14ac:dyDescent="0.3">
      <c r="A712" s="13" t="s">
        <v>16</v>
      </c>
      <c r="B712" s="14" t="s">
        <v>1</v>
      </c>
      <c r="C712" s="14" t="s">
        <v>17</v>
      </c>
      <c r="D712" s="14" t="s">
        <v>18</v>
      </c>
      <c r="E712" s="15">
        <v>45723</v>
      </c>
      <c r="F712" s="14" t="s">
        <v>15</v>
      </c>
      <c r="G712" s="16">
        <v>0</v>
      </c>
    </row>
    <row r="713" spans="1:7" x14ac:dyDescent="0.3">
      <c r="A713" s="13" t="s">
        <v>16</v>
      </c>
      <c r="B713" s="14" t="s">
        <v>1</v>
      </c>
      <c r="C713" s="14" t="s">
        <v>17</v>
      </c>
      <c r="D713" s="14" t="s">
        <v>18</v>
      </c>
      <c r="E713" s="15">
        <v>45724</v>
      </c>
      <c r="F713" s="14" t="s">
        <v>15</v>
      </c>
      <c r="G713" s="16">
        <v>0</v>
      </c>
    </row>
    <row r="714" spans="1:7" x14ac:dyDescent="0.3">
      <c r="A714" s="13" t="s">
        <v>16</v>
      </c>
      <c r="B714" s="14" t="s">
        <v>1</v>
      </c>
      <c r="C714" s="14" t="s">
        <v>17</v>
      </c>
      <c r="D714" s="14" t="s">
        <v>18</v>
      </c>
      <c r="E714" s="15">
        <v>45725</v>
      </c>
      <c r="F714" s="14" t="s">
        <v>15</v>
      </c>
      <c r="G714" s="16">
        <v>0</v>
      </c>
    </row>
    <row r="715" spans="1:7" x14ac:dyDescent="0.3">
      <c r="A715" s="13" t="s">
        <v>16</v>
      </c>
      <c r="B715" s="14" t="s">
        <v>1</v>
      </c>
      <c r="C715" s="14" t="s">
        <v>17</v>
      </c>
      <c r="D715" s="14" t="s">
        <v>18</v>
      </c>
      <c r="E715" s="15">
        <v>45726</v>
      </c>
      <c r="F715" s="14" t="s">
        <v>15</v>
      </c>
      <c r="G715" s="16">
        <v>0</v>
      </c>
    </row>
    <row r="716" spans="1:7" x14ac:dyDescent="0.3">
      <c r="A716" s="13" t="s">
        <v>16</v>
      </c>
      <c r="B716" s="14" t="s">
        <v>1</v>
      </c>
      <c r="C716" s="14" t="s">
        <v>17</v>
      </c>
      <c r="D716" s="14" t="s">
        <v>18</v>
      </c>
      <c r="E716" s="15">
        <v>45727</v>
      </c>
      <c r="F716" s="14" t="s">
        <v>15</v>
      </c>
      <c r="G716" s="16">
        <v>0</v>
      </c>
    </row>
    <row r="717" spans="1:7" x14ac:dyDescent="0.3">
      <c r="A717" s="13" t="s">
        <v>16</v>
      </c>
      <c r="B717" s="14" t="s">
        <v>1</v>
      </c>
      <c r="C717" s="14" t="s">
        <v>17</v>
      </c>
      <c r="D717" s="14" t="s">
        <v>18</v>
      </c>
      <c r="E717" s="15">
        <v>45728</v>
      </c>
      <c r="F717" s="14" t="s">
        <v>15</v>
      </c>
      <c r="G717" s="16">
        <v>0</v>
      </c>
    </row>
    <row r="718" spans="1:7" x14ac:dyDescent="0.3">
      <c r="A718" s="13" t="s">
        <v>16</v>
      </c>
      <c r="B718" s="14" t="s">
        <v>1</v>
      </c>
      <c r="C718" s="14" t="s">
        <v>17</v>
      </c>
      <c r="D718" s="14" t="s">
        <v>18</v>
      </c>
      <c r="E718" s="15">
        <v>45729</v>
      </c>
      <c r="F718" s="14" t="s">
        <v>15</v>
      </c>
      <c r="G718" s="16">
        <v>0</v>
      </c>
    </row>
    <row r="719" spans="1:7" x14ac:dyDescent="0.3">
      <c r="A719" s="13" t="s">
        <v>16</v>
      </c>
      <c r="B719" s="14" t="s">
        <v>1</v>
      </c>
      <c r="C719" s="14" t="s">
        <v>17</v>
      </c>
      <c r="D719" s="14" t="s">
        <v>18</v>
      </c>
      <c r="E719" s="15">
        <v>45730</v>
      </c>
      <c r="F719" s="14" t="s">
        <v>15</v>
      </c>
      <c r="G719" s="16">
        <v>0</v>
      </c>
    </row>
    <row r="720" spans="1:7" x14ac:dyDescent="0.3">
      <c r="A720" s="13" t="s">
        <v>16</v>
      </c>
      <c r="B720" s="14" t="s">
        <v>1</v>
      </c>
      <c r="C720" s="14" t="s">
        <v>17</v>
      </c>
      <c r="D720" s="14" t="s">
        <v>18</v>
      </c>
      <c r="E720" s="15">
        <v>45731</v>
      </c>
      <c r="F720" s="14" t="s">
        <v>15</v>
      </c>
      <c r="G720" s="16">
        <v>0</v>
      </c>
    </row>
    <row r="721" spans="1:7" x14ac:dyDescent="0.3">
      <c r="A721" s="13" t="s">
        <v>16</v>
      </c>
      <c r="B721" s="14" t="s">
        <v>1</v>
      </c>
      <c r="C721" s="14" t="s">
        <v>17</v>
      </c>
      <c r="D721" s="14" t="s">
        <v>18</v>
      </c>
      <c r="E721" s="15">
        <v>45732</v>
      </c>
      <c r="F721" s="14" t="s">
        <v>15</v>
      </c>
      <c r="G721" s="16">
        <v>0</v>
      </c>
    </row>
    <row r="722" spans="1:7" x14ac:dyDescent="0.3">
      <c r="A722" s="13" t="s">
        <v>16</v>
      </c>
      <c r="B722" s="14" t="s">
        <v>1</v>
      </c>
      <c r="C722" s="14" t="s">
        <v>17</v>
      </c>
      <c r="D722" s="14" t="s">
        <v>18</v>
      </c>
      <c r="E722" s="15">
        <v>45733</v>
      </c>
      <c r="F722" s="14" t="s">
        <v>15</v>
      </c>
      <c r="G722" s="16">
        <v>0</v>
      </c>
    </row>
    <row r="723" spans="1:7" x14ac:dyDescent="0.3">
      <c r="A723" s="13" t="s">
        <v>16</v>
      </c>
      <c r="B723" s="14" t="s">
        <v>1</v>
      </c>
      <c r="C723" s="14" t="s">
        <v>17</v>
      </c>
      <c r="D723" s="14" t="s">
        <v>18</v>
      </c>
      <c r="E723" s="15">
        <v>45734</v>
      </c>
      <c r="F723" s="14" t="s">
        <v>15</v>
      </c>
      <c r="G723" s="16">
        <v>0</v>
      </c>
    </row>
    <row r="724" spans="1:7" x14ac:dyDescent="0.3">
      <c r="A724" s="13" t="s">
        <v>16</v>
      </c>
      <c r="B724" s="14" t="s">
        <v>1</v>
      </c>
      <c r="C724" s="14" t="s">
        <v>17</v>
      </c>
      <c r="D724" s="14" t="s">
        <v>18</v>
      </c>
      <c r="E724" s="15">
        <v>45735</v>
      </c>
      <c r="F724" s="14" t="s">
        <v>15</v>
      </c>
      <c r="G724" s="16">
        <v>0</v>
      </c>
    </row>
    <row r="725" spans="1:7" x14ac:dyDescent="0.3">
      <c r="A725" s="13" t="s">
        <v>16</v>
      </c>
      <c r="B725" s="14" t="s">
        <v>1</v>
      </c>
      <c r="C725" s="14" t="s">
        <v>17</v>
      </c>
      <c r="D725" s="14" t="s">
        <v>18</v>
      </c>
      <c r="E725" s="15">
        <v>45736</v>
      </c>
      <c r="F725" s="14" t="s">
        <v>15</v>
      </c>
      <c r="G725" s="16">
        <v>0</v>
      </c>
    </row>
    <row r="726" spans="1:7" x14ac:dyDescent="0.3">
      <c r="A726" s="13" t="s">
        <v>16</v>
      </c>
      <c r="B726" s="14" t="s">
        <v>1</v>
      </c>
      <c r="C726" s="14" t="s">
        <v>17</v>
      </c>
      <c r="D726" s="14" t="s">
        <v>18</v>
      </c>
      <c r="E726" s="15">
        <v>45737</v>
      </c>
      <c r="F726" s="14" t="s">
        <v>15</v>
      </c>
      <c r="G726" s="16">
        <v>0</v>
      </c>
    </row>
    <row r="727" spans="1:7" x14ac:dyDescent="0.3">
      <c r="A727" s="13" t="s">
        <v>16</v>
      </c>
      <c r="B727" s="14" t="s">
        <v>1</v>
      </c>
      <c r="C727" s="14" t="s">
        <v>17</v>
      </c>
      <c r="D727" s="14" t="s">
        <v>18</v>
      </c>
      <c r="E727" s="15">
        <v>45738</v>
      </c>
      <c r="F727" s="14" t="s">
        <v>15</v>
      </c>
      <c r="G727" s="16">
        <v>0</v>
      </c>
    </row>
    <row r="728" spans="1:7" x14ac:dyDescent="0.3">
      <c r="A728" s="13" t="s">
        <v>16</v>
      </c>
      <c r="B728" s="14" t="s">
        <v>1</v>
      </c>
      <c r="C728" s="14" t="s">
        <v>17</v>
      </c>
      <c r="D728" s="14" t="s">
        <v>18</v>
      </c>
      <c r="E728" s="15">
        <v>45739</v>
      </c>
      <c r="F728" s="14" t="s">
        <v>15</v>
      </c>
      <c r="G728" s="16">
        <v>0</v>
      </c>
    </row>
    <row r="729" spans="1:7" x14ac:dyDescent="0.3">
      <c r="A729" s="13" t="s">
        <v>16</v>
      </c>
      <c r="B729" s="14" t="s">
        <v>1</v>
      </c>
      <c r="C729" s="14" t="s">
        <v>17</v>
      </c>
      <c r="D729" s="14" t="s">
        <v>18</v>
      </c>
      <c r="E729" s="15">
        <v>45740</v>
      </c>
      <c r="F729" s="14" t="s">
        <v>15</v>
      </c>
      <c r="G729" s="16">
        <v>0</v>
      </c>
    </row>
    <row r="730" spans="1:7" x14ac:dyDescent="0.3">
      <c r="A730" s="13" t="s">
        <v>16</v>
      </c>
      <c r="B730" s="14" t="s">
        <v>1</v>
      </c>
      <c r="C730" s="14" t="s">
        <v>17</v>
      </c>
      <c r="D730" s="14" t="s">
        <v>18</v>
      </c>
      <c r="E730" s="15">
        <v>45741</v>
      </c>
      <c r="F730" s="14" t="s">
        <v>15</v>
      </c>
      <c r="G730" s="16">
        <v>0</v>
      </c>
    </row>
    <row r="731" spans="1:7" x14ac:dyDescent="0.3">
      <c r="A731" s="13" t="s">
        <v>16</v>
      </c>
      <c r="B731" s="14" t="s">
        <v>1</v>
      </c>
      <c r="C731" s="14" t="s">
        <v>17</v>
      </c>
      <c r="D731" s="14" t="s">
        <v>18</v>
      </c>
      <c r="E731" s="15">
        <v>45742</v>
      </c>
      <c r="F731" s="14" t="s">
        <v>15</v>
      </c>
      <c r="G731" s="16">
        <v>0</v>
      </c>
    </row>
    <row r="732" spans="1:7" x14ac:dyDescent="0.3">
      <c r="A732" s="13" t="s">
        <v>16</v>
      </c>
      <c r="B732" s="14" t="s">
        <v>1</v>
      </c>
      <c r="C732" s="14" t="s">
        <v>17</v>
      </c>
      <c r="D732" s="14" t="s">
        <v>18</v>
      </c>
      <c r="E732" s="15">
        <v>45743</v>
      </c>
      <c r="F732" s="14" t="s">
        <v>15</v>
      </c>
      <c r="G732" s="16">
        <v>0</v>
      </c>
    </row>
    <row r="733" spans="1:7" x14ac:dyDescent="0.3">
      <c r="A733" s="13" t="s">
        <v>16</v>
      </c>
      <c r="B733" s="14" t="s">
        <v>1</v>
      </c>
      <c r="C733" s="14" t="s">
        <v>17</v>
      </c>
      <c r="D733" s="14" t="s">
        <v>18</v>
      </c>
      <c r="E733" s="15">
        <v>45744</v>
      </c>
      <c r="F733" s="14" t="s">
        <v>15</v>
      </c>
      <c r="G733" s="16">
        <v>0</v>
      </c>
    </row>
    <row r="734" spans="1:7" x14ac:dyDescent="0.3">
      <c r="A734" s="13" t="s">
        <v>16</v>
      </c>
      <c r="B734" s="14" t="s">
        <v>1</v>
      </c>
      <c r="C734" s="14" t="s">
        <v>17</v>
      </c>
      <c r="D734" s="14" t="s">
        <v>18</v>
      </c>
      <c r="E734" s="15">
        <v>45745</v>
      </c>
      <c r="F734" s="14" t="s">
        <v>15</v>
      </c>
      <c r="G734" s="16">
        <v>0</v>
      </c>
    </row>
    <row r="735" spans="1:7" x14ac:dyDescent="0.3">
      <c r="A735" s="13" t="s">
        <v>16</v>
      </c>
      <c r="B735" s="14" t="s">
        <v>1</v>
      </c>
      <c r="C735" s="14" t="s">
        <v>17</v>
      </c>
      <c r="D735" s="14" t="s">
        <v>18</v>
      </c>
      <c r="E735" s="15">
        <v>45746</v>
      </c>
      <c r="F735" s="14" t="s">
        <v>15</v>
      </c>
      <c r="G735" s="16">
        <v>0</v>
      </c>
    </row>
    <row r="736" spans="1:7" x14ac:dyDescent="0.3">
      <c r="A736" s="13" t="s">
        <v>16</v>
      </c>
      <c r="B736" s="14" t="s">
        <v>1</v>
      </c>
      <c r="C736" s="14" t="s">
        <v>17</v>
      </c>
      <c r="D736" s="14" t="s">
        <v>18</v>
      </c>
      <c r="E736" s="15">
        <v>45747</v>
      </c>
      <c r="F736" s="14" t="s">
        <v>15</v>
      </c>
      <c r="G736" s="16">
        <v>0</v>
      </c>
    </row>
    <row r="737" spans="1:7" x14ac:dyDescent="0.3">
      <c r="A737" s="13" t="s">
        <v>19</v>
      </c>
      <c r="B737" s="14" t="s">
        <v>1</v>
      </c>
      <c r="C737" s="14" t="s">
        <v>20</v>
      </c>
      <c r="D737" s="14" t="s">
        <v>21</v>
      </c>
      <c r="E737" s="15">
        <v>45383</v>
      </c>
      <c r="F737" s="14" t="s">
        <v>15</v>
      </c>
      <c r="G737" s="16">
        <v>0</v>
      </c>
    </row>
    <row r="738" spans="1:7" x14ac:dyDescent="0.3">
      <c r="A738" s="13" t="s">
        <v>19</v>
      </c>
      <c r="B738" s="14" t="s">
        <v>1</v>
      </c>
      <c r="C738" s="14" t="s">
        <v>20</v>
      </c>
      <c r="D738" s="14" t="s">
        <v>21</v>
      </c>
      <c r="E738" s="15">
        <v>45384</v>
      </c>
      <c r="F738" s="14" t="s">
        <v>15</v>
      </c>
      <c r="G738" s="16">
        <v>0</v>
      </c>
    </row>
    <row r="739" spans="1:7" x14ac:dyDescent="0.3">
      <c r="A739" s="13" t="s">
        <v>19</v>
      </c>
      <c r="B739" s="14" t="s">
        <v>1</v>
      </c>
      <c r="C739" s="14" t="s">
        <v>20</v>
      </c>
      <c r="D739" s="14" t="s">
        <v>21</v>
      </c>
      <c r="E739" s="15">
        <v>45385</v>
      </c>
      <c r="F739" s="14" t="s">
        <v>15</v>
      </c>
      <c r="G739" s="16">
        <v>0</v>
      </c>
    </row>
    <row r="740" spans="1:7" x14ac:dyDescent="0.3">
      <c r="A740" s="13" t="s">
        <v>19</v>
      </c>
      <c r="B740" s="14" t="s">
        <v>1</v>
      </c>
      <c r="C740" s="14" t="s">
        <v>20</v>
      </c>
      <c r="D740" s="14" t="s">
        <v>21</v>
      </c>
      <c r="E740" s="15">
        <v>45386</v>
      </c>
      <c r="F740" s="14" t="s">
        <v>15</v>
      </c>
      <c r="G740" s="16">
        <v>0</v>
      </c>
    </row>
    <row r="741" spans="1:7" x14ac:dyDescent="0.3">
      <c r="A741" s="13" t="s">
        <v>19</v>
      </c>
      <c r="B741" s="14" t="s">
        <v>1</v>
      </c>
      <c r="C741" s="14" t="s">
        <v>20</v>
      </c>
      <c r="D741" s="14" t="s">
        <v>21</v>
      </c>
      <c r="E741" s="15">
        <v>45387</v>
      </c>
      <c r="F741" s="14" t="s">
        <v>15</v>
      </c>
      <c r="G741" s="16">
        <v>0</v>
      </c>
    </row>
    <row r="742" spans="1:7" x14ac:dyDescent="0.3">
      <c r="A742" s="13" t="s">
        <v>19</v>
      </c>
      <c r="B742" s="14" t="s">
        <v>1</v>
      </c>
      <c r="C742" s="14" t="s">
        <v>20</v>
      </c>
      <c r="D742" s="14" t="s">
        <v>21</v>
      </c>
      <c r="E742" s="15">
        <v>45388</v>
      </c>
      <c r="F742" s="14" t="s">
        <v>15</v>
      </c>
      <c r="G742" s="16">
        <v>0</v>
      </c>
    </row>
    <row r="743" spans="1:7" x14ac:dyDescent="0.3">
      <c r="A743" s="13" t="s">
        <v>19</v>
      </c>
      <c r="B743" s="14" t="s">
        <v>1</v>
      </c>
      <c r="C743" s="14" t="s">
        <v>20</v>
      </c>
      <c r="D743" s="14" t="s">
        <v>21</v>
      </c>
      <c r="E743" s="15">
        <v>45389</v>
      </c>
      <c r="F743" s="14" t="s">
        <v>15</v>
      </c>
      <c r="G743" s="16">
        <v>0</v>
      </c>
    </row>
    <row r="744" spans="1:7" x14ac:dyDescent="0.3">
      <c r="A744" s="13" t="s">
        <v>19</v>
      </c>
      <c r="B744" s="14" t="s">
        <v>1</v>
      </c>
      <c r="C744" s="14" t="s">
        <v>20</v>
      </c>
      <c r="D744" s="14" t="s">
        <v>21</v>
      </c>
      <c r="E744" s="15">
        <v>45390</v>
      </c>
      <c r="F744" s="14" t="s">
        <v>15</v>
      </c>
      <c r="G744" s="16">
        <v>0</v>
      </c>
    </row>
    <row r="745" spans="1:7" x14ac:dyDescent="0.3">
      <c r="A745" s="13" t="s">
        <v>19</v>
      </c>
      <c r="B745" s="14" t="s">
        <v>1</v>
      </c>
      <c r="C745" s="14" t="s">
        <v>20</v>
      </c>
      <c r="D745" s="14" t="s">
        <v>21</v>
      </c>
      <c r="E745" s="15">
        <v>45391</v>
      </c>
      <c r="F745" s="14" t="s">
        <v>15</v>
      </c>
      <c r="G745" s="16">
        <v>0</v>
      </c>
    </row>
    <row r="746" spans="1:7" x14ac:dyDescent="0.3">
      <c r="A746" s="13" t="s">
        <v>19</v>
      </c>
      <c r="B746" s="14" t="s">
        <v>1</v>
      </c>
      <c r="C746" s="14" t="s">
        <v>20</v>
      </c>
      <c r="D746" s="14" t="s">
        <v>21</v>
      </c>
      <c r="E746" s="15">
        <v>45392</v>
      </c>
      <c r="F746" s="14" t="s">
        <v>15</v>
      </c>
      <c r="G746" s="16">
        <v>0</v>
      </c>
    </row>
    <row r="747" spans="1:7" x14ac:dyDescent="0.3">
      <c r="A747" s="13" t="s">
        <v>19</v>
      </c>
      <c r="B747" s="14" t="s">
        <v>1</v>
      </c>
      <c r="C747" s="14" t="s">
        <v>20</v>
      </c>
      <c r="D747" s="14" t="s">
        <v>21</v>
      </c>
      <c r="E747" s="15">
        <v>45393</v>
      </c>
      <c r="F747" s="14" t="s">
        <v>15</v>
      </c>
      <c r="G747" s="16">
        <v>0</v>
      </c>
    </row>
    <row r="748" spans="1:7" x14ac:dyDescent="0.3">
      <c r="A748" s="13" t="s">
        <v>19</v>
      </c>
      <c r="B748" s="14" t="s">
        <v>1</v>
      </c>
      <c r="C748" s="14" t="s">
        <v>20</v>
      </c>
      <c r="D748" s="14" t="s">
        <v>21</v>
      </c>
      <c r="E748" s="15">
        <v>45394</v>
      </c>
      <c r="F748" s="14" t="s">
        <v>15</v>
      </c>
      <c r="G748" s="16">
        <v>0</v>
      </c>
    </row>
    <row r="749" spans="1:7" x14ac:dyDescent="0.3">
      <c r="A749" s="13" t="s">
        <v>19</v>
      </c>
      <c r="B749" s="14" t="s">
        <v>1</v>
      </c>
      <c r="C749" s="14" t="s">
        <v>20</v>
      </c>
      <c r="D749" s="14" t="s">
        <v>21</v>
      </c>
      <c r="E749" s="15">
        <v>45395</v>
      </c>
      <c r="F749" s="14" t="s">
        <v>15</v>
      </c>
      <c r="G749" s="16">
        <v>0</v>
      </c>
    </row>
    <row r="750" spans="1:7" x14ac:dyDescent="0.3">
      <c r="A750" s="13" t="s">
        <v>19</v>
      </c>
      <c r="B750" s="14" t="s">
        <v>1</v>
      </c>
      <c r="C750" s="14" t="s">
        <v>20</v>
      </c>
      <c r="D750" s="14" t="s">
        <v>21</v>
      </c>
      <c r="E750" s="15">
        <v>45396</v>
      </c>
      <c r="F750" s="14" t="s">
        <v>15</v>
      </c>
      <c r="G750" s="16">
        <v>0</v>
      </c>
    </row>
    <row r="751" spans="1:7" x14ac:dyDescent="0.3">
      <c r="A751" s="13" t="s">
        <v>19</v>
      </c>
      <c r="B751" s="14" t="s">
        <v>1</v>
      </c>
      <c r="C751" s="14" t="s">
        <v>20</v>
      </c>
      <c r="D751" s="14" t="s">
        <v>21</v>
      </c>
      <c r="E751" s="15">
        <v>45397</v>
      </c>
      <c r="F751" s="14" t="s">
        <v>15</v>
      </c>
      <c r="G751" s="16">
        <v>0</v>
      </c>
    </row>
    <row r="752" spans="1:7" x14ac:dyDescent="0.3">
      <c r="A752" s="13" t="s">
        <v>19</v>
      </c>
      <c r="B752" s="14" t="s">
        <v>1</v>
      </c>
      <c r="C752" s="14" t="s">
        <v>20</v>
      </c>
      <c r="D752" s="14" t="s">
        <v>21</v>
      </c>
      <c r="E752" s="15">
        <v>45398</v>
      </c>
      <c r="F752" s="14" t="s">
        <v>15</v>
      </c>
      <c r="G752" s="16">
        <v>0</v>
      </c>
    </row>
    <row r="753" spans="1:7" x14ac:dyDescent="0.3">
      <c r="A753" s="13" t="s">
        <v>19</v>
      </c>
      <c r="B753" s="14" t="s">
        <v>1</v>
      </c>
      <c r="C753" s="14" t="s">
        <v>20</v>
      </c>
      <c r="D753" s="14" t="s">
        <v>21</v>
      </c>
      <c r="E753" s="15">
        <v>45399</v>
      </c>
      <c r="F753" s="14" t="s">
        <v>15</v>
      </c>
      <c r="G753" s="16">
        <v>0</v>
      </c>
    </row>
    <row r="754" spans="1:7" x14ac:dyDescent="0.3">
      <c r="A754" s="13" t="s">
        <v>19</v>
      </c>
      <c r="B754" s="14" t="s">
        <v>1</v>
      </c>
      <c r="C754" s="14" t="s">
        <v>20</v>
      </c>
      <c r="D754" s="14" t="s">
        <v>21</v>
      </c>
      <c r="E754" s="15">
        <v>45400</v>
      </c>
      <c r="F754" s="14" t="s">
        <v>15</v>
      </c>
      <c r="G754" s="16">
        <v>0</v>
      </c>
    </row>
    <row r="755" spans="1:7" x14ac:dyDescent="0.3">
      <c r="A755" s="13" t="s">
        <v>19</v>
      </c>
      <c r="B755" s="14" t="s">
        <v>1</v>
      </c>
      <c r="C755" s="14" t="s">
        <v>20</v>
      </c>
      <c r="D755" s="14" t="s">
        <v>21</v>
      </c>
      <c r="E755" s="15">
        <v>45401</v>
      </c>
      <c r="F755" s="14" t="s">
        <v>15</v>
      </c>
      <c r="G755" s="16">
        <v>0</v>
      </c>
    </row>
    <row r="756" spans="1:7" x14ac:dyDescent="0.3">
      <c r="A756" s="13" t="s">
        <v>19</v>
      </c>
      <c r="B756" s="14" t="s">
        <v>1</v>
      </c>
      <c r="C756" s="14" t="s">
        <v>20</v>
      </c>
      <c r="D756" s="14" t="s">
        <v>21</v>
      </c>
      <c r="E756" s="15">
        <v>45402</v>
      </c>
      <c r="F756" s="14" t="s">
        <v>15</v>
      </c>
      <c r="G756" s="16">
        <v>0</v>
      </c>
    </row>
    <row r="757" spans="1:7" x14ac:dyDescent="0.3">
      <c r="A757" s="13" t="s">
        <v>19</v>
      </c>
      <c r="B757" s="14" t="s">
        <v>1</v>
      </c>
      <c r="C757" s="14" t="s">
        <v>20</v>
      </c>
      <c r="D757" s="14" t="s">
        <v>21</v>
      </c>
      <c r="E757" s="15">
        <v>45403</v>
      </c>
      <c r="F757" s="14" t="s">
        <v>15</v>
      </c>
      <c r="G757" s="16">
        <v>0</v>
      </c>
    </row>
    <row r="758" spans="1:7" x14ac:dyDescent="0.3">
      <c r="A758" s="13" t="s">
        <v>19</v>
      </c>
      <c r="B758" s="14" t="s">
        <v>1</v>
      </c>
      <c r="C758" s="14" t="s">
        <v>20</v>
      </c>
      <c r="D758" s="14" t="s">
        <v>21</v>
      </c>
      <c r="E758" s="15">
        <v>45404</v>
      </c>
      <c r="F758" s="14" t="s">
        <v>15</v>
      </c>
      <c r="G758" s="16">
        <v>0</v>
      </c>
    </row>
    <row r="759" spans="1:7" x14ac:dyDescent="0.3">
      <c r="A759" s="13" t="s">
        <v>19</v>
      </c>
      <c r="B759" s="14" t="s">
        <v>1</v>
      </c>
      <c r="C759" s="14" t="s">
        <v>20</v>
      </c>
      <c r="D759" s="14" t="s">
        <v>21</v>
      </c>
      <c r="E759" s="15">
        <v>45405</v>
      </c>
      <c r="F759" s="14" t="s">
        <v>15</v>
      </c>
      <c r="G759" s="16">
        <v>0</v>
      </c>
    </row>
    <row r="760" spans="1:7" x14ac:dyDescent="0.3">
      <c r="A760" s="13" t="s">
        <v>19</v>
      </c>
      <c r="B760" s="14" t="s">
        <v>1</v>
      </c>
      <c r="C760" s="14" t="s">
        <v>20</v>
      </c>
      <c r="D760" s="14" t="s">
        <v>21</v>
      </c>
      <c r="E760" s="15">
        <v>45406</v>
      </c>
      <c r="F760" s="14" t="s">
        <v>15</v>
      </c>
      <c r="G760" s="16">
        <v>0</v>
      </c>
    </row>
    <row r="761" spans="1:7" x14ac:dyDescent="0.3">
      <c r="A761" s="13" t="s">
        <v>19</v>
      </c>
      <c r="B761" s="14" t="s">
        <v>1</v>
      </c>
      <c r="C761" s="14" t="s">
        <v>20</v>
      </c>
      <c r="D761" s="14" t="s">
        <v>21</v>
      </c>
      <c r="E761" s="15">
        <v>45407</v>
      </c>
      <c r="F761" s="14" t="s">
        <v>15</v>
      </c>
      <c r="G761" s="16">
        <v>0</v>
      </c>
    </row>
    <row r="762" spans="1:7" x14ac:dyDescent="0.3">
      <c r="A762" s="13" t="s">
        <v>19</v>
      </c>
      <c r="B762" s="14" t="s">
        <v>1</v>
      </c>
      <c r="C762" s="14" t="s">
        <v>20</v>
      </c>
      <c r="D762" s="14" t="s">
        <v>21</v>
      </c>
      <c r="E762" s="15">
        <v>45408</v>
      </c>
      <c r="F762" s="14" t="s">
        <v>15</v>
      </c>
      <c r="G762" s="16">
        <v>0</v>
      </c>
    </row>
    <row r="763" spans="1:7" x14ac:dyDescent="0.3">
      <c r="A763" s="13" t="s">
        <v>19</v>
      </c>
      <c r="B763" s="14" t="s">
        <v>1</v>
      </c>
      <c r="C763" s="14" t="s">
        <v>20</v>
      </c>
      <c r="D763" s="14" t="s">
        <v>21</v>
      </c>
      <c r="E763" s="15">
        <v>45409</v>
      </c>
      <c r="F763" s="14" t="s">
        <v>15</v>
      </c>
      <c r="G763" s="16">
        <v>0</v>
      </c>
    </row>
    <row r="764" spans="1:7" x14ac:dyDescent="0.3">
      <c r="A764" s="13" t="s">
        <v>19</v>
      </c>
      <c r="B764" s="14" t="s">
        <v>1</v>
      </c>
      <c r="C764" s="14" t="s">
        <v>20</v>
      </c>
      <c r="D764" s="14" t="s">
        <v>21</v>
      </c>
      <c r="E764" s="15">
        <v>45410</v>
      </c>
      <c r="F764" s="14" t="s">
        <v>15</v>
      </c>
      <c r="G764" s="16">
        <v>0</v>
      </c>
    </row>
    <row r="765" spans="1:7" x14ac:dyDescent="0.3">
      <c r="A765" s="13" t="s">
        <v>19</v>
      </c>
      <c r="B765" s="14" t="s">
        <v>1</v>
      </c>
      <c r="C765" s="14" t="s">
        <v>20</v>
      </c>
      <c r="D765" s="14" t="s">
        <v>21</v>
      </c>
      <c r="E765" s="15">
        <v>45411</v>
      </c>
      <c r="F765" s="14" t="s">
        <v>15</v>
      </c>
      <c r="G765" s="16">
        <v>0</v>
      </c>
    </row>
    <row r="766" spans="1:7" x14ac:dyDescent="0.3">
      <c r="A766" s="13" t="s">
        <v>19</v>
      </c>
      <c r="B766" s="14" t="s">
        <v>1</v>
      </c>
      <c r="C766" s="14" t="s">
        <v>20</v>
      </c>
      <c r="D766" s="14" t="s">
        <v>21</v>
      </c>
      <c r="E766" s="15">
        <v>45412</v>
      </c>
      <c r="F766" s="14" t="s">
        <v>15</v>
      </c>
      <c r="G766" s="16">
        <v>0</v>
      </c>
    </row>
    <row r="767" spans="1:7" x14ac:dyDescent="0.3">
      <c r="A767" s="13" t="s">
        <v>19</v>
      </c>
      <c r="B767" s="14" t="s">
        <v>1</v>
      </c>
      <c r="C767" s="14" t="s">
        <v>20</v>
      </c>
      <c r="D767" s="14" t="s">
        <v>21</v>
      </c>
      <c r="E767" s="15">
        <v>45413</v>
      </c>
      <c r="F767" s="14" t="s">
        <v>15</v>
      </c>
      <c r="G767" s="16">
        <v>0</v>
      </c>
    </row>
    <row r="768" spans="1:7" x14ac:dyDescent="0.3">
      <c r="A768" s="13" t="s">
        <v>19</v>
      </c>
      <c r="B768" s="14" t="s">
        <v>1</v>
      </c>
      <c r="C768" s="14" t="s">
        <v>20</v>
      </c>
      <c r="D768" s="14" t="s">
        <v>21</v>
      </c>
      <c r="E768" s="15">
        <v>45414</v>
      </c>
      <c r="F768" s="14" t="s">
        <v>15</v>
      </c>
      <c r="G768" s="16">
        <v>0</v>
      </c>
    </row>
    <row r="769" spans="1:7" x14ac:dyDescent="0.3">
      <c r="A769" s="13" t="s">
        <v>19</v>
      </c>
      <c r="B769" s="14" t="s">
        <v>1</v>
      </c>
      <c r="C769" s="14" t="s">
        <v>20</v>
      </c>
      <c r="D769" s="14" t="s">
        <v>21</v>
      </c>
      <c r="E769" s="15">
        <v>45415</v>
      </c>
      <c r="F769" s="14" t="s">
        <v>15</v>
      </c>
      <c r="G769" s="16">
        <v>0</v>
      </c>
    </row>
    <row r="770" spans="1:7" x14ac:dyDescent="0.3">
      <c r="A770" s="13" t="s">
        <v>19</v>
      </c>
      <c r="B770" s="14" t="s">
        <v>1</v>
      </c>
      <c r="C770" s="14" t="s">
        <v>20</v>
      </c>
      <c r="D770" s="14" t="s">
        <v>21</v>
      </c>
      <c r="E770" s="15">
        <v>45416</v>
      </c>
      <c r="F770" s="14" t="s">
        <v>15</v>
      </c>
      <c r="G770" s="16">
        <v>0</v>
      </c>
    </row>
    <row r="771" spans="1:7" x14ac:dyDescent="0.3">
      <c r="A771" s="13" t="s">
        <v>19</v>
      </c>
      <c r="B771" s="14" t="s">
        <v>1</v>
      </c>
      <c r="C771" s="14" t="s">
        <v>20</v>
      </c>
      <c r="D771" s="14" t="s">
        <v>21</v>
      </c>
      <c r="E771" s="15">
        <v>45417</v>
      </c>
      <c r="F771" s="14" t="s">
        <v>15</v>
      </c>
      <c r="G771" s="16">
        <v>0</v>
      </c>
    </row>
    <row r="772" spans="1:7" x14ac:dyDescent="0.3">
      <c r="A772" s="13" t="s">
        <v>19</v>
      </c>
      <c r="B772" s="14" t="s">
        <v>1</v>
      </c>
      <c r="C772" s="14" t="s">
        <v>20</v>
      </c>
      <c r="D772" s="14" t="s">
        <v>21</v>
      </c>
      <c r="E772" s="15">
        <v>45418</v>
      </c>
      <c r="F772" s="14" t="s">
        <v>15</v>
      </c>
      <c r="G772" s="16">
        <v>0</v>
      </c>
    </row>
    <row r="773" spans="1:7" x14ac:dyDescent="0.3">
      <c r="A773" s="13" t="s">
        <v>19</v>
      </c>
      <c r="B773" s="14" t="s">
        <v>1</v>
      </c>
      <c r="C773" s="14" t="s">
        <v>20</v>
      </c>
      <c r="D773" s="14" t="s">
        <v>21</v>
      </c>
      <c r="E773" s="15">
        <v>45419</v>
      </c>
      <c r="F773" s="14" t="s">
        <v>15</v>
      </c>
      <c r="G773" s="16">
        <v>0</v>
      </c>
    </row>
    <row r="774" spans="1:7" x14ac:dyDescent="0.3">
      <c r="A774" s="13" t="s">
        <v>19</v>
      </c>
      <c r="B774" s="14" t="s">
        <v>1</v>
      </c>
      <c r="C774" s="14" t="s">
        <v>20</v>
      </c>
      <c r="D774" s="14" t="s">
        <v>21</v>
      </c>
      <c r="E774" s="15">
        <v>45420</v>
      </c>
      <c r="F774" s="14" t="s">
        <v>15</v>
      </c>
      <c r="G774" s="16">
        <v>0</v>
      </c>
    </row>
    <row r="775" spans="1:7" x14ac:dyDescent="0.3">
      <c r="A775" s="13" t="s">
        <v>19</v>
      </c>
      <c r="B775" s="14" t="s">
        <v>1</v>
      </c>
      <c r="C775" s="14" t="s">
        <v>20</v>
      </c>
      <c r="D775" s="14" t="s">
        <v>21</v>
      </c>
      <c r="E775" s="15">
        <v>45421</v>
      </c>
      <c r="F775" s="14" t="s">
        <v>15</v>
      </c>
      <c r="G775" s="16">
        <v>0</v>
      </c>
    </row>
    <row r="776" spans="1:7" x14ac:dyDescent="0.3">
      <c r="A776" s="13" t="s">
        <v>19</v>
      </c>
      <c r="B776" s="14" t="s">
        <v>1</v>
      </c>
      <c r="C776" s="14" t="s">
        <v>20</v>
      </c>
      <c r="D776" s="14" t="s">
        <v>21</v>
      </c>
      <c r="E776" s="15">
        <v>45422</v>
      </c>
      <c r="F776" s="14" t="s">
        <v>15</v>
      </c>
      <c r="G776" s="16">
        <v>0</v>
      </c>
    </row>
    <row r="777" spans="1:7" x14ac:dyDescent="0.3">
      <c r="A777" s="13" t="s">
        <v>19</v>
      </c>
      <c r="B777" s="14" t="s">
        <v>1</v>
      </c>
      <c r="C777" s="14" t="s">
        <v>20</v>
      </c>
      <c r="D777" s="14" t="s">
        <v>21</v>
      </c>
      <c r="E777" s="15">
        <v>45423</v>
      </c>
      <c r="F777" s="14" t="s">
        <v>15</v>
      </c>
      <c r="G777" s="16">
        <v>0</v>
      </c>
    </row>
    <row r="778" spans="1:7" x14ac:dyDescent="0.3">
      <c r="A778" s="13" t="s">
        <v>19</v>
      </c>
      <c r="B778" s="14" t="s">
        <v>1</v>
      </c>
      <c r="C778" s="14" t="s">
        <v>20</v>
      </c>
      <c r="D778" s="14" t="s">
        <v>21</v>
      </c>
      <c r="E778" s="15">
        <v>45424</v>
      </c>
      <c r="F778" s="14" t="s">
        <v>15</v>
      </c>
      <c r="G778" s="16">
        <v>0</v>
      </c>
    </row>
    <row r="779" spans="1:7" x14ac:dyDescent="0.3">
      <c r="A779" s="13" t="s">
        <v>19</v>
      </c>
      <c r="B779" s="14" t="s">
        <v>1</v>
      </c>
      <c r="C779" s="14" t="s">
        <v>20</v>
      </c>
      <c r="D779" s="14" t="s">
        <v>21</v>
      </c>
      <c r="E779" s="15">
        <v>45425</v>
      </c>
      <c r="F779" s="14" t="s">
        <v>15</v>
      </c>
      <c r="G779" s="16">
        <v>0</v>
      </c>
    </row>
    <row r="780" spans="1:7" x14ac:dyDescent="0.3">
      <c r="A780" s="13" t="s">
        <v>19</v>
      </c>
      <c r="B780" s="14" t="s">
        <v>1</v>
      </c>
      <c r="C780" s="14" t="s">
        <v>20</v>
      </c>
      <c r="D780" s="14" t="s">
        <v>21</v>
      </c>
      <c r="E780" s="15">
        <v>45426</v>
      </c>
      <c r="F780" s="14" t="s">
        <v>15</v>
      </c>
      <c r="G780" s="16">
        <v>0</v>
      </c>
    </row>
    <row r="781" spans="1:7" x14ac:dyDescent="0.3">
      <c r="A781" s="13" t="s">
        <v>19</v>
      </c>
      <c r="B781" s="14" t="s">
        <v>1</v>
      </c>
      <c r="C781" s="14" t="s">
        <v>20</v>
      </c>
      <c r="D781" s="14" t="s">
        <v>21</v>
      </c>
      <c r="E781" s="15">
        <v>45427</v>
      </c>
      <c r="F781" s="14" t="s">
        <v>15</v>
      </c>
      <c r="G781" s="16">
        <v>0</v>
      </c>
    </row>
    <row r="782" spans="1:7" x14ac:dyDescent="0.3">
      <c r="A782" s="13" t="s">
        <v>19</v>
      </c>
      <c r="B782" s="14" t="s">
        <v>1</v>
      </c>
      <c r="C782" s="14" t="s">
        <v>20</v>
      </c>
      <c r="D782" s="14" t="s">
        <v>21</v>
      </c>
      <c r="E782" s="15">
        <v>45428</v>
      </c>
      <c r="F782" s="14" t="s">
        <v>15</v>
      </c>
      <c r="G782" s="16">
        <v>0</v>
      </c>
    </row>
    <row r="783" spans="1:7" x14ac:dyDescent="0.3">
      <c r="A783" s="13" t="s">
        <v>19</v>
      </c>
      <c r="B783" s="14" t="s">
        <v>1</v>
      </c>
      <c r="C783" s="14" t="s">
        <v>20</v>
      </c>
      <c r="D783" s="14" t="s">
        <v>21</v>
      </c>
      <c r="E783" s="15">
        <v>45429</v>
      </c>
      <c r="F783" s="14" t="s">
        <v>15</v>
      </c>
      <c r="G783" s="16">
        <v>0</v>
      </c>
    </row>
    <row r="784" spans="1:7" x14ac:dyDescent="0.3">
      <c r="A784" s="13" t="s">
        <v>19</v>
      </c>
      <c r="B784" s="14" t="s">
        <v>1</v>
      </c>
      <c r="C784" s="14" t="s">
        <v>20</v>
      </c>
      <c r="D784" s="14" t="s">
        <v>21</v>
      </c>
      <c r="E784" s="15">
        <v>45430</v>
      </c>
      <c r="F784" s="14" t="s">
        <v>15</v>
      </c>
      <c r="G784" s="16">
        <v>0</v>
      </c>
    </row>
    <row r="785" spans="1:7" x14ac:dyDescent="0.3">
      <c r="A785" s="13" t="s">
        <v>19</v>
      </c>
      <c r="B785" s="14" t="s">
        <v>1</v>
      </c>
      <c r="C785" s="14" t="s">
        <v>20</v>
      </c>
      <c r="D785" s="14" t="s">
        <v>21</v>
      </c>
      <c r="E785" s="15">
        <v>45431</v>
      </c>
      <c r="F785" s="14" t="s">
        <v>15</v>
      </c>
      <c r="G785" s="16">
        <v>0</v>
      </c>
    </row>
    <row r="786" spans="1:7" x14ac:dyDescent="0.3">
      <c r="A786" s="13" t="s">
        <v>19</v>
      </c>
      <c r="B786" s="14" t="s">
        <v>1</v>
      </c>
      <c r="C786" s="14" t="s">
        <v>20</v>
      </c>
      <c r="D786" s="14" t="s">
        <v>21</v>
      </c>
      <c r="E786" s="15">
        <v>45432</v>
      </c>
      <c r="F786" s="14" t="s">
        <v>15</v>
      </c>
      <c r="G786" s="16">
        <v>0</v>
      </c>
    </row>
    <row r="787" spans="1:7" x14ac:dyDescent="0.3">
      <c r="A787" s="13" t="s">
        <v>19</v>
      </c>
      <c r="B787" s="14" t="s">
        <v>1</v>
      </c>
      <c r="C787" s="14" t="s">
        <v>20</v>
      </c>
      <c r="D787" s="14" t="s">
        <v>21</v>
      </c>
      <c r="E787" s="15">
        <v>45433</v>
      </c>
      <c r="F787" s="14" t="s">
        <v>15</v>
      </c>
      <c r="G787" s="16">
        <v>0</v>
      </c>
    </row>
    <row r="788" spans="1:7" x14ac:dyDescent="0.3">
      <c r="A788" s="13" t="s">
        <v>19</v>
      </c>
      <c r="B788" s="14" t="s">
        <v>1</v>
      </c>
      <c r="C788" s="14" t="s">
        <v>20</v>
      </c>
      <c r="D788" s="14" t="s">
        <v>21</v>
      </c>
      <c r="E788" s="15">
        <v>45434</v>
      </c>
      <c r="F788" s="14" t="s">
        <v>15</v>
      </c>
      <c r="G788" s="16">
        <v>0</v>
      </c>
    </row>
    <row r="789" spans="1:7" x14ac:dyDescent="0.3">
      <c r="A789" s="13" t="s">
        <v>19</v>
      </c>
      <c r="B789" s="14" t="s">
        <v>1</v>
      </c>
      <c r="C789" s="14" t="s">
        <v>20</v>
      </c>
      <c r="D789" s="14" t="s">
        <v>21</v>
      </c>
      <c r="E789" s="15">
        <v>45435</v>
      </c>
      <c r="F789" s="14" t="s">
        <v>15</v>
      </c>
      <c r="G789" s="16">
        <v>0</v>
      </c>
    </row>
    <row r="790" spans="1:7" x14ac:dyDescent="0.3">
      <c r="A790" s="13" t="s">
        <v>19</v>
      </c>
      <c r="B790" s="14" t="s">
        <v>1</v>
      </c>
      <c r="C790" s="14" t="s">
        <v>20</v>
      </c>
      <c r="D790" s="14" t="s">
        <v>21</v>
      </c>
      <c r="E790" s="15">
        <v>45436</v>
      </c>
      <c r="F790" s="14" t="s">
        <v>15</v>
      </c>
      <c r="G790" s="16">
        <v>0</v>
      </c>
    </row>
    <row r="791" spans="1:7" x14ac:dyDescent="0.3">
      <c r="A791" s="13" t="s">
        <v>19</v>
      </c>
      <c r="B791" s="14" t="s">
        <v>1</v>
      </c>
      <c r="C791" s="14" t="s">
        <v>20</v>
      </c>
      <c r="D791" s="14" t="s">
        <v>21</v>
      </c>
      <c r="E791" s="15">
        <v>45437</v>
      </c>
      <c r="F791" s="14" t="s">
        <v>15</v>
      </c>
      <c r="G791" s="16">
        <v>0</v>
      </c>
    </row>
    <row r="792" spans="1:7" x14ac:dyDescent="0.3">
      <c r="A792" s="13" t="s">
        <v>19</v>
      </c>
      <c r="B792" s="14" t="s">
        <v>1</v>
      </c>
      <c r="C792" s="14" t="s">
        <v>20</v>
      </c>
      <c r="D792" s="14" t="s">
        <v>21</v>
      </c>
      <c r="E792" s="15">
        <v>45438</v>
      </c>
      <c r="F792" s="14" t="s">
        <v>15</v>
      </c>
      <c r="G792" s="16">
        <v>0</v>
      </c>
    </row>
    <row r="793" spans="1:7" x14ac:dyDescent="0.3">
      <c r="A793" s="13" t="s">
        <v>19</v>
      </c>
      <c r="B793" s="14" t="s">
        <v>1</v>
      </c>
      <c r="C793" s="14" t="s">
        <v>20</v>
      </c>
      <c r="D793" s="14" t="s">
        <v>21</v>
      </c>
      <c r="E793" s="15">
        <v>45439</v>
      </c>
      <c r="F793" s="14" t="s">
        <v>15</v>
      </c>
      <c r="G793" s="16">
        <v>0</v>
      </c>
    </row>
    <row r="794" spans="1:7" x14ac:dyDescent="0.3">
      <c r="A794" s="13" t="s">
        <v>19</v>
      </c>
      <c r="B794" s="14" t="s">
        <v>1</v>
      </c>
      <c r="C794" s="14" t="s">
        <v>20</v>
      </c>
      <c r="D794" s="14" t="s">
        <v>21</v>
      </c>
      <c r="E794" s="15">
        <v>45440</v>
      </c>
      <c r="F794" s="14" t="s">
        <v>15</v>
      </c>
      <c r="G794" s="16">
        <v>0</v>
      </c>
    </row>
    <row r="795" spans="1:7" x14ac:dyDescent="0.3">
      <c r="A795" s="13" t="s">
        <v>19</v>
      </c>
      <c r="B795" s="14" t="s">
        <v>1</v>
      </c>
      <c r="C795" s="14" t="s">
        <v>20</v>
      </c>
      <c r="D795" s="14" t="s">
        <v>21</v>
      </c>
      <c r="E795" s="15">
        <v>45441</v>
      </c>
      <c r="F795" s="14" t="s">
        <v>15</v>
      </c>
      <c r="G795" s="16">
        <v>0</v>
      </c>
    </row>
    <row r="796" spans="1:7" x14ac:dyDescent="0.3">
      <c r="A796" s="13" t="s">
        <v>19</v>
      </c>
      <c r="B796" s="14" t="s">
        <v>1</v>
      </c>
      <c r="C796" s="14" t="s">
        <v>20</v>
      </c>
      <c r="D796" s="14" t="s">
        <v>21</v>
      </c>
      <c r="E796" s="15">
        <v>45442</v>
      </c>
      <c r="F796" s="14" t="s">
        <v>15</v>
      </c>
      <c r="G796" s="16">
        <v>0</v>
      </c>
    </row>
    <row r="797" spans="1:7" x14ac:dyDescent="0.3">
      <c r="A797" s="13" t="s">
        <v>19</v>
      </c>
      <c r="B797" s="14" t="s">
        <v>1</v>
      </c>
      <c r="C797" s="14" t="s">
        <v>20</v>
      </c>
      <c r="D797" s="14" t="s">
        <v>21</v>
      </c>
      <c r="E797" s="15">
        <v>45443</v>
      </c>
      <c r="F797" s="14" t="s">
        <v>15</v>
      </c>
      <c r="G797" s="16">
        <v>0</v>
      </c>
    </row>
    <row r="798" spans="1:7" x14ac:dyDescent="0.3">
      <c r="A798" s="13" t="s">
        <v>19</v>
      </c>
      <c r="B798" s="14" t="s">
        <v>1</v>
      </c>
      <c r="C798" s="14" t="s">
        <v>20</v>
      </c>
      <c r="D798" s="14" t="s">
        <v>21</v>
      </c>
      <c r="E798" s="15">
        <v>45444</v>
      </c>
      <c r="F798" s="14" t="s">
        <v>15</v>
      </c>
      <c r="G798" s="16">
        <v>0</v>
      </c>
    </row>
    <row r="799" spans="1:7" x14ac:dyDescent="0.3">
      <c r="A799" s="13" t="s">
        <v>19</v>
      </c>
      <c r="B799" s="14" t="s">
        <v>1</v>
      </c>
      <c r="C799" s="14" t="s">
        <v>20</v>
      </c>
      <c r="D799" s="14" t="s">
        <v>21</v>
      </c>
      <c r="E799" s="15">
        <v>45445</v>
      </c>
      <c r="F799" s="14" t="s">
        <v>15</v>
      </c>
      <c r="G799" s="16">
        <v>0</v>
      </c>
    </row>
    <row r="800" spans="1:7" x14ac:dyDescent="0.3">
      <c r="A800" s="13" t="s">
        <v>19</v>
      </c>
      <c r="B800" s="14" t="s">
        <v>1</v>
      </c>
      <c r="C800" s="14" t="s">
        <v>20</v>
      </c>
      <c r="D800" s="14" t="s">
        <v>21</v>
      </c>
      <c r="E800" s="15">
        <v>45446</v>
      </c>
      <c r="F800" s="14" t="s">
        <v>15</v>
      </c>
      <c r="G800" s="16">
        <v>0</v>
      </c>
    </row>
    <row r="801" spans="1:7" x14ac:dyDescent="0.3">
      <c r="A801" s="13" t="s">
        <v>19</v>
      </c>
      <c r="B801" s="14" t="s">
        <v>1</v>
      </c>
      <c r="C801" s="14" t="s">
        <v>20</v>
      </c>
      <c r="D801" s="14" t="s">
        <v>21</v>
      </c>
      <c r="E801" s="15">
        <v>45447</v>
      </c>
      <c r="F801" s="14" t="s">
        <v>15</v>
      </c>
      <c r="G801" s="16">
        <v>0</v>
      </c>
    </row>
    <row r="802" spans="1:7" x14ac:dyDescent="0.3">
      <c r="A802" s="13" t="s">
        <v>19</v>
      </c>
      <c r="B802" s="14" t="s">
        <v>1</v>
      </c>
      <c r="C802" s="14" t="s">
        <v>20</v>
      </c>
      <c r="D802" s="14" t="s">
        <v>21</v>
      </c>
      <c r="E802" s="15">
        <v>45448</v>
      </c>
      <c r="F802" s="14" t="s">
        <v>15</v>
      </c>
      <c r="G802" s="16">
        <v>0</v>
      </c>
    </row>
    <row r="803" spans="1:7" x14ac:dyDescent="0.3">
      <c r="A803" s="13" t="s">
        <v>19</v>
      </c>
      <c r="B803" s="14" t="s">
        <v>1</v>
      </c>
      <c r="C803" s="14" t="s">
        <v>20</v>
      </c>
      <c r="D803" s="14" t="s">
        <v>21</v>
      </c>
      <c r="E803" s="15">
        <v>45449</v>
      </c>
      <c r="F803" s="14" t="s">
        <v>15</v>
      </c>
      <c r="G803" s="16">
        <v>0</v>
      </c>
    </row>
    <row r="804" spans="1:7" x14ac:dyDescent="0.3">
      <c r="A804" s="13" t="s">
        <v>19</v>
      </c>
      <c r="B804" s="14" t="s">
        <v>1</v>
      </c>
      <c r="C804" s="14" t="s">
        <v>20</v>
      </c>
      <c r="D804" s="14" t="s">
        <v>21</v>
      </c>
      <c r="E804" s="15">
        <v>45450</v>
      </c>
      <c r="F804" s="14" t="s">
        <v>15</v>
      </c>
      <c r="G804" s="16">
        <v>0</v>
      </c>
    </row>
    <row r="805" spans="1:7" x14ac:dyDescent="0.3">
      <c r="A805" s="13" t="s">
        <v>19</v>
      </c>
      <c r="B805" s="14" t="s">
        <v>1</v>
      </c>
      <c r="C805" s="14" t="s">
        <v>20</v>
      </c>
      <c r="D805" s="14" t="s">
        <v>21</v>
      </c>
      <c r="E805" s="15">
        <v>45451</v>
      </c>
      <c r="F805" s="14" t="s">
        <v>15</v>
      </c>
      <c r="G805" s="16">
        <v>0</v>
      </c>
    </row>
    <row r="806" spans="1:7" x14ac:dyDescent="0.3">
      <c r="A806" s="13" t="s">
        <v>19</v>
      </c>
      <c r="B806" s="14" t="s">
        <v>1</v>
      </c>
      <c r="C806" s="14" t="s">
        <v>20</v>
      </c>
      <c r="D806" s="14" t="s">
        <v>21</v>
      </c>
      <c r="E806" s="15">
        <v>45452</v>
      </c>
      <c r="F806" s="14" t="s">
        <v>15</v>
      </c>
      <c r="G806" s="16">
        <v>0</v>
      </c>
    </row>
    <row r="807" spans="1:7" x14ac:dyDescent="0.3">
      <c r="A807" s="13" t="s">
        <v>19</v>
      </c>
      <c r="B807" s="14" t="s">
        <v>1</v>
      </c>
      <c r="C807" s="14" t="s">
        <v>20</v>
      </c>
      <c r="D807" s="14" t="s">
        <v>21</v>
      </c>
      <c r="E807" s="15">
        <v>45453</v>
      </c>
      <c r="F807" s="14" t="s">
        <v>15</v>
      </c>
      <c r="G807" s="16">
        <v>0</v>
      </c>
    </row>
    <row r="808" spans="1:7" x14ac:dyDescent="0.3">
      <c r="A808" s="13" t="s">
        <v>19</v>
      </c>
      <c r="B808" s="14" t="s">
        <v>1</v>
      </c>
      <c r="C808" s="14" t="s">
        <v>20</v>
      </c>
      <c r="D808" s="14" t="s">
        <v>21</v>
      </c>
      <c r="E808" s="15">
        <v>45454</v>
      </c>
      <c r="F808" s="14" t="s">
        <v>15</v>
      </c>
      <c r="G808" s="16">
        <v>0</v>
      </c>
    </row>
    <row r="809" spans="1:7" x14ac:dyDescent="0.3">
      <c r="A809" s="13" t="s">
        <v>19</v>
      </c>
      <c r="B809" s="14" t="s">
        <v>1</v>
      </c>
      <c r="C809" s="14" t="s">
        <v>20</v>
      </c>
      <c r="D809" s="14" t="s">
        <v>21</v>
      </c>
      <c r="E809" s="15">
        <v>45455</v>
      </c>
      <c r="F809" s="14" t="s">
        <v>15</v>
      </c>
      <c r="G809" s="16">
        <v>0</v>
      </c>
    </row>
    <row r="810" spans="1:7" x14ac:dyDescent="0.3">
      <c r="A810" s="13" t="s">
        <v>19</v>
      </c>
      <c r="B810" s="14" t="s">
        <v>1</v>
      </c>
      <c r="C810" s="14" t="s">
        <v>20</v>
      </c>
      <c r="D810" s="14" t="s">
        <v>21</v>
      </c>
      <c r="E810" s="15">
        <v>45456</v>
      </c>
      <c r="F810" s="14" t="s">
        <v>15</v>
      </c>
      <c r="G810" s="16">
        <v>0</v>
      </c>
    </row>
    <row r="811" spans="1:7" x14ac:dyDescent="0.3">
      <c r="A811" s="13" t="s">
        <v>19</v>
      </c>
      <c r="B811" s="14" t="s">
        <v>1</v>
      </c>
      <c r="C811" s="14" t="s">
        <v>20</v>
      </c>
      <c r="D811" s="14" t="s">
        <v>21</v>
      </c>
      <c r="E811" s="15">
        <v>45457</v>
      </c>
      <c r="F811" s="14" t="s">
        <v>15</v>
      </c>
      <c r="G811" s="16">
        <v>0</v>
      </c>
    </row>
    <row r="812" spans="1:7" x14ac:dyDescent="0.3">
      <c r="A812" s="13" t="s">
        <v>19</v>
      </c>
      <c r="B812" s="14" t="s">
        <v>1</v>
      </c>
      <c r="C812" s="14" t="s">
        <v>20</v>
      </c>
      <c r="D812" s="14" t="s">
        <v>21</v>
      </c>
      <c r="E812" s="15">
        <v>45458</v>
      </c>
      <c r="F812" s="14" t="s">
        <v>15</v>
      </c>
      <c r="G812" s="16">
        <v>0</v>
      </c>
    </row>
    <row r="813" spans="1:7" x14ac:dyDescent="0.3">
      <c r="A813" s="13" t="s">
        <v>19</v>
      </c>
      <c r="B813" s="14" t="s">
        <v>1</v>
      </c>
      <c r="C813" s="14" t="s">
        <v>20</v>
      </c>
      <c r="D813" s="14" t="s">
        <v>21</v>
      </c>
      <c r="E813" s="15">
        <v>45459</v>
      </c>
      <c r="F813" s="14" t="s">
        <v>15</v>
      </c>
      <c r="G813" s="16">
        <v>0</v>
      </c>
    </row>
    <row r="814" spans="1:7" x14ac:dyDescent="0.3">
      <c r="A814" s="13" t="s">
        <v>19</v>
      </c>
      <c r="B814" s="14" t="s">
        <v>1</v>
      </c>
      <c r="C814" s="14" t="s">
        <v>20</v>
      </c>
      <c r="D814" s="14" t="s">
        <v>21</v>
      </c>
      <c r="E814" s="15">
        <v>45460</v>
      </c>
      <c r="F814" s="14" t="s">
        <v>15</v>
      </c>
      <c r="G814" s="16">
        <v>0</v>
      </c>
    </row>
    <row r="815" spans="1:7" x14ac:dyDescent="0.3">
      <c r="A815" s="13" t="s">
        <v>19</v>
      </c>
      <c r="B815" s="14" t="s">
        <v>1</v>
      </c>
      <c r="C815" s="14" t="s">
        <v>20</v>
      </c>
      <c r="D815" s="14" t="s">
        <v>21</v>
      </c>
      <c r="E815" s="15">
        <v>45461</v>
      </c>
      <c r="F815" s="14" t="s">
        <v>15</v>
      </c>
      <c r="G815" s="16">
        <v>0</v>
      </c>
    </row>
    <row r="816" spans="1:7" x14ac:dyDescent="0.3">
      <c r="A816" s="13" t="s">
        <v>19</v>
      </c>
      <c r="B816" s="14" t="s">
        <v>1</v>
      </c>
      <c r="C816" s="14" t="s">
        <v>20</v>
      </c>
      <c r="D816" s="14" t="s">
        <v>21</v>
      </c>
      <c r="E816" s="15">
        <v>45462</v>
      </c>
      <c r="F816" s="14" t="s">
        <v>15</v>
      </c>
      <c r="G816" s="16">
        <v>0</v>
      </c>
    </row>
    <row r="817" spans="1:7" x14ac:dyDescent="0.3">
      <c r="A817" s="13" t="s">
        <v>19</v>
      </c>
      <c r="B817" s="14" t="s">
        <v>1</v>
      </c>
      <c r="C817" s="14" t="s">
        <v>20</v>
      </c>
      <c r="D817" s="14" t="s">
        <v>21</v>
      </c>
      <c r="E817" s="15">
        <v>45463</v>
      </c>
      <c r="F817" s="14" t="s">
        <v>15</v>
      </c>
      <c r="G817" s="16">
        <v>0</v>
      </c>
    </row>
    <row r="818" spans="1:7" x14ac:dyDescent="0.3">
      <c r="A818" s="13" t="s">
        <v>19</v>
      </c>
      <c r="B818" s="14" t="s">
        <v>1</v>
      </c>
      <c r="C818" s="14" t="s">
        <v>20</v>
      </c>
      <c r="D818" s="14" t="s">
        <v>21</v>
      </c>
      <c r="E818" s="15">
        <v>45464</v>
      </c>
      <c r="F818" s="14" t="s">
        <v>15</v>
      </c>
      <c r="G818" s="16">
        <v>0</v>
      </c>
    </row>
    <row r="819" spans="1:7" x14ac:dyDescent="0.3">
      <c r="A819" s="13" t="s">
        <v>19</v>
      </c>
      <c r="B819" s="14" t="s">
        <v>1</v>
      </c>
      <c r="C819" s="14" t="s">
        <v>20</v>
      </c>
      <c r="D819" s="14" t="s">
        <v>21</v>
      </c>
      <c r="E819" s="15">
        <v>45465</v>
      </c>
      <c r="F819" s="14" t="s">
        <v>15</v>
      </c>
      <c r="G819" s="16">
        <v>0</v>
      </c>
    </row>
    <row r="820" spans="1:7" x14ac:dyDescent="0.3">
      <c r="A820" s="13" t="s">
        <v>19</v>
      </c>
      <c r="B820" s="14" t="s">
        <v>1</v>
      </c>
      <c r="C820" s="14" t="s">
        <v>20</v>
      </c>
      <c r="D820" s="14" t="s">
        <v>21</v>
      </c>
      <c r="E820" s="15">
        <v>45466</v>
      </c>
      <c r="F820" s="14" t="s">
        <v>15</v>
      </c>
      <c r="G820" s="16">
        <v>0</v>
      </c>
    </row>
    <row r="821" spans="1:7" x14ac:dyDescent="0.3">
      <c r="A821" s="13" t="s">
        <v>19</v>
      </c>
      <c r="B821" s="14" t="s">
        <v>1</v>
      </c>
      <c r="C821" s="14" t="s">
        <v>20</v>
      </c>
      <c r="D821" s="14" t="s">
        <v>21</v>
      </c>
      <c r="E821" s="15">
        <v>45467</v>
      </c>
      <c r="F821" s="14" t="s">
        <v>15</v>
      </c>
      <c r="G821" s="16">
        <v>0</v>
      </c>
    </row>
    <row r="822" spans="1:7" x14ac:dyDescent="0.3">
      <c r="A822" s="13" t="s">
        <v>19</v>
      </c>
      <c r="B822" s="14" t="s">
        <v>1</v>
      </c>
      <c r="C822" s="14" t="s">
        <v>20</v>
      </c>
      <c r="D822" s="14" t="s">
        <v>21</v>
      </c>
      <c r="E822" s="15">
        <v>45468</v>
      </c>
      <c r="F822" s="14" t="s">
        <v>15</v>
      </c>
      <c r="G822" s="16">
        <v>0</v>
      </c>
    </row>
    <row r="823" spans="1:7" x14ac:dyDescent="0.3">
      <c r="A823" s="13" t="s">
        <v>19</v>
      </c>
      <c r="B823" s="14" t="s">
        <v>1</v>
      </c>
      <c r="C823" s="14" t="s">
        <v>20</v>
      </c>
      <c r="D823" s="14" t="s">
        <v>21</v>
      </c>
      <c r="E823" s="15">
        <v>45469</v>
      </c>
      <c r="F823" s="14" t="s">
        <v>15</v>
      </c>
      <c r="G823" s="16">
        <v>0</v>
      </c>
    </row>
    <row r="824" spans="1:7" x14ac:dyDescent="0.3">
      <c r="A824" s="13" t="s">
        <v>19</v>
      </c>
      <c r="B824" s="14" t="s">
        <v>1</v>
      </c>
      <c r="C824" s="14" t="s">
        <v>20</v>
      </c>
      <c r="D824" s="14" t="s">
        <v>21</v>
      </c>
      <c r="E824" s="15">
        <v>45470</v>
      </c>
      <c r="F824" s="14" t="s">
        <v>15</v>
      </c>
      <c r="G824" s="16">
        <v>0</v>
      </c>
    </row>
    <row r="825" spans="1:7" x14ac:dyDescent="0.3">
      <c r="A825" s="13" t="s">
        <v>19</v>
      </c>
      <c r="B825" s="14" t="s">
        <v>1</v>
      </c>
      <c r="C825" s="14" t="s">
        <v>20</v>
      </c>
      <c r="D825" s="14" t="s">
        <v>21</v>
      </c>
      <c r="E825" s="15">
        <v>45471</v>
      </c>
      <c r="F825" s="14" t="s">
        <v>15</v>
      </c>
      <c r="G825" s="16">
        <v>0</v>
      </c>
    </row>
    <row r="826" spans="1:7" x14ac:dyDescent="0.3">
      <c r="A826" s="13" t="s">
        <v>19</v>
      </c>
      <c r="B826" s="14" t="s">
        <v>1</v>
      </c>
      <c r="C826" s="14" t="s">
        <v>20</v>
      </c>
      <c r="D826" s="14" t="s">
        <v>21</v>
      </c>
      <c r="E826" s="15">
        <v>45472</v>
      </c>
      <c r="F826" s="14" t="s">
        <v>15</v>
      </c>
      <c r="G826" s="16">
        <v>0</v>
      </c>
    </row>
    <row r="827" spans="1:7" x14ac:dyDescent="0.3">
      <c r="A827" s="13" t="s">
        <v>19</v>
      </c>
      <c r="B827" s="14" t="s">
        <v>1</v>
      </c>
      <c r="C827" s="14" t="s">
        <v>20</v>
      </c>
      <c r="D827" s="14" t="s">
        <v>21</v>
      </c>
      <c r="E827" s="15">
        <v>45473</v>
      </c>
      <c r="F827" s="14" t="s">
        <v>15</v>
      </c>
      <c r="G827" s="16">
        <v>0</v>
      </c>
    </row>
    <row r="828" spans="1:7" x14ac:dyDescent="0.3">
      <c r="A828" s="13" t="s">
        <v>19</v>
      </c>
      <c r="B828" s="14" t="s">
        <v>1</v>
      </c>
      <c r="C828" s="14" t="s">
        <v>20</v>
      </c>
      <c r="D828" s="14" t="s">
        <v>21</v>
      </c>
      <c r="E828" s="15">
        <v>45474</v>
      </c>
      <c r="F828" s="14" t="s">
        <v>15</v>
      </c>
      <c r="G828" s="16">
        <v>0</v>
      </c>
    </row>
    <row r="829" spans="1:7" x14ac:dyDescent="0.3">
      <c r="A829" s="13" t="s">
        <v>19</v>
      </c>
      <c r="B829" s="14" t="s">
        <v>1</v>
      </c>
      <c r="C829" s="14" t="s">
        <v>20</v>
      </c>
      <c r="D829" s="14" t="s">
        <v>21</v>
      </c>
      <c r="E829" s="15">
        <v>45475</v>
      </c>
      <c r="F829" s="14" t="s">
        <v>15</v>
      </c>
      <c r="G829" s="16">
        <v>0</v>
      </c>
    </row>
    <row r="830" spans="1:7" x14ac:dyDescent="0.3">
      <c r="A830" s="13" t="s">
        <v>19</v>
      </c>
      <c r="B830" s="14" t="s">
        <v>1</v>
      </c>
      <c r="C830" s="14" t="s">
        <v>20</v>
      </c>
      <c r="D830" s="14" t="s">
        <v>21</v>
      </c>
      <c r="E830" s="15">
        <v>45476</v>
      </c>
      <c r="F830" s="14" t="s">
        <v>15</v>
      </c>
      <c r="G830" s="16">
        <v>0</v>
      </c>
    </row>
    <row r="831" spans="1:7" x14ac:dyDescent="0.3">
      <c r="A831" s="13" t="s">
        <v>19</v>
      </c>
      <c r="B831" s="14" t="s">
        <v>1</v>
      </c>
      <c r="C831" s="14" t="s">
        <v>20</v>
      </c>
      <c r="D831" s="14" t="s">
        <v>21</v>
      </c>
      <c r="E831" s="15">
        <v>45477</v>
      </c>
      <c r="F831" s="14" t="s">
        <v>15</v>
      </c>
      <c r="G831" s="16">
        <v>0</v>
      </c>
    </row>
    <row r="832" spans="1:7" x14ac:dyDescent="0.3">
      <c r="A832" s="13" t="s">
        <v>19</v>
      </c>
      <c r="B832" s="14" t="s">
        <v>1</v>
      </c>
      <c r="C832" s="14" t="s">
        <v>20</v>
      </c>
      <c r="D832" s="14" t="s">
        <v>21</v>
      </c>
      <c r="E832" s="15">
        <v>45478</v>
      </c>
      <c r="F832" s="14" t="s">
        <v>15</v>
      </c>
      <c r="G832" s="16">
        <v>0</v>
      </c>
    </row>
    <row r="833" spans="1:7" x14ac:dyDescent="0.3">
      <c r="A833" s="13" t="s">
        <v>19</v>
      </c>
      <c r="B833" s="14" t="s">
        <v>1</v>
      </c>
      <c r="C833" s="14" t="s">
        <v>20</v>
      </c>
      <c r="D833" s="14" t="s">
        <v>21</v>
      </c>
      <c r="E833" s="15">
        <v>45479</v>
      </c>
      <c r="F833" s="14" t="s">
        <v>15</v>
      </c>
      <c r="G833" s="16">
        <v>0</v>
      </c>
    </row>
    <row r="834" spans="1:7" x14ac:dyDescent="0.3">
      <c r="A834" s="13" t="s">
        <v>19</v>
      </c>
      <c r="B834" s="14" t="s">
        <v>1</v>
      </c>
      <c r="C834" s="14" t="s">
        <v>20</v>
      </c>
      <c r="D834" s="14" t="s">
        <v>21</v>
      </c>
      <c r="E834" s="15">
        <v>45480</v>
      </c>
      <c r="F834" s="14" t="s">
        <v>15</v>
      </c>
      <c r="G834" s="16">
        <v>0</v>
      </c>
    </row>
    <row r="835" spans="1:7" x14ac:dyDescent="0.3">
      <c r="A835" s="13" t="s">
        <v>19</v>
      </c>
      <c r="B835" s="14" t="s">
        <v>1</v>
      </c>
      <c r="C835" s="14" t="s">
        <v>20</v>
      </c>
      <c r="D835" s="14" t="s">
        <v>21</v>
      </c>
      <c r="E835" s="15">
        <v>45481</v>
      </c>
      <c r="F835" s="14" t="s">
        <v>15</v>
      </c>
      <c r="G835" s="16">
        <v>0</v>
      </c>
    </row>
    <row r="836" spans="1:7" x14ac:dyDescent="0.3">
      <c r="A836" s="13" t="s">
        <v>19</v>
      </c>
      <c r="B836" s="14" t="s">
        <v>1</v>
      </c>
      <c r="C836" s="14" t="s">
        <v>20</v>
      </c>
      <c r="D836" s="14" t="s">
        <v>21</v>
      </c>
      <c r="E836" s="15">
        <v>45482</v>
      </c>
      <c r="F836" s="14" t="s">
        <v>15</v>
      </c>
      <c r="G836" s="16">
        <v>0</v>
      </c>
    </row>
    <row r="837" spans="1:7" x14ac:dyDescent="0.3">
      <c r="A837" s="13" t="s">
        <v>19</v>
      </c>
      <c r="B837" s="14" t="s">
        <v>1</v>
      </c>
      <c r="C837" s="14" t="s">
        <v>20</v>
      </c>
      <c r="D837" s="14" t="s">
        <v>21</v>
      </c>
      <c r="E837" s="15">
        <v>45483</v>
      </c>
      <c r="F837" s="14" t="s">
        <v>15</v>
      </c>
      <c r="G837" s="16">
        <v>0</v>
      </c>
    </row>
    <row r="838" spans="1:7" x14ac:dyDescent="0.3">
      <c r="A838" s="13" t="s">
        <v>19</v>
      </c>
      <c r="B838" s="14" t="s">
        <v>1</v>
      </c>
      <c r="C838" s="14" t="s">
        <v>20</v>
      </c>
      <c r="D838" s="14" t="s">
        <v>21</v>
      </c>
      <c r="E838" s="15">
        <v>45484</v>
      </c>
      <c r="F838" s="14" t="s">
        <v>15</v>
      </c>
      <c r="G838" s="16">
        <v>0</v>
      </c>
    </row>
    <row r="839" spans="1:7" x14ac:dyDescent="0.3">
      <c r="A839" s="13" t="s">
        <v>19</v>
      </c>
      <c r="B839" s="14" t="s">
        <v>1</v>
      </c>
      <c r="C839" s="14" t="s">
        <v>20</v>
      </c>
      <c r="D839" s="14" t="s">
        <v>21</v>
      </c>
      <c r="E839" s="15">
        <v>45485</v>
      </c>
      <c r="F839" s="14" t="s">
        <v>15</v>
      </c>
      <c r="G839" s="16">
        <v>0</v>
      </c>
    </row>
    <row r="840" spans="1:7" x14ac:dyDescent="0.3">
      <c r="A840" s="13" t="s">
        <v>19</v>
      </c>
      <c r="B840" s="14" t="s">
        <v>1</v>
      </c>
      <c r="C840" s="14" t="s">
        <v>20</v>
      </c>
      <c r="D840" s="14" t="s">
        <v>21</v>
      </c>
      <c r="E840" s="15">
        <v>45486</v>
      </c>
      <c r="F840" s="14" t="s">
        <v>15</v>
      </c>
      <c r="G840" s="16">
        <v>0</v>
      </c>
    </row>
    <row r="841" spans="1:7" x14ac:dyDescent="0.3">
      <c r="A841" s="13" t="s">
        <v>19</v>
      </c>
      <c r="B841" s="14" t="s">
        <v>1</v>
      </c>
      <c r="C841" s="14" t="s">
        <v>20</v>
      </c>
      <c r="D841" s="14" t="s">
        <v>21</v>
      </c>
      <c r="E841" s="15">
        <v>45487</v>
      </c>
      <c r="F841" s="14" t="s">
        <v>15</v>
      </c>
      <c r="G841" s="16">
        <v>0</v>
      </c>
    </row>
    <row r="842" spans="1:7" x14ac:dyDescent="0.3">
      <c r="A842" s="13" t="s">
        <v>19</v>
      </c>
      <c r="B842" s="14" t="s">
        <v>1</v>
      </c>
      <c r="C842" s="14" t="s">
        <v>20</v>
      </c>
      <c r="D842" s="14" t="s">
        <v>21</v>
      </c>
      <c r="E842" s="15">
        <v>45488</v>
      </c>
      <c r="F842" s="14" t="s">
        <v>15</v>
      </c>
      <c r="G842" s="16">
        <v>0</v>
      </c>
    </row>
    <row r="843" spans="1:7" x14ac:dyDescent="0.3">
      <c r="A843" s="13" t="s">
        <v>19</v>
      </c>
      <c r="B843" s="14" t="s">
        <v>1</v>
      </c>
      <c r="C843" s="14" t="s">
        <v>20</v>
      </c>
      <c r="D843" s="14" t="s">
        <v>21</v>
      </c>
      <c r="E843" s="15">
        <v>45489</v>
      </c>
      <c r="F843" s="14" t="s">
        <v>15</v>
      </c>
      <c r="G843" s="16">
        <v>0</v>
      </c>
    </row>
    <row r="844" spans="1:7" x14ac:dyDescent="0.3">
      <c r="A844" s="13" t="s">
        <v>19</v>
      </c>
      <c r="B844" s="14" t="s">
        <v>1</v>
      </c>
      <c r="C844" s="14" t="s">
        <v>20</v>
      </c>
      <c r="D844" s="14" t="s">
        <v>21</v>
      </c>
      <c r="E844" s="15">
        <v>45490</v>
      </c>
      <c r="F844" s="14" t="s">
        <v>15</v>
      </c>
      <c r="G844" s="16">
        <v>0</v>
      </c>
    </row>
    <row r="845" spans="1:7" x14ac:dyDescent="0.3">
      <c r="A845" s="13" t="s">
        <v>19</v>
      </c>
      <c r="B845" s="14" t="s">
        <v>1</v>
      </c>
      <c r="C845" s="14" t="s">
        <v>20</v>
      </c>
      <c r="D845" s="14" t="s">
        <v>21</v>
      </c>
      <c r="E845" s="15">
        <v>45491</v>
      </c>
      <c r="F845" s="14" t="s">
        <v>15</v>
      </c>
      <c r="G845" s="16">
        <v>0</v>
      </c>
    </row>
    <row r="846" spans="1:7" x14ac:dyDescent="0.3">
      <c r="A846" s="13" t="s">
        <v>19</v>
      </c>
      <c r="B846" s="14" t="s">
        <v>1</v>
      </c>
      <c r="C846" s="14" t="s">
        <v>20</v>
      </c>
      <c r="D846" s="14" t="s">
        <v>21</v>
      </c>
      <c r="E846" s="15">
        <v>45492</v>
      </c>
      <c r="F846" s="14" t="s">
        <v>15</v>
      </c>
      <c r="G846" s="16">
        <v>0</v>
      </c>
    </row>
    <row r="847" spans="1:7" x14ac:dyDescent="0.3">
      <c r="A847" s="13" t="s">
        <v>19</v>
      </c>
      <c r="B847" s="14" t="s">
        <v>1</v>
      </c>
      <c r="C847" s="14" t="s">
        <v>20</v>
      </c>
      <c r="D847" s="14" t="s">
        <v>21</v>
      </c>
      <c r="E847" s="15">
        <v>45493</v>
      </c>
      <c r="F847" s="14" t="s">
        <v>15</v>
      </c>
      <c r="G847" s="16">
        <v>0</v>
      </c>
    </row>
    <row r="848" spans="1:7" x14ac:dyDescent="0.3">
      <c r="A848" s="13" t="s">
        <v>19</v>
      </c>
      <c r="B848" s="14" t="s">
        <v>1</v>
      </c>
      <c r="C848" s="14" t="s">
        <v>20</v>
      </c>
      <c r="D848" s="14" t="s">
        <v>21</v>
      </c>
      <c r="E848" s="15">
        <v>45494</v>
      </c>
      <c r="F848" s="14" t="s">
        <v>15</v>
      </c>
      <c r="G848" s="16">
        <v>0</v>
      </c>
    </row>
    <row r="849" spans="1:7" x14ac:dyDescent="0.3">
      <c r="A849" s="13" t="s">
        <v>19</v>
      </c>
      <c r="B849" s="14" t="s">
        <v>1</v>
      </c>
      <c r="C849" s="14" t="s">
        <v>20</v>
      </c>
      <c r="D849" s="14" t="s">
        <v>21</v>
      </c>
      <c r="E849" s="15">
        <v>45495</v>
      </c>
      <c r="F849" s="14" t="s">
        <v>15</v>
      </c>
      <c r="G849" s="16">
        <v>0</v>
      </c>
    </row>
    <row r="850" spans="1:7" x14ac:dyDescent="0.3">
      <c r="A850" s="13" t="s">
        <v>19</v>
      </c>
      <c r="B850" s="14" t="s">
        <v>1</v>
      </c>
      <c r="C850" s="14" t="s">
        <v>20</v>
      </c>
      <c r="D850" s="14" t="s">
        <v>21</v>
      </c>
      <c r="E850" s="15">
        <v>45496</v>
      </c>
      <c r="F850" s="14" t="s">
        <v>15</v>
      </c>
      <c r="G850" s="16">
        <v>0</v>
      </c>
    </row>
    <row r="851" spans="1:7" x14ac:dyDescent="0.3">
      <c r="A851" s="13" t="s">
        <v>19</v>
      </c>
      <c r="B851" s="14" t="s">
        <v>1</v>
      </c>
      <c r="C851" s="14" t="s">
        <v>20</v>
      </c>
      <c r="D851" s="14" t="s">
        <v>21</v>
      </c>
      <c r="E851" s="15">
        <v>45497</v>
      </c>
      <c r="F851" s="14" t="s">
        <v>15</v>
      </c>
      <c r="G851" s="16">
        <v>0</v>
      </c>
    </row>
    <row r="852" spans="1:7" x14ac:dyDescent="0.3">
      <c r="A852" s="13" t="s">
        <v>19</v>
      </c>
      <c r="B852" s="14" t="s">
        <v>1</v>
      </c>
      <c r="C852" s="14" t="s">
        <v>20</v>
      </c>
      <c r="D852" s="14" t="s">
        <v>21</v>
      </c>
      <c r="E852" s="15">
        <v>45498</v>
      </c>
      <c r="F852" s="14" t="s">
        <v>15</v>
      </c>
      <c r="G852" s="16">
        <v>0</v>
      </c>
    </row>
    <row r="853" spans="1:7" x14ac:dyDescent="0.3">
      <c r="A853" s="13" t="s">
        <v>19</v>
      </c>
      <c r="B853" s="14" t="s">
        <v>1</v>
      </c>
      <c r="C853" s="14" t="s">
        <v>20</v>
      </c>
      <c r="D853" s="14" t="s">
        <v>21</v>
      </c>
      <c r="E853" s="15">
        <v>45499</v>
      </c>
      <c r="F853" s="14" t="s">
        <v>15</v>
      </c>
      <c r="G853" s="16">
        <v>0</v>
      </c>
    </row>
    <row r="854" spans="1:7" x14ac:dyDescent="0.3">
      <c r="A854" s="13" t="s">
        <v>19</v>
      </c>
      <c r="B854" s="14" t="s">
        <v>1</v>
      </c>
      <c r="C854" s="14" t="s">
        <v>20</v>
      </c>
      <c r="D854" s="14" t="s">
        <v>21</v>
      </c>
      <c r="E854" s="15">
        <v>45500</v>
      </c>
      <c r="F854" s="14" t="s">
        <v>15</v>
      </c>
      <c r="G854" s="16">
        <v>0</v>
      </c>
    </row>
    <row r="855" spans="1:7" x14ac:dyDescent="0.3">
      <c r="A855" s="13" t="s">
        <v>19</v>
      </c>
      <c r="B855" s="14" t="s">
        <v>1</v>
      </c>
      <c r="C855" s="14" t="s">
        <v>20</v>
      </c>
      <c r="D855" s="14" t="s">
        <v>21</v>
      </c>
      <c r="E855" s="15">
        <v>45501</v>
      </c>
      <c r="F855" s="14" t="s">
        <v>15</v>
      </c>
      <c r="G855" s="16">
        <v>0</v>
      </c>
    </row>
    <row r="856" spans="1:7" x14ac:dyDescent="0.3">
      <c r="A856" s="13" t="s">
        <v>19</v>
      </c>
      <c r="B856" s="14" t="s">
        <v>1</v>
      </c>
      <c r="C856" s="14" t="s">
        <v>20</v>
      </c>
      <c r="D856" s="14" t="s">
        <v>21</v>
      </c>
      <c r="E856" s="15">
        <v>45502</v>
      </c>
      <c r="F856" s="14" t="s">
        <v>15</v>
      </c>
      <c r="G856" s="16">
        <v>0</v>
      </c>
    </row>
    <row r="857" spans="1:7" x14ac:dyDescent="0.3">
      <c r="A857" s="13" t="s">
        <v>19</v>
      </c>
      <c r="B857" s="14" t="s">
        <v>1</v>
      </c>
      <c r="C857" s="14" t="s">
        <v>20</v>
      </c>
      <c r="D857" s="14" t="s">
        <v>21</v>
      </c>
      <c r="E857" s="15">
        <v>45503</v>
      </c>
      <c r="F857" s="14" t="s">
        <v>15</v>
      </c>
      <c r="G857" s="16">
        <v>0</v>
      </c>
    </row>
    <row r="858" spans="1:7" x14ac:dyDescent="0.3">
      <c r="A858" s="13" t="s">
        <v>19</v>
      </c>
      <c r="B858" s="14" t="s">
        <v>1</v>
      </c>
      <c r="C858" s="14" t="s">
        <v>20</v>
      </c>
      <c r="D858" s="14" t="s">
        <v>21</v>
      </c>
      <c r="E858" s="15">
        <v>45504</v>
      </c>
      <c r="F858" s="14" t="s">
        <v>15</v>
      </c>
      <c r="G858" s="16">
        <v>0</v>
      </c>
    </row>
    <row r="859" spans="1:7" x14ac:dyDescent="0.3">
      <c r="A859" s="13" t="s">
        <v>19</v>
      </c>
      <c r="B859" s="14" t="s">
        <v>1</v>
      </c>
      <c r="C859" s="14" t="s">
        <v>20</v>
      </c>
      <c r="D859" s="14" t="s">
        <v>21</v>
      </c>
      <c r="E859" s="15">
        <v>45505</v>
      </c>
      <c r="F859" s="14" t="s">
        <v>15</v>
      </c>
      <c r="G859" s="16">
        <v>0</v>
      </c>
    </row>
    <row r="860" spans="1:7" x14ac:dyDescent="0.3">
      <c r="A860" s="13" t="s">
        <v>19</v>
      </c>
      <c r="B860" s="14" t="s">
        <v>1</v>
      </c>
      <c r="C860" s="14" t="s">
        <v>20</v>
      </c>
      <c r="D860" s="14" t="s">
        <v>21</v>
      </c>
      <c r="E860" s="15">
        <v>45506</v>
      </c>
      <c r="F860" s="14" t="s">
        <v>15</v>
      </c>
      <c r="G860" s="16">
        <v>0</v>
      </c>
    </row>
    <row r="861" spans="1:7" x14ac:dyDescent="0.3">
      <c r="A861" s="13" t="s">
        <v>19</v>
      </c>
      <c r="B861" s="14" t="s">
        <v>1</v>
      </c>
      <c r="C861" s="14" t="s">
        <v>20</v>
      </c>
      <c r="D861" s="14" t="s">
        <v>21</v>
      </c>
      <c r="E861" s="15">
        <v>45507</v>
      </c>
      <c r="F861" s="14" t="s">
        <v>15</v>
      </c>
      <c r="G861" s="16">
        <v>0</v>
      </c>
    </row>
    <row r="862" spans="1:7" x14ac:dyDescent="0.3">
      <c r="A862" s="13" t="s">
        <v>19</v>
      </c>
      <c r="B862" s="14" t="s">
        <v>1</v>
      </c>
      <c r="C862" s="14" t="s">
        <v>20</v>
      </c>
      <c r="D862" s="14" t="s">
        <v>21</v>
      </c>
      <c r="E862" s="15">
        <v>45508</v>
      </c>
      <c r="F862" s="14" t="s">
        <v>15</v>
      </c>
      <c r="G862" s="16">
        <v>0</v>
      </c>
    </row>
    <row r="863" spans="1:7" x14ac:dyDescent="0.3">
      <c r="A863" s="13" t="s">
        <v>19</v>
      </c>
      <c r="B863" s="14" t="s">
        <v>1</v>
      </c>
      <c r="C863" s="14" t="s">
        <v>20</v>
      </c>
      <c r="D863" s="14" t="s">
        <v>21</v>
      </c>
      <c r="E863" s="15">
        <v>45509</v>
      </c>
      <c r="F863" s="14" t="s">
        <v>15</v>
      </c>
      <c r="G863" s="16">
        <v>0</v>
      </c>
    </row>
    <row r="864" spans="1:7" x14ac:dyDescent="0.3">
      <c r="A864" s="13" t="s">
        <v>19</v>
      </c>
      <c r="B864" s="14" t="s">
        <v>1</v>
      </c>
      <c r="C864" s="14" t="s">
        <v>20</v>
      </c>
      <c r="D864" s="14" t="s">
        <v>21</v>
      </c>
      <c r="E864" s="15">
        <v>45510</v>
      </c>
      <c r="F864" s="14" t="s">
        <v>15</v>
      </c>
      <c r="G864" s="16">
        <v>0</v>
      </c>
    </row>
    <row r="865" spans="1:7" x14ac:dyDescent="0.3">
      <c r="A865" s="13" t="s">
        <v>19</v>
      </c>
      <c r="B865" s="14" t="s">
        <v>1</v>
      </c>
      <c r="C865" s="14" t="s">
        <v>20</v>
      </c>
      <c r="D865" s="14" t="s">
        <v>21</v>
      </c>
      <c r="E865" s="15">
        <v>45511</v>
      </c>
      <c r="F865" s="14" t="s">
        <v>15</v>
      </c>
      <c r="G865" s="16">
        <v>0</v>
      </c>
    </row>
    <row r="866" spans="1:7" x14ac:dyDescent="0.3">
      <c r="A866" s="13" t="s">
        <v>19</v>
      </c>
      <c r="B866" s="14" t="s">
        <v>1</v>
      </c>
      <c r="C866" s="14" t="s">
        <v>20</v>
      </c>
      <c r="D866" s="14" t="s">
        <v>21</v>
      </c>
      <c r="E866" s="15">
        <v>45512</v>
      </c>
      <c r="F866" s="14" t="s">
        <v>15</v>
      </c>
      <c r="G866" s="16">
        <v>0</v>
      </c>
    </row>
    <row r="867" spans="1:7" x14ac:dyDescent="0.3">
      <c r="A867" s="13" t="s">
        <v>19</v>
      </c>
      <c r="B867" s="14" t="s">
        <v>1</v>
      </c>
      <c r="C867" s="14" t="s">
        <v>20</v>
      </c>
      <c r="D867" s="14" t="s">
        <v>21</v>
      </c>
      <c r="E867" s="15">
        <v>45513</v>
      </c>
      <c r="F867" s="14" t="s">
        <v>15</v>
      </c>
      <c r="G867" s="16">
        <v>0</v>
      </c>
    </row>
    <row r="868" spans="1:7" x14ac:dyDescent="0.3">
      <c r="A868" s="13" t="s">
        <v>19</v>
      </c>
      <c r="B868" s="14" t="s">
        <v>1</v>
      </c>
      <c r="C868" s="14" t="s">
        <v>20</v>
      </c>
      <c r="D868" s="14" t="s">
        <v>21</v>
      </c>
      <c r="E868" s="15">
        <v>45514</v>
      </c>
      <c r="F868" s="14" t="s">
        <v>15</v>
      </c>
      <c r="G868" s="16">
        <v>0</v>
      </c>
    </row>
    <row r="869" spans="1:7" x14ac:dyDescent="0.3">
      <c r="A869" s="13" t="s">
        <v>19</v>
      </c>
      <c r="B869" s="14" t="s">
        <v>1</v>
      </c>
      <c r="C869" s="14" t="s">
        <v>20</v>
      </c>
      <c r="D869" s="14" t="s">
        <v>21</v>
      </c>
      <c r="E869" s="15">
        <v>45515</v>
      </c>
      <c r="F869" s="14" t="s">
        <v>15</v>
      </c>
      <c r="G869" s="16">
        <v>0</v>
      </c>
    </row>
    <row r="870" spans="1:7" x14ac:dyDescent="0.3">
      <c r="A870" s="13" t="s">
        <v>19</v>
      </c>
      <c r="B870" s="14" t="s">
        <v>1</v>
      </c>
      <c r="C870" s="14" t="s">
        <v>20</v>
      </c>
      <c r="D870" s="14" t="s">
        <v>21</v>
      </c>
      <c r="E870" s="15">
        <v>45516</v>
      </c>
      <c r="F870" s="14" t="s">
        <v>15</v>
      </c>
      <c r="G870" s="16">
        <v>0</v>
      </c>
    </row>
    <row r="871" spans="1:7" x14ac:dyDescent="0.3">
      <c r="A871" s="13" t="s">
        <v>19</v>
      </c>
      <c r="B871" s="14" t="s">
        <v>1</v>
      </c>
      <c r="C871" s="14" t="s">
        <v>20</v>
      </c>
      <c r="D871" s="14" t="s">
        <v>21</v>
      </c>
      <c r="E871" s="15">
        <v>45517</v>
      </c>
      <c r="F871" s="14" t="s">
        <v>15</v>
      </c>
      <c r="G871" s="16">
        <v>0</v>
      </c>
    </row>
    <row r="872" spans="1:7" x14ac:dyDescent="0.3">
      <c r="A872" s="13" t="s">
        <v>19</v>
      </c>
      <c r="B872" s="14" t="s">
        <v>1</v>
      </c>
      <c r="C872" s="14" t="s">
        <v>20</v>
      </c>
      <c r="D872" s="14" t="s">
        <v>21</v>
      </c>
      <c r="E872" s="15">
        <v>45518</v>
      </c>
      <c r="F872" s="14" t="s">
        <v>15</v>
      </c>
      <c r="G872" s="16">
        <v>0</v>
      </c>
    </row>
    <row r="873" spans="1:7" x14ac:dyDescent="0.3">
      <c r="A873" s="13" t="s">
        <v>19</v>
      </c>
      <c r="B873" s="14" t="s">
        <v>1</v>
      </c>
      <c r="C873" s="14" t="s">
        <v>20</v>
      </c>
      <c r="D873" s="14" t="s">
        <v>21</v>
      </c>
      <c r="E873" s="15">
        <v>45519</v>
      </c>
      <c r="F873" s="14" t="s">
        <v>15</v>
      </c>
      <c r="G873" s="16">
        <v>0</v>
      </c>
    </row>
    <row r="874" spans="1:7" x14ac:dyDescent="0.3">
      <c r="A874" s="13" t="s">
        <v>19</v>
      </c>
      <c r="B874" s="14" t="s">
        <v>1</v>
      </c>
      <c r="C874" s="14" t="s">
        <v>20</v>
      </c>
      <c r="D874" s="14" t="s">
        <v>21</v>
      </c>
      <c r="E874" s="15">
        <v>45520</v>
      </c>
      <c r="F874" s="14" t="s">
        <v>15</v>
      </c>
      <c r="G874" s="16">
        <v>0</v>
      </c>
    </row>
    <row r="875" spans="1:7" x14ac:dyDescent="0.3">
      <c r="A875" s="13" t="s">
        <v>19</v>
      </c>
      <c r="B875" s="14" t="s">
        <v>1</v>
      </c>
      <c r="C875" s="14" t="s">
        <v>20</v>
      </c>
      <c r="D875" s="14" t="s">
        <v>21</v>
      </c>
      <c r="E875" s="15">
        <v>45521</v>
      </c>
      <c r="F875" s="14" t="s">
        <v>15</v>
      </c>
      <c r="G875" s="16">
        <v>0</v>
      </c>
    </row>
    <row r="876" spans="1:7" x14ac:dyDescent="0.3">
      <c r="A876" s="13" t="s">
        <v>19</v>
      </c>
      <c r="B876" s="14" t="s">
        <v>1</v>
      </c>
      <c r="C876" s="14" t="s">
        <v>20</v>
      </c>
      <c r="D876" s="14" t="s">
        <v>21</v>
      </c>
      <c r="E876" s="15">
        <v>45522</v>
      </c>
      <c r="F876" s="14" t="s">
        <v>15</v>
      </c>
      <c r="G876" s="16">
        <v>0</v>
      </c>
    </row>
    <row r="877" spans="1:7" x14ac:dyDescent="0.3">
      <c r="A877" s="13" t="s">
        <v>19</v>
      </c>
      <c r="B877" s="14" t="s">
        <v>1</v>
      </c>
      <c r="C877" s="14" t="s">
        <v>20</v>
      </c>
      <c r="D877" s="14" t="s">
        <v>21</v>
      </c>
      <c r="E877" s="15">
        <v>45523</v>
      </c>
      <c r="F877" s="14" t="s">
        <v>15</v>
      </c>
      <c r="G877" s="16">
        <v>0</v>
      </c>
    </row>
    <row r="878" spans="1:7" x14ac:dyDescent="0.3">
      <c r="A878" s="13" t="s">
        <v>19</v>
      </c>
      <c r="B878" s="14" t="s">
        <v>1</v>
      </c>
      <c r="C878" s="14" t="s">
        <v>20</v>
      </c>
      <c r="D878" s="14" t="s">
        <v>21</v>
      </c>
      <c r="E878" s="15">
        <v>45524</v>
      </c>
      <c r="F878" s="14" t="s">
        <v>15</v>
      </c>
      <c r="G878" s="16">
        <v>0</v>
      </c>
    </row>
    <row r="879" spans="1:7" x14ac:dyDescent="0.3">
      <c r="A879" s="13" t="s">
        <v>19</v>
      </c>
      <c r="B879" s="14" t="s">
        <v>1</v>
      </c>
      <c r="C879" s="14" t="s">
        <v>20</v>
      </c>
      <c r="D879" s="14" t="s">
        <v>21</v>
      </c>
      <c r="E879" s="15">
        <v>45525</v>
      </c>
      <c r="F879" s="14" t="s">
        <v>15</v>
      </c>
      <c r="G879" s="16">
        <v>0</v>
      </c>
    </row>
    <row r="880" spans="1:7" x14ac:dyDescent="0.3">
      <c r="A880" s="13" t="s">
        <v>19</v>
      </c>
      <c r="B880" s="14" t="s">
        <v>1</v>
      </c>
      <c r="C880" s="14" t="s">
        <v>20</v>
      </c>
      <c r="D880" s="14" t="s">
        <v>21</v>
      </c>
      <c r="E880" s="15">
        <v>45526</v>
      </c>
      <c r="F880" s="14" t="s">
        <v>15</v>
      </c>
      <c r="G880" s="16">
        <v>0</v>
      </c>
    </row>
    <row r="881" spans="1:7" x14ac:dyDescent="0.3">
      <c r="A881" s="13" t="s">
        <v>19</v>
      </c>
      <c r="B881" s="14" t="s">
        <v>1</v>
      </c>
      <c r="C881" s="14" t="s">
        <v>20</v>
      </c>
      <c r="D881" s="14" t="s">
        <v>21</v>
      </c>
      <c r="E881" s="15">
        <v>45527</v>
      </c>
      <c r="F881" s="14" t="s">
        <v>15</v>
      </c>
      <c r="G881" s="16">
        <v>0</v>
      </c>
    </row>
    <row r="882" spans="1:7" x14ac:dyDescent="0.3">
      <c r="A882" s="13" t="s">
        <v>19</v>
      </c>
      <c r="B882" s="14" t="s">
        <v>1</v>
      </c>
      <c r="C882" s="14" t="s">
        <v>20</v>
      </c>
      <c r="D882" s="14" t="s">
        <v>21</v>
      </c>
      <c r="E882" s="15">
        <v>45528</v>
      </c>
      <c r="F882" s="14" t="s">
        <v>15</v>
      </c>
      <c r="G882" s="16">
        <v>0</v>
      </c>
    </row>
    <row r="883" spans="1:7" x14ac:dyDescent="0.3">
      <c r="A883" s="13" t="s">
        <v>19</v>
      </c>
      <c r="B883" s="14" t="s">
        <v>1</v>
      </c>
      <c r="C883" s="14" t="s">
        <v>20</v>
      </c>
      <c r="D883" s="14" t="s">
        <v>21</v>
      </c>
      <c r="E883" s="15">
        <v>45529</v>
      </c>
      <c r="F883" s="14" t="s">
        <v>15</v>
      </c>
      <c r="G883" s="16">
        <v>0</v>
      </c>
    </row>
    <row r="884" spans="1:7" x14ac:dyDescent="0.3">
      <c r="A884" s="13" t="s">
        <v>19</v>
      </c>
      <c r="B884" s="14" t="s">
        <v>1</v>
      </c>
      <c r="C884" s="14" t="s">
        <v>20</v>
      </c>
      <c r="D884" s="14" t="s">
        <v>21</v>
      </c>
      <c r="E884" s="15">
        <v>45530</v>
      </c>
      <c r="F884" s="14" t="s">
        <v>15</v>
      </c>
      <c r="G884" s="16">
        <v>0</v>
      </c>
    </row>
    <row r="885" spans="1:7" x14ac:dyDescent="0.3">
      <c r="A885" s="13" t="s">
        <v>19</v>
      </c>
      <c r="B885" s="14" t="s">
        <v>1</v>
      </c>
      <c r="C885" s="14" t="s">
        <v>20</v>
      </c>
      <c r="D885" s="14" t="s">
        <v>21</v>
      </c>
      <c r="E885" s="15">
        <v>45531</v>
      </c>
      <c r="F885" s="14" t="s">
        <v>15</v>
      </c>
      <c r="G885" s="16">
        <v>0</v>
      </c>
    </row>
    <row r="886" spans="1:7" x14ac:dyDescent="0.3">
      <c r="A886" s="13" t="s">
        <v>19</v>
      </c>
      <c r="B886" s="14" t="s">
        <v>1</v>
      </c>
      <c r="C886" s="14" t="s">
        <v>20</v>
      </c>
      <c r="D886" s="14" t="s">
        <v>21</v>
      </c>
      <c r="E886" s="15">
        <v>45532</v>
      </c>
      <c r="F886" s="14" t="s">
        <v>15</v>
      </c>
      <c r="G886" s="16">
        <v>0</v>
      </c>
    </row>
    <row r="887" spans="1:7" x14ac:dyDescent="0.3">
      <c r="A887" s="13" t="s">
        <v>19</v>
      </c>
      <c r="B887" s="14" t="s">
        <v>1</v>
      </c>
      <c r="C887" s="14" t="s">
        <v>20</v>
      </c>
      <c r="D887" s="14" t="s">
        <v>21</v>
      </c>
      <c r="E887" s="15">
        <v>45533</v>
      </c>
      <c r="F887" s="14" t="s">
        <v>15</v>
      </c>
      <c r="G887" s="16">
        <v>0</v>
      </c>
    </row>
    <row r="888" spans="1:7" x14ac:dyDescent="0.3">
      <c r="A888" s="13" t="s">
        <v>19</v>
      </c>
      <c r="B888" s="14" t="s">
        <v>1</v>
      </c>
      <c r="C888" s="14" t="s">
        <v>20</v>
      </c>
      <c r="D888" s="14" t="s">
        <v>21</v>
      </c>
      <c r="E888" s="15">
        <v>45534</v>
      </c>
      <c r="F888" s="14" t="s">
        <v>15</v>
      </c>
      <c r="G888" s="16">
        <v>0</v>
      </c>
    </row>
    <row r="889" spans="1:7" x14ac:dyDescent="0.3">
      <c r="A889" s="13" t="s">
        <v>19</v>
      </c>
      <c r="B889" s="14" t="s">
        <v>1</v>
      </c>
      <c r="C889" s="14" t="s">
        <v>20</v>
      </c>
      <c r="D889" s="14" t="s">
        <v>21</v>
      </c>
      <c r="E889" s="15">
        <v>45535</v>
      </c>
      <c r="F889" s="14" t="s">
        <v>15</v>
      </c>
      <c r="G889" s="16">
        <v>0</v>
      </c>
    </row>
    <row r="890" spans="1:7" x14ac:dyDescent="0.3">
      <c r="A890" s="13" t="s">
        <v>19</v>
      </c>
      <c r="B890" s="14" t="s">
        <v>1</v>
      </c>
      <c r="C890" s="14" t="s">
        <v>20</v>
      </c>
      <c r="D890" s="14" t="s">
        <v>21</v>
      </c>
      <c r="E890" s="15">
        <v>45536</v>
      </c>
      <c r="F890" s="14" t="s">
        <v>15</v>
      </c>
      <c r="G890" s="16">
        <v>0</v>
      </c>
    </row>
    <row r="891" spans="1:7" x14ac:dyDescent="0.3">
      <c r="A891" s="13" t="s">
        <v>19</v>
      </c>
      <c r="B891" s="14" t="s">
        <v>1</v>
      </c>
      <c r="C891" s="14" t="s">
        <v>20</v>
      </c>
      <c r="D891" s="14" t="s">
        <v>21</v>
      </c>
      <c r="E891" s="15">
        <v>45537</v>
      </c>
      <c r="F891" s="14" t="s">
        <v>15</v>
      </c>
      <c r="G891" s="16">
        <v>0</v>
      </c>
    </row>
    <row r="892" spans="1:7" x14ac:dyDescent="0.3">
      <c r="A892" s="13" t="s">
        <v>19</v>
      </c>
      <c r="B892" s="14" t="s">
        <v>1</v>
      </c>
      <c r="C892" s="14" t="s">
        <v>20</v>
      </c>
      <c r="D892" s="14" t="s">
        <v>21</v>
      </c>
      <c r="E892" s="15">
        <v>45538</v>
      </c>
      <c r="F892" s="14" t="s">
        <v>15</v>
      </c>
      <c r="G892" s="16">
        <v>0</v>
      </c>
    </row>
    <row r="893" spans="1:7" x14ac:dyDescent="0.3">
      <c r="A893" s="13" t="s">
        <v>19</v>
      </c>
      <c r="B893" s="14" t="s">
        <v>1</v>
      </c>
      <c r="C893" s="14" t="s">
        <v>20</v>
      </c>
      <c r="D893" s="14" t="s">
        <v>21</v>
      </c>
      <c r="E893" s="15">
        <v>45539</v>
      </c>
      <c r="F893" s="14" t="s">
        <v>15</v>
      </c>
      <c r="G893" s="16">
        <v>0</v>
      </c>
    </row>
    <row r="894" spans="1:7" x14ac:dyDescent="0.3">
      <c r="A894" s="13" t="s">
        <v>19</v>
      </c>
      <c r="B894" s="14" t="s">
        <v>1</v>
      </c>
      <c r="C894" s="14" t="s">
        <v>20</v>
      </c>
      <c r="D894" s="14" t="s">
        <v>21</v>
      </c>
      <c r="E894" s="15">
        <v>45540</v>
      </c>
      <c r="F894" s="14" t="s">
        <v>15</v>
      </c>
      <c r="G894" s="16">
        <v>0</v>
      </c>
    </row>
    <row r="895" spans="1:7" x14ac:dyDescent="0.3">
      <c r="A895" s="13" t="s">
        <v>19</v>
      </c>
      <c r="B895" s="14" t="s">
        <v>1</v>
      </c>
      <c r="C895" s="14" t="s">
        <v>20</v>
      </c>
      <c r="D895" s="14" t="s">
        <v>21</v>
      </c>
      <c r="E895" s="15">
        <v>45541</v>
      </c>
      <c r="F895" s="14" t="s">
        <v>15</v>
      </c>
      <c r="G895" s="16">
        <v>0</v>
      </c>
    </row>
    <row r="896" spans="1:7" x14ac:dyDescent="0.3">
      <c r="A896" s="13" t="s">
        <v>19</v>
      </c>
      <c r="B896" s="14" t="s">
        <v>1</v>
      </c>
      <c r="C896" s="14" t="s">
        <v>20</v>
      </c>
      <c r="D896" s="14" t="s">
        <v>21</v>
      </c>
      <c r="E896" s="15">
        <v>45542</v>
      </c>
      <c r="F896" s="14" t="s">
        <v>15</v>
      </c>
      <c r="G896" s="16">
        <v>0</v>
      </c>
    </row>
    <row r="897" spans="1:7" x14ac:dyDescent="0.3">
      <c r="A897" s="13" t="s">
        <v>19</v>
      </c>
      <c r="B897" s="14" t="s">
        <v>1</v>
      </c>
      <c r="C897" s="14" t="s">
        <v>20</v>
      </c>
      <c r="D897" s="14" t="s">
        <v>21</v>
      </c>
      <c r="E897" s="15">
        <v>45543</v>
      </c>
      <c r="F897" s="14" t="s">
        <v>15</v>
      </c>
      <c r="G897" s="16">
        <v>0</v>
      </c>
    </row>
    <row r="898" spans="1:7" x14ac:dyDescent="0.3">
      <c r="A898" s="13" t="s">
        <v>19</v>
      </c>
      <c r="B898" s="14" t="s">
        <v>1</v>
      </c>
      <c r="C898" s="14" t="s">
        <v>20</v>
      </c>
      <c r="D898" s="14" t="s">
        <v>21</v>
      </c>
      <c r="E898" s="15">
        <v>45544</v>
      </c>
      <c r="F898" s="14" t="s">
        <v>15</v>
      </c>
      <c r="G898" s="16">
        <v>0</v>
      </c>
    </row>
    <row r="899" spans="1:7" x14ac:dyDescent="0.3">
      <c r="A899" s="13" t="s">
        <v>19</v>
      </c>
      <c r="B899" s="14" t="s">
        <v>1</v>
      </c>
      <c r="C899" s="14" t="s">
        <v>20</v>
      </c>
      <c r="D899" s="14" t="s">
        <v>21</v>
      </c>
      <c r="E899" s="15">
        <v>45545</v>
      </c>
      <c r="F899" s="14" t="s">
        <v>15</v>
      </c>
      <c r="G899" s="16">
        <v>0</v>
      </c>
    </row>
    <row r="900" spans="1:7" x14ac:dyDescent="0.3">
      <c r="A900" s="13" t="s">
        <v>19</v>
      </c>
      <c r="B900" s="14" t="s">
        <v>1</v>
      </c>
      <c r="C900" s="14" t="s">
        <v>20</v>
      </c>
      <c r="D900" s="14" t="s">
        <v>21</v>
      </c>
      <c r="E900" s="15">
        <v>45546</v>
      </c>
      <c r="F900" s="14" t="s">
        <v>15</v>
      </c>
      <c r="G900" s="16">
        <v>0</v>
      </c>
    </row>
    <row r="901" spans="1:7" x14ac:dyDescent="0.3">
      <c r="A901" s="13" t="s">
        <v>19</v>
      </c>
      <c r="B901" s="14" t="s">
        <v>1</v>
      </c>
      <c r="C901" s="14" t="s">
        <v>20</v>
      </c>
      <c r="D901" s="14" t="s">
        <v>21</v>
      </c>
      <c r="E901" s="15">
        <v>45547</v>
      </c>
      <c r="F901" s="14" t="s">
        <v>15</v>
      </c>
      <c r="G901" s="16">
        <v>0</v>
      </c>
    </row>
    <row r="902" spans="1:7" x14ac:dyDescent="0.3">
      <c r="A902" s="13" t="s">
        <v>19</v>
      </c>
      <c r="B902" s="14" t="s">
        <v>1</v>
      </c>
      <c r="C902" s="14" t="s">
        <v>20</v>
      </c>
      <c r="D902" s="14" t="s">
        <v>21</v>
      </c>
      <c r="E902" s="15">
        <v>45548</v>
      </c>
      <c r="F902" s="14" t="s">
        <v>15</v>
      </c>
      <c r="G902" s="16">
        <v>0</v>
      </c>
    </row>
    <row r="903" spans="1:7" x14ac:dyDescent="0.3">
      <c r="A903" s="13" t="s">
        <v>19</v>
      </c>
      <c r="B903" s="14" t="s">
        <v>1</v>
      </c>
      <c r="C903" s="14" t="s">
        <v>20</v>
      </c>
      <c r="D903" s="14" t="s">
        <v>21</v>
      </c>
      <c r="E903" s="15">
        <v>45549</v>
      </c>
      <c r="F903" s="14" t="s">
        <v>15</v>
      </c>
      <c r="G903" s="16">
        <v>0</v>
      </c>
    </row>
    <row r="904" spans="1:7" x14ac:dyDescent="0.3">
      <c r="A904" s="13" t="s">
        <v>19</v>
      </c>
      <c r="B904" s="14" t="s">
        <v>1</v>
      </c>
      <c r="C904" s="14" t="s">
        <v>20</v>
      </c>
      <c r="D904" s="14" t="s">
        <v>21</v>
      </c>
      <c r="E904" s="15">
        <v>45550</v>
      </c>
      <c r="F904" s="14" t="s">
        <v>15</v>
      </c>
      <c r="G904" s="16">
        <v>0</v>
      </c>
    </row>
    <row r="905" spans="1:7" x14ac:dyDescent="0.3">
      <c r="A905" s="13" t="s">
        <v>19</v>
      </c>
      <c r="B905" s="14" t="s">
        <v>1</v>
      </c>
      <c r="C905" s="14" t="s">
        <v>20</v>
      </c>
      <c r="D905" s="14" t="s">
        <v>21</v>
      </c>
      <c r="E905" s="15">
        <v>45551</v>
      </c>
      <c r="F905" s="14" t="s">
        <v>15</v>
      </c>
      <c r="G905" s="16">
        <v>0</v>
      </c>
    </row>
    <row r="906" spans="1:7" x14ac:dyDescent="0.3">
      <c r="A906" s="13" t="s">
        <v>19</v>
      </c>
      <c r="B906" s="14" t="s">
        <v>1</v>
      </c>
      <c r="C906" s="14" t="s">
        <v>20</v>
      </c>
      <c r="D906" s="14" t="s">
        <v>21</v>
      </c>
      <c r="E906" s="15">
        <v>45552</v>
      </c>
      <c r="F906" s="14" t="s">
        <v>15</v>
      </c>
      <c r="G906" s="16">
        <v>0</v>
      </c>
    </row>
    <row r="907" spans="1:7" x14ac:dyDescent="0.3">
      <c r="A907" s="13" t="s">
        <v>19</v>
      </c>
      <c r="B907" s="14" t="s">
        <v>1</v>
      </c>
      <c r="C907" s="14" t="s">
        <v>20</v>
      </c>
      <c r="D907" s="14" t="s">
        <v>21</v>
      </c>
      <c r="E907" s="15">
        <v>45553</v>
      </c>
      <c r="F907" s="14" t="s">
        <v>15</v>
      </c>
      <c r="G907" s="16">
        <v>0</v>
      </c>
    </row>
    <row r="908" spans="1:7" x14ac:dyDescent="0.3">
      <c r="A908" s="13" t="s">
        <v>19</v>
      </c>
      <c r="B908" s="14" t="s">
        <v>1</v>
      </c>
      <c r="C908" s="14" t="s">
        <v>20</v>
      </c>
      <c r="D908" s="14" t="s">
        <v>21</v>
      </c>
      <c r="E908" s="15">
        <v>45554</v>
      </c>
      <c r="F908" s="14" t="s">
        <v>15</v>
      </c>
      <c r="G908" s="16">
        <v>0</v>
      </c>
    </row>
    <row r="909" spans="1:7" x14ac:dyDescent="0.3">
      <c r="A909" s="13" t="s">
        <v>19</v>
      </c>
      <c r="B909" s="14" t="s">
        <v>1</v>
      </c>
      <c r="C909" s="14" t="s">
        <v>20</v>
      </c>
      <c r="D909" s="14" t="s">
        <v>21</v>
      </c>
      <c r="E909" s="15">
        <v>45555</v>
      </c>
      <c r="F909" s="14" t="s">
        <v>15</v>
      </c>
      <c r="G909" s="16">
        <v>0</v>
      </c>
    </row>
    <row r="910" spans="1:7" x14ac:dyDescent="0.3">
      <c r="A910" s="13" t="s">
        <v>19</v>
      </c>
      <c r="B910" s="14" t="s">
        <v>1</v>
      </c>
      <c r="C910" s="14" t="s">
        <v>20</v>
      </c>
      <c r="D910" s="14" t="s">
        <v>21</v>
      </c>
      <c r="E910" s="15">
        <v>45556</v>
      </c>
      <c r="F910" s="14" t="s">
        <v>15</v>
      </c>
      <c r="G910" s="16">
        <v>0</v>
      </c>
    </row>
    <row r="911" spans="1:7" x14ac:dyDescent="0.3">
      <c r="A911" s="13" t="s">
        <v>19</v>
      </c>
      <c r="B911" s="14" t="s">
        <v>1</v>
      </c>
      <c r="C911" s="14" t="s">
        <v>20</v>
      </c>
      <c r="D911" s="14" t="s">
        <v>21</v>
      </c>
      <c r="E911" s="15">
        <v>45557</v>
      </c>
      <c r="F911" s="14" t="s">
        <v>15</v>
      </c>
      <c r="G911" s="16">
        <v>0</v>
      </c>
    </row>
    <row r="912" spans="1:7" x14ac:dyDescent="0.3">
      <c r="A912" s="13" t="s">
        <v>19</v>
      </c>
      <c r="B912" s="14" t="s">
        <v>1</v>
      </c>
      <c r="C912" s="14" t="s">
        <v>20</v>
      </c>
      <c r="D912" s="14" t="s">
        <v>21</v>
      </c>
      <c r="E912" s="15">
        <v>45558</v>
      </c>
      <c r="F912" s="14" t="s">
        <v>15</v>
      </c>
      <c r="G912" s="16">
        <v>0</v>
      </c>
    </row>
    <row r="913" spans="1:7" x14ac:dyDescent="0.3">
      <c r="A913" s="13" t="s">
        <v>19</v>
      </c>
      <c r="B913" s="14" t="s">
        <v>1</v>
      </c>
      <c r="C913" s="14" t="s">
        <v>20</v>
      </c>
      <c r="D913" s="14" t="s">
        <v>21</v>
      </c>
      <c r="E913" s="15">
        <v>45559</v>
      </c>
      <c r="F913" s="14" t="s">
        <v>15</v>
      </c>
      <c r="G913" s="16">
        <v>0</v>
      </c>
    </row>
    <row r="914" spans="1:7" x14ac:dyDescent="0.3">
      <c r="A914" s="13" t="s">
        <v>19</v>
      </c>
      <c r="B914" s="14" t="s">
        <v>1</v>
      </c>
      <c r="C914" s="14" t="s">
        <v>20</v>
      </c>
      <c r="D914" s="14" t="s">
        <v>21</v>
      </c>
      <c r="E914" s="15">
        <v>45560</v>
      </c>
      <c r="F914" s="14" t="s">
        <v>15</v>
      </c>
      <c r="G914" s="16">
        <v>0</v>
      </c>
    </row>
    <row r="915" spans="1:7" x14ac:dyDescent="0.3">
      <c r="A915" s="13" t="s">
        <v>19</v>
      </c>
      <c r="B915" s="14" t="s">
        <v>1</v>
      </c>
      <c r="C915" s="14" t="s">
        <v>20</v>
      </c>
      <c r="D915" s="14" t="s">
        <v>21</v>
      </c>
      <c r="E915" s="15">
        <v>45561</v>
      </c>
      <c r="F915" s="14" t="s">
        <v>15</v>
      </c>
      <c r="G915" s="16">
        <v>0</v>
      </c>
    </row>
    <row r="916" spans="1:7" x14ac:dyDescent="0.3">
      <c r="A916" s="13" t="s">
        <v>19</v>
      </c>
      <c r="B916" s="14" t="s">
        <v>1</v>
      </c>
      <c r="C916" s="14" t="s">
        <v>20</v>
      </c>
      <c r="D916" s="14" t="s">
        <v>21</v>
      </c>
      <c r="E916" s="15">
        <v>45562</v>
      </c>
      <c r="F916" s="14" t="s">
        <v>15</v>
      </c>
      <c r="G916" s="16">
        <v>0</v>
      </c>
    </row>
    <row r="917" spans="1:7" x14ac:dyDescent="0.3">
      <c r="A917" s="13" t="s">
        <v>19</v>
      </c>
      <c r="B917" s="14" t="s">
        <v>1</v>
      </c>
      <c r="C917" s="14" t="s">
        <v>20</v>
      </c>
      <c r="D917" s="14" t="s">
        <v>21</v>
      </c>
      <c r="E917" s="15">
        <v>45563</v>
      </c>
      <c r="F917" s="14" t="s">
        <v>15</v>
      </c>
      <c r="G917" s="16">
        <v>0</v>
      </c>
    </row>
    <row r="918" spans="1:7" x14ac:dyDescent="0.3">
      <c r="A918" s="13" t="s">
        <v>19</v>
      </c>
      <c r="B918" s="14" t="s">
        <v>1</v>
      </c>
      <c r="C918" s="14" t="s">
        <v>20</v>
      </c>
      <c r="D918" s="14" t="s">
        <v>21</v>
      </c>
      <c r="E918" s="15">
        <v>45564</v>
      </c>
      <c r="F918" s="14" t="s">
        <v>15</v>
      </c>
      <c r="G918" s="16">
        <v>0</v>
      </c>
    </row>
    <row r="919" spans="1:7" x14ac:dyDescent="0.3">
      <c r="A919" s="13" t="s">
        <v>19</v>
      </c>
      <c r="B919" s="14" t="s">
        <v>1</v>
      </c>
      <c r="C919" s="14" t="s">
        <v>20</v>
      </c>
      <c r="D919" s="14" t="s">
        <v>21</v>
      </c>
      <c r="E919" s="15">
        <v>45565</v>
      </c>
      <c r="F919" s="14" t="s">
        <v>15</v>
      </c>
      <c r="G919" s="16">
        <v>0</v>
      </c>
    </row>
    <row r="920" spans="1:7" x14ac:dyDescent="0.3">
      <c r="A920" s="13" t="s">
        <v>19</v>
      </c>
      <c r="B920" s="14" t="s">
        <v>1</v>
      </c>
      <c r="C920" s="14" t="s">
        <v>20</v>
      </c>
      <c r="D920" s="14" t="s">
        <v>21</v>
      </c>
      <c r="E920" s="15">
        <v>45566</v>
      </c>
      <c r="F920" s="14" t="s">
        <v>15</v>
      </c>
      <c r="G920" s="16">
        <v>0</v>
      </c>
    </row>
    <row r="921" spans="1:7" x14ac:dyDescent="0.3">
      <c r="A921" s="13" t="s">
        <v>19</v>
      </c>
      <c r="B921" s="14" t="s">
        <v>1</v>
      </c>
      <c r="C921" s="14" t="s">
        <v>20</v>
      </c>
      <c r="D921" s="14" t="s">
        <v>21</v>
      </c>
      <c r="E921" s="15">
        <v>45567</v>
      </c>
      <c r="F921" s="14" t="s">
        <v>15</v>
      </c>
      <c r="G921" s="16">
        <v>0</v>
      </c>
    </row>
    <row r="922" spans="1:7" x14ac:dyDescent="0.3">
      <c r="A922" s="13" t="s">
        <v>19</v>
      </c>
      <c r="B922" s="14" t="s">
        <v>1</v>
      </c>
      <c r="C922" s="14" t="s">
        <v>20</v>
      </c>
      <c r="D922" s="14" t="s">
        <v>21</v>
      </c>
      <c r="E922" s="15">
        <v>45568</v>
      </c>
      <c r="F922" s="14" t="s">
        <v>15</v>
      </c>
      <c r="G922" s="16">
        <v>0</v>
      </c>
    </row>
    <row r="923" spans="1:7" x14ac:dyDescent="0.3">
      <c r="A923" s="13" t="s">
        <v>19</v>
      </c>
      <c r="B923" s="14" t="s">
        <v>1</v>
      </c>
      <c r="C923" s="14" t="s">
        <v>20</v>
      </c>
      <c r="D923" s="14" t="s">
        <v>21</v>
      </c>
      <c r="E923" s="15">
        <v>45569</v>
      </c>
      <c r="F923" s="14" t="s">
        <v>15</v>
      </c>
      <c r="G923" s="16">
        <v>0</v>
      </c>
    </row>
    <row r="924" spans="1:7" x14ac:dyDescent="0.3">
      <c r="A924" s="13" t="s">
        <v>19</v>
      </c>
      <c r="B924" s="14" t="s">
        <v>1</v>
      </c>
      <c r="C924" s="14" t="s">
        <v>20</v>
      </c>
      <c r="D924" s="14" t="s">
        <v>21</v>
      </c>
      <c r="E924" s="15">
        <v>45570</v>
      </c>
      <c r="F924" s="14" t="s">
        <v>15</v>
      </c>
      <c r="G924" s="16">
        <v>0</v>
      </c>
    </row>
    <row r="925" spans="1:7" x14ac:dyDescent="0.3">
      <c r="A925" s="13" t="s">
        <v>19</v>
      </c>
      <c r="B925" s="14" t="s">
        <v>1</v>
      </c>
      <c r="C925" s="14" t="s">
        <v>20</v>
      </c>
      <c r="D925" s="14" t="s">
        <v>21</v>
      </c>
      <c r="E925" s="15">
        <v>45571</v>
      </c>
      <c r="F925" s="14" t="s">
        <v>15</v>
      </c>
      <c r="G925" s="16">
        <v>0</v>
      </c>
    </row>
    <row r="926" spans="1:7" x14ac:dyDescent="0.3">
      <c r="A926" s="13" t="s">
        <v>19</v>
      </c>
      <c r="B926" s="14" t="s">
        <v>1</v>
      </c>
      <c r="C926" s="14" t="s">
        <v>20</v>
      </c>
      <c r="D926" s="14" t="s">
        <v>21</v>
      </c>
      <c r="E926" s="15">
        <v>45572</v>
      </c>
      <c r="F926" s="14" t="s">
        <v>15</v>
      </c>
      <c r="G926" s="16">
        <v>0</v>
      </c>
    </row>
    <row r="927" spans="1:7" x14ac:dyDescent="0.3">
      <c r="A927" s="13" t="s">
        <v>19</v>
      </c>
      <c r="B927" s="14" t="s">
        <v>1</v>
      </c>
      <c r="C927" s="14" t="s">
        <v>20</v>
      </c>
      <c r="D927" s="14" t="s">
        <v>21</v>
      </c>
      <c r="E927" s="15">
        <v>45573</v>
      </c>
      <c r="F927" s="14" t="s">
        <v>15</v>
      </c>
      <c r="G927" s="16">
        <v>0</v>
      </c>
    </row>
    <row r="928" spans="1:7" x14ac:dyDescent="0.3">
      <c r="A928" s="13" t="s">
        <v>19</v>
      </c>
      <c r="B928" s="14" t="s">
        <v>1</v>
      </c>
      <c r="C928" s="14" t="s">
        <v>20</v>
      </c>
      <c r="D928" s="14" t="s">
        <v>21</v>
      </c>
      <c r="E928" s="15">
        <v>45574</v>
      </c>
      <c r="F928" s="14" t="s">
        <v>15</v>
      </c>
      <c r="G928" s="16">
        <v>0</v>
      </c>
    </row>
    <row r="929" spans="1:7" x14ac:dyDescent="0.3">
      <c r="A929" s="13" t="s">
        <v>19</v>
      </c>
      <c r="B929" s="14" t="s">
        <v>1</v>
      </c>
      <c r="C929" s="14" t="s">
        <v>20</v>
      </c>
      <c r="D929" s="14" t="s">
        <v>21</v>
      </c>
      <c r="E929" s="15">
        <v>45575</v>
      </c>
      <c r="F929" s="14" t="s">
        <v>15</v>
      </c>
      <c r="G929" s="16">
        <v>0</v>
      </c>
    </row>
    <row r="930" spans="1:7" x14ac:dyDescent="0.3">
      <c r="A930" s="13" t="s">
        <v>19</v>
      </c>
      <c r="B930" s="14" t="s">
        <v>1</v>
      </c>
      <c r="C930" s="14" t="s">
        <v>20</v>
      </c>
      <c r="D930" s="14" t="s">
        <v>21</v>
      </c>
      <c r="E930" s="15">
        <v>45576</v>
      </c>
      <c r="F930" s="14" t="s">
        <v>15</v>
      </c>
      <c r="G930" s="16">
        <v>0</v>
      </c>
    </row>
    <row r="931" spans="1:7" x14ac:dyDescent="0.3">
      <c r="A931" s="13" t="s">
        <v>19</v>
      </c>
      <c r="B931" s="14" t="s">
        <v>1</v>
      </c>
      <c r="C931" s="14" t="s">
        <v>20</v>
      </c>
      <c r="D931" s="14" t="s">
        <v>21</v>
      </c>
      <c r="E931" s="15">
        <v>45577</v>
      </c>
      <c r="F931" s="14" t="s">
        <v>15</v>
      </c>
      <c r="G931" s="16">
        <v>0</v>
      </c>
    </row>
    <row r="932" spans="1:7" x14ac:dyDescent="0.3">
      <c r="A932" s="13" t="s">
        <v>19</v>
      </c>
      <c r="B932" s="14" t="s">
        <v>1</v>
      </c>
      <c r="C932" s="14" t="s">
        <v>20</v>
      </c>
      <c r="D932" s="14" t="s">
        <v>21</v>
      </c>
      <c r="E932" s="15">
        <v>45578</v>
      </c>
      <c r="F932" s="14" t="s">
        <v>15</v>
      </c>
      <c r="G932" s="16">
        <v>0</v>
      </c>
    </row>
    <row r="933" spans="1:7" x14ac:dyDescent="0.3">
      <c r="A933" s="13" t="s">
        <v>19</v>
      </c>
      <c r="B933" s="14" t="s">
        <v>1</v>
      </c>
      <c r="C933" s="14" t="s">
        <v>20</v>
      </c>
      <c r="D933" s="14" t="s">
        <v>21</v>
      </c>
      <c r="E933" s="15">
        <v>45579</v>
      </c>
      <c r="F933" s="14" t="s">
        <v>15</v>
      </c>
      <c r="G933" s="16">
        <v>0</v>
      </c>
    </row>
    <row r="934" spans="1:7" x14ac:dyDescent="0.3">
      <c r="A934" s="13" t="s">
        <v>19</v>
      </c>
      <c r="B934" s="14" t="s">
        <v>1</v>
      </c>
      <c r="C934" s="14" t="s">
        <v>20</v>
      </c>
      <c r="D934" s="14" t="s">
        <v>21</v>
      </c>
      <c r="E934" s="15">
        <v>45580</v>
      </c>
      <c r="F934" s="14" t="s">
        <v>15</v>
      </c>
      <c r="G934" s="16">
        <v>0</v>
      </c>
    </row>
    <row r="935" spans="1:7" x14ac:dyDescent="0.3">
      <c r="A935" s="13" t="s">
        <v>19</v>
      </c>
      <c r="B935" s="14" t="s">
        <v>1</v>
      </c>
      <c r="C935" s="14" t="s">
        <v>20</v>
      </c>
      <c r="D935" s="14" t="s">
        <v>21</v>
      </c>
      <c r="E935" s="15">
        <v>45581</v>
      </c>
      <c r="F935" s="14" t="s">
        <v>15</v>
      </c>
      <c r="G935" s="16">
        <v>0</v>
      </c>
    </row>
    <row r="936" spans="1:7" x14ac:dyDescent="0.3">
      <c r="A936" s="13" t="s">
        <v>19</v>
      </c>
      <c r="B936" s="14" t="s">
        <v>1</v>
      </c>
      <c r="C936" s="14" t="s">
        <v>20</v>
      </c>
      <c r="D936" s="14" t="s">
        <v>21</v>
      </c>
      <c r="E936" s="15">
        <v>45582</v>
      </c>
      <c r="F936" s="14" t="s">
        <v>15</v>
      </c>
      <c r="G936" s="16">
        <v>0</v>
      </c>
    </row>
    <row r="937" spans="1:7" x14ac:dyDescent="0.3">
      <c r="A937" s="13" t="s">
        <v>19</v>
      </c>
      <c r="B937" s="14" t="s">
        <v>1</v>
      </c>
      <c r="C937" s="14" t="s">
        <v>20</v>
      </c>
      <c r="D937" s="14" t="s">
        <v>21</v>
      </c>
      <c r="E937" s="15">
        <v>45583</v>
      </c>
      <c r="F937" s="14" t="s">
        <v>15</v>
      </c>
      <c r="G937" s="16">
        <v>0</v>
      </c>
    </row>
    <row r="938" spans="1:7" x14ac:dyDescent="0.3">
      <c r="A938" s="13" t="s">
        <v>19</v>
      </c>
      <c r="B938" s="14" t="s">
        <v>1</v>
      </c>
      <c r="C938" s="14" t="s">
        <v>20</v>
      </c>
      <c r="D938" s="14" t="s">
        <v>21</v>
      </c>
      <c r="E938" s="15">
        <v>45584</v>
      </c>
      <c r="F938" s="14" t="s">
        <v>15</v>
      </c>
      <c r="G938" s="16">
        <v>0</v>
      </c>
    </row>
    <row r="939" spans="1:7" x14ac:dyDescent="0.3">
      <c r="A939" s="13" t="s">
        <v>19</v>
      </c>
      <c r="B939" s="14" t="s">
        <v>1</v>
      </c>
      <c r="C939" s="14" t="s">
        <v>20</v>
      </c>
      <c r="D939" s="14" t="s">
        <v>21</v>
      </c>
      <c r="E939" s="15">
        <v>45585</v>
      </c>
      <c r="F939" s="14" t="s">
        <v>15</v>
      </c>
      <c r="G939" s="16">
        <v>0</v>
      </c>
    </row>
    <row r="940" spans="1:7" x14ac:dyDescent="0.3">
      <c r="A940" s="13" t="s">
        <v>19</v>
      </c>
      <c r="B940" s="14" t="s">
        <v>1</v>
      </c>
      <c r="C940" s="14" t="s">
        <v>20</v>
      </c>
      <c r="D940" s="14" t="s">
        <v>21</v>
      </c>
      <c r="E940" s="15">
        <v>45586</v>
      </c>
      <c r="F940" s="14" t="s">
        <v>15</v>
      </c>
      <c r="G940" s="16">
        <v>0</v>
      </c>
    </row>
    <row r="941" spans="1:7" x14ac:dyDescent="0.3">
      <c r="A941" s="13" t="s">
        <v>19</v>
      </c>
      <c r="B941" s="14" t="s">
        <v>1</v>
      </c>
      <c r="C941" s="14" t="s">
        <v>20</v>
      </c>
      <c r="D941" s="14" t="s">
        <v>21</v>
      </c>
      <c r="E941" s="15">
        <v>45587</v>
      </c>
      <c r="F941" s="14" t="s">
        <v>15</v>
      </c>
      <c r="G941" s="16">
        <v>0</v>
      </c>
    </row>
    <row r="942" spans="1:7" x14ac:dyDescent="0.3">
      <c r="A942" s="13" t="s">
        <v>19</v>
      </c>
      <c r="B942" s="14" t="s">
        <v>1</v>
      </c>
      <c r="C942" s="14" t="s">
        <v>20</v>
      </c>
      <c r="D942" s="14" t="s">
        <v>21</v>
      </c>
      <c r="E942" s="15">
        <v>45588</v>
      </c>
      <c r="F942" s="14" t="s">
        <v>15</v>
      </c>
      <c r="G942" s="16">
        <v>0</v>
      </c>
    </row>
    <row r="943" spans="1:7" x14ac:dyDescent="0.3">
      <c r="A943" s="13" t="s">
        <v>19</v>
      </c>
      <c r="B943" s="14" t="s">
        <v>1</v>
      </c>
      <c r="C943" s="14" t="s">
        <v>20</v>
      </c>
      <c r="D943" s="14" t="s">
        <v>21</v>
      </c>
      <c r="E943" s="15">
        <v>45589</v>
      </c>
      <c r="F943" s="14" t="s">
        <v>15</v>
      </c>
      <c r="G943" s="16">
        <v>0</v>
      </c>
    </row>
    <row r="944" spans="1:7" x14ac:dyDescent="0.3">
      <c r="A944" s="13" t="s">
        <v>19</v>
      </c>
      <c r="B944" s="14" t="s">
        <v>1</v>
      </c>
      <c r="C944" s="14" t="s">
        <v>20</v>
      </c>
      <c r="D944" s="14" t="s">
        <v>21</v>
      </c>
      <c r="E944" s="15">
        <v>45590</v>
      </c>
      <c r="F944" s="14" t="s">
        <v>15</v>
      </c>
      <c r="G944" s="16">
        <v>0</v>
      </c>
    </row>
    <row r="945" spans="1:7" x14ac:dyDescent="0.3">
      <c r="A945" s="13" t="s">
        <v>19</v>
      </c>
      <c r="B945" s="14" t="s">
        <v>1</v>
      </c>
      <c r="C945" s="14" t="s">
        <v>20</v>
      </c>
      <c r="D945" s="14" t="s">
        <v>21</v>
      </c>
      <c r="E945" s="15">
        <v>45591</v>
      </c>
      <c r="F945" s="14" t="s">
        <v>15</v>
      </c>
      <c r="G945" s="16">
        <v>0</v>
      </c>
    </row>
    <row r="946" spans="1:7" x14ac:dyDescent="0.3">
      <c r="A946" s="13" t="s">
        <v>19</v>
      </c>
      <c r="B946" s="14" t="s">
        <v>1</v>
      </c>
      <c r="C946" s="14" t="s">
        <v>20</v>
      </c>
      <c r="D946" s="14" t="s">
        <v>21</v>
      </c>
      <c r="E946" s="15">
        <v>45592</v>
      </c>
      <c r="F946" s="14" t="s">
        <v>15</v>
      </c>
      <c r="G946" s="16">
        <v>0</v>
      </c>
    </row>
    <row r="947" spans="1:7" x14ac:dyDescent="0.3">
      <c r="A947" s="13" t="s">
        <v>19</v>
      </c>
      <c r="B947" s="14" t="s">
        <v>1</v>
      </c>
      <c r="C947" s="14" t="s">
        <v>20</v>
      </c>
      <c r="D947" s="14" t="s">
        <v>21</v>
      </c>
      <c r="E947" s="15">
        <v>45593</v>
      </c>
      <c r="F947" s="14" t="s">
        <v>15</v>
      </c>
      <c r="G947" s="16">
        <v>0</v>
      </c>
    </row>
    <row r="948" spans="1:7" x14ac:dyDescent="0.3">
      <c r="A948" s="13" t="s">
        <v>19</v>
      </c>
      <c r="B948" s="14" t="s">
        <v>1</v>
      </c>
      <c r="C948" s="14" t="s">
        <v>20</v>
      </c>
      <c r="D948" s="14" t="s">
        <v>21</v>
      </c>
      <c r="E948" s="15">
        <v>45594</v>
      </c>
      <c r="F948" s="14" t="s">
        <v>15</v>
      </c>
      <c r="G948" s="16">
        <v>0</v>
      </c>
    </row>
    <row r="949" spans="1:7" x14ac:dyDescent="0.3">
      <c r="A949" s="13" t="s">
        <v>19</v>
      </c>
      <c r="B949" s="14" t="s">
        <v>1</v>
      </c>
      <c r="C949" s="14" t="s">
        <v>20</v>
      </c>
      <c r="D949" s="14" t="s">
        <v>21</v>
      </c>
      <c r="E949" s="15">
        <v>45595</v>
      </c>
      <c r="F949" s="14" t="s">
        <v>15</v>
      </c>
      <c r="G949" s="16">
        <v>0</v>
      </c>
    </row>
    <row r="950" spans="1:7" x14ac:dyDescent="0.3">
      <c r="A950" s="13" t="s">
        <v>19</v>
      </c>
      <c r="B950" s="14" t="s">
        <v>1</v>
      </c>
      <c r="C950" s="14" t="s">
        <v>20</v>
      </c>
      <c r="D950" s="14" t="s">
        <v>21</v>
      </c>
      <c r="E950" s="15">
        <v>45596</v>
      </c>
      <c r="F950" s="14" t="s">
        <v>15</v>
      </c>
      <c r="G950" s="16">
        <v>0</v>
      </c>
    </row>
    <row r="951" spans="1:7" x14ac:dyDescent="0.3">
      <c r="A951" s="13" t="s">
        <v>19</v>
      </c>
      <c r="B951" s="14" t="s">
        <v>1</v>
      </c>
      <c r="C951" s="14" t="s">
        <v>20</v>
      </c>
      <c r="D951" s="14" t="s">
        <v>21</v>
      </c>
      <c r="E951" s="15">
        <v>45597</v>
      </c>
      <c r="F951" s="14" t="s">
        <v>15</v>
      </c>
      <c r="G951" s="16">
        <v>0</v>
      </c>
    </row>
    <row r="952" spans="1:7" x14ac:dyDescent="0.3">
      <c r="A952" s="13" t="s">
        <v>19</v>
      </c>
      <c r="B952" s="14" t="s">
        <v>1</v>
      </c>
      <c r="C952" s="14" t="s">
        <v>20</v>
      </c>
      <c r="D952" s="14" t="s">
        <v>21</v>
      </c>
      <c r="E952" s="15">
        <v>45598</v>
      </c>
      <c r="F952" s="14" t="s">
        <v>15</v>
      </c>
      <c r="G952" s="16">
        <v>0</v>
      </c>
    </row>
    <row r="953" spans="1:7" x14ac:dyDescent="0.3">
      <c r="A953" s="13" t="s">
        <v>19</v>
      </c>
      <c r="B953" s="14" t="s">
        <v>1</v>
      </c>
      <c r="C953" s="14" t="s">
        <v>20</v>
      </c>
      <c r="D953" s="14" t="s">
        <v>21</v>
      </c>
      <c r="E953" s="15">
        <v>45599</v>
      </c>
      <c r="F953" s="14" t="s">
        <v>15</v>
      </c>
      <c r="G953" s="16">
        <v>0</v>
      </c>
    </row>
    <row r="954" spans="1:7" x14ac:dyDescent="0.3">
      <c r="A954" s="13" t="s">
        <v>19</v>
      </c>
      <c r="B954" s="14" t="s">
        <v>1</v>
      </c>
      <c r="C954" s="14" t="s">
        <v>20</v>
      </c>
      <c r="D954" s="14" t="s">
        <v>21</v>
      </c>
      <c r="E954" s="15">
        <v>45600</v>
      </c>
      <c r="F954" s="14" t="s">
        <v>15</v>
      </c>
      <c r="G954" s="16">
        <v>0</v>
      </c>
    </row>
    <row r="955" spans="1:7" x14ac:dyDescent="0.3">
      <c r="A955" s="13" t="s">
        <v>19</v>
      </c>
      <c r="B955" s="14" t="s">
        <v>1</v>
      </c>
      <c r="C955" s="14" t="s">
        <v>20</v>
      </c>
      <c r="D955" s="14" t="s">
        <v>21</v>
      </c>
      <c r="E955" s="15">
        <v>45601</v>
      </c>
      <c r="F955" s="14" t="s">
        <v>15</v>
      </c>
      <c r="G955" s="16">
        <v>0</v>
      </c>
    </row>
    <row r="956" spans="1:7" x14ac:dyDescent="0.3">
      <c r="A956" s="13" t="s">
        <v>19</v>
      </c>
      <c r="B956" s="14" t="s">
        <v>1</v>
      </c>
      <c r="C956" s="14" t="s">
        <v>20</v>
      </c>
      <c r="D956" s="14" t="s">
        <v>21</v>
      </c>
      <c r="E956" s="15">
        <v>45602</v>
      </c>
      <c r="F956" s="14" t="s">
        <v>15</v>
      </c>
      <c r="G956" s="16">
        <v>0</v>
      </c>
    </row>
    <row r="957" spans="1:7" x14ac:dyDescent="0.3">
      <c r="A957" s="13" t="s">
        <v>19</v>
      </c>
      <c r="B957" s="14" t="s">
        <v>1</v>
      </c>
      <c r="C957" s="14" t="s">
        <v>20</v>
      </c>
      <c r="D957" s="14" t="s">
        <v>21</v>
      </c>
      <c r="E957" s="15">
        <v>45603</v>
      </c>
      <c r="F957" s="14" t="s">
        <v>15</v>
      </c>
      <c r="G957" s="16">
        <v>0</v>
      </c>
    </row>
    <row r="958" spans="1:7" x14ac:dyDescent="0.3">
      <c r="A958" s="13" t="s">
        <v>19</v>
      </c>
      <c r="B958" s="14" t="s">
        <v>1</v>
      </c>
      <c r="C958" s="14" t="s">
        <v>20</v>
      </c>
      <c r="D958" s="14" t="s">
        <v>21</v>
      </c>
      <c r="E958" s="15">
        <v>45604</v>
      </c>
      <c r="F958" s="14" t="s">
        <v>15</v>
      </c>
      <c r="G958" s="16">
        <v>0</v>
      </c>
    </row>
    <row r="959" spans="1:7" x14ac:dyDescent="0.3">
      <c r="A959" s="13" t="s">
        <v>19</v>
      </c>
      <c r="B959" s="14" t="s">
        <v>1</v>
      </c>
      <c r="C959" s="14" t="s">
        <v>20</v>
      </c>
      <c r="D959" s="14" t="s">
        <v>21</v>
      </c>
      <c r="E959" s="15">
        <v>45605</v>
      </c>
      <c r="F959" s="14" t="s">
        <v>15</v>
      </c>
      <c r="G959" s="16">
        <v>0</v>
      </c>
    </row>
    <row r="960" spans="1:7" x14ac:dyDescent="0.3">
      <c r="A960" s="13" t="s">
        <v>19</v>
      </c>
      <c r="B960" s="14" t="s">
        <v>1</v>
      </c>
      <c r="C960" s="14" t="s">
        <v>20</v>
      </c>
      <c r="D960" s="14" t="s">
        <v>21</v>
      </c>
      <c r="E960" s="15">
        <v>45606</v>
      </c>
      <c r="F960" s="14" t="s">
        <v>15</v>
      </c>
      <c r="G960" s="16">
        <v>0</v>
      </c>
    </row>
    <row r="961" spans="1:7" x14ac:dyDescent="0.3">
      <c r="A961" s="13" t="s">
        <v>19</v>
      </c>
      <c r="B961" s="14" t="s">
        <v>1</v>
      </c>
      <c r="C961" s="14" t="s">
        <v>20</v>
      </c>
      <c r="D961" s="14" t="s">
        <v>21</v>
      </c>
      <c r="E961" s="15">
        <v>45607</v>
      </c>
      <c r="F961" s="14" t="s">
        <v>15</v>
      </c>
      <c r="G961" s="16">
        <v>0</v>
      </c>
    </row>
    <row r="962" spans="1:7" x14ac:dyDescent="0.3">
      <c r="A962" s="13" t="s">
        <v>19</v>
      </c>
      <c r="B962" s="14" t="s">
        <v>1</v>
      </c>
      <c r="C962" s="14" t="s">
        <v>20</v>
      </c>
      <c r="D962" s="14" t="s">
        <v>21</v>
      </c>
      <c r="E962" s="15">
        <v>45608</v>
      </c>
      <c r="F962" s="14" t="s">
        <v>15</v>
      </c>
      <c r="G962" s="16">
        <v>0</v>
      </c>
    </row>
    <row r="963" spans="1:7" x14ac:dyDescent="0.3">
      <c r="A963" s="13" t="s">
        <v>19</v>
      </c>
      <c r="B963" s="14" t="s">
        <v>1</v>
      </c>
      <c r="C963" s="14" t="s">
        <v>20</v>
      </c>
      <c r="D963" s="14" t="s">
        <v>21</v>
      </c>
      <c r="E963" s="15">
        <v>45609</v>
      </c>
      <c r="F963" s="14" t="s">
        <v>15</v>
      </c>
      <c r="G963" s="16">
        <v>0</v>
      </c>
    </row>
    <row r="964" spans="1:7" x14ac:dyDescent="0.3">
      <c r="A964" s="13" t="s">
        <v>19</v>
      </c>
      <c r="B964" s="14" t="s">
        <v>1</v>
      </c>
      <c r="C964" s="14" t="s">
        <v>20</v>
      </c>
      <c r="D964" s="14" t="s">
        <v>21</v>
      </c>
      <c r="E964" s="15">
        <v>45610</v>
      </c>
      <c r="F964" s="14" t="s">
        <v>15</v>
      </c>
      <c r="G964" s="16">
        <v>0</v>
      </c>
    </row>
    <row r="965" spans="1:7" x14ac:dyDescent="0.3">
      <c r="A965" s="13" t="s">
        <v>19</v>
      </c>
      <c r="B965" s="14" t="s">
        <v>1</v>
      </c>
      <c r="C965" s="14" t="s">
        <v>20</v>
      </c>
      <c r="D965" s="14" t="s">
        <v>21</v>
      </c>
      <c r="E965" s="15">
        <v>45611</v>
      </c>
      <c r="F965" s="14" t="s">
        <v>15</v>
      </c>
      <c r="G965" s="16">
        <v>0</v>
      </c>
    </row>
    <row r="966" spans="1:7" x14ac:dyDescent="0.3">
      <c r="A966" s="13" t="s">
        <v>19</v>
      </c>
      <c r="B966" s="14" t="s">
        <v>1</v>
      </c>
      <c r="C966" s="14" t="s">
        <v>20</v>
      </c>
      <c r="D966" s="14" t="s">
        <v>21</v>
      </c>
      <c r="E966" s="15">
        <v>45612</v>
      </c>
      <c r="F966" s="14" t="s">
        <v>15</v>
      </c>
      <c r="G966" s="16">
        <v>0</v>
      </c>
    </row>
    <row r="967" spans="1:7" x14ac:dyDescent="0.3">
      <c r="A967" s="13" t="s">
        <v>19</v>
      </c>
      <c r="B967" s="14" t="s">
        <v>1</v>
      </c>
      <c r="C967" s="14" t="s">
        <v>20</v>
      </c>
      <c r="D967" s="14" t="s">
        <v>21</v>
      </c>
      <c r="E967" s="15">
        <v>45613</v>
      </c>
      <c r="F967" s="14" t="s">
        <v>15</v>
      </c>
      <c r="G967" s="16">
        <v>0</v>
      </c>
    </row>
    <row r="968" spans="1:7" x14ac:dyDescent="0.3">
      <c r="A968" s="13" t="s">
        <v>19</v>
      </c>
      <c r="B968" s="14" t="s">
        <v>1</v>
      </c>
      <c r="C968" s="14" t="s">
        <v>20</v>
      </c>
      <c r="D968" s="14" t="s">
        <v>21</v>
      </c>
      <c r="E968" s="15">
        <v>45614</v>
      </c>
      <c r="F968" s="14" t="s">
        <v>15</v>
      </c>
      <c r="G968" s="16">
        <v>0</v>
      </c>
    </row>
    <row r="969" spans="1:7" x14ac:dyDescent="0.3">
      <c r="A969" s="13" t="s">
        <v>19</v>
      </c>
      <c r="B969" s="14" t="s">
        <v>1</v>
      </c>
      <c r="C969" s="14" t="s">
        <v>20</v>
      </c>
      <c r="D969" s="14" t="s">
        <v>21</v>
      </c>
      <c r="E969" s="15">
        <v>45615</v>
      </c>
      <c r="F969" s="14" t="s">
        <v>15</v>
      </c>
      <c r="G969" s="16">
        <v>0</v>
      </c>
    </row>
    <row r="970" spans="1:7" x14ac:dyDescent="0.3">
      <c r="A970" s="13" t="s">
        <v>19</v>
      </c>
      <c r="B970" s="14" t="s">
        <v>1</v>
      </c>
      <c r="C970" s="14" t="s">
        <v>20</v>
      </c>
      <c r="D970" s="14" t="s">
        <v>21</v>
      </c>
      <c r="E970" s="15">
        <v>45616</v>
      </c>
      <c r="F970" s="14" t="s">
        <v>15</v>
      </c>
      <c r="G970" s="16">
        <v>0</v>
      </c>
    </row>
    <row r="971" spans="1:7" x14ac:dyDescent="0.3">
      <c r="A971" s="13" t="s">
        <v>19</v>
      </c>
      <c r="B971" s="14" t="s">
        <v>1</v>
      </c>
      <c r="C971" s="14" t="s">
        <v>20</v>
      </c>
      <c r="D971" s="14" t="s">
        <v>21</v>
      </c>
      <c r="E971" s="15">
        <v>45617</v>
      </c>
      <c r="F971" s="14" t="s">
        <v>15</v>
      </c>
      <c r="G971" s="16">
        <v>0</v>
      </c>
    </row>
    <row r="972" spans="1:7" x14ac:dyDescent="0.3">
      <c r="A972" s="13" t="s">
        <v>19</v>
      </c>
      <c r="B972" s="14" t="s">
        <v>1</v>
      </c>
      <c r="C972" s="14" t="s">
        <v>20</v>
      </c>
      <c r="D972" s="14" t="s">
        <v>21</v>
      </c>
      <c r="E972" s="15">
        <v>45618</v>
      </c>
      <c r="F972" s="14" t="s">
        <v>15</v>
      </c>
      <c r="G972" s="16">
        <v>0</v>
      </c>
    </row>
    <row r="973" spans="1:7" x14ac:dyDescent="0.3">
      <c r="A973" s="13" t="s">
        <v>19</v>
      </c>
      <c r="B973" s="14" t="s">
        <v>1</v>
      </c>
      <c r="C973" s="14" t="s">
        <v>20</v>
      </c>
      <c r="D973" s="14" t="s">
        <v>21</v>
      </c>
      <c r="E973" s="15">
        <v>45619</v>
      </c>
      <c r="F973" s="14" t="s">
        <v>15</v>
      </c>
      <c r="G973" s="16">
        <v>0</v>
      </c>
    </row>
    <row r="974" spans="1:7" x14ac:dyDescent="0.3">
      <c r="A974" s="13" t="s">
        <v>19</v>
      </c>
      <c r="B974" s="14" t="s">
        <v>1</v>
      </c>
      <c r="C974" s="14" t="s">
        <v>20</v>
      </c>
      <c r="D974" s="14" t="s">
        <v>21</v>
      </c>
      <c r="E974" s="15">
        <v>45620</v>
      </c>
      <c r="F974" s="14" t="s">
        <v>15</v>
      </c>
      <c r="G974" s="16">
        <v>0</v>
      </c>
    </row>
    <row r="975" spans="1:7" x14ac:dyDescent="0.3">
      <c r="A975" s="13" t="s">
        <v>19</v>
      </c>
      <c r="B975" s="14" t="s">
        <v>1</v>
      </c>
      <c r="C975" s="14" t="s">
        <v>20</v>
      </c>
      <c r="D975" s="14" t="s">
        <v>21</v>
      </c>
      <c r="E975" s="15">
        <v>45621</v>
      </c>
      <c r="F975" s="14" t="s">
        <v>15</v>
      </c>
      <c r="G975" s="16">
        <v>0</v>
      </c>
    </row>
    <row r="976" spans="1:7" x14ac:dyDescent="0.3">
      <c r="A976" s="13" t="s">
        <v>19</v>
      </c>
      <c r="B976" s="14" t="s">
        <v>1</v>
      </c>
      <c r="C976" s="14" t="s">
        <v>20</v>
      </c>
      <c r="D976" s="14" t="s">
        <v>21</v>
      </c>
      <c r="E976" s="15">
        <v>45622</v>
      </c>
      <c r="F976" s="14" t="s">
        <v>15</v>
      </c>
      <c r="G976" s="16">
        <v>0</v>
      </c>
    </row>
    <row r="977" spans="1:7" x14ac:dyDescent="0.3">
      <c r="A977" s="13" t="s">
        <v>19</v>
      </c>
      <c r="B977" s="14" t="s">
        <v>1</v>
      </c>
      <c r="C977" s="14" t="s">
        <v>20</v>
      </c>
      <c r="D977" s="14" t="s">
        <v>21</v>
      </c>
      <c r="E977" s="15">
        <v>45623</v>
      </c>
      <c r="F977" s="14" t="s">
        <v>15</v>
      </c>
      <c r="G977" s="16">
        <v>0</v>
      </c>
    </row>
    <row r="978" spans="1:7" x14ac:dyDescent="0.3">
      <c r="A978" s="13" t="s">
        <v>19</v>
      </c>
      <c r="B978" s="14" t="s">
        <v>1</v>
      </c>
      <c r="C978" s="14" t="s">
        <v>20</v>
      </c>
      <c r="D978" s="14" t="s">
        <v>21</v>
      </c>
      <c r="E978" s="15">
        <v>45624</v>
      </c>
      <c r="F978" s="14" t="s">
        <v>15</v>
      </c>
      <c r="G978" s="16">
        <v>0</v>
      </c>
    </row>
    <row r="979" spans="1:7" x14ac:dyDescent="0.3">
      <c r="A979" s="13" t="s">
        <v>19</v>
      </c>
      <c r="B979" s="14" t="s">
        <v>1</v>
      </c>
      <c r="C979" s="14" t="s">
        <v>20</v>
      </c>
      <c r="D979" s="14" t="s">
        <v>21</v>
      </c>
      <c r="E979" s="15">
        <v>45625</v>
      </c>
      <c r="F979" s="14" t="s">
        <v>15</v>
      </c>
      <c r="G979" s="16">
        <v>0</v>
      </c>
    </row>
    <row r="980" spans="1:7" x14ac:dyDescent="0.3">
      <c r="A980" s="13" t="s">
        <v>19</v>
      </c>
      <c r="B980" s="14" t="s">
        <v>1</v>
      </c>
      <c r="C980" s="14" t="s">
        <v>20</v>
      </c>
      <c r="D980" s="14" t="s">
        <v>21</v>
      </c>
      <c r="E980" s="15">
        <v>45626</v>
      </c>
      <c r="F980" s="14" t="s">
        <v>15</v>
      </c>
      <c r="G980" s="16">
        <v>0</v>
      </c>
    </row>
    <row r="981" spans="1:7" x14ac:dyDescent="0.3">
      <c r="A981" s="13" t="s">
        <v>19</v>
      </c>
      <c r="B981" s="14" t="s">
        <v>1</v>
      </c>
      <c r="C981" s="14" t="s">
        <v>20</v>
      </c>
      <c r="D981" s="14" t="s">
        <v>21</v>
      </c>
      <c r="E981" s="15">
        <v>45627</v>
      </c>
      <c r="F981" s="14" t="s">
        <v>15</v>
      </c>
      <c r="G981" s="16">
        <v>0</v>
      </c>
    </row>
    <row r="982" spans="1:7" x14ac:dyDescent="0.3">
      <c r="A982" s="13" t="s">
        <v>19</v>
      </c>
      <c r="B982" s="14" t="s">
        <v>1</v>
      </c>
      <c r="C982" s="14" t="s">
        <v>20</v>
      </c>
      <c r="D982" s="14" t="s">
        <v>21</v>
      </c>
      <c r="E982" s="15">
        <v>45628</v>
      </c>
      <c r="F982" s="14" t="s">
        <v>15</v>
      </c>
      <c r="G982" s="16">
        <v>0</v>
      </c>
    </row>
    <row r="983" spans="1:7" x14ac:dyDescent="0.3">
      <c r="A983" s="13" t="s">
        <v>19</v>
      </c>
      <c r="B983" s="14" t="s">
        <v>1</v>
      </c>
      <c r="C983" s="14" t="s">
        <v>20</v>
      </c>
      <c r="D983" s="14" t="s">
        <v>21</v>
      </c>
      <c r="E983" s="15">
        <v>45629</v>
      </c>
      <c r="F983" s="14" t="s">
        <v>15</v>
      </c>
      <c r="G983" s="16">
        <v>0</v>
      </c>
    </row>
    <row r="984" spans="1:7" x14ac:dyDescent="0.3">
      <c r="A984" s="13" t="s">
        <v>19</v>
      </c>
      <c r="B984" s="14" t="s">
        <v>1</v>
      </c>
      <c r="C984" s="14" t="s">
        <v>20</v>
      </c>
      <c r="D984" s="14" t="s">
        <v>21</v>
      </c>
      <c r="E984" s="15">
        <v>45630</v>
      </c>
      <c r="F984" s="14" t="s">
        <v>15</v>
      </c>
      <c r="G984" s="16">
        <v>0</v>
      </c>
    </row>
    <row r="985" spans="1:7" x14ac:dyDescent="0.3">
      <c r="A985" s="13" t="s">
        <v>19</v>
      </c>
      <c r="B985" s="14" t="s">
        <v>1</v>
      </c>
      <c r="C985" s="14" t="s">
        <v>20</v>
      </c>
      <c r="D985" s="14" t="s">
        <v>21</v>
      </c>
      <c r="E985" s="15">
        <v>45631</v>
      </c>
      <c r="F985" s="14" t="s">
        <v>15</v>
      </c>
      <c r="G985" s="16">
        <v>0</v>
      </c>
    </row>
    <row r="986" spans="1:7" x14ac:dyDescent="0.3">
      <c r="A986" s="13" t="s">
        <v>19</v>
      </c>
      <c r="B986" s="14" t="s">
        <v>1</v>
      </c>
      <c r="C986" s="14" t="s">
        <v>20</v>
      </c>
      <c r="D986" s="14" t="s">
        <v>21</v>
      </c>
      <c r="E986" s="15">
        <v>45632</v>
      </c>
      <c r="F986" s="14" t="s">
        <v>15</v>
      </c>
      <c r="G986" s="16">
        <v>0</v>
      </c>
    </row>
    <row r="987" spans="1:7" x14ac:dyDescent="0.3">
      <c r="A987" s="13" t="s">
        <v>19</v>
      </c>
      <c r="B987" s="14" t="s">
        <v>1</v>
      </c>
      <c r="C987" s="14" t="s">
        <v>20</v>
      </c>
      <c r="D987" s="14" t="s">
        <v>21</v>
      </c>
      <c r="E987" s="15">
        <v>45633</v>
      </c>
      <c r="F987" s="14" t="s">
        <v>15</v>
      </c>
      <c r="G987" s="16">
        <v>0</v>
      </c>
    </row>
    <row r="988" spans="1:7" x14ac:dyDescent="0.3">
      <c r="A988" s="13" t="s">
        <v>19</v>
      </c>
      <c r="B988" s="14" t="s">
        <v>1</v>
      </c>
      <c r="C988" s="14" t="s">
        <v>20</v>
      </c>
      <c r="D988" s="14" t="s">
        <v>21</v>
      </c>
      <c r="E988" s="15">
        <v>45634</v>
      </c>
      <c r="F988" s="14" t="s">
        <v>15</v>
      </c>
      <c r="G988" s="16">
        <v>0</v>
      </c>
    </row>
    <row r="989" spans="1:7" x14ac:dyDescent="0.3">
      <c r="A989" s="13" t="s">
        <v>19</v>
      </c>
      <c r="B989" s="14" t="s">
        <v>1</v>
      </c>
      <c r="C989" s="14" t="s">
        <v>20</v>
      </c>
      <c r="D989" s="14" t="s">
        <v>21</v>
      </c>
      <c r="E989" s="15">
        <v>45635</v>
      </c>
      <c r="F989" s="14" t="s">
        <v>15</v>
      </c>
      <c r="G989" s="16">
        <v>0</v>
      </c>
    </row>
    <row r="990" spans="1:7" x14ac:dyDescent="0.3">
      <c r="A990" s="13" t="s">
        <v>19</v>
      </c>
      <c r="B990" s="14" t="s">
        <v>1</v>
      </c>
      <c r="C990" s="14" t="s">
        <v>20</v>
      </c>
      <c r="D990" s="14" t="s">
        <v>21</v>
      </c>
      <c r="E990" s="15">
        <v>45636</v>
      </c>
      <c r="F990" s="14" t="s">
        <v>15</v>
      </c>
      <c r="G990" s="16">
        <v>0</v>
      </c>
    </row>
    <row r="991" spans="1:7" x14ac:dyDescent="0.3">
      <c r="A991" s="13" t="s">
        <v>19</v>
      </c>
      <c r="B991" s="14" t="s">
        <v>1</v>
      </c>
      <c r="C991" s="14" t="s">
        <v>20</v>
      </c>
      <c r="D991" s="14" t="s">
        <v>21</v>
      </c>
      <c r="E991" s="15">
        <v>45637</v>
      </c>
      <c r="F991" s="14" t="s">
        <v>15</v>
      </c>
      <c r="G991" s="16">
        <v>0</v>
      </c>
    </row>
    <row r="992" spans="1:7" x14ac:dyDescent="0.3">
      <c r="A992" s="13" t="s">
        <v>19</v>
      </c>
      <c r="B992" s="14" t="s">
        <v>1</v>
      </c>
      <c r="C992" s="14" t="s">
        <v>20</v>
      </c>
      <c r="D992" s="14" t="s">
        <v>21</v>
      </c>
      <c r="E992" s="15">
        <v>45638</v>
      </c>
      <c r="F992" s="14" t="s">
        <v>15</v>
      </c>
      <c r="G992" s="16">
        <v>0</v>
      </c>
    </row>
    <row r="993" spans="1:7" x14ac:dyDescent="0.3">
      <c r="A993" s="13" t="s">
        <v>19</v>
      </c>
      <c r="B993" s="14" t="s">
        <v>1</v>
      </c>
      <c r="C993" s="14" t="s">
        <v>20</v>
      </c>
      <c r="D993" s="14" t="s">
        <v>21</v>
      </c>
      <c r="E993" s="15">
        <v>45639</v>
      </c>
      <c r="F993" s="14" t="s">
        <v>15</v>
      </c>
      <c r="G993" s="16">
        <v>0</v>
      </c>
    </row>
    <row r="994" spans="1:7" x14ac:dyDescent="0.3">
      <c r="A994" s="13" t="s">
        <v>19</v>
      </c>
      <c r="B994" s="14" t="s">
        <v>1</v>
      </c>
      <c r="C994" s="14" t="s">
        <v>20</v>
      </c>
      <c r="D994" s="14" t="s">
        <v>21</v>
      </c>
      <c r="E994" s="15">
        <v>45640</v>
      </c>
      <c r="F994" s="14" t="s">
        <v>15</v>
      </c>
      <c r="G994" s="16">
        <v>0</v>
      </c>
    </row>
    <row r="995" spans="1:7" x14ac:dyDescent="0.3">
      <c r="A995" s="13" t="s">
        <v>19</v>
      </c>
      <c r="B995" s="14" t="s">
        <v>1</v>
      </c>
      <c r="C995" s="14" t="s">
        <v>20</v>
      </c>
      <c r="D995" s="14" t="s">
        <v>21</v>
      </c>
      <c r="E995" s="15">
        <v>45641</v>
      </c>
      <c r="F995" s="14" t="s">
        <v>15</v>
      </c>
      <c r="G995" s="16">
        <v>0</v>
      </c>
    </row>
    <row r="996" spans="1:7" x14ac:dyDescent="0.3">
      <c r="A996" s="13" t="s">
        <v>19</v>
      </c>
      <c r="B996" s="14" t="s">
        <v>1</v>
      </c>
      <c r="C996" s="14" t="s">
        <v>20</v>
      </c>
      <c r="D996" s="14" t="s">
        <v>21</v>
      </c>
      <c r="E996" s="15">
        <v>45642</v>
      </c>
      <c r="F996" s="14" t="s">
        <v>15</v>
      </c>
      <c r="G996" s="16">
        <v>0</v>
      </c>
    </row>
    <row r="997" spans="1:7" x14ac:dyDescent="0.3">
      <c r="A997" s="13" t="s">
        <v>19</v>
      </c>
      <c r="B997" s="14" t="s">
        <v>1</v>
      </c>
      <c r="C997" s="14" t="s">
        <v>20</v>
      </c>
      <c r="D997" s="14" t="s">
        <v>21</v>
      </c>
      <c r="E997" s="15">
        <v>45643</v>
      </c>
      <c r="F997" s="14" t="s">
        <v>15</v>
      </c>
      <c r="G997" s="16">
        <v>0</v>
      </c>
    </row>
    <row r="998" spans="1:7" x14ac:dyDescent="0.3">
      <c r="A998" s="13" t="s">
        <v>19</v>
      </c>
      <c r="B998" s="14" t="s">
        <v>1</v>
      </c>
      <c r="C998" s="14" t="s">
        <v>20</v>
      </c>
      <c r="D998" s="14" t="s">
        <v>21</v>
      </c>
      <c r="E998" s="15">
        <v>45644</v>
      </c>
      <c r="F998" s="14" t="s">
        <v>15</v>
      </c>
      <c r="G998" s="16">
        <v>0</v>
      </c>
    </row>
    <row r="999" spans="1:7" x14ac:dyDescent="0.3">
      <c r="A999" s="13" t="s">
        <v>19</v>
      </c>
      <c r="B999" s="14" t="s">
        <v>1</v>
      </c>
      <c r="C999" s="14" t="s">
        <v>20</v>
      </c>
      <c r="D999" s="14" t="s">
        <v>21</v>
      </c>
      <c r="E999" s="15">
        <v>45645</v>
      </c>
      <c r="F999" s="14" t="s">
        <v>15</v>
      </c>
      <c r="G999" s="16">
        <v>0</v>
      </c>
    </row>
    <row r="1000" spans="1:7" x14ac:dyDescent="0.3">
      <c r="A1000" s="13" t="s">
        <v>19</v>
      </c>
      <c r="B1000" s="14" t="s">
        <v>1</v>
      </c>
      <c r="C1000" s="14" t="s">
        <v>20</v>
      </c>
      <c r="D1000" s="14" t="s">
        <v>21</v>
      </c>
      <c r="E1000" s="15">
        <v>45646</v>
      </c>
      <c r="F1000" s="14" t="s">
        <v>15</v>
      </c>
      <c r="G1000" s="16">
        <v>0</v>
      </c>
    </row>
    <row r="1001" spans="1:7" x14ac:dyDescent="0.3">
      <c r="A1001" s="13" t="s">
        <v>19</v>
      </c>
      <c r="B1001" s="14" t="s">
        <v>1</v>
      </c>
      <c r="C1001" s="14" t="s">
        <v>20</v>
      </c>
      <c r="D1001" s="14" t="s">
        <v>21</v>
      </c>
      <c r="E1001" s="15">
        <v>45647</v>
      </c>
      <c r="F1001" s="14" t="s">
        <v>15</v>
      </c>
      <c r="G1001" s="16">
        <v>0</v>
      </c>
    </row>
    <row r="1002" spans="1:7" x14ac:dyDescent="0.3">
      <c r="A1002" s="13" t="s">
        <v>19</v>
      </c>
      <c r="B1002" s="14" t="s">
        <v>1</v>
      </c>
      <c r="C1002" s="14" t="s">
        <v>20</v>
      </c>
      <c r="D1002" s="14" t="s">
        <v>21</v>
      </c>
      <c r="E1002" s="15">
        <v>45648</v>
      </c>
      <c r="F1002" s="14" t="s">
        <v>15</v>
      </c>
      <c r="G1002" s="16">
        <v>0</v>
      </c>
    </row>
    <row r="1003" spans="1:7" x14ac:dyDescent="0.3">
      <c r="A1003" s="13" t="s">
        <v>19</v>
      </c>
      <c r="B1003" s="14" t="s">
        <v>1</v>
      </c>
      <c r="C1003" s="14" t="s">
        <v>20</v>
      </c>
      <c r="D1003" s="14" t="s">
        <v>21</v>
      </c>
      <c r="E1003" s="15">
        <v>45649</v>
      </c>
      <c r="F1003" s="14" t="s">
        <v>15</v>
      </c>
      <c r="G1003" s="16">
        <v>0</v>
      </c>
    </row>
    <row r="1004" spans="1:7" x14ac:dyDescent="0.3">
      <c r="A1004" s="13" t="s">
        <v>19</v>
      </c>
      <c r="B1004" s="14" t="s">
        <v>1</v>
      </c>
      <c r="C1004" s="14" t="s">
        <v>20</v>
      </c>
      <c r="D1004" s="14" t="s">
        <v>21</v>
      </c>
      <c r="E1004" s="15">
        <v>45650</v>
      </c>
      <c r="F1004" s="14" t="s">
        <v>15</v>
      </c>
      <c r="G1004" s="16">
        <v>0</v>
      </c>
    </row>
    <row r="1005" spans="1:7" x14ac:dyDescent="0.3">
      <c r="A1005" s="13" t="s">
        <v>19</v>
      </c>
      <c r="B1005" s="14" t="s">
        <v>1</v>
      </c>
      <c r="C1005" s="14" t="s">
        <v>20</v>
      </c>
      <c r="D1005" s="14" t="s">
        <v>21</v>
      </c>
      <c r="E1005" s="15">
        <v>45651</v>
      </c>
      <c r="F1005" s="14" t="s">
        <v>15</v>
      </c>
      <c r="G1005" s="16">
        <v>0</v>
      </c>
    </row>
    <row r="1006" spans="1:7" x14ac:dyDescent="0.3">
      <c r="A1006" s="13" t="s">
        <v>19</v>
      </c>
      <c r="B1006" s="14" t="s">
        <v>1</v>
      </c>
      <c r="C1006" s="14" t="s">
        <v>20</v>
      </c>
      <c r="D1006" s="14" t="s">
        <v>21</v>
      </c>
      <c r="E1006" s="15">
        <v>45652</v>
      </c>
      <c r="F1006" s="14" t="s">
        <v>15</v>
      </c>
      <c r="G1006" s="16">
        <v>0</v>
      </c>
    </row>
    <row r="1007" spans="1:7" x14ac:dyDescent="0.3">
      <c r="A1007" s="13" t="s">
        <v>19</v>
      </c>
      <c r="B1007" s="14" t="s">
        <v>1</v>
      </c>
      <c r="C1007" s="14" t="s">
        <v>20</v>
      </c>
      <c r="D1007" s="14" t="s">
        <v>21</v>
      </c>
      <c r="E1007" s="15">
        <v>45653</v>
      </c>
      <c r="F1007" s="14" t="s">
        <v>15</v>
      </c>
      <c r="G1007" s="16">
        <v>0</v>
      </c>
    </row>
    <row r="1008" spans="1:7" x14ac:dyDescent="0.3">
      <c r="A1008" s="13" t="s">
        <v>19</v>
      </c>
      <c r="B1008" s="14" t="s">
        <v>1</v>
      </c>
      <c r="C1008" s="14" t="s">
        <v>20</v>
      </c>
      <c r="D1008" s="14" t="s">
        <v>21</v>
      </c>
      <c r="E1008" s="15">
        <v>45654</v>
      </c>
      <c r="F1008" s="14" t="s">
        <v>15</v>
      </c>
      <c r="G1008" s="16">
        <v>0</v>
      </c>
    </row>
    <row r="1009" spans="1:7" x14ac:dyDescent="0.3">
      <c r="A1009" s="13" t="s">
        <v>19</v>
      </c>
      <c r="B1009" s="14" t="s">
        <v>1</v>
      </c>
      <c r="C1009" s="14" t="s">
        <v>20</v>
      </c>
      <c r="D1009" s="14" t="s">
        <v>21</v>
      </c>
      <c r="E1009" s="15">
        <v>45655</v>
      </c>
      <c r="F1009" s="14" t="s">
        <v>15</v>
      </c>
      <c r="G1009" s="16">
        <v>0</v>
      </c>
    </row>
    <row r="1010" spans="1:7" x14ac:dyDescent="0.3">
      <c r="A1010" s="13" t="s">
        <v>19</v>
      </c>
      <c r="B1010" s="14" t="s">
        <v>1</v>
      </c>
      <c r="C1010" s="14" t="s">
        <v>20</v>
      </c>
      <c r="D1010" s="14" t="s">
        <v>21</v>
      </c>
      <c r="E1010" s="15">
        <v>45656</v>
      </c>
      <c r="F1010" s="14" t="s">
        <v>15</v>
      </c>
      <c r="G1010" s="16">
        <v>0</v>
      </c>
    </row>
    <row r="1011" spans="1:7" x14ac:dyDescent="0.3">
      <c r="A1011" s="13" t="s">
        <v>19</v>
      </c>
      <c r="B1011" s="14" t="s">
        <v>1</v>
      </c>
      <c r="C1011" s="14" t="s">
        <v>20</v>
      </c>
      <c r="D1011" s="14" t="s">
        <v>21</v>
      </c>
      <c r="E1011" s="15">
        <v>45657</v>
      </c>
      <c r="F1011" s="14" t="s">
        <v>15</v>
      </c>
      <c r="G1011" s="16">
        <v>0</v>
      </c>
    </row>
    <row r="1012" spans="1:7" x14ac:dyDescent="0.3">
      <c r="A1012" s="13" t="s">
        <v>19</v>
      </c>
      <c r="B1012" s="14" t="s">
        <v>1</v>
      </c>
      <c r="C1012" s="14" t="s">
        <v>20</v>
      </c>
      <c r="D1012" s="14" t="s">
        <v>21</v>
      </c>
      <c r="E1012" s="15">
        <v>45658</v>
      </c>
      <c r="F1012" s="14" t="s">
        <v>15</v>
      </c>
      <c r="G1012" s="16">
        <v>0</v>
      </c>
    </row>
    <row r="1013" spans="1:7" x14ac:dyDescent="0.3">
      <c r="A1013" s="13" t="s">
        <v>19</v>
      </c>
      <c r="B1013" s="14" t="s">
        <v>1</v>
      </c>
      <c r="C1013" s="14" t="s">
        <v>20</v>
      </c>
      <c r="D1013" s="14" t="s">
        <v>21</v>
      </c>
      <c r="E1013" s="15">
        <v>45659</v>
      </c>
      <c r="F1013" s="14" t="s">
        <v>15</v>
      </c>
      <c r="G1013" s="16">
        <v>0</v>
      </c>
    </row>
    <row r="1014" spans="1:7" x14ac:dyDescent="0.3">
      <c r="A1014" s="13" t="s">
        <v>19</v>
      </c>
      <c r="B1014" s="14" t="s">
        <v>1</v>
      </c>
      <c r="C1014" s="14" t="s">
        <v>20</v>
      </c>
      <c r="D1014" s="14" t="s">
        <v>21</v>
      </c>
      <c r="E1014" s="15">
        <v>45660</v>
      </c>
      <c r="F1014" s="14" t="s">
        <v>15</v>
      </c>
      <c r="G1014" s="16">
        <v>0</v>
      </c>
    </row>
    <row r="1015" spans="1:7" x14ac:dyDescent="0.3">
      <c r="A1015" s="13" t="s">
        <v>19</v>
      </c>
      <c r="B1015" s="14" t="s">
        <v>1</v>
      </c>
      <c r="C1015" s="14" t="s">
        <v>20</v>
      </c>
      <c r="D1015" s="14" t="s">
        <v>21</v>
      </c>
      <c r="E1015" s="15">
        <v>45661</v>
      </c>
      <c r="F1015" s="14" t="s">
        <v>15</v>
      </c>
      <c r="G1015" s="16">
        <v>0</v>
      </c>
    </row>
    <row r="1016" spans="1:7" x14ac:dyDescent="0.3">
      <c r="A1016" s="13" t="s">
        <v>19</v>
      </c>
      <c r="B1016" s="14" t="s">
        <v>1</v>
      </c>
      <c r="C1016" s="14" t="s">
        <v>20</v>
      </c>
      <c r="D1016" s="14" t="s">
        <v>21</v>
      </c>
      <c r="E1016" s="15">
        <v>45662</v>
      </c>
      <c r="F1016" s="14" t="s">
        <v>15</v>
      </c>
      <c r="G1016" s="16">
        <v>0</v>
      </c>
    </row>
    <row r="1017" spans="1:7" x14ac:dyDescent="0.3">
      <c r="A1017" s="13" t="s">
        <v>19</v>
      </c>
      <c r="B1017" s="14" t="s">
        <v>1</v>
      </c>
      <c r="C1017" s="14" t="s">
        <v>20</v>
      </c>
      <c r="D1017" s="14" t="s">
        <v>21</v>
      </c>
      <c r="E1017" s="15">
        <v>45663</v>
      </c>
      <c r="F1017" s="14" t="s">
        <v>15</v>
      </c>
      <c r="G1017" s="16">
        <v>0</v>
      </c>
    </row>
    <row r="1018" spans="1:7" x14ac:dyDescent="0.3">
      <c r="A1018" s="13" t="s">
        <v>19</v>
      </c>
      <c r="B1018" s="14" t="s">
        <v>1</v>
      </c>
      <c r="C1018" s="14" t="s">
        <v>20</v>
      </c>
      <c r="D1018" s="14" t="s">
        <v>21</v>
      </c>
      <c r="E1018" s="15">
        <v>45664</v>
      </c>
      <c r="F1018" s="14" t="s">
        <v>15</v>
      </c>
      <c r="G1018" s="16">
        <v>0</v>
      </c>
    </row>
    <row r="1019" spans="1:7" x14ac:dyDescent="0.3">
      <c r="A1019" s="13" t="s">
        <v>19</v>
      </c>
      <c r="B1019" s="14" t="s">
        <v>1</v>
      </c>
      <c r="C1019" s="14" t="s">
        <v>20</v>
      </c>
      <c r="D1019" s="14" t="s">
        <v>21</v>
      </c>
      <c r="E1019" s="15">
        <v>45665</v>
      </c>
      <c r="F1019" s="14" t="s">
        <v>15</v>
      </c>
      <c r="G1019" s="16">
        <v>0</v>
      </c>
    </row>
    <row r="1020" spans="1:7" x14ac:dyDescent="0.3">
      <c r="A1020" s="13" t="s">
        <v>19</v>
      </c>
      <c r="B1020" s="14" t="s">
        <v>1</v>
      </c>
      <c r="C1020" s="14" t="s">
        <v>20</v>
      </c>
      <c r="D1020" s="14" t="s">
        <v>21</v>
      </c>
      <c r="E1020" s="15">
        <v>45666</v>
      </c>
      <c r="F1020" s="14" t="s">
        <v>15</v>
      </c>
      <c r="G1020" s="16">
        <v>0</v>
      </c>
    </row>
    <row r="1021" spans="1:7" x14ac:dyDescent="0.3">
      <c r="A1021" s="13" t="s">
        <v>19</v>
      </c>
      <c r="B1021" s="14" t="s">
        <v>1</v>
      </c>
      <c r="C1021" s="14" t="s">
        <v>20</v>
      </c>
      <c r="D1021" s="14" t="s">
        <v>21</v>
      </c>
      <c r="E1021" s="15">
        <v>45667</v>
      </c>
      <c r="F1021" s="14" t="s">
        <v>15</v>
      </c>
      <c r="G1021" s="16">
        <v>0</v>
      </c>
    </row>
    <row r="1022" spans="1:7" x14ac:dyDescent="0.3">
      <c r="A1022" s="13" t="s">
        <v>19</v>
      </c>
      <c r="B1022" s="14" t="s">
        <v>1</v>
      </c>
      <c r="C1022" s="14" t="s">
        <v>20</v>
      </c>
      <c r="D1022" s="14" t="s">
        <v>21</v>
      </c>
      <c r="E1022" s="15">
        <v>45668</v>
      </c>
      <c r="F1022" s="14" t="s">
        <v>15</v>
      </c>
      <c r="G1022" s="16">
        <v>0</v>
      </c>
    </row>
    <row r="1023" spans="1:7" x14ac:dyDescent="0.3">
      <c r="A1023" s="13" t="s">
        <v>19</v>
      </c>
      <c r="B1023" s="14" t="s">
        <v>1</v>
      </c>
      <c r="C1023" s="14" t="s">
        <v>20</v>
      </c>
      <c r="D1023" s="14" t="s">
        <v>21</v>
      </c>
      <c r="E1023" s="15">
        <v>45669</v>
      </c>
      <c r="F1023" s="14" t="s">
        <v>15</v>
      </c>
      <c r="G1023" s="16">
        <v>0</v>
      </c>
    </row>
    <row r="1024" spans="1:7" x14ac:dyDescent="0.3">
      <c r="A1024" s="13" t="s">
        <v>19</v>
      </c>
      <c r="B1024" s="14" t="s">
        <v>1</v>
      </c>
      <c r="C1024" s="14" t="s">
        <v>20</v>
      </c>
      <c r="D1024" s="14" t="s">
        <v>21</v>
      </c>
      <c r="E1024" s="15">
        <v>45670</v>
      </c>
      <c r="F1024" s="14" t="s">
        <v>15</v>
      </c>
      <c r="G1024" s="16">
        <v>0</v>
      </c>
    </row>
    <row r="1025" spans="1:7" x14ac:dyDescent="0.3">
      <c r="A1025" s="13" t="s">
        <v>19</v>
      </c>
      <c r="B1025" s="14" t="s">
        <v>1</v>
      </c>
      <c r="C1025" s="14" t="s">
        <v>20</v>
      </c>
      <c r="D1025" s="14" t="s">
        <v>21</v>
      </c>
      <c r="E1025" s="15">
        <v>45671</v>
      </c>
      <c r="F1025" s="14" t="s">
        <v>15</v>
      </c>
      <c r="G1025" s="16">
        <v>0</v>
      </c>
    </row>
    <row r="1026" spans="1:7" x14ac:dyDescent="0.3">
      <c r="A1026" s="13" t="s">
        <v>19</v>
      </c>
      <c r="B1026" s="14" t="s">
        <v>1</v>
      </c>
      <c r="C1026" s="14" t="s">
        <v>20</v>
      </c>
      <c r="D1026" s="14" t="s">
        <v>21</v>
      </c>
      <c r="E1026" s="15">
        <v>45672</v>
      </c>
      <c r="F1026" s="14" t="s">
        <v>15</v>
      </c>
      <c r="G1026" s="16">
        <v>0</v>
      </c>
    </row>
    <row r="1027" spans="1:7" x14ac:dyDescent="0.3">
      <c r="A1027" s="13" t="s">
        <v>19</v>
      </c>
      <c r="B1027" s="14" t="s">
        <v>1</v>
      </c>
      <c r="C1027" s="14" t="s">
        <v>20</v>
      </c>
      <c r="D1027" s="14" t="s">
        <v>21</v>
      </c>
      <c r="E1027" s="15">
        <v>45673</v>
      </c>
      <c r="F1027" s="14" t="s">
        <v>15</v>
      </c>
      <c r="G1027" s="16">
        <v>0</v>
      </c>
    </row>
    <row r="1028" spans="1:7" x14ac:dyDescent="0.3">
      <c r="A1028" s="13" t="s">
        <v>19</v>
      </c>
      <c r="B1028" s="14" t="s">
        <v>1</v>
      </c>
      <c r="C1028" s="14" t="s">
        <v>20</v>
      </c>
      <c r="D1028" s="14" t="s">
        <v>21</v>
      </c>
      <c r="E1028" s="15">
        <v>45674</v>
      </c>
      <c r="F1028" s="14" t="s">
        <v>15</v>
      </c>
      <c r="G1028" s="16">
        <v>0</v>
      </c>
    </row>
    <row r="1029" spans="1:7" x14ac:dyDescent="0.3">
      <c r="A1029" s="13" t="s">
        <v>19</v>
      </c>
      <c r="B1029" s="14" t="s">
        <v>1</v>
      </c>
      <c r="C1029" s="14" t="s">
        <v>20</v>
      </c>
      <c r="D1029" s="14" t="s">
        <v>21</v>
      </c>
      <c r="E1029" s="15">
        <v>45675</v>
      </c>
      <c r="F1029" s="14" t="s">
        <v>15</v>
      </c>
      <c r="G1029" s="16">
        <v>0</v>
      </c>
    </row>
    <row r="1030" spans="1:7" x14ac:dyDescent="0.3">
      <c r="A1030" s="13" t="s">
        <v>19</v>
      </c>
      <c r="B1030" s="14" t="s">
        <v>1</v>
      </c>
      <c r="C1030" s="14" t="s">
        <v>20</v>
      </c>
      <c r="D1030" s="14" t="s">
        <v>21</v>
      </c>
      <c r="E1030" s="15">
        <v>45676</v>
      </c>
      <c r="F1030" s="14" t="s">
        <v>15</v>
      </c>
      <c r="G1030" s="16">
        <v>0</v>
      </c>
    </row>
    <row r="1031" spans="1:7" x14ac:dyDescent="0.3">
      <c r="A1031" s="13" t="s">
        <v>19</v>
      </c>
      <c r="B1031" s="14" t="s">
        <v>1</v>
      </c>
      <c r="C1031" s="14" t="s">
        <v>20</v>
      </c>
      <c r="D1031" s="14" t="s">
        <v>21</v>
      </c>
      <c r="E1031" s="15">
        <v>45677</v>
      </c>
      <c r="F1031" s="14" t="s">
        <v>15</v>
      </c>
      <c r="G1031" s="16">
        <v>0</v>
      </c>
    </row>
    <row r="1032" spans="1:7" x14ac:dyDescent="0.3">
      <c r="A1032" s="13" t="s">
        <v>19</v>
      </c>
      <c r="B1032" s="14" t="s">
        <v>1</v>
      </c>
      <c r="C1032" s="14" t="s">
        <v>20</v>
      </c>
      <c r="D1032" s="14" t="s">
        <v>21</v>
      </c>
      <c r="E1032" s="15">
        <v>45678</v>
      </c>
      <c r="F1032" s="14" t="s">
        <v>15</v>
      </c>
      <c r="G1032" s="16">
        <v>0</v>
      </c>
    </row>
    <row r="1033" spans="1:7" x14ac:dyDescent="0.3">
      <c r="A1033" s="13" t="s">
        <v>19</v>
      </c>
      <c r="B1033" s="14" t="s">
        <v>1</v>
      </c>
      <c r="C1033" s="14" t="s">
        <v>20</v>
      </c>
      <c r="D1033" s="14" t="s">
        <v>21</v>
      </c>
      <c r="E1033" s="15">
        <v>45679</v>
      </c>
      <c r="F1033" s="14" t="s">
        <v>15</v>
      </c>
      <c r="G1033" s="16">
        <v>0</v>
      </c>
    </row>
    <row r="1034" spans="1:7" x14ac:dyDescent="0.3">
      <c r="A1034" s="13" t="s">
        <v>19</v>
      </c>
      <c r="B1034" s="14" t="s">
        <v>1</v>
      </c>
      <c r="C1034" s="14" t="s">
        <v>20</v>
      </c>
      <c r="D1034" s="14" t="s">
        <v>21</v>
      </c>
      <c r="E1034" s="15">
        <v>45680</v>
      </c>
      <c r="F1034" s="14" t="s">
        <v>15</v>
      </c>
      <c r="G1034" s="16">
        <v>0</v>
      </c>
    </row>
    <row r="1035" spans="1:7" x14ac:dyDescent="0.3">
      <c r="A1035" s="13" t="s">
        <v>19</v>
      </c>
      <c r="B1035" s="14" t="s">
        <v>1</v>
      </c>
      <c r="C1035" s="14" t="s">
        <v>20</v>
      </c>
      <c r="D1035" s="14" t="s">
        <v>21</v>
      </c>
      <c r="E1035" s="15">
        <v>45681</v>
      </c>
      <c r="F1035" s="14" t="s">
        <v>15</v>
      </c>
      <c r="G1035" s="16">
        <v>0</v>
      </c>
    </row>
    <row r="1036" spans="1:7" x14ac:dyDescent="0.3">
      <c r="A1036" s="13" t="s">
        <v>19</v>
      </c>
      <c r="B1036" s="14" t="s">
        <v>1</v>
      </c>
      <c r="C1036" s="14" t="s">
        <v>20</v>
      </c>
      <c r="D1036" s="14" t="s">
        <v>21</v>
      </c>
      <c r="E1036" s="15">
        <v>45682</v>
      </c>
      <c r="F1036" s="14" t="s">
        <v>15</v>
      </c>
      <c r="G1036" s="16">
        <v>0</v>
      </c>
    </row>
    <row r="1037" spans="1:7" x14ac:dyDescent="0.3">
      <c r="A1037" s="13" t="s">
        <v>19</v>
      </c>
      <c r="B1037" s="14" t="s">
        <v>1</v>
      </c>
      <c r="C1037" s="14" t="s">
        <v>20</v>
      </c>
      <c r="D1037" s="14" t="s">
        <v>21</v>
      </c>
      <c r="E1037" s="15">
        <v>45683</v>
      </c>
      <c r="F1037" s="14" t="s">
        <v>15</v>
      </c>
      <c r="G1037" s="16">
        <v>0</v>
      </c>
    </row>
    <row r="1038" spans="1:7" x14ac:dyDescent="0.3">
      <c r="A1038" s="13" t="s">
        <v>19</v>
      </c>
      <c r="B1038" s="14" t="s">
        <v>1</v>
      </c>
      <c r="C1038" s="14" t="s">
        <v>20</v>
      </c>
      <c r="D1038" s="14" t="s">
        <v>21</v>
      </c>
      <c r="E1038" s="15">
        <v>45684</v>
      </c>
      <c r="F1038" s="14" t="s">
        <v>15</v>
      </c>
      <c r="G1038" s="16">
        <v>0</v>
      </c>
    </row>
    <row r="1039" spans="1:7" x14ac:dyDescent="0.3">
      <c r="A1039" s="13" t="s">
        <v>19</v>
      </c>
      <c r="B1039" s="14" t="s">
        <v>1</v>
      </c>
      <c r="C1039" s="14" t="s">
        <v>20</v>
      </c>
      <c r="D1039" s="14" t="s">
        <v>21</v>
      </c>
      <c r="E1039" s="15">
        <v>45685</v>
      </c>
      <c r="F1039" s="14" t="s">
        <v>15</v>
      </c>
      <c r="G1039" s="16">
        <v>0</v>
      </c>
    </row>
    <row r="1040" spans="1:7" x14ac:dyDescent="0.3">
      <c r="A1040" s="13" t="s">
        <v>19</v>
      </c>
      <c r="B1040" s="14" t="s">
        <v>1</v>
      </c>
      <c r="C1040" s="14" t="s">
        <v>20</v>
      </c>
      <c r="D1040" s="14" t="s">
        <v>21</v>
      </c>
      <c r="E1040" s="15">
        <v>45686</v>
      </c>
      <c r="F1040" s="14" t="s">
        <v>15</v>
      </c>
      <c r="G1040" s="16">
        <v>0</v>
      </c>
    </row>
    <row r="1041" spans="1:7" x14ac:dyDescent="0.3">
      <c r="A1041" s="13" t="s">
        <v>19</v>
      </c>
      <c r="B1041" s="14" t="s">
        <v>1</v>
      </c>
      <c r="C1041" s="14" t="s">
        <v>20</v>
      </c>
      <c r="D1041" s="14" t="s">
        <v>21</v>
      </c>
      <c r="E1041" s="15">
        <v>45687</v>
      </c>
      <c r="F1041" s="14" t="s">
        <v>15</v>
      </c>
      <c r="G1041" s="16">
        <v>0</v>
      </c>
    </row>
    <row r="1042" spans="1:7" x14ac:dyDescent="0.3">
      <c r="A1042" s="13" t="s">
        <v>19</v>
      </c>
      <c r="B1042" s="14" t="s">
        <v>1</v>
      </c>
      <c r="C1042" s="14" t="s">
        <v>20</v>
      </c>
      <c r="D1042" s="14" t="s">
        <v>21</v>
      </c>
      <c r="E1042" s="15">
        <v>45688</v>
      </c>
      <c r="F1042" s="14" t="s">
        <v>15</v>
      </c>
      <c r="G1042" s="16">
        <v>0</v>
      </c>
    </row>
    <row r="1043" spans="1:7" x14ac:dyDescent="0.3">
      <c r="A1043" s="13" t="s">
        <v>19</v>
      </c>
      <c r="B1043" s="14" t="s">
        <v>1</v>
      </c>
      <c r="C1043" s="14" t="s">
        <v>20</v>
      </c>
      <c r="D1043" s="14" t="s">
        <v>21</v>
      </c>
      <c r="E1043" s="15">
        <v>45689</v>
      </c>
      <c r="F1043" s="14" t="s">
        <v>15</v>
      </c>
      <c r="G1043" s="16">
        <v>0</v>
      </c>
    </row>
    <row r="1044" spans="1:7" x14ac:dyDescent="0.3">
      <c r="A1044" s="13" t="s">
        <v>19</v>
      </c>
      <c r="B1044" s="14" t="s">
        <v>1</v>
      </c>
      <c r="C1044" s="14" t="s">
        <v>20</v>
      </c>
      <c r="D1044" s="14" t="s">
        <v>21</v>
      </c>
      <c r="E1044" s="15">
        <v>45690</v>
      </c>
      <c r="F1044" s="14" t="s">
        <v>15</v>
      </c>
      <c r="G1044" s="16">
        <v>0</v>
      </c>
    </row>
    <row r="1045" spans="1:7" x14ac:dyDescent="0.3">
      <c r="A1045" s="13" t="s">
        <v>19</v>
      </c>
      <c r="B1045" s="14" t="s">
        <v>1</v>
      </c>
      <c r="C1045" s="14" t="s">
        <v>20</v>
      </c>
      <c r="D1045" s="14" t="s">
        <v>21</v>
      </c>
      <c r="E1045" s="15">
        <v>45691</v>
      </c>
      <c r="F1045" s="14" t="s">
        <v>15</v>
      </c>
      <c r="G1045" s="16">
        <v>0</v>
      </c>
    </row>
    <row r="1046" spans="1:7" x14ac:dyDescent="0.3">
      <c r="A1046" s="13" t="s">
        <v>19</v>
      </c>
      <c r="B1046" s="14" t="s">
        <v>1</v>
      </c>
      <c r="C1046" s="14" t="s">
        <v>20</v>
      </c>
      <c r="D1046" s="14" t="s">
        <v>21</v>
      </c>
      <c r="E1046" s="15">
        <v>45692</v>
      </c>
      <c r="F1046" s="14" t="s">
        <v>15</v>
      </c>
      <c r="G1046" s="16">
        <v>0</v>
      </c>
    </row>
    <row r="1047" spans="1:7" x14ac:dyDescent="0.3">
      <c r="A1047" s="13" t="s">
        <v>19</v>
      </c>
      <c r="B1047" s="14" t="s">
        <v>1</v>
      </c>
      <c r="C1047" s="14" t="s">
        <v>20</v>
      </c>
      <c r="D1047" s="14" t="s">
        <v>21</v>
      </c>
      <c r="E1047" s="15">
        <v>45693</v>
      </c>
      <c r="F1047" s="14" t="s">
        <v>15</v>
      </c>
      <c r="G1047" s="16">
        <v>0</v>
      </c>
    </row>
    <row r="1048" spans="1:7" x14ac:dyDescent="0.3">
      <c r="A1048" s="13" t="s">
        <v>19</v>
      </c>
      <c r="B1048" s="14" t="s">
        <v>1</v>
      </c>
      <c r="C1048" s="14" t="s">
        <v>20</v>
      </c>
      <c r="D1048" s="14" t="s">
        <v>21</v>
      </c>
      <c r="E1048" s="15">
        <v>45694</v>
      </c>
      <c r="F1048" s="14" t="s">
        <v>15</v>
      </c>
      <c r="G1048" s="16">
        <v>0</v>
      </c>
    </row>
    <row r="1049" spans="1:7" x14ac:dyDescent="0.3">
      <c r="A1049" s="13" t="s">
        <v>19</v>
      </c>
      <c r="B1049" s="14" t="s">
        <v>1</v>
      </c>
      <c r="C1049" s="14" t="s">
        <v>20</v>
      </c>
      <c r="D1049" s="14" t="s">
        <v>21</v>
      </c>
      <c r="E1049" s="15">
        <v>45695</v>
      </c>
      <c r="F1049" s="14" t="s">
        <v>15</v>
      </c>
      <c r="G1049" s="16">
        <v>0</v>
      </c>
    </row>
    <row r="1050" spans="1:7" x14ac:dyDescent="0.3">
      <c r="A1050" s="13" t="s">
        <v>19</v>
      </c>
      <c r="B1050" s="14" t="s">
        <v>1</v>
      </c>
      <c r="C1050" s="14" t="s">
        <v>20</v>
      </c>
      <c r="D1050" s="14" t="s">
        <v>21</v>
      </c>
      <c r="E1050" s="15">
        <v>45696</v>
      </c>
      <c r="F1050" s="14" t="s">
        <v>15</v>
      </c>
      <c r="G1050" s="16">
        <v>0</v>
      </c>
    </row>
    <row r="1051" spans="1:7" x14ac:dyDescent="0.3">
      <c r="A1051" s="13" t="s">
        <v>19</v>
      </c>
      <c r="B1051" s="14" t="s">
        <v>1</v>
      </c>
      <c r="C1051" s="14" t="s">
        <v>20</v>
      </c>
      <c r="D1051" s="14" t="s">
        <v>21</v>
      </c>
      <c r="E1051" s="15">
        <v>45697</v>
      </c>
      <c r="F1051" s="14" t="s">
        <v>15</v>
      </c>
      <c r="G1051" s="16">
        <v>0</v>
      </c>
    </row>
    <row r="1052" spans="1:7" x14ac:dyDescent="0.3">
      <c r="A1052" s="13" t="s">
        <v>19</v>
      </c>
      <c r="B1052" s="14" t="s">
        <v>1</v>
      </c>
      <c r="C1052" s="14" t="s">
        <v>20</v>
      </c>
      <c r="D1052" s="14" t="s">
        <v>21</v>
      </c>
      <c r="E1052" s="15">
        <v>45698</v>
      </c>
      <c r="F1052" s="14" t="s">
        <v>15</v>
      </c>
      <c r="G1052" s="16">
        <v>0</v>
      </c>
    </row>
    <row r="1053" spans="1:7" x14ac:dyDescent="0.3">
      <c r="A1053" s="13" t="s">
        <v>19</v>
      </c>
      <c r="B1053" s="14" t="s">
        <v>1</v>
      </c>
      <c r="C1053" s="14" t="s">
        <v>20</v>
      </c>
      <c r="D1053" s="14" t="s">
        <v>21</v>
      </c>
      <c r="E1053" s="15">
        <v>45699</v>
      </c>
      <c r="F1053" s="14" t="s">
        <v>15</v>
      </c>
      <c r="G1053" s="16">
        <v>0</v>
      </c>
    </row>
    <row r="1054" spans="1:7" x14ac:dyDescent="0.3">
      <c r="A1054" s="13" t="s">
        <v>19</v>
      </c>
      <c r="B1054" s="14" t="s">
        <v>1</v>
      </c>
      <c r="C1054" s="14" t="s">
        <v>20</v>
      </c>
      <c r="D1054" s="14" t="s">
        <v>21</v>
      </c>
      <c r="E1054" s="15">
        <v>45700</v>
      </c>
      <c r="F1054" s="14" t="s">
        <v>15</v>
      </c>
      <c r="G1054" s="16">
        <v>0</v>
      </c>
    </row>
    <row r="1055" spans="1:7" x14ac:dyDescent="0.3">
      <c r="A1055" s="13" t="s">
        <v>19</v>
      </c>
      <c r="B1055" s="14" t="s">
        <v>1</v>
      </c>
      <c r="C1055" s="14" t="s">
        <v>20</v>
      </c>
      <c r="D1055" s="14" t="s">
        <v>21</v>
      </c>
      <c r="E1055" s="15">
        <v>45701</v>
      </c>
      <c r="F1055" s="14" t="s">
        <v>15</v>
      </c>
      <c r="G1055" s="16">
        <v>0</v>
      </c>
    </row>
    <row r="1056" spans="1:7" x14ac:dyDescent="0.3">
      <c r="A1056" s="13" t="s">
        <v>19</v>
      </c>
      <c r="B1056" s="14" t="s">
        <v>1</v>
      </c>
      <c r="C1056" s="14" t="s">
        <v>20</v>
      </c>
      <c r="D1056" s="14" t="s">
        <v>21</v>
      </c>
      <c r="E1056" s="15">
        <v>45702</v>
      </c>
      <c r="F1056" s="14" t="s">
        <v>15</v>
      </c>
      <c r="G1056" s="16">
        <v>0</v>
      </c>
    </row>
    <row r="1057" spans="1:7" x14ac:dyDescent="0.3">
      <c r="A1057" s="13" t="s">
        <v>19</v>
      </c>
      <c r="B1057" s="14" t="s">
        <v>1</v>
      </c>
      <c r="C1057" s="14" t="s">
        <v>20</v>
      </c>
      <c r="D1057" s="14" t="s">
        <v>21</v>
      </c>
      <c r="E1057" s="15">
        <v>45703</v>
      </c>
      <c r="F1057" s="14" t="s">
        <v>15</v>
      </c>
      <c r="G1057" s="16">
        <v>0</v>
      </c>
    </row>
    <row r="1058" spans="1:7" x14ac:dyDescent="0.3">
      <c r="A1058" s="13" t="s">
        <v>19</v>
      </c>
      <c r="B1058" s="14" t="s">
        <v>1</v>
      </c>
      <c r="C1058" s="14" t="s">
        <v>20</v>
      </c>
      <c r="D1058" s="14" t="s">
        <v>21</v>
      </c>
      <c r="E1058" s="15">
        <v>45704</v>
      </c>
      <c r="F1058" s="14" t="s">
        <v>15</v>
      </c>
      <c r="G1058" s="16">
        <v>0</v>
      </c>
    </row>
    <row r="1059" spans="1:7" x14ac:dyDescent="0.3">
      <c r="A1059" s="13" t="s">
        <v>19</v>
      </c>
      <c r="B1059" s="14" t="s">
        <v>1</v>
      </c>
      <c r="C1059" s="14" t="s">
        <v>20</v>
      </c>
      <c r="D1059" s="14" t="s">
        <v>21</v>
      </c>
      <c r="E1059" s="15">
        <v>45705</v>
      </c>
      <c r="F1059" s="14" t="s">
        <v>15</v>
      </c>
      <c r="G1059" s="16">
        <v>0</v>
      </c>
    </row>
    <row r="1060" spans="1:7" x14ac:dyDescent="0.3">
      <c r="A1060" s="13" t="s">
        <v>19</v>
      </c>
      <c r="B1060" s="14" t="s">
        <v>1</v>
      </c>
      <c r="C1060" s="14" t="s">
        <v>20</v>
      </c>
      <c r="D1060" s="14" t="s">
        <v>21</v>
      </c>
      <c r="E1060" s="15">
        <v>45706</v>
      </c>
      <c r="F1060" s="14" t="s">
        <v>15</v>
      </c>
      <c r="G1060" s="16">
        <v>0</v>
      </c>
    </row>
    <row r="1061" spans="1:7" x14ac:dyDescent="0.3">
      <c r="A1061" s="13" t="s">
        <v>19</v>
      </c>
      <c r="B1061" s="14" t="s">
        <v>1</v>
      </c>
      <c r="C1061" s="14" t="s">
        <v>20</v>
      </c>
      <c r="D1061" s="14" t="s">
        <v>21</v>
      </c>
      <c r="E1061" s="15">
        <v>45707</v>
      </c>
      <c r="F1061" s="14" t="s">
        <v>15</v>
      </c>
      <c r="G1061" s="16">
        <v>0</v>
      </c>
    </row>
    <row r="1062" spans="1:7" x14ac:dyDescent="0.3">
      <c r="A1062" s="13" t="s">
        <v>19</v>
      </c>
      <c r="B1062" s="14" t="s">
        <v>1</v>
      </c>
      <c r="C1062" s="14" t="s">
        <v>20</v>
      </c>
      <c r="D1062" s="14" t="s">
        <v>21</v>
      </c>
      <c r="E1062" s="15">
        <v>45708</v>
      </c>
      <c r="F1062" s="14" t="s">
        <v>15</v>
      </c>
      <c r="G1062" s="16">
        <v>0</v>
      </c>
    </row>
    <row r="1063" spans="1:7" x14ac:dyDescent="0.3">
      <c r="A1063" s="13" t="s">
        <v>19</v>
      </c>
      <c r="B1063" s="14" t="s">
        <v>1</v>
      </c>
      <c r="C1063" s="14" t="s">
        <v>20</v>
      </c>
      <c r="D1063" s="14" t="s">
        <v>21</v>
      </c>
      <c r="E1063" s="15">
        <v>45709</v>
      </c>
      <c r="F1063" s="14" t="s">
        <v>15</v>
      </c>
      <c r="G1063" s="16">
        <v>0</v>
      </c>
    </row>
    <row r="1064" spans="1:7" x14ac:dyDescent="0.3">
      <c r="A1064" s="13" t="s">
        <v>19</v>
      </c>
      <c r="B1064" s="14" t="s">
        <v>1</v>
      </c>
      <c r="C1064" s="14" t="s">
        <v>20</v>
      </c>
      <c r="D1064" s="14" t="s">
        <v>21</v>
      </c>
      <c r="E1064" s="15">
        <v>45710</v>
      </c>
      <c r="F1064" s="14" t="s">
        <v>15</v>
      </c>
      <c r="G1064" s="16">
        <v>0</v>
      </c>
    </row>
    <row r="1065" spans="1:7" x14ac:dyDescent="0.3">
      <c r="A1065" s="13" t="s">
        <v>19</v>
      </c>
      <c r="B1065" s="14" t="s">
        <v>1</v>
      </c>
      <c r="C1065" s="14" t="s">
        <v>20</v>
      </c>
      <c r="D1065" s="14" t="s">
        <v>21</v>
      </c>
      <c r="E1065" s="15">
        <v>45711</v>
      </c>
      <c r="F1065" s="14" t="s">
        <v>15</v>
      </c>
      <c r="G1065" s="16">
        <v>0</v>
      </c>
    </row>
    <row r="1066" spans="1:7" x14ac:dyDescent="0.3">
      <c r="A1066" s="13" t="s">
        <v>19</v>
      </c>
      <c r="B1066" s="14" t="s">
        <v>1</v>
      </c>
      <c r="C1066" s="14" t="s">
        <v>20</v>
      </c>
      <c r="D1066" s="14" t="s">
        <v>21</v>
      </c>
      <c r="E1066" s="15">
        <v>45712</v>
      </c>
      <c r="F1066" s="14" t="s">
        <v>15</v>
      </c>
      <c r="G1066" s="16">
        <v>0</v>
      </c>
    </row>
    <row r="1067" spans="1:7" x14ac:dyDescent="0.3">
      <c r="A1067" s="13" t="s">
        <v>19</v>
      </c>
      <c r="B1067" s="14" t="s">
        <v>1</v>
      </c>
      <c r="C1067" s="14" t="s">
        <v>20</v>
      </c>
      <c r="D1067" s="14" t="s">
        <v>21</v>
      </c>
      <c r="E1067" s="15">
        <v>45713</v>
      </c>
      <c r="F1067" s="14" t="s">
        <v>15</v>
      </c>
      <c r="G1067" s="16">
        <v>0</v>
      </c>
    </row>
    <row r="1068" spans="1:7" x14ac:dyDescent="0.3">
      <c r="A1068" s="13" t="s">
        <v>19</v>
      </c>
      <c r="B1068" s="14" t="s">
        <v>1</v>
      </c>
      <c r="C1068" s="14" t="s">
        <v>20</v>
      </c>
      <c r="D1068" s="14" t="s">
        <v>21</v>
      </c>
      <c r="E1068" s="15">
        <v>45714</v>
      </c>
      <c r="F1068" s="14" t="s">
        <v>15</v>
      </c>
      <c r="G1068" s="16">
        <v>0</v>
      </c>
    </row>
    <row r="1069" spans="1:7" x14ac:dyDescent="0.3">
      <c r="A1069" s="13" t="s">
        <v>19</v>
      </c>
      <c r="B1069" s="14" t="s">
        <v>1</v>
      </c>
      <c r="C1069" s="14" t="s">
        <v>20</v>
      </c>
      <c r="D1069" s="14" t="s">
        <v>21</v>
      </c>
      <c r="E1069" s="15">
        <v>45715</v>
      </c>
      <c r="F1069" s="14" t="s">
        <v>15</v>
      </c>
      <c r="G1069" s="16">
        <v>0</v>
      </c>
    </row>
    <row r="1070" spans="1:7" x14ac:dyDescent="0.3">
      <c r="A1070" s="13" t="s">
        <v>19</v>
      </c>
      <c r="B1070" s="14" t="s">
        <v>1</v>
      </c>
      <c r="C1070" s="14" t="s">
        <v>20</v>
      </c>
      <c r="D1070" s="14" t="s">
        <v>21</v>
      </c>
      <c r="E1070" s="15">
        <v>45716</v>
      </c>
      <c r="F1070" s="14" t="s">
        <v>15</v>
      </c>
      <c r="G1070" s="16">
        <v>0</v>
      </c>
    </row>
    <row r="1071" spans="1:7" x14ac:dyDescent="0.3">
      <c r="A1071" s="13" t="s">
        <v>19</v>
      </c>
      <c r="B1071" s="14" t="s">
        <v>1</v>
      </c>
      <c r="C1071" s="14" t="s">
        <v>20</v>
      </c>
      <c r="D1071" s="14" t="s">
        <v>21</v>
      </c>
      <c r="E1071" s="15">
        <v>45717</v>
      </c>
      <c r="F1071" s="14" t="s">
        <v>15</v>
      </c>
      <c r="G1071" s="16">
        <v>0</v>
      </c>
    </row>
    <row r="1072" spans="1:7" x14ac:dyDescent="0.3">
      <c r="A1072" s="13" t="s">
        <v>19</v>
      </c>
      <c r="B1072" s="14" t="s">
        <v>1</v>
      </c>
      <c r="C1072" s="14" t="s">
        <v>20</v>
      </c>
      <c r="D1072" s="14" t="s">
        <v>21</v>
      </c>
      <c r="E1072" s="15">
        <v>45718</v>
      </c>
      <c r="F1072" s="14" t="s">
        <v>15</v>
      </c>
      <c r="G1072" s="16">
        <v>0</v>
      </c>
    </row>
    <row r="1073" spans="1:7" x14ac:dyDescent="0.3">
      <c r="A1073" s="13" t="s">
        <v>19</v>
      </c>
      <c r="B1073" s="14" t="s">
        <v>1</v>
      </c>
      <c r="C1073" s="14" t="s">
        <v>20</v>
      </c>
      <c r="D1073" s="14" t="s">
        <v>21</v>
      </c>
      <c r="E1073" s="15">
        <v>45719</v>
      </c>
      <c r="F1073" s="14" t="s">
        <v>15</v>
      </c>
      <c r="G1073" s="16">
        <v>0</v>
      </c>
    </row>
    <row r="1074" spans="1:7" x14ac:dyDescent="0.3">
      <c r="A1074" s="13" t="s">
        <v>19</v>
      </c>
      <c r="B1074" s="14" t="s">
        <v>1</v>
      </c>
      <c r="C1074" s="14" t="s">
        <v>20</v>
      </c>
      <c r="D1074" s="14" t="s">
        <v>21</v>
      </c>
      <c r="E1074" s="15">
        <v>45720</v>
      </c>
      <c r="F1074" s="14" t="s">
        <v>15</v>
      </c>
      <c r="G1074" s="16">
        <v>0</v>
      </c>
    </row>
    <row r="1075" spans="1:7" x14ac:dyDescent="0.3">
      <c r="A1075" s="13" t="s">
        <v>19</v>
      </c>
      <c r="B1075" s="14" t="s">
        <v>1</v>
      </c>
      <c r="C1075" s="14" t="s">
        <v>20</v>
      </c>
      <c r="D1075" s="14" t="s">
        <v>21</v>
      </c>
      <c r="E1075" s="15">
        <v>45721</v>
      </c>
      <c r="F1075" s="14" t="s">
        <v>15</v>
      </c>
      <c r="G1075" s="16">
        <v>0</v>
      </c>
    </row>
    <row r="1076" spans="1:7" x14ac:dyDescent="0.3">
      <c r="A1076" s="13" t="s">
        <v>19</v>
      </c>
      <c r="B1076" s="14" t="s">
        <v>1</v>
      </c>
      <c r="C1076" s="14" t="s">
        <v>20</v>
      </c>
      <c r="D1076" s="14" t="s">
        <v>21</v>
      </c>
      <c r="E1076" s="15">
        <v>45722</v>
      </c>
      <c r="F1076" s="14" t="s">
        <v>15</v>
      </c>
      <c r="G1076" s="16">
        <v>0</v>
      </c>
    </row>
    <row r="1077" spans="1:7" x14ac:dyDescent="0.3">
      <c r="A1077" s="13" t="s">
        <v>19</v>
      </c>
      <c r="B1077" s="14" t="s">
        <v>1</v>
      </c>
      <c r="C1077" s="14" t="s">
        <v>20</v>
      </c>
      <c r="D1077" s="14" t="s">
        <v>21</v>
      </c>
      <c r="E1077" s="15">
        <v>45723</v>
      </c>
      <c r="F1077" s="14" t="s">
        <v>15</v>
      </c>
      <c r="G1077" s="16">
        <v>0</v>
      </c>
    </row>
    <row r="1078" spans="1:7" x14ac:dyDescent="0.3">
      <c r="A1078" s="13" t="s">
        <v>19</v>
      </c>
      <c r="B1078" s="14" t="s">
        <v>1</v>
      </c>
      <c r="C1078" s="14" t="s">
        <v>20</v>
      </c>
      <c r="D1078" s="14" t="s">
        <v>21</v>
      </c>
      <c r="E1078" s="15">
        <v>45724</v>
      </c>
      <c r="F1078" s="14" t="s">
        <v>15</v>
      </c>
      <c r="G1078" s="16">
        <v>0</v>
      </c>
    </row>
    <row r="1079" spans="1:7" x14ac:dyDescent="0.3">
      <c r="A1079" s="13" t="s">
        <v>19</v>
      </c>
      <c r="B1079" s="14" t="s">
        <v>1</v>
      </c>
      <c r="C1079" s="14" t="s">
        <v>20</v>
      </c>
      <c r="D1079" s="14" t="s">
        <v>21</v>
      </c>
      <c r="E1079" s="15">
        <v>45725</v>
      </c>
      <c r="F1079" s="14" t="s">
        <v>15</v>
      </c>
      <c r="G1079" s="16">
        <v>0</v>
      </c>
    </row>
    <row r="1080" spans="1:7" x14ac:dyDescent="0.3">
      <c r="A1080" s="13" t="s">
        <v>19</v>
      </c>
      <c r="B1080" s="14" t="s">
        <v>1</v>
      </c>
      <c r="C1080" s="14" t="s">
        <v>20</v>
      </c>
      <c r="D1080" s="14" t="s">
        <v>21</v>
      </c>
      <c r="E1080" s="15">
        <v>45726</v>
      </c>
      <c r="F1080" s="14" t="s">
        <v>15</v>
      </c>
      <c r="G1080" s="16">
        <v>0</v>
      </c>
    </row>
    <row r="1081" spans="1:7" x14ac:dyDescent="0.3">
      <c r="A1081" s="13" t="s">
        <v>19</v>
      </c>
      <c r="B1081" s="14" t="s">
        <v>1</v>
      </c>
      <c r="C1081" s="14" t="s">
        <v>20</v>
      </c>
      <c r="D1081" s="14" t="s">
        <v>21</v>
      </c>
      <c r="E1081" s="15">
        <v>45727</v>
      </c>
      <c r="F1081" s="14" t="s">
        <v>15</v>
      </c>
      <c r="G1081" s="16">
        <v>0</v>
      </c>
    </row>
    <row r="1082" spans="1:7" x14ac:dyDescent="0.3">
      <c r="A1082" s="13" t="s">
        <v>19</v>
      </c>
      <c r="B1082" s="14" t="s">
        <v>1</v>
      </c>
      <c r="C1082" s="14" t="s">
        <v>20</v>
      </c>
      <c r="D1082" s="14" t="s">
        <v>21</v>
      </c>
      <c r="E1082" s="15">
        <v>45728</v>
      </c>
      <c r="F1082" s="14" t="s">
        <v>15</v>
      </c>
      <c r="G1082" s="16">
        <v>0</v>
      </c>
    </row>
    <row r="1083" spans="1:7" x14ac:dyDescent="0.3">
      <c r="A1083" s="13" t="s">
        <v>19</v>
      </c>
      <c r="B1083" s="14" t="s">
        <v>1</v>
      </c>
      <c r="C1083" s="14" t="s">
        <v>20</v>
      </c>
      <c r="D1083" s="14" t="s">
        <v>21</v>
      </c>
      <c r="E1083" s="15">
        <v>45729</v>
      </c>
      <c r="F1083" s="14" t="s">
        <v>15</v>
      </c>
      <c r="G1083" s="16">
        <v>0</v>
      </c>
    </row>
    <row r="1084" spans="1:7" x14ac:dyDescent="0.3">
      <c r="A1084" s="13" t="s">
        <v>19</v>
      </c>
      <c r="B1084" s="14" t="s">
        <v>1</v>
      </c>
      <c r="C1084" s="14" t="s">
        <v>20</v>
      </c>
      <c r="D1084" s="14" t="s">
        <v>21</v>
      </c>
      <c r="E1084" s="15">
        <v>45730</v>
      </c>
      <c r="F1084" s="14" t="s">
        <v>15</v>
      </c>
      <c r="G1084" s="16">
        <v>0</v>
      </c>
    </row>
    <row r="1085" spans="1:7" x14ac:dyDescent="0.3">
      <c r="A1085" s="13" t="s">
        <v>19</v>
      </c>
      <c r="B1085" s="14" t="s">
        <v>1</v>
      </c>
      <c r="C1085" s="14" t="s">
        <v>20</v>
      </c>
      <c r="D1085" s="14" t="s">
        <v>21</v>
      </c>
      <c r="E1085" s="15">
        <v>45731</v>
      </c>
      <c r="F1085" s="14" t="s">
        <v>15</v>
      </c>
      <c r="G1085" s="16">
        <v>0</v>
      </c>
    </row>
    <row r="1086" spans="1:7" x14ac:dyDescent="0.3">
      <c r="A1086" s="13" t="s">
        <v>19</v>
      </c>
      <c r="B1086" s="14" t="s">
        <v>1</v>
      </c>
      <c r="C1086" s="14" t="s">
        <v>20</v>
      </c>
      <c r="D1086" s="14" t="s">
        <v>21</v>
      </c>
      <c r="E1086" s="15">
        <v>45732</v>
      </c>
      <c r="F1086" s="14" t="s">
        <v>15</v>
      </c>
      <c r="G1086" s="16">
        <v>0</v>
      </c>
    </row>
    <row r="1087" spans="1:7" x14ac:dyDescent="0.3">
      <c r="A1087" s="13" t="s">
        <v>19</v>
      </c>
      <c r="B1087" s="14" t="s">
        <v>1</v>
      </c>
      <c r="C1087" s="14" t="s">
        <v>20</v>
      </c>
      <c r="D1087" s="14" t="s">
        <v>21</v>
      </c>
      <c r="E1087" s="15">
        <v>45733</v>
      </c>
      <c r="F1087" s="14" t="s">
        <v>15</v>
      </c>
      <c r="G1087" s="16">
        <v>0</v>
      </c>
    </row>
    <row r="1088" spans="1:7" x14ac:dyDescent="0.3">
      <c r="A1088" s="13" t="s">
        <v>19</v>
      </c>
      <c r="B1088" s="14" t="s">
        <v>1</v>
      </c>
      <c r="C1088" s="14" t="s">
        <v>20</v>
      </c>
      <c r="D1088" s="14" t="s">
        <v>21</v>
      </c>
      <c r="E1088" s="15">
        <v>45734</v>
      </c>
      <c r="F1088" s="14" t="s">
        <v>15</v>
      </c>
      <c r="G1088" s="16">
        <v>0</v>
      </c>
    </row>
    <row r="1089" spans="1:7" x14ac:dyDescent="0.3">
      <c r="A1089" s="13" t="s">
        <v>19</v>
      </c>
      <c r="B1089" s="14" t="s">
        <v>1</v>
      </c>
      <c r="C1089" s="14" t="s">
        <v>20</v>
      </c>
      <c r="D1089" s="14" t="s">
        <v>21</v>
      </c>
      <c r="E1089" s="15">
        <v>45735</v>
      </c>
      <c r="F1089" s="14" t="s">
        <v>15</v>
      </c>
      <c r="G1089" s="16">
        <v>0</v>
      </c>
    </row>
    <row r="1090" spans="1:7" x14ac:dyDescent="0.3">
      <c r="A1090" s="13" t="s">
        <v>19</v>
      </c>
      <c r="B1090" s="14" t="s">
        <v>1</v>
      </c>
      <c r="C1090" s="14" t="s">
        <v>20</v>
      </c>
      <c r="D1090" s="14" t="s">
        <v>21</v>
      </c>
      <c r="E1090" s="15">
        <v>45736</v>
      </c>
      <c r="F1090" s="14" t="s">
        <v>15</v>
      </c>
      <c r="G1090" s="16">
        <v>5.7380009357395441E-3</v>
      </c>
    </row>
    <row r="1091" spans="1:7" x14ac:dyDescent="0.3">
      <c r="A1091" s="13" t="s">
        <v>19</v>
      </c>
      <c r="B1091" s="14" t="s">
        <v>1</v>
      </c>
      <c r="C1091" s="14" t="s">
        <v>20</v>
      </c>
      <c r="D1091" s="14" t="s">
        <v>21</v>
      </c>
      <c r="E1091" s="15">
        <v>45737</v>
      </c>
      <c r="F1091" s="14" t="s">
        <v>15</v>
      </c>
      <c r="G1091" s="16">
        <v>1.1458668538145755E-2</v>
      </c>
    </row>
    <row r="1092" spans="1:7" x14ac:dyDescent="0.3">
      <c r="A1092" s="13" t="s">
        <v>19</v>
      </c>
      <c r="B1092" s="14" t="s">
        <v>1</v>
      </c>
      <c r="C1092" s="14" t="s">
        <v>20</v>
      </c>
      <c r="D1092" s="14" t="s">
        <v>21</v>
      </c>
      <c r="E1092" s="15">
        <v>45738</v>
      </c>
      <c r="F1092" s="14" t="s">
        <v>15</v>
      </c>
      <c r="G1092" s="16">
        <v>1.1458668538145755E-2</v>
      </c>
    </row>
    <row r="1093" spans="1:7" x14ac:dyDescent="0.3">
      <c r="A1093" s="13" t="s">
        <v>19</v>
      </c>
      <c r="B1093" s="14" t="s">
        <v>1</v>
      </c>
      <c r="C1093" s="14" t="s">
        <v>20</v>
      </c>
      <c r="D1093" s="14" t="s">
        <v>21</v>
      </c>
      <c r="E1093" s="15">
        <v>45739</v>
      </c>
      <c r="F1093" s="14" t="s">
        <v>15</v>
      </c>
      <c r="G1093" s="16">
        <v>1.1458668538145755E-2</v>
      </c>
    </row>
    <row r="1094" spans="1:7" x14ac:dyDescent="0.3">
      <c r="A1094" s="13" t="s">
        <v>19</v>
      </c>
      <c r="B1094" s="14" t="s">
        <v>1</v>
      </c>
      <c r="C1094" s="14" t="s">
        <v>20</v>
      </c>
      <c r="D1094" s="14" t="s">
        <v>21</v>
      </c>
      <c r="E1094" s="15">
        <v>45740</v>
      </c>
      <c r="F1094" s="14" t="s">
        <v>15</v>
      </c>
      <c r="G1094" s="16">
        <v>1.6300225029440854E-2</v>
      </c>
    </row>
    <row r="1095" spans="1:7" x14ac:dyDescent="0.3">
      <c r="A1095" s="13" t="s">
        <v>19</v>
      </c>
      <c r="B1095" s="14" t="s">
        <v>1</v>
      </c>
      <c r="C1095" s="14" t="s">
        <v>20</v>
      </c>
      <c r="D1095" s="14" t="s">
        <v>21</v>
      </c>
      <c r="E1095" s="15">
        <v>45741</v>
      </c>
      <c r="F1095" s="14" t="s">
        <v>15</v>
      </c>
      <c r="G1095" s="16">
        <v>3.7079892631847064E-2</v>
      </c>
    </row>
    <row r="1096" spans="1:7" x14ac:dyDescent="0.3">
      <c r="A1096" s="13" t="s">
        <v>19</v>
      </c>
      <c r="B1096" s="14" t="s">
        <v>1</v>
      </c>
      <c r="C1096" s="14" t="s">
        <v>20</v>
      </c>
      <c r="D1096" s="14" t="s">
        <v>21</v>
      </c>
      <c r="E1096" s="15">
        <v>45742</v>
      </c>
      <c r="F1096" s="14" t="s">
        <v>15</v>
      </c>
      <c r="G1096" s="16">
        <v>4.2813226900919939E-2</v>
      </c>
    </row>
    <row r="1097" spans="1:7" x14ac:dyDescent="0.3">
      <c r="A1097" s="13" t="s">
        <v>19</v>
      </c>
      <c r="B1097" s="14" t="s">
        <v>1</v>
      </c>
      <c r="C1097" s="14" t="s">
        <v>20</v>
      </c>
      <c r="D1097" s="14" t="s">
        <v>21</v>
      </c>
      <c r="E1097" s="15">
        <v>45743</v>
      </c>
      <c r="F1097" s="14" t="s">
        <v>15</v>
      </c>
      <c r="G1097" s="16">
        <v>4.9988338947770598E-2</v>
      </c>
    </row>
    <row r="1098" spans="1:7" x14ac:dyDescent="0.3">
      <c r="A1098" s="13" t="s">
        <v>19</v>
      </c>
      <c r="B1098" s="14" t="s">
        <v>1</v>
      </c>
      <c r="C1098" s="14" t="s">
        <v>20</v>
      </c>
      <c r="D1098" s="14" t="s">
        <v>21</v>
      </c>
      <c r="E1098" s="15">
        <v>45744</v>
      </c>
      <c r="F1098" s="14" t="s">
        <v>15</v>
      </c>
      <c r="G1098" s="16">
        <v>5.5754228772399037E-2</v>
      </c>
    </row>
    <row r="1099" spans="1:7" x14ac:dyDescent="0.3">
      <c r="A1099" s="13" t="s">
        <v>19</v>
      </c>
      <c r="B1099" s="14" t="s">
        <v>1</v>
      </c>
      <c r="C1099" s="14" t="s">
        <v>20</v>
      </c>
      <c r="D1099" s="14" t="s">
        <v>21</v>
      </c>
      <c r="E1099" s="15">
        <v>45745</v>
      </c>
      <c r="F1099" s="14" t="s">
        <v>15</v>
      </c>
      <c r="G1099" s="16">
        <v>5.5754228772399037E-2</v>
      </c>
    </row>
    <row r="1100" spans="1:7" x14ac:dyDescent="0.3">
      <c r="A1100" s="13" t="s">
        <v>19</v>
      </c>
      <c r="B1100" s="14" t="s">
        <v>1</v>
      </c>
      <c r="C1100" s="14" t="s">
        <v>20</v>
      </c>
      <c r="D1100" s="14" t="s">
        <v>21</v>
      </c>
      <c r="E1100" s="15">
        <v>45746</v>
      </c>
      <c r="F1100" s="14" t="s">
        <v>15</v>
      </c>
      <c r="G1100" s="16">
        <v>5.5754228772399037E-2</v>
      </c>
    </row>
    <row r="1101" spans="1:7" x14ac:dyDescent="0.3">
      <c r="A1101" s="13" t="s">
        <v>19</v>
      </c>
      <c r="B1101" s="14" t="s">
        <v>1</v>
      </c>
      <c r="C1101" s="14" t="s">
        <v>20</v>
      </c>
      <c r="D1101" s="14" t="s">
        <v>21</v>
      </c>
      <c r="E1101" s="15">
        <v>45747</v>
      </c>
      <c r="F1101" s="14" t="s">
        <v>15</v>
      </c>
      <c r="G1101" s="16">
        <v>6.2436785263694138E-2</v>
      </c>
    </row>
    <row r="1102" spans="1:7" x14ac:dyDescent="0.3">
      <c r="A1102" s="13" t="s">
        <v>22</v>
      </c>
      <c r="B1102" s="14" t="s">
        <v>1</v>
      </c>
      <c r="C1102" s="14" t="s">
        <v>23</v>
      </c>
      <c r="D1102" s="14" t="s">
        <v>24</v>
      </c>
      <c r="E1102" s="15">
        <v>45383</v>
      </c>
      <c r="F1102" s="14" t="s">
        <v>25</v>
      </c>
      <c r="G1102" s="16">
        <v>0</v>
      </c>
    </row>
    <row r="1103" spans="1:7" x14ac:dyDescent="0.3">
      <c r="A1103" s="13" t="s">
        <v>22</v>
      </c>
      <c r="B1103" s="14" t="s">
        <v>1</v>
      </c>
      <c r="C1103" s="14" t="s">
        <v>23</v>
      </c>
      <c r="D1103" s="14" t="s">
        <v>24</v>
      </c>
      <c r="E1103" s="15">
        <v>45384</v>
      </c>
      <c r="F1103" s="14" t="s">
        <v>25</v>
      </c>
      <c r="G1103" s="16">
        <v>0</v>
      </c>
    </row>
    <row r="1104" spans="1:7" x14ac:dyDescent="0.3">
      <c r="A1104" s="13" t="s">
        <v>22</v>
      </c>
      <c r="B1104" s="14" t="s">
        <v>1</v>
      </c>
      <c r="C1104" s="14" t="s">
        <v>23</v>
      </c>
      <c r="D1104" s="14" t="s">
        <v>24</v>
      </c>
      <c r="E1104" s="15">
        <v>45385</v>
      </c>
      <c r="F1104" s="14" t="s">
        <v>25</v>
      </c>
      <c r="G1104" s="16">
        <v>7.3337152059740535E-2</v>
      </c>
    </row>
    <row r="1105" spans="1:7" x14ac:dyDescent="0.3">
      <c r="A1105" s="13" t="s">
        <v>22</v>
      </c>
      <c r="B1105" s="14" t="s">
        <v>1</v>
      </c>
      <c r="C1105" s="14" t="s">
        <v>23</v>
      </c>
      <c r="D1105" s="14" t="s">
        <v>24</v>
      </c>
      <c r="E1105" s="15">
        <v>45386</v>
      </c>
      <c r="F1105" s="14" t="s">
        <v>25</v>
      </c>
      <c r="G1105" s="16">
        <v>9.1732376644633407E-2</v>
      </c>
    </row>
    <row r="1106" spans="1:7" x14ac:dyDescent="0.3">
      <c r="A1106" s="13" t="s">
        <v>22</v>
      </c>
      <c r="B1106" s="14" t="s">
        <v>1</v>
      </c>
      <c r="C1106" s="14" t="s">
        <v>23</v>
      </c>
      <c r="D1106" s="14" t="s">
        <v>24</v>
      </c>
      <c r="E1106" s="15">
        <v>45387</v>
      </c>
      <c r="F1106" s="14" t="s">
        <v>25</v>
      </c>
      <c r="G1106" s="16">
        <v>0.12083151812295558</v>
      </c>
    </row>
    <row r="1107" spans="1:7" x14ac:dyDescent="0.3">
      <c r="A1107" s="13" t="s">
        <v>22</v>
      </c>
      <c r="B1107" s="14" t="s">
        <v>1</v>
      </c>
      <c r="C1107" s="14" t="s">
        <v>23</v>
      </c>
      <c r="D1107" s="14" t="s">
        <v>24</v>
      </c>
      <c r="E1107" s="15">
        <v>45388</v>
      </c>
      <c r="F1107" s="14" t="s">
        <v>25</v>
      </c>
      <c r="G1107" s="16">
        <v>0.12083151812295558</v>
      </c>
    </row>
    <row r="1108" spans="1:7" x14ac:dyDescent="0.3">
      <c r="A1108" s="13" t="s">
        <v>22</v>
      </c>
      <c r="B1108" s="14" t="s">
        <v>1</v>
      </c>
      <c r="C1108" s="14" t="s">
        <v>23</v>
      </c>
      <c r="D1108" s="14" t="s">
        <v>24</v>
      </c>
      <c r="E1108" s="15">
        <v>45389</v>
      </c>
      <c r="F1108" s="14" t="s">
        <v>25</v>
      </c>
      <c r="G1108" s="16">
        <v>0.12083151812295558</v>
      </c>
    </row>
    <row r="1109" spans="1:7" x14ac:dyDescent="0.3">
      <c r="A1109" s="13" t="s">
        <v>22</v>
      </c>
      <c r="B1109" s="14" t="s">
        <v>1</v>
      </c>
      <c r="C1109" s="14" t="s">
        <v>23</v>
      </c>
      <c r="D1109" s="14" t="s">
        <v>24</v>
      </c>
      <c r="E1109" s="15">
        <v>45390</v>
      </c>
      <c r="F1109" s="14" t="s">
        <v>25</v>
      </c>
      <c r="G1109" s="16">
        <v>0.13795832925531265</v>
      </c>
    </row>
    <row r="1110" spans="1:7" x14ac:dyDescent="0.3">
      <c r="A1110" s="13" t="s">
        <v>22</v>
      </c>
      <c r="B1110" s="14" t="s">
        <v>1</v>
      </c>
      <c r="C1110" s="14" t="s">
        <v>23</v>
      </c>
      <c r="D1110" s="14" t="s">
        <v>24</v>
      </c>
      <c r="E1110" s="15">
        <v>45391</v>
      </c>
      <c r="F1110" s="14" t="s">
        <v>25</v>
      </c>
      <c r="G1110" s="16">
        <v>0.18739330814693608</v>
      </c>
    </row>
    <row r="1111" spans="1:7" x14ac:dyDescent="0.3">
      <c r="A1111" s="13" t="s">
        <v>22</v>
      </c>
      <c r="B1111" s="14" t="s">
        <v>1</v>
      </c>
      <c r="C1111" s="14" t="s">
        <v>23</v>
      </c>
      <c r="D1111" s="14" t="s">
        <v>24</v>
      </c>
      <c r="E1111" s="15">
        <v>45392</v>
      </c>
      <c r="F1111" s="14" t="s">
        <v>25</v>
      </c>
      <c r="G1111" s="16">
        <v>0.20905834159907385</v>
      </c>
    </row>
    <row r="1112" spans="1:7" x14ac:dyDescent="0.3">
      <c r="A1112" s="13" t="s">
        <v>22</v>
      </c>
      <c r="B1112" s="14" t="s">
        <v>1</v>
      </c>
      <c r="C1112" s="14" t="s">
        <v>23</v>
      </c>
      <c r="D1112" s="14" t="s">
        <v>24</v>
      </c>
      <c r="E1112" s="15">
        <v>45393</v>
      </c>
      <c r="F1112" s="14" t="s">
        <v>25</v>
      </c>
      <c r="G1112" s="16">
        <v>0.22634496660159498</v>
      </c>
    </row>
    <row r="1113" spans="1:7" x14ac:dyDescent="0.3">
      <c r="A1113" s="13" t="s">
        <v>22</v>
      </c>
      <c r="B1113" s="14" t="s">
        <v>1</v>
      </c>
      <c r="C1113" s="14" t="s">
        <v>23</v>
      </c>
      <c r="D1113" s="14" t="s">
        <v>24</v>
      </c>
      <c r="E1113" s="15">
        <v>45394</v>
      </c>
      <c r="F1113" s="14" t="s">
        <v>25</v>
      </c>
      <c r="G1113" s="16">
        <v>0.24397778091844038</v>
      </c>
    </row>
    <row r="1114" spans="1:7" x14ac:dyDescent="0.3">
      <c r="A1114" s="13" t="s">
        <v>22</v>
      </c>
      <c r="B1114" s="14" t="s">
        <v>1</v>
      </c>
      <c r="C1114" s="14" t="s">
        <v>23</v>
      </c>
      <c r="D1114" s="14" t="s">
        <v>24</v>
      </c>
      <c r="E1114" s="15">
        <v>45395</v>
      </c>
      <c r="F1114" s="14" t="s">
        <v>25</v>
      </c>
      <c r="G1114" s="16">
        <v>0.24397778091844038</v>
      </c>
    </row>
    <row r="1115" spans="1:7" x14ac:dyDescent="0.3">
      <c r="A1115" s="13" t="s">
        <v>22</v>
      </c>
      <c r="B1115" s="14" t="s">
        <v>1</v>
      </c>
      <c r="C1115" s="14" t="s">
        <v>23</v>
      </c>
      <c r="D1115" s="14" t="s">
        <v>24</v>
      </c>
      <c r="E1115" s="15">
        <v>45396</v>
      </c>
      <c r="F1115" s="14" t="s">
        <v>25</v>
      </c>
      <c r="G1115" s="16">
        <v>0.24397778091844038</v>
      </c>
    </row>
    <row r="1116" spans="1:7" x14ac:dyDescent="0.3">
      <c r="A1116" s="13" t="s">
        <v>22</v>
      </c>
      <c r="B1116" s="14" t="s">
        <v>1</v>
      </c>
      <c r="C1116" s="14" t="s">
        <v>23</v>
      </c>
      <c r="D1116" s="14" t="s">
        <v>24</v>
      </c>
      <c r="E1116" s="15">
        <v>45397</v>
      </c>
      <c r="F1116" s="14" t="s">
        <v>25</v>
      </c>
      <c r="G1116" s="16">
        <v>0.26115162325031482</v>
      </c>
    </row>
    <row r="1117" spans="1:7" x14ac:dyDescent="0.3">
      <c r="A1117" s="13" t="s">
        <v>22</v>
      </c>
      <c r="B1117" s="14" t="s">
        <v>1</v>
      </c>
      <c r="C1117" s="14" t="s">
        <v>23</v>
      </c>
      <c r="D1117" s="14" t="s">
        <v>24</v>
      </c>
      <c r="E1117" s="15">
        <v>45398</v>
      </c>
      <c r="F1117" s="14" t="s">
        <v>25</v>
      </c>
      <c r="G1117" s="16">
        <v>0.31046726550696457</v>
      </c>
    </row>
    <row r="1118" spans="1:7" x14ac:dyDescent="0.3">
      <c r="A1118" s="13" t="s">
        <v>22</v>
      </c>
      <c r="B1118" s="14" t="s">
        <v>1</v>
      </c>
      <c r="C1118" s="14" t="s">
        <v>23</v>
      </c>
      <c r="D1118" s="14" t="s">
        <v>24</v>
      </c>
      <c r="E1118" s="15">
        <v>45399</v>
      </c>
      <c r="F1118" s="14" t="s">
        <v>25</v>
      </c>
      <c r="G1118" s="16">
        <v>0.32597589777943026</v>
      </c>
    </row>
    <row r="1119" spans="1:7" x14ac:dyDescent="0.3">
      <c r="A1119" s="13" t="s">
        <v>22</v>
      </c>
      <c r="B1119" s="14" t="s">
        <v>1</v>
      </c>
      <c r="C1119" s="14" t="s">
        <v>23</v>
      </c>
      <c r="D1119" s="14" t="s">
        <v>24</v>
      </c>
      <c r="E1119" s="15">
        <v>45400</v>
      </c>
      <c r="F1119" s="14" t="s">
        <v>25</v>
      </c>
      <c r="G1119" s="16">
        <v>0.3428039024553427</v>
      </c>
    </row>
    <row r="1120" spans="1:7" x14ac:dyDescent="0.3">
      <c r="A1120" s="13" t="s">
        <v>22</v>
      </c>
      <c r="B1120" s="14" t="s">
        <v>1</v>
      </c>
      <c r="C1120" s="14" t="s">
        <v>23</v>
      </c>
      <c r="D1120" s="14" t="s">
        <v>24</v>
      </c>
      <c r="E1120" s="15">
        <v>45401</v>
      </c>
      <c r="F1120" s="14" t="s">
        <v>25</v>
      </c>
      <c r="G1120" s="16">
        <v>0.35832375178533177</v>
      </c>
    </row>
    <row r="1121" spans="1:7" x14ac:dyDescent="0.3">
      <c r="A1121" s="13" t="s">
        <v>22</v>
      </c>
      <c r="B1121" s="14" t="s">
        <v>1</v>
      </c>
      <c r="C1121" s="14" t="s">
        <v>23</v>
      </c>
      <c r="D1121" s="14" t="s">
        <v>24</v>
      </c>
      <c r="E1121" s="15">
        <v>45402</v>
      </c>
      <c r="F1121" s="14" t="s">
        <v>25</v>
      </c>
      <c r="G1121" s="16">
        <v>0.35832375178533177</v>
      </c>
    </row>
    <row r="1122" spans="1:7" x14ac:dyDescent="0.3">
      <c r="A1122" s="13" t="s">
        <v>22</v>
      </c>
      <c r="B1122" s="14" t="s">
        <v>1</v>
      </c>
      <c r="C1122" s="14" t="s">
        <v>23</v>
      </c>
      <c r="D1122" s="14" t="s">
        <v>24</v>
      </c>
      <c r="E1122" s="15">
        <v>45403</v>
      </c>
      <c r="F1122" s="14" t="s">
        <v>25</v>
      </c>
      <c r="G1122" s="16">
        <v>0.35832375178533177</v>
      </c>
    </row>
    <row r="1123" spans="1:7" x14ac:dyDescent="0.3">
      <c r="A1123" s="13" t="s">
        <v>22</v>
      </c>
      <c r="B1123" s="14" t="s">
        <v>1</v>
      </c>
      <c r="C1123" s="14" t="s">
        <v>23</v>
      </c>
      <c r="D1123" s="14" t="s">
        <v>24</v>
      </c>
      <c r="E1123" s="15">
        <v>45404</v>
      </c>
      <c r="F1123" s="14" t="s">
        <v>25</v>
      </c>
      <c r="G1123" s="16">
        <v>0.38262877140089019</v>
      </c>
    </row>
    <row r="1124" spans="1:7" x14ac:dyDescent="0.3">
      <c r="A1124" s="13" t="s">
        <v>22</v>
      </c>
      <c r="B1124" s="14" t="s">
        <v>1</v>
      </c>
      <c r="C1124" s="14" t="s">
        <v>23</v>
      </c>
      <c r="D1124" s="14" t="s">
        <v>24</v>
      </c>
      <c r="E1124" s="15">
        <v>45405</v>
      </c>
      <c r="F1124" s="14" t="s">
        <v>25</v>
      </c>
      <c r="G1124" s="16">
        <v>0.42491028785677176</v>
      </c>
    </row>
    <row r="1125" spans="1:7" x14ac:dyDescent="0.3">
      <c r="A1125" s="13" t="s">
        <v>22</v>
      </c>
      <c r="B1125" s="14" t="s">
        <v>1</v>
      </c>
      <c r="C1125" s="14" t="s">
        <v>23</v>
      </c>
      <c r="D1125" s="14" t="s">
        <v>24</v>
      </c>
      <c r="E1125" s="15">
        <v>45406</v>
      </c>
      <c r="F1125" s="14" t="s">
        <v>25</v>
      </c>
      <c r="G1125" s="16">
        <v>0.43995747633917942</v>
      </c>
    </row>
    <row r="1126" spans="1:7" x14ac:dyDescent="0.3">
      <c r="A1126" s="13" t="s">
        <v>22</v>
      </c>
      <c r="B1126" s="14" t="s">
        <v>1</v>
      </c>
      <c r="C1126" s="14" t="s">
        <v>23</v>
      </c>
      <c r="D1126" s="14" t="s">
        <v>24</v>
      </c>
      <c r="E1126" s="15">
        <v>45407</v>
      </c>
      <c r="F1126" s="14" t="s">
        <v>25</v>
      </c>
      <c r="G1126" s="16">
        <v>0.40422224580166793</v>
      </c>
    </row>
    <row r="1127" spans="1:7" x14ac:dyDescent="0.3">
      <c r="A1127" s="13" t="s">
        <v>22</v>
      </c>
      <c r="B1127" s="14" t="s">
        <v>1</v>
      </c>
      <c r="C1127" s="14" t="s">
        <v>23</v>
      </c>
      <c r="D1127" s="14" t="s">
        <v>24</v>
      </c>
      <c r="E1127" s="15">
        <v>45408</v>
      </c>
      <c r="F1127" s="14" t="s">
        <v>25</v>
      </c>
      <c r="G1127" s="16">
        <v>0.42027478762553205</v>
      </c>
    </row>
    <row r="1128" spans="1:7" x14ac:dyDescent="0.3">
      <c r="A1128" s="13" t="s">
        <v>22</v>
      </c>
      <c r="B1128" s="14" t="s">
        <v>1</v>
      </c>
      <c r="C1128" s="14" t="s">
        <v>23</v>
      </c>
      <c r="D1128" s="14" t="s">
        <v>24</v>
      </c>
      <c r="E1128" s="15">
        <v>45409</v>
      </c>
      <c r="F1128" s="14" t="s">
        <v>25</v>
      </c>
      <c r="G1128" s="16">
        <v>0.42027478762553205</v>
      </c>
    </row>
    <row r="1129" spans="1:7" x14ac:dyDescent="0.3">
      <c r="A1129" s="13" t="s">
        <v>22</v>
      </c>
      <c r="B1129" s="14" t="s">
        <v>1</v>
      </c>
      <c r="C1129" s="14" t="s">
        <v>23</v>
      </c>
      <c r="D1129" s="14" t="s">
        <v>24</v>
      </c>
      <c r="E1129" s="15">
        <v>45410</v>
      </c>
      <c r="F1129" s="14" t="s">
        <v>25</v>
      </c>
      <c r="G1129" s="16">
        <v>0.42027478762553205</v>
      </c>
    </row>
    <row r="1130" spans="1:7" x14ac:dyDescent="0.3">
      <c r="A1130" s="13" t="s">
        <v>22</v>
      </c>
      <c r="B1130" s="14" t="s">
        <v>1</v>
      </c>
      <c r="C1130" s="14" t="s">
        <v>23</v>
      </c>
      <c r="D1130" s="14" t="s">
        <v>24</v>
      </c>
      <c r="E1130" s="15">
        <v>45411</v>
      </c>
      <c r="F1130" s="14" t="s">
        <v>25</v>
      </c>
      <c r="G1130" s="16">
        <v>0.4352278005002414</v>
      </c>
    </row>
    <row r="1131" spans="1:7" x14ac:dyDescent="0.3">
      <c r="A1131" s="13" t="s">
        <v>22</v>
      </c>
      <c r="B1131" s="14" t="s">
        <v>1</v>
      </c>
      <c r="C1131" s="14" t="s">
        <v>23</v>
      </c>
      <c r="D1131" s="14" t="s">
        <v>24</v>
      </c>
      <c r="E1131" s="15">
        <v>45412</v>
      </c>
      <c r="F1131" s="14" t="s">
        <v>25</v>
      </c>
      <c r="G1131" s="16">
        <v>0.49021907355937622</v>
      </c>
    </row>
    <row r="1132" spans="1:7" x14ac:dyDescent="0.3">
      <c r="A1132" s="13" t="s">
        <v>22</v>
      </c>
      <c r="B1132" s="14" t="s">
        <v>1</v>
      </c>
      <c r="C1132" s="14" t="s">
        <v>23</v>
      </c>
      <c r="D1132" s="14" t="s">
        <v>24</v>
      </c>
      <c r="E1132" s="15">
        <v>45413</v>
      </c>
      <c r="F1132" s="14" t="s">
        <v>25</v>
      </c>
      <c r="G1132" s="16">
        <v>0.50491324557587602</v>
      </c>
    </row>
    <row r="1133" spans="1:7" x14ac:dyDescent="0.3">
      <c r="A1133" s="13" t="s">
        <v>22</v>
      </c>
      <c r="B1133" s="14" t="s">
        <v>1</v>
      </c>
      <c r="C1133" s="14" t="s">
        <v>23</v>
      </c>
      <c r="D1133" s="14" t="s">
        <v>24</v>
      </c>
      <c r="E1133" s="15">
        <v>45414</v>
      </c>
      <c r="F1133" s="14" t="s">
        <v>25</v>
      </c>
      <c r="G1133" s="16">
        <v>0.51918523148083273</v>
      </c>
    </row>
    <row r="1134" spans="1:7" x14ac:dyDescent="0.3">
      <c r="A1134" s="13" t="s">
        <v>22</v>
      </c>
      <c r="B1134" s="14" t="s">
        <v>1</v>
      </c>
      <c r="C1134" s="14" t="s">
        <v>23</v>
      </c>
      <c r="D1134" s="14" t="s">
        <v>24</v>
      </c>
      <c r="E1134" s="15">
        <v>45415</v>
      </c>
      <c r="F1134" s="14" t="s">
        <v>25</v>
      </c>
      <c r="G1134" s="16">
        <v>0.53282490921869008</v>
      </c>
    </row>
    <row r="1135" spans="1:7" x14ac:dyDescent="0.3">
      <c r="A1135" s="13" t="s">
        <v>22</v>
      </c>
      <c r="B1135" s="14" t="s">
        <v>1</v>
      </c>
      <c r="C1135" s="14" t="s">
        <v>23</v>
      </c>
      <c r="D1135" s="14" t="s">
        <v>24</v>
      </c>
      <c r="E1135" s="15">
        <v>45416</v>
      </c>
      <c r="F1135" s="14" t="s">
        <v>25</v>
      </c>
      <c r="G1135" s="16">
        <v>0.53282490921869008</v>
      </c>
    </row>
    <row r="1136" spans="1:7" x14ac:dyDescent="0.3">
      <c r="A1136" s="13" t="s">
        <v>22</v>
      </c>
      <c r="B1136" s="14" t="s">
        <v>1</v>
      </c>
      <c r="C1136" s="14" t="s">
        <v>23</v>
      </c>
      <c r="D1136" s="14" t="s">
        <v>24</v>
      </c>
      <c r="E1136" s="15">
        <v>45417</v>
      </c>
      <c r="F1136" s="14" t="s">
        <v>25</v>
      </c>
      <c r="G1136" s="16">
        <v>0.53282490921869008</v>
      </c>
    </row>
    <row r="1137" spans="1:7" x14ac:dyDescent="0.3">
      <c r="A1137" s="13" t="s">
        <v>22</v>
      </c>
      <c r="B1137" s="14" t="s">
        <v>1</v>
      </c>
      <c r="C1137" s="14" t="s">
        <v>23</v>
      </c>
      <c r="D1137" s="14" t="s">
        <v>24</v>
      </c>
      <c r="E1137" s="15">
        <v>45418</v>
      </c>
      <c r="F1137" s="14" t="s">
        <v>25</v>
      </c>
      <c r="G1137" s="16">
        <v>0.53282490921869008</v>
      </c>
    </row>
    <row r="1138" spans="1:7" x14ac:dyDescent="0.3">
      <c r="A1138" s="13" t="s">
        <v>22</v>
      </c>
      <c r="B1138" s="14" t="s">
        <v>1</v>
      </c>
      <c r="C1138" s="14" t="s">
        <v>23</v>
      </c>
      <c r="D1138" s="14" t="s">
        <v>24</v>
      </c>
      <c r="E1138" s="15">
        <v>45419</v>
      </c>
      <c r="F1138" s="14" t="s">
        <v>25</v>
      </c>
      <c r="G1138" s="16">
        <v>0.55056344017121539</v>
      </c>
    </row>
    <row r="1139" spans="1:7" x14ac:dyDescent="0.3">
      <c r="A1139" s="13" t="s">
        <v>22</v>
      </c>
      <c r="B1139" s="14" t="s">
        <v>1</v>
      </c>
      <c r="C1139" s="14" t="s">
        <v>23</v>
      </c>
      <c r="D1139" s="14" t="s">
        <v>24</v>
      </c>
      <c r="E1139" s="15">
        <v>45420</v>
      </c>
      <c r="F1139" s="14" t="s">
        <v>25</v>
      </c>
      <c r="G1139" s="16">
        <v>0.63260520913319307</v>
      </c>
    </row>
    <row r="1140" spans="1:7" x14ac:dyDescent="0.3">
      <c r="A1140" s="13" t="s">
        <v>22</v>
      </c>
      <c r="B1140" s="14" t="s">
        <v>1</v>
      </c>
      <c r="C1140" s="14" t="s">
        <v>23</v>
      </c>
      <c r="D1140" s="14" t="s">
        <v>24</v>
      </c>
      <c r="E1140" s="15">
        <v>45421</v>
      </c>
      <c r="F1140" s="14" t="s">
        <v>25</v>
      </c>
      <c r="G1140" s="16">
        <v>0.64806103655177116</v>
      </c>
    </row>
    <row r="1141" spans="1:7" x14ac:dyDescent="0.3">
      <c r="A1141" s="13" t="s">
        <v>22</v>
      </c>
      <c r="B1141" s="14" t="s">
        <v>1</v>
      </c>
      <c r="C1141" s="14" t="s">
        <v>23</v>
      </c>
      <c r="D1141" s="14" t="s">
        <v>24</v>
      </c>
      <c r="E1141" s="15">
        <v>45422</v>
      </c>
      <c r="F1141" s="14" t="s">
        <v>25</v>
      </c>
      <c r="G1141" s="16">
        <v>0.66503658788616948</v>
      </c>
    </row>
    <row r="1142" spans="1:7" x14ac:dyDescent="0.3">
      <c r="A1142" s="13" t="s">
        <v>22</v>
      </c>
      <c r="B1142" s="14" t="s">
        <v>1</v>
      </c>
      <c r="C1142" s="14" t="s">
        <v>23</v>
      </c>
      <c r="D1142" s="14" t="s">
        <v>24</v>
      </c>
      <c r="E1142" s="15">
        <v>45423</v>
      </c>
      <c r="F1142" s="14" t="s">
        <v>25</v>
      </c>
      <c r="G1142" s="16">
        <v>0.66503658788616948</v>
      </c>
    </row>
    <row r="1143" spans="1:7" x14ac:dyDescent="0.3">
      <c r="A1143" s="13" t="s">
        <v>22</v>
      </c>
      <c r="B1143" s="14" t="s">
        <v>1</v>
      </c>
      <c r="C1143" s="14" t="s">
        <v>23</v>
      </c>
      <c r="D1143" s="14" t="s">
        <v>24</v>
      </c>
      <c r="E1143" s="15">
        <v>45424</v>
      </c>
      <c r="F1143" s="14" t="s">
        <v>25</v>
      </c>
      <c r="G1143" s="16">
        <v>0.66503658788616948</v>
      </c>
    </row>
    <row r="1144" spans="1:7" x14ac:dyDescent="0.3">
      <c r="A1144" s="13" t="s">
        <v>22</v>
      </c>
      <c r="B1144" s="14" t="s">
        <v>1</v>
      </c>
      <c r="C1144" s="14" t="s">
        <v>23</v>
      </c>
      <c r="D1144" s="14" t="s">
        <v>24</v>
      </c>
      <c r="E1144" s="15">
        <v>45425</v>
      </c>
      <c r="F1144" s="14" t="s">
        <v>25</v>
      </c>
      <c r="G1144" s="16">
        <v>0.68368320754945389</v>
      </c>
    </row>
    <row r="1145" spans="1:7" x14ac:dyDescent="0.3">
      <c r="A1145" s="13" t="s">
        <v>22</v>
      </c>
      <c r="B1145" s="14" t="s">
        <v>1</v>
      </c>
      <c r="C1145" s="14" t="s">
        <v>23</v>
      </c>
      <c r="D1145" s="14" t="s">
        <v>24</v>
      </c>
      <c r="E1145" s="15">
        <v>45426</v>
      </c>
      <c r="F1145" s="14" t="s">
        <v>25</v>
      </c>
      <c r="G1145" s="16">
        <v>0.73399228434820041</v>
      </c>
    </row>
    <row r="1146" spans="1:7" x14ac:dyDescent="0.3">
      <c r="A1146" s="13" t="s">
        <v>22</v>
      </c>
      <c r="B1146" s="14" t="s">
        <v>1</v>
      </c>
      <c r="C1146" s="14" t="s">
        <v>23</v>
      </c>
      <c r="D1146" s="14" t="s">
        <v>24</v>
      </c>
      <c r="E1146" s="15">
        <v>45427</v>
      </c>
      <c r="F1146" s="14" t="s">
        <v>25</v>
      </c>
      <c r="G1146" s="16">
        <v>0.74697208760754985</v>
      </c>
    </row>
    <row r="1147" spans="1:7" x14ac:dyDescent="0.3">
      <c r="A1147" s="13" t="s">
        <v>22</v>
      </c>
      <c r="B1147" s="14" t="s">
        <v>1</v>
      </c>
      <c r="C1147" s="14" t="s">
        <v>23</v>
      </c>
      <c r="D1147" s="14" t="s">
        <v>24</v>
      </c>
      <c r="E1147" s="15">
        <v>45428</v>
      </c>
      <c r="F1147" s="14" t="s">
        <v>25</v>
      </c>
      <c r="G1147" s="16">
        <v>0.76714206295198017</v>
      </c>
    </row>
    <row r="1148" spans="1:7" x14ac:dyDescent="0.3">
      <c r="A1148" s="13" t="s">
        <v>22</v>
      </c>
      <c r="B1148" s="14" t="s">
        <v>1</v>
      </c>
      <c r="C1148" s="14" t="s">
        <v>23</v>
      </c>
      <c r="D1148" s="14" t="s">
        <v>24</v>
      </c>
      <c r="E1148" s="15">
        <v>45429</v>
      </c>
      <c r="F1148" s="14" t="s">
        <v>25</v>
      </c>
      <c r="G1148" s="16">
        <v>0.7865300576551375</v>
      </c>
    </row>
    <row r="1149" spans="1:7" x14ac:dyDescent="0.3">
      <c r="A1149" s="13" t="s">
        <v>22</v>
      </c>
      <c r="B1149" s="14" t="s">
        <v>1</v>
      </c>
      <c r="C1149" s="14" t="s">
        <v>23</v>
      </c>
      <c r="D1149" s="14" t="s">
        <v>24</v>
      </c>
      <c r="E1149" s="15">
        <v>45430</v>
      </c>
      <c r="F1149" s="14" t="s">
        <v>25</v>
      </c>
      <c r="G1149" s="16">
        <v>0.7865300576551375</v>
      </c>
    </row>
    <row r="1150" spans="1:7" x14ac:dyDescent="0.3">
      <c r="A1150" s="13" t="s">
        <v>22</v>
      </c>
      <c r="B1150" s="14" t="s">
        <v>1</v>
      </c>
      <c r="C1150" s="14" t="s">
        <v>23</v>
      </c>
      <c r="D1150" s="14" t="s">
        <v>24</v>
      </c>
      <c r="E1150" s="15">
        <v>45431</v>
      </c>
      <c r="F1150" s="14" t="s">
        <v>25</v>
      </c>
      <c r="G1150" s="16">
        <v>0.7865300576551375</v>
      </c>
    </row>
    <row r="1151" spans="1:7" x14ac:dyDescent="0.3">
      <c r="A1151" s="13" t="s">
        <v>22</v>
      </c>
      <c r="B1151" s="14" t="s">
        <v>1</v>
      </c>
      <c r="C1151" s="14" t="s">
        <v>23</v>
      </c>
      <c r="D1151" s="14" t="s">
        <v>24</v>
      </c>
      <c r="E1151" s="15">
        <v>45432</v>
      </c>
      <c r="F1151" s="14" t="s">
        <v>25</v>
      </c>
      <c r="G1151" s="16">
        <v>0.8049799717578936</v>
      </c>
    </row>
    <row r="1152" spans="1:7" x14ac:dyDescent="0.3">
      <c r="A1152" s="13" t="s">
        <v>22</v>
      </c>
      <c r="B1152" s="14" t="s">
        <v>1</v>
      </c>
      <c r="C1152" s="14" t="s">
        <v>23</v>
      </c>
      <c r="D1152" s="14" t="s">
        <v>24</v>
      </c>
      <c r="E1152" s="15">
        <v>45433</v>
      </c>
      <c r="F1152" s="14" t="s">
        <v>25</v>
      </c>
      <c r="G1152" s="16">
        <v>0.85651140924325175</v>
      </c>
    </row>
    <row r="1153" spans="1:7" x14ac:dyDescent="0.3">
      <c r="A1153" s="13" t="s">
        <v>22</v>
      </c>
      <c r="B1153" s="14" t="s">
        <v>1</v>
      </c>
      <c r="C1153" s="14" t="s">
        <v>23</v>
      </c>
      <c r="D1153" s="14" t="s">
        <v>24</v>
      </c>
      <c r="E1153" s="15">
        <v>45434</v>
      </c>
      <c r="F1153" s="14" t="s">
        <v>25</v>
      </c>
      <c r="G1153" s="16">
        <v>0.87770721243714633</v>
      </c>
    </row>
    <row r="1154" spans="1:7" x14ac:dyDescent="0.3">
      <c r="A1154" s="13" t="s">
        <v>22</v>
      </c>
      <c r="B1154" s="14" t="s">
        <v>1</v>
      </c>
      <c r="C1154" s="14" t="s">
        <v>23</v>
      </c>
      <c r="D1154" s="14" t="s">
        <v>24</v>
      </c>
      <c r="E1154" s="15">
        <v>45435</v>
      </c>
      <c r="F1154" s="14" t="s">
        <v>25</v>
      </c>
      <c r="G1154" s="16">
        <v>0.8959513791004311</v>
      </c>
    </row>
    <row r="1155" spans="1:7" x14ac:dyDescent="0.3">
      <c r="A1155" s="13" t="s">
        <v>22</v>
      </c>
      <c r="B1155" s="14" t="s">
        <v>1</v>
      </c>
      <c r="C1155" s="14" t="s">
        <v>23</v>
      </c>
      <c r="D1155" s="14" t="s">
        <v>24</v>
      </c>
      <c r="E1155" s="15">
        <v>45436</v>
      </c>
      <c r="F1155" s="14" t="s">
        <v>25</v>
      </c>
      <c r="G1155" s="16">
        <v>0.91299834706855898</v>
      </c>
    </row>
    <row r="1156" spans="1:7" x14ac:dyDescent="0.3">
      <c r="A1156" s="13" t="s">
        <v>22</v>
      </c>
      <c r="B1156" s="14" t="s">
        <v>1</v>
      </c>
      <c r="C1156" s="14" t="s">
        <v>23</v>
      </c>
      <c r="D1156" s="14" t="s">
        <v>24</v>
      </c>
      <c r="E1156" s="15">
        <v>45437</v>
      </c>
      <c r="F1156" s="14" t="s">
        <v>25</v>
      </c>
      <c r="G1156" s="16">
        <v>0.91299834706855898</v>
      </c>
    </row>
    <row r="1157" spans="1:7" x14ac:dyDescent="0.3">
      <c r="A1157" s="13" t="s">
        <v>22</v>
      </c>
      <c r="B1157" s="14" t="s">
        <v>1</v>
      </c>
      <c r="C1157" s="14" t="s">
        <v>23</v>
      </c>
      <c r="D1157" s="14" t="s">
        <v>24</v>
      </c>
      <c r="E1157" s="15">
        <v>45438</v>
      </c>
      <c r="F1157" s="14" t="s">
        <v>25</v>
      </c>
      <c r="G1157" s="16">
        <v>0.91299834706855898</v>
      </c>
    </row>
    <row r="1158" spans="1:7" x14ac:dyDescent="0.3">
      <c r="A1158" s="13" t="s">
        <v>22</v>
      </c>
      <c r="B1158" s="14" t="s">
        <v>1</v>
      </c>
      <c r="C1158" s="14" t="s">
        <v>23</v>
      </c>
      <c r="D1158" s="14" t="s">
        <v>24</v>
      </c>
      <c r="E1158" s="15">
        <v>45439</v>
      </c>
      <c r="F1158" s="14" t="s">
        <v>25</v>
      </c>
      <c r="G1158" s="16">
        <v>0.91299834706855898</v>
      </c>
    </row>
    <row r="1159" spans="1:7" x14ac:dyDescent="0.3">
      <c r="A1159" s="13" t="s">
        <v>22</v>
      </c>
      <c r="B1159" s="14" t="s">
        <v>1</v>
      </c>
      <c r="C1159" s="14" t="s">
        <v>23</v>
      </c>
      <c r="D1159" s="14" t="s">
        <v>24</v>
      </c>
      <c r="E1159" s="15">
        <v>45440</v>
      </c>
      <c r="F1159" s="14" t="s">
        <v>25</v>
      </c>
      <c r="G1159" s="16">
        <v>0.92705854604045779</v>
      </c>
    </row>
    <row r="1160" spans="1:7" x14ac:dyDescent="0.3">
      <c r="A1160" s="13" t="s">
        <v>22</v>
      </c>
      <c r="B1160" s="14" t="s">
        <v>1</v>
      </c>
      <c r="C1160" s="14" t="s">
        <v>23</v>
      </c>
      <c r="D1160" s="14" t="s">
        <v>24</v>
      </c>
      <c r="E1160" s="15">
        <v>45441</v>
      </c>
      <c r="F1160" s="14" t="s">
        <v>25</v>
      </c>
      <c r="G1160" s="16">
        <v>0.9892586118676302</v>
      </c>
    </row>
    <row r="1161" spans="1:7" x14ac:dyDescent="0.3">
      <c r="A1161" s="13" t="s">
        <v>22</v>
      </c>
      <c r="B1161" s="14" t="s">
        <v>1</v>
      </c>
      <c r="C1161" s="14" t="s">
        <v>23</v>
      </c>
      <c r="D1161" s="14" t="s">
        <v>24</v>
      </c>
      <c r="E1161" s="15">
        <v>45442</v>
      </c>
      <c r="F1161" s="14" t="s">
        <v>25</v>
      </c>
      <c r="G1161" s="16">
        <v>0.99655813971757456</v>
      </c>
    </row>
    <row r="1162" spans="1:7" x14ac:dyDescent="0.3">
      <c r="A1162" s="13" t="s">
        <v>22</v>
      </c>
      <c r="B1162" s="14" t="s">
        <v>1</v>
      </c>
      <c r="C1162" s="14" t="s">
        <v>23</v>
      </c>
      <c r="D1162" s="14" t="s">
        <v>24</v>
      </c>
      <c r="E1162" s="15">
        <v>45443</v>
      </c>
      <c r="F1162" s="14" t="s">
        <v>25</v>
      </c>
      <c r="G1162" s="16">
        <v>1.0064027070224235</v>
      </c>
    </row>
    <row r="1163" spans="1:7" x14ac:dyDescent="0.3">
      <c r="A1163" s="13" t="s">
        <v>22</v>
      </c>
      <c r="B1163" s="14" t="s">
        <v>1</v>
      </c>
      <c r="C1163" s="14" t="s">
        <v>23</v>
      </c>
      <c r="D1163" s="14" t="s">
        <v>24</v>
      </c>
      <c r="E1163" s="15">
        <v>45444</v>
      </c>
      <c r="F1163" s="14" t="s">
        <v>25</v>
      </c>
      <c r="G1163" s="16">
        <v>1.0064027070224235</v>
      </c>
    </row>
    <row r="1164" spans="1:7" x14ac:dyDescent="0.3">
      <c r="A1164" s="13" t="s">
        <v>22</v>
      </c>
      <c r="B1164" s="14" t="s">
        <v>1</v>
      </c>
      <c r="C1164" s="14" t="s">
        <v>23</v>
      </c>
      <c r="D1164" s="14" t="s">
        <v>24</v>
      </c>
      <c r="E1164" s="15">
        <v>45445</v>
      </c>
      <c r="F1164" s="14" t="s">
        <v>25</v>
      </c>
      <c r="G1164" s="16">
        <v>1.0064027070224235</v>
      </c>
    </row>
    <row r="1165" spans="1:7" x14ac:dyDescent="0.3">
      <c r="A1165" s="13" t="s">
        <v>22</v>
      </c>
      <c r="B1165" s="14" t="s">
        <v>1</v>
      </c>
      <c r="C1165" s="14" t="s">
        <v>23</v>
      </c>
      <c r="D1165" s="14" t="s">
        <v>24</v>
      </c>
      <c r="E1165" s="15">
        <v>45446</v>
      </c>
      <c r="F1165" s="14" t="s">
        <v>25</v>
      </c>
      <c r="G1165" s="16">
        <v>1.0064027070224235</v>
      </c>
    </row>
    <row r="1166" spans="1:7" x14ac:dyDescent="0.3">
      <c r="A1166" s="13" t="s">
        <v>22</v>
      </c>
      <c r="B1166" s="14" t="s">
        <v>1</v>
      </c>
      <c r="C1166" s="14" t="s">
        <v>23</v>
      </c>
      <c r="D1166" s="14" t="s">
        <v>24</v>
      </c>
      <c r="E1166" s="15">
        <v>45447</v>
      </c>
      <c r="F1166" s="14" t="s">
        <v>25</v>
      </c>
      <c r="G1166" s="16">
        <v>1.0120331446989352</v>
      </c>
    </row>
    <row r="1167" spans="1:7" x14ac:dyDescent="0.3">
      <c r="A1167" s="13" t="s">
        <v>22</v>
      </c>
      <c r="B1167" s="14" t="s">
        <v>1</v>
      </c>
      <c r="C1167" s="14" t="s">
        <v>23</v>
      </c>
      <c r="D1167" s="14" t="s">
        <v>24</v>
      </c>
      <c r="E1167" s="15">
        <v>45448</v>
      </c>
      <c r="F1167" s="14" t="s">
        <v>25</v>
      </c>
      <c r="G1167" s="16">
        <v>1.0862576776438404</v>
      </c>
    </row>
    <row r="1168" spans="1:7" x14ac:dyDescent="0.3">
      <c r="A1168" s="13" t="s">
        <v>22</v>
      </c>
      <c r="B1168" s="14" t="s">
        <v>1</v>
      </c>
      <c r="C1168" s="14" t="s">
        <v>23</v>
      </c>
      <c r="D1168" s="14" t="s">
        <v>24</v>
      </c>
      <c r="E1168" s="15">
        <v>45449</v>
      </c>
      <c r="F1168" s="14" t="s">
        <v>25</v>
      </c>
      <c r="G1168" s="16">
        <v>1.0971754103688252</v>
      </c>
    </row>
    <row r="1169" spans="1:7" x14ac:dyDescent="0.3">
      <c r="A1169" s="13" t="s">
        <v>22</v>
      </c>
      <c r="B1169" s="14" t="s">
        <v>1</v>
      </c>
      <c r="C1169" s="14" t="s">
        <v>23</v>
      </c>
      <c r="D1169" s="14" t="s">
        <v>24</v>
      </c>
      <c r="E1169" s="15">
        <v>45450</v>
      </c>
      <c r="F1169" s="14" t="s">
        <v>25</v>
      </c>
      <c r="G1169" s="16">
        <v>1.1423288422928481</v>
      </c>
    </row>
    <row r="1170" spans="1:7" x14ac:dyDescent="0.3">
      <c r="A1170" s="13" t="s">
        <v>22</v>
      </c>
      <c r="B1170" s="14" t="s">
        <v>1</v>
      </c>
      <c r="C1170" s="14" t="s">
        <v>23</v>
      </c>
      <c r="D1170" s="14" t="s">
        <v>24</v>
      </c>
      <c r="E1170" s="15">
        <v>45451</v>
      </c>
      <c r="F1170" s="14" t="s">
        <v>25</v>
      </c>
      <c r="G1170" s="16">
        <v>1.1423288422928481</v>
      </c>
    </row>
    <row r="1171" spans="1:7" x14ac:dyDescent="0.3">
      <c r="A1171" s="13" t="s">
        <v>22</v>
      </c>
      <c r="B1171" s="14" t="s">
        <v>1</v>
      </c>
      <c r="C1171" s="14" t="s">
        <v>23</v>
      </c>
      <c r="D1171" s="14" t="s">
        <v>24</v>
      </c>
      <c r="E1171" s="15">
        <v>45452</v>
      </c>
      <c r="F1171" s="14" t="s">
        <v>25</v>
      </c>
      <c r="G1171" s="16">
        <v>1.1423288422928481</v>
      </c>
    </row>
    <row r="1172" spans="1:7" x14ac:dyDescent="0.3">
      <c r="A1172" s="13" t="s">
        <v>22</v>
      </c>
      <c r="B1172" s="14" t="s">
        <v>1</v>
      </c>
      <c r="C1172" s="14" t="s">
        <v>23</v>
      </c>
      <c r="D1172" s="14" t="s">
        <v>24</v>
      </c>
      <c r="E1172" s="15">
        <v>45453</v>
      </c>
      <c r="F1172" s="14" t="s">
        <v>25</v>
      </c>
      <c r="G1172" s="16">
        <v>1.1589157755958601</v>
      </c>
    </row>
    <row r="1173" spans="1:7" x14ac:dyDescent="0.3">
      <c r="A1173" s="13" t="s">
        <v>22</v>
      </c>
      <c r="B1173" s="14" t="s">
        <v>1</v>
      </c>
      <c r="C1173" s="14" t="s">
        <v>23</v>
      </c>
      <c r="D1173" s="14" t="s">
        <v>24</v>
      </c>
      <c r="E1173" s="15">
        <v>45454</v>
      </c>
      <c r="F1173" s="14" t="s">
        <v>25</v>
      </c>
      <c r="G1173" s="16">
        <v>1.2083728813678929</v>
      </c>
    </row>
    <row r="1174" spans="1:7" x14ac:dyDescent="0.3">
      <c r="A1174" s="13" t="s">
        <v>22</v>
      </c>
      <c r="B1174" s="14" t="s">
        <v>1</v>
      </c>
      <c r="C1174" s="14" t="s">
        <v>23</v>
      </c>
      <c r="D1174" s="14" t="s">
        <v>24</v>
      </c>
      <c r="E1174" s="15">
        <v>45455</v>
      </c>
      <c r="F1174" s="14" t="s">
        <v>25</v>
      </c>
      <c r="G1174" s="16">
        <v>1.2199097157292411</v>
      </c>
    </row>
    <row r="1175" spans="1:7" x14ac:dyDescent="0.3">
      <c r="A1175" s="13" t="s">
        <v>22</v>
      </c>
      <c r="B1175" s="14" t="s">
        <v>1</v>
      </c>
      <c r="C1175" s="14" t="s">
        <v>23</v>
      </c>
      <c r="D1175" s="14" t="s">
        <v>24</v>
      </c>
      <c r="E1175" s="15">
        <v>45456</v>
      </c>
      <c r="F1175" s="14" t="s">
        <v>25</v>
      </c>
      <c r="G1175" s="16">
        <v>1.2347092678928882</v>
      </c>
    </row>
    <row r="1176" spans="1:7" x14ac:dyDescent="0.3">
      <c r="A1176" s="13" t="s">
        <v>22</v>
      </c>
      <c r="B1176" s="14" t="s">
        <v>1</v>
      </c>
      <c r="C1176" s="14" t="s">
        <v>23</v>
      </c>
      <c r="D1176" s="14" t="s">
        <v>24</v>
      </c>
      <c r="E1176" s="15">
        <v>45457</v>
      </c>
      <c r="F1176" s="14" t="s">
        <v>25</v>
      </c>
      <c r="G1176" s="16">
        <v>1.2472759237119273</v>
      </c>
    </row>
    <row r="1177" spans="1:7" x14ac:dyDescent="0.3">
      <c r="A1177" s="13" t="s">
        <v>22</v>
      </c>
      <c r="B1177" s="14" t="s">
        <v>1</v>
      </c>
      <c r="C1177" s="14" t="s">
        <v>23</v>
      </c>
      <c r="D1177" s="14" t="s">
        <v>24</v>
      </c>
      <c r="E1177" s="15">
        <v>45458</v>
      </c>
      <c r="F1177" s="14" t="s">
        <v>25</v>
      </c>
      <c r="G1177" s="16">
        <v>1.2472759237119273</v>
      </c>
    </row>
    <row r="1178" spans="1:7" x14ac:dyDescent="0.3">
      <c r="A1178" s="13" t="s">
        <v>22</v>
      </c>
      <c r="B1178" s="14" t="s">
        <v>1</v>
      </c>
      <c r="C1178" s="14" t="s">
        <v>23</v>
      </c>
      <c r="D1178" s="14" t="s">
        <v>24</v>
      </c>
      <c r="E1178" s="15">
        <v>45459</v>
      </c>
      <c r="F1178" s="14" t="s">
        <v>25</v>
      </c>
      <c r="G1178" s="16">
        <v>1.2472759237119273</v>
      </c>
    </row>
    <row r="1179" spans="1:7" x14ac:dyDescent="0.3">
      <c r="A1179" s="13" t="s">
        <v>22</v>
      </c>
      <c r="B1179" s="14" t="s">
        <v>1</v>
      </c>
      <c r="C1179" s="14" t="s">
        <v>23</v>
      </c>
      <c r="D1179" s="14" t="s">
        <v>24</v>
      </c>
      <c r="E1179" s="15">
        <v>45460</v>
      </c>
      <c r="F1179" s="14" t="s">
        <v>25</v>
      </c>
      <c r="G1179" s="16">
        <v>1.2621853137684398</v>
      </c>
    </row>
    <row r="1180" spans="1:7" x14ac:dyDescent="0.3">
      <c r="A1180" s="13" t="s">
        <v>22</v>
      </c>
      <c r="B1180" s="14" t="s">
        <v>1</v>
      </c>
      <c r="C1180" s="14" t="s">
        <v>23</v>
      </c>
      <c r="D1180" s="14" t="s">
        <v>24</v>
      </c>
      <c r="E1180" s="15">
        <v>45461</v>
      </c>
      <c r="F1180" s="14" t="s">
        <v>25</v>
      </c>
      <c r="G1180" s="16">
        <v>1.3028242446854208</v>
      </c>
    </row>
    <row r="1181" spans="1:7" x14ac:dyDescent="0.3">
      <c r="A1181" s="13" t="s">
        <v>22</v>
      </c>
      <c r="B1181" s="14" t="s">
        <v>1</v>
      </c>
      <c r="C1181" s="14" t="s">
        <v>23</v>
      </c>
      <c r="D1181" s="14" t="s">
        <v>24</v>
      </c>
      <c r="E1181" s="15">
        <v>45462</v>
      </c>
      <c r="F1181" s="14" t="s">
        <v>25</v>
      </c>
      <c r="G1181" s="16">
        <v>1.3028242446854208</v>
      </c>
    </row>
    <row r="1182" spans="1:7" x14ac:dyDescent="0.3">
      <c r="A1182" s="13" t="s">
        <v>22</v>
      </c>
      <c r="B1182" s="14" t="s">
        <v>1</v>
      </c>
      <c r="C1182" s="14" t="s">
        <v>23</v>
      </c>
      <c r="D1182" s="14" t="s">
        <v>24</v>
      </c>
      <c r="E1182" s="15">
        <v>45463</v>
      </c>
      <c r="F1182" s="14" t="s">
        <v>25</v>
      </c>
      <c r="G1182" s="16">
        <v>1.3292724138879639</v>
      </c>
    </row>
    <row r="1183" spans="1:7" x14ac:dyDescent="0.3">
      <c r="A1183" s="13" t="s">
        <v>22</v>
      </c>
      <c r="B1183" s="14" t="s">
        <v>1</v>
      </c>
      <c r="C1183" s="14" t="s">
        <v>23</v>
      </c>
      <c r="D1183" s="14" t="s">
        <v>24</v>
      </c>
      <c r="E1183" s="15">
        <v>45464</v>
      </c>
      <c r="F1183" s="14" t="s">
        <v>25</v>
      </c>
      <c r="G1183" s="16">
        <v>1.3673315661485417</v>
      </c>
    </row>
    <row r="1184" spans="1:7" x14ac:dyDescent="0.3">
      <c r="A1184" s="13" t="s">
        <v>22</v>
      </c>
      <c r="B1184" s="14" t="s">
        <v>1</v>
      </c>
      <c r="C1184" s="14" t="s">
        <v>23</v>
      </c>
      <c r="D1184" s="14" t="s">
        <v>24</v>
      </c>
      <c r="E1184" s="15">
        <v>45465</v>
      </c>
      <c r="F1184" s="14" t="s">
        <v>25</v>
      </c>
      <c r="G1184" s="16">
        <v>1.3673315661485417</v>
      </c>
    </row>
    <row r="1185" spans="1:7" x14ac:dyDescent="0.3">
      <c r="A1185" s="13" t="s">
        <v>22</v>
      </c>
      <c r="B1185" s="14" t="s">
        <v>1</v>
      </c>
      <c r="C1185" s="14" t="s">
        <v>23</v>
      </c>
      <c r="D1185" s="14" t="s">
        <v>24</v>
      </c>
      <c r="E1185" s="15">
        <v>45466</v>
      </c>
      <c r="F1185" s="14" t="s">
        <v>25</v>
      </c>
      <c r="G1185" s="16">
        <v>1.3673315661485417</v>
      </c>
    </row>
    <row r="1186" spans="1:7" x14ac:dyDescent="0.3">
      <c r="A1186" s="13" t="s">
        <v>22</v>
      </c>
      <c r="B1186" s="14" t="s">
        <v>1</v>
      </c>
      <c r="C1186" s="14" t="s">
        <v>23</v>
      </c>
      <c r="D1186" s="14" t="s">
        <v>24</v>
      </c>
      <c r="E1186" s="15">
        <v>45467</v>
      </c>
      <c r="F1186" s="14" t="s">
        <v>25</v>
      </c>
      <c r="G1186" s="16">
        <v>1.381897193758066</v>
      </c>
    </row>
    <row r="1187" spans="1:7" x14ac:dyDescent="0.3">
      <c r="A1187" s="13" t="s">
        <v>22</v>
      </c>
      <c r="B1187" s="14" t="s">
        <v>1</v>
      </c>
      <c r="C1187" s="14" t="s">
        <v>23</v>
      </c>
      <c r="D1187" s="14" t="s">
        <v>24</v>
      </c>
      <c r="E1187" s="15">
        <v>45468</v>
      </c>
      <c r="F1187" s="14" t="s">
        <v>25</v>
      </c>
      <c r="G1187" s="16">
        <v>1.4356981626513905</v>
      </c>
    </row>
    <row r="1188" spans="1:7" x14ac:dyDescent="0.3">
      <c r="A1188" s="13" t="s">
        <v>22</v>
      </c>
      <c r="B1188" s="14" t="s">
        <v>1</v>
      </c>
      <c r="C1188" s="14" t="s">
        <v>23</v>
      </c>
      <c r="D1188" s="14" t="s">
        <v>24</v>
      </c>
      <c r="E1188" s="15">
        <v>45469</v>
      </c>
      <c r="F1188" s="14" t="s">
        <v>25</v>
      </c>
      <c r="G1188" s="16">
        <v>1.4548043812948694</v>
      </c>
    </row>
    <row r="1189" spans="1:7" x14ac:dyDescent="0.3">
      <c r="A1189" s="13" t="s">
        <v>22</v>
      </c>
      <c r="B1189" s="14" t="s">
        <v>1</v>
      </c>
      <c r="C1189" s="14" t="s">
        <v>23</v>
      </c>
      <c r="D1189" s="14" t="s">
        <v>24</v>
      </c>
      <c r="E1189" s="15">
        <v>45470</v>
      </c>
      <c r="F1189" s="14" t="s">
        <v>25</v>
      </c>
      <c r="G1189" s="16">
        <v>1.4729184033907559</v>
      </c>
    </row>
    <row r="1190" spans="1:7" x14ac:dyDescent="0.3">
      <c r="A1190" s="13" t="s">
        <v>22</v>
      </c>
      <c r="B1190" s="14" t="s">
        <v>1</v>
      </c>
      <c r="C1190" s="14" t="s">
        <v>23</v>
      </c>
      <c r="D1190" s="14" t="s">
        <v>24</v>
      </c>
      <c r="E1190" s="15">
        <v>45471</v>
      </c>
      <c r="F1190" s="14" t="s">
        <v>25</v>
      </c>
      <c r="G1190" s="16">
        <v>1.4892676734753161</v>
      </c>
    </row>
    <row r="1191" spans="1:7" x14ac:dyDescent="0.3">
      <c r="A1191" s="13" t="s">
        <v>22</v>
      </c>
      <c r="B1191" s="14" t="s">
        <v>1</v>
      </c>
      <c r="C1191" s="14" t="s">
        <v>23</v>
      </c>
      <c r="D1191" s="14" t="s">
        <v>24</v>
      </c>
      <c r="E1191" s="15">
        <v>45472</v>
      </c>
      <c r="F1191" s="14" t="s">
        <v>25</v>
      </c>
      <c r="G1191" s="16">
        <v>1.4892676734753161</v>
      </c>
    </row>
    <row r="1192" spans="1:7" x14ac:dyDescent="0.3">
      <c r="A1192" s="13" t="s">
        <v>22</v>
      </c>
      <c r="B1192" s="14" t="s">
        <v>1</v>
      </c>
      <c r="C1192" s="14" t="s">
        <v>23</v>
      </c>
      <c r="D1192" s="14" t="s">
        <v>24</v>
      </c>
      <c r="E1192" s="15">
        <v>45473</v>
      </c>
      <c r="F1192" s="14" t="s">
        <v>25</v>
      </c>
      <c r="G1192" s="16">
        <v>1.4892676734753161</v>
      </c>
    </row>
    <row r="1193" spans="1:7" x14ac:dyDescent="0.3">
      <c r="A1193" s="13" t="s">
        <v>22</v>
      </c>
      <c r="B1193" s="14" t="s">
        <v>1</v>
      </c>
      <c r="C1193" s="14" t="s">
        <v>23</v>
      </c>
      <c r="D1193" s="14" t="s">
        <v>24</v>
      </c>
      <c r="E1193" s="15">
        <v>45474</v>
      </c>
      <c r="F1193" s="14" t="s">
        <v>25</v>
      </c>
      <c r="G1193" s="16">
        <v>1.5122884120091231</v>
      </c>
    </row>
    <row r="1194" spans="1:7" x14ac:dyDescent="0.3">
      <c r="A1194" s="13" t="s">
        <v>22</v>
      </c>
      <c r="B1194" s="14" t="s">
        <v>1</v>
      </c>
      <c r="C1194" s="14" t="s">
        <v>23</v>
      </c>
      <c r="D1194" s="14" t="s">
        <v>24</v>
      </c>
      <c r="E1194" s="15">
        <v>45475</v>
      </c>
      <c r="F1194" s="14" t="s">
        <v>25</v>
      </c>
      <c r="G1194" s="16">
        <v>1.5630652267536806</v>
      </c>
    </row>
    <row r="1195" spans="1:7" x14ac:dyDescent="0.3">
      <c r="A1195" s="13" t="s">
        <v>22</v>
      </c>
      <c r="B1195" s="14" t="s">
        <v>1</v>
      </c>
      <c r="C1195" s="14" t="s">
        <v>23</v>
      </c>
      <c r="D1195" s="14" t="s">
        <v>24</v>
      </c>
      <c r="E1195" s="15">
        <v>45476</v>
      </c>
      <c r="F1195" s="14" t="s">
        <v>25</v>
      </c>
      <c r="G1195" s="16">
        <v>1.5752628325606204</v>
      </c>
    </row>
    <row r="1196" spans="1:7" x14ac:dyDescent="0.3">
      <c r="A1196" s="13" t="s">
        <v>22</v>
      </c>
      <c r="B1196" s="14" t="s">
        <v>1</v>
      </c>
      <c r="C1196" s="14" t="s">
        <v>23</v>
      </c>
      <c r="D1196" s="14" t="s">
        <v>24</v>
      </c>
      <c r="E1196" s="15">
        <v>45477</v>
      </c>
      <c r="F1196" s="14" t="s">
        <v>25</v>
      </c>
      <c r="G1196" s="16">
        <v>1.5752628325606204</v>
      </c>
    </row>
    <row r="1197" spans="1:7" x14ac:dyDescent="0.3">
      <c r="A1197" s="13" t="s">
        <v>22</v>
      </c>
      <c r="B1197" s="14" t="s">
        <v>1</v>
      </c>
      <c r="C1197" s="14" t="s">
        <v>23</v>
      </c>
      <c r="D1197" s="14" t="s">
        <v>24</v>
      </c>
      <c r="E1197" s="15">
        <v>45478</v>
      </c>
      <c r="F1197" s="14" t="s">
        <v>25</v>
      </c>
      <c r="G1197" s="16">
        <v>1.5820514114939332</v>
      </c>
    </row>
    <row r="1198" spans="1:7" x14ac:dyDescent="0.3">
      <c r="A1198" s="13" t="s">
        <v>22</v>
      </c>
      <c r="B1198" s="14" t="s">
        <v>1</v>
      </c>
      <c r="C1198" s="14" t="s">
        <v>23</v>
      </c>
      <c r="D1198" s="14" t="s">
        <v>24</v>
      </c>
      <c r="E1198" s="15">
        <v>45479</v>
      </c>
      <c r="F1198" s="14" t="s">
        <v>25</v>
      </c>
      <c r="G1198" s="16">
        <v>1.5820514114939332</v>
      </c>
    </row>
    <row r="1199" spans="1:7" x14ac:dyDescent="0.3">
      <c r="A1199" s="13" t="s">
        <v>22</v>
      </c>
      <c r="B1199" s="14" t="s">
        <v>1</v>
      </c>
      <c r="C1199" s="14" t="s">
        <v>23</v>
      </c>
      <c r="D1199" s="14" t="s">
        <v>24</v>
      </c>
      <c r="E1199" s="15">
        <v>45480</v>
      </c>
      <c r="F1199" s="14" t="s">
        <v>25</v>
      </c>
      <c r="G1199" s="16">
        <v>1.5820514114939332</v>
      </c>
    </row>
    <row r="1200" spans="1:7" x14ac:dyDescent="0.3">
      <c r="A1200" s="13" t="s">
        <v>22</v>
      </c>
      <c r="B1200" s="14" t="s">
        <v>1</v>
      </c>
      <c r="C1200" s="14" t="s">
        <v>23</v>
      </c>
      <c r="D1200" s="14" t="s">
        <v>24</v>
      </c>
      <c r="E1200" s="15">
        <v>45481</v>
      </c>
      <c r="F1200" s="14" t="s">
        <v>25</v>
      </c>
      <c r="G1200" s="16">
        <v>1.6430075876504657</v>
      </c>
    </row>
    <row r="1201" spans="1:7" x14ac:dyDescent="0.3">
      <c r="A1201" s="13" t="s">
        <v>22</v>
      </c>
      <c r="B1201" s="14" t="s">
        <v>1</v>
      </c>
      <c r="C1201" s="14" t="s">
        <v>23</v>
      </c>
      <c r="D1201" s="14" t="s">
        <v>24</v>
      </c>
      <c r="E1201" s="15">
        <v>45482</v>
      </c>
      <c r="F1201" s="14" t="s">
        <v>25</v>
      </c>
      <c r="G1201" s="16">
        <v>1.6928623116991093</v>
      </c>
    </row>
    <row r="1202" spans="1:7" x14ac:dyDescent="0.3">
      <c r="A1202" s="13" t="s">
        <v>22</v>
      </c>
      <c r="B1202" s="14" t="s">
        <v>1</v>
      </c>
      <c r="C1202" s="14" t="s">
        <v>23</v>
      </c>
      <c r="D1202" s="14" t="s">
        <v>24</v>
      </c>
      <c r="E1202" s="15">
        <v>45483</v>
      </c>
      <c r="F1202" s="14" t="s">
        <v>25</v>
      </c>
      <c r="G1202" s="16">
        <v>1.7136052727518836</v>
      </c>
    </row>
    <row r="1203" spans="1:7" x14ac:dyDescent="0.3">
      <c r="A1203" s="13" t="s">
        <v>22</v>
      </c>
      <c r="B1203" s="14" t="s">
        <v>1</v>
      </c>
      <c r="C1203" s="14" t="s">
        <v>23</v>
      </c>
      <c r="D1203" s="14" t="s">
        <v>24</v>
      </c>
      <c r="E1203" s="15">
        <v>45484</v>
      </c>
      <c r="F1203" s="14" t="s">
        <v>25</v>
      </c>
      <c r="G1203" s="16">
        <v>1.7242114476125967</v>
      </c>
    </row>
    <row r="1204" spans="1:7" x14ac:dyDescent="0.3">
      <c r="A1204" s="13" t="s">
        <v>22</v>
      </c>
      <c r="B1204" s="14" t="s">
        <v>1</v>
      </c>
      <c r="C1204" s="14" t="s">
        <v>23</v>
      </c>
      <c r="D1204" s="14" t="s">
        <v>24</v>
      </c>
      <c r="E1204" s="15">
        <v>45485</v>
      </c>
      <c r="F1204" s="14" t="s">
        <v>25</v>
      </c>
      <c r="G1204" s="16">
        <v>1.7368598599122471</v>
      </c>
    </row>
    <row r="1205" spans="1:7" x14ac:dyDescent="0.3">
      <c r="A1205" s="13" t="s">
        <v>22</v>
      </c>
      <c r="B1205" s="14" t="s">
        <v>1</v>
      </c>
      <c r="C1205" s="14" t="s">
        <v>23</v>
      </c>
      <c r="D1205" s="14" t="s">
        <v>24</v>
      </c>
      <c r="E1205" s="15">
        <v>45486</v>
      </c>
      <c r="F1205" s="14" t="s">
        <v>25</v>
      </c>
      <c r="G1205" s="16">
        <v>1.7368598599122471</v>
      </c>
    </row>
    <row r="1206" spans="1:7" x14ac:dyDescent="0.3">
      <c r="A1206" s="13" t="s">
        <v>22</v>
      </c>
      <c r="B1206" s="14" t="s">
        <v>1</v>
      </c>
      <c r="C1206" s="14" t="s">
        <v>23</v>
      </c>
      <c r="D1206" s="14" t="s">
        <v>24</v>
      </c>
      <c r="E1206" s="15">
        <v>45487</v>
      </c>
      <c r="F1206" s="14" t="s">
        <v>25</v>
      </c>
      <c r="G1206" s="16">
        <v>1.7368598599122471</v>
      </c>
    </row>
    <row r="1207" spans="1:7" x14ac:dyDescent="0.3">
      <c r="A1207" s="13" t="s">
        <v>22</v>
      </c>
      <c r="B1207" s="14" t="s">
        <v>1</v>
      </c>
      <c r="C1207" s="14" t="s">
        <v>23</v>
      </c>
      <c r="D1207" s="14" t="s">
        <v>24</v>
      </c>
      <c r="E1207" s="15">
        <v>45488</v>
      </c>
      <c r="F1207" s="14" t="s">
        <v>25</v>
      </c>
      <c r="G1207" s="16">
        <v>1.7560028739511291</v>
      </c>
    </row>
    <row r="1208" spans="1:7" x14ac:dyDescent="0.3">
      <c r="A1208" s="13" t="s">
        <v>22</v>
      </c>
      <c r="B1208" s="14" t="s">
        <v>1</v>
      </c>
      <c r="C1208" s="14" t="s">
        <v>23</v>
      </c>
      <c r="D1208" s="14" t="s">
        <v>24</v>
      </c>
      <c r="E1208" s="15">
        <v>45489</v>
      </c>
      <c r="F1208" s="14" t="s">
        <v>25</v>
      </c>
      <c r="G1208" s="16">
        <v>1.7999642385383985</v>
      </c>
    </row>
    <row r="1209" spans="1:7" x14ac:dyDescent="0.3">
      <c r="A1209" s="13" t="s">
        <v>22</v>
      </c>
      <c r="B1209" s="14" t="s">
        <v>1</v>
      </c>
      <c r="C1209" s="14" t="s">
        <v>23</v>
      </c>
      <c r="D1209" s="14" t="s">
        <v>24</v>
      </c>
      <c r="E1209" s="15">
        <v>45490</v>
      </c>
      <c r="F1209" s="14" t="s">
        <v>25</v>
      </c>
      <c r="G1209" s="16">
        <v>1.795265018423686</v>
      </c>
    </row>
    <row r="1210" spans="1:7" x14ac:dyDescent="0.3">
      <c r="A1210" s="13" t="s">
        <v>22</v>
      </c>
      <c r="B1210" s="14" t="s">
        <v>1</v>
      </c>
      <c r="C1210" s="14" t="s">
        <v>23</v>
      </c>
      <c r="D1210" s="14" t="s">
        <v>24</v>
      </c>
      <c r="E1210" s="15">
        <v>45491</v>
      </c>
      <c r="F1210" s="14" t="s">
        <v>25</v>
      </c>
      <c r="G1210" s="16">
        <v>1.8199163740873581</v>
      </c>
    </row>
    <row r="1211" spans="1:7" x14ac:dyDescent="0.3">
      <c r="A1211" s="13" t="s">
        <v>22</v>
      </c>
      <c r="B1211" s="14" t="s">
        <v>1</v>
      </c>
      <c r="C1211" s="14" t="s">
        <v>23</v>
      </c>
      <c r="D1211" s="14" t="s">
        <v>24</v>
      </c>
      <c r="E1211" s="15">
        <v>45492</v>
      </c>
      <c r="F1211" s="14" t="s">
        <v>25</v>
      </c>
      <c r="G1211" s="16">
        <v>1.839075485643167</v>
      </c>
    </row>
    <row r="1212" spans="1:7" x14ac:dyDescent="0.3">
      <c r="A1212" s="13" t="s">
        <v>22</v>
      </c>
      <c r="B1212" s="14" t="s">
        <v>1</v>
      </c>
      <c r="C1212" s="14" t="s">
        <v>23</v>
      </c>
      <c r="D1212" s="14" t="s">
        <v>24</v>
      </c>
      <c r="E1212" s="15">
        <v>45493</v>
      </c>
      <c r="F1212" s="14" t="s">
        <v>25</v>
      </c>
      <c r="G1212" s="16">
        <v>1.839075485643167</v>
      </c>
    </row>
    <row r="1213" spans="1:7" x14ac:dyDescent="0.3">
      <c r="A1213" s="13" t="s">
        <v>22</v>
      </c>
      <c r="B1213" s="14" t="s">
        <v>1</v>
      </c>
      <c r="C1213" s="14" t="s">
        <v>23</v>
      </c>
      <c r="D1213" s="14" t="s">
        <v>24</v>
      </c>
      <c r="E1213" s="15">
        <v>45494</v>
      </c>
      <c r="F1213" s="14" t="s">
        <v>25</v>
      </c>
      <c r="G1213" s="16">
        <v>1.839075485643167</v>
      </c>
    </row>
    <row r="1214" spans="1:7" x14ac:dyDescent="0.3">
      <c r="A1214" s="13" t="s">
        <v>22</v>
      </c>
      <c r="B1214" s="14" t="s">
        <v>1</v>
      </c>
      <c r="C1214" s="14" t="s">
        <v>23</v>
      </c>
      <c r="D1214" s="14" t="s">
        <v>24</v>
      </c>
      <c r="E1214" s="15">
        <v>45495</v>
      </c>
      <c r="F1214" s="14" t="s">
        <v>25</v>
      </c>
      <c r="G1214" s="16">
        <v>1.8561632611661787</v>
      </c>
    </row>
    <row r="1215" spans="1:7" x14ac:dyDescent="0.3">
      <c r="A1215" s="13" t="s">
        <v>22</v>
      </c>
      <c r="B1215" s="14" t="s">
        <v>1</v>
      </c>
      <c r="C1215" s="14" t="s">
        <v>23</v>
      </c>
      <c r="D1215" s="14" t="s">
        <v>24</v>
      </c>
      <c r="E1215" s="15">
        <v>45496</v>
      </c>
      <c r="F1215" s="14" t="s">
        <v>25</v>
      </c>
      <c r="G1215" s="16">
        <v>1.906923407619409</v>
      </c>
    </row>
    <row r="1216" spans="1:7" x14ac:dyDescent="0.3">
      <c r="A1216" s="13" t="s">
        <v>22</v>
      </c>
      <c r="B1216" s="14" t="s">
        <v>1</v>
      </c>
      <c r="C1216" s="14" t="s">
        <v>23</v>
      </c>
      <c r="D1216" s="14" t="s">
        <v>24</v>
      </c>
      <c r="E1216" s="15">
        <v>45497</v>
      </c>
      <c r="F1216" s="14" t="s">
        <v>25</v>
      </c>
      <c r="G1216" s="16">
        <v>1.9120083490888504</v>
      </c>
    </row>
    <row r="1217" spans="1:7" x14ac:dyDescent="0.3">
      <c r="A1217" s="13" t="s">
        <v>22</v>
      </c>
      <c r="B1217" s="14" t="s">
        <v>1</v>
      </c>
      <c r="C1217" s="14" t="s">
        <v>23</v>
      </c>
      <c r="D1217" s="14" t="s">
        <v>24</v>
      </c>
      <c r="E1217" s="15">
        <v>45498</v>
      </c>
      <c r="F1217" s="14" t="s">
        <v>25</v>
      </c>
      <c r="G1217" s="16">
        <v>1.919332776738101</v>
      </c>
    </row>
    <row r="1218" spans="1:7" x14ac:dyDescent="0.3">
      <c r="A1218" s="13" t="s">
        <v>22</v>
      </c>
      <c r="B1218" s="14" t="s">
        <v>1</v>
      </c>
      <c r="C1218" s="14" t="s">
        <v>23</v>
      </c>
      <c r="D1218" s="14" t="s">
        <v>24</v>
      </c>
      <c r="E1218" s="15">
        <v>45499</v>
      </c>
      <c r="F1218" s="14" t="s">
        <v>25</v>
      </c>
      <c r="G1218" s="16">
        <v>1.9392429058738261</v>
      </c>
    </row>
    <row r="1219" spans="1:7" x14ac:dyDescent="0.3">
      <c r="A1219" s="13" t="s">
        <v>22</v>
      </c>
      <c r="B1219" s="14" t="s">
        <v>1</v>
      </c>
      <c r="C1219" s="14" t="s">
        <v>23</v>
      </c>
      <c r="D1219" s="14" t="s">
        <v>24</v>
      </c>
      <c r="E1219" s="15">
        <v>45500</v>
      </c>
      <c r="F1219" s="14" t="s">
        <v>25</v>
      </c>
      <c r="G1219" s="16">
        <v>1.9392429058738261</v>
      </c>
    </row>
    <row r="1220" spans="1:7" x14ac:dyDescent="0.3">
      <c r="A1220" s="13" t="s">
        <v>22</v>
      </c>
      <c r="B1220" s="14" t="s">
        <v>1</v>
      </c>
      <c r="C1220" s="14" t="s">
        <v>23</v>
      </c>
      <c r="D1220" s="14" t="s">
        <v>24</v>
      </c>
      <c r="E1220" s="15">
        <v>45501</v>
      </c>
      <c r="F1220" s="14" t="s">
        <v>25</v>
      </c>
      <c r="G1220" s="16">
        <v>1.9392429058738261</v>
      </c>
    </row>
    <row r="1221" spans="1:7" x14ac:dyDescent="0.3">
      <c r="A1221" s="13" t="s">
        <v>22</v>
      </c>
      <c r="B1221" s="14" t="s">
        <v>1</v>
      </c>
      <c r="C1221" s="14" t="s">
        <v>23</v>
      </c>
      <c r="D1221" s="14" t="s">
        <v>24</v>
      </c>
      <c r="E1221" s="15">
        <v>45502</v>
      </c>
      <c r="F1221" s="14" t="s">
        <v>25</v>
      </c>
      <c r="G1221" s="16">
        <v>1.9597495389615749</v>
      </c>
    </row>
    <row r="1222" spans="1:7" x14ac:dyDescent="0.3">
      <c r="A1222" s="13" t="s">
        <v>22</v>
      </c>
      <c r="B1222" s="14" t="s">
        <v>1</v>
      </c>
      <c r="C1222" s="14" t="s">
        <v>23</v>
      </c>
      <c r="D1222" s="14" t="s">
        <v>24</v>
      </c>
      <c r="E1222" s="15">
        <v>45503</v>
      </c>
      <c r="F1222" s="14" t="s">
        <v>25</v>
      </c>
      <c r="G1222" s="16">
        <v>1.9982119034195649</v>
      </c>
    </row>
    <row r="1223" spans="1:7" x14ac:dyDescent="0.3">
      <c r="A1223" s="13" t="s">
        <v>22</v>
      </c>
      <c r="B1223" s="14" t="s">
        <v>1</v>
      </c>
      <c r="C1223" s="14" t="s">
        <v>23</v>
      </c>
      <c r="D1223" s="14" t="s">
        <v>24</v>
      </c>
      <c r="E1223" s="15">
        <v>45504</v>
      </c>
      <c r="F1223" s="14" t="s">
        <v>25</v>
      </c>
      <c r="G1223" s="16">
        <v>2.0043759403014838</v>
      </c>
    </row>
    <row r="1224" spans="1:7" x14ac:dyDescent="0.3">
      <c r="A1224" s="13" t="s">
        <v>22</v>
      </c>
      <c r="B1224" s="14" t="s">
        <v>1</v>
      </c>
      <c r="C1224" s="14" t="s">
        <v>23</v>
      </c>
      <c r="D1224" s="14" t="s">
        <v>24</v>
      </c>
      <c r="E1224" s="15">
        <v>45505</v>
      </c>
      <c r="F1224" s="14" t="s">
        <v>25</v>
      </c>
      <c r="G1224" s="16">
        <v>1.9997578164703949</v>
      </c>
    </row>
    <row r="1225" spans="1:7" x14ac:dyDescent="0.3">
      <c r="A1225" s="13" t="s">
        <v>22</v>
      </c>
      <c r="B1225" s="14" t="s">
        <v>1</v>
      </c>
      <c r="C1225" s="14" t="s">
        <v>23</v>
      </c>
      <c r="D1225" s="14" t="s">
        <v>24</v>
      </c>
      <c r="E1225" s="15">
        <v>45506</v>
      </c>
      <c r="F1225" s="14" t="s">
        <v>25</v>
      </c>
      <c r="G1225" s="16">
        <v>1.971668868719628</v>
      </c>
    </row>
    <row r="1226" spans="1:7" x14ac:dyDescent="0.3">
      <c r="A1226" s="13" t="s">
        <v>22</v>
      </c>
      <c r="B1226" s="14" t="s">
        <v>1</v>
      </c>
      <c r="C1226" s="14" t="s">
        <v>23</v>
      </c>
      <c r="D1226" s="14" t="s">
        <v>24</v>
      </c>
      <c r="E1226" s="15">
        <v>45507</v>
      </c>
      <c r="F1226" s="14" t="s">
        <v>25</v>
      </c>
      <c r="G1226" s="16">
        <v>1.971668868719628</v>
      </c>
    </row>
    <row r="1227" spans="1:7" x14ac:dyDescent="0.3">
      <c r="A1227" s="13" t="s">
        <v>22</v>
      </c>
      <c r="B1227" s="14" t="s">
        <v>1</v>
      </c>
      <c r="C1227" s="14" t="s">
        <v>23</v>
      </c>
      <c r="D1227" s="14" t="s">
        <v>24</v>
      </c>
      <c r="E1227" s="15">
        <v>45508</v>
      </c>
      <c r="F1227" s="14" t="s">
        <v>25</v>
      </c>
      <c r="G1227" s="16">
        <v>1.971668868719628</v>
      </c>
    </row>
    <row r="1228" spans="1:7" x14ac:dyDescent="0.3">
      <c r="A1228" s="13" t="s">
        <v>22</v>
      </c>
      <c r="B1228" s="14" t="s">
        <v>1</v>
      </c>
      <c r="C1228" s="14" t="s">
        <v>23</v>
      </c>
      <c r="D1228" s="14" t="s">
        <v>24</v>
      </c>
      <c r="E1228" s="15">
        <v>45509</v>
      </c>
      <c r="F1228" s="14" t="s">
        <v>25</v>
      </c>
      <c r="G1228" s="16">
        <v>1.971668868719628</v>
      </c>
    </row>
    <row r="1229" spans="1:7" x14ac:dyDescent="0.3">
      <c r="A1229" s="13" t="s">
        <v>22</v>
      </c>
      <c r="B1229" s="14" t="s">
        <v>1</v>
      </c>
      <c r="C1229" s="14" t="s">
        <v>23</v>
      </c>
      <c r="D1229" s="14" t="s">
        <v>24</v>
      </c>
      <c r="E1229" s="15">
        <v>45510</v>
      </c>
      <c r="F1229" s="14" t="s">
        <v>25</v>
      </c>
      <c r="G1229" s="16">
        <v>1.9716922835100976</v>
      </c>
    </row>
    <row r="1230" spans="1:7" x14ac:dyDescent="0.3">
      <c r="A1230" s="13" t="s">
        <v>22</v>
      </c>
      <c r="B1230" s="14" t="s">
        <v>1</v>
      </c>
      <c r="C1230" s="14" t="s">
        <v>23</v>
      </c>
      <c r="D1230" s="14" t="s">
        <v>24</v>
      </c>
      <c r="E1230" s="15">
        <v>45511</v>
      </c>
      <c r="F1230" s="14" t="s">
        <v>25</v>
      </c>
      <c r="G1230" s="16">
        <v>2.0735136737850186</v>
      </c>
    </row>
    <row r="1231" spans="1:7" x14ac:dyDescent="0.3">
      <c r="A1231" s="13" t="s">
        <v>22</v>
      </c>
      <c r="B1231" s="14" t="s">
        <v>1</v>
      </c>
      <c r="C1231" s="14" t="s">
        <v>23</v>
      </c>
      <c r="D1231" s="14" t="s">
        <v>24</v>
      </c>
      <c r="E1231" s="15">
        <v>45512</v>
      </c>
      <c r="F1231" s="14" t="s">
        <v>25</v>
      </c>
      <c r="G1231" s="16">
        <v>2.0950701105699618</v>
      </c>
    </row>
    <row r="1232" spans="1:7" x14ac:dyDescent="0.3">
      <c r="A1232" s="13" t="s">
        <v>22</v>
      </c>
      <c r="B1232" s="14" t="s">
        <v>1</v>
      </c>
      <c r="C1232" s="14" t="s">
        <v>23</v>
      </c>
      <c r="D1232" s="14" t="s">
        <v>24</v>
      </c>
      <c r="E1232" s="15">
        <v>45513</v>
      </c>
      <c r="F1232" s="14" t="s">
        <v>25</v>
      </c>
      <c r="G1232" s="16">
        <v>2.1066240795947793</v>
      </c>
    </row>
    <row r="1233" spans="1:7" x14ac:dyDescent="0.3">
      <c r="A1233" s="13" t="s">
        <v>22</v>
      </c>
      <c r="B1233" s="14" t="s">
        <v>1</v>
      </c>
      <c r="C1233" s="14" t="s">
        <v>23</v>
      </c>
      <c r="D1233" s="14" t="s">
        <v>24</v>
      </c>
      <c r="E1233" s="15">
        <v>45514</v>
      </c>
      <c r="F1233" s="14" t="s">
        <v>25</v>
      </c>
      <c r="G1233" s="16">
        <v>2.1066240795947793</v>
      </c>
    </row>
    <row r="1234" spans="1:7" x14ac:dyDescent="0.3">
      <c r="A1234" s="13" t="s">
        <v>22</v>
      </c>
      <c r="B1234" s="14" t="s">
        <v>1</v>
      </c>
      <c r="C1234" s="14" t="s">
        <v>23</v>
      </c>
      <c r="D1234" s="14" t="s">
        <v>24</v>
      </c>
      <c r="E1234" s="15">
        <v>45515</v>
      </c>
      <c r="F1234" s="14" t="s">
        <v>25</v>
      </c>
      <c r="G1234" s="16">
        <v>2.1066240795947793</v>
      </c>
    </row>
    <row r="1235" spans="1:7" x14ac:dyDescent="0.3">
      <c r="A1235" s="13" t="s">
        <v>22</v>
      </c>
      <c r="B1235" s="14" t="s">
        <v>1</v>
      </c>
      <c r="C1235" s="14" t="s">
        <v>23</v>
      </c>
      <c r="D1235" s="14" t="s">
        <v>24</v>
      </c>
      <c r="E1235" s="15">
        <v>45516</v>
      </c>
      <c r="F1235" s="14" t="s">
        <v>25</v>
      </c>
      <c r="G1235" s="16">
        <v>2.1217256134264626</v>
      </c>
    </row>
    <row r="1236" spans="1:7" x14ac:dyDescent="0.3">
      <c r="A1236" s="13" t="s">
        <v>22</v>
      </c>
      <c r="B1236" s="14" t="s">
        <v>1</v>
      </c>
      <c r="C1236" s="14" t="s">
        <v>23</v>
      </c>
      <c r="D1236" s="14" t="s">
        <v>24</v>
      </c>
      <c r="E1236" s="15">
        <v>45517</v>
      </c>
      <c r="F1236" s="14" t="s">
        <v>25</v>
      </c>
      <c r="G1236" s="16">
        <v>2.1670064258096264</v>
      </c>
    </row>
    <row r="1237" spans="1:7" x14ac:dyDescent="0.3">
      <c r="A1237" s="13" t="s">
        <v>22</v>
      </c>
      <c r="B1237" s="14" t="s">
        <v>1</v>
      </c>
      <c r="C1237" s="14" t="s">
        <v>23</v>
      </c>
      <c r="D1237" s="14" t="s">
        <v>24</v>
      </c>
      <c r="E1237" s="15">
        <v>45518</v>
      </c>
      <c r="F1237" s="14" t="s">
        <v>25</v>
      </c>
      <c r="G1237" s="16">
        <v>2.1831877639800719</v>
      </c>
    </row>
    <row r="1238" spans="1:7" x14ac:dyDescent="0.3">
      <c r="A1238" s="13" t="s">
        <v>22</v>
      </c>
      <c r="B1238" s="14" t="s">
        <v>1</v>
      </c>
      <c r="C1238" s="14" t="s">
        <v>23</v>
      </c>
      <c r="D1238" s="14" t="s">
        <v>24</v>
      </c>
      <c r="E1238" s="15">
        <v>45519</v>
      </c>
      <c r="F1238" s="14" t="s">
        <v>25</v>
      </c>
      <c r="G1238" s="16">
        <v>2.2120066858276481</v>
      </c>
    </row>
    <row r="1239" spans="1:7" x14ac:dyDescent="0.3">
      <c r="A1239" s="13" t="s">
        <v>22</v>
      </c>
      <c r="B1239" s="14" t="s">
        <v>1</v>
      </c>
      <c r="C1239" s="14" t="s">
        <v>23</v>
      </c>
      <c r="D1239" s="14" t="s">
        <v>24</v>
      </c>
      <c r="E1239" s="15">
        <v>45520</v>
      </c>
      <c r="F1239" s="14" t="s">
        <v>25</v>
      </c>
      <c r="G1239" s="16">
        <v>2.2108504512188967</v>
      </c>
    </row>
    <row r="1240" spans="1:7" x14ac:dyDescent="0.3">
      <c r="A1240" s="13" t="s">
        <v>22</v>
      </c>
      <c r="B1240" s="14" t="s">
        <v>1</v>
      </c>
      <c r="C1240" s="14" t="s">
        <v>23</v>
      </c>
      <c r="D1240" s="14" t="s">
        <v>24</v>
      </c>
      <c r="E1240" s="15">
        <v>45521</v>
      </c>
      <c r="F1240" s="14" t="s">
        <v>25</v>
      </c>
      <c r="G1240" s="16">
        <v>2.2108504512188967</v>
      </c>
    </row>
    <row r="1241" spans="1:7" x14ac:dyDescent="0.3">
      <c r="A1241" s="13" t="s">
        <v>22</v>
      </c>
      <c r="B1241" s="14" t="s">
        <v>1</v>
      </c>
      <c r="C1241" s="14" t="s">
        <v>23</v>
      </c>
      <c r="D1241" s="14" t="s">
        <v>24</v>
      </c>
      <c r="E1241" s="15">
        <v>45522</v>
      </c>
      <c r="F1241" s="14" t="s">
        <v>25</v>
      </c>
      <c r="G1241" s="16">
        <v>2.2108504512188967</v>
      </c>
    </row>
    <row r="1242" spans="1:7" x14ac:dyDescent="0.3">
      <c r="A1242" s="13" t="s">
        <v>22</v>
      </c>
      <c r="B1242" s="14" t="s">
        <v>1</v>
      </c>
      <c r="C1242" s="14" t="s">
        <v>23</v>
      </c>
      <c r="D1242" s="14" t="s">
        <v>24</v>
      </c>
      <c r="E1242" s="15">
        <v>45523</v>
      </c>
      <c r="F1242" s="14" t="s">
        <v>25</v>
      </c>
      <c r="G1242" s="16">
        <v>2.217824181413298</v>
      </c>
    </row>
    <row r="1243" spans="1:7" x14ac:dyDescent="0.3">
      <c r="A1243" s="13" t="s">
        <v>22</v>
      </c>
      <c r="B1243" s="14" t="s">
        <v>1</v>
      </c>
      <c r="C1243" s="14" t="s">
        <v>23</v>
      </c>
      <c r="D1243" s="14" t="s">
        <v>24</v>
      </c>
      <c r="E1243" s="15">
        <v>45524</v>
      </c>
      <c r="F1243" s="14" t="s">
        <v>25</v>
      </c>
      <c r="G1243" s="16">
        <v>2.2419545162807428</v>
      </c>
    </row>
    <row r="1244" spans="1:7" x14ac:dyDescent="0.3">
      <c r="A1244" s="13" t="s">
        <v>22</v>
      </c>
      <c r="B1244" s="14" t="s">
        <v>1</v>
      </c>
      <c r="C1244" s="14" t="s">
        <v>23</v>
      </c>
      <c r="D1244" s="14" t="s">
        <v>24</v>
      </c>
      <c r="E1244" s="15">
        <v>45525</v>
      </c>
      <c r="F1244" s="14" t="s">
        <v>25</v>
      </c>
      <c r="G1244" s="16">
        <v>2.2467123320103792</v>
      </c>
    </row>
    <row r="1245" spans="1:7" x14ac:dyDescent="0.3">
      <c r="A1245" s="13" t="s">
        <v>22</v>
      </c>
      <c r="B1245" s="14" t="s">
        <v>1</v>
      </c>
      <c r="C1245" s="14" t="s">
        <v>23</v>
      </c>
      <c r="D1245" s="14" t="s">
        <v>24</v>
      </c>
      <c r="E1245" s="15">
        <v>45526</v>
      </c>
      <c r="F1245" s="14" t="s">
        <v>25</v>
      </c>
      <c r="G1245" s="16">
        <v>2.2629584227024866</v>
      </c>
    </row>
    <row r="1246" spans="1:7" x14ac:dyDescent="0.3">
      <c r="A1246" s="13" t="s">
        <v>22</v>
      </c>
      <c r="B1246" s="14" t="s">
        <v>1</v>
      </c>
      <c r="C1246" s="14" t="s">
        <v>23</v>
      </c>
      <c r="D1246" s="14" t="s">
        <v>24</v>
      </c>
      <c r="E1246" s="15">
        <v>45527</v>
      </c>
      <c r="F1246" s="14" t="s">
        <v>25</v>
      </c>
      <c r="G1246" s="16">
        <v>2.2674618948550953</v>
      </c>
    </row>
    <row r="1247" spans="1:7" x14ac:dyDescent="0.3">
      <c r="A1247" s="13" t="s">
        <v>22</v>
      </c>
      <c r="B1247" s="14" t="s">
        <v>1</v>
      </c>
      <c r="C1247" s="14" t="s">
        <v>23</v>
      </c>
      <c r="D1247" s="14" t="s">
        <v>24</v>
      </c>
      <c r="E1247" s="15">
        <v>45528</v>
      </c>
      <c r="F1247" s="14" t="s">
        <v>25</v>
      </c>
      <c r="G1247" s="16">
        <v>2.2674618948550953</v>
      </c>
    </row>
    <row r="1248" spans="1:7" x14ac:dyDescent="0.3">
      <c r="A1248" s="13" t="s">
        <v>22</v>
      </c>
      <c r="B1248" s="14" t="s">
        <v>1</v>
      </c>
      <c r="C1248" s="14" t="s">
        <v>23</v>
      </c>
      <c r="D1248" s="14" t="s">
        <v>24</v>
      </c>
      <c r="E1248" s="15">
        <v>45529</v>
      </c>
      <c r="F1248" s="14" t="s">
        <v>25</v>
      </c>
      <c r="G1248" s="16">
        <v>2.2674618948550953</v>
      </c>
    </row>
    <row r="1249" spans="1:7" x14ac:dyDescent="0.3">
      <c r="A1249" s="13" t="s">
        <v>22</v>
      </c>
      <c r="B1249" s="14" t="s">
        <v>1</v>
      </c>
      <c r="C1249" s="14" t="s">
        <v>23</v>
      </c>
      <c r="D1249" s="14" t="s">
        <v>24</v>
      </c>
      <c r="E1249" s="15">
        <v>45530</v>
      </c>
      <c r="F1249" s="14" t="s">
        <v>25</v>
      </c>
      <c r="G1249" s="16">
        <v>2.2813957070909492</v>
      </c>
    </row>
    <row r="1250" spans="1:7" x14ac:dyDescent="0.3">
      <c r="A1250" s="13" t="s">
        <v>22</v>
      </c>
      <c r="B1250" s="14" t="s">
        <v>1</v>
      </c>
      <c r="C1250" s="14" t="s">
        <v>23</v>
      </c>
      <c r="D1250" s="14" t="s">
        <v>24</v>
      </c>
      <c r="E1250" s="15">
        <v>45531</v>
      </c>
      <c r="F1250" s="14" t="s">
        <v>25</v>
      </c>
      <c r="G1250" s="16">
        <v>2.312348627773221</v>
      </c>
    </row>
    <row r="1251" spans="1:7" x14ac:dyDescent="0.3">
      <c r="A1251" s="13" t="s">
        <v>22</v>
      </c>
      <c r="B1251" s="14" t="s">
        <v>1</v>
      </c>
      <c r="C1251" s="14" t="s">
        <v>23</v>
      </c>
      <c r="D1251" s="14" t="s">
        <v>24</v>
      </c>
      <c r="E1251" s="15">
        <v>45532</v>
      </c>
      <c r="F1251" s="14" t="s">
        <v>25</v>
      </c>
      <c r="G1251" s="16">
        <v>2.3303429702526866</v>
      </c>
    </row>
    <row r="1252" spans="1:7" x14ac:dyDescent="0.3">
      <c r="A1252" s="13" t="s">
        <v>22</v>
      </c>
      <c r="B1252" s="14" t="s">
        <v>1</v>
      </c>
      <c r="C1252" s="14" t="s">
        <v>23</v>
      </c>
      <c r="D1252" s="14" t="s">
        <v>24</v>
      </c>
      <c r="E1252" s="15">
        <v>45533</v>
      </c>
      <c r="F1252" s="14" t="s">
        <v>25</v>
      </c>
      <c r="G1252" s="16">
        <v>2.3594105268727814</v>
      </c>
    </row>
    <row r="1253" spans="1:7" x14ac:dyDescent="0.3">
      <c r="A1253" s="13" t="s">
        <v>22</v>
      </c>
      <c r="B1253" s="14" t="s">
        <v>1</v>
      </c>
      <c r="C1253" s="14" t="s">
        <v>23</v>
      </c>
      <c r="D1253" s="14" t="s">
        <v>24</v>
      </c>
      <c r="E1253" s="15">
        <v>45534</v>
      </c>
      <c r="F1253" s="14" t="s">
        <v>25</v>
      </c>
      <c r="G1253" s="16">
        <v>2.382281301495659</v>
      </c>
    </row>
    <row r="1254" spans="1:7" x14ac:dyDescent="0.3">
      <c r="A1254" s="13" t="s">
        <v>22</v>
      </c>
      <c r="B1254" s="14" t="s">
        <v>1</v>
      </c>
      <c r="C1254" s="14" t="s">
        <v>23</v>
      </c>
      <c r="D1254" s="14" t="s">
        <v>24</v>
      </c>
      <c r="E1254" s="15">
        <v>45535</v>
      </c>
      <c r="F1254" s="14" t="s">
        <v>25</v>
      </c>
      <c r="G1254" s="16">
        <v>2.382281301495659</v>
      </c>
    </row>
    <row r="1255" spans="1:7" x14ac:dyDescent="0.3">
      <c r="A1255" s="13" t="s">
        <v>22</v>
      </c>
      <c r="B1255" s="14" t="s">
        <v>1</v>
      </c>
      <c r="C1255" s="14" t="s">
        <v>23</v>
      </c>
      <c r="D1255" s="14" t="s">
        <v>24</v>
      </c>
      <c r="E1255" s="15">
        <v>45536</v>
      </c>
      <c r="F1255" s="14" t="s">
        <v>25</v>
      </c>
      <c r="G1255" s="16">
        <v>2.382281301495659</v>
      </c>
    </row>
    <row r="1256" spans="1:7" x14ac:dyDescent="0.3">
      <c r="A1256" s="13" t="s">
        <v>22</v>
      </c>
      <c r="B1256" s="14" t="s">
        <v>1</v>
      </c>
      <c r="C1256" s="14" t="s">
        <v>23</v>
      </c>
      <c r="D1256" s="14" t="s">
        <v>24</v>
      </c>
      <c r="E1256" s="15">
        <v>45537</v>
      </c>
      <c r="F1256" s="14" t="s">
        <v>25</v>
      </c>
      <c r="G1256" s="16">
        <v>2.382281301495659</v>
      </c>
    </row>
    <row r="1257" spans="1:7" x14ac:dyDescent="0.3">
      <c r="A1257" s="13" t="s">
        <v>22</v>
      </c>
      <c r="B1257" s="14" t="s">
        <v>1</v>
      </c>
      <c r="C1257" s="14" t="s">
        <v>23</v>
      </c>
      <c r="D1257" s="14" t="s">
        <v>24</v>
      </c>
      <c r="E1257" s="15">
        <v>45538</v>
      </c>
      <c r="F1257" s="14" t="s">
        <v>25</v>
      </c>
      <c r="G1257" s="16">
        <v>2.3994166934493211</v>
      </c>
    </row>
    <row r="1258" spans="1:7" x14ac:dyDescent="0.3">
      <c r="A1258" s="13" t="s">
        <v>22</v>
      </c>
      <c r="B1258" s="14" t="s">
        <v>1</v>
      </c>
      <c r="C1258" s="14" t="s">
        <v>23</v>
      </c>
      <c r="D1258" s="14" t="s">
        <v>24</v>
      </c>
      <c r="E1258" s="15">
        <v>45539</v>
      </c>
      <c r="F1258" s="14" t="s">
        <v>25</v>
      </c>
      <c r="G1258" s="16">
        <v>2.4412274747962606</v>
      </c>
    </row>
    <row r="1259" spans="1:7" x14ac:dyDescent="0.3">
      <c r="A1259" s="13" t="s">
        <v>22</v>
      </c>
      <c r="B1259" s="14" t="s">
        <v>1</v>
      </c>
      <c r="C1259" s="14" t="s">
        <v>23</v>
      </c>
      <c r="D1259" s="14" t="s">
        <v>24</v>
      </c>
      <c r="E1259" s="15">
        <v>45540</v>
      </c>
      <c r="F1259" s="14" t="s">
        <v>25</v>
      </c>
      <c r="G1259" s="16">
        <v>2.4499095352867428</v>
      </c>
    </row>
    <row r="1260" spans="1:7" x14ac:dyDescent="0.3">
      <c r="A1260" s="13" t="s">
        <v>22</v>
      </c>
      <c r="B1260" s="14" t="s">
        <v>1</v>
      </c>
      <c r="C1260" s="14" t="s">
        <v>23</v>
      </c>
      <c r="D1260" s="14" t="s">
        <v>24</v>
      </c>
      <c r="E1260" s="15">
        <v>45541</v>
      </c>
      <c r="F1260" s="14" t="s">
        <v>25</v>
      </c>
      <c r="G1260" s="16">
        <v>2.4625140378198846</v>
      </c>
    </row>
    <row r="1261" spans="1:7" x14ac:dyDescent="0.3">
      <c r="A1261" s="13" t="s">
        <v>22</v>
      </c>
      <c r="B1261" s="14" t="s">
        <v>1</v>
      </c>
      <c r="C1261" s="14" t="s">
        <v>23</v>
      </c>
      <c r="D1261" s="14" t="s">
        <v>24</v>
      </c>
      <c r="E1261" s="15">
        <v>45542</v>
      </c>
      <c r="F1261" s="14" t="s">
        <v>25</v>
      </c>
      <c r="G1261" s="16">
        <v>2.4625140378198846</v>
      </c>
    </row>
    <row r="1262" spans="1:7" x14ac:dyDescent="0.3">
      <c r="A1262" s="13" t="s">
        <v>22</v>
      </c>
      <c r="B1262" s="14" t="s">
        <v>1</v>
      </c>
      <c r="C1262" s="14" t="s">
        <v>23</v>
      </c>
      <c r="D1262" s="14" t="s">
        <v>24</v>
      </c>
      <c r="E1262" s="15">
        <v>45543</v>
      </c>
      <c r="F1262" s="14" t="s">
        <v>25</v>
      </c>
      <c r="G1262" s="16">
        <v>2.4625140378198846</v>
      </c>
    </row>
    <row r="1263" spans="1:7" x14ac:dyDescent="0.3">
      <c r="A1263" s="13" t="s">
        <v>22</v>
      </c>
      <c r="B1263" s="14" t="s">
        <v>1</v>
      </c>
      <c r="C1263" s="14" t="s">
        <v>23</v>
      </c>
      <c r="D1263" s="14" t="s">
        <v>24</v>
      </c>
      <c r="E1263" s="15">
        <v>45544</v>
      </c>
      <c r="F1263" s="14" t="s">
        <v>25</v>
      </c>
      <c r="G1263" s="16">
        <v>2.5257244618664907</v>
      </c>
    </row>
    <row r="1264" spans="1:7" x14ac:dyDescent="0.3">
      <c r="A1264" s="13" t="s">
        <v>22</v>
      </c>
      <c r="B1264" s="14" t="s">
        <v>1</v>
      </c>
      <c r="C1264" s="14" t="s">
        <v>23</v>
      </c>
      <c r="D1264" s="14" t="s">
        <v>24</v>
      </c>
      <c r="E1264" s="15">
        <v>45545</v>
      </c>
      <c r="F1264" s="14" t="s">
        <v>25</v>
      </c>
      <c r="G1264" s="16">
        <v>2.5620542899493803</v>
      </c>
    </row>
    <row r="1265" spans="1:7" x14ac:dyDescent="0.3">
      <c r="A1265" s="13" t="s">
        <v>22</v>
      </c>
      <c r="B1265" s="14" t="s">
        <v>1</v>
      </c>
      <c r="C1265" s="14" t="s">
        <v>23</v>
      </c>
      <c r="D1265" s="14" t="s">
        <v>24</v>
      </c>
      <c r="E1265" s="15">
        <v>45546</v>
      </c>
      <c r="F1265" s="14" t="s">
        <v>25</v>
      </c>
      <c r="G1265" s="16">
        <v>2.591511713855577</v>
      </c>
    </row>
    <row r="1266" spans="1:7" x14ac:dyDescent="0.3">
      <c r="A1266" s="13" t="s">
        <v>22</v>
      </c>
      <c r="B1266" s="14" t="s">
        <v>1</v>
      </c>
      <c r="C1266" s="14" t="s">
        <v>23</v>
      </c>
      <c r="D1266" s="14" t="s">
        <v>24</v>
      </c>
      <c r="E1266" s="15">
        <v>45547</v>
      </c>
      <c r="F1266" s="14" t="s">
        <v>25</v>
      </c>
      <c r="G1266" s="16">
        <v>2.6043188336840295</v>
      </c>
    </row>
    <row r="1267" spans="1:7" x14ac:dyDescent="0.3">
      <c r="A1267" s="13" t="s">
        <v>22</v>
      </c>
      <c r="B1267" s="14" t="s">
        <v>1</v>
      </c>
      <c r="C1267" s="14" t="s">
        <v>23</v>
      </c>
      <c r="D1267" s="14" t="s">
        <v>24</v>
      </c>
      <c r="E1267" s="15">
        <v>45548</v>
      </c>
      <c r="F1267" s="14" t="s">
        <v>25</v>
      </c>
      <c r="G1267" s="16">
        <v>2.6136222373128146</v>
      </c>
    </row>
    <row r="1268" spans="1:7" x14ac:dyDescent="0.3">
      <c r="A1268" s="13" t="s">
        <v>22</v>
      </c>
      <c r="B1268" s="14" t="s">
        <v>1</v>
      </c>
      <c r="C1268" s="14" t="s">
        <v>23</v>
      </c>
      <c r="D1268" s="14" t="s">
        <v>24</v>
      </c>
      <c r="E1268" s="15">
        <v>45549</v>
      </c>
      <c r="F1268" s="14" t="s">
        <v>25</v>
      </c>
      <c r="G1268" s="16">
        <v>2.6136222373128146</v>
      </c>
    </row>
    <row r="1269" spans="1:7" x14ac:dyDescent="0.3">
      <c r="A1269" s="13" t="s">
        <v>22</v>
      </c>
      <c r="B1269" s="14" t="s">
        <v>1</v>
      </c>
      <c r="C1269" s="14" t="s">
        <v>23</v>
      </c>
      <c r="D1269" s="14" t="s">
        <v>24</v>
      </c>
      <c r="E1269" s="15">
        <v>45550</v>
      </c>
      <c r="F1269" s="14" t="s">
        <v>25</v>
      </c>
      <c r="G1269" s="16">
        <v>2.6136222373128146</v>
      </c>
    </row>
    <row r="1270" spans="1:7" x14ac:dyDescent="0.3">
      <c r="A1270" s="13" t="s">
        <v>22</v>
      </c>
      <c r="B1270" s="14" t="s">
        <v>1</v>
      </c>
      <c r="C1270" s="14" t="s">
        <v>23</v>
      </c>
      <c r="D1270" s="14" t="s">
        <v>24</v>
      </c>
      <c r="E1270" s="15">
        <v>45551</v>
      </c>
      <c r="F1270" s="14" t="s">
        <v>25</v>
      </c>
      <c r="G1270" s="16">
        <v>2.6163728408140741</v>
      </c>
    </row>
    <row r="1271" spans="1:7" x14ac:dyDescent="0.3">
      <c r="A1271" s="13" t="s">
        <v>22</v>
      </c>
      <c r="B1271" s="14" t="s">
        <v>1</v>
      </c>
      <c r="C1271" s="14" t="s">
        <v>23</v>
      </c>
      <c r="D1271" s="14" t="s">
        <v>24</v>
      </c>
      <c r="E1271" s="15">
        <v>45552</v>
      </c>
      <c r="F1271" s="14" t="s">
        <v>25</v>
      </c>
      <c r="G1271" s="16">
        <v>2.6722745783830191</v>
      </c>
    </row>
    <row r="1272" spans="1:7" x14ac:dyDescent="0.3">
      <c r="A1272" s="13" t="s">
        <v>22</v>
      </c>
      <c r="B1272" s="14" t="s">
        <v>1</v>
      </c>
      <c r="C1272" s="14" t="s">
        <v>23</v>
      </c>
      <c r="D1272" s="14" t="s">
        <v>24</v>
      </c>
      <c r="E1272" s="15">
        <v>45553</v>
      </c>
      <c r="F1272" s="14" t="s">
        <v>25</v>
      </c>
      <c r="G1272" s="16">
        <v>2.685636117893718</v>
      </c>
    </row>
    <row r="1273" spans="1:7" x14ac:dyDescent="0.3">
      <c r="A1273" s="13" t="s">
        <v>22</v>
      </c>
      <c r="B1273" s="14" t="s">
        <v>1</v>
      </c>
      <c r="C1273" s="14" t="s">
        <v>23</v>
      </c>
      <c r="D1273" s="14" t="s">
        <v>24</v>
      </c>
      <c r="E1273" s="15">
        <v>45554</v>
      </c>
      <c r="F1273" s="14" t="s">
        <v>25</v>
      </c>
      <c r="G1273" s="16">
        <v>2.7059547424622687</v>
      </c>
    </row>
    <row r="1274" spans="1:7" x14ac:dyDescent="0.3">
      <c r="A1274" s="13" t="s">
        <v>22</v>
      </c>
      <c r="B1274" s="14" t="s">
        <v>1</v>
      </c>
      <c r="C1274" s="14" t="s">
        <v>23</v>
      </c>
      <c r="D1274" s="14" t="s">
        <v>24</v>
      </c>
      <c r="E1274" s="15">
        <v>45555</v>
      </c>
      <c r="F1274" s="14" t="s">
        <v>25</v>
      </c>
      <c r="G1274" s="16">
        <v>2.730243605579362</v>
      </c>
    </row>
    <row r="1275" spans="1:7" x14ac:dyDescent="0.3">
      <c r="A1275" s="13" t="s">
        <v>22</v>
      </c>
      <c r="B1275" s="14" t="s">
        <v>1</v>
      </c>
      <c r="C1275" s="14" t="s">
        <v>23</v>
      </c>
      <c r="D1275" s="14" t="s">
        <v>24</v>
      </c>
      <c r="E1275" s="15">
        <v>45556</v>
      </c>
      <c r="F1275" s="14" t="s">
        <v>25</v>
      </c>
      <c r="G1275" s="16">
        <v>2.730243605579362</v>
      </c>
    </row>
    <row r="1276" spans="1:7" x14ac:dyDescent="0.3">
      <c r="A1276" s="13" t="s">
        <v>22</v>
      </c>
      <c r="B1276" s="14" t="s">
        <v>1</v>
      </c>
      <c r="C1276" s="14" t="s">
        <v>23</v>
      </c>
      <c r="D1276" s="14" t="s">
        <v>24</v>
      </c>
      <c r="E1276" s="15">
        <v>45557</v>
      </c>
      <c r="F1276" s="14" t="s">
        <v>25</v>
      </c>
      <c r="G1276" s="16">
        <v>2.730243605579362</v>
      </c>
    </row>
    <row r="1277" spans="1:7" x14ac:dyDescent="0.3">
      <c r="A1277" s="13" t="s">
        <v>22</v>
      </c>
      <c r="B1277" s="14" t="s">
        <v>1</v>
      </c>
      <c r="C1277" s="14" t="s">
        <v>23</v>
      </c>
      <c r="D1277" s="14" t="s">
        <v>24</v>
      </c>
      <c r="E1277" s="15">
        <v>45558</v>
      </c>
      <c r="F1277" s="14" t="s">
        <v>25</v>
      </c>
      <c r="G1277" s="16">
        <v>2.7383832758579825</v>
      </c>
    </row>
    <row r="1278" spans="1:7" x14ac:dyDescent="0.3">
      <c r="A1278" s="13" t="s">
        <v>22</v>
      </c>
      <c r="B1278" s="14" t="s">
        <v>1</v>
      </c>
      <c r="C1278" s="14" t="s">
        <v>23</v>
      </c>
      <c r="D1278" s="14" t="s">
        <v>24</v>
      </c>
      <c r="E1278" s="15">
        <v>45559</v>
      </c>
      <c r="F1278" s="14" t="s">
        <v>25</v>
      </c>
      <c r="G1278" s="16">
        <v>2.7860483960920406</v>
      </c>
    </row>
    <row r="1279" spans="1:7" x14ac:dyDescent="0.3">
      <c r="A1279" s="13" t="s">
        <v>22</v>
      </c>
      <c r="B1279" s="14" t="s">
        <v>1</v>
      </c>
      <c r="C1279" s="14" t="s">
        <v>23</v>
      </c>
      <c r="D1279" s="14" t="s">
        <v>24</v>
      </c>
      <c r="E1279" s="15">
        <v>45560</v>
      </c>
      <c r="F1279" s="14" t="s">
        <v>25</v>
      </c>
      <c r="G1279" s="16">
        <v>2.826248123521931</v>
      </c>
    </row>
    <row r="1280" spans="1:7" x14ac:dyDescent="0.3">
      <c r="A1280" s="13" t="s">
        <v>22</v>
      </c>
      <c r="B1280" s="14" t="s">
        <v>1</v>
      </c>
      <c r="C1280" s="14" t="s">
        <v>23</v>
      </c>
      <c r="D1280" s="14" t="s">
        <v>24</v>
      </c>
      <c r="E1280" s="15">
        <v>45561</v>
      </c>
      <c r="F1280" s="14" t="s">
        <v>25</v>
      </c>
      <c r="G1280" s="16">
        <v>2.8286102947687777</v>
      </c>
    </row>
    <row r="1281" spans="1:7" x14ac:dyDescent="0.3">
      <c r="A1281" s="13" t="s">
        <v>22</v>
      </c>
      <c r="B1281" s="14" t="s">
        <v>1</v>
      </c>
      <c r="C1281" s="14" t="s">
        <v>23</v>
      </c>
      <c r="D1281" s="14" t="s">
        <v>24</v>
      </c>
      <c r="E1281" s="15">
        <v>45562</v>
      </c>
      <c r="F1281" s="14" t="s">
        <v>25</v>
      </c>
      <c r="G1281" s="16">
        <v>2.8291146348239833</v>
      </c>
    </row>
    <row r="1282" spans="1:7" x14ac:dyDescent="0.3">
      <c r="A1282" s="13" t="s">
        <v>22</v>
      </c>
      <c r="B1282" s="14" t="s">
        <v>1</v>
      </c>
      <c r="C1282" s="14" t="s">
        <v>23</v>
      </c>
      <c r="D1282" s="14" t="s">
        <v>24</v>
      </c>
      <c r="E1282" s="15">
        <v>45563</v>
      </c>
      <c r="F1282" s="14" t="s">
        <v>25</v>
      </c>
      <c r="G1282" s="16">
        <v>2.8291146348239833</v>
      </c>
    </row>
    <row r="1283" spans="1:7" x14ac:dyDescent="0.3">
      <c r="A1283" s="13" t="s">
        <v>22</v>
      </c>
      <c r="B1283" s="14" t="s">
        <v>1</v>
      </c>
      <c r="C1283" s="14" t="s">
        <v>23</v>
      </c>
      <c r="D1283" s="14" t="s">
        <v>24</v>
      </c>
      <c r="E1283" s="15">
        <v>45564</v>
      </c>
      <c r="F1283" s="14" t="s">
        <v>25</v>
      </c>
      <c r="G1283" s="16">
        <v>2.8291146348239833</v>
      </c>
    </row>
    <row r="1284" spans="1:7" x14ac:dyDescent="0.3">
      <c r="A1284" s="13" t="s">
        <v>22</v>
      </c>
      <c r="B1284" s="14" t="s">
        <v>1</v>
      </c>
      <c r="C1284" s="14" t="s">
        <v>23</v>
      </c>
      <c r="D1284" s="14" t="s">
        <v>24</v>
      </c>
      <c r="E1284" s="15">
        <v>45565</v>
      </c>
      <c r="F1284" s="14" t="s">
        <v>25</v>
      </c>
      <c r="G1284" s="16">
        <v>2.8624916246176983</v>
      </c>
    </row>
    <row r="1285" spans="1:7" x14ac:dyDescent="0.3">
      <c r="A1285" s="13" t="s">
        <v>22</v>
      </c>
      <c r="B1285" s="14" t="s">
        <v>1</v>
      </c>
      <c r="C1285" s="14" t="s">
        <v>23</v>
      </c>
      <c r="D1285" s="14" t="s">
        <v>24</v>
      </c>
      <c r="E1285" s="15">
        <v>45566</v>
      </c>
      <c r="F1285" s="14" t="s">
        <v>25</v>
      </c>
      <c r="G1285" s="16">
        <v>2.9157349062781726</v>
      </c>
    </row>
    <row r="1286" spans="1:7" x14ac:dyDescent="0.3">
      <c r="A1286" s="13" t="s">
        <v>22</v>
      </c>
      <c r="B1286" s="14" t="s">
        <v>1</v>
      </c>
      <c r="C1286" s="14" t="s">
        <v>23</v>
      </c>
      <c r="D1286" s="14" t="s">
        <v>24</v>
      </c>
      <c r="E1286" s="15">
        <v>45567</v>
      </c>
      <c r="F1286" s="14" t="s">
        <v>25</v>
      </c>
      <c r="G1286" s="16">
        <v>2.9432139886150002</v>
      </c>
    </row>
    <row r="1287" spans="1:7" x14ac:dyDescent="0.3">
      <c r="A1287" s="13" t="s">
        <v>22</v>
      </c>
      <c r="B1287" s="14" t="s">
        <v>1</v>
      </c>
      <c r="C1287" s="14" t="s">
        <v>23</v>
      </c>
      <c r="D1287" s="14" t="s">
        <v>24</v>
      </c>
      <c r="E1287" s="15">
        <v>45568</v>
      </c>
      <c r="F1287" s="14" t="s">
        <v>25</v>
      </c>
      <c r="G1287" s="16">
        <v>2.9613966019482607</v>
      </c>
    </row>
    <row r="1288" spans="1:7" x14ac:dyDescent="0.3">
      <c r="A1288" s="13" t="s">
        <v>22</v>
      </c>
      <c r="B1288" s="14" t="s">
        <v>1</v>
      </c>
      <c r="C1288" s="14" t="s">
        <v>23</v>
      </c>
      <c r="D1288" s="14" t="s">
        <v>24</v>
      </c>
      <c r="E1288" s="15">
        <v>45569</v>
      </c>
      <c r="F1288" s="14" t="s">
        <v>25</v>
      </c>
      <c r="G1288" s="16">
        <v>2.9961227681221301</v>
      </c>
    </row>
    <row r="1289" spans="1:7" x14ac:dyDescent="0.3">
      <c r="A1289" s="13" t="s">
        <v>22</v>
      </c>
      <c r="B1289" s="14" t="s">
        <v>1</v>
      </c>
      <c r="C1289" s="14" t="s">
        <v>23</v>
      </c>
      <c r="D1289" s="14" t="s">
        <v>24</v>
      </c>
      <c r="E1289" s="15">
        <v>45570</v>
      </c>
      <c r="F1289" s="14" t="s">
        <v>25</v>
      </c>
      <c r="G1289" s="16">
        <v>2.9961227681221301</v>
      </c>
    </row>
    <row r="1290" spans="1:7" x14ac:dyDescent="0.3">
      <c r="A1290" s="13" t="s">
        <v>22</v>
      </c>
      <c r="B1290" s="14" t="s">
        <v>1</v>
      </c>
      <c r="C1290" s="14" t="s">
        <v>23</v>
      </c>
      <c r="D1290" s="14" t="s">
        <v>24</v>
      </c>
      <c r="E1290" s="15">
        <v>45571</v>
      </c>
      <c r="F1290" s="14" t="s">
        <v>25</v>
      </c>
      <c r="G1290" s="16">
        <v>2.9961227681221301</v>
      </c>
    </row>
    <row r="1291" spans="1:7" x14ac:dyDescent="0.3">
      <c r="A1291" s="13" t="s">
        <v>22</v>
      </c>
      <c r="B1291" s="14" t="s">
        <v>1</v>
      </c>
      <c r="C1291" s="14" t="s">
        <v>23</v>
      </c>
      <c r="D1291" s="14" t="s">
        <v>24</v>
      </c>
      <c r="E1291" s="15">
        <v>45572</v>
      </c>
      <c r="F1291" s="14" t="s">
        <v>25</v>
      </c>
      <c r="G1291" s="16">
        <v>3.0247241948590777</v>
      </c>
    </row>
    <row r="1292" spans="1:7" x14ac:dyDescent="0.3">
      <c r="A1292" s="13" t="s">
        <v>22</v>
      </c>
      <c r="B1292" s="14" t="s">
        <v>1</v>
      </c>
      <c r="C1292" s="14" t="s">
        <v>23</v>
      </c>
      <c r="D1292" s="14" t="s">
        <v>24</v>
      </c>
      <c r="E1292" s="15">
        <v>45573</v>
      </c>
      <c r="F1292" s="14" t="s">
        <v>25</v>
      </c>
      <c r="G1292" s="16">
        <v>3.0854372858303867</v>
      </c>
    </row>
    <row r="1293" spans="1:7" x14ac:dyDescent="0.3">
      <c r="A1293" s="13" t="s">
        <v>22</v>
      </c>
      <c r="B1293" s="14" t="s">
        <v>1</v>
      </c>
      <c r="C1293" s="14" t="s">
        <v>23</v>
      </c>
      <c r="D1293" s="14" t="s">
        <v>24</v>
      </c>
      <c r="E1293" s="15">
        <v>45574</v>
      </c>
      <c r="F1293" s="14" t="s">
        <v>25</v>
      </c>
      <c r="G1293" s="16">
        <v>3.1158611276214958</v>
      </c>
    </row>
    <row r="1294" spans="1:7" x14ac:dyDescent="0.3">
      <c r="A1294" s="13" t="s">
        <v>22</v>
      </c>
      <c r="B1294" s="14" t="s">
        <v>1</v>
      </c>
      <c r="C1294" s="14" t="s">
        <v>23</v>
      </c>
      <c r="D1294" s="14" t="s">
        <v>24</v>
      </c>
      <c r="E1294" s="15">
        <v>45575</v>
      </c>
      <c r="F1294" s="14" t="s">
        <v>25</v>
      </c>
      <c r="G1294" s="16">
        <v>3.1168924796061712</v>
      </c>
    </row>
    <row r="1295" spans="1:7" x14ac:dyDescent="0.3">
      <c r="A1295" s="13" t="s">
        <v>22</v>
      </c>
      <c r="B1295" s="14" t="s">
        <v>1</v>
      </c>
      <c r="C1295" s="14" t="s">
        <v>23</v>
      </c>
      <c r="D1295" s="14" t="s">
        <v>24</v>
      </c>
      <c r="E1295" s="15">
        <v>45576</v>
      </c>
      <c r="F1295" s="14" t="s">
        <v>25</v>
      </c>
      <c r="G1295" s="16">
        <v>3.1369693554826781</v>
      </c>
    </row>
    <row r="1296" spans="1:7" x14ac:dyDescent="0.3">
      <c r="A1296" s="13" t="s">
        <v>22</v>
      </c>
      <c r="B1296" s="14" t="s">
        <v>1</v>
      </c>
      <c r="C1296" s="14" t="s">
        <v>23</v>
      </c>
      <c r="D1296" s="14" t="s">
        <v>24</v>
      </c>
      <c r="E1296" s="15">
        <v>45577</v>
      </c>
      <c r="F1296" s="14" t="s">
        <v>25</v>
      </c>
      <c r="G1296" s="16">
        <v>3.1369693554826781</v>
      </c>
    </row>
    <row r="1297" spans="1:7" x14ac:dyDescent="0.3">
      <c r="A1297" s="13" t="s">
        <v>22</v>
      </c>
      <c r="B1297" s="14" t="s">
        <v>1</v>
      </c>
      <c r="C1297" s="14" t="s">
        <v>23</v>
      </c>
      <c r="D1297" s="14" t="s">
        <v>24</v>
      </c>
      <c r="E1297" s="15">
        <v>45578</v>
      </c>
      <c r="F1297" s="14" t="s">
        <v>25</v>
      </c>
      <c r="G1297" s="16">
        <v>3.1369693554826781</v>
      </c>
    </row>
    <row r="1298" spans="1:7" x14ac:dyDescent="0.3">
      <c r="A1298" s="13" t="s">
        <v>22</v>
      </c>
      <c r="B1298" s="14" t="s">
        <v>1</v>
      </c>
      <c r="C1298" s="14" t="s">
        <v>23</v>
      </c>
      <c r="D1298" s="14" t="s">
        <v>24</v>
      </c>
      <c r="E1298" s="15">
        <v>45579</v>
      </c>
      <c r="F1298" s="14" t="s">
        <v>25</v>
      </c>
      <c r="G1298" s="16">
        <v>3.1369693554826781</v>
      </c>
    </row>
    <row r="1299" spans="1:7" x14ac:dyDescent="0.3">
      <c r="A1299" s="13" t="s">
        <v>22</v>
      </c>
      <c r="B1299" s="14" t="s">
        <v>1</v>
      </c>
      <c r="C1299" s="14" t="s">
        <v>23</v>
      </c>
      <c r="D1299" s="14" t="s">
        <v>24</v>
      </c>
      <c r="E1299" s="15">
        <v>45580</v>
      </c>
      <c r="F1299" s="14" t="s">
        <v>25</v>
      </c>
      <c r="G1299" s="16">
        <v>3.170797198144907</v>
      </c>
    </row>
    <row r="1300" spans="1:7" x14ac:dyDescent="0.3">
      <c r="A1300" s="13" t="s">
        <v>22</v>
      </c>
      <c r="B1300" s="14" t="s">
        <v>1</v>
      </c>
      <c r="C1300" s="14" t="s">
        <v>23</v>
      </c>
      <c r="D1300" s="14" t="s">
        <v>24</v>
      </c>
      <c r="E1300" s="15">
        <v>45581</v>
      </c>
      <c r="F1300" s="14" t="s">
        <v>25</v>
      </c>
      <c r="G1300" s="16">
        <v>3.2530020486743592</v>
      </c>
    </row>
    <row r="1301" spans="1:7" x14ac:dyDescent="0.3">
      <c r="A1301" s="13" t="s">
        <v>22</v>
      </c>
      <c r="B1301" s="14" t="s">
        <v>1</v>
      </c>
      <c r="C1301" s="14" t="s">
        <v>23</v>
      </c>
      <c r="D1301" s="14" t="s">
        <v>24</v>
      </c>
      <c r="E1301" s="15">
        <v>45582</v>
      </c>
      <c r="F1301" s="14" t="s">
        <v>25</v>
      </c>
      <c r="G1301" s="16">
        <v>3.2708586540802167</v>
      </c>
    </row>
    <row r="1302" spans="1:7" x14ac:dyDescent="0.3">
      <c r="A1302" s="13" t="s">
        <v>22</v>
      </c>
      <c r="B1302" s="14" t="s">
        <v>1</v>
      </c>
      <c r="C1302" s="14" t="s">
        <v>23</v>
      </c>
      <c r="D1302" s="14" t="s">
        <v>24</v>
      </c>
      <c r="E1302" s="15">
        <v>45583</v>
      </c>
      <c r="F1302" s="14" t="s">
        <v>25</v>
      </c>
      <c r="G1302" s="16">
        <v>3.2838107203994311</v>
      </c>
    </row>
    <row r="1303" spans="1:7" x14ac:dyDescent="0.3">
      <c r="A1303" s="13" t="s">
        <v>22</v>
      </c>
      <c r="B1303" s="14" t="s">
        <v>1</v>
      </c>
      <c r="C1303" s="14" t="s">
        <v>23</v>
      </c>
      <c r="D1303" s="14" t="s">
        <v>24</v>
      </c>
      <c r="E1303" s="15">
        <v>45584</v>
      </c>
      <c r="F1303" s="14" t="s">
        <v>25</v>
      </c>
      <c r="G1303" s="16">
        <v>3.2838107203994311</v>
      </c>
    </row>
    <row r="1304" spans="1:7" x14ac:dyDescent="0.3">
      <c r="A1304" s="13" t="s">
        <v>22</v>
      </c>
      <c r="B1304" s="14" t="s">
        <v>1</v>
      </c>
      <c r="C1304" s="14" t="s">
        <v>23</v>
      </c>
      <c r="D1304" s="14" t="s">
        <v>24</v>
      </c>
      <c r="E1304" s="15">
        <v>45585</v>
      </c>
      <c r="F1304" s="14" t="s">
        <v>25</v>
      </c>
      <c r="G1304" s="16">
        <v>3.2838107203994311</v>
      </c>
    </row>
    <row r="1305" spans="1:7" x14ac:dyDescent="0.3">
      <c r="A1305" s="13" t="s">
        <v>22</v>
      </c>
      <c r="B1305" s="14" t="s">
        <v>1</v>
      </c>
      <c r="C1305" s="14" t="s">
        <v>23</v>
      </c>
      <c r="D1305" s="14" t="s">
        <v>24</v>
      </c>
      <c r="E1305" s="15">
        <v>45586</v>
      </c>
      <c r="F1305" s="14" t="s">
        <v>25</v>
      </c>
      <c r="G1305" s="16">
        <v>3.3048681202744743</v>
      </c>
    </row>
    <row r="1306" spans="1:7" x14ac:dyDescent="0.3">
      <c r="A1306" s="13" t="s">
        <v>22</v>
      </c>
      <c r="B1306" s="14" t="s">
        <v>1</v>
      </c>
      <c r="C1306" s="14" t="s">
        <v>23</v>
      </c>
      <c r="D1306" s="14" t="s">
        <v>24</v>
      </c>
      <c r="E1306" s="15">
        <v>45587</v>
      </c>
      <c r="F1306" s="14" t="s">
        <v>25</v>
      </c>
      <c r="G1306" s="16">
        <v>3.3519006545440693</v>
      </c>
    </row>
    <row r="1307" spans="1:7" x14ac:dyDescent="0.3">
      <c r="A1307" s="13" t="s">
        <v>22</v>
      </c>
      <c r="B1307" s="14" t="s">
        <v>1</v>
      </c>
      <c r="C1307" s="14" t="s">
        <v>23</v>
      </c>
      <c r="D1307" s="14" t="s">
        <v>24</v>
      </c>
      <c r="E1307" s="15">
        <v>45588</v>
      </c>
      <c r="F1307" s="14" t="s">
        <v>25</v>
      </c>
      <c r="G1307" s="16">
        <v>3.3725526582265362</v>
      </c>
    </row>
    <row r="1308" spans="1:7" x14ac:dyDescent="0.3">
      <c r="A1308" s="13" t="s">
        <v>22</v>
      </c>
      <c r="B1308" s="14" t="s">
        <v>1</v>
      </c>
      <c r="C1308" s="14" t="s">
        <v>23</v>
      </c>
      <c r="D1308" s="14" t="s">
        <v>24</v>
      </c>
      <c r="E1308" s="15">
        <v>45589</v>
      </c>
      <c r="F1308" s="14" t="s">
        <v>25</v>
      </c>
      <c r="G1308" s="16">
        <v>3.3862523110371536</v>
      </c>
    </row>
    <row r="1309" spans="1:7" x14ac:dyDescent="0.3">
      <c r="A1309" s="13" t="s">
        <v>22</v>
      </c>
      <c r="B1309" s="14" t="s">
        <v>1</v>
      </c>
      <c r="C1309" s="14" t="s">
        <v>23</v>
      </c>
      <c r="D1309" s="14" t="s">
        <v>24</v>
      </c>
      <c r="E1309" s="15">
        <v>45590</v>
      </c>
      <c r="F1309" s="14" t="s">
        <v>25</v>
      </c>
      <c r="G1309" s="16">
        <v>3.4062773978084433</v>
      </c>
    </row>
    <row r="1310" spans="1:7" x14ac:dyDescent="0.3">
      <c r="A1310" s="13" t="s">
        <v>22</v>
      </c>
      <c r="B1310" s="14" t="s">
        <v>1</v>
      </c>
      <c r="C1310" s="14" t="s">
        <v>23</v>
      </c>
      <c r="D1310" s="14" t="s">
        <v>24</v>
      </c>
      <c r="E1310" s="15">
        <v>45591</v>
      </c>
      <c r="F1310" s="14" t="s">
        <v>25</v>
      </c>
      <c r="G1310" s="16">
        <v>3.4062773978084433</v>
      </c>
    </row>
    <row r="1311" spans="1:7" x14ac:dyDescent="0.3">
      <c r="A1311" s="13" t="s">
        <v>22</v>
      </c>
      <c r="B1311" s="14" t="s">
        <v>1</v>
      </c>
      <c r="C1311" s="14" t="s">
        <v>23</v>
      </c>
      <c r="D1311" s="14" t="s">
        <v>24</v>
      </c>
      <c r="E1311" s="15">
        <v>45592</v>
      </c>
      <c r="F1311" s="14" t="s">
        <v>25</v>
      </c>
      <c r="G1311" s="16">
        <v>3.4062773978084433</v>
      </c>
    </row>
    <row r="1312" spans="1:7" x14ac:dyDescent="0.3">
      <c r="A1312" s="13" t="s">
        <v>22</v>
      </c>
      <c r="B1312" s="14" t="s">
        <v>1</v>
      </c>
      <c r="C1312" s="14" t="s">
        <v>23</v>
      </c>
      <c r="D1312" s="14" t="s">
        <v>24</v>
      </c>
      <c r="E1312" s="15">
        <v>45593</v>
      </c>
      <c r="F1312" s="14" t="s">
        <v>25</v>
      </c>
      <c r="G1312" s="16">
        <v>3.4062773978084433</v>
      </c>
    </row>
    <row r="1313" spans="1:7" x14ac:dyDescent="0.3">
      <c r="A1313" s="13" t="s">
        <v>22</v>
      </c>
      <c r="B1313" s="14" t="s">
        <v>1</v>
      </c>
      <c r="C1313" s="14" t="s">
        <v>23</v>
      </c>
      <c r="D1313" s="14" t="s">
        <v>24</v>
      </c>
      <c r="E1313" s="15">
        <v>45594</v>
      </c>
      <c r="F1313" s="14" t="s">
        <v>25</v>
      </c>
      <c r="G1313" s="16">
        <v>3.4277192380176302</v>
      </c>
    </row>
    <row r="1314" spans="1:7" x14ac:dyDescent="0.3">
      <c r="A1314" s="13" t="s">
        <v>22</v>
      </c>
      <c r="B1314" s="14" t="s">
        <v>1</v>
      </c>
      <c r="C1314" s="14" t="s">
        <v>23</v>
      </c>
      <c r="D1314" s="14" t="s">
        <v>24</v>
      </c>
      <c r="E1314" s="15">
        <v>45595</v>
      </c>
      <c r="F1314" s="14" t="s">
        <v>25</v>
      </c>
      <c r="G1314" s="16">
        <v>3.4908468396373964</v>
      </c>
    </row>
    <row r="1315" spans="1:7" x14ac:dyDescent="0.3">
      <c r="A1315" s="13" t="s">
        <v>22</v>
      </c>
      <c r="B1315" s="14" t="s">
        <v>1</v>
      </c>
      <c r="C1315" s="14" t="s">
        <v>23</v>
      </c>
      <c r="D1315" s="14" t="s">
        <v>24</v>
      </c>
      <c r="E1315" s="15">
        <v>45596</v>
      </c>
      <c r="F1315" s="14" t="s">
        <v>25</v>
      </c>
      <c r="G1315" s="16">
        <v>3.4825502509339596</v>
      </c>
    </row>
    <row r="1316" spans="1:7" x14ac:dyDescent="0.3">
      <c r="A1316" s="13" t="s">
        <v>22</v>
      </c>
      <c r="B1316" s="14" t="s">
        <v>1</v>
      </c>
      <c r="C1316" s="14" t="s">
        <v>23</v>
      </c>
      <c r="D1316" s="14" t="s">
        <v>24</v>
      </c>
      <c r="E1316" s="15">
        <v>45597</v>
      </c>
      <c r="F1316" s="14" t="s">
        <v>25</v>
      </c>
      <c r="G1316" s="16">
        <v>3.5237369166562162</v>
      </c>
    </row>
    <row r="1317" spans="1:7" x14ac:dyDescent="0.3">
      <c r="A1317" s="13" t="s">
        <v>22</v>
      </c>
      <c r="B1317" s="14" t="s">
        <v>1</v>
      </c>
      <c r="C1317" s="14" t="s">
        <v>23</v>
      </c>
      <c r="D1317" s="14" t="s">
        <v>24</v>
      </c>
      <c r="E1317" s="15">
        <v>45598</v>
      </c>
      <c r="F1317" s="14" t="s">
        <v>25</v>
      </c>
      <c r="G1317" s="16">
        <v>3.5237369166562162</v>
      </c>
    </row>
    <row r="1318" spans="1:7" x14ac:dyDescent="0.3">
      <c r="A1318" s="13" t="s">
        <v>22</v>
      </c>
      <c r="B1318" s="14" t="s">
        <v>1</v>
      </c>
      <c r="C1318" s="14" t="s">
        <v>23</v>
      </c>
      <c r="D1318" s="14" t="s">
        <v>24</v>
      </c>
      <c r="E1318" s="15">
        <v>45599</v>
      </c>
      <c r="F1318" s="14" t="s">
        <v>25</v>
      </c>
      <c r="G1318" s="16">
        <v>3.5237369166562162</v>
      </c>
    </row>
    <row r="1319" spans="1:7" x14ac:dyDescent="0.3">
      <c r="A1319" s="13" t="s">
        <v>22</v>
      </c>
      <c r="B1319" s="14" t="s">
        <v>1</v>
      </c>
      <c r="C1319" s="14" t="s">
        <v>23</v>
      </c>
      <c r="D1319" s="14" t="s">
        <v>24</v>
      </c>
      <c r="E1319" s="15">
        <v>45600</v>
      </c>
      <c r="F1319" s="14" t="s">
        <v>25</v>
      </c>
      <c r="G1319" s="16">
        <v>3.5071772433005539</v>
      </c>
    </row>
    <row r="1320" spans="1:7" x14ac:dyDescent="0.3">
      <c r="A1320" s="13" t="s">
        <v>22</v>
      </c>
      <c r="B1320" s="14" t="s">
        <v>1</v>
      </c>
      <c r="C1320" s="14" t="s">
        <v>23</v>
      </c>
      <c r="D1320" s="14" t="s">
        <v>24</v>
      </c>
      <c r="E1320" s="15">
        <v>45601</v>
      </c>
      <c r="F1320" s="14" t="s">
        <v>25</v>
      </c>
      <c r="G1320" s="16">
        <v>3.5523213221528778</v>
      </c>
    </row>
    <row r="1321" spans="1:7" x14ac:dyDescent="0.3">
      <c r="A1321" s="13" t="s">
        <v>22</v>
      </c>
      <c r="B1321" s="14" t="s">
        <v>1</v>
      </c>
      <c r="C1321" s="14" t="s">
        <v>23</v>
      </c>
      <c r="D1321" s="14" t="s">
        <v>24</v>
      </c>
      <c r="E1321" s="15">
        <v>45602</v>
      </c>
      <c r="F1321" s="14" t="s">
        <v>25</v>
      </c>
      <c r="G1321" s="16">
        <v>3.6242968084266591</v>
      </c>
    </row>
    <row r="1322" spans="1:7" x14ac:dyDescent="0.3">
      <c r="A1322" s="13" t="s">
        <v>22</v>
      </c>
      <c r="B1322" s="14" t="s">
        <v>1</v>
      </c>
      <c r="C1322" s="14" t="s">
        <v>23</v>
      </c>
      <c r="D1322" s="14" t="s">
        <v>24</v>
      </c>
      <c r="E1322" s="15">
        <v>45603</v>
      </c>
      <c r="F1322" s="14" t="s">
        <v>25</v>
      </c>
      <c r="G1322" s="16">
        <v>3.626893257798852</v>
      </c>
    </row>
    <row r="1323" spans="1:7" x14ac:dyDescent="0.3">
      <c r="A1323" s="13" t="s">
        <v>22</v>
      </c>
      <c r="B1323" s="14" t="s">
        <v>1</v>
      </c>
      <c r="C1323" s="14" t="s">
        <v>23</v>
      </c>
      <c r="D1323" s="14" t="s">
        <v>24</v>
      </c>
      <c r="E1323" s="15">
        <v>45604</v>
      </c>
      <c r="F1323" s="14" t="s">
        <v>25</v>
      </c>
      <c r="G1323" s="16">
        <v>3.6556647281545613</v>
      </c>
    </row>
    <row r="1324" spans="1:7" x14ac:dyDescent="0.3">
      <c r="A1324" s="13" t="s">
        <v>22</v>
      </c>
      <c r="B1324" s="14" t="s">
        <v>1</v>
      </c>
      <c r="C1324" s="14" t="s">
        <v>23</v>
      </c>
      <c r="D1324" s="14" t="s">
        <v>24</v>
      </c>
      <c r="E1324" s="15">
        <v>45605</v>
      </c>
      <c r="F1324" s="14" t="s">
        <v>25</v>
      </c>
      <c r="G1324" s="16">
        <v>3.6556647281545613</v>
      </c>
    </row>
    <row r="1325" spans="1:7" x14ac:dyDescent="0.3">
      <c r="A1325" s="13" t="s">
        <v>22</v>
      </c>
      <c r="B1325" s="14" t="s">
        <v>1</v>
      </c>
      <c r="C1325" s="14" t="s">
        <v>23</v>
      </c>
      <c r="D1325" s="14" t="s">
        <v>24</v>
      </c>
      <c r="E1325" s="15">
        <v>45606</v>
      </c>
      <c r="F1325" s="14" t="s">
        <v>25</v>
      </c>
      <c r="G1325" s="16">
        <v>3.6556647281545613</v>
      </c>
    </row>
    <row r="1326" spans="1:7" x14ac:dyDescent="0.3">
      <c r="A1326" s="13" t="s">
        <v>22</v>
      </c>
      <c r="B1326" s="14" t="s">
        <v>1</v>
      </c>
      <c r="C1326" s="14" t="s">
        <v>23</v>
      </c>
      <c r="D1326" s="14" t="s">
        <v>24</v>
      </c>
      <c r="E1326" s="15">
        <v>45607</v>
      </c>
      <c r="F1326" s="14" t="s">
        <v>25</v>
      </c>
      <c r="G1326" s="16">
        <v>3.6556647281545613</v>
      </c>
    </row>
    <row r="1327" spans="1:7" x14ac:dyDescent="0.3">
      <c r="A1327" s="13" t="s">
        <v>22</v>
      </c>
      <c r="B1327" s="14" t="s">
        <v>1</v>
      </c>
      <c r="C1327" s="14" t="s">
        <v>23</v>
      </c>
      <c r="D1327" s="14" t="s">
        <v>24</v>
      </c>
      <c r="E1327" s="15">
        <v>45608</v>
      </c>
      <c r="F1327" s="14" t="s">
        <v>25</v>
      </c>
      <c r="G1327" s="16">
        <v>3.6977237031315418</v>
      </c>
    </row>
    <row r="1328" spans="1:7" x14ac:dyDescent="0.3">
      <c r="A1328" s="13" t="s">
        <v>22</v>
      </c>
      <c r="B1328" s="14" t="s">
        <v>1</v>
      </c>
      <c r="C1328" s="14" t="s">
        <v>23</v>
      </c>
      <c r="D1328" s="14" t="s">
        <v>24</v>
      </c>
      <c r="E1328" s="15">
        <v>45609</v>
      </c>
      <c r="F1328" s="14" t="s">
        <v>25</v>
      </c>
      <c r="G1328" s="16">
        <v>3.7961462552599299</v>
      </c>
    </row>
    <row r="1329" spans="1:7" x14ac:dyDescent="0.3">
      <c r="A1329" s="13" t="s">
        <v>22</v>
      </c>
      <c r="B1329" s="14" t="s">
        <v>1</v>
      </c>
      <c r="C1329" s="14" t="s">
        <v>23</v>
      </c>
      <c r="D1329" s="14" t="s">
        <v>24</v>
      </c>
      <c r="E1329" s="15">
        <v>45610</v>
      </c>
      <c r="F1329" s="14" t="s">
        <v>25</v>
      </c>
      <c r="G1329" s="16">
        <v>3.8304175709162926</v>
      </c>
    </row>
    <row r="1330" spans="1:7" x14ac:dyDescent="0.3">
      <c r="A1330" s="13" t="s">
        <v>22</v>
      </c>
      <c r="B1330" s="14" t="s">
        <v>1</v>
      </c>
      <c r="C1330" s="14" t="s">
        <v>23</v>
      </c>
      <c r="D1330" s="14" t="s">
        <v>24</v>
      </c>
      <c r="E1330" s="15">
        <v>45611</v>
      </c>
      <c r="F1330" s="14" t="s">
        <v>25</v>
      </c>
      <c r="G1330" s="16">
        <v>3.8376122608159582</v>
      </c>
    </row>
    <row r="1331" spans="1:7" x14ac:dyDescent="0.3">
      <c r="A1331" s="13" t="s">
        <v>22</v>
      </c>
      <c r="B1331" s="14" t="s">
        <v>1</v>
      </c>
      <c r="C1331" s="14" t="s">
        <v>23</v>
      </c>
      <c r="D1331" s="14" t="s">
        <v>24</v>
      </c>
      <c r="E1331" s="15">
        <v>45612</v>
      </c>
      <c r="F1331" s="14" t="s">
        <v>25</v>
      </c>
      <c r="G1331" s="16">
        <v>3.8376122608159582</v>
      </c>
    </row>
    <row r="1332" spans="1:7" x14ac:dyDescent="0.3">
      <c r="A1332" s="13" t="s">
        <v>22</v>
      </c>
      <c r="B1332" s="14" t="s">
        <v>1</v>
      </c>
      <c r="C1332" s="14" t="s">
        <v>23</v>
      </c>
      <c r="D1332" s="14" t="s">
        <v>24</v>
      </c>
      <c r="E1332" s="15">
        <v>45613</v>
      </c>
      <c r="F1332" s="14" t="s">
        <v>25</v>
      </c>
      <c r="G1332" s="16">
        <v>3.8376122608159582</v>
      </c>
    </row>
    <row r="1333" spans="1:7" x14ac:dyDescent="0.3">
      <c r="A1333" s="13" t="s">
        <v>22</v>
      </c>
      <c r="B1333" s="14" t="s">
        <v>1</v>
      </c>
      <c r="C1333" s="14" t="s">
        <v>23</v>
      </c>
      <c r="D1333" s="14" t="s">
        <v>24</v>
      </c>
      <c r="E1333" s="15">
        <v>45614</v>
      </c>
      <c r="F1333" s="14" t="s">
        <v>25</v>
      </c>
      <c r="G1333" s="16">
        <v>3.8320750664996708</v>
      </c>
    </row>
    <row r="1334" spans="1:7" x14ac:dyDescent="0.3">
      <c r="A1334" s="13" t="s">
        <v>22</v>
      </c>
      <c r="B1334" s="14" t="s">
        <v>1</v>
      </c>
      <c r="C1334" s="14" t="s">
        <v>23</v>
      </c>
      <c r="D1334" s="14" t="s">
        <v>24</v>
      </c>
      <c r="E1334" s="15">
        <v>45615</v>
      </c>
      <c r="F1334" s="14" t="s">
        <v>25</v>
      </c>
      <c r="G1334" s="16">
        <v>3.8760881155996048</v>
      </c>
    </row>
    <row r="1335" spans="1:7" x14ac:dyDescent="0.3">
      <c r="A1335" s="13" t="s">
        <v>22</v>
      </c>
      <c r="B1335" s="14" t="s">
        <v>1</v>
      </c>
      <c r="C1335" s="14" t="s">
        <v>23</v>
      </c>
      <c r="D1335" s="14" t="s">
        <v>24</v>
      </c>
      <c r="E1335" s="15">
        <v>45616</v>
      </c>
      <c r="F1335" s="14" t="s">
        <v>25</v>
      </c>
      <c r="G1335" s="16">
        <v>3.8998934990196714</v>
      </c>
    </row>
    <row r="1336" spans="1:7" x14ac:dyDescent="0.3">
      <c r="A1336" s="13" t="s">
        <v>22</v>
      </c>
      <c r="B1336" s="14" t="s">
        <v>1</v>
      </c>
      <c r="C1336" s="14" t="s">
        <v>23</v>
      </c>
      <c r="D1336" s="14" t="s">
        <v>24</v>
      </c>
      <c r="E1336" s="15">
        <v>45617</v>
      </c>
      <c r="F1336" s="14" t="s">
        <v>25</v>
      </c>
      <c r="G1336" s="16">
        <v>3.9281090676376884</v>
      </c>
    </row>
    <row r="1337" spans="1:7" x14ac:dyDescent="0.3">
      <c r="A1337" s="13" t="s">
        <v>22</v>
      </c>
      <c r="B1337" s="14" t="s">
        <v>1</v>
      </c>
      <c r="C1337" s="14" t="s">
        <v>23</v>
      </c>
      <c r="D1337" s="14" t="s">
        <v>24</v>
      </c>
      <c r="E1337" s="15">
        <v>45618</v>
      </c>
      <c r="F1337" s="14" t="s">
        <v>25</v>
      </c>
      <c r="G1337" s="16">
        <v>3.9764790723754104</v>
      </c>
    </row>
    <row r="1338" spans="1:7" x14ac:dyDescent="0.3">
      <c r="A1338" s="13" t="s">
        <v>22</v>
      </c>
      <c r="B1338" s="14" t="s">
        <v>1</v>
      </c>
      <c r="C1338" s="14" t="s">
        <v>23</v>
      </c>
      <c r="D1338" s="14" t="s">
        <v>24</v>
      </c>
      <c r="E1338" s="15">
        <v>45619</v>
      </c>
      <c r="F1338" s="14" t="s">
        <v>25</v>
      </c>
      <c r="G1338" s="16">
        <v>3.9764790723754104</v>
      </c>
    </row>
    <row r="1339" spans="1:7" x14ac:dyDescent="0.3">
      <c r="A1339" s="13" t="s">
        <v>22</v>
      </c>
      <c r="B1339" s="14" t="s">
        <v>1</v>
      </c>
      <c r="C1339" s="14" t="s">
        <v>23</v>
      </c>
      <c r="D1339" s="14" t="s">
        <v>24</v>
      </c>
      <c r="E1339" s="15">
        <v>45620</v>
      </c>
      <c r="F1339" s="14" t="s">
        <v>25</v>
      </c>
      <c r="G1339" s="16">
        <v>3.9764790723754104</v>
      </c>
    </row>
    <row r="1340" spans="1:7" x14ac:dyDescent="0.3">
      <c r="A1340" s="13" t="s">
        <v>22</v>
      </c>
      <c r="B1340" s="14" t="s">
        <v>1</v>
      </c>
      <c r="C1340" s="14" t="s">
        <v>23</v>
      </c>
      <c r="D1340" s="14" t="s">
        <v>24</v>
      </c>
      <c r="E1340" s="15">
        <v>45621</v>
      </c>
      <c r="F1340" s="14" t="s">
        <v>25</v>
      </c>
      <c r="G1340" s="16">
        <v>3.9580227233859837</v>
      </c>
    </row>
    <row r="1341" spans="1:7" x14ac:dyDescent="0.3">
      <c r="A1341" s="13" t="s">
        <v>22</v>
      </c>
      <c r="B1341" s="14" t="s">
        <v>1</v>
      </c>
      <c r="C1341" s="14" t="s">
        <v>23</v>
      </c>
      <c r="D1341" s="14" t="s">
        <v>24</v>
      </c>
      <c r="E1341" s="15">
        <v>45622</v>
      </c>
      <c r="F1341" s="14" t="s">
        <v>25</v>
      </c>
      <c r="G1341" s="16">
        <v>4.0074558176007962</v>
      </c>
    </row>
    <row r="1342" spans="1:7" x14ac:dyDescent="0.3">
      <c r="A1342" s="13" t="s">
        <v>22</v>
      </c>
      <c r="B1342" s="14" t="s">
        <v>1</v>
      </c>
      <c r="C1342" s="14" t="s">
        <v>23</v>
      </c>
      <c r="D1342" s="14" t="s">
        <v>24</v>
      </c>
      <c r="E1342" s="15">
        <v>45623</v>
      </c>
      <c r="F1342" s="14" t="s">
        <v>25</v>
      </c>
      <c r="G1342" s="16">
        <v>4.0032750406382869</v>
      </c>
    </row>
    <row r="1343" spans="1:7" x14ac:dyDescent="0.3">
      <c r="A1343" s="13" t="s">
        <v>22</v>
      </c>
      <c r="B1343" s="14" t="s">
        <v>1</v>
      </c>
      <c r="C1343" s="14" t="s">
        <v>23</v>
      </c>
      <c r="D1343" s="14" t="s">
        <v>24</v>
      </c>
      <c r="E1343" s="15">
        <v>45624</v>
      </c>
      <c r="F1343" s="14" t="s">
        <v>25</v>
      </c>
      <c r="G1343" s="16">
        <v>4.0032750406382869</v>
      </c>
    </row>
    <row r="1344" spans="1:7" x14ac:dyDescent="0.3">
      <c r="A1344" s="13" t="s">
        <v>22</v>
      </c>
      <c r="B1344" s="14" t="s">
        <v>1</v>
      </c>
      <c r="C1344" s="14" t="s">
        <v>23</v>
      </c>
      <c r="D1344" s="14" t="s">
        <v>24</v>
      </c>
      <c r="E1344" s="15">
        <v>45625</v>
      </c>
      <c r="F1344" s="14" t="s">
        <v>25</v>
      </c>
      <c r="G1344" s="16">
        <v>4.0200482638926749</v>
      </c>
    </row>
    <row r="1345" spans="1:7" x14ac:dyDescent="0.3">
      <c r="A1345" s="13" t="s">
        <v>22</v>
      </c>
      <c r="B1345" s="14" t="s">
        <v>1</v>
      </c>
      <c r="C1345" s="14" t="s">
        <v>23</v>
      </c>
      <c r="D1345" s="14" t="s">
        <v>24</v>
      </c>
      <c r="E1345" s="15">
        <v>45626</v>
      </c>
      <c r="F1345" s="14" t="s">
        <v>25</v>
      </c>
      <c r="G1345" s="16">
        <v>4.0200482638926749</v>
      </c>
    </row>
    <row r="1346" spans="1:7" x14ac:dyDescent="0.3">
      <c r="A1346" s="13" t="s">
        <v>22</v>
      </c>
      <c r="B1346" s="14" t="s">
        <v>1</v>
      </c>
      <c r="C1346" s="14" t="s">
        <v>23</v>
      </c>
      <c r="D1346" s="14" t="s">
        <v>24</v>
      </c>
      <c r="E1346" s="15">
        <v>45627</v>
      </c>
      <c r="F1346" s="14" t="s">
        <v>25</v>
      </c>
      <c r="G1346" s="16">
        <v>4.0200482638926749</v>
      </c>
    </row>
    <row r="1347" spans="1:7" x14ac:dyDescent="0.3">
      <c r="A1347" s="13" t="s">
        <v>22</v>
      </c>
      <c r="B1347" s="14" t="s">
        <v>1</v>
      </c>
      <c r="C1347" s="14" t="s">
        <v>23</v>
      </c>
      <c r="D1347" s="14" t="s">
        <v>24</v>
      </c>
      <c r="E1347" s="15">
        <v>45628</v>
      </c>
      <c r="F1347" s="14" t="s">
        <v>25</v>
      </c>
      <c r="G1347" s="16">
        <v>4.0790440283789691</v>
      </c>
    </row>
    <row r="1348" spans="1:7" x14ac:dyDescent="0.3">
      <c r="A1348" s="13" t="s">
        <v>22</v>
      </c>
      <c r="B1348" s="14" t="s">
        <v>1</v>
      </c>
      <c r="C1348" s="14" t="s">
        <v>23</v>
      </c>
      <c r="D1348" s="14" t="s">
        <v>24</v>
      </c>
      <c r="E1348" s="15">
        <v>45629</v>
      </c>
      <c r="F1348" s="14" t="s">
        <v>25</v>
      </c>
      <c r="G1348" s="16">
        <v>4.1135045803736405</v>
      </c>
    </row>
    <row r="1349" spans="1:7" x14ac:dyDescent="0.3">
      <c r="A1349" s="13" t="s">
        <v>22</v>
      </c>
      <c r="B1349" s="14" t="s">
        <v>1</v>
      </c>
      <c r="C1349" s="14" t="s">
        <v>23</v>
      </c>
      <c r="D1349" s="14" t="s">
        <v>24</v>
      </c>
      <c r="E1349" s="15">
        <v>45630</v>
      </c>
      <c r="F1349" s="14" t="s">
        <v>25</v>
      </c>
      <c r="G1349" s="16">
        <v>4.1175793983127882</v>
      </c>
    </row>
    <row r="1350" spans="1:7" x14ac:dyDescent="0.3">
      <c r="A1350" s="13" t="s">
        <v>22</v>
      </c>
      <c r="B1350" s="14" t="s">
        <v>1</v>
      </c>
      <c r="C1350" s="14" t="s">
        <v>23</v>
      </c>
      <c r="D1350" s="14" t="s">
        <v>24</v>
      </c>
      <c r="E1350" s="15">
        <v>45631</v>
      </c>
      <c r="F1350" s="14" t="s">
        <v>25</v>
      </c>
      <c r="G1350" s="16">
        <v>4.107700203811854</v>
      </c>
    </row>
    <row r="1351" spans="1:7" x14ac:dyDescent="0.3">
      <c r="A1351" s="13" t="s">
        <v>22</v>
      </c>
      <c r="B1351" s="14" t="s">
        <v>1</v>
      </c>
      <c r="C1351" s="14" t="s">
        <v>23</v>
      </c>
      <c r="D1351" s="14" t="s">
        <v>24</v>
      </c>
      <c r="E1351" s="15">
        <v>45632</v>
      </c>
      <c r="F1351" s="14" t="s">
        <v>25</v>
      </c>
      <c r="G1351" s="16">
        <v>4.1233966360178691</v>
      </c>
    </row>
    <row r="1352" spans="1:7" x14ac:dyDescent="0.3">
      <c r="A1352" s="13" t="s">
        <v>22</v>
      </c>
      <c r="B1352" s="14" t="s">
        <v>1</v>
      </c>
      <c r="C1352" s="14" t="s">
        <v>23</v>
      </c>
      <c r="D1352" s="14" t="s">
        <v>24</v>
      </c>
      <c r="E1352" s="15">
        <v>45633</v>
      </c>
      <c r="F1352" s="14" t="s">
        <v>25</v>
      </c>
      <c r="G1352" s="16">
        <v>4.1233966360178691</v>
      </c>
    </row>
    <row r="1353" spans="1:7" x14ac:dyDescent="0.3">
      <c r="A1353" s="13" t="s">
        <v>22</v>
      </c>
      <c r="B1353" s="14" t="s">
        <v>1</v>
      </c>
      <c r="C1353" s="14" t="s">
        <v>23</v>
      </c>
      <c r="D1353" s="14" t="s">
        <v>24</v>
      </c>
      <c r="E1353" s="15">
        <v>45634</v>
      </c>
      <c r="F1353" s="14" t="s">
        <v>25</v>
      </c>
      <c r="G1353" s="16">
        <v>4.1233966360178691</v>
      </c>
    </row>
    <row r="1354" spans="1:7" x14ac:dyDescent="0.3">
      <c r="A1354" s="13" t="s">
        <v>22</v>
      </c>
      <c r="B1354" s="14" t="s">
        <v>1</v>
      </c>
      <c r="C1354" s="14" t="s">
        <v>23</v>
      </c>
      <c r="D1354" s="14" t="s">
        <v>24</v>
      </c>
      <c r="E1354" s="15">
        <v>45635</v>
      </c>
      <c r="F1354" s="14" t="s">
        <v>25</v>
      </c>
      <c r="G1354" s="16">
        <v>4.1478365942681918</v>
      </c>
    </row>
    <row r="1355" spans="1:7" x14ac:dyDescent="0.3">
      <c r="A1355" s="13" t="s">
        <v>22</v>
      </c>
      <c r="B1355" s="14" t="s">
        <v>1</v>
      </c>
      <c r="C1355" s="14" t="s">
        <v>23</v>
      </c>
      <c r="D1355" s="14" t="s">
        <v>24</v>
      </c>
      <c r="E1355" s="15">
        <v>45636</v>
      </c>
      <c r="F1355" s="14" t="s">
        <v>25</v>
      </c>
      <c r="G1355" s="16">
        <v>4.2148084803741712</v>
      </c>
    </row>
    <row r="1356" spans="1:7" x14ac:dyDescent="0.3">
      <c r="A1356" s="13" t="s">
        <v>22</v>
      </c>
      <c r="B1356" s="14" t="s">
        <v>1</v>
      </c>
      <c r="C1356" s="14" t="s">
        <v>23</v>
      </c>
      <c r="D1356" s="14" t="s">
        <v>24</v>
      </c>
      <c r="E1356" s="15">
        <v>45637</v>
      </c>
      <c r="F1356" s="14" t="s">
        <v>25</v>
      </c>
      <c r="G1356" s="16">
        <v>4.2392789747732254</v>
      </c>
    </row>
    <row r="1357" spans="1:7" x14ac:dyDescent="0.3">
      <c r="A1357" s="13" t="s">
        <v>22</v>
      </c>
      <c r="B1357" s="14" t="s">
        <v>1</v>
      </c>
      <c r="C1357" s="14" t="s">
        <v>23</v>
      </c>
      <c r="D1357" s="14" t="s">
        <v>24</v>
      </c>
      <c r="E1357" s="15">
        <v>45638</v>
      </c>
      <c r="F1357" s="14" t="s">
        <v>25</v>
      </c>
      <c r="G1357" s="16">
        <v>4.2930921278240159</v>
      </c>
    </row>
    <row r="1358" spans="1:7" x14ac:dyDescent="0.3">
      <c r="A1358" s="13" t="s">
        <v>22</v>
      </c>
      <c r="B1358" s="14" t="s">
        <v>1</v>
      </c>
      <c r="C1358" s="14" t="s">
        <v>23</v>
      </c>
      <c r="D1358" s="14" t="s">
        <v>24</v>
      </c>
      <c r="E1358" s="15">
        <v>45639</v>
      </c>
      <c r="F1358" s="14" t="s">
        <v>25</v>
      </c>
      <c r="G1358" s="16">
        <v>4.3123567586401101</v>
      </c>
    </row>
    <row r="1359" spans="1:7" x14ac:dyDescent="0.3">
      <c r="A1359" s="13" t="s">
        <v>22</v>
      </c>
      <c r="B1359" s="14" t="s">
        <v>1</v>
      </c>
      <c r="C1359" s="14" t="s">
        <v>23</v>
      </c>
      <c r="D1359" s="14" t="s">
        <v>24</v>
      </c>
      <c r="E1359" s="15">
        <v>45640</v>
      </c>
      <c r="F1359" s="14" t="s">
        <v>25</v>
      </c>
      <c r="G1359" s="16">
        <v>4.3123567586401101</v>
      </c>
    </row>
    <row r="1360" spans="1:7" x14ac:dyDescent="0.3">
      <c r="A1360" s="13" t="s">
        <v>22</v>
      </c>
      <c r="B1360" s="14" t="s">
        <v>1</v>
      </c>
      <c r="C1360" s="14" t="s">
        <v>23</v>
      </c>
      <c r="D1360" s="14" t="s">
        <v>24</v>
      </c>
      <c r="E1360" s="15">
        <v>45641</v>
      </c>
      <c r="F1360" s="14" t="s">
        <v>25</v>
      </c>
      <c r="G1360" s="16">
        <v>4.3123567586401101</v>
      </c>
    </row>
    <row r="1361" spans="1:7" x14ac:dyDescent="0.3">
      <c r="A1361" s="13" t="s">
        <v>22</v>
      </c>
      <c r="B1361" s="14" t="s">
        <v>1</v>
      </c>
      <c r="C1361" s="14" t="s">
        <v>23</v>
      </c>
      <c r="D1361" s="14" t="s">
        <v>24</v>
      </c>
      <c r="E1361" s="15">
        <v>45642</v>
      </c>
      <c r="F1361" s="14" t="s">
        <v>25</v>
      </c>
      <c r="G1361" s="16">
        <v>4.3355385865190339</v>
      </c>
    </row>
    <row r="1362" spans="1:7" x14ac:dyDescent="0.3">
      <c r="A1362" s="13" t="s">
        <v>22</v>
      </c>
      <c r="B1362" s="14" t="s">
        <v>1</v>
      </c>
      <c r="C1362" s="14" t="s">
        <v>23</v>
      </c>
      <c r="D1362" s="14" t="s">
        <v>24</v>
      </c>
      <c r="E1362" s="15">
        <v>45643</v>
      </c>
      <c r="F1362" s="14" t="s">
        <v>25</v>
      </c>
      <c r="G1362" s="16">
        <v>4.3770032412864177</v>
      </c>
    </row>
    <row r="1363" spans="1:7" x14ac:dyDescent="0.3">
      <c r="A1363" s="13" t="s">
        <v>22</v>
      </c>
      <c r="B1363" s="14" t="s">
        <v>1</v>
      </c>
      <c r="C1363" s="14" t="s">
        <v>23</v>
      </c>
      <c r="D1363" s="14" t="s">
        <v>24</v>
      </c>
      <c r="E1363" s="15">
        <v>45644</v>
      </c>
      <c r="F1363" s="14" t="s">
        <v>25</v>
      </c>
      <c r="G1363" s="16">
        <v>4.4334516075493973</v>
      </c>
    </row>
    <row r="1364" spans="1:7" x14ac:dyDescent="0.3">
      <c r="A1364" s="13" t="s">
        <v>22</v>
      </c>
      <c r="B1364" s="14" t="s">
        <v>1</v>
      </c>
      <c r="C1364" s="14" t="s">
        <v>23</v>
      </c>
      <c r="D1364" s="14" t="s">
        <v>24</v>
      </c>
      <c r="E1364" s="15">
        <v>45645</v>
      </c>
      <c r="F1364" s="14" t="s">
        <v>25</v>
      </c>
      <c r="G1364" s="16">
        <v>4.4387421102422513</v>
      </c>
    </row>
    <row r="1365" spans="1:7" x14ac:dyDescent="0.3">
      <c r="A1365" s="13" t="s">
        <v>22</v>
      </c>
      <c r="B1365" s="14" t="s">
        <v>1</v>
      </c>
      <c r="C1365" s="14" t="s">
        <v>23</v>
      </c>
      <c r="D1365" s="14" t="s">
        <v>24</v>
      </c>
      <c r="E1365" s="15">
        <v>45646</v>
      </c>
      <c r="F1365" s="14" t="s">
        <v>25</v>
      </c>
      <c r="G1365" s="16">
        <v>4.4265751617967757</v>
      </c>
    </row>
    <row r="1366" spans="1:7" x14ac:dyDescent="0.3">
      <c r="A1366" s="13" t="s">
        <v>22</v>
      </c>
      <c r="B1366" s="14" t="s">
        <v>1</v>
      </c>
      <c r="C1366" s="14" t="s">
        <v>23</v>
      </c>
      <c r="D1366" s="14" t="s">
        <v>24</v>
      </c>
      <c r="E1366" s="15">
        <v>45647</v>
      </c>
      <c r="F1366" s="14" t="s">
        <v>25</v>
      </c>
      <c r="G1366" s="16">
        <v>4.4265751617967757</v>
      </c>
    </row>
    <row r="1367" spans="1:7" x14ac:dyDescent="0.3">
      <c r="A1367" s="13" t="s">
        <v>22</v>
      </c>
      <c r="B1367" s="14" t="s">
        <v>1</v>
      </c>
      <c r="C1367" s="14" t="s">
        <v>23</v>
      </c>
      <c r="D1367" s="14" t="s">
        <v>24</v>
      </c>
      <c r="E1367" s="15">
        <v>45648</v>
      </c>
      <c r="F1367" s="14" t="s">
        <v>25</v>
      </c>
      <c r="G1367" s="16">
        <v>4.4265751617967757</v>
      </c>
    </row>
    <row r="1368" spans="1:7" x14ac:dyDescent="0.3">
      <c r="A1368" s="13" t="s">
        <v>22</v>
      </c>
      <c r="B1368" s="14" t="s">
        <v>1</v>
      </c>
      <c r="C1368" s="14" t="s">
        <v>23</v>
      </c>
      <c r="D1368" s="14" t="s">
        <v>24</v>
      </c>
      <c r="E1368" s="15">
        <v>45649</v>
      </c>
      <c r="F1368" s="14" t="s">
        <v>25</v>
      </c>
      <c r="G1368" s="16">
        <v>4.4310637452907207</v>
      </c>
    </row>
    <row r="1369" spans="1:7" x14ac:dyDescent="0.3">
      <c r="A1369" s="13" t="s">
        <v>22</v>
      </c>
      <c r="B1369" s="14" t="s">
        <v>1</v>
      </c>
      <c r="C1369" s="14" t="s">
        <v>23</v>
      </c>
      <c r="D1369" s="14" t="s">
        <v>24</v>
      </c>
      <c r="E1369" s="15">
        <v>45650</v>
      </c>
      <c r="F1369" s="14" t="s">
        <v>25</v>
      </c>
      <c r="G1369" s="16">
        <v>4.4838448403783735</v>
      </c>
    </row>
    <row r="1370" spans="1:7" x14ac:dyDescent="0.3">
      <c r="A1370" s="13" t="s">
        <v>22</v>
      </c>
      <c r="B1370" s="14" t="s">
        <v>1</v>
      </c>
      <c r="C1370" s="14" t="s">
        <v>23</v>
      </c>
      <c r="D1370" s="14" t="s">
        <v>24</v>
      </c>
      <c r="E1370" s="15">
        <v>45651</v>
      </c>
      <c r="F1370" s="14" t="s">
        <v>25</v>
      </c>
      <c r="G1370" s="16">
        <v>4.4838448403783735</v>
      </c>
    </row>
    <row r="1371" spans="1:7" x14ac:dyDescent="0.3">
      <c r="A1371" s="13" t="s">
        <v>22</v>
      </c>
      <c r="B1371" s="14" t="s">
        <v>1</v>
      </c>
      <c r="C1371" s="14" t="s">
        <v>23</v>
      </c>
      <c r="D1371" s="14" t="s">
        <v>24</v>
      </c>
      <c r="E1371" s="15">
        <v>45652</v>
      </c>
      <c r="F1371" s="14" t="s">
        <v>25</v>
      </c>
      <c r="G1371" s="16">
        <v>4.4838448403783735</v>
      </c>
    </row>
    <row r="1372" spans="1:7" x14ac:dyDescent="0.3">
      <c r="A1372" s="13" t="s">
        <v>22</v>
      </c>
      <c r="B1372" s="14" t="s">
        <v>1</v>
      </c>
      <c r="C1372" s="14" t="s">
        <v>23</v>
      </c>
      <c r="D1372" s="14" t="s">
        <v>24</v>
      </c>
      <c r="E1372" s="15">
        <v>45653</v>
      </c>
      <c r="F1372" s="14" t="s">
        <v>25</v>
      </c>
      <c r="G1372" s="16">
        <v>4.4838448403783735</v>
      </c>
    </row>
    <row r="1373" spans="1:7" x14ac:dyDescent="0.3">
      <c r="A1373" s="13" t="s">
        <v>22</v>
      </c>
      <c r="B1373" s="14" t="s">
        <v>1</v>
      </c>
      <c r="C1373" s="14" t="s">
        <v>23</v>
      </c>
      <c r="D1373" s="14" t="s">
        <v>24</v>
      </c>
      <c r="E1373" s="15">
        <v>45654</v>
      </c>
      <c r="F1373" s="14" t="s">
        <v>25</v>
      </c>
      <c r="G1373" s="16">
        <v>4.4838448403783735</v>
      </c>
    </row>
    <row r="1374" spans="1:7" x14ac:dyDescent="0.3">
      <c r="A1374" s="13" t="s">
        <v>22</v>
      </c>
      <c r="B1374" s="14" t="s">
        <v>1</v>
      </c>
      <c r="C1374" s="14" t="s">
        <v>23</v>
      </c>
      <c r="D1374" s="14" t="s">
        <v>24</v>
      </c>
      <c r="E1374" s="15">
        <v>45655</v>
      </c>
      <c r="F1374" s="14" t="s">
        <v>25</v>
      </c>
      <c r="G1374" s="16">
        <v>4.4838448403783735</v>
      </c>
    </row>
    <row r="1375" spans="1:7" x14ac:dyDescent="0.3">
      <c r="A1375" s="13" t="s">
        <v>22</v>
      </c>
      <c r="B1375" s="14" t="s">
        <v>1</v>
      </c>
      <c r="C1375" s="14" t="s">
        <v>23</v>
      </c>
      <c r="D1375" s="14" t="s">
        <v>24</v>
      </c>
      <c r="E1375" s="15">
        <v>45656</v>
      </c>
      <c r="F1375" s="14" t="s">
        <v>25</v>
      </c>
      <c r="G1375" s="16">
        <v>4.5172881360570027</v>
      </c>
    </row>
    <row r="1376" spans="1:7" x14ac:dyDescent="0.3">
      <c r="A1376" s="13" t="s">
        <v>22</v>
      </c>
      <c r="B1376" s="14" t="s">
        <v>1</v>
      </c>
      <c r="C1376" s="14" t="s">
        <v>23</v>
      </c>
      <c r="D1376" s="14" t="s">
        <v>24</v>
      </c>
      <c r="E1376" s="15">
        <v>45657</v>
      </c>
      <c r="F1376" s="14" t="s">
        <v>25</v>
      </c>
      <c r="G1376" s="16">
        <v>4.6375561182596652</v>
      </c>
    </row>
    <row r="1377" spans="1:7" x14ac:dyDescent="0.3">
      <c r="A1377" s="13" t="s">
        <v>22</v>
      </c>
      <c r="B1377" s="14" t="s">
        <v>1</v>
      </c>
      <c r="C1377" s="14" t="s">
        <v>23</v>
      </c>
      <c r="D1377" s="14" t="s">
        <v>24</v>
      </c>
      <c r="E1377" s="15">
        <v>45658</v>
      </c>
      <c r="F1377" s="14" t="s">
        <v>25</v>
      </c>
      <c r="G1377" s="16">
        <v>4.6375561182596652</v>
      </c>
    </row>
    <row r="1378" spans="1:7" x14ac:dyDescent="0.3">
      <c r="A1378" s="13" t="s">
        <v>22</v>
      </c>
      <c r="B1378" s="14" t="s">
        <v>1</v>
      </c>
      <c r="C1378" s="14" t="s">
        <v>23</v>
      </c>
      <c r="D1378" s="14" t="s">
        <v>24</v>
      </c>
      <c r="E1378" s="15">
        <v>45659</v>
      </c>
      <c r="F1378" s="14" t="s">
        <v>25</v>
      </c>
      <c r="G1378" s="16">
        <v>4.6781918264845306</v>
      </c>
    </row>
    <row r="1379" spans="1:7" x14ac:dyDescent="0.3">
      <c r="A1379" s="13" t="s">
        <v>22</v>
      </c>
      <c r="B1379" s="14" t="s">
        <v>1</v>
      </c>
      <c r="C1379" s="14" t="s">
        <v>23</v>
      </c>
      <c r="D1379" s="14" t="s">
        <v>24</v>
      </c>
      <c r="E1379" s="15">
        <v>45660</v>
      </c>
      <c r="F1379" s="14" t="s">
        <v>25</v>
      </c>
      <c r="G1379" s="16">
        <v>4.6808101871908612</v>
      </c>
    </row>
    <row r="1380" spans="1:7" x14ac:dyDescent="0.3">
      <c r="A1380" s="13" t="s">
        <v>22</v>
      </c>
      <c r="B1380" s="14" t="s">
        <v>1</v>
      </c>
      <c r="C1380" s="14" t="s">
        <v>23</v>
      </c>
      <c r="D1380" s="14" t="s">
        <v>24</v>
      </c>
      <c r="E1380" s="15">
        <v>45661</v>
      </c>
      <c r="F1380" s="14" t="s">
        <v>25</v>
      </c>
      <c r="G1380" s="16">
        <v>4.6808101871908612</v>
      </c>
    </row>
    <row r="1381" spans="1:7" x14ac:dyDescent="0.3">
      <c r="A1381" s="13" t="s">
        <v>22</v>
      </c>
      <c r="B1381" s="14" t="s">
        <v>1</v>
      </c>
      <c r="C1381" s="14" t="s">
        <v>23</v>
      </c>
      <c r="D1381" s="14" t="s">
        <v>24</v>
      </c>
      <c r="E1381" s="15">
        <v>45662</v>
      </c>
      <c r="F1381" s="14" t="s">
        <v>25</v>
      </c>
      <c r="G1381" s="16">
        <v>4.6808101871908612</v>
      </c>
    </row>
    <row r="1382" spans="1:7" x14ac:dyDescent="0.3">
      <c r="A1382" s="13" t="s">
        <v>22</v>
      </c>
      <c r="B1382" s="14" t="s">
        <v>1</v>
      </c>
      <c r="C1382" s="14" t="s">
        <v>23</v>
      </c>
      <c r="D1382" s="14" t="s">
        <v>24</v>
      </c>
      <c r="E1382" s="15">
        <v>45663</v>
      </c>
      <c r="F1382" s="14" t="s">
        <v>25</v>
      </c>
      <c r="G1382" s="16">
        <v>4.6784880065831018</v>
      </c>
    </row>
    <row r="1383" spans="1:7" x14ac:dyDescent="0.3">
      <c r="A1383" s="13" t="s">
        <v>22</v>
      </c>
      <c r="B1383" s="14" t="s">
        <v>1</v>
      </c>
      <c r="C1383" s="14" t="s">
        <v>23</v>
      </c>
      <c r="D1383" s="14" t="s">
        <v>24</v>
      </c>
      <c r="E1383" s="15">
        <v>45664</v>
      </c>
      <c r="F1383" s="14" t="s">
        <v>25</v>
      </c>
      <c r="G1383" s="16">
        <v>4.7524677894053724</v>
      </c>
    </row>
    <row r="1384" spans="1:7" x14ac:dyDescent="0.3">
      <c r="A1384" s="13" t="s">
        <v>22</v>
      </c>
      <c r="B1384" s="14" t="s">
        <v>1</v>
      </c>
      <c r="C1384" s="14" t="s">
        <v>23</v>
      </c>
      <c r="D1384" s="14" t="s">
        <v>24</v>
      </c>
      <c r="E1384" s="15">
        <v>45665</v>
      </c>
      <c r="F1384" s="14" t="s">
        <v>25</v>
      </c>
      <c r="G1384" s="16">
        <v>4.7791366925694012</v>
      </c>
    </row>
    <row r="1385" spans="1:7" x14ac:dyDescent="0.3">
      <c r="A1385" s="13" t="s">
        <v>22</v>
      </c>
      <c r="B1385" s="14" t="s">
        <v>1</v>
      </c>
      <c r="C1385" s="14" t="s">
        <v>23</v>
      </c>
      <c r="D1385" s="14" t="s">
        <v>24</v>
      </c>
      <c r="E1385" s="15">
        <v>45666</v>
      </c>
      <c r="F1385" s="14" t="s">
        <v>25</v>
      </c>
      <c r="G1385" s="16">
        <v>4.7791366925694012</v>
      </c>
    </row>
    <row r="1386" spans="1:7" x14ac:dyDescent="0.3">
      <c r="A1386" s="13" t="s">
        <v>22</v>
      </c>
      <c r="B1386" s="14" t="s">
        <v>1</v>
      </c>
      <c r="C1386" s="14" t="s">
        <v>23</v>
      </c>
      <c r="D1386" s="14" t="s">
        <v>24</v>
      </c>
      <c r="E1386" s="15">
        <v>45667</v>
      </c>
      <c r="F1386" s="14" t="s">
        <v>25</v>
      </c>
      <c r="G1386" s="16">
        <v>4.8307346801161675</v>
      </c>
    </row>
    <row r="1387" spans="1:7" x14ac:dyDescent="0.3">
      <c r="A1387" s="13" t="s">
        <v>22</v>
      </c>
      <c r="B1387" s="14" t="s">
        <v>1</v>
      </c>
      <c r="C1387" s="14" t="s">
        <v>23</v>
      </c>
      <c r="D1387" s="14" t="s">
        <v>24</v>
      </c>
      <c r="E1387" s="15">
        <v>45668</v>
      </c>
      <c r="F1387" s="14" t="s">
        <v>25</v>
      </c>
      <c r="G1387" s="16">
        <v>4.8307346801161675</v>
      </c>
    </row>
    <row r="1388" spans="1:7" x14ac:dyDescent="0.3">
      <c r="A1388" s="13" t="s">
        <v>22</v>
      </c>
      <c r="B1388" s="14" t="s">
        <v>1</v>
      </c>
      <c r="C1388" s="14" t="s">
        <v>23</v>
      </c>
      <c r="D1388" s="14" t="s">
        <v>24</v>
      </c>
      <c r="E1388" s="15">
        <v>45669</v>
      </c>
      <c r="F1388" s="14" t="s">
        <v>25</v>
      </c>
      <c r="G1388" s="16">
        <v>4.8307346801161675</v>
      </c>
    </row>
    <row r="1389" spans="1:7" x14ac:dyDescent="0.3">
      <c r="A1389" s="13" t="s">
        <v>22</v>
      </c>
      <c r="B1389" s="14" t="s">
        <v>1</v>
      </c>
      <c r="C1389" s="14" t="s">
        <v>23</v>
      </c>
      <c r="D1389" s="14" t="s">
        <v>24</v>
      </c>
      <c r="E1389" s="15">
        <v>45670</v>
      </c>
      <c r="F1389" s="14" t="s">
        <v>25</v>
      </c>
      <c r="G1389" s="16">
        <v>4.8665523871117315</v>
      </c>
    </row>
    <row r="1390" spans="1:7" x14ac:dyDescent="0.3">
      <c r="A1390" s="13" t="s">
        <v>22</v>
      </c>
      <c r="B1390" s="14" t="s">
        <v>1</v>
      </c>
      <c r="C1390" s="14" t="s">
        <v>23</v>
      </c>
      <c r="D1390" s="14" t="s">
        <v>24</v>
      </c>
      <c r="E1390" s="15">
        <v>45671</v>
      </c>
      <c r="F1390" s="14" t="s">
        <v>25</v>
      </c>
      <c r="G1390" s="16">
        <v>4.8866496194341007</v>
      </c>
    </row>
    <row r="1391" spans="1:7" x14ac:dyDescent="0.3">
      <c r="A1391" s="13" t="s">
        <v>22</v>
      </c>
      <c r="B1391" s="14" t="s">
        <v>1</v>
      </c>
      <c r="C1391" s="14" t="s">
        <v>23</v>
      </c>
      <c r="D1391" s="14" t="s">
        <v>24</v>
      </c>
      <c r="E1391" s="15">
        <v>45672</v>
      </c>
      <c r="F1391" s="14" t="s">
        <v>25</v>
      </c>
      <c r="G1391" s="16">
        <v>4.906293543231647</v>
      </c>
    </row>
    <row r="1392" spans="1:7" x14ac:dyDescent="0.3">
      <c r="A1392" s="13" t="s">
        <v>22</v>
      </c>
      <c r="B1392" s="14" t="s">
        <v>1</v>
      </c>
      <c r="C1392" s="14" t="s">
        <v>23</v>
      </c>
      <c r="D1392" s="14" t="s">
        <v>24</v>
      </c>
      <c r="E1392" s="15">
        <v>45673</v>
      </c>
      <c r="F1392" s="14" t="s">
        <v>25</v>
      </c>
      <c r="G1392" s="16">
        <v>4.911485674211832</v>
      </c>
    </row>
    <row r="1393" spans="1:7" x14ac:dyDescent="0.3">
      <c r="A1393" s="13" t="s">
        <v>22</v>
      </c>
      <c r="B1393" s="14" t="s">
        <v>1</v>
      </c>
      <c r="C1393" s="14" t="s">
        <v>23</v>
      </c>
      <c r="D1393" s="14" t="s">
        <v>24</v>
      </c>
      <c r="E1393" s="15">
        <v>45674</v>
      </c>
      <c r="F1393" s="14" t="s">
        <v>25</v>
      </c>
      <c r="G1393" s="16">
        <v>4.9430858022919724</v>
      </c>
    </row>
    <row r="1394" spans="1:7" x14ac:dyDescent="0.3">
      <c r="A1394" s="13" t="s">
        <v>22</v>
      </c>
      <c r="B1394" s="14" t="s">
        <v>1</v>
      </c>
      <c r="C1394" s="14" t="s">
        <v>23</v>
      </c>
      <c r="D1394" s="14" t="s">
        <v>24</v>
      </c>
      <c r="E1394" s="15">
        <v>45675</v>
      </c>
      <c r="F1394" s="14" t="s">
        <v>25</v>
      </c>
      <c r="G1394" s="16">
        <v>4.9430858022919724</v>
      </c>
    </row>
    <row r="1395" spans="1:7" x14ac:dyDescent="0.3">
      <c r="A1395" s="13" t="s">
        <v>22</v>
      </c>
      <c r="B1395" s="14" t="s">
        <v>1</v>
      </c>
      <c r="C1395" s="14" t="s">
        <v>23</v>
      </c>
      <c r="D1395" s="14" t="s">
        <v>24</v>
      </c>
      <c r="E1395" s="15">
        <v>45676</v>
      </c>
      <c r="F1395" s="14" t="s">
        <v>25</v>
      </c>
      <c r="G1395" s="16">
        <v>4.9430858022919724</v>
      </c>
    </row>
    <row r="1396" spans="1:7" x14ac:dyDescent="0.3">
      <c r="A1396" s="13" t="s">
        <v>22</v>
      </c>
      <c r="B1396" s="14" t="s">
        <v>1</v>
      </c>
      <c r="C1396" s="14" t="s">
        <v>23</v>
      </c>
      <c r="D1396" s="14" t="s">
        <v>24</v>
      </c>
      <c r="E1396" s="15">
        <v>45677</v>
      </c>
      <c r="F1396" s="14" t="s">
        <v>25</v>
      </c>
      <c r="G1396" s="16">
        <v>4.9430858022919724</v>
      </c>
    </row>
    <row r="1397" spans="1:7" x14ac:dyDescent="0.3">
      <c r="A1397" s="13" t="s">
        <v>22</v>
      </c>
      <c r="B1397" s="14" t="s">
        <v>1</v>
      </c>
      <c r="C1397" s="14" t="s">
        <v>23</v>
      </c>
      <c r="D1397" s="14" t="s">
        <v>24</v>
      </c>
      <c r="E1397" s="15">
        <v>45678</v>
      </c>
      <c r="F1397" s="14" t="s">
        <v>25</v>
      </c>
      <c r="G1397" s="16">
        <v>4.9112619964302606</v>
      </c>
    </row>
    <row r="1398" spans="1:7" x14ac:dyDescent="0.3">
      <c r="A1398" s="13" t="s">
        <v>22</v>
      </c>
      <c r="B1398" s="14" t="s">
        <v>1</v>
      </c>
      <c r="C1398" s="14" t="s">
        <v>23</v>
      </c>
      <c r="D1398" s="14" t="s">
        <v>24</v>
      </c>
      <c r="E1398" s="15">
        <v>45679</v>
      </c>
      <c r="F1398" s="14" t="s">
        <v>25</v>
      </c>
      <c r="G1398" s="16">
        <v>4.9764046280148051</v>
      </c>
    </row>
    <row r="1399" spans="1:7" x14ac:dyDescent="0.3">
      <c r="A1399" s="13" t="s">
        <v>22</v>
      </c>
      <c r="B1399" s="14" t="s">
        <v>1</v>
      </c>
      <c r="C1399" s="14" t="s">
        <v>23</v>
      </c>
      <c r="D1399" s="14" t="s">
        <v>24</v>
      </c>
      <c r="E1399" s="15">
        <v>45680</v>
      </c>
      <c r="F1399" s="14" t="s">
        <v>25</v>
      </c>
      <c r="G1399" s="16">
        <v>4.9946492012298513</v>
      </c>
    </row>
    <row r="1400" spans="1:7" x14ac:dyDescent="0.3">
      <c r="A1400" s="13" t="s">
        <v>22</v>
      </c>
      <c r="B1400" s="14" t="s">
        <v>1</v>
      </c>
      <c r="C1400" s="14" t="s">
        <v>23</v>
      </c>
      <c r="D1400" s="14" t="s">
        <v>24</v>
      </c>
      <c r="E1400" s="15">
        <v>45681</v>
      </c>
      <c r="F1400" s="14" t="s">
        <v>25</v>
      </c>
      <c r="G1400" s="16">
        <v>5.0030268518044911</v>
      </c>
    </row>
    <row r="1401" spans="1:7" x14ac:dyDescent="0.3">
      <c r="A1401" s="13" t="s">
        <v>22</v>
      </c>
      <c r="B1401" s="14" t="s">
        <v>1</v>
      </c>
      <c r="C1401" s="14" t="s">
        <v>23</v>
      </c>
      <c r="D1401" s="14" t="s">
        <v>24</v>
      </c>
      <c r="E1401" s="15">
        <v>45682</v>
      </c>
      <c r="F1401" s="14" t="s">
        <v>25</v>
      </c>
      <c r="G1401" s="16">
        <v>5.0030268518044911</v>
      </c>
    </row>
    <row r="1402" spans="1:7" x14ac:dyDescent="0.3">
      <c r="A1402" s="13" t="s">
        <v>22</v>
      </c>
      <c r="B1402" s="14" t="s">
        <v>1</v>
      </c>
      <c r="C1402" s="14" t="s">
        <v>23</v>
      </c>
      <c r="D1402" s="14" t="s">
        <v>24</v>
      </c>
      <c r="E1402" s="15">
        <v>45683</v>
      </c>
      <c r="F1402" s="14" t="s">
        <v>25</v>
      </c>
      <c r="G1402" s="16">
        <v>5.0030268518044911</v>
      </c>
    </row>
    <row r="1403" spans="1:7" x14ac:dyDescent="0.3">
      <c r="A1403" s="13" t="s">
        <v>22</v>
      </c>
      <c r="B1403" s="14" t="s">
        <v>1</v>
      </c>
      <c r="C1403" s="14" t="s">
        <v>23</v>
      </c>
      <c r="D1403" s="14" t="s">
        <v>24</v>
      </c>
      <c r="E1403" s="15">
        <v>45684</v>
      </c>
      <c r="F1403" s="14" t="s">
        <v>25</v>
      </c>
      <c r="G1403" s="16">
        <v>4.9990511157924757</v>
      </c>
    </row>
    <row r="1404" spans="1:7" x14ac:dyDescent="0.3">
      <c r="A1404" s="13" t="s">
        <v>22</v>
      </c>
      <c r="B1404" s="14" t="s">
        <v>1</v>
      </c>
      <c r="C1404" s="14" t="s">
        <v>23</v>
      </c>
      <c r="D1404" s="14" t="s">
        <v>24</v>
      </c>
      <c r="E1404" s="15">
        <v>45685</v>
      </c>
      <c r="F1404" s="14" t="s">
        <v>25</v>
      </c>
      <c r="G1404" s="16">
        <v>5.0563986921178099</v>
      </c>
    </row>
    <row r="1405" spans="1:7" x14ac:dyDescent="0.3">
      <c r="A1405" s="13" t="s">
        <v>22</v>
      </c>
      <c r="B1405" s="14" t="s">
        <v>1</v>
      </c>
      <c r="C1405" s="14" t="s">
        <v>23</v>
      </c>
      <c r="D1405" s="14" t="s">
        <v>24</v>
      </c>
      <c r="E1405" s="15">
        <v>45686</v>
      </c>
      <c r="F1405" s="14" t="s">
        <v>25</v>
      </c>
      <c r="G1405" s="16">
        <v>5.0872667120846957</v>
      </c>
    </row>
    <row r="1406" spans="1:7" x14ac:dyDescent="0.3">
      <c r="A1406" s="13" t="s">
        <v>22</v>
      </c>
      <c r="B1406" s="14" t="s">
        <v>1</v>
      </c>
      <c r="C1406" s="14" t="s">
        <v>23</v>
      </c>
      <c r="D1406" s="14" t="s">
        <v>24</v>
      </c>
      <c r="E1406" s="15">
        <v>45687</v>
      </c>
      <c r="F1406" s="14" t="s">
        <v>25</v>
      </c>
      <c r="G1406" s="16">
        <v>5.1195807187736744</v>
      </c>
    </row>
    <row r="1407" spans="1:7" x14ac:dyDescent="0.3">
      <c r="A1407" s="13" t="s">
        <v>22</v>
      </c>
      <c r="B1407" s="14" t="s">
        <v>1</v>
      </c>
      <c r="C1407" s="14" t="s">
        <v>23</v>
      </c>
      <c r="D1407" s="14" t="s">
        <v>24</v>
      </c>
      <c r="E1407" s="15">
        <v>45688</v>
      </c>
      <c r="F1407" s="14" t="s">
        <v>25</v>
      </c>
      <c r="G1407" s="16">
        <v>5.1430734393227091</v>
      </c>
    </row>
    <row r="1408" spans="1:7" x14ac:dyDescent="0.3">
      <c r="A1408" s="13" t="s">
        <v>22</v>
      </c>
      <c r="B1408" s="14" t="s">
        <v>1</v>
      </c>
      <c r="C1408" s="14" t="s">
        <v>23</v>
      </c>
      <c r="D1408" s="14" t="s">
        <v>24</v>
      </c>
      <c r="E1408" s="15">
        <v>45689</v>
      </c>
      <c r="F1408" s="14" t="s">
        <v>25</v>
      </c>
      <c r="G1408" s="16">
        <v>5.1430734393227091</v>
      </c>
    </row>
    <row r="1409" spans="1:7" x14ac:dyDescent="0.3">
      <c r="A1409" s="13" t="s">
        <v>22</v>
      </c>
      <c r="B1409" s="14" t="s">
        <v>1</v>
      </c>
      <c r="C1409" s="14" t="s">
        <v>23</v>
      </c>
      <c r="D1409" s="14" t="s">
        <v>24</v>
      </c>
      <c r="E1409" s="15">
        <v>45690</v>
      </c>
      <c r="F1409" s="14" t="s">
        <v>25</v>
      </c>
      <c r="G1409" s="16">
        <v>5.1430734393227091</v>
      </c>
    </row>
    <row r="1410" spans="1:7" x14ac:dyDescent="0.3">
      <c r="A1410" s="13" t="s">
        <v>22</v>
      </c>
      <c r="B1410" s="14" t="s">
        <v>1</v>
      </c>
      <c r="C1410" s="14" t="s">
        <v>23</v>
      </c>
      <c r="D1410" s="14" t="s">
        <v>24</v>
      </c>
      <c r="E1410" s="15">
        <v>45691</v>
      </c>
      <c r="F1410" s="14" t="s">
        <v>25</v>
      </c>
      <c r="G1410" s="16">
        <v>5.1430734393227091</v>
      </c>
    </row>
    <row r="1411" spans="1:7" x14ac:dyDescent="0.3">
      <c r="A1411" s="13" t="s">
        <v>22</v>
      </c>
      <c r="B1411" s="14" t="s">
        <v>1</v>
      </c>
      <c r="C1411" s="14" t="s">
        <v>23</v>
      </c>
      <c r="D1411" s="14" t="s">
        <v>24</v>
      </c>
      <c r="E1411" s="15">
        <v>45692</v>
      </c>
      <c r="F1411" s="14" t="s">
        <v>25</v>
      </c>
      <c r="G1411" s="16">
        <v>5.1264035630103777</v>
      </c>
    </row>
    <row r="1412" spans="1:7" x14ac:dyDescent="0.3">
      <c r="A1412" s="13" t="s">
        <v>22</v>
      </c>
      <c r="B1412" s="14" t="s">
        <v>1</v>
      </c>
      <c r="C1412" s="14" t="s">
        <v>23</v>
      </c>
      <c r="D1412" s="14" t="s">
        <v>24</v>
      </c>
      <c r="E1412" s="15">
        <v>45693</v>
      </c>
      <c r="F1412" s="14" t="s">
        <v>25</v>
      </c>
      <c r="G1412" s="16">
        <v>5.1589669942568595</v>
      </c>
    </row>
    <row r="1413" spans="1:7" x14ac:dyDescent="0.3">
      <c r="A1413" s="13" t="s">
        <v>22</v>
      </c>
      <c r="B1413" s="14" t="s">
        <v>1</v>
      </c>
      <c r="C1413" s="14" t="s">
        <v>23</v>
      </c>
      <c r="D1413" s="14" t="s">
        <v>24</v>
      </c>
      <c r="E1413" s="15">
        <v>45694</v>
      </c>
      <c r="F1413" s="14" t="s">
        <v>25</v>
      </c>
      <c r="G1413" s="16">
        <v>5.1924186415762072</v>
      </c>
    </row>
    <row r="1414" spans="1:7" x14ac:dyDescent="0.3">
      <c r="A1414" s="13" t="s">
        <v>22</v>
      </c>
      <c r="B1414" s="14" t="s">
        <v>1</v>
      </c>
      <c r="C1414" s="14" t="s">
        <v>23</v>
      </c>
      <c r="D1414" s="14" t="s">
        <v>24</v>
      </c>
      <c r="E1414" s="15">
        <v>45695</v>
      </c>
      <c r="F1414" s="14" t="s">
        <v>25</v>
      </c>
      <c r="G1414" s="16">
        <v>5.2347857829164619</v>
      </c>
    </row>
    <row r="1415" spans="1:7" x14ac:dyDescent="0.3">
      <c r="A1415" s="13" t="s">
        <v>22</v>
      </c>
      <c r="B1415" s="14" t="s">
        <v>1</v>
      </c>
      <c r="C1415" s="14" t="s">
        <v>23</v>
      </c>
      <c r="D1415" s="14" t="s">
        <v>24</v>
      </c>
      <c r="E1415" s="15">
        <v>45696</v>
      </c>
      <c r="F1415" s="14" t="s">
        <v>25</v>
      </c>
      <c r="G1415" s="16">
        <v>5.2347857829164619</v>
      </c>
    </row>
    <row r="1416" spans="1:7" x14ac:dyDescent="0.3">
      <c r="A1416" s="13" t="s">
        <v>22</v>
      </c>
      <c r="B1416" s="14" t="s">
        <v>1</v>
      </c>
      <c r="C1416" s="14" t="s">
        <v>23</v>
      </c>
      <c r="D1416" s="14" t="s">
        <v>24</v>
      </c>
      <c r="E1416" s="15">
        <v>45697</v>
      </c>
      <c r="F1416" s="14" t="s">
        <v>25</v>
      </c>
      <c r="G1416" s="16">
        <v>5.2347857829164619</v>
      </c>
    </row>
    <row r="1417" spans="1:7" x14ac:dyDescent="0.3">
      <c r="A1417" s="13" t="s">
        <v>22</v>
      </c>
      <c r="B1417" s="14" t="s">
        <v>1</v>
      </c>
      <c r="C1417" s="14" t="s">
        <v>23</v>
      </c>
      <c r="D1417" s="14" t="s">
        <v>24</v>
      </c>
      <c r="E1417" s="15">
        <v>45698</v>
      </c>
      <c r="F1417" s="14" t="s">
        <v>25</v>
      </c>
      <c r="G1417" s="16">
        <v>5.2685731533982372</v>
      </c>
    </row>
    <row r="1418" spans="1:7" x14ac:dyDescent="0.3">
      <c r="A1418" s="13" t="s">
        <v>22</v>
      </c>
      <c r="B1418" s="14" t="s">
        <v>1</v>
      </c>
      <c r="C1418" s="14" t="s">
        <v>23</v>
      </c>
      <c r="D1418" s="14" t="s">
        <v>24</v>
      </c>
      <c r="E1418" s="15">
        <v>45699</v>
      </c>
      <c r="F1418" s="14" t="s">
        <v>25</v>
      </c>
      <c r="G1418" s="16">
        <v>5.3268404924735275</v>
      </c>
    </row>
    <row r="1419" spans="1:7" x14ac:dyDescent="0.3">
      <c r="A1419" s="13" t="s">
        <v>22</v>
      </c>
      <c r="B1419" s="14" t="s">
        <v>1</v>
      </c>
      <c r="C1419" s="14" t="s">
        <v>23</v>
      </c>
      <c r="D1419" s="14" t="s">
        <v>24</v>
      </c>
      <c r="E1419" s="15">
        <v>45700</v>
      </c>
      <c r="F1419" s="14" t="s">
        <v>25</v>
      </c>
      <c r="G1419" s="16">
        <v>5.3466376999274159</v>
      </c>
    </row>
    <row r="1420" spans="1:7" x14ac:dyDescent="0.3">
      <c r="A1420" s="13" t="s">
        <v>22</v>
      </c>
      <c r="B1420" s="14" t="s">
        <v>1</v>
      </c>
      <c r="C1420" s="14" t="s">
        <v>23</v>
      </c>
      <c r="D1420" s="14" t="s">
        <v>24</v>
      </c>
      <c r="E1420" s="15">
        <v>45701</v>
      </c>
      <c r="F1420" s="14" t="s">
        <v>25</v>
      </c>
      <c r="G1420" s="16">
        <v>5.3016492702586424</v>
      </c>
    </row>
    <row r="1421" spans="1:7" x14ac:dyDescent="0.3">
      <c r="A1421" s="13" t="s">
        <v>22</v>
      </c>
      <c r="B1421" s="14" t="s">
        <v>1</v>
      </c>
      <c r="C1421" s="14" t="s">
        <v>23</v>
      </c>
      <c r="D1421" s="14" t="s">
        <v>24</v>
      </c>
      <c r="E1421" s="15">
        <v>45702</v>
      </c>
      <c r="F1421" s="14" t="s">
        <v>25</v>
      </c>
      <c r="G1421" s="16">
        <v>5.2940131374495722</v>
      </c>
    </row>
    <row r="1422" spans="1:7" x14ac:dyDescent="0.3">
      <c r="A1422" s="13" t="s">
        <v>22</v>
      </c>
      <c r="B1422" s="14" t="s">
        <v>1</v>
      </c>
      <c r="C1422" s="14" t="s">
        <v>23</v>
      </c>
      <c r="D1422" s="14" t="s">
        <v>24</v>
      </c>
      <c r="E1422" s="15">
        <v>45703</v>
      </c>
      <c r="F1422" s="14" t="s">
        <v>25</v>
      </c>
      <c r="G1422" s="16">
        <v>5.2940131374495722</v>
      </c>
    </row>
    <row r="1423" spans="1:7" x14ac:dyDescent="0.3">
      <c r="A1423" s="13" t="s">
        <v>22</v>
      </c>
      <c r="B1423" s="14" t="s">
        <v>1</v>
      </c>
      <c r="C1423" s="14" t="s">
        <v>23</v>
      </c>
      <c r="D1423" s="14" t="s">
        <v>24</v>
      </c>
      <c r="E1423" s="15">
        <v>45704</v>
      </c>
      <c r="F1423" s="14" t="s">
        <v>25</v>
      </c>
      <c r="G1423" s="16">
        <v>5.2940131374495722</v>
      </c>
    </row>
    <row r="1424" spans="1:7" x14ac:dyDescent="0.3">
      <c r="A1424" s="13" t="s">
        <v>22</v>
      </c>
      <c r="B1424" s="14" t="s">
        <v>1</v>
      </c>
      <c r="C1424" s="14" t="s">
        <v>23</v>
      </c>
      <c r="D1424" s="14" t="s">
        <v>24</v>
      </c>
      <c r="E1424" s="15">
        <v>45705</v>
      </c>
      <c r="F1424" s="14" t="s">
        <v>25</v>
      </c>
      <c r="G1424" s="16">
        <v>5.2940131374495722</v>
      </c>
    </row>
    <row r="1425" spans="1:7" x14ac:dyDescent="0.3">
      <c r="A1425" s="13" t="s">
        <v>22</v>
      </c>
      <c r="B1425" s="14" t="s">
        <v>1</v>
      </c>
      <c r="C1425" s="14" t="s">
        <v>23</v>
      </c>
      <c r="D1425" s="14" t="s">
        <v>24</v>
      </c>
      <c r="E1425" s="15">
        <v>45706</v>
      </c>
      <c r="F1425" s="14" t="s">
        <v>25</v>
      </c>
      <c r="G1425" s="16">
        <v>5.332629226367871</v>
      </c>
    </row>
    <row r="1426" spans="1:7" x14ac:dyDescent="0.3">
      <c r="A1426" s="13" t="s">
        <v>22</v>
      </c>
      <c r="B1426" s="14" t="s">
        <v>1</v>
      </c>
      <c r="C1426" s="14" t="s">
        <v>23</v>
      </c>
      <c r="D1426" s="14" t="s">
        <v>24</v>
      </c>
      <c r="E1426" s="15">
        <v>45707</v>
      </c>
      <c r="F1426" s="14" t="s">
        <v>25</v>
      </c>
      <c r="G1426" s="16">
        <v>5.4031048972641846</v>
      </c>
    </row>
    <row r="1427" spans="1:7" x14ac:dyDescent="0.3">
      <c r="A1427" s="13" t="s">
        <v>22</v>
      </c>
      <c r="B1427" s="14" t="s">
        <v>1</v>
      </c>
      <c r="C1427" s="14" t="s">
        <v>23</v>
      </c>
      <c r="D1427" s="14" t="s">
        <v>24</v>
      </c>
      <c r="E1427" s="15">
        <v>45708</v>
      </c>
      <c r="F1427" s="14" t="s">
        <v>25</v>
      </c>
      <c r="G1427" s="16">
        <v>5.3785963820445213</v>
      </c>
    </row>
    <row r="1428" spans="1:7" x14ac:dyDescent="0.3">
      <c r="A1428" s="13" t="s">
        <v>22</v>
      </c>
      <c r="B1428" s="14" t="s">
        <v>1</v>
      </c>
      <c r="C1428" s="14" t="s">
        <v>23</v>
      </c>
      <c r="D1428" s="14" t="s">
        <v>24</v>
      </c>
      <c r="E1428" s="15">
        <v>45709</v>
      </c>
      <c r="F1428" s="14" t="s">
        <v>25</v>
      </c>
      <c r="G1428" s="16">
        <v>5.3885717299454692</v>
      </c>
    </row>
    <row r="1429" spans="1:7" x14ac:dyDescent="0.3">
      <c r="A1429" s="13" t="s">
        <v>22</v>
      </c>
      <c r="B1429" s="14" t="s">
        <v>1</v>
      </c>
      <c r="C1429" s="14" t="s">
        <v>23</v>
      </c>
      <c r="D1429" s="14" t="s">
        <v>24</v>
      </c>
      <c r="E1429" s="15">
        <v>45710</v>
      </c>
      <c r="F1429" s="14" t="s">
        <v>25</v>
      </c>
      <c r="G1429" s="16">
        <v>5.3885717299454692</v>
      </c>
    </row>
    <row r="1430" spans="1:7" x14ac:dyDescent="0.3">
      <c r="A1430" s="13" t="s">
        <v>22</v>
      </c>
      <c r="B1430" s="14" t="s">
        <v>1</v>
      </c>
      <c r="C1430" s="14" t="s">
        <v>23</v>
      </c>
      <c r="D1430" s="14" t="s">
        <v>24</v>
      </c>
      <c r="E1430" s="15">
        <v>45711</v>
      </c>
      <c r="F1430" s="14" t="s">
        <v>25</v>
      </c>
      <c r="G1430" s="16">
        <v>5.3885717299454692</v>
      </c>
    </row>
    <row r="1431" spans="1:7" x14ac:dyDescent="0.3">
      <c r="A1431" s="13" t="s">
        <v>22</v>
      </c>
      <c r="B1431" s="14" t="s">
        <v>1</v>
      </c>
      <c r="C1431" s="14" t="s">
        <v>23</v>
      </c>
      <c r="D1431" s="14" t="s">
        <v>24</v>
      </c>
      <c r="E1431" s="15">
        <v>45712</v>
      </c>
      <c r="F1431" s="14" t="s">
        <v>25</v>
      </c>
      <c r="G1431" s="16">
        <v>5.3956596817299234</v>
      </c>
    </row>
    <row r="1432" spans="1:7" x14ac:dyDescent="0.3">
      <c r="A1432" s="13" t="s">
        <v>22</v>
      </c>
      <c r="B1432" s="14" t="s">
        <v>1</v>
      </c>
      <c r="C1432" s="14" t="s">
        <v>23</v>
      </c>
      <c r="D1432" s="14" t="s">
        <v>24</v>
      </c>
      <c r="E1432" s="15">
        <v>45713</v>
      </c>
      <c r="F1432" s="14" t="s">
        <v>25</v>
      </c>
      <c r="G1432" s="16">
        <v>5.4186481665310247</v>
      </c>
    </row>
    <row r="1433" spans="1:7" x14ac:dyDescent="0.3">
      <c r="A1433" s="13" t="s">
        <v>22</v>
      </c>
      <c r="B1433" s="14" t="s">
        <v>1</v>
      </c>
      <c r="C1433" s="14" t="s">
        <v>23</v>
      </c>
      <c r="D1433" s="14" t="s">
        <v>24</v>
      </c>
      <c r="E1433" s="15">
        <v>45714</v>
      </c>
      <c r="F1433" s="14" t="s">
        <v>25</v>
      </c>
      <c r="G1433" s="16">
        <v>5.4426615572474164</v>
      </c>
    </row>
    <row r="1434" spans="1:7" x14ac:dyDescent="0.3">
      <c r="A1434" s="13" t="s">
        <v>22</v>
      </c>
      <c r="B1434" s="14" t="s">
        <v>1</v>
      </c>
      <c r="C1434" s="14" t="s">
        <v>23</v>
      </c>
      <c r="D1434" s="14" t="s">
        <v>24</v>
      </c>
      <c r="E1434" s="15">
        <v>45715</v>
      </c>
      <c r="F1434" s="14" t="s">
        <v>25</v>
      </c>
      <c r="G1434" s="16">
        <v>5.4872878334721893</v>
      </c>
    </row>
    <row r="1435" spans="1:7" x14ac:dyDescent="0.3">
      <c r="A1435" s="13" t="s">
        <v>22</v>
      </c>
      <c r="B1435" s="14" t="s">
        <v>1</v>
      </c>
      <c r="C1435" s="14" t="s">
        <v>23</v>
      </c>
      <c r="D1435" s="14" t="s">
        <v>24</v>
      </c>
      <c r="E1435" s="15">
        <v>45716</v>
      </c>
      <c r="F1435" s="14" t="s">
        <v>25</v>
      </c>
      <c r="G1435" s="16">
        <v>5.5263286680269808</v>
      </c>
    </row>
    <row r="1436" spans="1:7" x14ac:dyDescent="0.3">
      <c r="A1436" s="13" t="s">
        <v>22</v>
      </c>
      <c r="B1436" s="14" t="s">
        <v>1</v>
      </c>
      <c r="C1436" s="14" t="s">
        <v>23</v>
      </c>
      <c r="D1436" s="14" t="s">
        <v>24</v>
      </c>
      <c r="E1436" s="15">
        <v>45717</v>
      </c>
      <c r="F1436" s="14" t="s">
        <v>25</v>
      </c>
      <c r="G1436" s="16">
        <v>5.5263286680269808</v>
      </c>
    </row>
    <row r="1437" spans="1:7" x14ac:dyDescent="0.3">
      <c r="A1437" s="13" t="s">
        <v>22</v>
      </c>
      <c r="B1437" s="14" t="s">
        <v>1</v>
      </c>
      <c r="C1437" s="14" t="s">
        <v>23</v>
      </c>
      <c r="D1437" s="14" t="s">
        <v>24</v>
      </c>
      <c r="E1437" s="15">
        <v>45718</v>
      </c>
      <c r="F1437" s="14" t="s">
        <v>25</v>
      </c>
      <c r="G1437" s="16">
        <v>5.5263286680269808</v>
      </c>
    </row>
    <row r="1438" spans="1:7" x14ac:dyDescent="0.3">
      <c r="A1438" s="13" t="s">
        <v>22</v>
      </c>
      <c r="B1438" s="14" t="s">
        <v>1</v>
      </c>
      <c r="C1438" s="14" t="s">
        <v>23</v>
      </c>
      <c r="D1438" s="14" t="s">
        <v>24</v>
      </c>
      <c r="E1438" s="15">
        <v>45719</v>
      </c>
      <c r="F1438" s="14" t="s">
        <v>25</v>
      </c>
      <c r="G1438" s="16">
        <v>5.5232457918549631</v>
      </c>
    </row>
    <row r="1439" spans="1:7" x14ac:dyDescent="0.3">
      <c r="A1439" s="13" t="s">
        <v>22</v>
      </c>
      <c r="B1439" s="14" t="s">
        <v>1</v>
      </c>
      <c r="C1439" s="14" t="s">
        <v>23</v>
      </c>
      <c r="D1439" s="14" t="s">
        <v>24</v>
      </c>
      <c r="E1439" s="15">
        <v>45720</v>
      </c>
      <c r="F1439" s="14" t="s">
        <v>25</v>
      </c>
      <c r="G1439" s="16">
        <v>5.5257871911585879</v>
      </c>
    </row>
    <row r="1440" spans="1:7" x14ac:dyDescent="0.3">
      <c r="A1440" s="13" t="s">
        <v>22</v>
      </c>
      <c r="B1440" s="14" t="s">
        <v>1</v>
      </c>
      <c r="C1440" s="14" t="s">
        <v>23</v>
      </c>
      <c r="D1440" s="14" t="s">
        <v>24</v>
      </c>
      <c r="E1440" s="15">
        <v>45721</v>
      </c>
      <c r="F1440" s="14" t="s">
        <v>25</v>
      </c>
      <c r="G1440" s="16">
        <v>5.5478399191534749</v>
      </c>
    </row>
    <row r="1441" spans="1:7" x14ac:dyDescent="0.3">
      <c r="A1441" s="13" t="s">
        <v>22</v>
      </c>
      <c r="B1441" s="14" t="s">
        <v>1</v>
      </c>
      <c r="C1441" s="14" t="s">
        <v>23</v>
      </c>
      <c r="D1441" s="14" t="s">
        <v>24</v>
      </c>
      <c r="E1441" s="15">
        <v>45722</v>
      </c>
      <c r="F1441" s="14" t="s">
        <v>25</v>
      </c>
      <c r="G1441" s="16">
        <v>5.5192180630844909</v>
      </c>
    </row>
    <row r="1442" spans="1:7" x14ac:dyDescent="0.3">
      <c r="A1442" s="13" t="s">
        <v>22</v>
      </c>
      <c r="B1442" s="14" t="s">
        <v>1</v>
      </c>
      <c r="C1442" s="14" t="s">
        <v>23</v>
      </c>
      <c r="D1442" s="14" t="s">
        <v>24</v>
      </c>
      <c r="E1442" s="15">
        <v>45723</v>
      </c>
      <c r="F1442" s="14" t="s">
        <v>25</v>
      </c>
      <c r="G1442" s="16">
        <v>5.5104445753347884</v>
      </c>
    </row>
    <row r="1443" spans="1:7" x14ac:dyDescent="0.3">
      <c r="A1443" s="13" t="s">
        <v>22</v>
      </c>
      <c r="B1443" s="14" t="s">
        <v>1</v>
      </c>
      <c r="C1443" s="14" t="s">
        <v>23</v>
      </c>
      <c r="D1443" s="14" t="s">
        <v>24</v>
      </c>
      <c r="E1443" s="15">
        <v>45724</v>
      </c>
      <c r="F1443" s="14" t="s">
        <v>25</v>
      </c>
      <c r="G1443" s="16">
        <v>5.5104445753347884</v>
      </c>
    </row>
    <row r="1444" spans="1:7" x14ac:dyDescent="0.3">
      <c r="A1444" s="13" t="s">
        <v>22</v>
      </c>
      <c r="B1444" s="14" t="s">
        <v>1</v>
      </c>
      <c r="C1444" s="14" t="s">
        <v>23</v>
      </c>
      <c r="D1444" s="14" t="s">
        <v>24</v>
      </c>
      <c r="E1444" s="15">
        <v>45725</v>
      </c>
      <c r="F1444" s="14" t="s">
        <v>25</v>
      </c>
      <c r="G1444" s="16">
        <v>5.5104445753347884</v>
      </c>
    </row>
    <row r="1445" spans="1:7" x14ac:dyDescent="0.3">
      <c r="A1445" s="13" t="s">
        <v>22</v>
      </c>
      <c r="B1445" s="14" t="s">
        <v>1</v>
      </c>
      <c r="C1445" s="14" t="s">
        <v>23</v>
      </c>
      <c r="D1445" s="14" t="s">
        <v>24</v>
      </c>
      <c r="E1445" s="15">
        <v>45726</v>
      </c>
      <c r="F1445" s="14" t="s">
        <v>25</v>
      </c>
      <c r="G1445" s="16">
        <v>5.5426047827840206</v>
      </c>
    </row>
    <row r="1446" spans="1:7" x14ac:dyDescent="0.3">
      <c r="A1446" s="13" t="s">
        <v>22</v>
      </c>
      <c r="B1446" s="14" t="s">
        <v>1</v>
      </c>
      <c r="C1446" s="14" t="s">
        <v>23</v>
      </c>
      <c r="D1446" s="14" t="s">
        <v>24</v>
      </c>
      <c r="E1446" s="15">
        <v>45727</v>
      </c>
      <c r="F1446" s="14" t="s">
        <v>25</v>
      </c>
      <c r="G1446" s="16">
        <v>5.600320974927242</v>
      </c>
    </row>
    <row r="1447" spans="1:7" x14ac:dyDescent="0.3">
      <c r="A1447" s="13" t="s">
        <v>22</v>
      </c>
      <c r="B1447" s="14" t="s">
        <v>1</v>
      </c>
      <c r="C1447" s="14" t="s">
        <v>23</v>
      </c>
      <c r="D1447" s="14" t="s">
        <v>24</v>
      </c>
      <c r="E1447" s="15">
        <v>45728</v>
      </c>
      <c r="F1447" s="14" t="s">
        <v>25</v>
      </c>
      <c r="G1447" s="16">
        <v>5.6129460227049117</v>
      </c>
    </row>
    <row r="1448" spans="1:7" x14ac:dyDescent="0.3">
      <c r="A1448" s="13" t="s">
        <v>22</v>
      </c>
      <c r="B1448" s="14" t="s">
        <v>1</v>
      </c>
      <c r="C1448" s="14" t="s">
        <v>23</v>
      </c>
      <c r="D1448" s="14" t="s">
        <v>24</v>
      </c>
      <c r="E1448" s="15">
        <v>45729</v>
      </c>
      <c r="F1448" s="14" t="s">
        <v>25</v>
      </c>
      <c r="G1448" s="16">
        <v>5.6273581193684361</v>
      </c>
    </row>
    <row r="1449" spans="1:7" x14ac:dyDescent="0.3">
      <c r="A1449" s="13" t="s">
        <v>22</v>
      </c>
      <c r="B1449" s="14" t="s">
        <v>1</v>
      </c>
      <c r="C1449" s="14" t="s">
        <v>23</v>
      </c>
      <c r="D1449" s="14" t="s">
        <v>24</v>
      </c>
      <c r="E1449" s="15">
        <v>45730</v>
      </c>
      <c r="F1449" s="14" t="s">
        <v>25</v>
      </c>
      <c r="G1449" s="16">
        <v>5.5622079415194001</v>
      </c>
    </row>
    <row r="1450" spans="1:7" x14ac:dyDescent="0.3">
      <c r="A1450" s="13" t="s">
        <v>22</v>
      </c>
      <c r="B1450" s="14" t="s">
        <v>1</v>
      </c>
      <c r="C1450" s="14" t="s">
        <v>23</v>
      </c>
      <c r="D1450" s="14" t="s">
        <v>24</v>
      </c>
      <c r="E1450" s="15">
        <v>45731</v>
      </c>
      <c r="F1450" s="14" t="s">
        <v>25</v>
      </c>
      <c r="G1450" s="16">
        <v>5.5622079415194001</v>
      </c>
    </row>
    <row r="1451" spans="1:7" x14ac:dyDescent="0.3">
      <c r="A1451" s="13" t="s">
        <v>22</v>
      </c>
      <c r="B1451" s="14" t="s">
        <v>1</v>
      </c>
      <c r="C1451" s="14" t="s">
        <v>23</v>
      </c>
      <c r="D1451" s="14" t="s">
        <v>24</v>
      </c>
      <c r="E1451" s="15">
        <v>45732</v>
      </c>
      <c r="F1451" s="14" t="s">
        <v>25</v>
      </c>
      <c r="G1451" s="16">
        <v>5.5622079415194001</v>
      </c>
    </row>
    <row r="1452" spans="1:7" x14ac:dyDescent="0.3">
      <c r="A1452" s="13" t="s">
        <v>22</v>
      </c>
      <c r="B1452" s="14" t="s">
        <v>1</v>
      </c>
      <c r="C1452" s="14" t="s">
        <v>23</v>
      </c>
      <c r="D1452" s="14" t="s">
        <v>24</v>
      </c>
      <c r="E1452" s="15">
        <v>45733</v>
      </c>
      <c r="F1452" s="14" t="s">
        <v>25</v>
      </c>
      <c r="G1452" s="16">
        <v>5.5622079415194001</v>
      </c>
    </row>
    <row r="1453" spans="1:7" x14ac:dyDescent="0.3">
      <c r="A1453" s="13" t="s">
        <v>22</v>
      </c>
      <c r="B1453" s="14" t="s">
        <v>1</v>
      </c>
      <c r="C1453" s="14" t="s">
        <v>23</v>
      </c>
      <c r="D1453" s="14" t="s">
        <v>24</v>
      </c>
      <c r="E1453" s="15">
        <v>45734</v>
      </c>
      <c r="F1453" s="14" t="s">
        <v>25</v>
      </c>
      <c r="G1453" s="16">
        <v>5.5212098597442258</v>
      </c>
    </row>
    <row r="1454" spans="1:7" x14ac:dyDescent="0.3">
      <c r="A1454" s="13" t="s">
        <v>22</v>
      </c>
      <c r="B1454" s="14" t="s">
        <v>1</v>
      </c>
      <c r="C1454" s="14" t="s">
        <v>23</v>
      </c>
      <c r="D1454" s="14" t="s">
        <v>24</v>
      </c>
      <c r="E1454" s="15">
        <v>45735</v>
      </c>
      <c r="F1454" s="14" t="s">
        <v>25</v>
      </c>
      <c r="G1454" s="16">
        <v>5.5812636680180541</v>
      </c>
    </row>
    <row r="1455" spans="1:7" x14ac:dyDescent="0.3">
      <c r="A1455" s="13" t="s">
        <v>22</v>
      </c>
      <c r="B1455" s="14" t="s">
        <v>1</v>
      </c>
      <c r="C1455" s="14" t="s">
        <v>23</v>
      </c>
      <c r="D1455" s="14" t="s">
        <v>24</v>
      </c>
      <c r="E1455" s="15">
        <v>45736</v>
      </c>
      <c r="F1455" s="14" t="s">
        <v>25</v>
      </c>
      <c r="G1455" s="16">
        <v>5.6270670054012593</v>
      </c>
    </row>
    <row r="1456" spans="1:7" x14ac:dyDescent="0.3">
      <c r="A1456" s="13" t="s">
        <v>22</v>
      </c>
      <c r="B1456" s="14" t="s">
        <v>1</v>
      </c>
      <c r="C1456" s="14" t="s">
        <v>23</v>
      </c>
      <c r="D1456" s="14" t="s">
        <v>24</v>
      </c>
      <c r="E1456" s="15">
        <v>45737</v>
      </c>
      <c r="F1456" s="14" t="s">
        <v>25</v>
      </c>
      <c r="G1456" s="16">
        <v>5.6495941554941096</v>
      </c>
    </row>
    <row r="1457" spans="1:7" x14ac:dyDescent="0.3">
      <c r="A1457" s="13" t="s">
        <v>22</v>
      </c>
      <c r="B1457" s="14" t="s">
        <v>1</v>
      </c>
      <c r="C1457" s="14" t="s">
        <v>23</v>
      </c>
      <c r="D1457" s="14" t="s">
        <v>24</v>
      </c>
      <c r="E1457" s="15">
        <v>45738</v>
      </c>
      <c r="F1457" s="14" t="s">
        <v>25</v>
      </c>
      <c r="G1457" s="16">
        <v>5.6495941554941096</v>
      </c>
    </row>
    <row r="1458" spans="1:7" x14ac:dyDescent="0.3">
      <c r="A1458" s="13" t="s">
        <v>22</v>
      </c>
      <c r="B1458" s="14" t="s">
        <v>1</v>
      </c>
      <c r="C1458" s="14" t="s">
        <v>23</v>
      </c>
      <c r="D1458" s="14" t="s">
        <v>24</v>
      </c>
      <c r="E1458" s="15">
        <v>45739</v>
      </c>
      <c r="F1458" s="14" t="s">
        <v>25</v>
      </c>
      <c r="G1458" s="16">
        <v>5.6495941554941096</v>
      </c>
    </row>
    <row r="1459" spans="1:7" x14ac:dyDescent="0.3">
      <c r="A1459" s="13" t="s">
        <v>22</v>
      </c>
      <c r="B1459" s="14" t="s">
        <v>1</v>
      </c>
      <c r="C1459" s="14" t="s">
        <v>23</v>
      </c>
      <c r="D1459" s="14" t="s">
        <v>24</v>
      </c>
      <c r="E1459" s="15">
        <v>45740</v>
      </c>
      <c r="F1459" s="14" t="s">
        <v>25</v>
      </c>
      <c r="G1459" s="16">
        <v>5.6641822881331843</v>
      </c>
    </row>
    <row r="1460" spans="1:7" x14ac:dyDescent="0.3">
      <c r="A1460" s="13" t="s">
        <v>22</v>
      </c>
      <c r="B1460" s="14" t="s">
        <v>1</v>
      </c>
      <c r="C1460" s="14" t="s">
        <v>23</v>
      </c>
      <c r="D1460" s="14" t="s">
        <v>24</v>
      </c>
      <c r="E1460" s="15">
        <v>45741</v>
      </c>
      <c r="F1460" s="14" t="s">
        <v>25</v>
      </c>
      <c r="G1460" s="16">
        <v>5.7092164560141505</v>
      </c>
    </row>
    <row r="1461" spans="1:7" x14ac:dyDescent="0.3">
      <c r="A1461" s="13" t="s">
        <v>22</v>
      </c>
      <c r="B1461" s="14" t="s">
        <v>1</v>
      </c>
      <c r="C1461" s="14" t="s">
        <v>23</v>
      </c>
      <c r="D1461" s="14" t="s">
        <v>24</v>
      </c>
      <c r="E1461" s="15">
        <v>45742</v>
      </c>
      <c r="F1461" s="14" t="s">
        <v>25</v>
      </c>
      <c r="G1461" s="16">
        <v>5.7315017662836691</v>
      </c>
    </row>
    <row r="1462" spans="1:7" x14ac:dyDescent="0.3">
      <c r="A1462" s="13" t="s">
        <v>22</v>
      </c>
      <c r="B1462" s="14" t="s">
        <v>1</v>
      </c>
      <c r="C1462" s="14" t="s">
        <v>23</v>
      </c>
      <c r="D1462" s="14" t="s">
        <v>24</v>
      </c>
      <c r="E1462" s="15">
        <v>45743</v>
      </c>
      <c r="F1462" s="14" t="s">
        <v>25</v>
      </c>
      <c r="G1462" s="16">
        <v>5.7332574023859895</v>
      </c>
    </row>
    <row r="1463" spans="1:7" x14ac:dyDescent="0.3">
      <c r="A1463" s="13" t="s">
        <v>22</v>
      </c>
      <c r="B1463" s="14" t="s">
        <v>1</v>
      </c>
      <c r="C1463" s="14" t="s">
        <v>23</v>
      </c>
      <c r="D1463" s="14" t="s">
        <v>24</v>
      </c>
      <c r="E1463" s="15">
        <v>45744</v>
      </c>
      <c r="F1463" s="14" t="s">
        <v>25</v>
      </c>
      <c r="G1463" s="16">
        <v>5.7424886396706487</v>
      </c>
    </row>
    <row r="1464" spans="1:7" x14ac:dyDescent="0.3">
      <c r="A1464" s="13" t="s">
        <v>22</v>
      </c>
      <c r="B1464" s="14" t="s">
        <v>1</v>
      </c>
      <c r="C1464" s="14" t="s">
        <v>23</v>
      </c>
      <c r="D1464" s="14" t="s">
        <v>24</v>
      </c>
      <c r="E1464" s="15">
        <v>45745</v>
      </c>
      <c r="F1464" s="14" t="s">
        <v>25</v>
      </c>
      <c r="G1464" s="16">
        <v>5.7424886396706487</v>
      </c>
    </row>
    <row r="1465" spans="1:7" x14ac:dyDescent="0.3">
      <c r="A1465" s="13" t="s">
        <v>22</v>
      </c>
      <c r="B1465" s="14" t="s">
        <v>1</v>
      </c>
      <c r="C1465" s="14" t="s">
        <v>23</v>
      </c>
      <c r="D1465" s="14" t="s">
        <v>24</v>
      </c>
      <c r="E1465" s="15">
        <v>45746</v>
      </c>
      <c r="F1465" s="14" t="s">
        <v>25</v>
      </c>
      <c r="G1465" s="16">
        <v>5.7424886396706487</v>
      </c>
    </row>
    <row r="1466" spans="1:7" x14ac:dyDescent="0.3">
      <c r="A1466" s="13" t="s">
        <v>22</v>
      </c>
      <c r="B1466" s="14" t="s">
        <v>1</v>
      </c>
      <c r="C1466" s="14" t="s">
        <v>23</v>
      </c>
      <c r="D1466" s="14" t="s">
        <v>24</v>
      </c>
      <c r="E1466" s="15">
        <v>45747</v>
      </c>
      <c r="F1466" s="14" t="s">
        <v>25</v>
      </c>
      <c r="G1466" s="16">
        <v>5.782995515836129</v>
      </c>
    </row>
    <row r="1467" spans="1:7" x14ac:dyDescent="0.3">
      <c r="A1467" s="13" t="s">
        <v>26</v>
      </c>
      <c r="B1467" s="14" t="s">
        <v>1</v>
      </c>
      <c r="C1467" s="14" t="s">
        <v>23</v>
      </c>
      <c r="D1467" s="14" t="s">
        <v>27</v>
      </c>
      <c r="E1467" s="15">
        <v>45383</v>
      </c>
      <c r="F1467" s="14" t="s">
        <v>28</v>
      </c>
      <c r="G1467" s="16">
        <v>0</v>
      </c>
    </row>
    <row r="1468" spans="1:7" x14ac:dyDescent="0.3">
      <c r="A1468" s="13" t="s">
        <v>26</v>
      </c>
      <c r="B1468" s="14" t="s">
        <v>1</v>
      </c>
      <c r="C1468" s="14" t="s">
        <v>23</v>
      </c>
      <c r="D1468" s="14" t="s">
        <v>27</v>
      </c>
      <c r="E1468" s="15">
        <v>45384</v>
      </c>
      <c r="F1468" s="14" t="s">
        <v>28</v>
      </c>
      <c r="G1468" s="16">
        <v>0</v>
      </c>
    </row>
    <row r="1469" spans="1:7" x14ac:dyDescent="0.3">
      <c r="A1469" s="13" t="s">
        <v>26</v>
      </c>
      <c r="B1469" s="14" t="s">
        <v>1</v>
      </c>
      <c r="C1469" s="14" t="s">
        <v>23</v>
      </c>
      <c r="D1469" s="14" t="s">
        <v>27</v>
      </c>
      <c r="E1469" s="15">
        <v>45385</v>
      </c>
      <c r="F1469" s="14" t="s">
        <v>28</v>
      </c>
      <c r="G1469" s="16">
        <v>6.6081711747455141E-2</v>
      </c>
    </row>
    <row r="1470" spans="1:7" x14ac:dyDescent="0.3">
      <c r="A1470" s="13" t="s">
        <v>26</v>
      </c>
      <c r="B1470" s="14" t="s">
        <v>1</v>
      </c>
      <c r="C1470" s="14" t="s">
        <v>23</v>
      </c>
      <c r="D1470" s="14" t="s">
        <v>27</v>
      </c>
      <c r="E1470" s="15">
        <v>45386</v>
      </c>
      <c r="F1470" s="14" t="s">
        <v>28</v>
      </c>
      <c r="G1470" s="16">
        <v>8.338943417658809E-2</v>
      </c>
    </row>
    <row r="1471" spans="1:7" x14ac:dyDescent="0.3">
      <c r="A1471" s="13" t="s">
        <v>26</v>
      </c>
      <c r="B1471" s="14" t="s">
        <v>1</v>
      </c>
      <c r="C1471" s="14" t="s">
        <v>23</v>
      </c>
      <c r="D1471" s="14" t="s">
        <v>27</v>
      </c>
      <c r="E1471" s="15">
        <v>45387</v>
      </c>
      <c r="F1471" s="14" t="s">
        <v>28</v>
      </c>
      <c r="G1471" s="16">
        <v>0.11175688945516069</v>
      </c>
    </row>
    <row r="1472" spans="1:7" x14ac:dyDescent="0.3">
      <c r="A1472" s="13" t="s">
        <v>26</v>
      </c>
      <c r="B1472" s="14" t="s">
        <v>1</v>
      </c>
      <c r="C1472" s="14" t="s">
        <v>23</v>
      </c>
      <c r="D1472" s="14" t="s">
        <v>27</v>
      </c>
      <c r="E1472" s="15">
        <v>45388</v>
      </c>
      <c r="F1472" s="14" t="s">
        <v>28</v>
      </c>
      <c r="G1472" s="16">
        <v>0.11175688945516069</v>
      </c>
    </row>
    <row r="1473" spans="1:7" x14ac:dyDescent="0.3">
      <c r="A1473" s="13" t="s">
        <v>26</v>
      </c>
      <c r="B1473" s="14" t="s">
        <v>1</v>
      </c>
      <c r="C1473" s="14" t="s">
        <v>23</v>
      </c>
      <c r="D1473" s="14" t="s">
        <v>27</v>
      </c>
      <c r="E1473" s="15">
        <v>45389</v>
      </c>
      <c r="F1473" s="14" t="s">
        <v>28</v>
      </c>
      <c r="G1473" s="16">
        <v>0.11175688945516069</v>
      </c>
    </row>
    <row r="1474" spans="1:7" x14ac:dyDescent="0.3">
      <c r="A1474" s="13" t="s">
        <v>26</v>
      </c>
      <c r="B1474" s="14" t="s">
        <v>1</v>
      </c>
      <c r="C1474" s="14" t="s">
        <v>23</v>
      </c>
      <c r="D1474" s="14" t="s">
        <v>27</v>
      </c>
      <c r="E1474" s="15">
        <v>45390</v>
      </c>
      <c r="F1474" s="14" t="s">
        <v>28</v>
      </c>
      <c r="G1474" s="16">
        <v>0.12684207101370398</v>
      </c>
    </row>
    <row r="1475" spans="1:7" x14ac:dyDescent="0.3">
      <c r="A1475" s="13" t="s">
        <v>26</v>
      </c>
      <c r="B1475" s="14" t="s">
        <v>1</v>
      </c>
      <c r="C1475" s="14" t="s">
        <v>23</v>
      </c>
      <c r="D1475" s="14" t="s">
        <v>27</v>
      </c>
      <c r="E1475" s="15">
        <v>45391</v>
      </c>
      <c r="F1475" s="14" t="s">
        <v>28</v>
      </c>
      <c r="G1475" s="16">
        <v>0.17207749876925058</v>
      </c>
    </row>
    <row r="1476" spans="1:7" x14ac:dyDescent="0.3">
      <c r="A1476" s="13" t="s">
        <v>26</v>
      </c>
      <c r="B1476" s="14" t="s">
        <v>1</v>
      </c>
      <c r="C1476" s="14" t="s">
        <v>23</v>
      </c>
      <c r="D1476" s="14" t="s">
        <v>27</v>
      </c>
      <c r="E1476" s="15">
        <v>45392</v>
      </c>
      <c r="F1476" s="14" t="s">
        <v>28</v>
      </c>
      <c r="G1476" s="16">
        <v>0.19160991488349047</v>
      </c>
    </row>
    <row r="1477" spans="1:7" x14ac:dyDescent="0.3">
      <c r="A1477" s="13" t="s">
        <v>26</v>
      </c>
      <c r="B1477" s="14" t="s">
        <v>1</v>
      </c>
      <c r="C1477" s="14" t="s">
        <v>23</v>
      </c>
      <c r="D1477" s="14" t="s">
        <v>27</v>
      </c>
      <c r="E1477" s="15">
        <v>45393</v>
      </c>
      <c r="F1477" s="14" t="s">
        <v>28</v>
      </c>
      <c r="G1477" s="16">
        <v>0.20808786096160681</v>
      </c>
    </row>
    <row r="1478" spans="1:7" x14ac:dyDescent="0.3">
      <c r="A1478" s="13" t="s">
        <v>26</v>
      </c>
      <c r="B1478" s="14" t="s">
        <v>1</v>
      </c>
      <c r="C1478" s="14" t="s">
        <v>23</v>
      </c>
      <c r="D1478" s="14" t="s">
        <v>27</v>
      </c>
      <c r="E1478" s="15">
        <v>45394</v>
      </c>
      <c r="F1478" s="14" t="s">
        <v>28</v>
      </c>
      <c r="G1478" s="16">
        <v>0.22471893717741803</v>
      </c>
    </row>
    <row r="1479" spans="1:7" x14ac:dyDescent="0.3">
      <c r="A1479" s="13" t="s">
        <v>26</v>
      </c>
      <c r="B1479" s="14" t="s">
        <v>1</v>
      </c>
      <c r="C1479" s="14" t="s">
        <v>23</v>
      </c>
      <c r="D1479" s="14" t="s">
        <v>27</v>
      </c>
      <c r="E1479" s="15">
        <v>45395</v>
      </c>
      <c r="F1479" s="14" t="s">
        <v>28</v>
      </c>
      <c r="G1479" s="16">
        <v>0.22471893717741803</v>
      </c>
    </row>
    <row r="1480" spans="1:7" x14ac:dyDescent="0.3">
      <c r="A1480" s="13" t="s">
        <v>26</v>
      </c>
      <c r="B1480" s="14" t="s">
        <v>1</v>
      </c>
      <c r="C1480" s="14" t="s">
        <v>23</v>
      </c>
      <c r="D1480" s="14" t="s">
        <v>27</v>
      </c>
      <c r="E1480" s="15">
        <v>45396</v>
      </c>
      <c r="F1480" s="14" t="s">
        <v>28</v>
      </c>
      <c r="G1480" s="16">
        <v>0.22471893717741803</v>
      </c>
    </row>
    <row r="1481" spans="1:7" x14ac:dyDescent="0.3">
      <c r="A1481" s="13" t="s">
        <v>26</v>
      </c>
      <c r="B1481" s="14" t="s">
        <v>1</v>
      </c>
      <c r="C1481" s="14" t="s">
        <v>23</v>
      </c>
      <c r="D1481" s="14" t="s">
        <v>27</v>
      </c>
      <c r="E1481" s="15">
        <v>45397</v>
      </c>
      <c r="F1481" s="14" t="s">
        <v>28</v>
      </c>
      <c r="G1481" s="16">
        <v>0.24153956831594706</v>
      </c>
    </row>
    <row r="1482" spans="1:7" x14ac:dyDescent="0.3">
      <c r="A1482" s="13" t="s">
        <v>26</v>
      </c>
      <c r="B1482" s="14" t="s">
        <v>1</v>
      </c>
      <c r="C1482" s="14" t="s">
        <v>23</v>
      </c>
      <c r="D1482" s="14" t="s">
        <v>27</v>
      </c>
      <c r="E1482" s="15">
        <v>45398</v>
      </c>
      <c r="F1482" s="14" t="s">
        <v>28</v>
      </c>
      <c r="G1482" s="16">
        <v>0.28707173452514645</v>
      </c>
    </row>
    <row r="1483" spans="1:7" x14ac:dyDescent="0.3">
      <c r="A1483" s="13" t="s">
        <v>26</v>
      </c>
      <c r="B1483" s="14" t="s">
        <v>1</v>
      </c>
      <c r="C1483" s="14" t="s">
        <v>23</v>
      </c>
      <c r="D1483" s="14" t="s">
        <v>27</v>
      </c>
      <c r="E1483" s="15">
        <v>45399</v>
      </c>
      <c r="F1483" s="14" t="s">
        <v>28</v>
      </c>
      <c r="G1483" s="16">
        <v>0.30099949986975727</v>
      </c>
    </row>
    <row r="1484" spans="1:7" x14ac:dyDescent="0.3">
      <c r="A1484" s="13" t="s">
        <v>26</v>
      </c>
      <c r="B1484" s="14" t="s">
        <v>1</v>
      </c>
      <c r="C1484" s="14" t="s">
        <v>23</v>
      </c>
      <c r="D1484" s="14" t="s">
        <v>27</v>
      </c>
      <c r="E1484" s="15">
        <v>45400</v>
      </c>
      <c r="F1484" s="14" t="s">
        <v>28</v>
      </c>
      <c r="G1484" s="16">
        <v>0.3162789077707332</v>
      </c>
    </row>
    <row r="1485" spans="1:7" x14ac:dyDescent="0.3">
      <c r="A1485" s="13" t="s">
        <v>26</v>
      </c>
      <c r="B1485" s="14" t="s">
        <v>1</v>
      </c>
      <c r="C1485" s="14" t="s">
        <v>23</v>
      </c>
      <c r="D1485" s="14" t="s">
        <v>27</v>
      </c>
      <c r="E1485" s="15">
        <v>45401</v>
      </c>
      <c r="F1485" s="14" t="s">
        <v>28</v>
      </c>
      <c r="G1485" s="16">
        <v>0.33113178492776096</v>
      </c>
    </row>
    <row r="1486" spans="1:7" x14ac:dyDescent="0.3">
      <c r="A1486" s="13" t="s">
        <v>26</v>
      </c>
      <c r="B1486" s="14" t="s">
        <v>1</v>
      </c>
      <c r="C1486" s="14" t="s">
        <v>23</v>
      </c>
      <c r="D1486" s="14" t="s">
        <v>27</v>
      </c>
      <c r="E1486" s="15">
        <v>45402</v>
      </c>
      <c r="F1486" s="14" t="s">
        <v>28</v>
      </c>
      <c r="G1486" s="16">
        <v>0.33113178492776096</v>
      </c>
    </row>
    <row r="1487" spans="1:7" x14ac:dyDescent="0.3">
      <c r="A1487" s="13" t="s">
        <v>26</v>
      </c>
      <c r="B1487" s="14" t="s">
        <v>1</v>
      </c>
      <c r="C1487" s="14" t="s">
        <v>23</v>
      </c>
      <c r="D1487" s="14" t="s">
        <v>27</v>
      </c>
      <c r="E1487" s="15">
        <v>45403</v>
      </c>
      <c r="F1487" s="14" t="s">
        <v>28</v>
      </c>
      <c r="G1487" s="16">
        <v>0.33113178492776096</v>
      </c>
    </row>
    <row r="1488" spans="1:7" x14ac:dyDescent="0.3">
      <c r="A1488" s="13" t="s">
        <v>26</v>
      </c>
      <c r="B1488" s="14" t="s">
        <v>1</v>
      </c>
      <c r="C1488" s="14" t="s">
        <v>23</v>
      </c>
      <c r="D1488" s="14" t="s">
        <v>27</v>
      </c>
      <c r="E1488" s="15">
        <v>45404</v>
      </c>
      <c r="F1488" s="14" t="s">
        <v>28</v>
      </c>
      <c r="G1488" s="16">
        <v>0.35381186116499619</v>
      </c>
    </row>
    <row r="1489" spans="1:7" x14ac:dyDescent="0.3">
      <c r="A1489" s="13" t="s">
        <v>26</v>
      </c>
      <c r="B1489" s="14" t="s">
        <v>1</v>
      </c>
      <c r="C1489" s="14" t="s">
        <v>23</v>
      </c>
      <c r="D1489" s="14" t="s">
        <v>27</v>
      </c>
      <c r="E1489" s="15">
        <v>45405</v>
      </c>
      <c r="F1489" s="14" t="s">
        <v>28</v>
      </c>
      <c r="G1489" s="16">
        <v>0.39166288360562734</v>
      </c>
    </row>
    <row r="1490" spans="1:7" x14ac:dyDescent="0.3">
      <c r="A1490" s="13" t="s">
        <v>26</v>
      </c>
      <c r="B1490" s="14" t="s">
        <v>1</v>
      </c>
      <c r="C1490" s="14" t="s">
        <v>23</v>
      </c>
      <c r="D1490" s="14" t="s">
        <v>27</v>
      </c>
      <c r="E1490" s="15">
        <v>45406</v>
      </c>
      <c r="F1490" s="14" t="s">
        <v>28</v>
      </c>
      <c r="G1490" s="16">
        <v>0.40391303738915851</v>
      </c>
    </row>
    <row r="1491" spans="1:7" x14ac:dyDescent="0.3">
      <c r="A1491" s="13" t="s">
        <v>26</v>
      </c>
      <c r="B1491" s="14" t="s">
        <v>1</v>
      </c>
      <c r="C1491" s="14" t="s">
        <v>23</v>
      </c>
      <c r="D1491" s="14" t="s">
        <v>27</v>
      </c>
      <c r="E1491" s="15">
        <v>45407</v>
      </c>
      <c r="F1491" s="14" t="s">
        <v>28</v>
      </c>
      <c r="G1491" s="16">
        <v>0.3654042340056361</v>
      </c>
    </row>
    <row r="1492" spans="1:7" x14ac:dyDescent="0.3">
      <c r="A1492" s="13" t="s">
        <v>26</v>
      </c>
      <c r="B1492" s="14" t="s">
        <v>1</v>
      </c>
      <c r="C1492" s="14" t="s">
        <v>23</v>
      </c>
      <c r="D1492" s="14" t="s">
        <v>27</v>
      </c>
      <c r="E1492" s="15">
        <v>45408</v>
      </c>
      <c r="F1492" s="14" t="s">
        <v>28</v>
      </c>
      <c r="G1492" s="16">
        <v>0.38006657882938316</v>
      </c>
    </row>
    <row r="1493" spans="1:7" x14ac:dyDescent="0.3">
      <c r="A1493" s="13" t="s">
        <v>26</v>
      </c>
      <c r="B1493" s="14" t="s">
        <v>1</v>
      </c>
      <c r="C1493" s="14" t="s">
        <v>23</v>
      </c>
      <c r="D1493" s="14" t="s">
        <v>27</v>
      </c>
      <c r="E1493" s="15">
        <v>45409</v>
      </c>
      <c r="F1493" s="14" t="s">
        <v>28</v>
      </c>
      <c r="G1493" s="16">
        <v>0.38006657882938316</v>
      </c>
    </row>
    <row r="1494" spans="1:7" x14ac:dyDescent="0.3">
      <c r="A1494" s="13" t="s">
        <v>26</v>
      </c>
      <c r="B1494" s="14" t="s">
        <v>1</v>
      </c>
      <c r="C1494" s="14" t="s">
        <v>23</v>
      </c>
      <c r="D1494" s="14" t="s">
        <v>27</v>
      </c>
      <c r="E1494" s="15">
        <v>45410</v>
      </c>
      <c r="F1494" s="14" t="s">
        <v>28</v>
      </c>
      <c r="G1494" s="16">
        <v>0.38006657882938316</v>
      </c>
    </row>
    <row r="1495" spans="1:7" x14ac:dyDescent="0.3">
      <c r="A1495" s="13" t="s">
        <v>26</v>
      </c>
      <c r="B1495" s="14" t="s">
        <v>1</v>
      </c>
      <c r="C1495" s="14" t="s">
        <v>23</v>
      </c>
      <c r="D1495" s="14" t="s">
        <v>27</v>
      </c>
      <c r="E1495" s="15">
        <v>45411</v>
      </c>
      <c r="F1495" s="14" t="s">
        <v>28</v>
      </c>
      <c r="G1495" s="16">
        <v>0.39464570323733361</v>
      </c>
    </row>
    <row r="1496" spans="1:7" x14ac:dyDescent="0.3">
      <c r="A1496" s="13" t="s">
        <v>26</v>
      </c>
      <c r="B1496" s="14" t="s">
        <v>1</v>
      </c>
      <c r="C1496" s="14" t="s">
        <v>23</v>
      </c>
      <c r="D1496" s="14" t="s">
        <v>27</v>
      </c>
      <c r="E1496" s="15">
        <v>45412</v>
      </c>
      <c r="F1496" s="14" t="s">
        <v>28</v>
      </c>
      <c r="G1496" s="16">
        <v>0.44307274042760697</v>
      </c>
    </row>
    <row r="1497" spans="1:7" x14ac:dyDescent="0.3">
      <c r="A1497" s="13" t="s">
        <v>26</v>
      </c>
      <c r="B1497" s="14" t="s">
        <v>1</v>
      </c>
      <c r="C1497" s="14" t="s">
        <v>23</v>
      </c>
      <c r="D1497" s="14" t="s">
        <v>27</v>
      </c>
      <c r="E1497" s="15">
        <v>45413</v>
      </c>
      <c r="F1497" s="14" t="s">
        <v>28</v>
      </c>
      <c r="G1497" s="16">
        <v>0.45686061873436756</v>
      </c>
    </row>
    <row r="1498" spans="1:7" x14ac:dyDescent="0.3">
      <c r="A1498" s="13" t="s">
        <v>26</v>
      </c>
      <c r="B1498" s="14" t="s">
        <v>1</v>
      </c>
      <c r="C1498" s="14" t="s">
        <v>23</v>
      </c>
      <c r="D1498" s="14" t="s">
        <v>27</v>
      </c>
      <c r="E1498" s="15">
        <v>45414</v>
      </c>
      <c r="F1498" s="14" t="s">
        <v>28</v>
      </c>
      <c r="G1498" s="16">
        <v>0.47044703588650438</v>
      </c>
    </row>
    <row r="1499" spans="1:7" x14ac:dyDescent="0.3">
      <c r="A1499" s="13" t="s">
        <v>26</v>
      </c>
      <c r="B1499" s="14" t="s">
        <v>1</v>
      </c>
      <c r="C1499" s="14" t="s">
        <v>23</v>
      </c>
      <c r="D1499" s="14" t="s">
        <v>27</v>
      </c>
      <c r="E1499" s="15">
        <v>45415</v>
      </c>
      <c r="F1499" s="14" t="s">
        <v>28</v>
      </c>
      <c r="G1499" s="16">
        <v>0.48405173705643123</v>
      </c>
    </row>
    <row r="1500" spans="1:7" x14ac:dyDescent="0.3">
      <c r="A1500" s="13" t="s">
        <v>26</v>
      </c>
      <c r="B1500" s="14" t="s">
        <v>1</v>
      </c>
      <c r="C1500" s="14" t="s">
        <v>23</v>
      </c>
      <c r="D1500" s="14" t="s">
        <v>27</v>
      </c>
      <c r="E1500" s="15">
        <v>45416</v>
      </c>
      <c r="F1500" s="14" t="s">
        <v>28</v>
      </c>
      <c r="G1500" s="16">
        <v>0.48405173705643123</v>
      </c>
    </row>
    <row r="1501" spans="1:7" x14ac:dyDescent="0.3">
      <c r="A1501" s="13" t="s">
        <v>26</v>
      </c>
      <c r="B1501" s="14" t="s">
        <v>1</v>
      </c>
      <c r="C1501" s="14" t="s">
        <v>23</v>
      </c>
      <c r="D1501" s="14" t="s">
        <v>27</v>
      </c>
      <c r="E1501" s="15">
        <v>45417</v>
      </c>
      <c r="F1501" s="14" t="s">
        <v>28</v>
      </c>
      <c r="G1501" s="16">
        <v>0.48405173705643123</v>
      </c>
    </row>
    <row r="1502" spans="1:7" x14ac:dyDescent="0.3">
      <c r="A1502" s="13" t="s">
        <v>26</v>
      </c>
      <c r="B1502" s="14" t="s">
        <v>1</v>
      </c>
      <c r="C1502" s="14" t="s">
        <v>23</v>
      </c>
      <c r="D1502" s="14" t="s">
        <v>27</v>
      </c>
      <c r="E1502" s="15">
        <v>45418</v>
      </c>
      <c r="F1502" s="14" t="s">
        <v>28</v>
      </c>
      <c r="G1502" s="16">
        <v>0.48405173705643123</v>
      </c>
    </row>
    <row r="1503" spans="1:7" x14ac:dyDescent="0.3">
      <c r="A1503" s="13" t="s">
        <v>26</v>
      </c>
      <c r="B1503" s="14" t="s">
        <v>1</v>
      </c>
      <c r="C1503" s="14" t="s">
        <v>23</v>
      </c>
      <c r="D1503" s="14" t="s">
        <v>27</v>
      </c>
      <c r="E1503" s="15">
        <v>45419</v>
      </c>
      <c r="F1503" s="14" t="s">
        <v>28</v>
      </c>
      <c r="G1503" s="16">
        <v>0.50048031270025706</v>
      </c>
    </row>
    <row r="1504" spans="1:7" x14ac:dyDescent="0.3">
      <c r="A1504" s="13" t="s">
        <v>26</v>
      </c>
      <c r="B1504" s="14" t="s">
        <v>1</v>
      </c>
      <c r="C1504" s="14" t="s">
        <v>23</v>
      </c>
      <c r="D1504" s="14" t="s">
        <v>27</v>
      </c>
      <c r="E1504" s="15">
        <v>45420</v>
      </c>
      <c r="F1504" s="14" t="s">
        <v>28</v>
      </c>
      <c r="G1504" s="16">
        <v>0.57897207218611091</v>
      </c>
    </row>
    <row r="1505" spans="1:7" x14ac:dyDescent="0.3">
      <c r="A1505" s="13" t="s">
        <v>26</v>
      </c>
      <c r="B1505" s="14" t="s">
        <v>1</v>
      </c>
      <c r="C1505" s="14" t="s">
        <v>23</v>
      </c>
      <c r="D1505" s="14" t="s">
        <v>27</v>
      </c>
      <c r="E1505" s="15">
        <v>45421</v>
      </c>
      <c r="F1505" s="14" t="s">
        <v>28</v>
      </c>
      <c r="G1505" s="16">
        <v>0.59304566402870529</v>
      </c>
    </row>
    <row r="1506" spans="1:7" x14ac:dyDescent="0.3">
      <c r="A1506" s="13" t="s">
        <v>26</v>
      </c>
      <c r="B1506" s="14" t="s">
        <v>1</v>
      </c>
      <c r="C1506" s="14" t="s">
        <v>23</v>
      </c>
      <c r="D1506" s="14" t="s">
        <v>27</v>
      </c>
      <c r="E1506" s="15">
        <v>45422</v>
      </c>
      <c r="F1506" s="14" t="s">
        <v>28</v>
      </c>
      <c r="G1506" s="16">
        <v>0.60915664933308589</v>
      </c>
    </row>
    <row r="1507" spans="1:7" x14ac:dyDescent="0.3">
      <c r="A1507" s="13" t="s">
        <v>26</v>
      </c>
      <c r="B1507" s="14" t="s">
        <v>1</v>
      </c>
      <c r="C1507" s="14" t="s">
        <v>23</v>
      </c>
      <c r="D1507" s="14" t="s">
        <v>27</v>
      </c>
      <c r="E1507" s="15">
        <v>45423</v>
      </c>
      <c r="F1507" s="14" t="s">
        <v>28</v>
      </c>
      <c r="G1507" s="16">
        <v>0.60915664933308589</v>
      </c>
    </row>
    <row r="1508" spans="1:7" x14ac:dyDescent="0.3">
      <c r="A1508" s="13" t="s">
        <v>26</v>
      </c>
      <c r="B1508" s="14" t="s">
        <v>1</v>
      </c>
      <c r="C1508" s="14" t="s">
        <v>23</v>
      </c>
      <c r="D1508" s="14" t="s">
        <v>27</v>
      </c>
      <c r="E1508" s="15">
        <v>45424</v>
      </c>
      <c r="F1508" s="14" t="s">
        <v>28</v>
      </c>
      <c r="G1508" s="16">
        <v>0.60915664933308589</v>
      </c>
    </row>
    <row r="1509" spans="1:7" x14ac:dyDescent="0.3">
      <c r="A1509" s="13" t="s">
        <v>26</v>
      </c>
      <c r="B1509" s="14" t="s">
        <v>1</v>
      </c>
      <c r="C1509" s="14" t="s">
        <v>23</v>
      </c>
      <c r="D1509" s="14" t="s">
        <v>27</v>
      </c>
      <c r="E1509" s="15">
        <v>45425</v>
      </c>
      <c r="F1509" s="14" t="s">
        <v>28</v>
      </c>
      <c r="G1509" s="16">
        <v>0.62472962126321441</v>
      </c>
    </row>
    <row r="1510" spans="1:7" x14ac:dyDescent="0.3">
      <c r="A1510" s="13" t="s">
        <v>26</v>
      </c>
      <c r="B1510" s="14" t="s">
        <v>1</v>
      </c>
      <c r="C1510" s="14" t="s">
        <v>23</v>
      </c>
      <c r="D1510" s="14" t="s">
        <v>27</v>
      </c>
      <c r="E1510" s="15">
        <v>45426</v>
      </c>
      <c r="F1510" s="14" t="s">
        <v>28</v>
      </c>
      <c r="G1510" s="16">
        <v>0.67176923095739582</v>
      </c>
    </row>
    <row r="1511" spans="1:7" x14ac:dyDescent="0.3">
      <c r="A1511" s="13" t="s">
        <v>26</v>
      </c>
      <c r="B1511" s="14" t="s">
        <v>1</v>
      </c>
      <c r="C1511" s="14" t="s">
        <v>23</v>
      </c>
      <c r="D1511" s="14" t="s">
        <v>27</v>
      </c>
      <c r="E1511" s="15">
        <v>45427</v>
      </c>
      <c r="F1511" s="14" t="s">
        <v>28</v>
      </c>
      <c r="G1511" s="16">
        <v>0.68372594853376534</v>
      </c>
    </row>
    <row r="1512" spans="1:7" x14ac:dyDescent="0.3">
      <c r="A1512" s="13" t="s">
        <v>26</v>
      </c>
      <c r="B1512" s="14" t="s">
        <v>1</v>
      </c>
      <c r="C1512" s="14" t="s">
        <v>23</v>
      </c>
      <c r="D1512" s="14" t="s">
        <v>27</v>
      </c>
      <c r="E1512" s="15">
        <v>45428</v>
      </c>
      <c r="F1512" s="14" t="s">
        <v>28</v>
      </c>
      <c r="G1512" s="16">
        <v>0.69953404789327689</v>
      </c>
    </row>
    <row r="1513" spans="1:7" x14ac:dyDescent="0.3">
      <c r="A1513" s="13" t="s">
        <v>26</v>
      </c>
      <c r="B1513" s="14" t="s">
        <v>1</v>
      </c>
      <c r="C1513" s="14" t="s">
        <v>23</v>
      </c>
      <c r="D1513" s="14" t="s">
        <v>27</v>
      </c>
      <c r="E1513" s="15">
        <v>45429</v>
      </c>
      <c r="F1513" s="14" t="s">
        <v>28</v>
      </c>
      <c r="G1513" s="16">
        <v>0.71481053228977587</v>
      </c>
    </row>
    <row r="1514" spans="1:7" x14ac:dyDescent="0.3">
      <c r="A1514" s="13" t="s">
        <v>26</v>
      </c>
      <c r="B1514" s="14" t="s">
        <v>1</v>
      </c>
      <c r="C1514" s="14" t="s">
        <v>23</v>
      </c>
      <c r="D1514" s="14" t="s">
        <v>27</v>
      </c>
      <c r="E1514" s="15">
        <v>45430</v>
      </c>
      <c r="F1514" s="14" t="s">
        <v>28</v>
      </c>
      <c r="G1514" s="16">
        <v>0.71481053228977587</v>
      </c>
    </row>
    <row r="1515" spans="1:7" x14ac:dyDescent="0.3">
      <c r="A1515" s="13" t="s">
        <v>26</v>
      </c>
      <c r="B1515" s="14" t="s">
        <v>1</v>
      </c>
      <c r="C1515" s="14" t="s">
        <v>23</v>
      </c>
      <c r="D1515" s="14" t="s">
        <v>27</v>
      </c>
      <c r="E1515" s="15">
        <v>45431</v>
      </c>
      <c r="F1515" s="14" t="s">
        <v>28</v>
      </c>
      <c r="G1515" s="16">
        <v>0.71481053228977587</v>
      </c>
    </row>
    <row r="1516" spans="1:7" x14ac:dyDescent="0.3">
      <c r="A1516" s="13" t="s">
        <v>26</v>
      </c>
      <c r="B1516" s="14" t="s">
        <v>1</v>
      </c>
      <c r="C1516" s="14" t="s">
        <v>23</v>
      </c>
      <c r="D1516" s="14" t="s">
        <v>27</v>
      </c>
      <c r="E1516" s="15">
        <v>45432</v>
      </c>
      <c r="F1516" s="14" t="s">
        <v>28</v>
      </c>
      <c r="G1516" s="16">
        <v>0.73154034019298064</v>
      </c>
    </row>
    <row r="1517" spans="1:7" x14ac:dyDescent="0.3">
      <c r="A1517" s="13" t="s">
        <v>26</v>
      </c>
      <c r="B1517" s="14" t="s">
        <v>1</v>
      </c>
      <c r="C1517" s="14" t="s">
        <v>23</v>
      </c>
      <c r="D1517" s="14" t="s">
        <v>27</v>
      </c>
      <c r="E1517" s="15">
        <v>45433</v>
      </c>
      <c r="F1517" s="14" t="s">
        <v>28</v>
      </c>
      <c r="G1517" s="16">
        <v>0.77830824814477806</v>
      </c>
    </row>
    <row r="1518" spans="1:7" x14ac:dyDescent="0.3">
      <c r="A1518" s="13" t="s">
        <v>26</v>
      </c>
      <c r="B1518" s="14" t="s">
        <v>1</v>
      </c>
      <c r="C1518" s="14" t="s">
        <v>23</v>
      </c>
      <c r="D1518" s="14" t="s">
        <v>27</v>
      </c>
      <c r="E1518" s="15">
        <v>45434</v>
      </c>
      <c r="F1518" s="14" t="s">
        <v>28</v>
      </c>
      <c r="G1518" s="16">
        <v>0.79598502221255307</v>
      </c>
    </row>
    <row r="1519" spans="1:7" x14ac:dyDescent="0.3">
      <c r="A1519" s="13" t="s">
        <v>26</v>
      </c>
      <c r="B1519" s="14" t="s">
        <v>1</v>
      </c>
      <c r="C1519" s="14" t="s">
        <v>23</v>
      </c>
      <c r="D1519" s="14" t="s">
        <v>27</v>
      </c>
      <c r="E1519" s="15">
        <v>45435</v>
      </c>
      <c r="F1519" s="14" t="s">
        <v>28</v>
      </c>
      <c r="G1519" s="16">
        <v>0.81460343260945611</v>
      </c>
    </row>
    <row r="1520" spans="1:7" x14ac:dyDescent="0.3">
      <c r="A1520" s="13" t="s">
        <v>26</v>
      </c>
      <c r="B1520" s="14" t="s">
        <v>1</v>
      </c>
      <c r="C1520" s="14" t="s">
        <v>23</v>
      </c>
      <c r="D1520" s="14" t="s">
        <v>27</v>
      </c>
      <c r="E1520" s="15">
        <v>45436</v>
      </c>
      <c r="F1520" s="14" t="s">
        <v>28</v>
      </c>
      <c r="G1520" s="16">
        <v>0.82865137220178786</v>
      </c>
    </row>
    <row r="1521" spans="1:7" x14ac:dyDescent="0.3">
      <c r="A1521" s="13" t="s">
        <v>26</v>
      </c>
      <c r="B1521" s="14" t="s">
        <v>1</v>
      </c>
      <c r="C1521" s="14" t="s">
        <v>23</v>
      </c>
      <c r="D1521" s="14" t="s">
        <v>27</v>
      </c>
      <c r="E1521" s="15">
        <v>45437</v>
      </c>
      <c r="F1521" s="14" t="s">
        <v>28</v>
      </c>
      <c r="G1521" s="16">
        <v>0.82865137220178786</v>
      </c>
    </row>
    <row r="1522" spans="1:7" x14ac:dyDescent="0.3">
      <c r="A1522" s="13" t="s">
        <v>26</v>
      </c>
      <c r="B1522" s="14" t="s">
        <v>1</v>
      </c>
      <c r="C1522" s="14" t="s">
        <v>23</v>
      </c>
      <c r="D1522" s="14" t="s">
        <v>27</v>
      </c>
      <c r="E1522" s="15">
        <v>45438</v>
      </c>
      <c r="F1522" s="14" t="s">
        <v>28</v>
      </c>
      <c r="G1522" s="16">
        <v>0.82865137220178786</v>
      </c>
    </row>
    <row r="1523" spans="1:7" x14ac:dyDescent="0.3">
      <c r="A1523" s="13" t="s">
        <v>26</v>
      </c>
      <c r="B1523" s="14" t="s">
        <v>1</v>
      </c>
      <c r="C1523" s="14" t="s">
        <v>23</v>
      </c>
      <c r="D1523" s="14" t="s">
        <v>27</v>
      </c>
      <c r="E1523" s="15">
        <v>45439</v>
      </c>
      <c r="F1523" s="14" t="s">
        <v>28</v>
      </c>
      <c r="G1523" s="16">
        <v>0.82865137220178786</v>
      </c>
    </row>
    <row r="1524" spans="1:7" x14ac:dyDescent="0.3">
      <c r="A1524" s="13" t="s">
        <v>26</v>
      </c>
      <c r="B1524" s="14" t="s">
        <v>1</v>
      </c>
      <c r="C1524" s="14" t="s">
        <v>23</v>
      </c>
      <c r="D1524" s="14" t="s">
        <v>27</v>
      </c>
      <c r="E1524" s="15">
        <v>45440</v>
      </c>
      <c r="F1524" s="14" t="s">
        <v>28</v>
      </c>
      <c r="G1524" s="16">
        <v>0.84326425419234419</v>
      </c>
    </row>
    <row r="1525" spans="1:7" x14ac:dyDescent="0.3">
      <c r="A1525" s="13" t="s">
        <v>26</v>
      </c>
      <c r="B1525" s="14" t="s">
        <v>1</v>
      </c>
      <c r="C1525" s="14" t="s">
        <v>23</v>
      </c>
      <c r="D1525" s="14" t="s">
        <v>27</v>
      </c>
      <c r="E1525" s="15">
        <v>45441</v>
      </c>
      <c r="F1525" s="14" t="s">
        <v>28</v>
      </c>
      <c r="G1525" s="16">
        <v>0.90117412589569468</v>
      </c>
    </row>
    <row r="1526" spans="1:7" x14ac:dyDescent="0.3">
      <c r="A1526" s="13" t="s">
        <v>26</v>
      </c>
      <c r="B1526" s="14" t="s">
        <v>1</v>
      </c>
      <c r="C1526" s="14" t="s">
        <v>23</v>
      </c>
      <c r="D1526" s="14" t="s">
        <v>27</v>
      </c>
      <c r="E1526" s="15">
        <v>45442</v>
      </c>
      <c r="F1526" s="14" t="s">
        <v>28</v>
      </c>
      <c r="G1526" s="16">
        <v>0.91731901174925834</v>
      </c>
    </row>
    <row r="1527" spans="1:7" x14ac:dyDescent="0.3">
      <c r="A1527" s="13" t="s">
        <v>26</v>
      </c>
      <c r="B1527" s="14" t="s">
        <v>1</v>
      </c>
      <c r="C1527" s="14" t="s">
        <v>23</v>
      </c>
      <c r="D1527" s="14" t="s">
        <v>27</v>
      </c>
      <c r="E1527" s="15">
        <v>45443</v>
      </c>
      <c r="F1527" s="14" t="s">
        <v>28</v>
      </c>
      <c r="G1527" s="16">
        <v>0.9278702595313354</v>
      </c>
    </row>
    <row r="1528" spans="1:7" x14ac:dyDescent="0.3">
      <c r="A1528" s="13" t="s">
        <v>26</v>
      </c>
      <c r="B1528" s="14" t="s">
        <v>1</v>
      </c>
      <c r="C1528" s="14" t="s">
        <v>23</v>
      </c>
      <c r="D1528" s="14" t="s">
        <v>27</v>
      </c>
      <c r="E1528" s="15">
        <v>45444</v>
      </c>
      <c r="F1528" s="14" t="s">
        <v>28</v>
      </c>
      <c r="G1528" s="16">
        <v>0.9278702595313354</v>
      </c>
    </row>
    <row r="1529" spans="1:7" x14ac:dyDescent="0.3">
      <c r="A1529" s="13" t="s">
        <v>26</v>
      </c>
      <c r="B1529" s="14" t="s">
        <v>1</v>
      </c>
      <c r="C1529" s="14" t="s">
        <v>23</v>
      </c>
      <c r="D1529" s="14" t="s">
        <v>27</v>
      </c>
      <c r="E1529" s="15">
        <v>45445</v>
      </c>
      <c r="F1529" s="14" t="s">
        <v>28</v>
      </c>
      <c r="G1529" s="16">
        <v>0.9278702595313354</v>
      </c>
    </row>
    <row r="1530" spans="1:7" x14ac:dyDescent="0.3">
      <c r="A1530" s="13" t="s">
        <v>26</v>
      </c>
      <c r="B1530" s="14" t="s">
        <v>1</v>
      </c>
      <c r="C1530" s="14" t="s">
        <v>23</v>
      </c>
      <c r="D1530" s="14" t="s">
        <v>27</v>
      </c>
      <c r="E1530" s="15">
        <v>45446</v>
      </c>
      <c r="F1530" s="14" t="s">
        <v>28</v>
      </c>
      <c r="G1530" s="16">
        <v>0.9278702595313354</v>
      </c>
    </row>
    <row r="1531" spans="1:7" x14ac:dyDescent="0.3">
      <c r="A1531" s="13" t="s">
        <v>26</v>
      </c>
      <c r="B1531" s="14" t="s">
        <v>1</v>
      </c>
      <c r="C1531" s="14" t="s">
        <v>23</v>
      </c>
      <c r="D1531" s="14" t="s">
        <v>27</v>
      </c>
      <c r="E1531" s="15">
        <v>45447</v>
      </c>
      <c r="F1531" s="14" t="s">
        <v>28</v>
      </c>
      <c r="G1531" s="16">
        <v>0.9430884417099864</v>
      </c>
    </row>
    <row r="1532" spans="1:7" x14ac:dyDescent="0.3">
      <c r="A1532" s="13" t="s">
        <v>26</v>
      </c>
      <c r="B1532" s="14" t="s">
        <v>1</v>
      </c>
      <c r="C1532" s="14" t="s">
        <v>23</v>
      </c>
      <c r="D1532" s="14" t="s">
        <v>27</v>
      </c>
      <c r="E1532" s="15">
        <v>45448</v>
      </c>
      <c r="F1532" s="14" t="s">
        <v>28</v>
      </c>
      <c r="G1532" s="16">
        <v>1.0103315577463374</v>
      </c>
    </row>
    <row r="1533" spans="1:7" x14ac:dyDescent="0.3">
      <c r="A1533" s="13" t="s">
        <v>26</v>
      </c>
      <c r="B1533" s="14" t="s">
        <v>1</v>
      </c>
      <c r="C1533" s="14" t="s">
        <v>23</v>
      </c>
      <c r="D1533" s="14" t="s">
        <v>27</v>
      </c>
      <c r="E1533" s="15">
        <v>45449</v>
      </c>
      <c r="F1533" s="14" t="s">
        <v>28</v>
      </c>
      <c r="G1533" s="16">
        <v>1.0229126575942016</v>
      </c>
    </row>
    <row r="1534" spans="1:7" x14ac:dyDescent="0.3">
      <c r="A1534" s="13" t="s">
        <v>26</v>
      </c>
      <c r="B1534" s="14" t="s">
        <v>1</v>
      </c>
      <c r="C1534" s="14" t="s">
        <v>23</v>
      </c>
      <c r="D1534" s="14" t="s">
        <v>27</v>
      </c>
      <c r="E1534" s="15">
        <v>45450</v>
      </c>
      <c r="F1534" s="14" t="s">
        <v>28</v>
      </c>
      <c r="G1534" s="16">
        <v>1.0636145576963529</v>
      </c>
    </row>
    <row r="1535" spans="1:7" x14ac:dyDescent="0.3">
      <c r="A1535" s="13" t="s">
        <v>26</v>
      </c>
      <c r="B1535" s="14" t="s">
        <v>1</v>
      </c>
      <c r="C1535" s="14" t="s">
        <v>23</v>
      </c>
      <c r="D1535" s="14" t="s">
        <v>27</v>
      </c>
      <c r="E1535" s="15">
        <v>45451</v>
      </c>
      <c r="F1535" s="14" t="s">
        <v>28</v>
      </c>
      <c r="G1535" s="16">
        <v>1.0636145576963529</v>
      </c>
    </row>
    <row r="1536" spans="1:7" x14ac:dyDescent="0.3">
      <c r="A1536" s="13" t="s">
        <v>26</v>
      </c>
      <c r="B1536" s="14" t="s">
        <v>1</v>
      </c>
      <c r="C1536" s="14" t="s">
        <v>23</v>
      </c>
      <c r="D1536" s="14" t="s">
        <v>27</v>
      </c>
      <c r="E1536" s="15">
        <v>45452</v>
      </c>
      <c r="F1536" s="14" t="s">
        <v>28</v>
      </c>
      <c r="G1536" s="16">
        <v>1.0636145576963529</v>
      </c>
    </row>
    <row r="1537" spans="1:7" x14ac:dyDescent="0.3">
      <c r="A1537" s="13" t="s">
        <v>26</v>
      </c>
      <c r="B1537" s="14" t="s">
        <v>1</v>
      </c>
      <c r="C1537" s="14" t="s">
        <v>23</v>
      </c>
      <c r="D1537" s="14" t="s">
        <v>27</v>
      </c>
      <c r="E1537" s="15">
        <v>45453</v>
      </c>
      <c r="F1537" s="14" t="s">
        <v>28</v>
      </c>
      <c r="G1537" s="16">
        <v>1.0789399520559186</v>
      </c>
    </row>
    <row r="1538" spans="1:7" x14ac:dyDescent="0.3">
      <c r="A1538" s="13" t="s">
        <v>26</v>
      </c>
      <c r="B1538" s="14" t="s">
        <v>1</v>
      </c>
      <c r="C1538" s="14" t="s">
        <v>23</v>
      </c>
      <c r="D1538" s="14" t="s">
        <v>27</v>
      </c>
      <c r="E1538" s="15">
        <v>45454</v>
      </c>
      <c r="F1538" s="14" t="s">
        <v>28</v>
      </c>
      <c r="G1538" s="16">
        <v>1.123446327003079</v>
      </c>
    </row>
    <row r="1539" spans="1:7" x14ac:dyDescent="0.3">
      <c r="A1539" s="13" t="s">
        <v>26</v>
      </c>
      <c r="B1539" s="14" t="s">
        <v>1</v>
      </c>
      <c r="C1539" s="14" t="s">
        <v>23</v>
      </c>
      <c r="D1539" s="14" t="s">
        <v>27</v>
      </c>
      <c r="E1539" s="15">
        <v>45455</v>
      </c>
      <c r="F1539" s="14" t="s">
        <v>28</v>
      </c>
      <c r="G1539" s="16">
        <v>1.1331569640264585</v>
      </c>
    </row>
    <row r="1540" spans="1:7" x14ac:dyDescent="0.3">
      <c r="A1540" s="13" t="s">
        <v>26</v>
      </c>
      <c r="B1540" s="14" t="s">
        <v>1</v>
      </c>
      <c r="C1540" s="14" t="s">
        <v>23</v>
      </c>
      <c r="D1540" s="14" t="s">
        <v>27</v>
      </c>
      <c r="E1540" s="15">
        <v>45456</v>
      </c>
      <c r="F1540" s="14" t="s">
        <v>28</v>
      </c>
      <c r="G1540" s="16">
        <v>1.1503908600600734</v>
      </c>
    </row>
    <row r="1541" spans="1:7" x14ac:dyDescent="0.3">
      <c r="A1541" s="13" t="s">
        <v>26</v>
      </c>
      <c r="B1541" s="14" t="s">
        <v>1</v>
      </c>
      <c r="C1541" s="14" t="s">
        <v>23</v>
      </c>
      <c r="D1541" s="14" t="s">
        <v>27</v>
      </c>
      <c r="E1541" s="15">
        <v>45457</v>
      </c>
      <c r="F1541" s="14" t="s">
        <v>28</v>
      </c>
      <c r="G1541" s="16">
        <v>1.168640292165388</v>
      </c>
    </row>
    <row r="1542" spans="1:7" x14ac:dyDescent="0.3">
      <c r="A1542" s="13" t="s">
        <v>26</v>
      </c>
      <c r="B1542" s="14" t="s">
        <v>1</v>
      </c>
      <c r="C1542" s="14" t="s">
        <v>23</v>
      </c>
      <c r="D1542" s="14" t="s">
        <v>27</v>
      </c>
      <c r="E1542" s="15">
        <v>45458</v>
      </c>
      <c r="F1542" s="14" t="s">
        <v>28</v>
      </c>
      <c r="G1542" s="16">
        <v>1.168640292165388</v>
      </c>
    </row>
    <row r="1543" spans="1:7" x14ac:dyDescent="0.3">
      <c r="A1543" s="13" t="s">
        <v>26</v>
      </c>
      <c r="B1543" s="14" t="s">
        <v>1</v>
      </c>
      <c r="C1543" s="14" t="s">
        <v>23</v>
      </c>
      <c r="D1543" s="14" t="s">
        <v>27</v>
      </c>
      <c r="E1543" s="15">
        <v>45459</v>
      </c>
      <c r="F1543" s="14" t="s">
        <v>28</v>
      </c>
      <c r="G1543" s="16">
        <v>1.168640292165388</v>
      </c>
    </row>
    <row r="1544" spans="1:7" x14ac:dyDescent="0.3">
      <c r="A1544" s="13" t="s">
        <v>26</v>
      </c>
      <c r="B1544" s="14" t="s">
        <v>1</v>
      </c>
      <c r="C1544" s="14" t="s">
        <v>23</v>
      </c>
      <c r="D1544" s="14" t="s">
        <v>27</v>
      </c>
      <c r="E1544" s="15">
        <v>45460</v>
      </c>
      <c r="F1544" s="14" t="s">
        <v>28</v>
      </c>
      <c r="G1544" s="16">
        <v>1.1824917659653065</v>
      </c>
    </row>
    <row r="1545" spans="1:7" x14ac:dyDescent="0.3">
      <c r="A1545" s="13" t="s">
        <v>26</v>
      </c>
      <c r="B1545" s="14" t="s">
        <v>1</v>
      </c>
      <c r="C1545" s="14" t="s">
        <v>23</v>
      </c>
      <c r="D1545" s="14" t="s">
        <v>27</v>
      </c>
      <c r="E1545" s="15">
        <v>45461</v>
      </c>
      <c r="F1545" s="14" t="s">
        <v>28</v>
      </c>
      <c r="G1545" s="16">
        <v>1.2261163653218747</v>
      </c>
    </row>
    <row r="1546" spans="1:7" x14ac:dyDescent="0.3">
      <c r="A1546" s="13" t="s">
        <v>26</v>
      </c>
      <c r="B1546" s="14" t="s">
        <v>1</v>
      </c>
      <c r="C1546" s="14" t="s">
        <v>23</v>
      </c>
      <c r="D1546" s="14" t="s">
        <v>27</v>
      </c>
      <c r="E1546" s="15">
        <v>45462</v>
      </c>
      <c r="F1546" s="14" t="s">
        <v>28</v>
      </c>
      <c r="G1546" s="16">
        <v>1.2261163653218747</v>
      </c>
    </row>
    <row r="1547" spans="1:7" x14ac:dyDescent="0.3">
      <c r="A1547" s="13" t="s">
        <v>26</v>
      </c>
      <c r="B1547" s="14" t="s">
        <v>1</v>
      </c>
      <c r="C1547" s="14" t="s">
        <v>23</v>
      </c>
      <c r="D1547" s="14" t="s">
        <v>27</v>
      </c>
      <c r="E1547" s="15">
        <v>45463</v>
      </c>
      <c r="F1547" s="14" t="s">
        <v>28</v>
      </c>
      <c r="G1547" s="16">
        <v>1.2441151654761684</v>
      </c>
    </row>
    <row r="1548" spans="1:7" x14ac:dyDescent="0.3">
      <c r="A1548" s="13" t="s">
        <v>26</v>
      </c>
      <c r="B1548" s="14" t="s">
        <v>1</v>
      </c>
      <c r="C1548" s="14" t="s">
        <v>23</v>
      </c>
      <c r="D1548" s="14" t="s">
        <v>27</v>
      </c>
      <c r="E1548" s="15">
        <v>45464</v>
      </c>
      <c r="F1548" s="14" t="s">
        <v>28</v>
      </c>
      <c r="G1548" s="16">
        <v>1.2757618337897154</v>
      </c>
    </row>
    <row r="1549" spans="1:7" x14ac:dyDescent="0.3">
      <c r="A1549" s="13" t="s">
        <v>26</v>
      </c>
      <c r="B1549" s="14" t="s">
        <v>1</v>
      </c>
      <c r="C1549" s="14" t="s">
        <v>23</v>
      </c>
      <c r="D1549" s="14" t="s">
        <v>27</v>
      </c>
      <c r="E1549" s="15">
        <v>45465</v>
      </c>
      <c r="F1549" s="14" t="s">
        <v>28</v>
      </c>
      <c r="G1549" s="16">
        <v>1.2757618337897154</v>
      </c>
    </row>
    <row r="1550" spans="1:7" x14ac:dyDescent="0.3">
      <c r="A1550" s="13" t="s">
        <v>26</v>
      </c>
      <c r="B1550" s="14" t="s">
        <v>1</v>
      </c>
      <c r="C1550" s="14" t="s">
        <v>23</v>
      </c>
      <c r="D1550" s="14" t="s">
        <v>27</v>
      </c>
      <c r="E1550" s="15">
        <v>45466</v>
      </c>
      <c r="F1550" s="14" t="s">
        <v>28</v>
      </c>
      <c r="G1550" s="16">
        <v>1.2757618337897154</v>
      </c>
    </row>
    <row r="1551" spans="1:7" x14ac:dyDescent="0.3">
      <c r="A1551" s="13" t="s">
        <v>26</v>
      </c>
      <c r="B1551" s="14" t="s">
        <v>1</v>
      </c>
      <c r="C1551" s="14" t="s">
        <v>23</v>
      </c>
      <c r="D1551" s="14" t="s">
        <v>27</v>
      </c>
      <c r="E1551" s="15">
        <v>45467</v>
      </c>
      <c r="F1551" s="14" t="s">
        <v>28</v>
      </c>
      <c r="G1551" s="16">
        <v>1.2885799988988609</v>
      </c>
    </row>
    <row r="1552" spans="1:7" x14ac:dyDescent="0.3">
      <c r="A1552" s="13" t="s">
        <v>26</v>
      </c>
      <c r="B1552" s="14" t="s">
        <v>1</v>
      </c>
      <c r="C1552" s="14" t="s">
        <v>23</v>
      </c>
      <c r="D1552" s="14" t="s">
        <v>27</v>
      </c>
      <c r="E1552" s="15">
        <v>45468</v>
      </c>
      <c r="F1552" s="14" t="s">
        <v>28</v>
      </c>
      <c r="G1552" s="16">
        <v>1.3373628681132321</v>
      </c>
    </row>
    <row r="1553" spans="1:7" x14ac:dyDescent="0.3">
      <c r="A1553" s="13" t="s">
        <v>26</v>
      </c>
      <c r="B1553" s="14" t="s">
        <v>1</v>
      </c>
      <c r="C1553" s="14" t="s">
        <v>23</v>
      </c>
      <c r="D1553" s="14" t="s">
        <v>27</v>
      </c>
      <c r="E1553" s="15">
        <v>45469</v>
      </c>
      <c r="F1553" s="14" t="s">
        <v>28</v>
      </c>
      <c r="G1553" s="16">
        <v>1.3546533878028704</v>
      </c>
    </row>
    <row r="1554" spans="1:7" x14ac:dyDescent="0.3">
      <c r="A1554" s="13" t="s">
        <v>26</v>
      </c>
      <c r="B1554" s="14" t="s">
        <v>1</v>
      </c>
      <c r="C1554" s="14" t="s">
        <v>23</v>
      </c>
      <c r="D1554" s="14" t="s">
        <v>27</v>
      </c>
      <c r="E1554" s="15">
        <v>45470</v>
      </c>
      <c r="F1554" s="14" t="s">
        <v>28</v>
      </c>
      <c r="G1554" s="16">
        <v>1.369373117647994</v>
      </c>
    </row>
    <row r="1555" spans="1:7" x14ac:dyDescent="0.3">
      <c r="A1555" s="13" t="s">
        <v>26</v>
      </c>
      <c r="B1555" s="14" t="s">
        <v>1</v>
      </c>
      <c r="C1555" s="14" t="s">
        <v>23</v>
      </c>
      <c r="D1555" s="14" t="s">
        <v>27</v>
      </c>
      <c r="E1555" s="15">
        <v>45471</v>
      </c>
      <c r="F1555" s="14" t="s">
        <v>28</v>
      </c>
      <c r="G1555" s="16">
        <v>1.3810686964984782</v>
      </c>
    </row>
    <row r="1556" spans="1:7" x14ac:dyDescent="0.3">
      <c r="A1556" s="13" t="s">
        <v>26</v>
      </c>
      <c r="B1556" s="14" t="s">
        <v>1</v>
      </c>
      <c r="C1556" s="14" t="s">
        <v>23</v>
      </c>
      <c r="D1556" s="14" t="s">
        <v>27</v>
      </c>
      <c r="E1556" s="15">
        <v>45472</v>
      </c>
      <c r="F1556" s="14" t="s">
        <v>28</v>
      </c>
      <c r="G1556" s="16">
        <v>1.3810686964984782</v>
      </c>
    </row>
    <row r="1557" spans="1:7" x14ac:dyDescent="0.3">
      <c r="A1557" s="13" t="s">
        <v>26</v>
      </c>
      <c r="B1557" s="14" t="s">
        <v>1</v>
      </c>
      <c r="C1557" s="14" t="s">
        <v>23</v>
      </c>
      <c r="D1557" s="14" t="s">
        <v>27</v>
      </c>
      <c r="E1557" s="15">
        <v>45473</v>
      </c>
      <c r="F1557" s="14" t="s">
        <v>28</v>
      </c>
      <c r="G1557" s="16">
        <v>1.3810686964984782</v>
      </c>
    </row>
    <row r="1558" spans="1:7" x14ac:dyDescent="0.3">
      <c r="A1558" s="13" t="s">
        <v>26</v>
      </c>
      <c r="B1558" s="14" t="s">
        <v>1</v>
      </c>
      <c r="C1558" s="14" t="s">
        <v>23</v>
      </c>
      <c r="D1558" s="14" t="s">
        <v>27</v>
      </c>
      <c r="E1558" s="15">
        <v>45474</v>
      </c>
      <c r="F1558" s="14" t="s">
        <v>28</v>
      </c>
      <c r="G1558" s="16">
        <v>1.397995110004054</v>
      </c>
    </row>
    <row r="1559" spans="1:7" x14ac:dyDescent="0.3">
      <c r="A1559" s="13" t="s">
        <v>26</v>
      </c>
      <c r="B1559" s="14" t="s">
        <v>1</v>
      </c>
      <c r="C1559" s="14" t="s">
        <v>23</v>
      </c>
      <c r="D1559" s="14" t="s">
        <v>27</v>
      </c>
      <c r="E1559" s="15">
        <v>45475</v>
      </c>
      <c r="F1559" s="14" t="s">
        <v>28</v>
      </c>
      <c r="G1559" s="16">
        <v>1.4413888642616719</v>
      </c>
    </row>
    <row r="1560" spans="1:7" x14ac:dyDescent="0.3">
      <c r="A1560" s="13" t="s">
        <v>26</v>
      </c>
      <c r="B1560" s="14" t="s">
        <v>1</v>
      </c>
      <c r="C1560" s="14" t="s">
        <v>23</v>
      </c>
      <c r="D1560" s="14" t="s">
        <v>27</v>
      </c>
      <c r="E1560" s="15">
        <v>45476</v>
      </c>
      <c r="F1560" s="14" t="s">
        <v>28</v>
      </c>
      <c r="G1560" s="16">
        <v>1.4540160492672509</v>
      </c>
    </row>
    <row r="1561" spans="1:7" x14ac:dyDescent="0.3">
      <c r="A1561" s="13" t="s">
        <v>26</v>
      </c>
      <c r="B1561" s="14" t="s">
        <v>1</v>
      </c>
      <c r="C1561" s="14" t="s">
        <v>23</v>
      </c>
      <c r="D1561" s="14" t="s">
        <v>27</v>
      </c>
      <c r="E1561" s="15">
        <v>45477</v>
      </c>
      <c r="F1561" s="14" t="s">
        <v>28</v>
      </c>
      <c r="G1561" s="16">
        <v>1.4540160492672509</v>
      </c>
    </row>
    <row r="1562" spans="1:7" x14ac:dyDescent="0.3">
      <c r="A1562" s="13" t="s">
        <v>26</v>
      </c>
      <c r="B1562" s="14" t="s">
        <v>1</v>
      </c>
      <c r="C1562" s="14" t="s">
        <v>23</v>
      </c>
      <c r="D1562" s="14" t="s">
        <v>27</v>
      </c>
      <c r="E1562" s="15">
        <v>45478</v>
      </c>
      <c r="F1562" s="14" t="s">
        <v>28</v>
      </c>
      <c r="G1562" s="16">
        <v>1.4633796171039135</v>
      </c>
    </row>
    <row r="1563" spans="1:7" x14ac:dyDescent="0.3">
      <c r="A1563" s="13" t="s">
        <v>26</v>
      </c>
      <c r="B1563" s="14" t="s">
        <v>1</v>
      </c>
      <c r="C1563" s="14" t="s">
        <v>23</v>
      </c>
      <c r="D1563" s="14" t="s">
        <v>27</v>
      </c>
      <c r="E1563" s="15">
        <v>45479</v>
      </c>
      <c r="F1563" s="14" t="s">
        <v>28</v>
      </c>
      <c r="G1563" s="16">
        <v>1.4633796171039135</v>
      </c>
    </row>
    <row r="1564" spans="1:7" x14ac:dyDescent="0.3">
      <c r="A1564" s="13" t="s">
        <v>26</v>
      </c>
      <c r="B1564" s="14" t="s">
        <v>1</v>
      </c>
      <c r="C1564" s="14" t="s">
        <v>23</v>
      </c>
      <c r="D1564" s="14" t="s">
        <v>27</v>
      </c>
      <c r="E1564" s="15">
        <v>45480</v>
      </c>
      <c r="F1564" s="14" t="s">
        <v>28</v>
      </c>
      <c r="G1564" s="16">
        <v>1.4633796171039135</v>
      </c>
    </row>
    <row r="1565" spans="1:7" x14ac:dyDescent="0.3">
      <c r="A1565" s="13" t="s">
        <v>26</v>
      </c>
      <c r="B1565" s="14" t="s">
        <v>1</v>
      </c>
      <c r="C1565" s="14" t="s">
        <v>23</v>
      </c>
      <c r="D1565" s="14" t="s">
        <v>27</v>
      </c>
      <c r="E1565" s="15">
        <v>45481</v>
      </c>
      <c r="F1565" s="14" t="s">
        <v>28</v>
      </c>
      <c r="G1565" s="16">
        <v>1.5218227223205318</v>
      </c>
    </row>
    <row r="1566" spans="1:7" x14ac:dyDescent="0.3">
      <c r="A1566" s="13" t="s">
        <v>26</v>
      </c>
      <c r="B1566" s="14" t="s">
        <v>1</v>
      </c>
      <c r="C1566" s="14" t="s">
        <v>23</v>
      </c>
      <c r="D1566" s="14" t="s">
        <v>27</v>
      </c>
      <c r="E1566" s="15">
        <v>45482</v>
      </c>
      <c r="F1566" s="14" t="s">
        <v>28</v>
      </c>
      <c r="G1566" s="16">
        <v>1.5685091095608574</v>
      </c>
    </row>
    <row r="1567" spans="1:7" x14ac:dyDescent="0.3">
      <c r="A1567" s="13" t="s">
        <v>26</v>
      </c>
      <c r="B1567" s="14" t="s">
        <v>1</v>
      </c>
      <c r="C1567" s="14" t="s">
        <v>23</v>
      </c>
      <c r="D1567" s="14" t="s">
        <v>27</v>
      </c>
      <c r="E1567" s="15">
        <v>45483</v>
      </c>
      <c r="F1567" s="14" t="s">
        <v>28</v>
      </c>
      <c r="G1567" s="16">
        <v>1.5825194091857042</v>
      </c>
    </row>
    <row r="1568" spans="1:7" x14ac:dyDescent="0.3">
      <c r="A1568" s="13" t="s">
        <v>26</v>
      </c>
      <c r="B1568" s="14" t="s">
        <v>1</v>
      </c>
      <c r="C1568" s="14" t="s">
        <v>23</v>
      </c>
      <c r="D1568" s="14" t="s">
        <v>27</v>
      </c>
      <c r="E1568" s="15">
        <v>45484</v>
      </c>
      <c r="F1568" s="14" t="s">
        <v>28</v>
      </c>
      <c r="G1568" s="16">
        <v>1.5903744908121633</v>
      </c>
    </row>
    <row r="1569" spans="1:7" x14ac:dyDescent="0.3">
      <c r="A1569" s="13" t="s">
        <v>26</v>
      </c>
      <c r="B1569" s="14" t="s">
        <v>1</v>
      </c>
      <c r="C1569" s="14" t="s">
        <v>23</v>
      </c>
      <c r="D1569" s="14" t="s">
        <v>27</v>
      </c>
      <c r="E1569" s="15">
        <v>45485</v>
      </c>
      <c r="F1569" s="14" t="s">
        <v>28</v>
      </c>
      <c r="G1569" s="16">
        <v>1.6042746733367537</v>
      </c>
    </row>
    <row r="1570" spans="1:7" x14ac:dyDescent="0.3">
      <c r="A1570" s="13" t="s">
        <v>26</v>
      </c>
      <c r="B1570" s="14" t="s">
        <v>1</v>
      </c>
      <c r="C1570" s="14" t="s">
        <v>23</v>
      </c>
      <c r="D1570" s="14" t="s">
        <v>27</v>
      </c>
      <c r="E1570" s="15">
        <v>45486</v>
      </c>
      <c r="F1570" s="14" t="s">
        <v>28</v>
      </c>
      <c r="G1570" s="16">
        <v>1.6042746733367537</v>
      </c>
    </row>
    <row r="1571" spans="1:7" x14ac:dyDescent="0.3">
      <c r="A1571" s="13" t="s">
        <v>26</v>
      </c>
      <c r="B1571" s="14" t="s">
        <v>1</v>
      </c>
      <c r="C1571" s="14" t="s">
        <v>23</v>
      </c>
      <c r="D1571" s="14" t="s">
        <v>27</v>
      </c>
      <c r="E1571" s="15">
        <v>45487</v>
      </c>
      <c r="F1571" s="14" t="s">
        <v>28</v>
      </c>
      <c r="G1571" s="16">
        <v>1.6042746733367537</v>
      </c>
    </row>
    <row r="1572" spans="1:7" x14ac:dyDescent="0.3">
      <c r="A1572" s="13" t="s">
        <v>26</v>
      </c>
      <c r="B1572" s="14" t="s">
        <v>1</v>
      </c>
      <c r="C1572" s="14" t="s">
        <v>23</v>
      </c>
      <c r="D1572" s="14" t="s">
        <v>27</v>
      </c>
      <c r="E1572" s="15">
        <v>45488</v>
      </c>
      <c r="F1572" s="14" t="s">
        <v>28</v>
      </c>
      <c r="G1572" s="16">
        <v>1.6224197649693322</v>
      </c>
    </row>
    <row r="1573" spans="1:7" x14ac:dyDescent="0.3">
      <c r="A1573" s="13" t="s">
        <v>26</v>
      </c>
      <c r="B1573" s="14" t="s">
        <v>1</v>
      </c>
      <c r="C1573" s="14" t="s">
        <v>23</v>
      </c>
      <c r="D1573" s="14" t="s">
        <v>27</v>
      </c>
      <c r="E1573" s="15">
        <v>45489</v>
      </c>
      <c r="F1573" s="14" t="s">
        <v>28</v>
      </c>
      <c r="G1573" s="16">
        <v>1.6673914119081352</v>
      </c>
    </row>
    <row r="1574" spans="1:7" x14ac:dyDescent="0.3">
      <c r="A1574" s="13" t="s">
        <v>26</v>
      </c>
      <c r="B1574" s="14" t="s">
        <v>1</v>
      </c>
      <c r="C1574" s="14" t="s">
        <v>23</v>
      </c>
      <c r="D1574" s="14" t="s">
        <v>27</v>
      </c>
      <c r="E1574" s="15">
        <v>45490</v>
      </c>
      <c r="F1574" s="14" t="s">
        <v>28</v>
      </c>
      <c r="G1574" s="16">
        <v>1.6781282071425847</v>
      </c>
    </row>
    <row r="1575" spans="1:7" x14ac:dyDescent="0.3">
      <c r="A1575" s="13" t="s">
        <v>26</v>
      </c>
      <c r="B1575" s="14" t="s">
        <v>1</v>
      </c>
      <c r="C1575" s="14" t="s">
        <v>23</v>
      </c>
      <c r="D1575" s="14" t="s">
        <v>27</v>
      </c>
      <c r="E1575" s="15">
        <v>45491</v>
      </c>
      <c r="F1575" s="14" t="s">
        <v>28</v>
      </c>
      <c r="G1575" s="16">
        <v>1.6964528831962764</v>
      </c>
    </row>
    <row r="1576" spans="1:7" x14ac:dyDescent="0.3">
      <c r="A1576" s="13" t="s">
        <v>26</v>
      </c>
      <c r="B1576" s="14" t="s">
        <v>1</v>
      </c>
      <c r="C1576" s="14" t="s">
        <v>23</v>
      </c>
      <c r="D1576" s="14" t="s">
        <v>27</v>
      </c>
      <c r="E1576" s="15">
        <v>45492</v>
      </c>
      <c r="F1576" s="14" t="s">
        <v>28</v>
      </c>
      <c r="G1576" s="16">
        <v>1.7125710823073543</v>
      </c>
    </row>
    <row r="1577" spans="1:7" x14ac:dyDescent="0.3">
      <c r="A1577" s="13" t="s">
        <v>26</v>
      </c>
      <c r="B1577" s="14" t="s">
        <v>1</v>
      </c>
      <c r="C1577" s="14" t="s">
        <v>23</v>
      </c>
      <c r="D1577" s="14" t="s">
        <v>27</v>
      </c>
      <c r="E1577" s="15">
        <v>45493</v>
      </c>
      <c r="F1577" s="14" t="s">
        <v>28</v>
      </c>
      <c r="G1577" s="16">
        <v>1.7125710823073543</v>
      </c>
    </row>
    <row r="1578" spans="1:7" x14ac:dyDescent="0.3">
      <c r="A1578" s="13" t="s">
        <v>26</v>
      </c>
      <c r="B1578" s="14" t="s">
        <v>1</v>
      </c>
      <c r="C1578" s="14" t="s">
        <v>23</v>
      </c>
      <c r="D1578" s="14" t="s">
        <v>27</v>
      </c>
      <c r="E1578" s="15">
        <v>45494</v>
      </c>
      <c r="F1578" s="14" t="s">
        <v>28</v>
      </c>
      <c r="G1578" s="16">
        <v>1.7125710823073543</v>
      </c>
    </row>
    <row r="1579" spans="1:7" x14ac:dyDescent="0.3">
      <c r="A1579" s="13" t="s">
        <v>26</v>
      </c>
      <c r="B1579" s="14" t="s">
        <v>1</v>
      </c>
      <c r="C1579" s="14" t="s">
        <v>23</v>
      </c>
      <c r="D1579" s="14" t="s">
        <v>27</v>
      </c>
      <c r="E1579" s="15">
        <v>45495</v>
      </c>
      <c r="F1579" s="14" t="s">
        <v>28</v>
      </c>
      <c r="G1579" s="16">
        <v>1.7281175032653615</v>
      </c>
    </row>
    <row r="1580" spans="1:7" x14ac:dyDescent="0.3">
      <c r="A1580" s="13" t="s">
        <v>26</v>
      </c>
      <c r="B1580" s="14" t="s">
        <v>1</v>
      </c>
      <c r="C1580" s="14" t="s">
        <v>23</v>
      </c>
      <c r="D1580" s="14" t="s">
        <v>27</v>
      </c>
      <c r="E1580" s="15">
        <v>45496</v>
      </c>
      <c r="F1580" s="14" t="s">
        <v>28</v>
      </c>
      <c r="G1580" s="16">
        <v>1.771826576893778</v>
      </c>
    </row>
    <row r="1581" spans="1:7" x14ac:dyDescent="0.3">
      <c r="A1581" s="13" t="s">
        <v>26</v>
      </c>
      <c r="B1581" s="14" t="s">
        <v>1</v>
      </c>
      <c r="C1581" s="14" t="s">
        <v>23</v>
      </c>
      <c r="D1581" s="14" t="s">
        <v>27</v>
      </c>
      <c r="E1581" s="15">
        <v>45497</v>
      </c>
      <c r="F1581" s="14" t="s">
        <v>28</v>
      </c>
      <c r="G1581" s="16">
        <v>1.7855780591820196</v>
      </c>
    </row>
    <row r="1582" spans="1:7" x14ac:dyDescent="0.3">
      <c r="A1582" s="13" t="s">
        <v>26</v>
      </c>
      <c r="B1582" s="14" t="s">
        <v>1</v>
      </c>
      <c r="C1582" s="14" t="s">
        <v>23</v>
      </c>
      <c r="D1582" s="14" t="s">
        <v>27</v>
      </c>
      <c r="E1582" s="15">
        <v>45498</v>
      </c>
      <c r="F1582" s="14" t="s">
        <v>28</v>
      </c>
      <c r="G1582" s="16">
        <v>1.7993369230262672</v>
      </c>
    </row>
    <row r="1583" spans="1:7" x14ac:dyDescent="0.3">
      <c r="A1583" s="13" t="s">
        <v>26</v>
      </c>
      <c r="B1583" s="14" t="s">
        <v>1</v>
      </c>
      <c r="C1583" s="14" t="s">
        <v>23</v>
      </c>
      <c r="D1583" s="14" t="s">
        <v>27</v>
      </c>
      <c r="E1583" s="15">
        <v>45499</v>
      </c>
      <c r="F1583" s="14" t="s">
        <v>28</v>
      </c>
      <c r="G1583" s="16">
        <v>1.8114481150149848</v>
      </c>
    </row>
    <row r="1584" spans="1:7" x14ac:dyDescent="0.3">
      <c r="A1584" s="13" t="s">
        <v>26</v>
      </c>
      <c r="B1584" s="14" t="s">
        <v>1</v>
      </c>
      <c r="C1584" s="14" t="s">
        <v>23</v>
      </c>
      <c r="D1584" s="14" t="s">
        <v>27</v>
      </c>
      <c r="E1584" s="15">
        <v>45500</v>
      </c>
      <c r="F1584" s="14" t="s">
        <v>28</v>
      </c>
      <c r="G1584" s="16">
        <v>1.8114481150149848</v>
      </c>
    </row>
    <row r="1585" spans="1:7" x14ac:dyDescent="0.3">
      <c r="A1585" s="13" t="s">
        <v>26</v>
      </c>
      <c r="B1585" s="14" t="s">
        <v>1</v>
      </c>
      <c r="C1585" s="14" t="s">
        <v>23</v>
      </c>
      <c r="D1585" s="14" t="s">
        <v>27</v>
      </c>
      <c r="E1585" s="15">
        <v>45501</v>
      </c>
      <c r="F1585" s="14" t="s">
        <v>28</v>
      </c>
      <c r="G1585" s="16">
        <v>1.8114481150149848</v>
      </c>
    </row>
    <row r="1586" spans="1:7" x14ac:dyDescent="0.3">
      <c r="A1586" s="13" t="s">
        <v>26</v>
      </c>
      <c r="B1586" s="14" t="s">
        <v>1</v>
      </c>
      <c r="C1586" s="14" t="s">
        <v>23</v>
      </c>
      <c r="D1586" s="14" t="s">
        <v>27</v>
      </c>
      <c r="E1586" s="15">
        <v>45502</v>
      </c>
      <c r="F1586" s="14" t="s">
        <v>28</v>
      </c>
      <c r="G1586" s="16">
        <v>1.827482091858164</v>
      </c>
    </row>
    <row r="1587" spans="1:7" x14ac:dyDescent="0.3">
      <c r="A1587" s="13" t="s">
        <v>26</v>
      </c>
      <c r="B1587" s="14" t="s">
        <v>1</v>
      </c>
      <c r="C1587" s="14" t="s">
        <v>23</v>
      </c>
      <c r="D1587" s="14" t="s">
        <v>27</v>
      </c>
      <c r="E1587" s="15">
        <v>45503</v>
      </c>
      <c r="F1587" s="14" t="s">
        <v>28</v>
      </c>
      <c r="G1587" s="16">
        <v>1.8679738350499022</v>
      </c>
    </row>
    <row r="1588" spans="1:7" x14ac:dyDescent="0.3">
      <c r="A1588" s="13" t="s">
        <v>26</v>
      </c>
      <c r="B1588" s="14" t="s">
        <v>1</v>
      </c>
      <c r="C1588" s="14" t="s">
        <v>23</v>
      </c>
      <c r="D1588" s="14" t="s">
        <v>27</v>
      </c>
      <c r="E1588" s="15">
        <v>45504</v>
      </c>
      <c r="F1588" s="14" t="s">
        <v>28</v>
      </c>
      <c r="G1588" s="16">
        <v>1.8742757006223929</v>
      </c>
    </row>
    <row r="1589" spans="1:7" x14ac:dyDescent="0.3">
      <c r="A1589" s="13" t="s">
        <v>26</v>
      </c>
      <c r="B1589" s="14" t="s">
        <v>1</v>
      </c>
      <c r="C1589" s="14" t="s">
        <v>23</v>
      </c>
      <c r="D1589" s="14" t="s">
        <v>27</v>
      </c>
      <c r="E1589" s="15">
        <v>45505</v>
      </c>
      <c r="F1589" s="14" t="s">
        <v>28</v>
      </c>
      <c r="G1589" s="16">
        <v>1.8810335207323545</v>
      </c>
    </row>
    <row r="1590" spans="1:7" x14ac:dyDescent="0.3">
      <c r="A1590" s="13" t="s">
        <v>26</v>
      </c>
      <c r="B1590" s="14" t="s">
        <v>1</v>
      </c>
      <c r="C1590" s="14" t="s">
        <v>23</v>
      </c>
      <c r="D1590" s="14" t="s">
        <v>27</v>
      </c>
      <c r="E1590" s="15">
        <v>45506</v>
      </c>
      <c r="F1590" s="14" t="s">
        <v>28</v>
      </c>
      <c r="G1590" s="16">
        <v>1.872318160121788</v>
      </c>
    </row>
    <row r="1591" spans="1:7" x14ac:dyDescent="0.3">
      <c r="A1591" s="13" t="s">
        <v>26</v>
      </c>
      <c r="B1591" s="14" t="s">
        <v>1</v>
      </c>
      <c r="C1591" s="14" t="s">
        <v>23</v>
      </c>
      <c r="D1591" s="14" t="s">
        <v>27</v>
      </c>
      <c r="E1591" s="15">
        <v>45507</v>
      </c>
      <c r="F1591" s="14" t="s">
        <v>28</v>
      </c>
      <c r="G1591" s="16">
        <v>1.872318160121788</v>
      </c>
    </row>
    <row r="1592" spans="1:7" x14ac:dyDescent="0.3">
      <c r="A1592" s="13" t="s">
        <v>26</v>
      </c>
      <c r="B1592" s="14" t="s">
        <v>1</v>
      </c>
      <c r="C1592" s="14" t="s">
        <v>23</v>
      </c>
      <c r="D1592" s="14" t="s">
        <v>27</v>
      </c>
      <c r="E1592" s="15">
        <v>45508</v>
      </c>
      <c r="F1592" s="14" t="s">
        <v>28</v>
      </c>
      <c r="G1592" s="16">
        <v>1.872318160121788</v>
      </c>
    </row>
    <row r="1593" spans="1:7" x14ac:dyDescent="0.3">
      <c r="A1593" s="13" t="s">
        <v>26</v>
      </c>
      <c r="B1593" s="14" t="s">
        <v>1</v>
      </c>
      <c r="C1593" s="14" t="s">
        <v>23</v>
      </c>
      <c r="D1593" s="14" t="s">
        <v>27</v>
      </c>
      <c r="E1593" s="15">
        <v>45509</v>
      </c>
      <c r="F1593" s="14" t="s">
        <v>28</v>
      </c>
      <c r="G1593" s="16">
        <v>1.872318160121788</v>
      </c>
    </row>
    <row r="1594" spans="1:7" x14ac:dyDescent="0.3">
      <c r="A1594" s="13" t="s">
        <v>26</v>
      </c>
      <c r="B1594" s="14" t="s">
        <v>1</v>
      </c>
      <c r="C1594" s="14" t="s">
        <v>23</v>
      </c>
      <c r="D1594" s="14" t="s">
        <v>27</v>
      </c>
      <c r="E1594" s="15">
        <v>45510</v>
      </c>
      <c r="F1594" s="14" t="s">
        <v>28</v>
      </c>
      <c r="G1594" s="16">
        <v>1.8832074048684937</v>
      </c>
    </row>
    <row r="1595" spans="1:7" x14ac:dyDescent="0.3">
      <c r="A1595" s="13" t="s">
        <v>26</v>
      </c>
      <c r="B1595" s="14" t="s">
        <v>1</v>
      </c>
      <c r="C1595" s="14" t="s">
        <v>23</v>
      </c>
      <c r="D1595" s="14" t="s">
        <v>27</v>
      </c>
      <c r="E1595" s="15">
        <v>45511</v>
      </c>
      <c r="F1595" s="14" t="s">
        <v>28</v>
      </c>
      <c r="G1595" s="16">
        <v>1.960368949034762</v>
      </c>
    </row>
    <row r="1596" spans="1:7" x14ac:dyDescent="0.3">
      <c r="A1596" s="13" t="s">
        <v>26</v>
      </c>
      <c r="B1596" s="14" t="s">
        <v>1</v>
      </c>
      <c r="C1596" s="14" t="s">
        <v>23</v>
      </c>
      <c r="D1596" s="14" t="s">
        <v>27</v>
      </c>
      <c r="E1596" s="15">
        <v>45512</v>
      </c>
      <c r="F1596" s="14" t="s">
        <v>28</v>
      </c>
      <c r="G1596" s="16">
        <v>1.9650444976423946</v>
      </c>
    </row>
    <row r="1597" spans="1:7" x14ac:dyDescent="0.3">
      <c r="A1597" s="13" t="s">
        <v>26</v>
      </c>
      <c r="B1597" s="14" t="s">
        <v>1</v>
      </c>
      <c r="C1597" s="14" t="s">
        <v>23</v>
      </c>
      <c r="D1597" s="14" t="s">
        <v>27</v>
      </c>
      <c r="E1597" s="15">
        <v>45513</v>
      </c>
      <c r="F1597" s="14" t="s">
        <v>28</v>
      </c>
      <c r="G1597" s="16">
        <v>1.9762980786505528</v>
      </c>
    </row>
    <row r="1598" spans="1:7" x14ac:dyDescent="0.3">
      <c r="A1598" s="13" t="s">
        <v>26</v>
      </c>
      <c r="B1598" s="14" t="s">
        <v>1</v>
      </c>
      <c r="C1598" s="14" t="s">
        <v>23</v>
      </c>
      <c r="D1598" s="14" t="s">
        <v>27</v>
      </c>
      <c r="E1598" s="15">
        <v>45514</v>
      </c>
      <c r="F1598" s="14" t="s">
        <v>28</v>
      </c>
      <c r="G1598" s="16">
        <v>1.9762980786505528</v>
      </c>
    </row>
    <row r="1599" spans="1:7" x14ac:dyDescent="0.3">
      <c r="A1599" s="13" t="s">
        <v>26</v>
      </c>
      <c r="B1599" s="14" t="s">
        <v>1</v>
      </c>
      <c r="C1599" s="14" t="s">
        <v>23</v>
      </c>
      <c r="D1599" s="14" t="s">
        <v>27</v>
      </c>
      <c r="E1599" s="15">
        <v>45515</v>
      </c>
      <c r="F1599" s="14" t="s">
        <v>28</v>
      </c>
      <c r="G1599" s="16">
        <v>1.9762980786505528</v>
      </c>
    </row>
    <row r="1600" spans="1:7" x14ac:dyDescent="0.3">
      <c r="A1600" s="13" t="s">
        <v>26</v>
      </c>
      <c r="B1600" s="14" t="s">
        <v>1</v>
      </c>
      <c r="C1600" s="14" t="s">
        <v>23</v>
      </c>
      <c r="D1600" s="14" t="s">
        <v>27</v>
      </c>
      <c r="E1600" s="15">
        <v>45516</v>
      </c>
      <c r="F1600" s="14" t="s">
        <v>28</v>
      </c>
      <c r="G1600" s="16">
        <v>1.9901116052340442</v>
      </c>
    </row>
    <row r="1601" spans="1:7" x14ac:dyDescent="0.3">
      <c r="A1601" s="13" t="s">
        <v>26</v>
      </c>
      <c r="B1601" s="14" t="s">
        <v>1</v>
      </c>
      <c r="C1601" s="14" t="s">
        <v>23</v>
      </c>
      <c r="D1601" s="14" t="s">
        <v>27</v>
      </c>
      <c r="E1601" s="15">
        <v>45517</v>
      </c>
      <c r="F1601" s="14" t="s">
        <v>28</v>
      </c>
      <c r="G1601" s="16">
        <v>2.0217944890463118</v>
      </c>
    </row>
    <row r="1602" spans="1:7" x14ac:dyDescent="0.3">
      <c r="A1602" s="13" t="s">
        <v>26</v>
      </c>
      <c r="B1602" s="14" t="s">
        <v>1</v>
      </c>
      <c r="C1602" s="14" t="s">
        <v>23</v>
      </c>
      <c r="D1602" s="14" t="s">
        <v>27</v>
      </c>
      <c r="E1602" s="15">
        <v>45518</v>
      </c>
      <c r="F1602" s="14" t="s">
        <v>28</v>
      </c>
      <c r="G1602" s="16">
        <v>2.0334102954693054</v>
      </c>
    </row>
    <row r="1603" spans="1:7" x14ac:dyDescent="0.3">
      <c r="A1603" s="13" t="s">
        <v>26</v>
      </c>
      <c r="B1603" s="14" t="s">
        <v>1</v>
      </c>
      <c r="C1603" s="14" t="s">
        <v>23</v>
      </c>
      <c r="D1603" s="14" t="s">
        <v>27</v>
      </c>
      <c r="E1603" s="15">
        <v>45519</v>
      </c>
      <c r="F1603" s="14" t="s">
        <v>28</v>
      </c>
      <c r="G1603" s="16">
        <v>2.052117154014522</v>
      </c>
    </row>
    <row r="1604" spans="1:7" x14ac:dyDescent="0.3">
      <c r="A1604" s="13" t="s">
        <v>26</v>
      </c>
      <c r="B1604" s="14" t="s">
        <v>1</v>
      </c>
      <c r="C1604" s="14" t="s">
        <v>23</v>
      </c>
      <c r="D1604" s="14" t="s">
        <v>27</v>
      </c>
      <c r="E1604" s="15">
        <v>45520</v>
      </c>
      <c r="F1604" s="14" t="s">
        <v>28</v>
      </c>
      <c r="G1604" s="16">
        <v>2.0552770167753973</v>
      </c>
    </row>
    <row r="1605" spans="1:7" x14ac:dyDescent="0.3">
      <c r="A1605" s="13" t="s">
        <v>26</v>
      </c>
      <c r="B1605" s="14" t="s">
        <v>1</v>
      </c>
      <c r="C1605" s="14" t="s">
        <v>23</v>
      </c>
      <c r="D1605" s="14" t="s">
        <v>27</v>
      </c>
      <c r="E1605" s="15">
        <v>45521</v>
      </c>
      <c r="F1605" s="14" t="s">
        <v>28</v>
      </c>
      <c r="G1605" s="16">
        <v>2.0552770167753973</v>
      </c>
    </row>
    <row r="1606" spans="1:7" x14ac:dyDescent="0.3">
      <c r="A1606" s="13" t="s">
        <v>26</v>
      </c>
      <c r="B1606" s="14" t="s">
        <v>1</v>
      </c>
      <c r="C1606" s="14" t="s">
        <v>23</v>
      </c>
      <c r="D1606" s="14" t="s">
        <v>27</v>
      </c>
      <c r="E1606" s="15">
        <v>45522</v>
      </c>
      <c r="F1606" s="14" t="s">
        <v>28</v>
      </c>
      <c r="G1606" s="16">
        <v>2.0552770167753973</v>
      </c>
    </row>
    <row r="1607" spans="1:7" x14ac:dyDescent="0.3">
      <c r="A1607" s="13" t="s">
        <v>26</v>
      </c>
      <c r="B1607" s="14" t="s">
        <v>1</v>
      </c>
      <c r="C1607" s="14" t="s">
        <v>23</v>
      </c>
      <c r="D1607" s="14" t="s">
        <v>27</v>
      </c>
      <c r="E1607" s="15">
        <v>45523</v>
      </c>
      <c r="F1607" s="14" t="s">
        <v>28</v>
      </c>
      <c r="G1607" s="16">
        <v>2.0576155246195285</v>
      </c>
    </row>
    <row r="1608" spans="1:7" x14ac:dyDescent="0.3">
      <c r="A1608" s="13" t="s">
        <v>26</v>
      </c>
      <c r="B1608" s="14" t="s">
        <v>1</v>
      </c>
      <c r="C1608" s="14" t="s">
        <v>23</v>
      </c>
      <c r="D1608" s="14" t="s">
        <v>27</v>
      </c>
      <c r="E1608" s="15">
        <v>45524</v>
      </c>
      <c r="F1608" s="14" t="s">
        <v>28</v>
      </c>
      <c r="G1608" s="16">
        <v>2.0949347875383872</v>
      </c>
    </row>
    <row r="1609" spans="1:7" x14ac:dyDescent="0.3">
      <c r="A1609" s="13" t="s">
        <v>26</v>
      </c>
      <c r="B1609" s="14" t="s">
        <v>1</v>
      </c>
      <c r="C1609" s="14" t="s">
        <v>23</v>
      </c>
      <c r="D1609" s="14" t="s">
        <v>27</v>
      </c>
      <c r="E1609" s="15">
        <v>45525</v>
      </c>
      <c r="F1609" s="14" t="s">
        <v>28</v>
      </c>
      <c r="G1609" s="16">
        <v>2.1052432913315569</v>
      </c>
    </row>
    <row r="1610" spans="1:7" x14ac:dyDescent="0.3">
      <c r="A1610" s="13" t="s">
        <v>26</v>
      </c>
      <c r="B1610" s="14" t="s">
        <v>1</v>
      </c>
      <c r="C1610" s="14" t="s">
        <v>23</v>
      </c>
      <c r="D1610" s="14" t="s">
        <v>27</v>
      </c>
      <c r="E1610" s="15">
        <v>45526</v>
      </c>
      <c r="F1610" s="14" t="s">
        <v>28</v>
      </c>
      <c r="G1610" s="16">
        <v>2.1288461542816446</v>
      </c>
    </row>
    <row r="1611" spans="1:7" x14ac:dyDescent="0.3">
      <c r="A1611" s="13" t="s">
        <v>26</v>
      </c>
      <c r="B1611" s="14" t="s">
        <v>1</v>
      </c>
      <c r="C1611" s="14" t="s">
        <v>23</v>
      </c>
      <c r="D1611" s="14" t="s">
        <v>27</v>
      </c>
      <c r="E1611" s="15">
        <v>45527</v>
      </c>
      <c r="F1611" s="14" t="s">
        <v>28</v>
      </c>
      <c r="G1611" s="16">
        <v>2.1258502817451155</v>
      </c>
    </row>
    <row r="1612" spans="1:7" x14ac:dyDescent="0.3">
      <c r="A1612" s="13" t="s">
        <v>26</v>
      </c>
      <c r="B1612" s="14" t="s">
        <v>1</v>
      </c>
      <c r="C1612" s="14" t="s">
        <v>23</v>
      </c>
      <c r="D1612" s="14" t="s">
        <v>27</v>
      </c>
      <c r="E1612" s="15">
        <v>45528</v>
      </c>
      <c r="F1612" s="14" t="s">
        <v>28</v>
      </c>
      <c r="G1612" s="16">
        <v>2.1258502817451155</v>
      </c>
    </row>
    <row r="1613" spans="1:7" x14ac:dyDescent="0.3">
      <c r="A1613" s="13" t="s">
        <v>26</v>
      </c>
      <c r="B1613" s="14" t="s">
        <v>1</v>
      </c>
      <c r="C1613" s="14" t="s">
        <v>23</v>
      </c>
      <c r="D1613" s="14" t="s">
        <v>27</v>
      </c>
      <c r="E1613" s="15">
        <v>45529</v>
      </c>
      <c r="F1613" s="14" t="s">
        <v>28</v>
      </c>
      <c r="G1613" s="16">
        <v>2.1258502817451155</v>
      </c>
    </row>
    <row r="1614" spans="1:7" x14ac:dyDescent="0.3">
      <c r="A1614" s="13" t="s">
        <v>26</v>
      </c>
      <c r="B1614" s="14" t="s">
        <v>1</v>
      </c>
      <c r="C1614" s="14" t="s">
        <v>23</v>
      </c>
      <c r="D1614" s="14" t="s">
        <v>27</v>
      </c>
      <c r="E1614" s="15">
        <v>45530</v>
      </c>
      <c r="F1614" s="14" t="s">
        <v>28</v>
      </c>
      <c r="G1614" s="16">
        <v>2.1465606324821076</v>
      </c>
    </row>
    <row r="1615" spans="1:7" x14ac:dyDescent="0.3">
      <c r="A1615" s="13" t="s">
        <v>26</v>
      </c>
      <c r="B1615" s="14" t="s">
        <v>1</v>
      </c>
      <c r="C1615" s="14" t="s">
        <v>23</v>
      </c>
      <c r="D1615" s="14" t="s">
        <v>27</v>
      </c>
      <c r="E1615" s="15">
        <v>45531</v>
      </c>
      <c r="F1615" s="14" t="s">
        <v>28</v>
      </c>
      <c r="G1615" s="16">
        <v>2.1845413027495795</v>
      </c>
    </row>
    <row r="1616" spans="1:7" x14ac:dyDescent="0.3">
      <c r="A1616" s="13" t="s">
        <v>26</v>
      </c>
      <c r="B1616" s="14" t="s">
        <v>1</v>
      </c>
      <c r="C1616" s="14" t="s">
        <v>23</v>
      </c>
      <c r="D1616" s="14" t="s">
        <v>27</v>
      </c>
      <c r="E1616" s="15">
        <v>45532</v>
      </c>
      <c r="F1616" s="14" t="s">
        <v>28</v>
      </c>
      <c r="G1616" s="16">
        <v>2.2034081548796256</v>
      </c>
    </row>
    <row r="1617" spans="1:7" x14ac:dyDescent="0.3">
      <c r="A1617" s="13" t="s">
        <v>26</v>
      </c>
      <c r="B1617" s="14" t="s">
        <v>1</v>
      </c>
      <c r="C1617" s="14" t="s">
        <v>23</v>
      </c>
      <c r="D1617" s="14" t="s">
        <v>27</v>
      </c>
      <c r="E1617" s="15">
        <v>45533</v>
      </c>
      <c r="F1617" s="14" t="s">
        <v>28</v>
      </c>
      <c r="G1617" s="16">
        <v>2.2158303654775455</v>
      </c>
    </row>
    <row r="1618" spans="1:7" x14ac:dyDescent="0.3">
      <c r="A1618" s="13" t="s">
        <v>26</v>
      </c>
      <c r="B1618" s="14" t="s">
        <v>1</v>
      </c>
      <c r="C1618" s="14" t="s">
        <v>23</v>
      </c>
      <c r="D1618" s="14" t="s">
        <v>27</v>
      </c>
      <c r="E1618" s="15">
        <v>45534</v>
      </c>
      <c r="F1618" s="14" t="s">
        <v>28</v>
      </c>
      <c r="G1618" s="16">
        <v>2.2366488729214606</v>
      </c>
    </row>
    <row r="1619" spans="1:7" x14ac:dyDescent="0.3">
      <c r="A1619" s="13" t="s">
        <v>26</v>
      </c>
      <c r="B1619" s="14" t="s">
        <v>1</v>
      </c>
      <c r="C1619" s="14" t="s">
        <v>23</v>
      </c>
      <c r="D1619" s="14" t="s">
        <v>27</v>
      </c>
      <c r="E1619" s="15">
        <v>45535</v>
      </c>
      <c r="F1619" s="14" t="s">
        <v>28</v>
      </c>
      <c r="G1619" s="16">
        <v>2.2366488729214606</v>
      </c>
    </row>
    <row r="1620" spans="1:7" x14ac:dyDescent="0.3">
      <c r="A1620" s="13" t="s">
        <v>26</v>
      </c>
      <c r="B1620" s="14" t="s">
        <v>1</v>
      </c>
      <c r="C1620" s="14" t="s">
        <v>23</v>
      </c>
      <c r="D1620" s="14" t="s">
        <v>27</v>
      </c>
      <c r="E1620" s="15">
        <v>45536</v>
      </c>
      <c r="F1620" s="14" t="s">
        <v>28</v>
      </c>
      <c r="G1620" s="16">
        <v>2.2366488729214606</v>
      </c>
    </row>
    <row r="1621" spans="1:7" x14ac:dyDescent="0.3">
      <c r="A1621" s="13" t="s">
        <v>26</v>
      </c>
      <c r="B1621" s="14" t="s">
        <v>1</v>
      </c>
      <c r="C1621" s="14" t="s">
        <v>23</v>
      </c>
      <c r="D1621" s="14" t="s">
        <v>27</v>
      </c>
      <c r="E1621" s="15">
        <v>45537</v>
      </c>
      <c r="F1621" s="14" t="s">
        <v>28</v>
      </c>
      <c r="G1621" s="16">
        <v>2.2366488729214606</v>
      </c>
    </row>
    <row r="1622" spans="1:7" x14ac:dyDescent="0.3">
      <c r="A1622" s="13" t="s">
        <v>26</v>
      </c>
      <c r="B1622" s="14" t="s">
        <v>1</v>
      </c>
      <c r="C1622" s="14" t="s">
        <v>23</v>
      </c>
      <c r="D1622" s="14" t="s">
        <v>27</v>
      </c>
      <c r="E1622" s="15">
        <v>45538</v>
      </c>
      <c r="F1622" s="14" t="s">
        <v>28</v>
      </c>
      <c r="G1622" s="16">
        <v>2.2520852703022025</v>
      </c>
    </row>
    <row r="1623" spans="1:7" x14ac:dyDescent="0.3">
      <c r="A1623" s="13" t="s">
        <v>26</v>
      </c>
      <c r="B1623" s="14" t="s">
        <v>1</v>
      </c>
      <c r="C1623" s="14" t="s">
        <v>23</v>
      </c>
      <c r="D1623" s="14" t="s">
        <v>27</v>
      </c>
      <c r="E1623" s="15">
        <v>45539</v>
      </c>
      <c r="F1623" s="14" t="s">
        <v>28</v>
      </c>
      <c r="G1623" s="16">
        <v>2.2936775644056828</v>
      </c>
    </row>
    <row r="1624" spans="1:7" x14ac:dyDescent="0.3">
      <c r="A1624" s="13" t="s">
        <v>26</v>
      </c>
      <c r="B1624" s="14" t="s">
        <v>1</v>
      </c>
      <c r="C1624" s="14" t="s">
        <v>23</v>
      </c>
      <c r="D1624" s="14" t="s">
        <v>27</v>
      </c>
      <c r="E1624" s="15">
        <v>45540</v>
      </c>
      <c r="F1624" s="14" t="s">
        <v>28</v>
      </c>
      <c r="G1624" s="16">
        <v>2.3014500321791922</v>
      </c>
    </row>
    <row r="1625" spans="1:7" x14ac:dyDescent="0.3">
      <c r="A1625" s="13" t="s">
        <v>26</v>
      </c>
      <c r="B1625" s="14" t="s">
        <v>1</v>
      </c>
      <c r="C1625" s="14" t="s">
        <v>23</v>
      </c>
      <c r="D1625" s="14" t="s">
        <v>27</v>
      </c>
      <c r="E1625" s="15">
        <v>45541</v>
      </c>
      <c r="F1625" s="14" t="s">
        <v>28</v>
      </c>
      <c r="G1625" s="16">
        <v>2.3205511353191604</v>
      </c>
    </row>
    <row r="1626" spans="1:7" x14ac:dyDescent="0.3">
      <c r="A1626" s="13" t="s">
        <v>26</v>
      </c>
      <c r="B1626" s="14" t="s">
        <v>1</v>
      </c>
      <c r="C1626" s="14" t="s">
        <v>23</v>
      </c>
      <c r="D1626" s="14" t="s">
        <v>27</v>
      </c>
      <c r="E1626" s="15">
        <v>45542</v>
      </c>
      <c r="F1626" s="14" t="s">
        <v>28</v>
      </c>
      <c r="G1626" s="16">
        <v>2.3205511353191604</v>
      </c>
    </row>
    <row r="1627" spans="1:7" x14ac:dyDescent="0.3">
      <c r="A1627" s="13" t="s">
        <v>26</v>
      </c>
      <c r="B1627" s="14" t="s">
        <v>1</v>
      </c>
      <c r="C1627" s="14" t="s">
        <v>23</v>
      </c>
      <c r="D1627" s="14" t="s">
        <v>27</v>
      </c>
      <c r="E1627" s="15">
        <v>45543</v>
      </c>
      <c r="F1627" s="14" t="s">
        <v>28</v>
      </c>
      <c r="G1627" s="16">
        <v>2.3205511353191604</v>
      </c>
    </row>
    <row r="1628" spans="1:7" x14ac:dyDescent="0.3">
      <c r="A1628" s="13" t="s">
        <v>26</v>
      </c>
      <c r="B1628" s="14" t="s">
        <v>1</v>
      </c>
      <c r="C1628" s="14" t="s">
        <v>23</v>
      </c>
      <c r="D1628" s="14" t="s">
        <v>27</v>
      </c>
      <c r="E1628" s="15">
        <v>45544</v>
      </c>
      <c r="F1628" s="14" t="s">
        <v>28</v>
      </c>
      <c r="G1628" s="16">
        <v>2.3700253191555309</v>
      </c>
    </row>
    <row r="1629" spans="1:7" x14ac:dyDescent="0.3">
      <c r="A1629" s="13" t="s">
        <v>26</v>
      </c>
      <c r="B1629" s="14" t="s">
        <v>1</v>
      </c>
      <c r="C1629" s="14" t="s">
        <v>23</v>
      </c>
      <c r="D1629" s="14" t="s">
        <v>27</v>
      </c>
      <c r="E1629" s="15">
        <v>45545</v>
      </c>
      <c r="F1629" s="14" t="s">
        <v>28</v>
      </c>
      <c r="G1629" s="16">
        <v>2.4076026218909918</v>
      </c>
    </row>
    <row r="1630" spans="1:7" x14ac:dyDescent="0.3">
      <c r="A1630" s="13" t="s">
        <v>26</v>
      </c>
      <c r="B1630" s="14" t="s">
        <v>1</v>
      </c>
      <c r="C1630" s="14" t="s">
        <v>23</v>
      </c>
      <c r="D1630" s="14" t="s">
        <v>27</v>
      </c>
      <c r="E1630" s="15">
        <v>45546</v>
      </c>
      <c r="F1630" s="14" t="s">
        <v>28</v>
      </c>
      <c r="G1630" s="16">
        <v>2.4188263439786293</v>
      </c>
    </row>
    <row r="1631" spans="1:7" x14ac:dyDescent="0.3">
      <c r="A1631" s="13" t="s">
        <v>26</v>
      </c>
      <c r="B1631" s="14" t="s">
        <v>1</v>
      </c>
      <c r="C1631" s="14" t="s">
        <v>23</v>
      </c>
      <c r="D1631" s="14" t="s">
        <v>27</v>
      </c>
      <c r="E1631" s="15">
        <v>45547</v>
      </c>
      <c r="F1631" s="14" t="s">
        <v>28</v>
      </c>
      <c r="G1631" s="16">
        <v>2.4289596854837998</v>
      </c>
    </row>
    <row r="1632" spans="1:7" x14ac:dyDescent="0.3">
      <c r="A1632" s="13" t="s">
        <v>26</v>
      </c>
      <c r="B1632" s="14" t="s">
        <v>1</v>
      </c>
      <c r="C1632" s="14" t="s">
        <v>23</v>
      </c>
      <c r="D1632" s="14" t="s">
        <v>27</v>
      </c>
      <c r="E1632" s="15">
        <v>45548</v>
      </c>
      <c r="F1632" s="14" t="s">
        <v>28</v>
      </c>
      <c r="G1632" s="16">
        <v>2.4361790149446794</v>
      </c>
    </row>
    <row r="1633" spans="1:7" x14ac:dyDescent="0.3">
      <c r="A1633" s="13" t="s">
        <v>26</v>
      </c>
      <c r="B1633" s="14" t="s">
        <v>1</v>
      </c>
      <c r="C1633" s="14" t="s">
        <v>23</v>
      </c>
      <c r="D1633" s="14" t="s">
        <v>27</v>
      </c>
      <c r="E1633" s="15">
        <v>45549</v>
      </c>
      <c r="F1633" s="14" t="s">
        <v>28</v>
      </c>
      <c r="G1633" s="16">
        <v>2.4361790149446794</v>
      </c>
    </row>
    <row r="1634" spans="1:7" x14ac:dyDescent="0.3">
      <c r="A1634" s="13" t="s">
        <v>26</v>
      </c>
      <c r="B1634" s="14" t="s">
        <v>1</v>
      </c>
      <c r="C1634" s="14" t="s">
        <v>23</v>
      </c>
      <c r="D1634" s="14" t="s">
        <v>27</v>
      </c>
      <c r="E1634" s="15">
        <v>45550</v>
      </c>
      <c r="F1634" s="14" t="s">
        <v>28</v>
      </c>
      <c r="G1634" s="16">
        <v>2.4361790149446794</v>
      </c>
    </row>
    <row r="1635" spans="1:7" x14ac:dyDescent="0.3">
      <c r="A1635" s="13" t="s">
        <v>26</v>
      </c>
      <c r="B1635" s="14" t="s">
        <v>1</v>
      </c>
      <c r="C1635" s="14" t="s">
        <v>23</v>
      </c>
      <c r="D1635" s="14" t="s">
        <v>27</v>
      </c>
      <c r="E1635" s="15">
        <v>45551</v>
      </c>
      <c r="F1635" s="14" t="s">
        <v>28</v>
      </c>
      <c r="G1635" s="16">
        <v>2.4455278947712831</v>
      </c>
    </row>
    <row r="1636" spans="1:7" x14ac:dyDescent="0.3">
      <c r="A1636" s="13" t="s">
        <v>26</v>
      </c>
      <c r="B1636" s="14" t="s">
        <v>1</v>
      </c>
      <c r="C1636" s="14" t="s">
        <v>23</v>
      </c>
      <c r="D1636" s="14" t="s">
        <v>27</v>
      </c>
      <c r="E1636" s="15">
        <v>45552</v>
      </c>
      <c r="F1636" s="14" t="s">
        <v>28</v>
      </c>
      <c r="G1636" s="16">
        <v>2.4942033292848746</v>
      </c>
    </row>
    <row r="1637" spans="1:7" x14ac:dyDescent="0.3">
      <c r="A1637" s="13" t="s">
        <v>26</v>
      </c>
      <c r="B1637" s="14" t="s">
        <v>1</v>
      </c>
      <c r="C1637" s="14" t="s">
        <v>23</v>
      </c>
      <c r="D1637" s="14" t="s">
        <v>27</v>
      </c>
      <c r="E1637" s="15">
        <v>45553</v>
      </c>
      <c r="F1637" s="14" t="s">
        <v>28</v>
      </c>
      <c r="G1637" s="16">
        <v>2.5053997295260135</v>
      </c>
    </row>
    <row r="1638" spans="1:7" x14ac:dyDescent="0.3">
      <c r="A1638" s="13" t="s">
        <v>26</v>
      </c>
      <c r="B1638" s="14" t="s">
        <v>1</v>
      </c>
      <c r="C1638" s="14" t="s">
        <v>23</v>
      </c>
      <c r="D1638" s="14" t="s">
        <v>27</v>
      </c>
      <c r="E1638" s="15">
        <v>45554</v>
      </c>
      <c r="F1638" s="14" t="s">
        <v>28</v>
      </c>
      <c r="G1638" s="16">
        <v>2.5127626657018394</v>
      </c>
    </row>
    <row r="1639" spans="1:7" x14ac:dyDescent="0.3">
      <c r="A1639" s="13" t="s">
        <v>26</v>
      </c>
      <c r="B1639" s="14" t="s">
        <v>1</v>
      </c>
      <c r="C1639" s="14" t="s">
        <v>23</v>
      </c>
      <c r="D1639" s="14" t="s">
        <v>27</v>
      </c>
      <c r="E1639" s="15">
        <v>45555</v>
      </c>
      <c r="F1639" s="14" t="s">
        <v>28</v>
      </c>
      <c r="G1639" s="16">
        <v>2.524445435355136</v>
      </c>
    </row>
    <row r="1640" spans="1:7" x14ac:dyDescent="0.3">
      <c r="A1640" s="13" t="s">
        <v>26</v>
      </c>
      <c r="B1640" s="14" t="s">
        <v>1</v>
      </c>
      <c r="C1640" s="14" t="s">
        <v>23</v>
      </c>
      <c r="D1640" s="14" t="s">
        <v>27</v>
      </c>
      <c r="E1640" s="15">
        <v>45556</v>
      </c>
      <c r="F1640" s="14" t="s">
        <v>28</v>
      </c>
      <c r="G1640" s="16">
        <v>2.524445435355136</v>
      </c>
    </row>
    <row r="1641" spans="1:7" x14ac:dyDescent="0.3">
      <c r="A1641" s="13" t="s">
        <v>26</v>
      </c>
      <c r="B1641" s="14" t="s">
        <v>1</v>
      </c>
      <c r="C1641" s="14" t="s">
        <v>23</v>
      </c>
      <c r="D1641" s="14" t="s">
        <v>27</v>
      </c>
      <c r="E1641" s="15">
        <v>45557</v>
      </c>
      <c r="F1641" s="14" t="s">
        <v>28</v>
      </c>
      <c r="G1641" s="16">
        <v>2.524445435355136</v>
      </c>
    </row>
    <row r="1642" spans="1:7" x14ac:dyDescent="0.3">
      <c r="A1642" s="13" t="s">
        <v>26</v>
      </c>
      <c r="B1642" s="14" t="s">
        <v>1</v>
      </c>
      <c r="C1642" s="14" t="s">
        <v>23</v>
      </c>
      <c r="D1642" s="14" t="s">
        <v>27</v>
      </c>
      <c r="E1642" s="15">
        <v>45558</v>
      </c>
      <c r="F1642" s="14" t="s">
        <v>28</v>
      </c>
      <c r="G1642" s="16">
        <v>2.5407840968990212</v>
      </c>
    </row>
    <row r="1643" spans="1:7" x14ac:dyDescent="0.3">
      <c r="A1643" s="13" t="s">
        <v>26</v>
      </c>
      <c r="B1643" s="14" t="s">
        <v>1</v>
      </c>
      <c r="C1643" s="14" t="s">
        <v>23</v>
      </c>
      <c r="D1643" s="14" t="s">
        <v>27</v>
      </c>
      <c r="E1643" s="15">
        <v>45559</v>
      </c>
      <c r="F1643" s="14" t="s">
        <v>28</v>
      </c>
      <c r="G1643" s="16">
        <v>2.5853907387581376</v>
      </c>
    </row>
    <row r="1644" spans="1:7" x14ac:dyDescent="0.3">
      <c r="A1644" s="13" t="s">
        <v>26</v>
      </c>
      <c r="B1644" s="14" t="s">
        <v>1</v>
      </c>
      <c r="C1644" s="14" t="s">
        <v>23</v>
      </c>
      <c r="D1644" s="14" t="s">
        <v>27</v>
      </c>
      <c r="E1644" s="15">
        <v>45560</v>
      </c>
      <c r="F1644" s="14" t="s">
        <v>28</v>
      </c>
      <c r="G1644" s="16">
        <v>2.6130745993970916</v>
      </c>
    </row>
    <row r="1645" spans="1:7" x14ac:dyDescent="0.3">
      <c r="A1645" s="13" t="s">
        <v>26</v>
      </c>
      <c r="B1645" s="14" t="s">
        <v>1</v>
      </c>
      <c r="C1645" s="14" t="s">
        <v>23</v>
      </c>
      <c r="D1645" s="14" t="s">
        <v>27</v>
      </c>
      <c r="E1645" s="15">
        <v>45561</v>
      </c>
      <c r="F1645" s="14" t="s">
        <v>28</v>
      </c>
      <c r="G1645" s="16">
        <v>2.6148172356731343</v>
      </c>
    </row>
    <row r="1646" spans="1:7" x14ac:dyDescent="0.3">
      <c r="A1646" s="13" t="s">
        <v>26</v>
      </c>
      <c r="B1646" s="14" t="s">
        <v>1</v>
      </c>
      <c r="C1646" s="14" t="s">
        <v>23</v>
      </c>
      <c r="D1646" s="14" t="s">
        <v>27</v>
      </c>
      <c r="E1646" s="15">
        <v>45562</v>
      </c>
      <c r="F1646" s="14" t="s">
        <v>28</v>
      </c>
      <c r="G1646" s="16">
        <v>2.6287225588835863</v>
      </c>
    </row>
    <row r="1647" spans="1:7" x14ac:dyDescent="0.3">
      <c r="A1647" s="13" t="s">
        <v>26</v>
      </c>
      <c r="B1647" s="14" t="s">
        <v>1</v>
      </c>
      <c r="C1647" s="14" t="s">
        <v>23</v>
      </c>
      <c r="D1647" s="14" t="s">
        <v>27</v>
      </c>
      <c r="E1647" s="15">
        <v>45563</v>
      </c>
      <c r="F1647" s="14" t="s">
        <v>28</v>
      </c>
      <c r="G1647" s="16">
        <v>2.6287225588835863</v>
      </c>
    </row>
    <row r="1648" spans="1:7" x14ac:dyDescent="0.3">
      <c r="A1648" s="13" t="s">
        <v>26</v>
      </c>
      <c r="B1648" s="14" t="s">
        <v>1</v>
      </c>
      <c r="C1648" s="14" t="s">
        <v>23</v>
      </c>
      <c r="D1648" s="14" t="s">
        <v>27</v>
      </c>
      <c r="E1648" s="15">
        <v>45564</v>
      </c>
      <c r="F1648" s="14" t="s">
        <v>28</v>
      </c>
      <c r="G1648" s="16">
        <v>2.6287225588835863</v>
      </c>
    </row>
    <row r="1649" spans="1:7" x14ac:dyDescent="0.3">
      <c r="A1649" s="13" t="s">
        <v>26</v>
      </c>
      <c r="B1649" s="14" t="s">
        <v>1</v>
      </c>
      <c r="C1649" s="14" t="s">
        <v>23</v>
      </c>
      <c r="D1649" s="14" t="s">
        <v>27</v>
      </c>
      <c r="E1649" s="15">
        <v>45565</v>
      </c>
      <c r="F1649" s="14" t="s">
        <v>28</v>
      </c>
      <c r="G1649" s="16">
        <v>2.6524425549616879</v>
      </c>
    </row>
    <row r="1650" spans="1:7" x14ac:dyDescent="0.3">
      <c r="A1650" s="13" t="s">
        <v>26</v>
      </c>
      <c r="B1650" s="14" t="s">
        <v>1</v>
      </c>
      <c r="C1650" s="14" t="s">
        <v>23</v>
      </c>
      <c r="D1650" s="14" t="s">
        <v>27</v>
      </c>
      <c r="E1650" s="15">
        <v>45566</v>
      </c>
      <c r="F1650" s="14" t="s">
        <v>28</v>
      </c>
      <c r="G1650" s="16">
        <v>2.7052290748002261</v>
      </c>
    </row>
    <row r="1651" spans="1:7" x14ac:dyDescent="0.3">
      <c r="A1651" s="13" t="s">
        <v>26</v>
      </c>
      <c r="B1651" s="14" t="s">
        <v>1</v>
      </c>
      <c r="C1651" s="14" t="s">
        <v>23</v>
      </c>
      <c r="D1651" s="14" t="s">
        <v>27</v>
      </c>
      <c r="E1651" s="15">
        <v>45567</v>
      </c>
      <c r="F1651" s="14" t="s">
        <v>28</v>
      </c>
      <c r="G1651" s="16">
        <v>2.727933840979214</v>
      </c>
    </row>
    <row r="1652" spans="1:7" x14ac:dyDescent="0.3">
      <c r="A1652" s="13" t="s">
        <v>26</v>
      </c>
      <c r="B1652" s="14" t="s">
        <v>1</v>
      </c>
      <c r="C1652" s="14" t="s">
        <v>23</v>
      </c>
      <c r="D1652" s="14" t="s">
        <v>27</v>
      </c>
      <c r="E1652" s="15">
        <v>45568</v>
      </c>
      <c r="F1652" s="14" t="s">
        <v>28</v>
      </c>
      <c r="G1652" s="16">
        <v>2.7440098481748256</v>
      </c>
    </row>
    <row r="1653" spans="1:7" x14ac:dyDescent="0.3">
      <c r="A1653" s="13" t="s">
        <v>26</v>
      </c>
      <c r="B1653" s="14" t="s">
        <v>1</v>
      </c>
      <c r="C1653" s="14" t="s">
        <v>23</v>
      </c>
      <c r="D1653" s="14" t="s">
        <v>27</v>
      </c>
      <c r="E1653" s="15">
        <v>45569</v>
      </c>
      <c r="F1653" s="14" t="s">
        <v>28</v>
      </c>
      <c r="G1653" s="16">
        <v>2.7764723929506916</v>
      </c>
    </row>
    <row r="1654" spans="1:7" x14ac:dyDescent="0.3">
      <c r="A1654" s="13" t="s">
        <v>26</v>
      </c>
      <c r="B1654" s="14" t="s">
        <v>1</v>
      </c>
      <c r="C1654" s="14" t="s">
        <v>23</v>
      </c>
      <c r="D1654" s="14" t="s">
        <v>27</v>
      </c>
      <c r="E1654" s="15">
        <v>45570</v>
      </c>
      <c r="F1654" s="14" t="s">
        <v>28</v>
      </c>
      <c r="G1654" s="16">
        <v>2.7764723929506916</v>
      </c>
    </row>
    <row r="1655" spans="1:7" x14ac:dyDescent="0.3">
      <c r="A1655" s="13" t="s">
        <v>26</v>
      </c>
      <c r="B1655" s="14" t="s">
        <v>1</v>
      </c>
      <c r="C1655" s="14" t="s">
        <v>23</v>
      </c>
      <c r="D1655" s="14" t="s">
        <v>27</v>
      </c>
      <c r="E1655" s="15">
        <v>45571</v>
      </c>
      <c r="F1655" s="14" t="s">
        <v>28</v>
      </c>
      <c r="G1655" s="16">
        <v>2.7764723929506916</v>
      </c>
    </row>
    <row r="1656" spans="1:7" x14ac:dyDescent="0.3">
      <c r="A1656" s="13" t="s">
        <v>26</v>
      </c>
      <c r="B1656" s="14" t="s">
        <v>1</v>
      </c>
      <c r="C1656" s="14" t="s">
        <v>23</v>
      </c>
      <c r="D1656" s="14" t="s">
        <v>27</v>
      </c>
      <c r="E1656" s="15">
        <v>45572</v>
      </c>
      <c r="F1656" s="14" t="s">
        <v>28</v>
      </c>
      <c r="G1656" s="16">
        <v>2.8156969915274659</v>
      </c>
    </row>
    <row r="1657" spans="1:7" x14ac:dyDescent="0.3">
      <c r="A1657" s="13" t="s">
        <v>26</v>
      </c>
      <c r="B1657" s="14" t="s">
        <v>1</v>
      </c>
      <c r="C1657" s="14" t="s">
        <v>23</v>
      </c>
      <c r="D1657" s="14" t="s">
        <v>27</v>
      </c>
      <c r="E1657" s="15">
        <v>45573</v>
      </c>
      <c r="F1657" s="14" t="s">
        <v>28</v>
      </c>
      <c r="G1657" s="16">
        <v>2.8645808730175424</v>
      </c>
    </row>
    <row r="1658" spans="1:7" x14ac:dyDescent="0.3">
      <c r="A1658" s="13" t="s">
        <v>26</v>
      </c>
      <c r="B1658" s="14" t="s">
        <v>1</v>
      </c>
      <c r="C1658" s="14" t="s">
        <v>23</v>
      </c>
      <c r="D1658" s="14" t="s">
        <v>27</v>
      </c>
      <c r="E1658" s="15">
        <v>45574</v>
      </c>
      <c r="F1658" s="14" t="s">
        <v>28</v>
      </c>
      <c r="G1658" s="16">
        <v>2.887626217077421</v>
      </c>
    </row>
    <row r="1659" spans="1:7" x14ac:dyDescent="0.3">
      <c r="A1659" s="13" t="s">
        <v>26</v>
      </c>
      <c r="B1659" s="14" t="s">
        <v>1</v>
      </c>
      <c r="C1659" s="14" t="s">
        <v>23</v>
      </c>
      <c r="D1659" s="14" t="s">
        <v>27</v>
      </c>
      <c r="E1659" s="15">
        <v>45575</v>
      </c>
      <c r="F1659" s="14" t="s">
        <v>28</v>
      </c>
      <c r="G1659" s="16">
        <v>2.9000771530471945</v>
      </c>
    </row>
    <row r="1660" spans="1:7" x14ac:dyDescent="0.3">
      <c r="A1660" s="13" t="s">
        <v>26</v>
      </c>
      <c r="B1660" s="14" t="s">
        <v>1</v>
      </c>
      <c r="C1660" s="14" t="s">
        <v>23</v>
      </c>
      <c r="D1660" s="14" t="s">
        <v>27</v>
      </c>
      <c r="E1660" s="15">
        <v>45576</v>
      </c>
      <c r="F1660" s="14" t="s">
        <v>28</v>
      </c>
      <c r="G1660" s="16">
        <v>2.9140958606551557</v>
      </c>
    </row>
    <row r="1661" spans="1:7" x14ac:dyDescent="0.3">
      <c r="A1661" s="13" t="s">
        <v>26</v>
      </c>
      <c r="B1661" s="14" t="s">
        <v>1</v>
      </c>
      <c r="C1661" s="14" t="s">
        <v>23</v>
      </c>
      <c r="D1661" s="14" t="s">
        <v>27</v>
      </c>
      <c r="E1661" s="15">
        <v>45577</v>
      </c>
      <c r="F1661" s="14" t="s">
        <v>28</v>
      </c>
      <c r="G1661" s="16">
        <v>2.9140958606551557</v>
      </c>
    </row>
    <row r="1662" spans="1:7" x14ac:dyDescent="0.3">
      <c r="A1662" s="13" t="s">
        <v>26</v>
      </c>
      <c r="B1662" s="14" t="s">
        <v>1</v>
      </c>
      <c r="C1662" s="14" t="s">
        <v>23</v>
      </c>
      <c r="D1662" s="14" t="s">
        <v>27</v>
      </c>
      <c r="E1662" s="15">
        <v>45578</v>
      </c>
      <c r="F1662" s="14" t="s">
        <v>28</v>
      </c>
      <c r="G1662" s="16">
        <v>2.9140958606551557</v>
      </c>
    </row>
    <row r="1663" spans="1:7" x14ac:dyDescent="0.3">
      <c r="A1663" s="13" t="s">
        <v>26</v>
      </c>
      <c r="B1663" s="14" t="s">
        <v>1</v>
      </c>
      <c r="C1663" s="14" t="s">
        <v>23</v>
      </c>
      <c r="D1663" s="14" t="s">
        <v>27</v>
      </c>
      <c r="E1663" s="15">
        <v>45579</v>
      </c>
      <c r="F1663" s="14" t="s">
        <v>28</v>
      </c>
      <c r="G1663" s="16">
        <v>2.9140958606551557</v>
      </c>
    </row>
    <row r="1664" spans="1:7" x14ac:dyDescent="0.3">
      <c r="A1664" s="13" t="s">
        <v>26</v>
      </c>
      <c r="B1664" s="14" t="s">
        <v>1</v>
      </c>
      <c r="C1664" s="14" t="s">
        <v>23</v>
      </c>
      <c r="D1664" s="14" t="s">
        <v>27</v>
      </c>
      <c r="E1664" s="15">
        <v>45580</v>
      </c>
      <c r="F1664" s="14" t="s">
        <v>28</v>
      </c>
      <c r="G1664" s="16">
        <v>2.9391622456771707</v>
      </c>
    </row>
    <row r="1665" spans="1:7" x14ac:dyDescent="0.3">
      <c r="A1665" s="13" t="s">
        <v>26</v>
      </c>
      <c r="B1665" s="14" t="s">
        <v>1</v>
      </c>
      <c r="C1665" s="14" t="s">
        <v>23</v>
      </c>
      <c r="D1665" s="14" t="s">
        <v>27</v>
      </c>
      <c r="E1665" s="15">
        <v>45581</v>
      </c>
      <c r="F1665" s="14" t="s">
        <v>28</v>
      </c>
      <c r="G1665" s="16">
        <v>3.0118773666174024</v>
      </c>
    </row>
    <row r="1666" spans="1:7" x14ac:dyDescent="0.3">
      <c r="A1666" s="13" t="s">
        <v>26</v>
      </c>
      <c r="B1666" s="14" t="s">
        <v>1</v>
      </c>
      <c r="C1666" s="14" t="s">
        <v>23</v>
      </c>
      <c r="D1666" s="14" t="s">
        <v>27</v>
      </c>
      <c r="E1666" s="15">
        <v>45582</v>
      </c>
      <c r="F1666" s="14" t="s">
        <v>28</v>
      </c>
      <c r="G1666" s="16">
        <v>3.0289449559659127</v>
      </c>
    </row>
    <row r="1667" spans="1:7" x14ac:dyDescent="0.3">
      <c r="A1667" s="13" t="s">
        <v>26</v>
      </c>
      <c r="B1667" s="14" t="s">
        <v>1</v>
      </c>
      <c r="C1667" s="14" t="s">
        <v>23</v>
      </c>
      <c r="D1667" s="14" t="s">
        <v>27</v>
      </c>
      <c r="E1667" s="15">
        <v>45583</v>
      </c>
      <c r="F1667" s="14" t="s">
        <v>28</v>
      </c>
      <c r="G1667" s="16">
        <v>3.0358643703304482</v>
      </c>
    </row>
    <row r="1668" spans="1:7" x14ac:dyDescent="0.3">
      <c r="A1668" s="13" t="s">
        <v>26</v>
      </c>
      <c r="B1668" s="14" t="s">
        <v>1</v>
      </c>
      <c r="C1668" s="14" t="s">
        <v>23</v>
      </c>
      <c r="D1668" s="14" t="s">
        <v>27</v>
      </c>
      <c r="E1668" s="15">
        <v>45584</v>
      </c>
      <c r="F1668" s="14" t="s">
        <v>28</v>
      </c>
      <c r="G1668" s="16">
        <v>3.0358643703304482</v>
      </c>
    </row>
    <row r="1669" spans="1:7" x14ac:dyDescent="0.3">
      <c r="A1669" s="13" t="s">
        <v>26</v>
      </c>
      <c r="B1669" s="14" t="s">
        <v>1</v>
      </c>
      <c r="C1669" s="14" t="s">
        <v>23</v>
      </c>
      <c r="D1669" s="14" t="s">
        <v>27</v>
      </c>
      <c r="E1669" s="15">
        <v>45585</v>
      </c>
      <c r="F1669" s="14" t="s">
        <v>28</v>
      </c>
      <c r="G1669" s="16">
        <v>3.0358643703304482</v>
      </c>
    </row>
    <row r="1670" spans="1:7" x14ac:dyDescent="0.3">
      <c r="A1670" s="13" t="s">
        <v>26</v>
      </c>
      <c r="B1670" s="14" t="s">
        <v>1</v>
      </c>
      <c r="C1670" s="14" t="s">
        <v>23</v>
      </c>
      <c r="D1670" s="14" t="s">
        <v>27</v>
      </c>
      <c r="E1670" s="15">
        <v>45586</v>
      </c>
      <c r="F1670" s="14" t="s">
        <v>28</v>
      </c>
      <c r="G1670" s="16">
        <v>3.0642163379693046</v>
      </c>
    </row>
    <row r="1671" spans="1:7" x14ac:dyDescent="0.3">
      <c r="A1671" s="13" t="s">
        <v>26</v>
      </c>
      <c r="B1671" s="14" t="s">
        <v>1</v>
      </c>
      <c r="C1671" s="14" t="s">
        <v>23</v>
      </c>
      <c r="D1671" s="14" t="s">
        <v>27</v>
      </c>
      <c r="E1671" s="15">
        <v>45587</v>
      </c>
      <c r="F1671" s="14" t="s">
        <v>28</v>
      </c>
      <c r="G1671" s="16">
        <v>3.1107013600936062</v>
      </c>
    </row>
    <row r="1672" spans="1:7" x14ac:dyDescent="0.3">
      <c r="A1672" s="13" t="s">
        <v>26</v>
      </c>
      <c r="B1672" s="14" t="s">
        <v>1</v>
      </c>
      <c r="C1672" s="14" t="s">
        <v>23</v>
      </c>
      <c r="D1672" s="14" t="s">
        <v>27</v>
      </c>
      <c r="E1672" s="15">
        <v>45588</v>
      </c>
      <c r="F1672" s="14" t="s">
        <v>28</v>
      </c>
      <c r="G1672" s="16">
        <v>3.1419159147490996</v>
      </c>
    </row>
    <row r="1673" spans="1:7" x14ac:dyDescent="0.3">
      <c r="A1673" s="13" t="s">
        <v>26</v>
      </c>
      <c r="B1673" s="14" t="s">
        <v>1</v>
      </c>
      <c r="C1673" s="14" t="s">
        <v>23</v>
      </c>
      <c r="D1673" s="14" t="s">
        <v>27</v>
      </c>
      <c r="E1673" s="15">
        <v>45589</v>
      </c>
      <c r="F1673" s="14" t="s">
        <v>28</v>
      </c>
      <c r="G1673" s="16">
        <v>3.1452255024910114</v>
      </c>
    </row>
    <row r="1674" spans="1:7" x14ac:dyDescent="0.3">
      <c r="A1674" s="13" t="s">
        <v>26</v>
      </c>
      <c r="B1674" s="14" t="s">
        <v>1</v>
      </c>
      <c r="C1674" s="14" t="s">
        <v>23</v>
      </c>
      <c r="D1674" s="14" t="s">
        <v>27</v>
      </c>
      <c r="E1674" s="15">
        <v>45590</v>
      </c>
      <c r="F1674" s="14" t="s">
        <v>28</v>
      </c>
      <c r="G1674" s="16">
        <v>3.1681073902012349</v>
      </c>
    </row>
    <row r="1675" spans="1:7" x14ac:dyDescent="0.3">
      <c r="A1675" s="13" t="s">
        <v>26</v>
      </c>
      <c r="B1675" s="14" t="s">
        <v>1</v>
      </c>
      <c r="C1675" s="14" t="s">
        <v>23</v>
      </c>
      <c r="D1675" s="14" t="s">
        <v>27</v>
      </c>
      <c r="E1675" s="15">
        <v>45591</v>
      </c>
      <c r="F1675" s="14" t="s">
        <v>28</v>
      </c>
      <c r="G1675" s="16">
        <v>3.1681073902012349</v>
      </c>
    </row>
    <row r="1676" spans="1:7" x14ac:dyDescent="0.3">
      <c r="A1676" s="13" t="s">
        <v>26</v>
      </c>
      <c r="B1676" s="14" t="s">
        <v>1</v>
      </c>
      <c r="C1676" s="14" t="s">
        <v>23</v>
      </c>
      <c r="D1676" s="14" t="s">
        <v>27</v>
      </c>
      <c r="E1676" s="15">
        <v>45592</v>
      </c>
      <c r="F1676" s="14" t="s">
        <v>28</v>
      </c>
      <c r="G1676" s="16">
        <v>3.1681073902012349</v>
      </c>
    </row>
    <row r="1677" spans="1:7" x14ac:dyDescent="0.3">
      <c r="A1677" s="13" t="s">
        <v>26</v>
      </c>
      <c r="B1677" s="14" t="s">
        <v>1</v>
      </c>
      <c r="C1677" s="14" t="s">
        <v>23</v>
      </c>
      <c r="D1677" s="14" t="s">
        <v>27</v>
      </c>
      <c r="E1677" s="15">
        <v>45593</v>
      </c>
      <c r="F1677" s="14" t="s">
        <v>28</v>
      </c>
      <c r="G1677" s="16">
        <v>3.1681073902012349</v>
      </c>
    </row>
    <row r="1678" spans="1:7" x14ac:dyDescent="0.3">
      <c r="A1678" s="13" t="s">
        <v>26</v>
      </c>
      <c r="B1678" s="14" t="s">
        <v>1</v>
      </c>
      <c r="C1678" s="14" t="s">
        <v>23</v>
      </c>
      <c r="D1678" s="14" t="s">
        <v>27</v>
      </c>
      <c r="E1678" s="15">
        <v>45594</v>
      </c>
      <c r="F1678" s="14" t="s">
        <v>28</v>
      </c>
      <c r="G1678" s="16">
        <v>3.1932348390195946</v>
      </c>
    </row>
    <row r="1679" spans="1:7" x14ac:dyDescent="0.3">
      <c r="A1679" s="13" t="s">
        <v>26</v>
      </c>
      <c r="B1679" s="14" t="s">
        <v>1</v>
      </c>
      <c r="C1679" s="14" t="s">
        <v>23</v>
      </c>
      <c r="D1679" s="14" t="s">
        <v>27</v>
      </c>
      <c r="E1679" s="15">
        <v>45595</v>
      </c>
      <c r="F1679" s="14" t="s">
        <v>28</v>
      </c>
      <c r="G1679" s="16">
        <v>3.2494240497692664</v>
      </c>
    </row>
    <row r="1680" spans="1:7" x14ac:dyDescent="0.3">
      <c r="A1680" s="13" t="s">
        <v>26</v>
      </c>
      <c r="B1680" s="14" t="s">
        <v>1</v>
      </c>
      <c r="C1680" s="14" t="s">
        <v>23</v>
      </c>
      <c r="D1680" s="14" t="s">
        <v>27</v>
      </c>
      <c r="E1680" s="15">
        <v>45596</v>
      </c>
      <c r="F1680" s="14" t="s">
        <v>28</v>
      </c>
      <c r="G1680" s="16">
        <v>3.2452082577886223</v>
      </c>
    </row>
    <row r="1681" spans="1:7" x14ac:dyDescent="0.3">
      <c r="A1681" s="13" t="s">
        <v>26</v>
      </c>
      <c r="B1681" s="14" t="s">
        <v>1</v>
      </c>
      <c r="C1681" s="14" t="s">
        <v>23</v>
      </c>
      <c r="D1681" s="14" t="s">
        <v>27</v>
      </c>
      <c r="E1681" s="15">
        <v>45597</v>
      </c>
      <c r="F1681" s="14" t="s">
        <v>28</v>
      </c>
      <c r="G1681" s="16">
        <v>3.2741965299908058</v>
      </c>
    </row>
    <row r="1682" spans="1:7" x14ac:dyDescent="0.3">
      <c r="A1682" s="13" t="s">
        <v>26</v>
      </c>
      <c r="B1682" s="14" t="s">
        <v>1</v>
      </c>
      <c r="C1682" s="14" t="s">
        <v>23</v>
      </c>
      <c r="D1682" s="14" t="s">
        <v>27</v>
      </c>
      <c r="E1682" s="15">
        <v>45598</v>
      </c>
      <c r="F1682" s="14" t="s">
        <v>28</v>
      </c>
      <c r="G1682" s="16">
        <v>3.2741965299908058</v>
      </c>
    </row>
    <row r="1683" spans="1:7" x14ac:dyDescent="0.3">
      <c r="A1683" s="13" t="s">
        <v>26</v>
      </c>
      <c r="B1683" s="14" t="s">
        <v>1</v>
      </c>
      <c r="C1683" s="14" t="s">
        <v>23</v>
      </c>
      <c r="D1683" s="14" t="s">
        <v>27</v>
      </c>
      <c r="E1683" s="15">
        <v>45599</v>
      </c>
      <c r="F1683" s="14" t="s">
        <v>28</v>
      </c>
      <c r="G1683" s="16">
        <v>3.2741965299908058</v>
      </c>
    </row>
    <row r="1684" spans="1:7" x14ac:dyDescent="0.3">
      <c r="A1684" s="13" t="s">
        <v>26</v>
      </c>
      <c r="B1684" s="14" t="s">
        <v>1</v>
      </c>
      <c r="C1684" s="14" t="s">
        <v>23</v>
      </c>
      <c r="D1684" s="14" t="s">
        <v>27</v>
      </c>
      <c r="E1684" s="15">
        <v>45600</v>
      </c>
      <c r="F1684" s="14" t="s">
        <v>28</v>
      </c>
      <c r="G1684" s="16">
        <v>3.2652655676289193</v>
      </c>
    </row>
    <row r="1685" spans="1:7" x14ac:dyDescent="0.3">
      <c r="A1685" s="13" t="s">
        <v>26</v>
      </c>
      <c r="B1685" s="14" t="s">
        <v>1</v>
      </c>
      <c r="C1685" s="14" t="s">
        <v>23</v>
      </c>
      <c r="D1685" s="14" t="s">
        <v>27</v>
      </c>
      <c r="E1685" s="15">
        <v>45601</v>
      </c>
      <c r="F1685" s="14" t="s">
        <v>28</v>
      </c>
      <c r="G1685" s="16">
        <v>3.2963834715639302</v>
      </c>
    </row>
    <row r="1686" spans="1:7" x14ac:dyDescent="0.3">
      <c r="A1686" s="13" t="s">
        <v>26</v>
      </c>
      <c r="B1686" s="14" t="s">
        <v>1</v>
      </c>
      <c r="C1686" s="14" t="s">
        <v>23</v>
      </c>
      <c r="D1686" s="14" t="s">
        <v>27</v>
      </c>
      <c r="E1686" s="15">
        <v>45602</v>
      </c>
      <c r="F1686" s="14" t="s">
        <v>28</v>
      </c>
      <c r="G1686" s="16">
        <v>3.3605852932513494</v>
      </c>
    </row>
    <row r="1687" spans="1:7" x14ac:dyDescent="0.3">
      <c r="A1687" s="13" t="s">
        <v>26</v>
      </c>
      <c r="B1687" s="14" t="s">
        <v>1</v>
      </c>
      <c r="C1687" s="14" t="s">
        <v>23</v>
      </c>
      <c r="D1687" s="14" t="s">
        <v>27</v>
      </c>
      <c r="E1687" s="15">
        <v>45603</v>
      </c>
      <c r="F1687" s="14" t="s">
        <v>28</v>
      </c>
      <c r="G1687" s="16">
        <v>3.3451096649251593</v>
      </c>
    </row>
    <row r="1688" spans="1:7" x14ac:dyDescent="0.3">
      <c r="A1688" s="13" t="s">
        <v>26</v>
      </c>
      <c r="B1688" s="14" t="s">
        <v>1</v>
      </c>
      <c r="C1688" s="14" t="s">
        <v>23</v>
      </c>
      <c r="D1688" s="14" t="s">
        <v>27</v>
      </c>
      <c r="E1688" s="15">
        <v>45604</v>
      </c>
      <c r="F1688" s="14" t="s">
        <v>28</v>
      </c>
      <c r="G1688" s="16">
        <v>3.3756516487986343</v>
      </c>
    </row>
    <row r="1689" spans="1:7" x14ac:dyDescent="0.3">
      <c r="A1689" s="13" t="s">
        <v>26</v>
      </c>
      <c r="B1689" s="14" t="s">
        <v>1</v>
      </c>
      <c r="C1689" s="14" t="s">
        <v>23</v>
      </c>
      <c r="D1689" s="14" t="s">
        <v>27</v>
      </c>
      <c r="E1689" s="15">
        <v>45605</v>
      </c>
      <c r="F1689" s="14" t="s">
        <v>28</v>
      </c>
      <c r="G1689" s="16">
        <v>3.3756516487986343</v>
      </c>
    </row>
    <row r="1690" spans="1:7" x14ac:dyDescent="0.3">
      <c r="A1690" s="13" t="s">
        <v>26</v>
      </c>
      <c r="B1690" s="14" t="s">
        <v>1</v>
      </c>
      <c r="C1690" s="14" t="s">
        <v>23</v>
      </c>
      <c r="D1690" s="14" t="s">
        <v>27</v>
      </c>
      <c r="E1690" s="15">
        <v>45606</v>
      </c>
      <c r="F1690" s="14" t="s">
        <v>28</v>
      </c>
      <c r="G1690" s="16">
        <v>3.3756516487986343</v>
      </c>
    </row>
    <row r="1691" spans="1:7" x14ac:dyDescent="0.3">
      <c r="A1691" s="13" t="s">
        <v>26</v>
      </c>
      <c r="B1691" s="14" t="s">
        <v>1</v>
      </c>
      <c r="C1691" s="14" t="s">
        <v>23</v>
      </c>
      <c r="D1691" s="14" t="s">
        <v>27</v>
      </c>
      <c r="E1691" s="15">
        <v>45607</v>
      </c>
      <c r="F1691" s="14" t="s">
        <v>28</v>
      </c>
      <c r="G1691" s="16">
        <v>3.3756516487986343</v>
      </c>
    </row>
    <row r="1692" spans="1:7" x14ac:dyDescent="0.3">
      <c r="A1692" s="13" t="s">
        <v>26</v>
      </c>
      <c r="B1692" s="14" t="s">
        <v>1</v>
      </c>
      <c r="C1692" s="14" t="s">
        <v>23</v>
      </c>
      <c r="D1692" s="14" t="s">
        <v>27</v>
      </c>
      <c r="E1692" s="15">
        <v>45608</v>
      </c>
      <c r="F1692" s="14" t="s">
        <v>28</v>
      </c>
      <c r="G1692" s="16">
        <v>3.4216486445397298</v>
      </c>
    </row>
    <row r="1693" spans="1:7" x14ac:dyDescent="0.3">
      <c r="A1693" s="13" t="s">
        <v>26</v>
      </c>
      <c r="B1693" s="14" t="s">
        <v>1</v>
      </c>
      <c r="C1693" s="14" t="s">
        <v>23</v>
      </c>
      <c r="D1693" s="14" t="s">
        <v>27</v>
      </c>
      <c r="E1693" s="15">
        <v>45609</v>
      </c>
      <c r="F1693" s="14" t="s">
        <v>28</v>
      </c>
      <c r="G1693" s="16">
        <v>3.509773491376396</v>
      </c>
    </row>
    <row r="1694" spans="1:7" x14ac:dyDescent="0.3">
      <c r="A1694" s="13" t="s">
        <v>26</v>
      </c>
      <c r="B1694" s="14" t="s">
        <v>1</v>
      </c>
      <c r="C1694" s="14" t="s">
        <v>23</v>
      </c>
      <c r="D1694" s="14" t="s">
        <v>27</v>
      </c>
      <c r="E1694" s="15">
        <v>45610</v>
      </c>
      <c r="F1694" s="14" t="s">
        <v>28</v>
      </c>
      <c r="G1694" s="16">
        <v>3.5325835905222069</v>
      </c>
    </row>
    <row r="1695" spans="1:7" x14ac:dyDescent="0.3">
      <c r="A1695" s="13" t="s">
        <v>26</v>
      </c>
      <c r="B1695" s="14" t="s">
        <v>1</v>
      </c>
      <c r="C1695" s="14" t="s">
        <v>23</v>
      </c>
      <c r="D1695" s="14" t="s">
        <v>27</v>
      </c>
      <c r="E1695" s="15">
        <v>45611</v>
      </c>
      <c r="F1695" s="14" t="s">
        <v>28</v>
      </c>
      <c r="G1695" s="16">
        <v>3.5391155873312461</v>
      </c>
    </row>
    <row r="1696" spans="1:7" x14ac:dyDescent="0.3">
      <c r="A1696" s="13" t="s">
        <v>26</v>
      </c>
      <c r="B1696" s="14" t="s">
        <v>1</v>
      </c>
      <c r="C1696" s="14" t="s">
        <v>23</v>
      </c>
      <c r="D1696" s="14" t="s">
        <v>27</v>
      </c>
      <c r="E1696" s="15">
        <v>45612</v>
      </c>
      <c r="F1696" s="14" t="s">
        <v>28</v>
      </c>
      <c r="G1696" s="16">
        <v>3.5391155873312461</v>
      </c>
    </row>
    <row r="1697" spans="1:7" x14ac:dyDescent="0.3">
      <c r="A1697" s="13" t="s">
        <v>26</v>
      </c>
      <c r="B1697" s="14" t="s">
        <v>1</v>
      </c>
      <c r="C1697" s="14" t="s">
        <v>23</v>
      </c>
      <c r="D1697" s="14" t="s">
        <v>27</v>
      </c>
      <c r="E1697" s="15">
        <v>45613</v>
      </c>
      <c r="F1697" s="14" t="s">
        <v>28</v>
      </c>
      <c r="G1697" s="16">
        <v>3.5391155873312461</v>
      </c>
    </row>
    <row r="1698" spans="1:7" x14ac:dyDescent="0.3">
      <c r="A1698" s="13" t="s">
        <v>26</v>
      </c>
      <c r="B1698" s="14" t="s">
        <v>1</v>
      </c>
      <c r="C1698" s="14" t="s">
        <v>23</v>
      </c>
      <c r="D1698" s="14" t="s">
        <v>27</v>
      </c>
      <c r="E1698" s="15">
        <v>45614</v>
      </c>
      <c r="F1698" s="14" t="s">
        <v>28</v>
      </c>
      <c r="G1698" s="16">
        <v>3.5431802613029459</v>
      </c>
    </row>
    <row r="1699" spans="1:7" x14ac:dyDescent="0.3">
      <c r="A1699" s="13" t="s">
        <v>26</v>
      </c>
      <c r="B1699" s="14" t="s">
        <v>1</v>
      </c>
      <c r="C1699" s="14" t="s">
        <v>23</v>
      </c>
      <c r="D1699" s="14" t="s">
        <v>27</v>
      </c>
      <c r="E1699" s="15">
        <v>45615</v>
      </c>
      <c r="F1699" s="14" t="s">
        <v>28</v>
      </c>
      <c r="G1699" s="16">
        <v>3.5840713672743632</v>
      </c>
    </row>
    <row r="1700" spans="1:7" x14ac:dyDescent="0.3">
      <c r="A1700" s="13" t="s">
        <v>26</v>
      </c>
      <c r="B1700" s="14" t="s">
        <v>1</v>
      </c>
      <c r="C1700" s="14" t="s">
        <v>23</v>
      </c>
      <c r="D1700" s="14" t="s">
        <v>27</v>
      </c>
      <c r="E1700" s="15">
        <v>45616</v>
      </c>
      <c r="F1700" s="14" t="s">
        <v>28</v>
      </c>
      <c r="G1700" s="16">
        <v>3.6131567857159306</v>
      </c>
    </row>
    <row r="1701" spans="1:7" x14ac:dyDescent="0.3">
      <c r="A1701" s="13" t="s">
        <v>26</v>
      </c>
      <c r="B1701" s="14" t="s">
        <v>1</v>
      </c>
      <c r="C1701" s="14" t="s">
        <v>23</v>
      </c>
      <c r="D1701" s="14" t="s">
        <v>27</v>
      </c>
      <c r="E1701" s="15">
        <v>45617</v>
      </c>
      <c r="F1701" s="14" t="s">
        <v>28</v>
      </c>
      <c r="G1701" s="16">
        <v>3.6389239550679497</v>
      </c>
    </row>
    <row r="1702" spans="1:7" x14ac:dyDescent="0.3">
      <c r="A1702" s="13" t="s">
        <v>26</v>
      </c>
      <c r="B1702" s="14" t="s">
        <v>1</v>
      </c>
      <c r="C1702" s="14" t="s">
        <v>23</v>
      </c>
      <c r="D1702" s="14" t="s">
        <v>27</v>
      </c>
      <c r="E1702" s="15">
        <v>45618</v>
      </c>
      <c r="F1702" s="14" t="s">
        <v>28</v>
      </c>
      <c r="G1702" s="16">
        <v>3.6537574520629721</v>
      </c>
    </row>
    <row r="1703" spans="1:7" x14ac:dyDescent="0.3">
      <c r="A1703" s="13" t="s">
        <v>26</v>
      </c>
      <c r="B1703" s="14" t="s">
        <v>1</v>
      </c>
      <c r="C1703" s="14" t="s">
        <v>23</v>
      </c>
      <c r="D1703" s="14" t="s">
        <v>27</v>
      </c>
      <c r="E1703" s="15">
        <v>45619</v>
      </c>
      <c r="F1703" s="14" t="s">
        <v>28</v>
      </c>
      <c r="G1703" s="16">
        <v>3.6537574520629721</v>
      </c>
    </row>
    <row r="1704" spans="1:7" x14ac:dyDescent="0.3">
      <c r="A1704" s="13" t="s">
        <v>26</v>
      </c>
      <c r="B1704" s="14" t="s">
        <v>1</v>
      </c>
      <c r="C1704" s="14" t="s">
        <v>23</v>
      </c>
      <c r="D1704" s="14" t="s">
        <v>27</v>
      </c>
      <c r="E1704" s="15">
        <v>45620</v>
      </c>
      <c r="F1704" s="14" t="s">
        <v>28</v>
      </c>
      <c r="G1704" s="16">
        <v>3.6537574520629721</v>
      </c>
    </row>
    <row r="1705" spans="1:7" x14ac:dyDescent="0.3">
      <c r="A1705" s="13" t="s">
        <v>26</v>
      </c>
      <c r="B1705" s="14" t="s">
        <v>1</v>
      </c>
      <c r="C1705" s="14" t="s">
        <v>23</v>
      </c>
      <c r="D1705" s="14" t="s">
        <v>27</v>
      </c>
      <c r="E1705" s="15">
        <v>45621</v>
      </c>
      <c r="F1705" s="14" t="s">
        <v>28</v>
      </c>
      <c r="G1705" s="16">
        <v>3.6671463316411961</v>
      </c>
    </row>
    <row r="1706" spans="1:7" x14ac:dyDescent="0.3">
      <c r="A1706" s="13" t="s">
        <v>26</v>
      </c>
      <c r="B1706" s="14" t="s">
        <v>1</v>
      </c>
      <c r="C1706" s="14" t="s">
        <v>23</v>
      </c>
      <c r="D1706" s="14" t="s">
        <v>27</v>
      </c>
      <c r="E1706" s="15">
        <v>45622</v>
      </c>
      <c r="F1706" s="14" t="s">
        <v>28</v>
      </c>
      <c r="G1706" s="16">
        <v>3.71452534117484</v>
      </c>
    </row>
    <row r="1707" spans="1:7" x14ac:dyDescent="0.3">
      <c r="A1707" s="13" t="s">
        <v>26</v>
      </c>
      <c r="B1707" s="14" t="s">
        <v>1</v>
      </c>
      <c r="C1707" s="14" t="s">
        <v>23</v>
      </c>
      <c r="D1707" s="14" t="s">
        <v>27</v>
      </c>
      <c r="E1707" s="15">
        <v>45623</v>
      </c>
      <c r="F1707" s="14" t="s">
        <v>28</v>
      </c>
      <c r="G1707" s="16">
        <v>3.7121164422406636</v>
      </c>
    </row>
    <row r="1708" spans="1:7" x14ac:dyDescent="0.3">
      <c r="A1708" s="13" t="s">
        <v>26</v>
      </c>
      <c r="B1708" s="14" t="s">
        <v>1</v>
      </c>
      <c r="C1708" s="14" t="s">
        <v>23</v>
      </c>
      <c r="D1708" s="14" t="s">
        <v>27</v>
      </c>
      <c r="E1708" s="15">
        <v>45624</v>
      </c>
      <c r="F1708" s="14" t="s">
        <v>28</v>
      </c>
      <c r="G1708" s="16">
        <v>3.7121164422406636</v>
      </c>
    </row>
    <row r="1709" spans="1:7" x14ac:dyDescent="0.3">
      <c r="A1709" s="13" t="s">
        <v>26</v>
      </c>
      <c r="B1709" s="14" t="s">
        <v>1</v>
      </c>
      <c r="C1709" s="14" t="s">
        <v>23</v>
      </c>
      <c r="D1709" s="14" t="s">
        <v>27</v>
      </c>
      <c r="E1709" s="15">
        <v>45625</v>
      </c>
      <c r="F1709" s="14" t="s">
        <v>28</v>
      </c>
      <c r="G1709" s="16">
        <v>3.7273741932763582</v>
      </c>
    </row>
    <row r="1710" spans="1:7" x14ac:dyDescent="0.3">
      <c r="A1710" s="13" t="s">
        <v>26</v>
      </c>
      <c r="B1710" s="14" t="s">
        <v>1</v>
      </c>
      <c r="C1710" s="14" t="s">
        <v>23</v>
      </c>
      <c r="D1710" s="14" t="s">
        <v>27</v>
      </c>
      <c r="E1710" s="15">
        <v>45626</v>
      </c>
      <c r="F1710" s="14" t="s">
        <v>28</v>
      </c>
      <c r="G1710" s="16">
        <v>3.7273741932763582</v>
      </c>
    </row>
    <row r="1711" spans="1:7" x14ac:dyDescent="0.3">
      <c r="A1711" s="13" t="s">
        <v>26</v>
      </c>
      <c r="B1711" s="14" t="s">
        <v>1</v>
      </c>
      <c r="C1711" s="14" t="s">
        <v>23</v>
      </c>
      <c r="D1711" s="14" t="s">
        <v>27</v>
      </c>
      <c r="E1711" s="15">
        <v>45627</v>
      </c>
      <c r="F1711" s="14" t="s">
        <v>28</v>
      </c>
      <c r="G1711" s="16">
        <v>3.7273741932763582</v>
      </c>
    </row>
    <row r="1712" spans="1:7" x14ac:dyDescent="0.3">
      <c r="A1712" s="13" t="s">
        <v>26</v>
      </c>
      <c r="B1712" s="14" t="s">
        <v>1</v>
      </c>
      <c r="C1712" s="14" t="s">
        <v>23</v>
      </c>
      <c r="D1712" s="14" t="s">
        <v>27</v>
      </c>
      <c r="E1712" s="15">
        <v>45628</v>
      </c>
      <c r="F1712" s="14" t="s">
        <v>28</v>
      </c>
      <c r="G1712" s="16">
        <v>3.7729821893289146</v>
      </c>
    </row>
    <row r="1713" spans="1:7" x14ac:dyDescent="0.3">
      <c r="A1713" s="13" t="s">
        <v>26</v>
      </c>
      <c r="B1713" s="14" t="s">
        <v>1</v>
      </c>
      <c r="C1713" s="14" t="s">
        <v>23</v>
      </c>
      <c r="D1713" s="14" t="s">
        <v>27</v>
      </c>
      <c r="E1713" s="15">
        <v>45629</v>
      </c>
      <c r="F1713" s="14" t="s">
        <v>28</v>
      </c>
      <c r="G1713" s="16">
        <v>3.8058278483025783</v>
      </c>
    </row>
    <row r="1714" spans="1:7" x14ac:dyDescent="0.3">
      <c r="A1714" s="13" t="s">
        <v>26</v>
      </c>
      <c r="B1714" s="14" t="s">
        <v>1</v>
      </c>
      <c r="C1714" s="14" t="s">
        <v>23</v>
      </c>
      <c r="D1714" s="14" t="s">
        <v>27</v>
      </c>
      <c r="E1714" s="15">
        <v>45630</v>
      </c>
      <c r="F1714" s="14" t="s">
        <v>28</v>
      </c>
      <c r="G1714" s="16">
        <v>3.816529581999978</v>
      </c>
    </row>
    <row r="1715" spans="1:7" x14ac:dyDescent="0.3">
      <c r="A1715" s="13" t="s">
        <v>26</v>
      </c>
      <c r="B1715" s="14" t="s">
        <v>1</v>
      </c>
      <c r="C1715" s="14" t="s">
        <v>23</v>
      </c>
      <c r="D1715" s="14" t="s">
        <v>27</v>
      </c>
      <c r="E1715" s="15">
        <v>45631</v>
      </c>
      <c r="F1715" s="14" t="s">
        <v>28</v>
      </c>
      <c r="G1715" s="16">
        <v>3.8173432974544346</v>
      </c>
    </row>
    <row r="1716" spans="1:7" x14ac:dyDescent="0.3">
      <c r="A1716" s="13" t="s">
        <v>26</v>
      </c>
      <c r="B1716" s="14" t="s">
        <v>1</v>
      </c>
      <c r="C1716" s="14" t="s">
        <v>23</v>
      </c>
      <c r="D1716" s="14" t="s">
        <v>27</v>
      </c>
      <c r="E1716" s="15">
        <v>45632</v>
      </c>
      <c r="F1716" s="14" t="s">
        <v>28</v>
      </c>
      <c r="G1716" s="16">
        <v>3.8400362969966726</v>
      </c>
    </row>
    <row r="1717" spans="1:7" x14ac:dyDescent="0.3">
      <c r="A1717" s="13" t="s">
        <v>26</v>
      </c>
      <c r="B1717" s="14" t="s">
        <v>1</v>
      </c>
      <c r="C1717" s="14" t="s">
        <v>23</v>
      </c>
      <c r="D1717" s="14" t="s">
        <v>27</v>
      </c>
      <c r="E1717" s="15">
        <v>45633</v>
      </c>
      <c r="F1717" s="14" t="s">
        <v>28</v>
      </c>
      <c r="G1717" s="16">
        <v>3.8400362969966726</v>
      </c>
    </row>
    <row r="1718" spans="1:7" x14ac:dyDescent="0.3">
      <c r="A1718" s="13" t="s">
        <v>26</v>
      </c>
      <c r="B1718" s="14" t="s">
        <v>1</v>
      </c>
      <c r="C1718" s="14" t="s">
        <v>23</v>
      </c>
      <c r="D1718" s="14" t="s">
        <v>27</v>
      </c>
      <c r="E1718" s="15">
        <v>45634</v>
      </c>
      <c r="F1718" s="14" t="s">
        <v>28</v>
      </c>
      <c r="G1718" s="16">
        <v>3.8400362969966726</v>
      </c>
    </row>
    <row r="1719" spans="1:7" x14ac:dyDescent="0.3">
      <c r="A1719" s="13" t="s">
        <v>26</v>
      </c>
      <c r="B1719" s="14" t="s">
        <v>1</v>
      </c>
      <c r="C1719" s="14" t="s">
        <v>23</v>
      </c>
      <c r="D1719" s="14" t="s">
        <v>27</v>
      </c>
      <c r="E1719" s="15">
        <v>45635</v>
      </c>
      <c r="F1719" s="14" t="s">
        <v>28</v>
      </c>
      <c r="G1719" s="16">
        <v>3.8595811214084472</v>
      </c>
    </row>
    <row r="1720" spans="1:7" x14ac:dyDescent="0.3">
      <c r="A1720" s="13" t="s">
        <v>26</v>
      </c>
      <c r="B1720" s="14" t="s">
        <v>1</v>
      </c>
      <c r="C1720" s="14" t="s">
        <v>23</v>
      </c>
      <c r="D1720" s="14" t="s">
        <v>27</v>
      </c>
      <c r="E1720" s="15">
        <v>45636</v>
      </c>
      <c r="F1720" s="14" t="s">
        <v>28</v>
      </c>
      <c r="G1720" s="16">
        <v>3.9080710094025766</v>
      </c>
    </row>
    <row r="1721" spans="1:7" x14ac:dyDescent="0.3">
      <c r="A1721" s="13" t="s">
        <v>26</v>
      </c>
      <c r="B1721" s="14" t="s">
        <v>1</v>
      </c>
      <c r="C1721" s="14" t="s">
        <v>23</v>
      </c>
      <c r="D1721" s="14" t="s">
        <v>27</v>
      </c>
      <c r="E1721" s="15">
        <v>45637</v>
      </c>
      <c r="F1721" s="14" t="s">
        <v>28</v>
      </c>
      <c r="G1721" s="16">
        <v>3.9303893589119707</v>
      </c>
    </row>
    <row r="1722" spans="1:7" x14ac:dyDescent="0.3">
      <c r="A1722" s="13" t="s">
        <v>26</v>
      </c>
      <c r="B1722" s="14" t="s">
        <v>1</v>
      </c>
      <c r="C1722" s="14" t="s">
        <v>23</v>
      </c>
      <c r="D1722" s="14" t="s">
        <v>27</v>
      </c>
      <c r="E1722" s="15">
        <v>45638</v>
      </c>
      <c r="F1722" s="14" t="s">
        <v>28</v>
      </c>
      <c r="G1722" s="16">
        <v>3.9530377005210209</v>
      </c>
    </row>
    <row r="1723" spans="1:7" x14ac:dyDescent="0.3">
      <c r="A1723" s="13" t="s">
        <v>26</v>
      </c>
      <c r="B1723" s="14" t="s">
        <v>1</v>
      </c>
      <c r="C1723" s="14" t="s">
        <v>23</v>
      </c>
      <c r="D1723" s="14" t="s">
        <v>27</v>
      </c>
      <c r="E1723" s="15">
        <v>45639</v>
      </c>
      <c r="F1723" s="14" t="s">
        <v>28</v>
      </c>
      <c r="G1723" s="16">
        <v>3.9718909889488043</v>
      </c>
    </row>
    <row r="1724" spans="1:7" x14ac:dyDescent="0.3">
      <c r="A1724" s="13" t="s">
        <v>26</v>
      </c>
      <c r="B1724" s="14" t="s">
        <v>1</v>
      </c>
      <c r="C1724" s="14" t="s">
        <v>23</v>
      </c>
      <c r="D1724" s="14" t="s">
        <v>27</v>
      </c>
      <c r="E1724" s="15">
        <v>45640</v>
      </c>
      <c r="F1724" s="14" t="s">
        <v>28</v>
      </c>
      <c r="G1724" s="16">
        <v>3.9718909889488043</v>
      </c>
    </row>
    <row r="1725" spans="1:7" x14ac:dyDescent="0.3">
      <c r="A1725" s="13" t="s">
        <v>26</v>
      </c>
      <c r="B1725" s="14" t="s">
        <v>1</v>
      </c>
      <c r="C1725" s="14" t="s">
        <v>23</v>
      </c>
      <c r="D1725" s="14" t="s">
        <v>27</v>
      </c>
      <c r="E1725" s="15">
        <v>45641</v>
      </c>
      <c r="F1725" s="14" t="s">
        <v>28</v>
      </c>
      <c r="G1725" s="16">
        <v>3.9718909889488043</v>
      </c>
    </row>
    <row r="1726" spans="1:7" x14ac:dyDescent="0.3">
      <c r="A1726" s="13" t="s">
        <v>26</v>
      </c>
      <c r="B1726" s="14" t="s">
        <v>1</v>
      </c>
      <c r="C1726" s="14" t="s">
        <v>23</v>
      </c>
      <c r="D1726" s="14" t="s">
        <v>27</v>
      </c>
      <c r="E1726" s="15">
        <v>45642</v>
      </c>
      <c r="F1726" s="14" t="s">
        <v>28</v>
      </c>
      <c r="G1726" s="16">
        <v>3.9920421350649908</v>
      </c>
    </row>
    <row r="1727" spans="1:7" x14ac:dyDescent="0.3">
      <c r="A1727" s="13" t="s">
        <v>26</v>
      </c>
      <c r="B1727" s="14" t="s">
        <v>1</v>
      </c>
      <c r="C1727" s="14" t="s">
        <v>23</v>
      </c>
      <c r="D1727" s="14" t="s">
        <v>27</v>
      </c>
      <c r="E1727" s="15">
        <v>45643</v>
      </c>
      <c r="F1727" s="14" t="s">
        <v>28</v>
      </c>
      <c r="G1727" s="16">
        <v>4.0362955065000028</v>
      </c>
    </row>
    <row r="1728" spans="1:7" x14ac:dyDescent="0.3">
      <c r="A1728" s="13" t="s">
        <v>26</v>
      </c>
      <c r="B1728" s="14" t="s">
        <v>1</v>
      </c>
      <c r="C1728" s="14" t="s">
        <v>23</v>
      </c>
      <c r="D1728" s="14" t="s">
        <v>27</v>
      </c>
      <c r="E1728" s="15">
        <v>45644</v>
      </c>
      <c r="F1728" s="14" t="s">
        <v>28</v>
      </c>
      <c r="G1728" s="16">
        <v>4.0922013972488722</v>
      </c>
    </row>
    <row r="1729" spans="1:7" x14ac:dyDescent="0.3">
      <c r="A1729" s="13" t="s">
        <v>26</v>
      </c>
      <c r="B1729" s="14" t="s">
        <v>1</v>
      </c>
      <c r="C1729" s="14" t="s">
        <v>23</v>
      </c>
      <c r="D1729" s="14" t="s">
        <v>27</v>
      </c>
      <c r="E1729" s="15">
        <v>45645</v>
      </c>
      <c r="F1729" s="14" t="s">
        <v>28</v>
      </c>
      <c r="G1729" s="16">
        <v>4.0994222128444564</v>
      </c>
    </row>
    <row r="1730" spans="1:7" x14ac:dyDescent="0.3">
      <c r="A1730" s="13" t="s">
        <v>26</v>
      </c>
      <c r="B1730" s="14" t="s">
        <v>1</v>
      </c>
      <c r="C1730" s="14" t="s">
        <v>23</v>
      </c>
      <c r="D1730" s="14" t="s">
        <v>27</v>
      </c>
      <c r="E1730" s="15">
        <v>45646</v>
      </c>
      <c r="F1730" s="14" t="s">
        <v>28</v>
      </c>
      <c r="G1730" s="16">
        <v>4.0968272996482789</v>
      </c>
    </row>
    <row r="1731" spans="1:7" x14ac:dyDescent="0.3">
      <c r="A1731" s="13" t="s">
        <v>26</v>
      </c>
      <c r="B1731" s="14" t="s">
        <v>1</v>
      </c>
      <c r="C1731" s="14" t="s">
        <v>23</v>
      </c>
      <c r="D1731" s="14" t="s">
        <v>27</v>
      </c>
      <c r="E1731" s="15">
        <v>45647</v>
      </c>
      <c r="F1731" s="14" t="s">
        <v>28</v>
      </c>
      <c r="G1731" s="16">
        <v>4.0968272996482789</v>
      </c>
    </row>
    <row r="1732" spans="1:7" x14ac:dyDescent="0.3">
      <c r="A1732" s="13" t="s">
        <v>26</v>
      </c>
      <c r="B1732" s="14" t="s">
        <v>1</v>
      </c>
      <c r="C1732" s="14" t="s">
        <v>23</v>
      </c>
      <c r="D1732" s="14" t="s">
        <v>27</v>
      </c>
      <c r="E1732" s="15">
        <v>45648</v>
      </c>
      <c r="F1732" s="14" t="s">
        <v>28</v>
      </c>
      <c r="G1732" s="16">
        <v>4.0968272996482789</v>
      </c>
    </row>
    <row r="1733" spans="1:7" x14ac:dyDescent="0.3">
      <c r="A1733" s="13" t="s">
        <v>26</v>
      </c>
      <c r="B1733" s="14" t="s">
        <v>1</v>
      </c>
      <c r="C1733" s="14" t="s">
        <v>23</v>
      </c>
      <c r="D1733" s="14" t="s">
        <v>27</v>
      </c>
      <c r="E1733" s="15">
        <v>45649</v>
      </c>
      <c r="F1733" s="14" t="s">
        <v>28</v>
      </c>
      <c r="G1733" s="16">
        <v>4.0778542494290564</v>
      </c>
    </row>
    <row r="1734" spans="1:7" x14ac:dyDescent="0.3">
      <c r="A1734" s="13" t="s">
        <v>26</v>
      </c>
      <c r="B1734" s="14" t="s">
        <v>1</v>
      </c>
      <c r="C1734" s="14" t="s">
        <v>23</v>
      </c>
      <c r="D1734" s="14" t="s">
        <v>27</v>
      </c>
      <c r="E1734" s="15">
        <v>45650</v>
      </c>
      <c r="F1734" s="14" t="s">
        <v>28</v>
      </c>
      <c r="G1734" s="16">
        <v>4.1215082207551781</v>
      </c>
    </row>
    <row r="1735" spans="1:7" x14ac:dyDescent="0.3">
      <c r="A1735" s="13" t="s">
        <v>26</v>
      </c>
      <c r="B1735" s="14" t="s">
        <v>1</v>
      </c>
      <c r="C1735" s="14" t="s">
        <v>23</v>
      </c>
      <c r="D1735" s="14" t="s">
        <v>27</v>
      </c>
      <c r="E1735" s="15">
        <v>45651</v>
      </c>
      <c r="F1735" s="14" t="s">
        <v>28</v>
      </c>
      <c r="G1735" s="16">
        <v>4.1215082207551781</v>
      </c>
    </row>
    <row r="1736" spans="1:7" x14ac:dyDescent="0.3">
      <c r="A1736" s="13" t="s">
        <v>26</v>
      </c>
      <c r="B1736" s="14" t="s">
        <v>1</v>
      </c>
      <c r="C1736" s="14" t="s">
        <v>23</v>
      </c>
      <c r="D1736" s="14" t="s">
        <v>27</v>
      </c>
      <c r="E1736" s="15">
        <v>45652</v>
      </c>
      <c r="F1736" s="14" t="s">
        <v>28</v>
      </c>
      <c r="G1736" s="16">
        <v>4.1215082207551781</v>
      </c>
    </row>
    <row r="1737" spans="1:7" x14ac:dyDescent="0.3">
      <c r="A1737" s="13" t="s">
        <v>26</v>
      </c>
      <c r="B1737" s="14" t="s">
        <v>1</v>
      </c>
      <c r="C1737" s="14" t="s">
        <v>23</v>
      </c>
      <c r="D1737" s="14" t="s">
        <v>27</v>
      </c>
      <c r="E1737" s="15">
        <v>45653</v>
      </c>
      <c r="F1737" s="14" t="s">
        <v>28</v>
      </c>
      <c r="G1737" s="16">
        <v>4.1215082207551781</v>
      </c>
    </row>
    <row r="1738" spans="1:7" x14ac:dyDescent="0.3">
      <c r="A1738" s="13" t="s">
        <v>26</v>
      </c>
      <c r="B1738" s="14" t="s">
        <v>1</v>
      </c>
      <c r="C1738" s="14" t="s">
        <v>23</v>
      </c>
      <c r="D1738" s="14" t="s">
        <v>27</v>
      </c>
      <c r="E1738" s="15">
        <v>45654</v>
      </c>
      <c r="F1738" s="14" t="s">
        <v>28</v>
      </c>
      <c r="G1738" s="16">
        <v>4.1215082207551781</v>
      </c>
    </row>
    <row r="1739" spans="1:7" x14ac:dyDescent="0.3">
      <c r="A1739" s="13" t="s">
        <v>26</v>
      </c>
      <c r="B1739" s="14" t="s">
        <v>1</v>
      </c>
      <c r="C1739" s="14" t="s">
        <v>23</v>
      </c>
      <c r="D1739" s="14" t="s">
        <v>27</v>
      </c>
      <c r="E1739" s="15">
        <v>45655</v>
      </c>
      <c r="F1739" s="14" t="s">
        <v>28</v>
      </c>
      <c r="G1739" s="16">
        <v>4.1215082207551781</v>
      </c>
    </row>
    <row r="1740" spans="1:7" x14ac:dyDescent="0.3">
      <c r="A1740" s="13" t="s">
        <v>26</v>
      </c>
      <c r="B1740" s="14" t="s">
        <v>1</v>
      </c>
      <c r="C1740" s="14" t="s">
        <v>23</v>
      </c>
      <c r="D1740" s="14" t="s">
        <v>27</v>
      </c>
      <c r="E1740" s="15">
        <v>45656</v>
      </c>
      <c r="F1740" s="14" t="s">
        <v>28</v>
      </c>
      <c r="G1740" s="16">
        <v>4.140449536373553</v>
      </c>
    </row>
    <row r="1741" spans="1:7" x14ac:dyDescent="0.3">
      <c r="A1741" s="13" t="s">
        <v>26</v>
      </c>
      <c r="B1741" s="14" t="s">
        <v>1</v>
      </c>
      <c r="C1741" s="14" t="s">
        <v>23</v>
      </c>
      <c r="D1741" s="14" t="s">
        <v>27</v>
      </c>
      <c r="E1741" s="15">
        <v>45657</v>
      </c>
      <c r="F1741" s="14" t="s">
        <v>28</v>
      </c>
      <c r="G1741" s="16">
        <v>4.2529248067894407</v>
      </c>
    </row>
    <row r="1742" spans="1:7" x14ac:dyDescent="0.3">
      <c r="A1742" s="13" t="s">
        <v>26</v>
      </c>
      <c r="B1742" s="14" t="s">
        <v>1</v>
      </c>
      <c r="C1742" s="14" t="s">
        <v>23</v>
      </c>
      <c r="D1742" s="14" t="s">
        <v>27</v>
      </c>
      <c r="E1742" s="15">
        <v>45658</v>
      </c>
      <c r="F1742" s="14" t="s">
        <v>28</v>
      </c>
      <c r="G1742" s="16">
        <v>4.2529248067894407</v>
      </c>
    </row>
    <row r="1743" spans="1:7" x14ac:dyDescent="0.3">
      <c r="A1743" s="13" t="s">
        <v>26</v>
      </c>
      <c r="B1743" s="14" t="s">
        <v>1</v>
      </c>
      <c r="C1743" s="14" t="s">
        <v>23</v>
      </c>
      <c r="D1743" s="14" t="s">
        <v>27</v>
      </c>
      <c r="E1743" s="15">
        <v>45659</v>
      </c>
      <c r="F1743" s="14" t="s">
        <v>28</v>
      </c>
      <c r="G1743" s="16">
        <v>4.2810971166280654</v>
      </c>
    </row>
    <row r="1744" spans="1:7" x14ac:dyDescent="0.3">
      <c r="A1744" s="13" t="s">
        <v>26</v>
      </c>
      <c r="B1744" s="14" t="s">
        <v>1</v>
      </c>
      <c r="C1744" s="14" t="s">
        <v>23</v>
      </c>
      <c r="D1744" s="14" t="s">
        <v>27</v>
      </c>
      <c r="E1744" s="15">
        <v>45660</v>
      </c>
      <c r="F1744" s="14" t="s">
        <v>28</v>
      </c>
      <c r="G1744" s="16">
        <v>4.3008679159332956</v>
      </c>
    </row>
    <row r="1745" spans="1:7" x14ac:dyDescent="0.3">
      <c r="A1745" s="13" t="s">
        <v>26</v>
      </c>
      <c r="B1745" s="14" t="s">
        <v>1</v>
      </c>
      <c r="C1745" s="14" t="s">
        <v>23</v>
      </c>
      <c r="D1745" s="14" t="s">
        <v>27</v>
      </c>
      <c r="E1745" s="15">
        <v>45661</v>
      </c>
      <c r="F1745" s="14" t="s">
        <v>28</v>
      </c>
      <c r="G1745" s="16">
        <v>4.3008679159332956</v>
      </c>
    </row>
    <row r="1746" spans="1:7" x14ac:dyDescent="0.3">
      <c r="A1746" s="13" t="s">
        <v>26</v>
      </c>
      <c r="B1746" s="14" t="s">
        <v>1</v>
      </c>
      <c r="C1746" s="14" t="s">
        <v>23</v>
      </c>
      <c r="D1746" s="14" t="s">
        <v>27</v>
      </c>
      <c r="E1746" s="15">
        <v>45662</v>
      </c>
      <c r="F1746" s="14" t="s">
        <v>28</v>
      </c>
      <c r="G1746" s="16">
        <v>4.3008679159332956</v>
      </c>
    </row>
    <row r="1747" spans="1:7" x14ac:dyDescent="0.3">
      <c r="A1747" s="13" t="s">
        <v>26</v>
      </c>
      <c r="B1747" s="14" t="s">
        <v>1</v>
      </c>
      <c r="C1747" s="14" t="s">
        <v>23</v>
      </c>
      <c r="D1747" s="14" t="s">
        <v>27</v>
      </c>
      <c r="E1747" s="15">
        <v>45663</v>
      </c>
      <c r="F1747" s="14" t="s">
        <v>28</v>
      </c>
      <c r="G1747" s="16">
        <v>4.2962014850804824</v>
      </c>
    </row>
    <row r="1748" spans="1:7" x14ac:dyDescent="0.3">
      <c r="A1748" s="13" t="s">
        <v>26</v>
      </c>
      <c r="B1748" s="14" t="s">
        <v>1</v>
      </c>
      <c r="C1748" s="14" t="s">
        <v>23</v>
      </c>
      <c r="D1748" s="14" t="s">
        <v>27</v>
      </c>
      <c r="E1748" s="15">
        <v>45664</v>
      </c>
      <c r="F1748" s="14" t="s">
        <v>28</v>
      </c>
      <c r="G1748" s="16">
        <v>4.3454912446231599</v>
      </c>
    </row>
    <row r="1749" spans="1:7" x14ac:dyDescent="0.3">
      <c r="A1749" s="13" t="s">
        <v>26</v>
      </c>
      <c r="B1749" s="14" t="s">
        <v>1</v>
      </c>
      <c r="C1749" s="14" t="s">
        <v>23</v>
      </c>
      <c r="D1749" s="14" t="s">
        <v>27</v>
      </c>
      <c r="E1749" s="15">
        <v>45665</v>
      </c>
      <c r="F1749" s="14" t="s">
        <v>28</v>
      </c>
      <c r="G1749" s="16">
        <v>4.3741103054063633</v>
      </c>
    </row>
    <row r="1750" spans="1:7" x14ac:dyDescent="0.3">
      <c r="A1750" s="13" t="s">
        <v>26</v>
      </c>
      <c r="B1750" s="14" t="s">
        <v>1</v>
      </c>
      <c r="C1750" s="14" t="s">
        <v>23</v>
      </c>
      <c r="D1750" s="14" t="s">
        <v>27</v>
      </c>
      <c r="E1750" s="15">
        <v>45666</v>
      </c>
      <c r="F1750" s="14" t="s">
        <v>28</v>
      </c>
      <c r="G1750" s="16">
        <v>4.3741103054063633</v>
      </c>
    </row>
    <row r="1751" spans="1:7" x14ac:dyDescent="0.3">
      <c r="A1751" s="13" t="s">
        <v>26</v>
      </c>
      <c r="B1751" s="14" t="s">
        <v>1</v>
      </c>
      <c r="C1751" s="14" t="s">
        <v>23</v>
      </c>
      <c r="D1751" s="14" t="s">
        <v>27</v>
      </c>
      <c r="E1751" s="15">
        <v>45667</v>
      </c>
      <c r="F1751" s="14" t="s">
        <v>28</v>
      </c>
      <c r="G1751" s="16">
        <v>4.4071965367440438</v>
      </c>
    </row>
    <row r="1752" spans="1:7" x14ac:dyDescent="0.3">
      <c r="A1752" s="13" t="s">
        <v>26</v>
      </c>
      <c r="B1752" s="14" t="s">
        <v>1</v>
      </c>
      <c r="C1752" s="14" t="s">
        <v>23</v>
      </c>
      <c r="D1752" s="14" t="s">
        <v>27</v>
      </c>
      <c r="E1752" s="15">
        <v>45668</v>
      </c>
      <c r="F1752" s="14" t="s">
        <v>28</v>
      </c>
      <c r="G1752" s="16">
        <v>4.4071965367440438</v>
      </c>
    </row>
    <row r="1753" spans="1:7" x14ac:dyDescent="0.3">
      <c r="A1753" s="13" t="s">
        <v>26</v>
      </c>
      <c r="B1753" s="14" t="s">
        <v>1</v>
      </c>
      <c r="C1753" s="14" t="s">
        <v>23</v>
      </c>
      <c r="D1753" s="14" t="s">
        <v>27</v>
      </c>
      <c r="E1753" s="15">
        <v>45669</v>
      </c>
      <c r="F1753" s="14" t="s">
        <v>28</v>
      </c>
      <c r="G1753" s="16">
        <v>4.4071965367440438</v>
      </c>
    </row>
    <row r="1754" spans="1:7" x14ac:dyDescent="0.3">
      <c r="A1754" s="13" t="s">
        <v>26</v>
      </c>
      <c r="B1754" s="14" t="s">
        <v>1</v>
      </c>
      <c r="C1754" s="14" t="s">
        <v>23</v>
      </c>
      <c r="D1754" s="14" t="s">
        <v>27</v>
      </c>
      <c r="E1754" s="15">
        <v>45670</v>
      </c>
      <c r="F1754" s="14" t="s">
        <v>28</v>
      </c>
      <c r="G1754" s="16">
        <v>4.4340692194859859</v>
      </c>
    </row>
    <row r="1755" spans="1:7" x14ac:dyDescent="0.3">
      <c r="A1755" s="13" t="s">
        <v>26</v>
      </c>
      <c r="B1755" s="14" t="s">
        <v>1</v>
      </c>
      <c r="C1755" s="14" t="s">
        <v>23</v>
      </c>
      <c r="D1755" s="14" t="s">
        <v>27</v>
      </c>
      <c r="E1755" s="15">
        <v>45671</v>
      </c>
      <c r="F1755" s="14" t="s">
        <v>28</v>
      </c>
      <c r="G1755" s="16">
        <v>4.4645218941236031</v>
      </c>
    </row>
    <row r="1756" spans="1:7" x14ac:dyDescent="0.3">
      <c r="A1756" s="13" t="s">
        <v>26</v>
      </c>
      <c r="B1756" s="14" t="s">
        <v>1</v>
      </c>
      <c r="C1756" s="14" t="s">
        <v>23</v>
      </c>
      <c r="D1756" s="14" t="s">
        <v>27</v>
      </c>
      <c r="E1756" s="15">
        <v>45672</v>
      </c>
      <c r="F1756" s="14" t="s">
        <v>28</v>
      </c>
      <c r="G1756" s="16">
        <v>4.4814845749767436</v>
      </c>
    </row>
    <row r="1757" spans="1:7" x14ac:dyDescent="0.3">
      <c r="A1757" s="13" t="s">
        <v>26</v>
      </c>
      <c r="B1757" s="14" t="s">
        <v>1</v>
      </c>
      <c r="C1757" s="14" t="s">
        <v>23</v>
      </c>
      <c r="D1757" s="14" t="s">
        <v>27</v>
      </c>
      <c r="E1757" s="15">
        <v>45673</v>
      </c>
      <c r="F1757" s="14" t="s">
        <v>28</v>
      </c>
      <c r="G1757" s="16">
        <v>4.4942506010445529</v>
      </c>
    </row>
    <row r="1758" spans="1:7" x14ac:dyDescent="0.3">
      <c r="A1758" s="13" t="s">
        <v>26</v>
      </c>
      <c r="B1758" s="14" t="s">
        <v>1</v>
      </c>
      <c r="C1758" s="14" t="s">
        <v>23</v>
      </c>
      <c r="D1758" s="14" t="s">
        <v>27</v>
      </c>
      <c r="E1758" s="15">
        <v>45674</v>
      </c>
      <c r="F1758" s="14" t="s">
        <v>28</v>
      </c>
      <c r="G1758" s="16">
        <v>4.5116598409643185</v>
      </c>
    </row>
    <row r="1759" spans="1:7" x14ac:dyDescent="0.3">
      <c r="A1759" s="13" t="s">
        <v>26</v>
      </c>
      <c r="B1759" s="14" t="s">
        <v>1</v>
      </c>
      <c r="C1759" s="14" t="s">
        <v>23</v>
      </c>
      <c r="D1759" s="14" t="s">
        <v>27</v>
      </c>
      <c r="E1759" s="15">
        <v>45675</v>
      </c>
      <c r="F1759" s="14" t="s">
        <v>28</v>
      </c>
      <c r="G1759" s="16">
        <v>4.5116598409643185</v>
      </c>
    </row>
    <row r="1760" spans="1:7" x14ac:dyDescent="0.3">
      <c r="A1760" s="13" t="s">
        <v>26</v>
      </c>
      <c r="B1760" s="14" t="s">
        <v>1</v>
      </c>
      <c r="C1760" s="14" t="s">
        <v>23</v>
      </c>
      <c r="D1760" s="14" t="s">
        <v>27</v>
      </c>
      <c r="E1760" s="15">
        <v>45676</v>
      </c>
      <c r="F1760" s="14" t="s">
        <v>28</v>
      </c>
      <c r="G1760" s="16">
        <v>4.5116598409643185</v>
      </c>
    </row>
    <row r="1761" spans="1:7" x14ac:dyDescent="0.3">
      <c r="A1761" s="13" t="s">
        <v>26</v>
      </c>
      <c r="B1761" s="14" t="s">
        <v>1</v>
      </c>
      <c r="C1761" s="14" t="s">
        <v>23</v>
      </c>
      <c r="D1761" s="14" t="s">
        <v>27</v>
      </c>
      <c r="E1761" s="15">
        <v>45677</v>
      </c>
      <c r="F1761" s="14" t="s">
        <v>28</v>
      </c>
      <c r="G1761" s="16">
        <v>4.5116598409643185</v>
      </c>
    </row>
    <row r="1762" spans="1:7" x14ac:dyDescent="0.3">
      <c r="A1762" s="13" t="s">
        <v>26</v>
      </c>
      <c r="B1762" s="14" t="s">
        <v>1</v>
      </c>
      <c r="C1762" s="14" t="s">
        <v>23</v>
      </c>
      <c r="D1762" s="14" t="s">
        <v>27</v>
      </c>
      <c r="E1762" s="15">
        <v>45678</v>
      </c>
      <c r="F1762" s="14" t="s">
        <v>28</v>
      </c>
      <c r="G1762" s="16">
        <v>4.4692078212223194</v>
      </c>
    </row>
    <row r="1763" spans="1:7" x14ac:dyDescent="0.3">
      <c r="A1763" s="13" t="s">
        <v>26</v>
      </c>
      <c r="B1763" s="14" t="s">
        <v>1</v>
      </c>
      <c r="C1763" s="14" t="s">
        <v>23</v>
      </c>
      <c r="D1763" s="14" t="s">
        <v>27</v>
      </c>
      <c r="E1763" s="15">
        <v>45679</v>
      </c>
      <c r="F1763" s="14" t="s">
        <v>28</v>
      </c>
      <c r="G1763" s="16">
        <v>4.5379094311258337</v>
      </c>
    </row>
    <row r="1764" spans="1:7" x14ac:dyDescent="0.3">
      <c r="A1764" s="13" t="s">
        <v>26</v>
      </c>
      <c r="B1764" s="14" t="s">
        <v>1</v>
      </c>
      <c r="C1764" s="14" t="s">
        <v>23</v>
      </c>
      <c r="D1764" s="14" t="s">
        <v>27</v>
      </c>
      <c r="E1764" s="15">
        <v>45680</v>
      </c>
      <c r="F1764" s="14" t="s">
        <v>28</v>
      </c>
      <c r="G1764" s="16">
        <v>4.552208066332426</v>
      </c>
    </row>
    <row r="1765" spans="1:7" x14ac:dyDescent="0.3">
      <c r="A1765" s="13" t="s">
        <v>26</v>
      </c>
      <c r="B1765" s="14" t="s">
        <v>1</v>
      </c>
      <c r="C1765" s="14" t="s">
        <v>23</v>
      </c>
      <c r="D1765" s="14" t="s">
        <v>27</v>
      </c>
      <c r="E1765" s="15">
        <v>45681</v>
      </c>
      <c r="F1765" s="14" t="s">
        <v>28</v>
      </c>
      <c r="G1765" s="16">
        <v>4.5345422898144427</v>
      </c>
    </row>
    <row r="1766" spans="1:7" x14ac:dyDescent="0.3">
      <c r="A1766" s="13" t="s">
        <v>26</v>
      </c>
      <c r="B1766" s="14" t="s">
        <v>1</v>
      </c>
      <c r="C1766" s="14" t="s">
        <v>23</v>
      </c>
      <c r="D1766" s="14" t="s">
        <v>27</v>
      </c>
      <c r="E1766" s="15">
        <v>45682</v>
      </c>
      <c r="F1766" s="14" t="s">
        <v>28</v>
      </c>
      <c r="G1766" s="16">
        <v>4.5345422898144427</v>
      </c>
    </row>
    <row r="1767" spans="1:7" x14ac:dyDescent="0.3">
      <c r="A1767" s="13" t="s">
        <v>26</v>
      </c>
      <c r="B1767" s="14" t="s">
        <v>1</v>
      </c>
      <c r="C1767" s="14" t="s">
        <v>23</v>
      </c>
      <c r="D1767" s="14" t="s">
        <v>27</v>
      </c>
      <c r="E1767" s="15">
        <v>45683</v>
      </c>
      <c r="F1767" s="14" t="s">
        <v>28</v>
      </c>
      <c r="G1767" s="16">
        <v>4.5345422898144427</v>
      </c>
    </row>
    <row r="1768" spans="1:7" x14ac:dyDescent="0.3">
      <c r="A1768" s="13" t="s">
        <v>26</v>
      </c>
      <c r="B1768" s="14" t="s">
        <v>1</v>
      </c>
      <c r="C1768" s="14" t="s">
        <v>23</v>
      </c>
      <c r="D1768" s="14" t="s">
        <v>27</v>
      </c>
      <c r="E1768" s="15">
        <v>45684</v>
      </c>
      <c r="F1768" s="14" t="s">
        <v>28</v>
      </c>
      <c r="G1768" s="16">
        <v>4.5450264768917474</v>
      </c>
    </row>
    <row r="1769" spans="1:7" x14ac:dyDescent="0.3">
      <c r="A1769" s="13" t="s">
        <v>26</v>
      </c>
      <c r="B1769" s="14" t="s">
        <v>1</v>
      </c>
      <c r="C1769" s="14" t="s">
        <v>23</v>
      </c>
      <c r="D1769" s="14" t="s">
        <v>27</v>
      </c>
      <c r="E1769" s="15">
        <v>45685</v>
      </c>
      <c r="F1769" s="14" t="s">
        <v>28</v>
      </c>
      <c r="G1769" s="16">
        <v>4.611606366820908</v>
      </c>
    </row>
    <row r="1770" spans="1:7" x14ac:dyDescent="0.3">
      <c r="A1770" s="13" t="s">
        <v>26</v>
      </c>
      <c r="B1770" s="14" t="s">
        <v>1</v>
      </c>
      <c r="C1770" s="14" t="s">
        <v>23</v>
      </c>
      <c r="D1770" s="14" t="s">
        <v>27</v>
      </c>
      <c r="E1770" s="15">
        <v>45686</v>
      </c>
      <c r="F1770" s="14" t="s">
        <v>28</v>
      </c>
      <c r="G1770" s="16">
        <v>4.619281702341711</v>
      </c>
    </row>
    <row r="1771" spans="1:7" x14ac:dyDescent="0.3">
      <c r="A1771" s="13" t="s">
        <v>26</v>
      </c>
      <c r="B1771" s="14" t="s">
        <v>1</v>
      </c>
      <c r="C1771" s="14" t="s">
        <v>23</v>
      </c>
      <c r="D1771" s="14" t="s">
        <v>27</v>
      </c>
      <c r="E1771" s="15">
        <v>45687</v>
      </c>
      <c r="F1771" s="14" t="s">
        <v>28</v>
      </c>
      <c r="G1771" s="16">
        <v>4.6483635147650251</v>
      </c>
    </row>
    <row r="1772" spans="1:7" x14ac:dyDescent="0.3">
      <c r="A1772" s="13" t="s">
        <v>26</v>
      </c>
      <c r="B1772" s="14" t="s">
        <v>1</v>
      </c>
      <c r="C1772" s="14" t="s">
        <v>23</v>
      </c>
      <c r="D1772" s="14" t="s">
        <v>27</v>
      </c>
      <c r="E1772" s="15">
        <v>45688</v>
      </c>
      <c r="F1772" s="14" t="s">
        <v>28</v>
      </c>
      <c r="G1772" s="16">
        <v>4.6809909661635558</v>
      </c>
    </row>
    <row r="1773" spans="1:7" x14ac:dyDescent="0.3">
      <c r="A1773" s="13" t="s">
        <v>26</v>
      </c>
      <c r="B1773" s="14" t="s">
        <v>1</v>
      </c>
      <c r="C1773" s="14" t="s">
        <v>23</v>
      </c>
      <c r="D1773" s="14" t="s">
        <v>27</v>
      </c>
      <c r="E1773" s="15">
        <v>45689</v>
      </c>
      <c r="F1773" s="14" t="s">
        <v>28</v>
      </c>
      <c r="G1773" s="16">
        <v>4.6809909661635558</v>
      </c>
    </row>
    <row r="1774" spans="1:7" x14ac:dyDescent="0.3">
      <c r="A1774" s="13" t="s">
        <v>26</v>
      </c>
      <c r="B1774" s="14" t="s">
        <v>1</v>
      </c>
      <c r="C1774" s="14" t="s">
        <v>23</v>
      </c>
      <c r="D1774" s="14" t="s">
        <v>27</v>
      </c>
      <c r="E1774" s="15">
        <v>45690</v>
      </c>
      <c r="F1774" s="14" t="s">
        <v>28</v>
      </c>
      <c r="G1774" s="16">
        <v>4.6809909661635558</v>
      </c>
    </row>
    <row r="1775" spans="1:7" x14ac:dyDescent="0.3">
      <c r="A1775" s="13" t="s">
        <v>26</v>
      </c>
      <c r="B1775" s="14" t="s">
        <v>1</v>
      </c>
      <c r="C1775" s="14" t="s">
        <v>23</v>
      </c>
      <c r="D1775" s="14" t="s">
        <v>27</v>
      </c>
      <c r="E1775" s="15">
        <v>45691</v>
      </c>
      <c r="F1775" s="14" t="s">
        <v>28</v>
      </c>
      <c r="G1775" s="16">
        <v>4.6809909661635558</v>
      </c>
    </row>
    <row r="1776" spans="1:7" x14ac:dyDescent="0.3">
      <c r="A1776" s="13" t="s">
        <v>26</v>
      </c>
      <c r="B1776" s="14" t="s">
        <v>1</v>
      </c>
      <c r="C1776" s="14" t="s">
        <v>23</v>
      </c>
      <c r="D1776" s="14" t="s">
        <v>27</v>
      </c>
      <c r="E1776" s="15">
        <v>45692</v>
      </c>
      <c r="F1776" s="14" t="s">
        <v>28</v>
      </c>
      <c r="G1776" s="16">
        <v>4.6700402354609611</v>
      </c>
    </row>
    <row r="1777" spans="1:7" x14ac:dyDescent="0.3">
      <c r="A1777" s="13" t="s">
        <v>26</v>
      </c>
      <c r="B1777" s="14" t="s">
        <v>1</v>
      </c>
      <c r="C1777" s="14" t="s">
        <v>23</v>
      </c>
      <c r="D1777" s="14" t="s">
        <v>27</v>
      </c>
      <c r="E1777" s="15">
        <v>45693</v>
      </c>
      <c r="F1777" s="14" t="s">
        <v>28</v>
      </c>
      <c r="G1777" s="16">
        <v>4.7078069434273235</v>
      </c>
    </row>
    <row r="1778" spans="1:7" x14ac:dyDescent="0.3">
      <c r="A1778" s="13" t="s">
        <v>26</v>
      </c>
      <c r="B1778" s="14" t="s">
        <v>1</v>
      </c>
      <c r="C1778" s="14" t="s">
        <v>23</v>
      </c>
      <c r="D1778" s="14" t="s">
        <v>27</v>
      </c>
      <c r="E1778" s="15">
        <v>45694</v>
      </c>
      <c r="F1778" s="14" t="s">
        <v>28</v>
      </c>
      <c r="G1778" s="16">
        <v>4.7293055348755662</v>
      </c>
    </row>
    <row r="1779" spans="1:7" x14ac:dyDescent="0.3">
      <c r="A1779" s="13" t="s">
        <v>26</v>
      </c>
      <c r="B1779" s="14" t="s">
        <v>1</v>
      </c>
      <c r="C1779" s="14" t="s">
        <v>23</v>
      </c>
      <c r="D1779" s="14" t="s">
        <v>27</v>
      </c>
      <c r="E1779" s="15">
        <v>45695</v>
      </c>
      <c r="F1779" s="14" t="s">
        <v>28</v>
      </c>
      <c r="G1779" s="16">
        <v>4.7576451371551922</v>
      </c>
    </row>
    <row r="1780" spans="1:7" x14ac:dyDescent="0.3">
      <c r="A1780" s="13" t="s">
        <v>26</v>
      </c>
      <c r="B1780" s="14" t="s">
        <v>1</v>
      </c>
      <c r="C1780" s="14" t="s">
        <v>23</v>
      </c>
      <c r="D1780" s="14" t="s">
        <v>27</v>
      </c>
      <c r="E1780" s="15">
        <v>45696</v>
      </c>
      <c r="F1780" s="14" t="s">
        <v>28</v>
      </c>
      <c r="G1780" s="16">
        <v>4.7576451371551922</v>
      </c>
    </row>
    <row r="1781" spans="1:7" x14ac:dyDescent="0.3">
      <c r="A1781" s="13" t="s">
        <v>26</v>
      </c>
      <c r="B1781" s="14" t="s">
        <v>1</v>
      </c>
      <c r="C1781" s="14" t="s">
        <v>23</v>
      </c>
      <c r="D1781" s="14" t="s">
        <v>27</v>
      </c>
      <c r="E1781" s="15">
        <v>45697</v>
      </c>
      <c r="F1781" s="14" t="s">
        <v>28</v>
      </c>
      <c r="G1781" s="16">
        <v>4.7576451371551922</v>
      </c>
    </row>
    <row r="1782" spans="1:7" x14ac:dyDescent="0.3">
      <c r="A1782" s="13" t="s">
        <v>26</v>
      </c>
      <c r="B1782" s="14" t="s">
        <v>1</v>
      </c>
      <c r="C1782" s="14" t="s">
        <v>23</v>
      </c>
      <c r="D1782" s="14" t="s">
        <v>27</v>
      </c>
      <c r="E1782" s="15">
        <v>45698</v>
      </c>
      <c r="F1782" s="14" t="s">
        <v>28</v>
      </c>
      <c r="G1782" s="16">
        <v>4.7845640687115862</v>
      </c>
    </row>
    <row r="1783" spans="1:7" x14ac:dyDescent="0.3">
      <c r="A1783" s="13" t="s">
        <v>26</v>
      </c>
      <c r="B1783" s="14" t="s">
        <v>1</v>
      </c>
      <c r="C1783" s="14" t="s">
        <v>23</v>
      </c>
      <c r="D1783" s="14" t="s">
        <v>27</v>
      </c>
      <c r="E1783" s="15">
        <v>45699</v>
      </c>
      <c r="F1783" s="14" t="s">
        <v>28</v>
      </c>
      <c r="G1783" s="16">
        <v>4.8201024448461478</v>
      </c>
    </row>
    <row r="1784" spans="1:7" x14ac:dyDescent="0.3">
      <c r="A1784" s="13" t="s">
        <v>26</v>
      </c>
      <c r="B1784" s="14" t="s">
        <v>1</v>
      </c>
      <c r="C1784" s="14" t="s">
        <v>23</v>
      </c>
      <c r="D1784" s="14" t="s">
        <v>27</v>
      </c>
      <c r="E1784" s="15">
        <v>45700</v>
      </c>
      <c r="F1784" s="14" t="s">
        <v>28</v>
      </c>
      <c r="G1784" s="16">
        <v>4.8327454555232077</v>
      </c>
    </row>
    <row r="1785" spans="1:7" x14ac:dyDescent="0.3">
      <c r="A1785" s="13" t="s">
        <v>26</v>
      </c>
      <c r="B1785" s="14" t="s">
        <v>1</v>
      </c>
      <c r="C1785" s="14" t="s">
        <v>23</v>
      </c>
      <c r="D1785" s="14" t="s">
        <v>27</v>
      </c>
      <c r="E1785" s="15">
        <v>45701</v>
      </c>
      <c r="F1785" s="14" t="s">
        <v>28</v>
      </c>
      <c r="G1785" s="16">
        <v>4.8144235147794454</v>
      </c>
    </row>
    <row r="1786" spans="1:7" x14ac:dyDescent="0.3">
      <c r="A1786" s="13" t="s">
        <v>26</v>
      </c>
      <c r="B1786" s="14" t="s">
        <v>1</v>
      </c>
      <c r="C1786" s="14" t="s">
        <v>23</v>
      </c>
      <c r="D1786" s="14" t="s">
        <v>27</v>
      </c>
      <c r="E1786" s="15">
        <v>45702</v>
      </c>
      <c r="F1786" s="14" t="s">
        <v>28</v>
      </c>
      <c r="G1786" s="16">
        <v>4.8142131995341417</v>
      </c>
    </row>
    <row r="1787" spans="1:7" x14ac:dyDescent="0.3">
      <c r="A1787" s="13" t="s">
        <v>26</v>
      </c>
      <c r="B1787" s="14" t="s">
        <v>1</v>
      </c>
      <c r="C1787" s="14" t="s">
        <v>23</v>
      </c>
      <c r="D1787" s="14" t="s">
        <v>27</v>
      </c>
      <c r="E1787" s="15">
        <v>45703</v>
      </c>
      <c r="F1787" s="14" t="s">
        <v>28</v>
      </c>
      <c r="G1787" s="16">
        <v>4.8142131995341417</v>
      </c>
    </row>
    <row r="1788" spans="1:7" x14ac:dyDescent="0.3">
      <c r="A1788" s="13" t="s">
        <v>26</v>
      </c>
      <c r="B1788" s="14" t="s">
        <v>1</v>
      </c>
      <c r="C1788" s="14" t="s">
        <v>23</v>
      </c>
      <c r="D1788" s="14" t="s">
        <v>27</v>
      </c>
      <c r="E1788" s="15">
        <v>45704</v>
      </c>
      <c r="F1788" s="14" t="s">
        <v>28</v>
      </c>
      <c r="G1788" s="16">
        <v>4.8142131995341417</v>
      </c>
    </row>
    <row r="1789" spans="1:7" x14ac:dyDescent="0.3">
      <c r="A1789" s="13" t="s">
        <v>26</v>
      </c>
      <c r="B1789" s="14" t="s">
        <v>1</v>
      </c>
      <c r="C1789" s="14" t="s">
        <v>23</v>
      </c>
      <c r="D1789" s="14" t="s">
        <v>27</v>
      </c>
      <c r="E1789" s="15">
        <v>45705</v>
      </c>
      <c r="F1789" s="14" t="s">
        <v>28</v>
      </c>
      <c r="G1789" s="16">
        <v>4.8142131995341417</v>
      </c>
    </row>
    <row r="1790" spans="1:7" x14ac:dyDescent="0.3">
      <c r="A1790" s="13" t="s">
        <v>26</v>
      </c>
      <c r="B1790" s="14" t="s">
        <v>1</v>
      </c>
      <c r="C1790" s="14" t="s">
        <v>23</v>
      </c>
      <c r="D1790" s="14" t="s">
        <v>27</v>
      </c>
      <c r="E1790" s="15">
        <v>45706</v>
      </c>
      <c r="F1790" s="14" t="s">
        <v>28</v>
      </c>
      <c r="G1790" s="16">
        <v>4.8379926214817441</v>
      </c>
    </row>
    <row r="1791" spans="1:7" x14ac:dyDescent="0.3">
      <c r="A1791" s="13" t="s">
        <v>26</v>
      </c>
      <c r="B1791" s="14" t="s">
        <v>1</v>
      </c>
      <c r="C1791" s="14" t="s">
        <v>23</v>
      </c>
      <c r="D1791" s="14" t="s">
        <v>27</v>
      </c>
      <c r="E1791" s="15">
        <v>45707</v>
      </c>
      <c r="F1791" s="14" t="s">
        <v>28</v>
      </c>
      <c r="G1791" s="16">
        <v>4.8991857615195826</v>
      </c>
    </row>
    <row r="1792" spans="1:7" x14ac:dyDescent="0.3">
      <c r="A1792" s="13" t="s">
        <v>26</v>
      </c>
      <c r="B1792" s="14" t="s">
        <v>1</v>
      </c>
      <c r="C1792" s="14" t="s">
        <v>23</v>
      </c>
      <c r="D1792" s="14" t="s">
        <v>27</v>
      </c>
      <c r="E1792" s="15">
        <v>45708</v>
      </c>
      <c r="F1792" s="14" t="s">
        <v>28</v>
      </c>
      <c r="G1792" s="16">
        <v>4.879901415141819</v>
      </c>
    </row>
    <row r="1793" spans="1:7" x14ac:dyDescent="0.3">
      <c r="A1793" s="13" t="s">
        <v>26</v>
      </c>
      <c r="B1793" s="14" t="s">
        <v>1</v>
      </c>
      <c r="C1793" s="14" t="s">
        <v>23</v>
      </c>
      <c r="D1793" s="14" t="s">
        <v>27</v>
      </c>
      <c r="E1793" s="15">
        <v>45709</v>
      </c>
      <c r="F1793" s="14" t="s">
        <v>28</v>
      </c>
      <c r="G1793" s="16">
        <v>4.8976348327918089</v>
      </c>
    </row>
    <row r="1794" spans="1:7" x14ac:dyDescent="0.3">
      <c r="A1794" s="13" t="s">
        <v>26</v>
      </c>
      <c r="B1794" s="14" t="s">
        <v>1</v>
      </c>
      <c r="C1794" s="14" t="s">
        <v>23</v>
      </c>
      <c r="D1794" s="14" t="s">
        <v>27</v>
      </c>
      <c r="E1794" s="15">
        <v>45710</v>
      </c>
      <c r="F1794" s="14" t="s">
        <v>28</v>
      </c>
      <c r="G1794" s="16">
        <v>4.8976348327918089</v>
      </c>
    </row>
    <row r="1795" spans="1:7" x14ac:dyDescent="0.3">
      <c r="A1795" s="13" t="s">
        <v>26</v>
      </c>
      <c r="B1795" s="14" t="s">
        <v>1</v>
      </c>
      <c r="C1795" s="14" t="s">
        <v>23</v>
      </c>
      <c r="D1795" s="14" t="s">
        <v>27</v>
      </c>
      <c r="E1795" s="15">
        <v>45711</v>
      </c>
      <c r="F1795" s="14" t="s">
        <v>28</v>
      </c>
      <c r="G1795" s="16">
        <v>4.8976348327918089</v>
      </c>
    </row>
    <row r="1796" spans="1:7" x14ac:dyDescent="0.3">
      <c r="A1796" s="13" t="s">
        <v>26</v>
      </c>
      <c r="B1796" s="14" t="s">
        <v>1</v>
      </c>
      <c r="C1796" s="14" t="s">
        <v>23</v>
      </c>
      <c r="D1796" s="14" t="s">
        <v>27</v>
      </c>
      <c r="E1796" s="15">
        <v>45712</v>
      </c>
      <c r="F1796" s="14" t="s">
        <v>28</v>
      </c>
      <c r="G1796" s="16">
        <v>4.9168809164128557</v>
      </c>
    </row>
    <row r="1797" spans="1:7" x14ac:dyDescent="0.3">
      <c r="A1797" s="13" t="s">
        <v>26</v>
      </c>
      <c r="B1797" s="14" t="s">
        <v>1</v>
      </c>
      <c r="C1797" s="14" t="s">
        <v>23</v>
      </c>
      <c r="D1797" s="14" t="s">
        <v>27</v>
      </c>
      <c r="E1797" s="15">
        <v>45713</v>
      </c>
      <c r="F1797" s="14" t="s">
        <v>28</v>
      </c>
      <c r="G1797" s="16">
        <v>4.9506615060203281</v>
      </c>
    </row>
    <row r="1798" spans="1:7" x14ac:dyDescent="0.3">
      <c r="A1798" s="13" t="s">
        <v>26</v>
      </c>
      <c r="B1798" s="14" t="s">
        <v>1</v>
      </c>
      <c r="C1798" s="14" t="s">
        <v>23</v>
      </c>
      <c r="D1798" s="14" t="s">
        <v>27</v>
      </c>
      <c r="E1798" s="15">
        <v>45714</v>
      </c>
      <c r="F1798" s="14" t="s">
        <v>28</v>
      </c>
      <c r="G1798" s="16">
        <v>4.9717001009816917</v>
      </c>
    </row>
    <row r="1799" spans="1:7" x14ac:dyDescent="0.3">
      <c r="A1799" s="13" t="s">
        <v>26</v>
      </c>
      <c r="B1799" s="14" t="s">
        <v>1</v>
      </c>
      <c r="C1799" s="14" t="s">
        <v>23</v>
      </c>
      <c r="D1799" s="14" t="s">
        <v>27</v>
      </c>
      <c r="E1799" s="15">
        <v>45715</v>
      </c>
      <c r="F1799" s="14" t="s">
        <v>28</v>
      </c>
      <c r="G1799" s="16">
        <v>5.0251944540876634</v>
      </c>
    </row>
    <row r="1800" spans="1:7" x14ac:dyDescent="0.3">
      <c r="A1800" s="13" t="s">
        <v>26</v>
      </c>
      <c r="B1800" s="14" t="s">
        <v>1</v>
      </c>
      <c r="C1800" s="14" t="s">
        <v>23</v>
      </c>
      <c r="D1800" s="14" t="s">
        <v>27</v>
      </c>
      <c r="E1800" s="15">
        <v>45716</v>
      </c>
      <c r="F1800" s="14" t="s">
        <v>28</v>
      </c>
      <c r="G1800" s="16">
        <v>5.0480125328442815</v>
      </c>
    </row>
    <row r="1801" spans="1:7" x14ac:dyDescent="0.3">
      <c r="A1801" s="13" t="s">
        <v>26</v>
      </c>
      <c r="B1801" s="14" t="s">
        <v>1</v>
      </c>
      <c r="C1801" s="14" t="s">
        <v>23</v>
      </c>
      <c r="D1801" s="14" t="s">
        <v>27</v>
      </c>
      <c r="E1801" s="15">
        <v>45717</v>
      </c>
      <c r="F1801" s="14" t="s">
        <v>28</v>
      </c>
      <c r="G1801" s="16">
        <v>5.0480125328442815</v>
      </c>
    </row>
    <row r="1802" spans="1:7" x14ac:dyDescent="0.3">
      <c r="A1802" s="13" t="s">
        <v>26</v>
      </c>
      <c r="B1802" s="14" t="s">
        <v>1</v>
      </c>
      <c r="C1802" s="14" t="s">
        <v>23</v>
      </c>
      <c r="D1802" s="14" t="s">
        <v>27</v>
      </c>
      <c r="E1802" s="15">
        <v>45718</v>
      </c>
      <c r="F1802" s="14" t="s">
        <v>28</v>
      </c>
      <c r="G1802" s="16">
        <v>5.0480125328442815</v>
      </c>
    </row>
    <row r="1803" spans="1:7" x14ac:dyDescent="0.3">
      <c r="A1803" s="13" t="s">
        <v>26</v>
      </c>
      <c r="B1803" s="14" t="s">
        <v>1</v>
      </c>
      <c r="C1803" s="14" t="s">
        <v>23</v>
      </c>
      <c r="D1803" s="14" t="s">
        <v>27</v>
      </c>
      <c r="E1803" s="15">
        <v>45719</v>
      </c>
      <c r="F1803" s="14" t="s">
        <v>28</v>
      </c>
      <c r="G1803" s="16">
        <v>5.068311895816926</v>
      </c>
    </row>
    <row r="1804" spans="1:7" x14ac:dyDescent="0.3">
      <c r="A1804" s="13" t="s">
        <v>26</v>
      </c>
      <c r="B1804" s="14" t="s">
        <v>1</v>
      </c>
      <c r="C1804" s="14" t="s">
        <v>23</v>
      </c>
      <c r="D1804" s="14" t="s">
        <v>27</v>
      </c>
      <c r="E1804" s="15">
        <v>45720</v>
      </c>
      <c r="F1804" s="14" t="s">
        <v>28</v>
      </c>
      <c r="G1804" s="16">
        <v>5.0790696568640206</v>
      </c>
    </row>
    <row r="1805" spans="1:7" x14ac:dyDescent="0.3">
      <c r="A1805" s="13" t="s">
        <v>26</v>
      </c>
      <c r="B1805" s="14" t="s">
        <v>1</v>
      </c>
      <c r="C1805" s="14" t="s">
        <v>23</v>
      </c>
      <c r="D1805" s="14" t="s">
        <v>27</v>
      </c>
      <c r="E1805" s="15">
        <v>45721</v>
      </c>
      <c r="F1805" s="14" t="s">
        <v>28</v>
      </c>
      <c r="G1805" s="16">
        <v>5.0682608681609365</v>
      </c>
    </row>
    <row r="1806" spans="1:7" x14ac:dyDescent="0.3">
      <c r="A1806" s="13" t="s">
        <v>26</v>
      </c>
      <c r="B1806" s="14" t="s">
        <v>1</v>
      </c>
      <c r="C1806" s="14" t="s">
        <v>23</v>
      </c>
      <c r="D1806" s="14" t="s">
        <v>27</v>
      </c>
      <c r="E1806" s="15">
        <v>45722</v>
      </c>
      <c r="F1806" s="14" t="s">
        <v>28</v>
      </c>
      <c r="G1806" s="16">
        <v>5.0890419321646059</v>
      </c>
    </row>
    <row r="1807" spans="1:7" x14ac:dyDescent="0.3">
      <c r="A1807" s="13" t="s">
        <v>26</v>
      </c>
      <c r="B1807" s="14" t="s">
        <v>1</v>
      </c>
      <c r="C1807" s="14" t="s">
        <v>23</v>
      </c>
      <c r="D1807" s="14" t="s">
        <v>27</v>
      </c>
      <c r="E1807" s="15">
        <v>45723</v>
      </c>
      <c r="F1807" s="14" t="s">
        <v>28</v>
      </c>
      <c r="G1807" s="16">
        <v>5.0966993853013403</v>
      </c>
    </row>
    <row r="1808" spans="1:7" x14ac:dyDescent="0.3">
      <c r="A1808" s="13" t="s">
        <v>26</v>
      </c>
      <c r="B1808" s="14" t="s">
        <v>1</v>
      </c>
      <c r="C1808" s="14" t="s">
        <v>23</v>
      </c>
      <c r="D1808" s="14" t="s">
        <v>27</v>
      </c>
      <c r="E1808" s="15">
        <v>45724</v>
      </c>
      <c r="F1808" s="14" t="s">
        <v>28</v>
      </c>
      <c r="G1808" s="16">
        <v>5.0966993853013403</v>
      </c>
    </row>
    <row r="1809" spans="1:7" x14ac:dyDescent="0.3">
      <c r="A1809" s="13" t="s">
        <v>26</v>
      </c>
      <c r="B1809" s="14" t="s">
        <v>1</v>
      </c>
      <c r="C1809" s="14" t="s">
        <v>23</v>
      </c>
      <c r="D1809" s="14" t="s">
        <v>27</v>
      </c>
      <c r="E1809" s="15">
        <v>45725</v>
      </c>
      <c r="F1809" s="14" t="s">
        <v>28</v>
      </c>
      <c r="G1809" s="16">
        <v>5.0966993853013403</v>
      </c>
    </row>
    <row r="1810" spans="1:7" x14ac:dyDescent="0.3">
      <c r="A1810" s="13" t="s">
        <v>26</v>
      </c>
      <c r="B1810" s="14" t="s">
        <v>1</v>
      </c>
      <c r="C1810" s="14" t="s">
        <v>23</v>
      </c>
      <c r="D1810" s="14" t="s">
        <v>27</v>
      </c>
      <c r="E1810" s="15">
        <v>45726</v>
      </c>
      <c r="F1810" s="14" t="s">
        <v>28</v>
      </c>
      <c r="G1810" s="16">
        <v>5.1320464704573432</v>
      </c>
    </row>
    <row r="1811" spans="1:7" x14ac:dyDescent="0.3">
      <c r="A1811" s="13" t="s">
        <v>26</v>
      </c>
      <c r="B1811" s="14" t="s">
        <v>1</v>
      </c>
      <c r="C1811" s="14" t="s">
        <v>23</v>
      </c>
      <c r="D1811" s="14" t="s">
        <v>27</v>
      </c>
      <c r="E1811" s="15">
        <v>45727</v>
      </c>
      <c r="F1811" s="14" t="s">
        <v>28</v>
      </c>
      <c r="G1811" s="16">
        <v>5.1619713863727537</v>
      </c>
    </row>
    <row r="1812" spans="1:7" x14ac:dyDescent="0.3">
      <c r="A1812" s="13" t="s">
        <v>26</v>
      </c>
      <c r="B1812" s="14" t="s">
        <v>1</v>
      </c>
      <c r="C1812" s="14" t="s">
        <v>23</v>
      </c>
      <c r="D1812" s="14" t="s">
        <v>27</v>
      </c>
      <c r="E1812" s="15">
        <v>45728</v>
      </c>
      <c r="F1812" s="14" t="s">
        <v>28</v>
      </c>
      <c r="G1812" s="16">
        <v>5.1868296058351362</v>
      </c>
    </row>
    <row r="1813" spans="1:7" x14ac:dyDescent="0.3">
      <c r="A1813" s="13" t="s">
        <v>26</v>
      </c>
      <c r="B1813" s="14" t="s">
        <v>1</v>
      </c>
      <c r="C1813" s="14" t="s">
        <v>23</v>
      </c>
      <c r="D1813" s="14" t="s">
        <v>27</v>
      </c>
      <c r="E1813" s="15">
        <v>45729</v>
      </c>
      <c r="F1813" s="14" t="s">
        <v>28</v>
      </c>
      <c r="G1813" s="16">
        <v>5.2113876705075413</v>
      </c>
    </row>
    <row r="1814" spans="1:7" x14ac:dyDescent="0.3">
      <c r="A1814" s="13" t="s">
        <v>26</v>
      </c>
      <c r="B1814" s="14" t="s">
        <v>1</v>
      </c>
      <c r="C1814" s="14" t="s">
        <v>23</v>
      </c>
      <c r="D1814" s="14" t="s">
        <v>27</v>
      </c>
      <c r="E1814" s="15">
        <v>45730</v>
      </c>
      <c r="F1814" s="14" t="s">
        <v>28</v>
      </c>
      <c r="G1814" s="16">
        <v>5.1104335091755289</v>
      </c>
    </row>
    <row r="1815" spans="1:7" x14ac:dyDescent="0.3">
      <c r="A1815" s="13" t="s">
        <v>26</v>
      </c>
      <c r="B1815" s="14" t="s">
        <v>1</v>
      </c>
      <c r="C1815" s="14" t="s">
        <v>23</v>
      </c>
      <c r="D1815" s="14" t="s">
        <v>27</v>
      </c>
      <c r="E1815" s="15">
        <v>45731</v>
      </c>
      <c r="F1815" s="14" t="s">
        <v>28</v>
      </c>
      <c r="G1815" s="16">
        <v>5.1104335091755289</v>
      </c>
    </row>
    <row r="1816" spans="1:7" x14ac:dyDescent="0.3">
      <c r="A1816" s="13" t="s">
        <v>26</v>
      </c>
      <c r="B1816" s="14" t="s">
        <v>1</v>
      </c>
      <c r="C1816" s="14" t="s">
        <v>23</v>
      </c>
      <c r="D1816" s="14" t="s">
        <v>27</v>
      </c>
      <c r="E1816" s="15">
        <v>45732</v>
      </c>
      <c r="F1816" s="14" t="s">
        <v>28</v>
      </c>
      <c r="G1816" s="16">
        <v>5.1104335091755289</v>
      </c>
    </row>
    <row r="1817" spans="1:7" x14ac:dyDescent="0.3">
      <c r="A1817" s="13" t="s">
        <v>26</v>
      </c>
      <c r="B1817" s="14" t="s">
        <v>1</v>
      </c>
      <c r="C1817" s="14" t="s">
        <v>23</v>
      </c>
      <c r="D1817" s="14" t="s">
        <v>27</v>
      </c>
      <c r="E1817" s="15">
        <v>45733</v>
      </c>
      <c r="F1817" s="14" t="s">
        <v>28</v>
      </c>
      <c r="G1817" s="16">
        <v>5.1104335091755289</v>
      </c>
    </row>
    <row r="1818" spans="1:7" x14ac:dyDescent="0.3">
      <c r="A1818" s="13" t="s">
        <v>26</v>
      </c>
      <c r="B1818" s="14" t="s">
        <v>1</v>
      </c>
      <c r="C1818" s="14" t="s">
        <v>23</v>
      </c>
      <c r="D1818" s="14" t="s">
        <v>27</v>
      </c>
      <c r="E1818" s="15">
        <v>45734</v>
      </c>
      <c r="F1818" s="14" t="s">
        <v>28</v>
      </c>
      <c r="G1818" s="16">
        <v>5.1117825579548919</v>
      </c>
    </row>
    <row r="1819" spans="1:7" x14ac:dyDescent="0.3">
      <c r="A1819" s="13" t="s">
        <v>26</v>
      </c>
      <c r="B1819" s="14" t="s">
        <v>1</v>
      </c>
      <c r="C1819" s="14" t="s">
        <v>23</v>
      </c>
      <c r="D1819" s="14" t="s">
        <v>27</v>
      </c>
      <c r="E1819" s="15">
        <v>45735</v>
      </c>
      <c r="F1819" s="14" t="s">
        <v>28</v>
      </c>
      <c r="G1819" s="16">
        <v>5.1622793233802362</v>
      </c>
    </row>
    <row r="1820" spans="1:7" x14ac:dyDescent="0.3">
      <c r="A1820" s="13" t="s">
        <v>26</v>
      </c>
      <c r="B1820" s="14" t="s">
        <v>1</v>
      </c>
      <c r="C1820" s="14" t="s">
        <v>23</v>
      </c>
      <c r="D1820" s="14" t="s">
        <v>27</v>
      </c>
      <c r="E1820" s="15">
        <v>45736</v>
      </c>
      <c r="F1820" s="14" t="s">
        <v>28</v>
      </c>
      <c r="G1820" s="16">
        <v>5.1940099040774417</v>
      </c>
    </row>
    <row r="1821" spans="1:7" x14ac:dyDescent="0.3">
      <c r="A1821" s="13" t="s">
        <v>26</v>
      </c>
      <c r="B1821" s="14" t="s">
        <v>1</v>
      </c>
      <c r="C1821" s="14" t="s">
        <v>23</v>
      </c>
      <c r="D1821" s="14" t="s">
        <v>27</v>
      </c>
      <c r="E1821" s="15">
        <v>45737</v>
      </c>
      <c r="F1821" s="14" t="s">
        <v>28</v>
      </c>
      <c r="G1821" s="16">
        <v>5.2103193709565492</v>
      </c>
    </row>
    <row r="1822" spans="1:7" x14ac:dyDescent="0.3">
      <c r="A1822" s="13" t="s">
        <v>26</v>
      </c>
      <c r="B1822" s="14" t="s">
        <v>1</v>
      </c>
      <c r="C1822" s="14" t="s">
        <v>23</v>
      </c>
      <c r="D1822" s="14" t="s">
        <v>27</v>
      </c>
      <c r="E1822" s="15">
        <v>45738</v>
      </c>
      <c r="F1822" s="14" t="s">
        <v>28</v>
      </c>
      <c r="G1822" s="16">
        <v>5.2103193709565492</v>
      </c>
    </row>
    <row r="1823" spans="1:7" x14ac:dyDescent="0.3">
      <c r="A1823" s="13" t="s">
        <v>26</v>
      </c>
      <c r="B1823" s="14" t="s">
        <v>1</v>
      </c>
      <c r="C1823" s="14" t="s">
        <v>23</v>
      </c>
      <c r="D1823" s="14" t="s">
        <v>27</v>
      </c>
      <c r="E1823" s="15">
        <v>45739</v>
      </c>
      <c r="F1823" s="14" t="s">
        <v>28</v>
      </c>
      <c r="G1823" s="16">
        <v>5.2103193709565492</v>
      </c>
    </row>
    <row r="1824" spans="1:7" x14ac:dyDescent="0.3">
      <c r="A1824" s="13" t="s">
        <v>26</v>
      </c>
      <c r="B1824" s="14" t="s">
        <v>1</v>
      </c>
      <c r="C1824" s="14" t="s">
        <v>23</v>
      </c>
      <c r="D1824" s="14" t="s">
        <v>27</v>
      </c>
      <c r="E1824" s="15">
        <v>45740</v>
      </c>
      <c r="F1824" s="14" t="s">
        <v>28</v>
      </c>
      <c r="G1824" s="16">
        <v>5.2359486686134957</v>
      </c>
    </row>
    <row r="1825" spans="1:7" x14ac:dyDescent="0.3">
      <c r="A1825" s="13" t="s">
        <v>26</v>
      </c>
      <c r="B1825" s="14" t="s">
        <v>1</v>
      </c>
      <c r="C1825" s="14" t="s">
        <v>23</v>
      </c>
      <c r="D1825" s="14" t="s">
        <v>27</v>
      </c>
      <c r="E1825" s="15">
        <v>45741</v>
      </c>
      <c r="F1825" s="14" t="s">
        <v>28</v>
      </c>
      <c r="G1825" s="16">
        <v>5.2676941911599888</v>
      </c>
    </row>
    <row r="1826" spans="1:7" x14ac:dyDescent="0.3">
      <c r="A1826" s="13" t="s">
        <v>26</v>
      </c>
      <c r="B1826" s="14" t="s">
        <v>1</v>
      </c>
      <c r="C1826" s="14" t="s">
        <v>23</v>
      </c>
      <c r="D1826" s="14" t="s">
        <v>27</v>
      </c>
      <c r="E1826" s="15">
        <v>45742</v>
      </c>
      <c r="F1826" s="14" t="s">
        <v>28</v>
      </c>
      <c r="G1826" s="16">
        <v>5.3004881274847113</v>
      </c>
    </row>
    <row r="1827" spans="1:7" x14ac:dyDescent="0.3">
      <c r="A1827" s="13" t="s">
        <v>26</v>
      </c>
      <c r="B1827" s="14" t="s">
        <v>1</v>
      </c>
      <c r="C1827" s="14" t="s">
        <v>23</v>
      </c>
      <c r="D1827" s="14" t="s">
        <v>27</v>
      </c>
      <c r="E1827" s="15">
        <v>45743</v>
      </c>
      <c r="F1827" s="14" t="s">
        <v>28</v>
      </c>
      <c r="G1827" s="16">
        <v>5.3134097325794416</v>
      </c>
    </row>
    <row r="1828" spans="1:7" x14ac:dyDescent="0.3">
      <c r="A1828" s="13" t="s">
        <v>26</v>
      </c>
      <c r="B1828" s="14" t="s">
        <v>1</v>
      </c>
      <c r="C1828" s="14" t="s">
        <v>23</v>
      </c>
      <c r="D1828" s="14" t="s">
        <v>27</v>
      </c>
      <c r="E1828" s="15">
        <v>45744</v>
      </c>
      <c r="F1828" s="14" t="s">
        <v>28</v>
      </c>
      <c r="G1828" s="16">
        <v>5.3403587310490037</v>
      </c>
    </row>
    <row r="1829" spans="1:7" x14ac:dyDescent="0.3">
      <c r="A1829" s="13" t="s">
        <v>26</v>
      </c>
      <c r="B1829" s="14" t="s">
        <v>1</v>
      </c>
      <c r="C1829" s="14" t="s">
        <v>23</v>
      </c>
      <c r="D1829" s="14" t="s">
        <v>27</v>
      </c>
      <c r="E1829" s="15">
        <v>45745</v>
      </c>
      <c r="F1829" s="14" t="s">
        <v>28</v>
      </c>
      <c r="G1829" s="16">
        <v>5.3403587310490037</v>
      </c>
    </row>
    <row r="1830" spans="1:7" x14ac:dyDescent="0.3">
      <c r="A1830" s="13" t="s">
        <v>26</v>
      </c>
      <c r="B1830" s="14" t="s">
        <v>1</v>
      </c>
      <c r="C1830" s="14" t="s">
        <v>23</v>
      </c>
      <c r="D1830" s="14" t="s">
        <v>27</v>
      </c>
      <c r="E1830" s="15">
        <v>45746</v>
      </c>
      <c r="F1830" s="14" t="s">
        <v>28</v>
      </c>
      <c r="G1830" s="16">
        <v>5.3403587310490037</v>
      </c>
    </row>
    <row r="1831" spans="1:7" x14ac:dyDescent="0.3">
      <c r="A1831" s="13" t="s">
        <v>26</v>
      </c>
      <c r="B1831" s="14" t="s">
        <v>1</v>
      </c>
      <c r="C1831" s="14" t="s">
        <v>23</v>
      </c>
      <c r="D1831" s="14" t="s">
        <v>27</v>
      </c>
      <c r="E1831" s="15">
        <v>45747</v>
      </c>
      <c r="F1831" s="14" t="s">
        <v>28</v>
      </c>
      <c r="G1831" s="16">
        <v>5.3536970372244888</v>
      </c>
    </row>
    <row r="1832" spans="1:7" x14ac:dyDescent="0.3">
      <c r="A1832" s="13" t="s">
        <v>29</v>
      </c>
      <c r="B1832" s="14" t="s">
        <v>1</v>
      </c>
      <c r="C1832" s="14" t="s">
        <v>20</v>
      </c>
      <c r="D1832" s="14" t="s">
        <v>14</v>
      </c>
      <c r="E1832" s="15">
        <v>45383</v>
      </c>
      <c r="F1832" s="14" t="s">
        <v>15</v>
      </c>
      <c r="G1832" s="16">
        <v>0</v>
      </c>
    </row>
    <row r="1833" spans="1:7" x14ac:dyDescent="0.3">
      <c r="A1833" s="13" t="s">
        <v>29</v>
      </c>
      <c r="B1833" s="14" t="s">
        <v>1</v>
      </c>
      <c r="C1833" s="14" t="s">
        <v>20</v>
      </c>
      <c r="D1833" s="14" t="s">
        <v>14</v>
      </c>
      <c r="E1833" s="15">
        <v>45384</v>
      </c>
      <c r="F1833" s="14" t="s">
        <v>15</v>
      </c>
      <c r="G1833" s="16">
        <v>0</v>
      </c>
    </row>
    <row r="1834" spans="1:7" x14ac:dyDescent="0.3">
      <c r="A1834" s="13" t="s">
        <v>29</v>
      </c>
      <c r="B1834" s="14" t="s">
        <v>1</v>
      </c>
      <c r="C1834" s="14" t="s">
        <v>20</v>
      </c>
      <c r="D1834" s="14" t="s">
        <v>14</v>
      </c>
      <c r="E1834" s="15">
        <v>45385</v>
      </c>
      <c r="F1834" s="14" t="s">
        <v>15</v>
      </c>
      <c r="G1834" s="16">
        <v>2.4161278259983064E-2</v>
      </c>
    </row>
    <row r="1835" spans="1:7" x14ac:dyDescent="0.3">
      <c r="A1835" s="13" t="s">
        <v>29</v>
      </c>
      <c r="B1835" s="14" t="s">
        <v>1</v>
      </c>
      <c r="C1835" s="14" t="s">
        <v>20</v>
      </c>
      <c r="D1835" s="14" t="s">
        <v>14</v>
      </c>
      <c r="E1835" s="15">
        <v>45386</v>
      </c>
      <c r="F1835" s="14" t="s">
        <v>15</v>
      </c>
      <c r="G1835" s="16">
        <v>4.0929483484391287E-2</v>
      </c>
    </row>
    <row r="1836" spans="1:7" x14ac:dyDescent="0.3">
      <c r="A1836" s="13" t="s">
        <v>29</v>
      </c>
      <c r="B1836" s="14" t="s">
        <v>1</v>
      </c>
      <c r="C1836" s="14" t="s">
        <v>20</v>
      </c>
      <c r="D1836" s="14" t="s">
        <v>14</v>
      </c>
      <c r="E1836" s="15">
        <v>45387</v>
      </c>
      <c r="F1836" s="14" t="s">
        <v>15</v>
      </c>
      <c r="G1836" s="16">
        <v>4.9695534532851374E-2</v>
      </c>
    </row>
    <row r="1837" spans="1:7" x14ac:dyDescent="0.3">
      <c r="A1837" s="13" t="s">
        <v>29</v>
      </c>
      <c r="B1837" s="14" t="s">
        <v>1</v>
      </c>
      <c r="C1837" s="14" t="s">
        <v>20</v>
      </c>
      <c r="D1837" s="14" t="s">
        <v>14</v>
      </c>
      <c r="E1837" s="15">
        <v>45388</v>
      </c>
      <c r="F1837" s="14" t="s">
        <v>15</v>
      </c>
      <c r="G1837" s="16">
        <v>4.9695534532851374E-2</v>
      </c>
    </row>
    <row r="1838" spans="1:7" x14ac:dyDescent="0.3">
      <c r="A1838" s="13" t="s">
        <v>29</v>
      </c>
      <c r="B1838" s="14" t="s">
        <v>1</v>
      </c>
      <c r="C1838" s="14" t="s">
        <v>20</v>
      </c>
      <c r="D1838" s="14" t="s">
        <v>14</v>
      </c>
      <c r="E1838" s="15">
        <v>45389</v>
      </c>
      <c r="F1838" s="14" t="s">
        <v>15</v>
      </c>
      <c r="G1838" s="16">
        <v>4.9695534532851374E-2</v>
      </c>
    </row>
    <row r="1839" spans="1:7" x14ac:dyDescent="0.3">
      <c r="A1839" s="13" t="s">
        <v>29</v>
      </c>
      <c r="B1839" s="14" t="s">
        <v>1</v>
      </c>
      <c r="C1839" s="14" t="s">
        <v>20</v>
      </c>
      <c r="D1839" s="14" t="s">
        <v>14</v>
      </c>
      <c r="E1839" s="15">
        <v>45390</v>
      </c>
      <c r="F1839" s="14" t="s">
        <v>15</v>
      </c>
      <c r="G1839" s="16">
        <v>6.8586735272207364E-2</v>
      </c>
    </row>
    <row r="1840" spans="1:7" x14ac:dyDescent="0.3">
      <c r="A1840" s="13" t="s">
        <v>29</v>
      </c>
      <c r="B1840" s="14" t="s">
        <v>1</v>
      </c>
      <c r="C1840" s="14" t="s">
        <v>20</v>
      </c>
      <c r="D1840" s="14" t="s">
        <v>14</v>
      </c>
      <c r="E1840" s="15">
        <v>45391</v>
      </c>
      <c r="F1840" s="14" t="s">
        <v>15</v>
      </c>
      <c r="G1840" s="16">
        <v>8.94444318132223E-2</v>
      </c>
    </row>
    <row r="1841" spans="1:7" x14ac:dyDescent="0.3">
      <c r="A1841" s="13" t="s">
        <v>29</v>
      </c>
      <c r="B1841" s="14" t="s">
        <v>1</v>
      </c>
      <c r="C1841" s="14" t="s">
        <v>20</v>
      </c>
      <c r="D1841" s="14" t="s">
        <v>14</v>
      </c>
      <c r="E1841" s="15">
        <v>45392</v>
      </c>
      <c r="F1841" s="14" t="s">
        <v>15</v>
      </c>
      <c r="G1841" s="16">
        <v>9.5604054625616719E-2</v>
      </c>
    </row>
    <row r="1842" spans="1:7" x14ac:dyDescent="0.3">
      <c r="A1842" s="13" t="s">
        <v>29</v>
      </c>
      <c r="B1842" s="14" t="s">
        <v>1</v>
      </c>
      <c r="C1842" s="14" t="s">
        <v>20</v>
      </c>
      <c r="D1842" s="14" t="s">
        <v>14</v>
      </c>
      <c r="E1842" s="15">
        <v>45393</v>
      </c>
      <c r="F1842" s="14" t="s">
        <v>15</v>
      </c>
      <c r="G1842" s="16">
        <v>0.10121162191799604</v>
      </c>
    </row>
    <row r="1843" spans="1:7" x14ac:dyDescent="0.3">
      <c r="A1843" s="13" t="s">
        <v>29</v>
      </c>
      <c r="B1843" s="14" t="s">
        <v>1</v>
      </c>
      <c r="C1843" s="14" t="s">
        <v>20</v>
      </c>
      <c r="D1843" s="14" t="s">
        <v>14</v>
      </c>
      <c r="E1843" s="15">
        <v>45394</v>
      </c>
      <c r="F1843" s="14" t="s">
        <v>15</v>
      </c>
      <c r="G1843" s="16">
        <v>0.10668881126698083</v>
      </c>
    </row>
    <row r="1844" spans="1:7" x14ac:dyDescent="0.3">
      <c r="A1844" s="13" t="s">
        <v>29</v>
      </c>
      <c r="B1844" s="14" t="s">
        <v>1</v>
      </c>
      <c r="C1844" s="14" t="s">
        <v>20</v>
      </c>
      <c r="D1844" s="14" t="s">
        <v>14</v>
      </c>
      <c r="E1844" s="15">
        <v>45395</v>
      </c>
      <c r="F1844" s="14" t="s">
        <v>15</v>
      </c>
      <c r="G1844" s="16">
        <v>0.10668881126698083</v>
      </c>
    </row>
    <row r="1845" spans="1:7" x14ac:dyDescent="0.3">
      <c r="A1845" s="13" t="s">
        <v>29</v>
      </c>
      <c r="B1845" s="14" t="s">
        <v>1</v>
      </c>
      <c r="C1845" s="14" t="s">
        <v>20</v>
      </c>
      <c r="D1845" s="14" t="s">
        <v>14</v>
      </c>
      <c r="E1845" s="15">
        <v>45396</v>
      </c>
      <c r="F1845" s="14" t="s">
        <v>15</v>
      </c>
      <c r="G1845" s="16">
        <v>0.10668881126698083</v>
      </c>
    </row>
    <row r="1846" spans="1:7" x14ac:dyDescent="0.3">
      <c r="A1846" s="13" t="s">
        <v>29</v>
      </c>
      <c r="B1846" s="14" t="s">
        <v>1</v>
      </c>
      <c r="C1846" s="14" t="s">
        <v>20</v>
      </c>
      <c r="D1846" s="14" t="s">
        <v>14</v>
      </c>
      <c r="E1846" s="15">
        <v>45397</v>
      </c>
      <c r="F1846" s="14" t="s">
        <v>15</v>
      </c>
      <c r="G1846" s="16">
        <v>0.11317599072259157</v>
      </c>
    </row>
    <row r="1847" spans="1:7" x14ac:dyDescent="0.3">
      <c r="A1847" s="13" t="s">
        <v>29</v>
      </c>
      <c r="B1847" s="14" t="s">
        <v>1</v>
      </c>
      <c r="C1847" s="14" t="s">
        <v>20</v>
      </c>
      <c r="D1847" s="14" t="s">
        <v>14</v>
      </c>
      <c r="E1847" s="15">
        <v>45398</v>
      </c>
      <c r="F1847" s="14" t="s">
        <v>15</v>
      </c>
      <c r="G1847" s="16">
        <v>0.12994530901355333</v>
      </c>
    </row>
    <row r="1848" spans="1:7" x14ac:dyDescent="0.3">
      <c r="A1848" s="13" t="s">
        <v>29</v>
      </c>
      <c r="B1848" s="14" t="s">
        <v>1</v>
      </c>
      <c r="C1848" s="14" t="s">
        <v>20</v>
      </c>
      <c r="D1848" s="14" t="s">
        <v>14</v>
      </c>
      <c r="E1848" s="15">
        <v>45399</v>
      </c>
      <c r="F1848" s="14" t="s">
        <v>15</v>
      </c>
      <c r="G1848" s="16">
        <v>0.13552999027900159</v>
      </c>
    </row>
    <row r="1849" spans="1:7" x14ac:dyDescent="0.3">
      <c r="A1849" s="13" t="s">
        <v>29</v>
      </c>
      <c r="B1849" s="14" t="s">
        <v>1</v>
      </c>
      <c r="C1849" s="14" t="s">
        <v>20</v>
      </c>
      <c r="D1849" s="14" t="s">
        <v>14</v>
      </c>
      <c r="E1849" s="15">
        <v>45400</v>
      </c>
      <c r="F1849" s="14" t="s">
        <v>15</v>
      </c>
      <c r="G1849" s="16">
        <v>0.13910476081352643</v>
      </c>
    </row>
    <row r="1850" spans="1:7" x14ac:dyDescent="0.3">
      <c r="A1850" s="13" t="s">
        <v>29</v>
      </c>
      <c r="B1850" s="14" t="s">
        <v>1</v>
      </c>
      <c r="C1850" s="14" t="s">
        <v>20</v>
      </c>
      <c r="D1850" s="14" t="s">
        <v>14</v>
      </c>
      <c r="E1850" s="15">
        <v>45401</v>
      </c>
      <c r="F1850" s="14" t="s">
        <v>15</v>
      </c>
      <c r="G1850" s="16">
        <v>0.14676364729666155</v>
      </c>
    </row>
    <row r="1851" spans="1:7" x14ac:dyDescent="0.3">
      <c r="A1851" s="13" t="s">
        <v>29</v>
      </c>
      <c r="B1851" s="14" t="s">
        <v>1</v>
      </c>
      <c r="C1851" s="14" t="s">
        <v>20</v>
      </c>
      <c r="D1851" s="14" t="s">
        <v>14</v>
      </c>
      <c r="E1851" s="15">
        <v>45402</v>
      </c>
      <c r="F1851" s="14" t="s">
        <v>15</v>
      </c>
      <c r="G1851" s="16">
        <v>0.14676364729666155</v>
      </c>
    </row>
    <row r="1852" spans="1:7" x14ac:dyDescent="0.3">
      <c r="A1852" s="13" t="s">
        <v>29</v>
      </c>
      <c r="B1852" s="14" t="s">
        <v>1</v>
      </c>
      <c r="C1852" s="14" t="s">
        <v>20</v>
      </c>
      <c r="D1852" s="14" t="s">
        <v>14</v>
      </c>
      <c r="E1852" s="15">
        <v>45403</v>
      </c>
      <c r="F1852" s="14" t="s">
        <v>15</v>
      </c>
      <c r="G1852" s="16">
        <v>0.14676364729666155</v>
      </c>
    </row>
    <row r="1853" spans="1:7" x14ac:dyDescent="0.3">
      <c r="A1853" s="13" t="s">
        <v>29</v>
      </c>
      <c r="B1853" s="14" t="s">
        <v>1</v>
      </c>
      <c r="C1853" s="14" t="s">
        <v>20</v>
      </c>
      <c r="D1853" s="14" t="s">
        <v>14</v>
      </c>
      <c r="E1853" s="15">
        <v>45404</v>
      </c>
      <c r="F1853" s="14" t="s">
        <v>15</v>
      </c>
      <c r="G1853" s="16">
        <v>0.15278950584833895</v>
      </c>
    </row>
    <row r="1854" spans="1:7" x14ac:dyDescent="0.3">
      <c r="A1854" s="13" t="s">
        <v>29</v>
      </c>
      <c r="B1854" s="14" t="s">
        <v>1</v>
      </c>
      <c r="C1854" s="14" t="s">
        <v>20</v>
      </c>
      <c r="D1854" s="14" t="s">
        <v>14</v>
      </c>
      <c r="E1854" s="15">
        <v>45405</v>
      </c>
      <c r="F1854" s="14" t="s">
        <v>15</v>
      </c>
      <c r="G1854" s="16">
        <v>0.18137437223462988</v>
      </c>
    </row>
    <row r="1855" spans="1:7" x14ac:dyDescent="0.3">
      <c r="A1855" s="13" t="s">
        <v>29</v>
      </c>
      <c r="B1855" s="14" t="s">
        <v>1</v>
      </c>
      <c r="C1855" s="14" t="s">
        <v>20</v>
      </c>
      <c r="D1855" s="14" t="s">
        <v>14</v>
      </c>
      <c r="E1855" s="15">
        <v>45406</v>
      </c>
      <c r="F1855" s="14" t="s">
        <v>15</v>
      </c>
      <c r="G1855" s="16">
        <v>0.18925199226151107</v>
      </c>
    </row>
    <row r="1856" spans="1:7" x14ac:dyDescent="0.3">
      <c r="A1856" s="13" t="s">
        <v>29</v>
      </c>
      <c r="B1856" s="14" t="s">
        <v>1</v>
      </c>
      <c r="C1856" s="14" t="s">
        <v>20</v>
      </c>
      <c r="D1856" s="14" t="s">
        <v>14</v>
      </c>
      <c r="E1856" s="15">
        <v>45407</v>
      </c>
      <c r="F1856" s="14" t="s">
        <v>15</v>
      </c>
      <c r="G1856" s="16">
        <v>0.19539889720929443</v>
      </c>
    </row>
    <row r="1857" spans="1:7" x14ac:dyDescent="0.3">
      <c r="A1857" s="13" t="s">
        <v>29</v>
      </c>
      <c r="B1857" s="14" t="s">
        <v>1</v>
      </c>
      <c r="C1857" s="14" t="s">
        <v>20</v>
      </c>
      <c r="D1857" s="14" t="s">
        <v>14</v>
      </c>
      <c r="E1857" s="15">
        <v>45408</v>
      </c>
      <c r="F1857" s="14" t="s">
        <v>15</v>
      </c>
      <c r="G1857" s="16">
        <v>0.20198610635303652</v>
      </c>
    </row>
    <row r="1858" spans="1:7" x14ac:dyDescent="0.3">
      <c r="A1858" s="13" t="s">
        <v>29</v>
      </c>
      <c r="B1858" s="14" t="s">
        <v>1</v>
      </c>
      <c r="C1858" s="14" t="s">
        <v>20</v>
      </c>
      <c r="D1858" s="14" t="s">
        <v>14</v>
      </c>
      <c r="E1858" s="15">
        <v>45409</v>
      </c>
      <c r="F1858" s="14" t="s">
        <v>15</v>
      </c>
      <c r="G1858" s="16">
        <v>0.20198610635303652</v>
      </c>
    </row>
    <row r="1859" spans="1:7" x14ac:dyDescent="0.3">
      <c r="A1859" s="13" t="s">
        <v>29</v>
      </c>
      <c r="B1859" s="14" t="s">
        <v>1</v>
      </c>
      <c r="C1859" s="14" t="s">
        <v>20</v>
      </c>
      <c r="D1859" s="14" t="s">
        <v>14</v>
      </c>
      <c r="E1859" s="15">
        <v>45410</v>
      </c>
      <c r="F1859" s="14" t="s">
        <v>15</v>
      </c>
      <c r="G1859" s="16">
        <v>0.20198610635303652</v>
      </c>
    </row>
    <row r="1860" spans="1:7" x14ac:dyDescent="0.3">
      <c r="A1860" s="13" t="s">
        <v>29</v>
      </c>
      <c r="B1860" s="14" t="s">
        <v>1</v>
      </c>
      <c r="C1860" s="14" t="s">
        <v>20</v>
      </c>
      <c r="D1860" s="14" t="s">
        <v>14</v>
      </c>
      <c r="E1860" s="15">
        <v>45411</v>
      </c>
      <c r="F1860" s="14" t="s">
        <v>15</v>
      </c>
      <c r="G1860" s="16">
        <v>0.20803957341432966</v>
      </c>
    </row>
    <row r="1861" spans="1:7" x14ac:dyDescent="0.3">
      <c r="A1861" s="13" t="s">
        <v>29</v>
      </c>
      <c r="B1861" s="14" t="s">
        <v>1</v>
      </c>
      <c r="C1861" s="14" t="s">
        <v>20</v>
      </c>
      <c r="D1861" s="14" t="s">
        <v>14</v>
      </c>
      <c r="E1861" s="15">
        <v>45412</v>
      </c>
      <c r="F1861" s="14" t="s">
        <v>15</v>
      </c>
      <c r="G1861" s="16">
        <v>0.22801668607296613</v>
      </c>
    </row>
    <row r="1862" spans="1:7" x14ac:dyDescent="0.3">
      <c r="A1862" s="13" t="s">
        <v>29</v>
      </c>
      <c r="B1862" s="14" t="s">
        <v>1</v>
      </c>
      <c r="C1862" s="14" t="s">
        <v>20</v>
      </c>
      <c r="D1862" s="14" t="s">
        <v>14</v>
      </c>
      <c r="E1862" s="15">
        <v>45413</v>
      </c>
      <c r="F1862" s="14" t="s">
        <v>15</v>
      </c>
      <c r="G1862" s="16">
        <v>0.22801668607296613</v>
      </c>
    </row>
    <row r="1863" spans="1:7" x14ac:dyDescent="0.3">
      <c r="A1863" s="13" t="s">
        <v>29</v>
      </c>
      <c r="B1863" s="14" t="s">
        <v>1</v>
      </c>
      <c r="C1863" s="14" t="s">
        <v>20</v>
      </c>
      <c r="D1863" s="14" t="s">
        <v>14</v>
      </c>
      <c r="E1863" s="15">
        <v>45414</v>
      </c>
      <c r="F1863" s="14" t="s">
        <v>15</v>
      </c>
      <c r="G1863" s="16">
        <v>0.23512746465050169</v>
      </c>
    </row>
    <row r="1864" spans="1:7" x14ac:dyDescent="0.3">
      <c r="A1864" s="13" t="s">
        <v>29</v>
      </c>
      <c r="B1864" s="14" t="s">
        <v>1</v>
      </c>
      <c r="C1864" s="14" t="s">
        <v>20</v>
      </c>
      <c r="D1864" s="14" t="s">
        <v>14</v>
      </c>
      <c r="E1864" s="15">
        <v>45415</v>
      </c>
      <c r="F1864" s="14" t="s">
        <v>15</v>
      </c>
      <c r="G1864" s="16">
        <v>0.2642994638515645</v>
      </c>
    </row>
    <row r="1865" spans="1:7" x14ac:dyDescent="0.3">
      <c r="A1865" s="13" t="s">
        <v>29</v>
      </c>
      <c r="B1865" s="14" t="s">
        <v>1</v>
      </c>
      <c r="C1865" s="14" t="s">
        <v>20</v>
      </c>
      <c r="D1865" s="14" t="s">
        <v>14</v>
      </c>
      <c r="E1865" s="15">
        <v>45416</v>
      </c>
      <c r="F1865" s="14" t="s">
        <v>15</v>
      </c>
      <c r="G1865" s="16">
        <v>0.2642994638515645</v>
      </c>
    </row>
    <row r="1866" spans="1:7" x14ac:dyDescent="0.3">
      <c r="A1866" s="13" t="s">
        <v>29</v>
      </c>
      <c r="B1866" s="14" t="s">
        <v>1</v>
      </c>
      <c r="C1866" s="14" t="s">
        <v>20</v>
      </c>
      <c r="D1866" s="14" t="s">
        <v>14</v>
      </c>
      <c r="E1866" s="15">
        <v>45417</v>
      </c>
      <c r="F1866" s="14" t="s">
        <v>15</v>
      </c>
      <c r="G1866" s="16">
        <v>0.2642994638515645</v>
      </c>
    </row>
    <row r="1867" spans="1:7" x14ac:dyDescent="0.3">
      <c r="A1867" s="13" t="s">
        <v>29</v>
      </c>
      <c r="B1867" s="14" t="s">
        <v>1</v>
      </c>
      <c r="C1867" s="14" t="s">
        <v>20</v>
      </c>
      <c r="D1867" s="14" t="s">
        <v>14</v>
      </c>
      <c r="E1867" s="15">
        <v>45418</v>
      </c>
      <c r="F1867" s="14" t="s">
        <v>15</v>
      </c>
      <c r="G1867" s="16">
        <v>0.2642994638515645</v>
      </c>
    </row>
    <row r="1868" spans="1:7" x14ac:dyDescent="0.3">
      <c r="A1868" s="13" t="s">
        <v>29</v>
      </c>
      <c r="B1868" s="14" t="s">
        <v>1</v>
      </c>
      <c r="C1868" s="14" t="s">
        <v>20</v>
      </c>
      <c r="D1868" s="14" t="s">
        <v>14</v>
      </c>
      <c r="E1868" s="15">
        <v>45419</v>
      </c>
      <c r="F1868" s="14" t="s">
        <v>15</v>
      </c>
      <c r="G1868" s="16">
        <v>0.27047619659850997</v>
      </c>
    </row>
    <row r="1869" spans="1:7" x14ac:dyDescent="0.3">
      <c r="A1869" s="13" t="s">
        <v>29</v>
      </c>
      <c r="B1869" s="14" t="s">
        <v>1</v>
      </c>
      <c r="C1869" s="14" t="s">
        <v>20</v>
      </c>
      <c r="D1869" s="14" t="s">
        <v>14</v>
      </c>
      <c r="E1869" s="15">
        <v>45420</v>
      </c>
      <c r="F1869" s="14" t="s">
        <v>15</v>
      </c>
      <c r="G1869" s="16">
        <v>0.29481695012197834</v>
      </c>
    </row>
    <row r="1870" spans="1:7" x14ac:dyDescent="0.3">
      <c r="A1870" s="13" t="s">
        <v>29</v>
      </c>
      <c r="B1870" s="14" t="s">
        <v>1</v>
      </c>
      <c r="C1870" s="14" t="s">
        <v>20</v>
      </c>
      <c r="D1870" s="14" t="s">
        <v>14</v>
      </c>
      <c r="E1870" s="15">
        <v>45421</v>
      </c>
      <c r="F1870" s="14" t="s">
        <v>15</v>
      </c>
      <c r="G1870" s="16">
        <v>0.29481695012197834</v>
      </c>
    </row>
    <row r="1871" spans="1:7" x14ac:dyDescent="0.3">
      <c r="A1871" s="13" t="s">
        <v>29</v>
      </c>
      <c r="B1871" s="14" t="s">
        <v>1</v>
      </c>
      <c r="C1871" s="14" t="s">
        <v>20</v>
      </c>
      <c r="D1871" s="14" t="s">
        <v>14</v>
      </c>
      <c r="E1871" s="15">
        <v>45422</v>
      </c>
      <c r="F1871" s="14" t="s">
        <v>15</v>
      </c>
      <c r="G1871" s="16">
        <v>0.30082424691409632</v>
      </c>
    </row>
    <row r="1872" spans="1:7" x14ac:dyDescent="0.3">
      <c r="A1872" s="13" t="s">
        <v>29</v>
      </c>
      <c r="B1872" s="14" t="s">
        <v>1</v>
      </c>
      <c r="C1872" s="14" t="s">
        <v>20</v>
      </c>
      <c r="D1872" s="14" t="s">
        <v>14</v>
      </c>
      <c r="E1872" s="15">
        <v>45423</v>
      </c>
      <c r="F1872" s="14" t="s">
        <v>15</v>
      </c>
      <c r="G1872" s="16">
        <v>0.30082424691409632</v>
      </c>
    </row>
    <row r="1873" spans="1:7" x14ac:dyDescent="0.3">
      <c r="A1873" s="13" t="s">
        <v>29</v>
      </c>
      <c r="B1873" s="14" t="s">
        <v>1</v>
      </c>
      <c r="C1873" s="14" t="s">
        <v>20</v>
      </c>
      <c r="D1873" s="14" t="s">
        <v>14</v>
      </c>
      <c r="E1873" s="15">
        <v>45424</v>
      </c>
      <c r="F1873" s="14" t="s">
        <v>15</v>
      </c>
      <c r="G1873" s="16">
        <v>0.30082424691409632</v>
      </c>
    </row>
    <row r="1874" spans="1:7" x14ac:dyDescent="0.3">
      <c r="A1874" s="13" t="s">
        <v>29</v>
      </c>
      <c r="B1874" s="14" t="s">
        <v>1</v>
      </c>
      <c r="C1874" s="14" t="s">
        <v>20</v>
      </c>
      <c r="D1874" s="14" t="s">
        <v>14</v>
      </c>
      <c r="E1874" s="15">
        <v>45425</v>
      </c>
      <c r="F1874" s="14" t="s">
        <v>15</v>
      </c>
      <c r="G1874" s="16">
        <v>0.31419615226833053</v>
      </c>
    </row>
    <row r="1875" spans="1:7" x14ac:dyDescent="0.3">
      <c r="A1875" s="13" t="s">
        <v>29</v>
      </c>
      <c r="B1875" s="14" t="s">
        <v>1</v>
      </c>
      <c r="C1875" s="14" t="s">
        <v>20</v>
      </c>
      <c r="D1875" s="14" t="s">
        <v>14</v>
      </c>
      <c r="E1875" s="15">
        <v>45426</v>
      </c>
      <c r="F1875" s="14" t="s">
        <v>15</v>
      </c>
      <c r="G1875" s="16">
        <v>0.34525236895560202</v>
      </c>
    </row>
    <row r="1876" spans="1:7" x14ac:dyDescent="0.3">
      <c r="A1876" s="13" t="s">
        <v>29</v>
      </c>
      <c r="B1876" s="14" t="s">
        <v>1</v>
      </c>
      <c r="C1876" s="14" t="s">
        <v>20</v>
      </c>
      <c r="D1876" s="14" t="s">
        <v>14</v>
      </c>
      <c r="E1876" s="15">
        <v>45427</v>
      </c>
      <c r="F1876" s="14" t="s">
        <v>15</v>
      </c>
      <c r="G1876" s="16">
        <v>0.35125284689692859</v>
      </c>
    </row>
    <row r="1877" spans="1:7" x14ac:dyDescent="0.3">
      <c r="A1877" s="13" t="s">
        <v>29</v>
      </c>
      <c r="B1877" s="14" t="s">
        <v>1</v>
      </c>
      <c r="C1877" s="14" t="s">
        <v>20</v>
      </c>
      <c r="D1877" s="14" t="s">
        <v>14</v>
      </c>
      <c r="E1877" s="15">
        <v>45428</v>
      </c>
      <c r="F1877" s="14" t="s">
        <v>15</v>
      </c>
      <c r="G1877" s="16">
        <v>0.35736614216902524</v>
      </c>
    </row>
    <row r="1878" spans="1:7" x14ac:dyDescent="0.3">
      <c r="A1878" s="13" t="s">
        <v>29</v>
      </c>
      <c r="B1878" s="14" t="s">
        <v>1</v>
      </c>
      <c r="C1878" s="14" t="s">
        <v>20</v>
      </c>
      <c r="D1878" s="14" t="s">
        <v>14</v>
      </c>
      <c r="E1878" s="15">
        <v>45429</v>
      </c>
      <c r="F1878" s="14" t="s">
        <v>15</v>
      </c>
      <c r="G1878" s="16">
        <v>0.44957954666513833</v>
      </c>
    </row>
    <row r="1879" spans="1:7" x14ac:dyDescent="0.3">
      <c r="A1879" s="13" t="s">
        <v>29</v>
      </c>
      <c r="B1879" s="14" t="s">
        <v>1</v>
      </c>
      <c r="C1879" s="14" t="s">
        <v>20</v>
      </c>
      <c r="D1879" s="14" t="s">
        <v>14</v>
      </c>
      <c r="E1879" s="15">
        <v>45430</v>
      </c>
      <c r="F1879" s="14" t="s">
        <v>15</v>
      </c>
      <c r="G1879" s="16">
        <v>0.44957954666513833</v>
      </c>
    </row>
    <row r="1880" spans="1:7" x14ac:dyDescent="0.3">
      <c r="A1880" s="13" t="s">
        <v>29</v>
      </c>
      <c r="B1880" s="14" t="s">
        <v>1</v>
      </c>
      <c r="C1880" s="14" t="s">
        <v>20</v>
      </c>
      <c r="D1880" s="14" t="s">
        <v>14</v>
      </c>
      <c r="E1880" s="15">
        <v>45431</v>
      </c>
      <c r="F1880" s="14" t="s">
        <v>15</v>
      </c>
      <c r="G1880" s="16">
        <v>0.44957954666513833</v>
      </c>
    </row>
    <row r="1881" spans="1:7" x14ac:dyDescent="0.3">
      <c r="A1881" s="13" t="s">
        <v>29</v>
      </c>
      <c r="B1881" s="14" t="s">
        <v>1</v>
      </c>
      <c r="C1881" s="14" t="s">
        <v>20</v>
      </c>
      <c r="D1881" s="14" t="s">
        <v>14</v>
      </c>
      <c r="E1881" s="15">
        <v>45432</v>
      </c>
      <c r="F1881" s="14" t="s">
        <v>15</v>
      </c>
      <c r="G1881" s="16">
        <v>0.44957954666513833</v>
      </c>
    </row>
    <row r="1882" spans="1:7" x14ac:dyDescent="0.3">
      <c r="A1882" s="13" t="s">
        <v>29</v>
      </c>
      <c r="B1882" s="14" t="s">
        <v>1</v>
      </c>
      <c r="C1882" s="14" t="s">
        <v>20</v>
      </c>
      <c r="D1882" s="14" t="s">
        <v>14</v>
      </c>
      <c r="E1882" s="15">
        <v>45433</v>
      </c>
      <c r="F1882" s="14" t="s">
        <v>15</v>
      </c>
      <c r="G1882" s="16">
        <v>0.45543807543420634</v>
      </c>
    </row>
    <row r="1883" spans="1:7" x14ac:dyDescent="0.3">
      <c r="A1883" s="13" t="s">
        <v>29</v>
      </c>
      <c r="B1883" s="14" t="s">
        <v>1</v>
      </c>
      <c r="C1883" s="14" t="s">
        <v>20</v>
      </c>
      <c r="D1883" s="14" t="s">
        <v>14</v>
      </c>
      <c r="E1883" s="15">
        <v>45434</v>
      </c>
      <c r="F1883" s="14" t="s">
        <v>15</v>
      </c>
      <c r="G1883" s="16">
        <v>0.4790145063175395</v>
      </c>
    </row>
    <row r="1884" spans="1:7" x14ac:dyDescent="0.3">
      <c r="A1884" s="13" t="s">
        <v>29</v>
      </c>
      <c r="B1884" s="14" t="s">
        <v>1</v>
      </c>
      <c r="C1884" s="14" t="s">
        <v>20</v>
      </c>
      <c r="D1884" s="14" t="s">
        <v>14</v>
      </c>
      <c r="E1884" s="15">
        <v>45435</v>
      </c>
      <c r="F1884" s="14" t="s">
        <v>15</v>
      </c>
      <c r="G1884" s="16">
        <v>0.50184522012888233</v>
      </c>
    </row>
    <row r="1885" spans="1:7" x14ac:dyDescent="0.3">
      <c r="A1885" s="13" t="s">
        <v>29</v>
      </c>
      <c r="B1885" s="14" t="s">
        <v>1</v>
      </c>
      <c r="C1885" s="14" t="s">
        <v>20</v>
      </c>
      <c r="D1885" s="14" t="s">
        <v>14</v>
      </c>
      <c r="E1885" s="15">
        <v>45436</v>
      </c>
      <c r="F1885" s="14" t="s">
        <v>15</v>
      </c>
      <c r="G1885" s="16">
        <v>0.50768229490092676</v>
      </c>
    </row>
    <row r="1886" spans="1:7" x14ac:dyDescent="0.3">
      <c r="A1886" s="13" t="s">
        <v>29</v>
      </c>
      <c r="B1886" s="14" t="s">
        <v>1</v>
      </c>
      <c r="C1886" s="14" t="s">
        <v>20</v>
      </c>
      <c r="D1886" s="14" t="s">
        <v>14</v>
      </c>
      <c r="E1886" s="15">
        <v>45437</v>
      </c>
      <c r="F1886" s="14" t="s">
        <v>15</v>
      </c>
      <c r="G1886" s="16">
        <v>0.50768229490092676</v>
      </c>
    </row>
    <row r="1887" spans="1:7" x14ac:dyDescent="0.3">
      <c r="A1887" s="13" t="s">
        <v>29</v>
      </c>
      <c r="B1887" s="14" t="s">
        <v>1</v>
      </c>
      <c r="C1887" s="14" t="s">
        <v>20</v>
      </c>
      <c r="D1887" s="14" t="s">
        <v>14</v>
      </c>
      <c r="E1887" s="15">
        <v>45438</v>
      </c>
      <c r="F1887" s="14" t="s">
        <v>15</v>
      </c>
      <c r="G1887" s="16">
        <v>0.50768229490092676</v>
      </c>
    </row>
    <row r="1888" spans="1:7" x14ac:dyDescent="0.3">
      <c r="A1888" s="13" t="s">
        <v>29</v>
      </c>
      <c r="B1888" s="14" t="s">
        <v>1</v>
      </c>
      <c r="C1888" s="14" t="s">
        <v>20</v>
      </c>
      <c r="D1888" s="14" t="s">
        <v>14</v>
      </c>
      <c r="E1888" s="15">
        <v>45439</v>
      </c>
      <c r="F1888" s="14" t="s">
        <v>15</v>
      </c>
      <c r="G1888" s="16">
        <v>0.51355177630516713</v>
      </c>
    </row>
    <row r="1889" spans="1:7" x14ac:dyDescent="0.3">
      <c r="A1889" s="13" t="s">
        <v>29</v>
      </c>
      <c r="B1889" s="14" t="s">
        <v>1</v>
      </c>
      <c r="C1889" s="14" t="s">
        <v>20</v>
      </c>
      <c r="D1889" s="14" t="s">
        <v>14</v>
      </c>
      <c r="E1889" s="15">
        <v>45440</v>
      </c>
      <c r="F1889" s="14" t="s">
        <v>15</v>
      </c>
      <c r="G1889" s="16">
        <v>0.53113486925427278</v>
      </c>
    </row>
    <row r="1890" spans="1:7" x14ac:dyDescent="0.3">
      <c r="A1890" s="13" t="s">
        <v>29</v>
      </c>
      <c r="B1890" s="14" t="s">
        <v>1</v>
      </c>
      <c r="C1890" s="14" t="s">
        <v>20</v>
      </c>
      <c r="D1890" s="14" t="s">
        <v>14</v>
      </c>
      <c r="E1890" s="15">
        <v>45441</v>
      </c>
      <c r="F1890" s="14" t="s">
        <v>15</v>
      </c>
      <c r="G1890" s="16">
        <v>0.53766365391614834</v>
      </c>
    </row>
    <row r="1891" spans="1:7" x14ac:dyDescent="0.3">
      <c r="A1891" s="13" t="s">
        <v>29</v>
      </c>
      <c r="B1891" s="14" t="s">
        <v>1</v>
      </c>
      <c r="C1891" s="14" t="s">
        <v>20</v>
      </c>
      <c r="D1891" s="14" t="s">
        <v>14</v>
      </c>
      <c r="E1891" s="15">
        <v>45442</v>
      </c>
      <c r="F1891" s="14" t="s">
        <v>15</v>
      </c>
      <c r="G1891" s="16">
        <v>0.54349924063109423</v>
      </c>
    </row>
    <row r="1892" spans="1:7" x14ac:dyDescent="0.3">
      <c r="A1892" s="13" t="s">
        <v>29</v>
      </c>
      <c r="B1892" s="14" t="s">
        <v>1</v>
      </c>
      <c r="C1892" s="14" t="s">
        <v>20</v>
      </c>
      <c r="D1892" s="14" t="s">
        <v>14</v>
      </c>
      <c r="E1892" s="15">
        <v>45443</v>
      </c>
      <c r="F1892" s="14" t="s">
        <v>15</v>
      </c>
      <c r="G1892" s="16">
        <v>0.54938537940640431</v>
      </c>
    </row>
    <row r="1893" spans="1:7" x14ac:dyDescent="0.3">
      <c r="A1893" s="13" t="s">
        <v>29</v>
      </c>
      <c r="B1893" s="14" t="s">
        <v>1</v>
      </c>
      <c r="C1893" s="14" t="s">
        <v>20</v>
      </c>
      <c r="D1893" s="14" t="s">
        <v>14</v>
      </c>
      <c r="E1893" s="15">
        <v>45444</v>
      </c>
      <c r="F1893" s="14" t="s">
        <v>15</v>
      </c>
      <c r="G1893" s="16">
        <v>0.54938537940640431</v>
      </c>
    </row>
    <row r="1894" spans="1:7" x14ac:dyDescent="0.3">
      <c r="A1894" s="13" t="s">
        <v>29</v>
      </c>
      <c r="B1894" s="14" t="s">
        <v>1</v>
      </c>
      <c r="C1894" s="14" t="s">
        <v>20</v>
      </c>
      <c r="D1894" s="14" t="s">
        <v>14</v>
      </c>
      <c r="E1894" s="15">
        <v>45445</v>
      </c>
      <c r="F1894" s="14" t="s">
        <v>15</v>
      </c>
      <c r="G1894" s="16">
        <v>0.54938537940640431</v>
      </c>
    </row>
    <row r="1895" spans="1:7" x14ac:dyDescent="0.3">
      <c r="A1895" s="13" t="s">
        <v>29</v>
      </c>
      <c r="B1895" s="14" t="s">
        <v>1</v>
      </c>
      <c r="C1895" s="14" t="s">
        <v>20</v>
      </c>
      <c r="D1895" s="14" t="s">
        <v>14</v>
      </c>
      <c r="E1895" s="15">
        <v>45446</v>
      </c>
      <c r="F1895" s="14" t="s">
        <v>15</v>
      </c>
      <c r="G1895" s="16">
        <v>0.54938537940640431</v>
      </c>
    </row>
    <row r="1896" spans="1:7" x14ac:dyDescent="0.3">
      <c r="A1896" s="13" t="s">
        <v>29</v>
      </c>
      <c r="B1896" s="14" t="s">
        <v>1</v>
      </c>
      <c r="C1896" s="14" t="s">
        <v>20</v>
      </c>
      <c r="D1896" s="14" t="s">
        <v>14</v>
      </c>
      <c r="E1896" s="15">
        <v>45447</v>
      </c>
      <c r="F1896" s="14" t="s">
        <v>15</v>
      </c>
      <c r="G1896" s="16">
        <v>0.55533618364594572</v>
      </c>
    </row>
    <row r="1897" spans="1:7" x14ac:dyDescent="0.3">
      <c r="A1897" s="13" t="s">
        <v>29</v>
      </c>
      <c r="B1897" s="14" t="s">
        <v>1</v>
      </c>
      <c r="C1897" s="14" t="s">
        <v>20</v>
      </c>
      <c r="D1897" s="14" t="s">
        <v>14</v>
      </c>
      <c r="E1897" s="15">
        <v>45448</v>
      </c>
      <c r="F1897" s="14" t="s">
        <v>15</v>
      </c>
      <c r="G1897" s="16">
        <v>0.61321595873177248</v>
      </c>
    </row>
    <row r="1898" spans="1:7" x14ac:dyDescent="0.3">
      <c r="A1898" s="13" t="s">
        <v>29</v>
      </c>
      <c r="B1898" s="14" t="s">
        <v>1</v>
      </c>
      <c r="C1898" s="14" t="s">
        <v>20</v>
      </c>
      <c r="D1898" s="14" t="s">
        <v>14</v>
      </c>
      <c r="E1898" s="15">
        <v>45449</v>
      </c>
      <c r="F1898" s="14" t="s">
        <v>15</v>
      </c>
      <c r="G1898" s="16">
        <v>0.61904644297209388</v>
      </c>
    </row>
    <row r="1899" spans="1:7" x14ac:dyDescent="0.3">
      <c r="A1899" s="13" t="s">
        <v>29</v>
      </c>
      <c r="B1899" s="14" t="s">
        <v>1</v>
      </c>
      <c r="C1899" s="14" t="s">
        <v>20</v>
      </c>
      <c r="D1899" s="14" t="s">
        <v>14</v>
      </c>
      <c r="E1899" s="15">
        <v>45450</v>
      </c>
      <c r="F1899" s="14" t="s">
        <v>15</v>
      </c>
      <c r="G1899" s="16">
        <v>0.62476425088633469</v>
      </c>
    </row>
    <row r="1900" spans="1:7" x14ac:dyDescent="0.3">
      <c r="A1900" s="13" t="s">
        <v>29</v>
      </c>
      <c r="B1900" s="14" t="s">
        <v>1</v>
      </c>
      <c r="C1900" s="14" t="s">
        <v>20</v>
      </c>
      <c r="D1900" s="14" t="s">
        <v>14</v>
      </c>
      <c r="E1900" s="15">
        <v>45451</v>
      </c>
      <c r="F1900" s="14" t="s">
        <v>15</v>
      </c>
      <c r="G1900" s="16">
        <v>0.62476425088633469</v>
      </c>
    </row>
    <row r="1901" spans="1:7" x14ac:dyDescent="0.3">
      <c r="A1901" s="13" t="s">
        <v>29</v>
      </c>
      <c r="B1901" s="14" t="s">
        <v>1</v>
      </c>
      <c r="C1901" s="14" t="s">
        <v>20</v>
      </c>
      <c r="D1901" s="14" t="s">
        <v>14</v>
      </c>
      <c r="E1901" s="15">
        <v>45452</v>
      </c>
      <c r="F1901" s="14" t="s">
        <v>15</v>
      </c>
      <c r="G1901" s="16">
        <v>0.62476425088633469</v>
      </c>
    </row>
    <row r="1902" spans="1:7" x14ac:dyDescent="0.3">
      <c r="A1902" s="13" t="s">
        <v>29</v>
      </c>
      <c r="B1902" s="14" t="s">
        <v>1</v>
      </c>
      <c r="C1902" s="14" t="s">
        <v>20</v>
      </c>
      <c r="D1902" s="14" t="s">
        <v>14</v>
      </c>
      <c r="E1902" s="15">
        <v>45453</v>
      </c>
      <c r="F1902" s="14" t="s">
        <v>15</v>
      </c>
      <c r="G1902" s="16">
        <v>0.63090733788627251</v>
      </c>
    </row>
    <row r="1903" spans="1:7" x14ac:dyDescent="0.3">
      <c r="A1903" s="13" t="s">
        <v>29</v>
      </c>
      <c r="B1903" s="14" t="s">
        <v>1</v>
      </c>
      <c r="C1903" s="14" t="s">
        <v>20</v>
      </c>
      <c r="D1903" s="14" t="s">
        <v>14</v>
      </c>
      <c r="E1903" s="15">
        <v>45454</v>
      </c>
      <c r="F1903" s="14" t="s">
        <v>15</v>
      </c>
      <c r="G1903" s="16">
        <v>0.65055936220848454</v>
      </c>
    </row>
    <row r="1904" spans="1:7" x14ac:dyDescent="0.3">
      <c r="A1904" s="13" t="s">
        <v>29</v>
      </c>
      <c r="B1904" s="14" t="s">
        <v>1</v>
      </c>
      <c r="C1904" s="14" t="s">
        <v>20</v>
      </c>
      <c r="D1904" s="14" t="s">
        <v>14</v>
      </c>
      <c r="E1904" s="15">
        <v>45455</v>
      </c>
      <c r="F1904" s="14" t="s">
        <v>15</v>
      </c>
      <c r="G1904" s="16">
        <v>0.65633238214925282</v>
      </c>
    </row>
    <row r="1905" spans="1:7" x14ac:dyDescent="0.3">
      <c r="A1905" s="13" t="s">
        <v>29</v>
      </c>
      <c r="B1905" s="14" t="s">
        <v>1</v>
      </c>
      <c r="C1905" s="14" t="s">
        <v>20</v>
      </c>
      <c r="D1905" s="14" t="s">
        <v>14</v>
      </c>
      <c r="E1905" s="15">
        <v>45456</v>
      </c>
      <c r="F1905" s="14" t="s">
        <v>15</v>
      </c>
      <c r="G1905" s="16">
        <v>0.66211068669809325</v>
      </c>
    </row>
    <row r="1906" spans="1:7" x14ac:dyDescent="0.3">
      <c r="A1906" s="13" t="s">
        <v>29</v>
      </c>
      <c r="B1906" s="14" t="s">
        <v>1</v>
      </c>
      <c r="C1906" s="14" t="s">
        <v>20</v>
      </c>
      <c r="D1906" s="14" t="s">
        <v>14</v>
      </c>
      <c r="E1906" s="15">
        <v>45457</v>
      </c>
      <c r="F1906" s="14" t="s">
        <v>15</v>
      </c>
      <c r="G1906" s="16">
        <v>0.69009711097961868</v>
      </c>
    </row>
    <row r="1907" spans="1:7" x14ac:dyDescent="0.3">
      <c r="A1907" s="13" t="s">
        <v>29</v>
      </c>
      <c r="B1907" s="14" t="s">
        <v>1</v>
      </c>
      <c r="C1907" s="14" t="s">
        <v>20</v>
      </c>
      <c r="D1907" s="14" t="s">
        <v>14</v>
      </c>
      <c r="E1907" s="15">
        <v>45458</v>
      </c>
      <c r="F1907" s="14" t="s">
        <v>15</v>
      </c>
      <c r="G1907" s="16">
        <v>0.69009711097961868</v>
      </c>
    </row>
    <row r="1908" spans="1:7" x14ac:dyDescent="0.3">
      <c r="A1908" s="13" t="s">
        <v>29</v>
      </c>
      <c r="B1908" s="14" t="s">
        <v>1</v>
      </c>
      <c r="C1908" s="14" t="s">
        <v>20</v>
      </c>
      <c r="D1908" s="14" t="s">
        <v>14</v>
      </c>
      <c r="E1908" s="15">
        <v>45459</v>
      </c>
      <c r="F1908" s="14" t="s">
        <v>15</v>
      </c>
      <c r="G1908" s="16">
        <v>0.69009711097961868</v>
      </c>
    </row>
    <row r="1909" spans="1:7" x14ac:dyDescent="0.3">
      <c r="A1909" s="13" t="s">
        <v>29</v>
      </c>
      <c r="B1909" s="14" t="s">
        <v>1</v>
      </c>
      <c r="C1909" s="14" t="s">
        <v>20</v>
      </c>
      <c r="D1909" s="14" t="s">
        <v>14</v>
      </c>
      <c r="E1909" s="15">
        <v>45460</v>
      </c>
      <c r="F1909" s="14" t="s">
        <v>15</v>
      </c>
      <c r="G1909" s="16">
        <v>0.69686959530160453</v>
      </c>
    </row>
    <row r="1910" spans="1:7" x14ac:dyDescent="0.3">
      <c r="A1910" s="13" t="s">
        <v>29</v>
      </c>
      <c r="B1910" s="14" t="s">
        <v>1</v>
      </c>
      <c r="C1910" s="14" t="s">
        <v>20</v>
      </c>
      <c r="D1910" s="14" t="s">
        <v>14</v>
      </c>
      <c r="E1910" s="15">
        <v>45461</v>
      </c>
      <c r="F1910" s="14" t="s">
        <v>15</v>
      </c>
      <c r="G1910" s="16">
        <v>0.71434932048679223</v>
      </c>
    </row>
    <row r="1911" spans="1:7" x14ac:dyDescent="0.3">
      <c r="A1911" s="13" t="s">
        <v>29</v>
      </c>
      <c r="B1911" s="14" t="s">
        <v>1</v>
      </c>
      <c r="C1911" s="14" t="s">
        <v>20</v>
      </c>
      <c r="D1911" s="14" t="s">
        <v>14</v>
      </c>
      <c r="E1911" s="15">
        <v>45462</v>
      </c>
      <c r="F1911" s="14" t="s">
        <v>15</v>
      </c>
      <c r="G1911" s="16">
        <v>0.72080790667240313</v>
      </c>
    </row>
    <row r="1912" spans="1:7" x14ac:dyDescent="0.3">
      <c r="A1912" s="13" t="s">
        <v>29</v>
      </c>
      <c r="B1912" s="14" t="s">
        <v>1</v>
      </c>
      <c r="C1912" s="14" t="s">
        <v>20</v>
      </c>
      <c r="D1912" s="14" t="s">
        <v>14</v>
      </c>
      <c r="E1912" s="15">
        <v>45463</v>
      </c>
      <c r="F1912" s="14" t="s">
        <v>15</v>
      </c>
      <c r="G1912" s="16">
        <v>0.72651659501786436</v>
      </c>
    </row>
    <row r="1913" spans="1:7" x14ac:dyDescent="0.3">
      <c r="A1913" s="13" t="s">
        <v>29</v>
      </c>
      <c r="B1913" s="14" t="s">
        <v>1</v>
      </c>
      <c r="C1913" s="14" t="s">
        <v>20</v>
      </c>
      <c r="D1913" s="14" t="s">
        <v>14</v>
      </c>
      <c r="E1913" s="15">
        <v>45464</v>
      </c>
      <c r="F1913" s="14" t="s">
        <v>15</v>
      </c>
      <c r="G1913" s="16">
        <v>0.73364657019424329</v>
      </c>
    </row>
    <row r="1914" spans="1:7" x14ac:dyDescent="0.3">
      <c r="A1914" s="13" t="s">
        <v>29</v>
      </c>
      <c r="B1914" s="14" t="s">
        <v>1</v>
      </c>
      <c r="C1914" s="14" t="s">
        <v>20</v>
      </c>
      <c r="D1914" s="14" t="s">
        <v>14</v>
      </c>
      <c r="E1914" s="15">
        <v>45465</v>
      </c>
      <c r="F1914" s="14" t="s">
        <v>15</v>
      </c>
      <c r="G1914" s="16">
        <v>0.73364657019424329</v>
      </c>
    </row>
    <row r="1915" spans="1:7" x14ac:dyDescent="0.3">
      <c r="A1915" s="13" t="s">
        <v>29</v>
      </c>
      <c r="B1915" s="14" t="s">
        <v>1</v>
      </c>
      <c r="C1915" s="14" t="s">
        <v>20</v>
      </c>
      <c r="D1915" s="14" t="s">
        <v>14</v>
      </c>
      <c r="E1915" s="15">
        <v>45466</v>
      </c>
      <c r="F1915" s="14" t="s">
        <v>15</v>
      </c>
      <c r="G1915" s="16">
        <v>0.73364657019424329</v>
      </c>
    </row>
    <row r="1916" spans="1:7" x14ac:dyDescent="0.3">
      <c r="A1916" s="13" t="s">
        <v>29</v>
      </c>
      <c r="B1916" s="14" t="s">
        <v>1</v>
      </c>
      <c r="C1916" s="14" t="s">
        <v>20</v>
      </c>
      <c r="D1916" s="14" t="s">
        <v>14</v>
      </c>
      <c r="E1916" s="15">
        <v>45467</v>
      </c>
      <c r="F1916" s="14" t="s">
        <v>15</v>
      </c>
      <c r="G1916" s="16">
        <v>0.74426330596401735</v>
      </c>
    </row>
    <row r="1917" spans="1:7" x14ac:dyDescent="0.3">
      <c r="A1917" s="13" t="s">
        <v>29</v>
      </c>
      <c r="B1917" s="14" t="s">
        <v>1</v>
      </c>
      <c r="C1917" s="14" t="s">
        <v>20</v>
      </c>
      <c r="D1917" s="14" t="s">
        <v>14</v>
      </c>
      <c r="E1917" s="15">
        <v>45468</v>
      </c>
      <c r="F1917" s="14" t="s">
        <v>15</v>
      </c>
      <c r="G1917" s="16">
        <v>0.75942446039126821</v>
      </c>
    </row>
    <row r="1918" spans="1:7" x14ac:dyDescent="0.3">
      <c r="A1918" s="13" t="s">
        <v>29</v>
      </c>
      <c r="B1918" s="14" t="s">
        <v>1</v>
      </c>
      <c r="C1918" s="14" t="s">
        <v>20</v>
      </c>
      <c r="D1918" s="14" t="s">
        <v>14</v>
      </c>
      <c r="E1918" s="15">
        <v>45469</v>
      </c>
      <c r="F1918" s="14" t="s">
        <v>15</v>
      </c>
      <c r="G1918" s="16">
        <v>0.76440645933957285</v>
      </c>
    </row>
    <row r="1919" spans="1:7" x14ac:dyDescent="0.3">
      <c r="A1919" s="13" t="s">
        <v>29</v>
      </c>
      <c r="B1919" s="14" t="s">
        <v>1</v>
      </c>
      <c r="C1919" s="14" t="s">
        <v>20</v>
      </c>
      <c r="D1919" s="14" t="s">
        <v>14</v>
      </c>
      <c r="E1919" s="15">
        <v>45470</v>
      </c>
      <c r="F1919" s="14" t="s">
        <v>15</v>
      </c>
      <c r="G1919" s="16">
        <v>0.76937963417355171</v>
      </c>
    </row>
    <row r="1920" spans="1:7" x14ac:dyDescent="0.3">
      <c r="A1920" s="13" t="s">
        <v>29</v>
      </c>
      <c r="B1920" s="14" t="s">
        <v>1</v>
      </c>
      <c r="C1920" s="14" t="s">
        <v>20</v>
      </c>
      <c r="D1920" s="14" t="s">
        <v>14</v>
      </c>
      <c r="E1920" s="15">
        <v>45471</v>
      </c>
      <c r="F1920" s="14" t="s">
        <v>15</v>
      </c>
      <c r="G1920" s="16">
        <v>0.77171454506723747</v>
      </c>
    </row>
    <row r="1921" spans="1:7" x14ac:dyDescent="0.3">
      <c r="A1921" s="13" t="s">
        <v>29</v>
      </c>
      <c r="B1921" s="14" t="s">
        <v>1</v>
      </c>
      <c r="C1921" s="14" t="s">
        <v>20</v>
      </c>
      <c r="D1921" s="14" t="s">
        <v>14</v>
      </c>
      <c r="E1921" s="15">
        <v>45472</v>
      </c>
      <c r="F1921" s="14" t="s">
        <v>15</v>
      </c>
      <c r="G1921" s="16">
        <v>0.77171454506723747</v>
      </c>
    </row>
    <row r="1922" spans="1:7" x14ac:dyDescent="0.3">
      <c r="A1922" s="13" t="s">
        <v>29</v>
      </c>
      <c r="B1922" s="14" t="s">
        <v>1</v>
      </c>
      <c r="C1922" s="14" t="s">
        <v>20</v>
      </c>
      <c r="D1922" s="14" t="s">
        <v>14</v>
      </c>
      <c r="E1922" s="15">
        <v>45473</v>
      </c>
      <c r="F1922" s="14" t="s">
        <v>15</v>
      </c>
      <c r="G1922" s="16">
        <v>0.77171454506723747</v>
      </c>
    </row>
    <row r="1923" spans="1:7" x14ac:dyDescent="0.3">
      <c r="A1923" s="13" t="s">
        <v>29</v>
      </c>
      <c r="B1923" s="14" t="s">
        <v>1</v>
      </c>
      <c r="C1923" s="14" t="s">
        <v>20</v>
      </c>
      <c r="D1923" s="14" t="s">
        <v>14</v>
      </c>
      <c r="E1923" s="15">
        <v>45474</v>
      </c>
      <c r="F1923" s="14" t="s">
        <v>15</v>
      </c>
      <c r="G1923" s="16">
        <v>0.77688353734610449</v>
      </c>
    </row>
    <row r="1924" spans="1:7" x14ac:dyDescent="0.3">
      <c r="A1924" s="13" t="s">
        <v>29</v>
      </c>
      <c r="B1924" s="14" t="s">
        <v>1</v>
      </c>
      <c r="C1924" s="14" t="s">
        <v>20</v>
      </c>
      <c r="D1924" s="14" t="s">
        <v>14</v>
      </c>
      <c r="E1924" s="15">
        <v>45475</v>
      </c>
      <c r="F1924" s="14" t="s">
        <v>15</v>
      </c>
      <c r="G1924" s="16">
        <v>0.8067609802347564</v>
      </c>
    </row>
    <row r="1925" spans="1:7" x14ac:dyDescent="0.3">
      <c r="A1925" s="13" t="s">
        <v>29</v>
      </c>
      <c r="B1925" s="14" t="s">
        <v>1</v>
      </c>
      <c r="C1925" s="14" t="s">
        <v>20</v>
      </c>
      <c r="D1925" s="14" t="s">
        <v>14</v>
      </c>
      <c r="E1925" s="15">
        <v>45476</v>
      </c>
      <c r="F1925" s="14" t="s">
        <v>15</v>
      </c>
      <c r="G1925" s="16">
        <v>0.81064064843690531</v>
      </c>
    </row>
    <row r="1926" spans="1:7" x14ac:dyDescent="0.3">
      <c r="A1926" s="13" t="s">
        <v>29</v>
      </c>
      <c r="B1926" s="14" t="s">
        <v>1</v>
      </c>
      <c r="C1926" s="14" t="s">
        <v>20</v>
      </c>
      <c r="D1926" s="14" t="s">
        <v>14</v>
      </c>
      <c r="E1926" s="15">
        <v>45477</v>
      </c>
      <c r="F1926" s="14" t="s">
        <v>15</v>
      </c>
      <c r="G1926" s="16">
        <v>0.81601871510854584</v>
      </c>
    </row>
    <row r="1927" spans="1:7" x14ac:dyDescent="0.3">
      <c r="A1927" s="13" t="s">
        <v>29</v>
      </c>
      <c r="B1927" s="14" t="s">
        <v>1</v>
      </c>
      <c r="C1927" s="14" t="s">
        <v>20</v>
      </c>
      <c r="D1927" s="14" t="s">
        <v>14</v>
      </c>
      <c r="E1927" s="15">
        <v>45478</v>
      </c>
      <c r="F1927" s="14" t="s">
        <v>15</v>
      </c>
      <c r="G1927" s="16">
        <v>0.82167761074657863</v>
      </c>
    </row>
    <row r="1928" spans="1:7" x14ac:dyDescent="0.3">
      <c r="A1928" s="13" t="s">
        <v>29</v>
      </c>
      <c r="B1928" s="14" t="s">
        <v>1</v>
      </c>
      <c r="C1928" s="14" t="s">
        <v>20</v>
      </c>
      <c r="D1928" s="14" t="s">
        <v>14</v>
      </c>
      <c r="E1928" s="15">
        <v>45479</v>
      </c>
      <c r="F1928" s="14" t="s">
        <v>15</v>
      </c>
      <c r="G1928" s="16">
        <v>0.82167761074657863</v>
      </c>
    </row>
    <row r="1929" spans="1:7" x14ac:dyDescent="0.3">
      <c r="A1929" s="13" t="s">
        <v>29</v>
      </c>
      <c r="B1929" s="14" t="s">
        <v>1</v>
      </c>
      <c r="C1929" s="14" t="s">
        <v>20</v>
      </c>
      <c r="D1929" s="14" t="s">
        <v>14</v>
      </c>
      <c r="E1929" s="15">
        <v>45480</v>
      </c>
      <c r="F1929" s="14" t="s">
        <v>15</v>
      </c>
      <c r="G1929" s="16">
        <v>0.82167761074657863</v>
      </c>
    </row>
    <row r="1930" spans="1:7" x14ac:dyDescent="0.3">
      <c r="A1930" s="13" t="s">
        <v>29</v>
      </c>
      <c r="B1930" s="14" t="s">
        <v>1</v>
      </c>
      <c r="C1930" s="14" t="s">
        <v>20</v>
      </c>
      <c r="D1930" s="14" t="s">
        <v>14</v>
      </c>
      <c r="E1930" s="15">
        <v>45481</v>
      </c>
      <c r="F1930" s="14" t="s">
        <v>15</v>
      </c>
      <c r="G1930" s="16">
        <v>0.82732339448745496</v>
      </c>
    </row>
    <row r="1931" spans="1:7" x14ac:dyDescent="0.3">
      <c r="A1931" s="13" t="s">
        <v>29</v>
      </c>
      <c r="B1931" s="14" t="s">
        <v>1</v>
      </c>
      <c r="C1931" s="14" t="s">
        <v>20</v>
      </c>
      <c r="D1931" s="14" t="s">
        <v>14</v>
      </c>
      <c r="E1931" s="15">
        <v>45482</v>
      </c>
      <c r="F1931" s="14" t="s">
        <v>15</v>
      </c>
      <c r="G1931" s="16">
        <v>0.84427092587322328</v>
      </c>
    </row>
    <row r="1932" spans="1:7" x14ac:dyDescent="0.3">
      <c r="A1932" s="13" t="s">
        <v>29</v>
      </c>
      <c r="B1932" s="14" t="s">
        <v>1</v>
      </c>
      <c r="C1932" s="14" t="s">
        <v>20</v>
      </c>
      <c r="D1932" s="14" t="s">
        <v>14</v>
      </c>
      <c r="E1932" s="15">
        <v>45483</v>
      </c>
      <c r="F1932" s="14" t="s">
        <v>15</v>
      </c>
      <c r="G1932" s="16">
        <v>0.86312533957506865</v>
      </c>
    </row>
    <row r="1933" spans="1:7" x14ac:dyDescent="0.3">
      <c r="A1933" s="13" t="s">
        <v>29</v>
      </c>
      <c r="B1933" s="14" t="s">
        <v>1</v>
      </c>
      <c r="C1933" s="14" t="s">
        <v>20</v>
      </c>
      <c r="D1933" s="14" t="s">
        <v>14</v>
      </c>
      <c r="E1933" s="15">
        <v>45484</v>
      </c>
      <c r="F1933" s="14" t="s">
        <v>15</v>
      </c>
      <c r="G1933" s="16">
        <v>0.86921373774617516</v>
      </c>
    </row>
    <row r="1934" spans="1:7" x14ac:dyDescent="0.3">
      <c r="A1934" s="13" t="s">
        <v>29</v>
      </c>
      <c r="B1934" s="14" t="s">
        <v>1</v>
      </c>
      <c r="C1934" s="14" t="s">
        <v>20</v>
      </c>
      <c r="D1934" s="14" t="s">
        <v>14</v>
      </c>
      <c r="E1934" s="15">
        <v>45485</v>
      </c>
      <c r="F1934" s="14" t="s">
        <v>15</v>
      </c>
      <c r="G1934" s="16">
        <v>0.87768550473828266</v>
      </c>
    </row>
    <row r="1935" spans="1:7" x14ac:dyDescent="0.3">
      <c r="A1935" s="13" t="s">
        <v>29</v>
      </c>
      <c r="B1935" s="14" t="s">
        <v>1</v>
      </c>
      <c r="C1935" s="14" t="s">
        <v>20</v>
      </c>
      <c r="D1935" s="14" t="s">
        <v>14</v>
      </c>
      <c r="E1935" s="15">
        <v>45486</v>
      </c>
      <c r="F1935" s="14" t="s">
        <v>15</v>
      </c>
      <c r="G1935" s="16">
        <v>0.87768550473828266</v>
      </c>
    </row>
    <row r="1936" spans="1:7" x14ac:dyDescent="0.3">
      <c r="A1936" s="13" t="s">
        <v>29</v>
      </c>
      <c r="B1936" s="14" t="s">
        <v>1</v>
      </c>
      <c r="C1936" s="14" t="s">
        <v>20</v>
      </c>
      <c r="D1936" s="14" t="s">
        <v>14</v>
      </c>
      <c r="E1936" s="15">
        <v>45487</v>
      </c>
      <c r="F1936" s="14" t="s">
        <v>15</v>
      </c>
      <c r="G1936" s="16">
        <v>0.87768550473828266</v>
      </c>
    </row>
    <row r="1937" spans="1:7" x14ac:dyDescent="0.3">
      <c r="A1937" s="13" t="s">
        <v>29</v>
      </c>
      <c r="B1937" s="14" t="s">
        <v>1</v>
      </c>
      <c r="C1937" s="14" t="s">
        <v>20</v>
      </c>
      <c r="D1937" s="14" t="s">
        <v>14</v>
      </c>
      <c r="E1937" s="15">
        <v>45488</v>
      </c>
      <c r="F1937" s="14" t="s">
        <v>15</v>
      </c>
      <c r="G1937" s="16">
        <v>0.88322181260292876</v>
      </c>
    </row>
    <row r="1938" spans="1:7" x14ac:dyDescent="0.3">
      <c r="A1938" s="13" t="s">
        <v>29</v>
      </c>
      <c r="B1938" s="14" t="s">
        <v>1</v>
      </c>
      <c r="C1938" s="14" t="s">
        <v>20</v>
      </c>
      <c r="D1938" s="14" t="s">
        <v>14</v>
      </c>
      <c r="E1938" s="15">
        <v>45489</v>
      </c>
      <c r="F1938" s="14" t="s">
        <v>15</v>
      </c>
      <c r="G1938" s="16">
        <v>0.89981086880703365</v>
      </c>
    </row>
    <row r="1939" spans="1:7" x14ac:dyDescent="0.3">
      <c r="A1939" s="13" t="s">
        <v>29</v>
      </c>
      <c r="B1939" s="14" t="s">
        <v>1</v>
      </c>
      <c r="C1939" s="14" t="s">
        <v>20</v>
      </c>
      <c r="D1939" s="14" t="s">
        <v>14</v>
      </c>
      <c r="E1939" s="15">
        <v>45490</v>
      </c>
      <c r="F1939" s="14" t="s">
        <v>15</v>
      </c>
      <c r="G1939" s="16">
        <v>0.90532594780347109</v>
      </c>
    </row>
    <row r="1940" spans="1:7" x14ac:dyDescent="0.3">
      <c r="A1940" s="13" t="s">
        <v>29</v>
      </c>
      <c r="B1940" s="14" t="s">
        <v>1</v>
      </c>
      <c r="C1940" s="14" t="s">
        <v>20</v>
      </c>
      <c r="D1940" s="14" t="s">
        <v>14</v>
      </c>
      <c r="E1940" s="15">
        <v>45491</v>
      </c>
      <c r="F1940" s="14" t="s">
        <v>15</v>
      </c>
      <c r="G1940" s="16">
        <v>0.91081462789254142</v>
      </c>
    </row>
    <row r="1941" spans="1:7" x14ac:dyDescent="0.3">
      <c r="A1941" s="13" t="s">
        <v>29</v>
      </c>
      <c r="B1941" s="14" t="s">
        <v>1</v>
      </c>
      <c r="C1941" s="14" t="s">
        <v>20</v>
      </c>
      <c r="D1941" s="14" t="s">
        <v>14</v>
      </c>
      <c r="E1941" s="15">
        <v>45492</v>
      </c>
      <c r="F1941" s="14" t="s">
        <v>15</v>
      </c>
      <c r="G1941" s="16">
        <v>0.91634855979094587</v>
      </c>
    </row>
    <row r="1942" spans="1:7" x14ac:dyDescent="0.3">
      <c r="A1942" s="13" t="s">
        <v>29</v>
      </c>
      <c r="B1942" s="14" t="s">
        <v>1</v>
      </c>
      <c r="C1942" s="14" t="s">
        <v>20</v>
      </c>
      <c r="D1942" s="14" t="s">
        <v>14</v>
      </c>
      <c r="E1942" s="15">
        <v>45493</v>
      </c>
      <c r="F1942" s="14" t="s">
        <v>15</v>
      </c>
      <c r="G1942" s="16">
        <v>0.91634855979094587</v>
      </c>
    </row>
    <row r="1943" spans="1:7" x14ac:dyDescent="0.3">
      <c r="A1943" s="13" t="s">
        <v>29</v>
      </c>
      <c r="B1943" s="14" t="s">
        <v>1</v>
      </c>
      <c r="C1943" s="14" t="s">
        <v>20</v>
      </c>
      <c r="D1943" s="14" t="s">
        <v>14</v>
      </c>
      <c r="E1943" s="15">
        <v>45494</v>
      </c>
      <c r="F1943" s="14" t="s">
        <v>15</v>
      </c>
      <c r="G1943" s="16">
        <v>0.91634855979094587</v>
      </c>
    </row>
    <row r="1944" spans="1:7" x14ac:dyDescent="0.3">
      <c r="A1944" s="13" t="s">
        <v>29</v>
      </c>
      <c r="B1944" s="14" t="s">
        <v>1</v>
      </c>
      <c r="C1944" s="14" t="s">
        <v>20</v>
      </c>
      <c r="D1944" s="14" t="s">
        <v>14</v>
      </c>
      <c r="E1944" s="15">
        <v>45495</v>
      </c>
      <c r="F1944" s="14" t="s">
        <v>15</v>
      </c>
      <c r="G1944" s="16">
        <v>0.92028960742960131</v>
      </c>
    </row>
    <row r="1945" spans="1:7" x14ac:dyDescent="0.3">
      <c r="A1945" s="13" t="s">
        <v>29</v>
      </c>
      <c r="B1945" s="14" t="s">
        <v>1</v>
      </c>
      <c r="C1945" s="14" t="s">
        <v>20</v>
      </c>
      <c r="D1945" s="14" t="s">
        <v>14</v>
      </c>
      <c r="E1945" s="15">
        <v>45496</v>
      </c>
      <c r="F1945" s="14" t="s">
        <v>15</v>
      </c>
      <c r="G1945" s="16">
        <v>0.93719529314008176</v>
      </c>
    </row>
    <row r="1946" spans="1:7" x14ac:dyDescent="0.3">
      <c r="A1946" s="13" t="s">
        <v>29</v>
      </c>
      <c r="B1946" s="14" t="s">
        <v>1</v>
      </c>
      <c r="C1946" s="14" t="s">
        <v>20</v>
      </c>
      <c r="D1946" s="14" t="s">
        <v>14</v>
      </c>
      <c r="E1946" s="15">
        <v>45497</v>
      </c>
      <c r="F1946" s="14" t="s">
        <v>15</v>
      </c>
      <c r="G1946" s="16">
        <v>0.94275358369269446</v>
      </c>
    </row>
    <row r="1947" spans="1:7" x14ac:dyDescent="0.3">
      <c r="A1947" s="13" t="s">
        <v>29</v>
      </c>
      <c r="B1947" s="14" t="s">
        <v>1</v>
      </c>
      <c r="C1947" s="14" t="s">
        <v>20</v>
      </c>
      <c r="D1947" s="14" t="s">
        <v>14</v>
      </c>
      <c r="E1947" s="15">
        <v>45498</v>
      </c>
      <c r="F1947" s="14" t="s">
        <v>15</v>
      </c>
      <c r="G1947" s="16">
        <v>0.94831571758472855</v>
      </c>
    </row>
    <row r="1948" spans="1:7" x14ac:dyDescent="0.3">
      <c r="A1948" s="13" t="s">
        <v>29</v>
      </c>
      <c r="B1948" s="14" t="s">
        <v>1</v>
      </c>
      <c r="C1948" s="14" t="s">
        <v>20</v>
      </c>
      <c r="D1948" s="14" t="s">
        <v>14</v>
      </c>
      <c r="E1948" s="15">
        <v>45499</v>
      </c>
      <c r="F1948" s="14" t="s">
        <v>15</v>
      </c>
      <c r="G1948" s="16">
        <v>0.95395651392377545</v>
      </c>
    </row>
    <row r="1949" spans="1:7" x14ac:dyDescent="0.3">
      <c r="A1949" s="13" t="s">
        <v>29</v>
      </c>
      <c r="B1949" s="14" t="s">
        <v>1</v>
      </c>
      <c r="C1949" s="14" t="s">
        <v>20</v>
      </c>
      <c r="D1949" s="14" t="s">
        <v>14</v>
      </c>
      <c r="E1949" s="15">
        <v>45500</v>
      </c>
      <c r="F1949" s="14" t="s">
        <v>15</v>
      </c>
      <c r="G1949" s="16">
        <v>0.95395651392377545</v>
      </c>
    </row>
    <row r="1950" spans="1:7" x14ac:dyDescent="0.3">
      <c r="A1950" s="13" t="s">
        <v>29</v>
      </c>
      <c r="B1950" s="14" t="s">
        <v>1</v>
      </c>
      <c r="C1950" s="14" t="s">
        <v>20</v>
      </c>
      <c r="D1950" s="14" t="s">
        <v>14</v>
      </c>
      <c r="E1950" s="15">
        <v>45501</v>
      </c>
      <c r="F1950" s="14" t="s">
        <v>15</v>
      </c>
      <c r="G1950" s="16">
        <v>0.95395651392377545</v>
      </c>
    </row>
    <row r="1951" spans="1:7" x14ac:dyDescent="0.3">
      <c r="A1951" s="13" t="s">
        <v>29</v>
      </c>
      <c r="B1951" s="14" t="s">
        <v>1</v>
      </c>
      <c r="C1951" s="14" t="s">
        <v>20</v>
      </c>
      <c r="D1951" s="14" t="s">
        <v>14</v>
      </c>
      <c r="E1951" s="15">
        <v>45502</v>
      </c>
      <c r="F1951" s="14" t="s">
        <v>15</v>
      </c>
      <c r="G1951" s="16">
        <v>0.95964091291318276</v>
      </c>
    </row>
    <row r="1952" spans="1:7" x14ac:dyDescent="0.3">
      <c r="A1952" s="13" t="s">
        <v>29</v>
      </c>
      <c r="B1952" s="14" t="s">
        <v>1</v>
      </c>
      <c r="C1952" s="14" t="s">
        <v>20</v>
      </c>
      <c r="D1952" s="14" t="s">
        <v>14</v>
      </c>
      <c r="E1952" s="15">
        <v>45503</v>
      </c>
      <c r="F1952" s="14" t="s">
        <v>15</v>
      </c>
      <c r="G1952" s="16">
        <v>0.97648189661168294</v>
      </c>
    </row>
    <row r="1953" spans="1:7" x14ac:dyDescent="0.3">
      <c r="A1953" s="13" t="s">
        <v>29</v>
      </c>
      <c r="B1953" s="14" t="s">
        <v>1</v>
      </c>
      <c r="C1953" s="14" t="s">
        <v>20</v>
      </c>
      <c r="D1953" s="14" t="s">
        <v>14</v>
      </c>
      <c r="E1953" s="15">
        <v>45504</v>
      </c>
      <c r="F1953" s="14" t="s">
        <v>15</v>
      </c>
      <c r="G1953" s="16">
        <v>0.98612816612295673</v>
      </c>
    </row>
    <row r="1954" spans="1:7" x14ac:dyDescent="0.3">
      <c r="A1954" s="13" t="s">
        <v>29</v>
      </c>
      <c r="B1954" s="14" t="s">
        <v>1</v>
      </c>
      <c r="C1954" s="14" t="s">
        <v>20</v>
      </c>
      <c r="D1954" s="14" t="s">
        <v>14</v>
      </c>
      <c r="E1954" s="15">
        <v>45505</v>
      </c>
      <c r="F1954" s="14" t="s">
        <v>15</v>
      </c>
      <c r="G1954" s="16">
        <v>0.98612816612295673</v>
      </c>
    </row>
    <row r="1955" spans="1:7" x14ac:dyDescent="0.3">
      <c r="A1955" s="13" t="s">
        <v>29</v>
      </c>
      <c r="B1955" s="14" t="s">
        <v>1</v>
      </c>
      <c r="C1955" s="14" t="s">
        <v>20</v>
      </c>
      <c r="D1955" s="14" t="s">
        <v>14</v>
      </c>
      <c r="E1955" s="15">
        <v>45506</v>
      </c>
      <c r="F1955" s="14" t="s">
        <v>15</v>
      </c>
      <c r="G1955" s="16">
        <v>0.99174403556363677</v>
      </c>
    </row>
    <row r="1956" spans="1:7" x14ac:dyDescent="0.3">
      <c r="A1956" s="13" t="s">
        <v>29</v>
      </c>
      <c r="B1956" s="14" t="s">
        <v>1</v>
      </c>
      <c r="C1956" s="14" t="s">
        <v>20</v>
      </c>
      <c r="D1956" s="14" t="s">
        <v>14</v>
      </c>
      <c r="E1956" s="15">
        <v>45507</v>
      </c>
      <c r="F1956" s="14" t="s">
        <v>15</v>
      </c>
      <c r="G1956" s="16">
        <v>0.99174403556363677</v>
      </c>
    </row>
    <row r="1957" spans="1:7" x14ac:dyDescent="0.3">
      <c r="A1957" s="13" t="s">
        <v>29</v>
      </c>
      <c r="B1957" s="14" t="s">
        <v>1</v>
      </c>
      <c r="C1957" s="14" t="s">
        <v>20</v>
      </c>
      <c r="D1957" s="14" t="s">
        <v>14</v>
      </c>
      <c r="E1957" s="15">
        <v>45508</v>
      </c>
      <c r="F1957" s="14" t="s">
        <v>15</v>
      </c>
      <c r="G1957" s="16">
        <v>0.99174403556363677</v>
      </c>
    </row>
    <row r="1958" spans="1:7" x14ac:dyDescent="0.3">
      <c r="A1958" s="13" t="s">
        <v>29</v>
      </c>
      <c r="B1958" s="14" t="s">
        <v>1</v>
      </c>
      <c r="C1958" s="14" t="s">
        <v>20</v>
      </c>
      <c r="D1958" s="14" t="s">
        <v>14</v>
      </c>
      <c r="E1958" s="15">
        <v>45509</v>
      </c>
      <c r="F1958" s="14" t="s">
        <v>15</v>
      </c>
      <c r="G1958" s="16">
        <v>0.99174403556363677</v>
      </c>
    </row>
    <row r="1959" spans="1:7" x14ac:dyDescent="0.3">
      <c r="A1959" s="13" t="s">
        <v>29</v>
      </c>
      <c r="B1959" s="14" t="s">
        <v>1</v>
      </c>
      <c r="C1959" s="14" t="s">
        <v>20</v>
      </c>
      <c r="D1959" s="14" t="s">
        <v>14</v>
      </c>
      <c r="E1959" s="15">
        <v>45510</v>
      </c>
      <c r="F1959" s="14" t="s">
        <v>15</v>
      </c>
      <c r="G1959" s="16">
        <v>1.03458455152928</v>
      </c>
    </row>
    <row r="1960" spans="1:7" x14ac:dyDescent="0.3">
      <c r="A1960" s="13" t="s">
        <v>29</v>
      </c>
      <c r="B1960" s="14" t="s">
        <v>1</v>
      </c>
      <c r="C1960" s="14" t="s">
        <v>20</v>
      </c>
      <c r="D1960" s="14" t="s">
        <v>14</v>
      </c>
      <c r="E1960" s="15">
        <v>45511</v>
      </c>
      <c r="F1960" s="14" t="s">
        <v>15</v>
      </c>
      <c r="G1960" s="16">
        <v>1.0712538203607522</v>
      </c>
    </row>
    <row r="1961" spans="1:7" x14ac:dyDescent="0.3">
      <c r="A1961" s="13" t="s">
        <v>29</v>
      </c>
      <c r="B1961" s="14" t="s">
        <v>1</v>
      </c>
      <c r="C1961" s="14" t="s">
        <v>20</v>
      </c>
      <c r="D1961" s="14" t="s">
        <v>14</v>
      </c>
      <c r="E1961" s="15">
        <v>45512</v>
      </c>
      <c r="F1961" s="14" t="s">
        <v>15</v>
      </c>
      <c r="G1961" s="16">
        <v>1.0770296596821536</v>
      </c>
    </row>
    <row r="1962" spans="1:7" x14ac:dyDescent="0.3">
      <c r="A1962" s="13" t="s">
        <v>29</v>
      </c>
      <c r="B1962" s="14" t="s">
        <v>1</v>
      </c>
      <c r="C1962" s="14" t="s">
        <v>20</v>
      </c>
      <c r="D1962" s="14" t="s">
        <v>14</v>
      </c>
      <c r="E1962" s="15">
        <v>45513</v>
      </c>
      <c r="F1962" s="14" t="s">
        <v>15</v>
      </c>
      <c r="G1962" s="16">
        <v>1.0827955306259658</v>
      </c>
    </row>
    <row r="1963" spans="1:7" x14ac:dyDescent="0.3">
      <c r="A1963" s="13" t="s">
        <v>29</v>
      </c>
      <c r="B1963" s="14" t="s">
        <v>1</v>
      </c>
      <c r="C1963" s="14" t="s">
        <v>20</v>
      </c>
      <c r="D1963" s="14" t="s">
        <v>14</v>
      </c>
      <c r="E1963" s="15">
        <v>45514</v>
      </c>
      <c r="F1963" s="14" t="s">
        <v>15</v>
      </c>
      <c r="G1963" s="16">
        <v>1.0827955306259658</v>
      </c>
    </row>
    <row r="1964" spans="1:7" x14ac:dyDescent="0.3">
      <c r="A1964" s="13" t="s">
        <v>29</v>
      </c>
      <c r="B1964" s="14" t="s">
        <v>1</v>
      </c>
      <c r="C1964" s="14" t="s">
        <v>20</v>
      </c>
      <c r="D1964" s="14" t="s">
        <v>14</v>
      </c>
      <c r="E1964" s="15">
        <v>45515</v>
      </c>
      <c r="F1964" s="14" t="s">
        <v>15</v>
      </c>
      <c r="G1964" s="16">
        <v>1.0827955306259658</v>
      </c>
    </row>
    <row r="1965" spans="1:7" x14ac:dyDescent="0.3">
      <c r="A1965" s="13" t="s">
        <v>29</v>
      </c>
      <c r="B1965" s="14" t="s">
        <v>1</v>
      </c>
      <c r="C1965" s="14" t="s">
        <v>20</v>
      </c>
      <c r="D1965" s="14" t="s">
        <v>14</v>
      </c>
      <c r="E1965" s="15">
        <v>45516</v>
      </c>
      <c r="F1965" s="14" t="s">
        <v>15</v>
      </c>
      <c r="G1965" s="16">
        <v>1.0894126719161588</v>
      </c>
    </row>
    <row r="1966" spans="1:7" x14ac:dyDescent="0.3">
      <c r="A1966" s="13" t="s">
        <v>29</v>
      </c>
      <c r="B1966" s="14" t="s">
        <v>1</v>
      </c>
      <c r="C1966" s="14" t="s">
        <v>20</v>
      </c>
      <c r="D1966" s="14" t="s">
        <v>14</v>
      </c>
      <c r="E1966" s="15">
        <v>45517</v>
      </c>
      <c r="F1966" s="14" t="s">
        <v>15</v>
      </c>
      <c r="G1966" s="16">
        <v>1.1064502242602543</v>
      </c>
    </row>
    <row r="1967" spans="1:7" x14ac:dyDescent="0.3">
      <c r="A1967" s="13" t="s">
        <v>29</v>
      </c>
      <c r="B1967" s="14" t="s">
        <v>1</v>
      </c>
      <c r="C1967" s="14" t="s">
        <v>20</v>
      </c>
      <c r="D1967" s="14" t="s">
        <v>14</v>
      </c>
      <c r="E1967" s="15">
        <v>45518</v>
      </c>
      <c r="F1967" s="14" t="s">
        <v>15</v>
      </c>
      <c r="G1967" s="16">
        <v>1.1120893561351506</v>
      </c>
    </row>
    <row r="1968" spans="1:7" x14ac:dyDescent="0.3">
      <c r="A1968" s="13" t="s">
        <v>29</v>
      </c>
      <c r="B1968" s="14" t="s">
        <v>1</v>
      </c>
      <c r="C1968" s="14" t="s">
        <v>20</v>
      </c>
      <c r="D1968" s="14" t="s">
        <v>14</v>
      </c>
      <c r="E1968" s="15">
        <v>45519</v>
      </c>
      <c r="F1968" s="14" t="s">
        <v>15</v>
      </c>
      <c r="G1968" s="16">
        <v>1.1183950185786393</v>
      </c>
    </row>
    <row r="1969" spans="1:7" x14ac:dyDescent="0.3">
      <c r="A1969" s="13" t="s">
        <v>29</v>
      </c>
      <c r="B1969" s="14" t="s">
        <v>1</v>
      </c>
      <c r="C1969" s="14" t="s">
        <v>20</v>
      </c>
      <c r="D1969" s="14" t="s">
        <v>14</v>
      </c>
      <c r="E1969" s="15">
        <v>45520</v>
      </c>
      <c r="F1969" s="14" t="s">
        <v>15</v>
      </c>
      <c r="G1969" s="16">
        <v>1.1244597193366423</v>
      </c>
    </row>
    <row r="1970" spans="1:7" x14ac:dyDescent="0.3">
      <c r="A1970" s="13" t="s">
        <v>29</v>
      </c>
      <c r="B1970" s="14" t="s">
        <v>1</v>
      </c>
      <c r="C1970" s="14" t="s">
        <v>20</v>
      </c>
      <c r="D1970" s="14" t="s">
        <v>14</v>
      </c>
      <c r="E1970" s="15">
        <v>45521</v>
      </c>
      <c r="F1970" s="14" t="s">
        <v>15</v>
      </c>
      <c r="G1970" s="16">
        <v>1.1244597193366423</v>
      </c>
    </row>
    <row r="1971" spans="1:7" x14ac:dyDescent="0.3">
      <c r="A1971" s="13" t="s">
        <v>29</v>
      </c>
      <c r="B1971" s="14" t="s">
        <v>1</v>
      </c>
      <c r="C1971" s="14" t="s">
        <v>20</v>
      </c>
      <c r="D1971" s="14" t="s">
        <v>14</v>
      </c>
      <c r="E1971" s="15">
        <v>45522</v>
      </c>
      <c r="F1971" s="14" t="s">
        <v>15</v>
      </c>
      <c r="G1971" s="16">
        <v>1.1244597193366423</v>
      </c>
    </row>
    <row r="1972" spans="1:7" x14ac:dyDescent="0.3">
      <c r="A1972" s="13" t="s">
        <v>29</v>
      </c>
      <c r="B1972" s="14" t="s">
        <v>1</v>
      </c>
      <c r="C1972" s="14" t="s">
        <v>20</v>
      </c>
      <c r="D1972" s="14" t="s">
        <v>14</v>
      </c>
      <c r="E1972" s="15">
        <v>45523</v>
      </c>
      <c r="F1972" s="14" t="s">
        <v>15</v>
      </c>
      <c r="G1972" s="16">
        <v>1.1374590429297966</v>
      </c>
    </row>
    <row r="1973" spans="1:7" x14ac:dyDescent="0.3">
      <c r="A1973" s="13" t="s">
        <v>29</v>
      </c>
      <c r="B1973" s="14" t="s">
        <v>1</v>
      </c>
      <c r="C1973" s="14" t="s">
        <v>20</v>
      </c>
      <c r="D1973" s="14" t="s">
        <v>14</v>
      </c>
      <c r="E1973" s="15">
        <v>45524</v>
      </c>
      <c r="F1973" s="14" t="s">
        <v>15</v>
      </c>
      <c r="G1973" s="16">
        <v>1.1539624461864655</v>
      </c>
    </row>
    <row r="1974" spans="1:7" x14ac:dyDescent="0.3">
      <c r="A1974" s="13" t="s">
        <v>29</v>
      </c>
      <c r="B1974" s="14" t="s">
        <v>1</v>
      </c>
      <c r="C1974" s="14" t="s">
        <v>20</v>
      </c>
      <c r="D1974" s="14" t="s">
        <v>14</v>
      </c>
      <c r="E1974" s="15">
        <v>45525</v>
      </c>
      <c r="F1974" s="14" t="s">
        <v>15</v>
      </c>
      <c r="G1974" s="16">
        <v>1.1574693245771297</v>
      </c>
    </row>
    <row r="1975" spans="1:7" x14ac:dyDescent="0.3">
      <c r="A1975" s="13" t="s">
        <v>29</v>
      </c>
      <c r="B1975" s="14" t="s">
        <v>1</v>
      </c>
      <c r="C1975" s="14" t="s">
        <v>20</v>
      </c>
      <c r="D1975" s="14" t="s">
        <v>14</v>
      </c>
      <c r="E1975" s="15">
        <v>45526</v>
      </c>
      <c r="F1975" s="14" t="s">
        <v>15</v>
      </c>
      <c r="G1975" s="16">
        <v>1.1808665388563215</v>
      </c>
    </row>
    <row r="1976" spans="1:7" x14ac:dyDescent="0.3">
      <c r="A1976" s="13" t="s">
        <v>29</v>
      </c>
      <c r="B1976" s="14" t="s">
        <v>1</v>
      </c>
      <c r="C1976" s="14" t="s">
        <v>20</v>
      </c>
      <c r="D1976" s="14" t="s">
        <v>14</v>
      </c>
      <c r="E1976" s="15">
        <v>45527</v>
      </c>
      <c r="F1976" s="14" t="s">
        <v>15</v>
      </c>
      <c r="G1976" s="16">
        <v>1.1919680191258288</v>
      </c>
    </row>
    <row r="1977" spans="1:7" x14ac:dyDescent="0.3">
      <c r="A1977" s="13" t="s">
        <v>29</v>
      </c>
      <c r="B1977" s="14" t="s">
        <v>1</v>
      </c>
      <c r="C1977" s="14" t="s">
        <v>20</v>
      </c>
      <c r="D1977" s="14" t="s">
        <v>14</v>
      </c>
      <c r="E1977" s="15">
        <v>45528</v>
      </c>
      <c r="F1977" s="14" t="s">
        <v>15</v>
      </c>
      <c r="G1977" s="16">
        <v>1.1919680191258288</v>
      </c>
    </row>
    <row r="1978" spans="1:7" x14ac:dyDescent="0.3">
      <c r="A1978" s="13" t="s">
        <v>29</v>
      </c>
      <c r="B1978" s="14" t="s">
        <v>1</v>
      </c>
      <c r="C1978" s="14" t="s">
        <v>20</v>
      </c>
      <c r="D1978" s="14" t="s">
        <v>14</v>
      </c>
      <c r="E1978" s="15">
        <v>45529</v>
      </c>
      <c r="F1978" s="14" t="s">
        <v>15</v>
      </c>
      <c r="G1978" s="16">
        <v>1.1919680191258288</v>
      </c>
    </row>
    <row r="1979" spans="1:7" x14ac:dyDescent="0.3">
      <c r="A1979" s="13" t="s">
        <v>29</v>
      </c>
      <c r="B1979" s="14" t="s">
        <v>1</v>
      </c>
      <c r="C1979" s="14" t="s">
        <v>20</v>
      </c>
      <c r="D1979" s="14" t="s">
        <v>14</v>
      </c>
      <c r="E1979" s="15">
        <v>45530</v>
      </c>
      <c r="F1979" s="14" t="s">
        <v>15</v>
      </c>
      <c r="G1979" s="16">
        <v>1.1974087254491237</v>
      </c>
    </row>
    <row r="1980" spans="1:7" x14ac:dyDescent="0.3">
      <c r="A1980" s="13" t="s">
        <v>29</v>
      </c>
      <c r="B1980" s="14" t="s">
        <v>1</v>
      </c>
      <c r="C1980" s="14" t="s">
        <v>20</v>
      </c>
      <c r="D1980" s="14" t="s">
        <v>14</v>
      </c>
      <c r="E1980" s="15">
        <v>45531</v>
      </c>
      <c r="F1980" s="14" t="s">
        <v>15</v>
      </c>
      <c r="G1980" s="16">
        <v>1.2136113374968984</v>
      </c>
    </row>
    <row r="1981" spans="1:7" x14ac:dyDescent="0.3">
      <c r="A1981" s="13" t="s">
        <v>29</v>
      </c>
      <c r="B1981" s="14" t="s">
        <v>1</v>
      </c>
      <c r="C1981" s="14" t="s">
        <v>20</v>
      </c>
      <c r="D1981" s="14" t="s">
        <v>14</v>
      </c>
      <c r="E1981" s="15">
        <v>45532</v>
      </c>
      <c r="F1981" s="14" t="s">
        <v>15</v>
      </c>
      <c r="G1981" s="16">
        <v>1.2248931796480207</v>
      </c>
    </row>
    <row r="1982" spans="1:7" x14ac:dyDescent="0.3">
      <c r="A1982" s="13" t="s">
        <v>29</v>
      </c>
      <c r="B1982" s="14" t="s">
        <v>1</v>
      </c>
      <c r="C1982" s="14" t="s">
        <v>20</v>
      </c>
      <c r="D1982" s="14" t="s">
        <v>14</v>
      </c>
      <c r="E1982" s="15">
        <v>45533</v>
      </c>
      <c r="F1982" s="14" t="s">
        <v>15</v>
      </c>
      <c r="G1982" s="16">
        <v>1.2302751445451519</v>
      </c>
    </row>
    <row r="1983" spans="1:7" x14ac:dyDescent="0.3">
      <c r="A1983" s="13" t="s">
        <v>29</v>
      </c>
      <c r="B1983" s="14" t="s">
        <v>1</v>
      </c>
      <c r="C1983" s="14" t="s">
        <v>20</v>
      </c>
      <c r="D1983" s="14" t="s">
        <v>14</v>
      </c>
      <c r="E1983" s="15">
        <v>45534</v>
      </c>
      <c r="F1983" s="14" t="s">
        <v>15</v>
      </c>
      <c r="G1983" s="16">
        <v>1.2356490536543834</v>
      </c>
    </row>
    <row r="1984" spans="1:7" x14ac:dyDescent="0.3">
      <c r="A1984" s="13" t="s">
        <v>29</v>
      </c>
      <c r="B1984" s="14" t="s">
        <v>1</v>
      </c>
      <c r="C1984" s="14" t="s">
        <v>20</v>
      </c>
      <c r="D1984" s="14" t="s">
        <v>14</v>
      </c>
      <c r="E1984" s="15">
        <v>45535</v>
      </c>
      <c r="F1984" s="14" t="s">
        <v>15</v>
      </c>
      <c r="G1984" s="16">
        <v>1.2356490536543834</v>
      </c>
    </row>
    <row r="1985" spans="1:7" x14ac:dyDescent="0.3">
      <c r="A1985" s="13" t="s">
        <v>29</v>
      </c>
      <c r="B1985" s="14" t="s">
        <v>1</v>
      </c>
      <c r="C1985" s="14" t="s">
        <v>20</v>
      </c>
      <c r="D1985" s="14" t="s">
        <v>14</v>
      </c>
      <c r="E1985" s="15">
        <v>45536</v>
      </c>
      <c r="F1985" s="14" t="s">
        <v>15</v>
      </c>
      <c r="G1985" s="16">
        <v>1.2356490536543834</v>
      </c>
    </row>
    <row r="1986" spans="1:7" x14ac:dyDescent="0.3">
      <c r="A1986" s="13" t="s">
        <v>29</v>
      </c>
      <c r="B1986" s="14" t="s">
        <v>1</v>
      </c>
      <c r="C1986" s="14" t="s">
        <v>20</v>
      </c>
      <c r="D1986" s="14" t="s">
        <v>14</v>
      </c>
      <c r="E1986" s="15">
        <v>45537</v>
      </c>
      <c r="F1986" s="14" t="s">
        <v>15</v>
      </c>
      <c r="G1986" s="16">
        <v>1.2410054576796652</v>
      </c>
    </row>
    <row r="1987" spans="1:7" x14ac:dyDescent="0.3">
      <c r="A1987" s="13" t="s">
        <v>29</v>
      </c>
      <c r="B1987" s="14" t="s">
        <v>1</v>
      </c>
      <c r="C1987" s="14" t="s">
        <v>20</v>
      </c>
      <c r="D1987" s="14" t="s">
        <v>14</v>
      </c>
      <c r="E1987" s="15">
        <v>45538</v>
      </c>
      <c r="F1987" s="14" t="s">
        <v>15</v>
      </c>
      <c r="G1987" s="16">
        <v>1.2688947845720386</v>
      </c>
    </row>
    <row r="1988" spans="1:7" x14ac:dyDescent="0.3">
      <c r="A1988" s="13" t="s">
        <v>29</v>
      </c>
      <c r="B1988" s="14" t="s">
        <v>1</v>
      </c>
      <c r="C1988" s="14" t="s">
        <v>20</v>
      </c>
      <c r="D1988" s="14" t="s">
        <v>14</v>
      </c>
      <c r="E1988" s="15">
        <v>45539</v>
      </c>
      <c r="F1988" s="14" t="s">
        <v>15</v>
      </c>
      <c r="G1988" s="16">
        <v>1.2737113857247138</v>
      </c>
    </row>
    <row r="1989" spans="1:7" x14ac:dyDescent="0.3">
      <c r="A1989" s="13" t="s">
        <v>29</v>
      </c>
      <c r="B1989" s="14" t="s">
        <v>1</v>
      </c>
      <c r="C1989" s="14" t="s">
        <v>20</v>
      </c>
      <c r="D1989" s="14" t="s">
        <v>14</v>
      </c>
      <c r="E1989" s="15">
        <v>45540</v>
      </c>
      <c r="F1989" s="14" t="s">
        <v>15</v>
      </c>
      <c r="G1989" s="16">
        <v>1.2943367965227996</v>
      </c>
    </row>
    <row r="1990" spans="1:7" x14ac:dyDescent="0.3">
      <c r="A1990" s="13" t="s">
        <v>29</v>
      </c>
      <c r="B1990" s="14" t="s">
        <v>1</v>
      </c>
      <c r="C1990" s="14" t="s">
        <v>20</v>
      </c>
      <c r="D1990" s="14" t="s">
        <v>14</v>
      </c>
      <c r="E1990" s="15">
        <v>45541</v>
      </c>
      <c r="F1990" s="14" t="s">
        <v>15</v>
      </c>
      <c r="G1990" s="16">
        <v>1.2996443541875737</v>
      </c>
    </row>
    <row r="1991" spans="1:7" x14ac:dyDescent="0.3">
      <c r="A1991" s="13" t="s">
        <v>29</v>
      </c>
      <c r="B1991" s="14" t="s">
        <v>1</v>
      </c>
      <c r="C1991" s="14" t="s">
        <v>20</v>
      </c>
      <c r="D1991" s="14" t="s">
        <v>14</v>
      </c>
      <c r="E1991" s="15">
        <v>45542</v>
      </c>
      <c r="F1991" s="14" t="s">
        <v>15</v>
      </c>
      <c r="G1991" s="16">
        <v>1.2996443541875737</v>
      </c>
    </row>
    <row r="1992" spans="1:7" x14ac:dyDescent="0.3">
      <c r="A1992" s="13" t="s">
        <v>29</v>
      </c>
      <c r="B1992" s="14" t="s">
        <v>1</v>
      </c>
      <c r="C1992" s="14" t="s">
        <v>20</v>
      </c>
      <c r="D1992" s="14" t="s">
        <v>14</v>
      </c>
      <c r="E1992" s="15">
        <v>45543</v>
      </c>
      <c r="F1992" s="14" t="s">
        <v>15</v>
      </c>
      <c r="G1992" s="16">
        <v>1.2996443541875737</v>
      </c>
    </row>
    <row r="1993" spans="1:7" x14ac:dyDescent="0.3">
      <c r="A1993" s="13" t="s">
        <v>29</v>
      </c>
      <c r="B1993" s="14" t="s">
        <v>1</v>
      </c>
      <c r="C1993" s="14" t="s">
        <v>20</v>
      </c>
      <c r="D1993" s="14" t="s">
        <v>14</v>
      </c>
      <c r="E1993" s="15">
        <v>45544</v>
      </c>
      <c r="F1993" s="14" t="s">
        <v>15</v>
      </c>
      <c r="G1993" s="16">
        <v>1.3050883981762267</v>
      </c>
    </row>
    <row r="1994" spans="1:7" x14ac:dyDescent="0.3">
      <c r="A1994" s="13" t="s">
        <v>29</v>
      </c>
      <c r="B1994" s="14" t="s">
        <v>1</v>
      </c>
      <c r="C1994" s="14" t="s">
        <v>20</v>
      </c>
      <c r="D1994" s="14" t="s">
        <v>14</v>
      </c>
      <c r="E1994" s="15">
        <v>45545</v>
      </c>
      <c r="F1994" s="14" t="s">
        <v>15</v>
      </c>
      <c r="G1994" s="16">
        <v>1.3213595282858162</v>
      </c>
    </row>
    <row r="1995" spans="1:7" x14ac:dyDescent="0.3">
      <c r="A1995" s="13" t="s">
        <v>29</v>
      </c>
      <c r="B1995" s="14" t="s">
        <v>1</v>
      </c>
      <c r="C1995" s="14" t="s">
        <v>20</v>
      </c>
      <c r="D1995" s="14" t="s">
        <v>14</v>
      </c>
      <c r="E1995" s="15">
        <v>45546</v>
      </c>
      <c r="F1995" s="14" t="s">
        <v>15</v>
      </c>
      <c r="G1995" s="16">
        <v>1.3326632298241381</v>
      </c>
    </row>
    <row r="1996" spans="1:7" x14ac:dyDescent="0.3">
      <c r="A1996" s="13" t="s">
        <v>29</v>
      </c>
      <c r="B1996" s="14" t="s">
        <v>1</v>
      </c>
      <c r="C1996" s="14" t="s">
        <v>20</v>
      </c>
      <c r="D1996" s="14" t="s">
        <v>14</v>
      </c>
      <c r="E1996" s="15">
        <v>45547</v>
      </c>
      <c r="F1996" s="14" t="s">
        <v>15</v>
      </c>
      <c r="G1996" s="16">
        <v>1.3380074576709406</v>
      </c>
    </row>
    <row r="1997" spans="1:7" x14ac:dyDescent="0.3">
      <c r="A1997" s="13" t="s">
        <v>29</v>
      </c>
      <c r="B1997" s="14" t="s">
        <v>1</v>
      </c>
      <c r="C1997" s="14" t="s">
        <v>20</v>
      </c>
      <c r="D1997" s="14" t="s">
        <v>14</v>
      </c>
      <c r="E1997" s="15">
        <v>45548</v>
      </c>
      <c r="F1997" s="14" t="s">
        <v>15</v>
      </c>
      <c r="G1997" s="16">
        <v>1.3532911396047025</v>
      </c>
    </row>
    <row r="1998" spans="1:7" x14ac:dyDescent="0.3">
      <c r="A1998" s="13" t="s">
        <v>29</v>
      </c>
      <c r="B1998" s="14" t="s">
        <v>1</v>
      </c>
      <c r="C1998" s="14" t="s">
        <v>20</v>
      </c>
      <c r="D1998" s="14" t="s">
        <v>14</v>
      </c>
      <c r="E1998" s="15">
        <v>45549</v>
      </c>
      <c r="F1998" s="14" t="s">
        <v>15</v>
      </c>
      <c r="G1998" s="16">
        <v>1.3532911396047025</v>
      </c>
    </row>
    <row r="1999" spans="1:7" x14ac:dyDescent="0.3">
      <c r="A1999" s="13" t="s">
        <v>29</v>
      </c>
      <c r="B1999" s="14" t="s">
        <v>1</v>
      </c>
      <c r="C1999" s="14" t="s">
        <v>20</v>
      </c>
      <c r="D1999" s="14" t="s">
        <v>14</v>
      </c>
      <c r="E1999" s="15">
        <v>45550</v>
      </c>
      <c r="F1999" s="14" t="s">
        <v>15</v>
      </c>
      <c r="G1999" s="16">
        <v>1.3532911396047025</v>
      </c>
    </row>
    <row r="2000" spans="1:7" x14ac:dyDescent="0.3">
      <c r="A2000" s="13" t="s">
        <v>29</v>
      </c>
      <c r="B2000" s="14" t="s">
        <v>1</v>
      </c>
      <c r="C2000" s="14" t="s">
        <v>20</v>
      </c>
      <c r="D2000" s="14" t="s">
        <v>14</v>
      </c>
      <c r="E2000" s="15">
        <v>45551</v>
      </c>
      <c r="F2000" s="14" t="s">
        <v>15</v>
      </c>
      <c r="G2000" s="16">
        <v>1.358530489025747</v>
      </c>
    </row>
    <row r="2001" spans="1:7" x14ac:dyDescent="0.3">
      <c r="A2001" s="13" t="s">
        <v>29</v>
      </c>
      <c r="B2001" s="14" t="s">
        <v>1</v>
      </c>
      <c r="C2001" s="14" t="s">
        <v>20</v>
      </c>
      <c r="D2001" s="14" t="s">
        <v>14</v>
      </c>
      <c r="E2001" s="15">
        <v>45552</v>
      </c>
      <c r="F2001" s="14" t="s">
        <v>15</v>
      </c>
      <c r="G2001" s="16">
        <v>1.3754526042863782</v>
      </c>
    </row>
    <row r="2002" spans="1:7" x14ac:dyDescent="0.3">
      <c r="A2002" s="13" t="s">
        <v>29</v>
      </c>
      <c r="B2002" s="14" t="s">
        <v>1</v>
      </c>
      <c r="C2002" s="14" t="s">
        <v>20</v>
      </c>
      <c r="D2002" s="14" t="s">
        <v>14</v>
      </c>
      <c r="E2002" s="15">
        <v>45553</v>
      </c>
      <c r="F2002" s="14" t="s">
        <v>15</v>
      </c>
      <c r="G2002" s="16">
        <v>1.3806403140129477</v>
      </c>
    </row>
    <row r="2003" spans="1:7" x14ac:dyDescent="0.3">
      <c r="A2003" s="13" t="s">
        <v>29</v>
      </c>
      <c r="B2003" s="14" t="s">
        <v>1</v>
      </c>
      <c r="C2003" s="14" t="s">
        <v>20</v>
      </c>
      <c r="D2003" s="14" t="s">
        <v>14</v>
      </c>
      <c r="E2003" s="15">
        <v>45554</v>
      </c>
      <c r="F2003" s="14" t="s">
        <v>15</v>
      </c>
      <c r="G2003" s="16">
        <v>1.3799443044420872</v>
      </c>
    </row>
    <row r="2004" spans="1:7" x14ac:dyDescent="0.3">
      <c r="A2004" s="13" t="s">
        <v>29</v>
      </c>
      <c r="B2004" s="14" t="s">
        <v>1</v>
      </c>
      <c r="C2004" s="14" t="s">
        <v>20</v>
      </c>
      <c r="D2004" s="14" t="s">
        <v>14</v>
      </c>
      <c r="E2004" s="15">
        <v>45555</v>
      </c>
      <c r="F2004" s="14" t="s">
        <v>15</v>
      </c>
      <c r="G2004" s="16">
        <v>1.3872484183777591</v>
      </c>
    </row>
    <row r="2005" spans="1:7" x14ac:dyDescent="0.3">
      <c r="A2005" s="13" t="s">
        <v>29</v>
      </c>
      <c r="B2005" s="14" t="s">
        <v>1</v>
      </c>
      <c r="C2005" s="14" t="s">
        <v>20</v>
      </c>
      <c r="D2005" s="14" t="s">
        <v>14</v>
      </c>
      <c r="E2005" s="15">
        <v>45556</v>
      </c>
      <c r="F2005" s="14" t="s">
        <v>15</v>
      </c>
      <c r="G2005" s="16">
        <v>1.3872484183777591</v>
      </c>
    </row>
    <row r="2006" spans="1:7" x14ac:dyDescent="0.3">
      <c r="A2006" s="13" t="s">
        <v>29</v>
      </c>
      <c r="B2006" s="14" t="s">
        <v>1</v>
      </c>
      <c r="C2006" s="14" t="s">
        <v>20</v>
      </c>
      <c r="D2006" s="14" t="s">
        <v>14</v>
      </c>
      <c r="E2006" s="15">
        <v>45557</v>
      </c>
      <c r="F2006" s="14" t="s">
        <v>15</v>
      </c>
      <c r="G2006" s="16">
        <v>1.3872484183777591</v>
      </c>
    </row>
    <row r="2007" spans="1:7" x14ac:dyDescent="0.3">
      <c r="A2007" s="13" t="s">
        <v>29</v>
      </c>
      <c r="B2007" s="14" t="s">
        <v>1</v>
      </c>
      <c r="C2007" s="14" t="s">
        <v>20</v>
      </c>
      <c r="D2007" s="14" t="s">
        <v>14</v>
      </c>
      <c r="E2007" s="15">
        <v>45558</v>
      </c>
      <c r="F2007" s="14" t="s">
        <v>15</v>
      </c>
      <c r="G2007" s="16">
        <v>1.3887231601832186</v>
      </c>
    </row>
    <row r="2008" spans="1:7" x14ac:dyDescent="0.3">
      <c r="A2008" s="13" t="s">
        <v>29</v>
      </c>
      <c r="B2008" s="14" t="s">
        <v>1</v>
      </c>
      <c r="C2008" s="14" t="s">
        <v>20</v>
      </c>
      <c r="D2008" s="14" t="s">
        <v>14</v>
      </c>
      <c r="E2008" s="15">
        <v>45559</v>
      </c>
      <c r="F2008" s="14" t="s">
        <v>15</v>
      </c>
      <c r="G2008" s="16">
        <v>1.4035731285783848</v>
      </c>
    </row>
    <row r="2009" spans="1:7" x14ac:dyDescent="0.3">
      <c r="A2009" s="13" t="s">
        <v>29</v>
      </c>
      <c r="B2009" s="14" t="s">
        <v>1</v>
      </c>
      <c r="C2009" s="14" t="s">
        <v>20</v>
      </c>
      <c r="D2009" s="14" t="s">
        <v>14</v>
      </c>
      <c r="E2009" s="15">
        <v>45560</v>
      </c>
      <c r="F2009" s="14" t="s">
        <v>15</v>
      </c>
      <c r="G2009" s="16">
        <v>1.4084675572333811</v>
      </c>
    </row>
    <row r="2010" spans="1:7" x14ac:dyDescent="0.3">
      <c r="A2010" s="13" t="s">
        <v>29</v>
      </c>
      <c r="B2010" s="14" t="s">
        <v>1</v>
      </c>
      <c r="C2010" s="14" t="s">
        <v>20</v>
      </c>
      <c r="D2010" s="14" t="s">
        <v>14</v>
      </c>
      <c r="E2010" s="15">
        <v>45561</v>
      </c>
      <c r="F2010" s="14" t="s">
        <v>15</v>
      </c>
      <c r="G2010" s="16">
        <v>1.4133401151800866</v>
      </c>
    </row>
    <row r="2011" spans="1:7" x14ac:dyDescent="0.3">
      <c r="A2011" s="13" t="s">
        <v>29</v>
      </c>
      <c r="B2011" s="14" t="s">
        <v>1</v>
      </c>
      <c r="C2011" s="14" t="s">
        <v>20</v>
      </c>
      <c r="D2011" s="14" t="s">
        <v>14</v>
      </c>
      <c r="E2011" s="15">
        <v>45562</v>
      </c>
      <c r="F2011" s="14" t="s">
        <v>15</v>
      </c>
      <c r="G2011" s="16">
        <v>1.4345215900649249</v>
      </c>
    </row>
    <row r="2012" spans="1:7" x14ac:dyDescent="0.3">
      <c r="A2012" s="13" t="s">
        <v>29</v>
      </c>
      <c r="B2012" s="14" t="s">
        <v>1</v>
      </c>
      <c r="C2012" s="14" t="s">
        <v>20</v>
      </c>
      <c r="D2012" s="14" t="s">
        <v>14</v>
      </c>
      <c r="E2012" s="15">
        <v>45563</v>
      </c>
      <c r="F2012" s="14" t="s">
        <v>15</v>
      </c>
      <c r="G2012" s="16">
        <v>1.4345215900649249</v>
      </c>
    </row>
    <row r="2013" spans="1:7" x14ac:dyDescent="0.3">
      <c r="A2013" s="13" t="s">
        <v>29</v>
      </c>
      <c r="B2013" s="14" t="s">
        <v>1</v>
      </c>
      <c r="C2013" s="14" t="s">
        <v>20</v>
      </c>
      <c r="D2013" s="14" t="s">
        <v>14</v>
      </c>
      <c r="E2013" s="15">
        <v>45564</v>
      </c>
      <c r="F2013" s="14" t="s">
        <v>15</v>
      </c>
      <c r="G2013" s="16">
        <v>1.4345215900649249</v>
      </c>
    </row>
    <row r="2014" spans="1:7" x14ac:dyDescent="0.3">
      <c r="A2014" s="13" t="s">
        <v>29</v>
      </c>
      <c r="B2014" s="14" t="s">
        <v>1</v>
      </c>
      <c r="C2014" s="14" t="s">
        <v>20</v>
      </c>
      <c r="D2014" s="14" t="s">
        <v>14</v>
      </c>
      <c r="E2014" s="15">
        <v>45565</v>
      </c>
      <c r="F2014" s="14" t="s">
        <v>15</v>
      </c>
      <c r="G2014" s="16">
        <v>1.4406062975554366</v>
      </c>
    </row>
    <row r="2015" spans="1:7" x14ac:dyDescent="0.3">
      <c r="A2015" s="13" t="s">
        <v>29</v>
      </c>
      <c r="B2015" s="14" t="s">
        <v>1</v>
      </c>
      <c r="C2015" s="14" t="s">
        <v>20</v>
      </c>
      <c r="D2015" s="14" t="s">
        <v>14</v>
      </c>
      <c r="E2015" s="15">
        <v>45566</v>
      </c>
      <c r="F2015" s="14" t="s">
        <v>15</v>
      </c>
      <c r="G2015" s="16">
        <v>1.458012691226066</v>
      </c>
    </row>
    <row r="2016" spans="1:7" x14ac:dyDescent="0.3">
      <c r="A2016" s="13" t="s">
        <v>29</v>
      </c>
      <c r="B2016" s="14" t="s">
        <v>1</v>
      </c>
      <c r="C2016" s="14" t="s">
        <v>20</v>
      </c>
      <c r="D2016" s="14" t="s">
        <v>14</v>
      </c>
      <c r="E2016" s="15">
        <v>45567</v>
      </c>
      <c r="F2016" s="14" t="s">
        <v>15</v>
      </c>
      <c r="G2016" s="16">
        <v>1.4763115934930353</v>
      </c>
    </row>
    <row r="2017" spans="1:7" x14ac:dyDescent="0.3">
      <c r="A2017" s="13" t="s">
        <v>29</v>
      </c>
      <c r="B2017" s="14" t="s">
        <v>1</v>
      </c>
      <c r="C2017" s="14" t="s">
        <v>20</v>
      </c>
      <c r="D2017" s="14" t="s">
        <v>14</v>
      </c>
      <c r="E2017" s="15">
        <v>45568</v>
      </c>
      <c r="F2017" s="14" t="s">
        <v>15</v>
      </c>
      <c r="G2017" s="16">
        <v>1.4812071518782519</v>
      </c>
    </row>
    <row r="2018" spans="1:7" x14ac:dyDescent="0.3">
      <c r="A2018" s="13" t="s">
        <v>29</v>
      </c>
      <c r="B2018" s="14" t="s">
        <v>1</v>
      </c>
      <c r="C2018" s="14" t="s">
        <v>20</v>
      </c>
      <c r="D2018" s="14" t="s">
        <v>14</v>
      </c>
      <c r="E2018" s="15">
        <v>45569</v>
      </c>
      <c r="F2018" s="14" t="s">
        <v>15</v>
      </c>
      <c r="G2018" s="16">
        <v>1.5005280992585064</v>
      </c>
    </row>
    <row r="2019" spans="1:7" x14ac:dyDescent="0.3">
      <c r="A2019" s="13" t="s">
        <v>29</v>
      </c>
      <c r="B2019" s="14" t="s">
        <v>1</v>
      </c>
      <c r="C2019" s="14" t="s">
        <v>20</v>
      </c>
      <c r="D2019" s="14" t="s">
        <v>14</v>
      </c>
      <c r="E2019" s="15">
        <v>45570</v>
      </c>
      <c r="F2019" s="14" t="s">
        <v>15</v>
      </c>
      <c r="G2019" s="16">
        <v>1.5005280992585064</v>
      </c>
    </row>
    <row r="2020" spans="1:7" x14ac:dyDescent="0.3">
      <c r="A2020" s="13" t="s">
        <v>29</v>
      </c>
      <c r="B2020" s="14" t="s">
        <v>1</v>
      </c>
      <c r="C2020" s="14" t="s">
        <v>20</v>
      </c>
      <c r="D2020" s="14" t="s">
        <v>14</v>
      </c>
      <c r="E2020" s="15">
        <v>45571</v>
      </c>
      <c r="F2020" s="14" t="s">
        <v>15</v>
      </c>
      <c r="G2020" s="16">
        <v>1.5005280992585064</v>
      </c>
    </row>
    <row r="2021" spans="1:7" x14ac:dyDescent="0.3">
      <c r="A2021" s="13" t="s">
        <v>29</v>
      </c>
      <c r="B2021" s="14" t="s">
        <v>1</v>
      </c>
      <c r="C2021" s="14" t="s">
        <v>20</v>
      </c>
      <c r="D2021" s="14" t="s">
        <v>14</v>
      </c>
      <c r="E2021" s="15">
        <v>45572</v>
      </c>
      <c r="F2021" s="14" t="s">
        <v>15</v>
      </c>
      <c r="G2021" s="16">
        <v>1.505400401388064</v>
      </c>
    </row>
    <row r="2022" spans="1:7" x14ac:dyDescent="0.3">
      <c r="A2022" s="13" t="s">
        <v>29</v>
      </c>
      <c r="B2022" s="14" t="s">
        <v>1</v>
      </c>
      <c r="C2022" s="14" t="s">
        <v>20</v>
      </c>
      <c r="D2022" s="14" t="s">
        <v>14</v>
      </c>
      <c r="E2022" s="15">
        <v>45573</v>
      </c>
      <c r="F2022" s="14" t="s">
        <v>15</v>
      </c>
      <c r="G2022" s="16">
        <v>1.5203265937711563</v>
      </c>
    </row>
    <row r="2023" spans="1:7" x14ac:dyDescent="0.3">
      <c r="A2023" s="13" t="s">
        <v>29</v>
      </c>
      <c r="B2023" s="14" t="s">
        <v>1</v>
      </c>
      <c r="C2023" s="14" t="s">
        <v>20</v>
      </c>
      <c r="D2023" s="14" t="s">
        <v>14</v>
      </c>
      <c r="E2023" s="15">
        <v>45574</v>
      </c>
      <c r="F2023" s="14" t="s">
        <v>15</v>
      </c>
      <c r="G2023" s="16">
        <v>1.5279739989838874</v>
      </c>
    </row>
    <row r="2024" spans="1:7" x14ac:dyDescent="0.3">
      <c r="A2024" s="13" t="s">
        <v>29</v>
      </c>
      <c r="B2024" s="14" t="s">
        <v>1</v>
      </c>
      <c r="C2024" s="14" t="s">
        <v>20</v>
      </c>
      <c r="D2024" s="14" t="s">
        <v>14</v>
      </c>
      <c r="E2024" s="15">
        <v>45575</v>
      </c>
      <c r="F2024" s="14" t="s">
        <v>15</v>
      </c>
      <c r="G2024" s="16">
        <v>1.5327527619451868</v>
      </c>
    </row>
    <row r="2025" spans="1:7" x14ac:dyDescent="0.3">
      <c r="A2025" s="13" t="s">
        <v>29</v>
      </c>
      <c r="B2025" s="14" t="s">
        <v>1</v>
      </c>
      <c r="C2025" s="14" t="s">
        <v>20</v>
      </c>
      <c r="D2025" s="14" t="s">
        <v>14</v>
      </c>
      <c r="E2025" s="15">
        <v>45576</v>
      </c>
      <c r="F2025" s="14" t="s">
        <v>15</v>
      </c>
      <c r="G2025" s="16">
        <v>1.5379581158060078</v>
      </c>
    </row>
    <row r="2026" spans="1:7" x14ac:dyDescent="0.3">
      <c r="A2026" s="13" t="s">
        <v>29</v>
      </c>
      <c r="B2026" s="14" t="s">
        <v>1</v>
      </c>
      <c r="C2026" s="14" t="s">
        <v>20</v>
      </c>
      <c r="D2026" s="14" t="s">
        <v>14</v>
      </c>
      <c r="E2026" s="15">
        <v>45577</v>
      </c>
      <c r="F2026" s="14" t="s">
        <v>15</v>
      </c>
      <c r="G2026" s="16">
        <v>1.5379581158060078</v>
      </c>
    </row>
    <row r="2027" spans="1:7" x14ac:dyDescent="0.3">
      <c r="A2027" s="13" t="s">
        <v>29</v>
      </c>
      <c r="B2027" s="14" t="s">
        <v>1</v>
      </c>
      <c r="C2027" s="14" t="s">
        <v>20</v>
      </c>
      <c r="D2027" s="14" t="s">
        <v>14</v>
      </c>
      <c r="E2027" s="15">
        <v>45578</v>
      </c>
      <c r="F2027" s="14" t="s">
        <v>15</v>
      </c>
      <c r="G2027" s="16">
        <v>1.5379581158060078</v>
      </c>
    </row>
    <row r="2028" spans="1:7" x14ac:dyDescent="0.3">
      <c r="A2028" s="13" t="s">
        <v>29</v>
      </c>
      <c r="B2028" s="14" t="s">
        <v>1</v>
      </c>
      <c r="C2028" s="14" t="s">
        <v>20</v>
      </c>
      <c r="D2028" s="14" t="s">
        <v>14</v>
      </c>
      <c r="E2028" s="15">
        <v>45579</v>
      </c>
      <c r="F2028" s="14" t="s">
        <v>15</v>
      </c>
      <c r="G2028" s="16">
        <v>1.542720984042576</v>
      </c>
    </row>
    <row r="2029" spans="1:7" x14ac:dyDescent="0.3">
      <c r="A2029" s="13" t="s">
        <v>29</v>
      </c>
      <c r="B2029" s="14" t="s">
        <v>1</v>
      </c>
      <c r="C2029" s="14" t="s">
        <v>20</v>
      </c>
      <c r="D2029" s="14" t="s">
        <v>14</v>
      </c>
      <c r="E2029" s="15">
        <v>45580</v>
      </c>
      <c r="F2029" s="14" t="s">
        <v>15</v>
      </c>
      <c r="G2029" s="16">
        <v>1.5568044192447656</v>
      </c>
    </row>
    <row r="2030" spans="1:7" x14ac:dyDescent="0.3">
      <c r="A2030" s="13" t="s">
        <v>29</v>
      </c>
      <c r="B2030" s="14" t="s">
        <v>1</v>
      </c>
      <c r="C2030" s="14" t="s">
        <v>20</v>
      </c>
      <c r="D2030" s="14" t="s">
        <v>14</v>
      </c>
      <c r="E2030" s="15">
        <v>45581</v>
      </c>
      <c r="F2030" s="14" t="s">
        <v>15</v>
      </c>
      <c r="G2030" s="16">
        <v>1.5619835636584383</v>
      </c>
    </row>
    <row r="2031" spans="1:7" x14ac:dyDescent="0.3">
      <c r="A2031" s="13" t="s">
        <v>29</v>
      </c>
      <c r="B2031" s="14" t="s">
        <v>1</v>
      </c>
      <c r="C2031" s="14" t="s">
        <v>20</v>
      </c>
      <c r="D2031" s="14" t="s">
        <v>14</v>
      </c>
      <c r="E2031" s="15">
        <v>45582</v>
      </c>
      <c r="F2031" s="14" t="s">
        <v>15</v>
      </c>
      <c r="G2031" s="16">
        <v>1.5666643676960403</v>
      </c>
    </row>
    <row r="2032" spans="1:7" x14ac:dyDescent="0.3">
      <c r="A2032" s="13" t="s">
        <v>29</v>
      </c>
      <c r="B2032" s="14" t="s">
        <v>1</v>
      </c>
      <c r="C2032" s="14" t="s">
        <v>20</v>
      </c>
      <c r="D2032" s="14" t="s">
        <v>14</v>
      </c>
      <c r="E2032" s="15">
        <v>45583</v>
      </c>
      <c r="F2032" s="14" t="s">
        <v>15</v>
      </c>
      <c r="G2032" s="16">
        <v>1.5713271825594581</v>
      </c>
    </row>
    <row r="2033" spans="1:7" x14ac:dyDescent="0.3">
      <c r="A2033" s="13" t="s">
        <v>29</v>
      </c>
      <c r="B2033" s="14" t="s">
        <v>1</v>
      </c>
      <c r="C2033" s="14" t="s">
        <v>20</v>
      </c>
      <c r="D2033" s="14" t="s">
        <v>14</v>
      </c>
      <c r="E2033" s="15">
        <v>45584</v>
      </c>
      <c r="F2033" s="14" t="s">
        <v>15</v>
      </c>
      <c r="G2033" s="16">
        <v>1.5713271825594581</v>
      </c>
    </row>
    <row r="2034" spans="1:7" x14ac:dyDescent="0.3">
      <c r="A2034" s="13" t="s">
        <v>29</v>
      </c>
      <c r="B2034" s="14" t="s">
        <v>1</v>
      </c>
      <c r="C2034" s="14" t="s">
        <v>20</v>
      </c>
      <c r="D2034" s="14" t="s">
        <v>14</v>
      </c>
      <c r="E2034" s="15">
        <v>45585</v>
      </c>
      <c r="F2034" s="14" t="s">
        <v>15</v>
      </c>
      <c r="G2034" s="16">
        <v>1.5713271825594581</v>
      </c>
    </row>
    <row r="2035" spans="1:7" x14ac:dyDescent="0.3">
      <c r="A2035" s="13" t="s">
        <v>29</v>
      </c>
      <c r="B2035" s="14" t="s">
        <v>1</v>
      </c>
      <c r="C2035" s="14" t="s">
        <v>20</v>
      </c>
      <c r="D2035" s="14" t="s">
        <v>14</v>
      </c>
      <c r="E2035" s="15">
        <v>45586</v>
      </c>
      <c r="F2035" s="14" t="s">
        <v>15</v>
      </c>
      <c r="G2035" s="16">
        <v>1.5729520576745966</v>
      </c>
    </row>
    <row r="2036" spans="1:7" x14ac:dyDescent="0.3">
      <c r="A2036" s="13" t="s">
        <v>29</v>
      </c>
      <c r="B2036" s="14" t="s">
        <v>1</v>
      </c>
      <c r="C2036" s="14" t="s">
        <v>20</v>
      </c>
      <c r="D2036" s="14" t="s">
        <v>14</v>
      </c>
      <c r="E2036" s="15">
        <v>45587</v>
      </c>
      <c r="F2036" s="14" t="s">
        <v>15</v>
      </c>
      <c r="G2036" s="16">
        <v>1.5870743800850635</v>
      </c>
    </row>
    <row r="2037" spans="1:7" x14ac:dyDescent="0.3">
      <c r="A2037" s="13" t="s">
        <v>29</v>
      </c>
      <c r="B2037" s="14" t="s">
        <v>1</v>
      </c>
      <c r="C2037" s="14" t="s">
        <v>20</v>
      </c>
      <c r="D2037" s="14" t="s">
        <v>14</v>
      </c>
      <c r="E2037" s="15">
        <v>45588</v>
      </c>
      <c r="F2037" s="14" t="s">
        <v>15</v>
      </c>
      <c r="G2037" s="16">
        <v>1.5919889088284185</v>
      </c>
    </row>
    <row r="2038" spans="1:7" x14ac:dyDescent="0.3">
      <c r="A2038" s="13" t="s">
        <v>29</v>
      </c>
      <c r="B2038" s="14" t="s">
        <v>1</v>
      </c>
      <c r="C2038" s="14" t="s">
        <v>20</v>
      </c>
      <c r="D2038" s="14" t="s">
        <v>14</v>
      </c>
      <c r="E2038" s="15">
        <v>45589</v>
      </c>
      <c r="F2038" s="14" t="s">
        <v>15</v>
      </c>
      <c r="G2038" s="16">
        <v>1.596717803753289</v>
      </c>
    </row>
    <row r="2039" spans="1:7" x14ac:dyDescent="0.3">
      <c r="A2039" s="13" t="s">
        <v>29</v>
      </c>
      <c r="B2039" s="14" t="s">
        <v>1</v>
      </c>
      <c r="C2039" s="14" t="s">
        <v>20</v>
      </c>
      <c r="D2039" s="14" t="s">
        <v>14</v>
      </c>
      <c r="E2039" s="15">
        <v>45590</v>
      </c>
      <c r="F2039" s="14" t="s">
        <v>15</v>
      </c>
      <c r="G2039" s="16">
        <v>1.6014706189990802</v>
      </c>
    </row>
    <row r="2040" spans="1:7" x14ac:dyDescent="0.3">
      <c r="A2040" s="13" t="s">
        <v>29</v>
      </c>
      <c r="B2040" s="14" t="s">
        <v>1</v>
      </c>
      <c r="C2040" s="14" t="s">
        <v>20</v>
      </c>
      <c r="D2040" s="14" t="s">
        <v>14</v>
      </c>
      <c r="E2040" s="15">
        <v>45591</v>
      </c>
      <c r="F2040" s="14" t="s">
        <v>15</v>
      </c>
      <c r="G2040" s="16">
        <v>1.6014706189990802</v>
      </c>
    </row>
    <row r="2041" spans="1:7" x14ac:dyDescent="0.3">
      <c r="A2041" s="13" t="s">
        <v>29</v>
      </c>
      <c r="B2041" s="14" t="s">
        <v>1</v>
      </c>
      <c r="C2041" s="14" t="s">
        <v>20</v>
      </c>
      <c r="D2041" s="14" t="s">
        <v>14</v>
      </c>
      <c r="E2041" s="15">
        <v>45592</v>
      </c>
      <c r="F2041" s="14" t="s">
        <v>15</v>
      </c>
      <c r="G2041" s="16">
        <v>1.6014706189990802</v>
      </c>
    </row>
    <row r="2042" spans="1:7" x14ac:dyDescent="0.3">
      <c r="A2042" s="13" t="s">
        <v>29</v>
      </c>
      <c r="B2042" s="14" t="s">
        <v>1</v>
      </c>
      <c r="C2042" s="14" t="s">
        <v>20</v>
      </c>
      <c r="D2042" s="14" t="s">
        <v>14</v>
      </c>
      <c r="E2042" s="15">
        <v>45593</v>
      </c>
      <c r="F2042" s="14" t="s">
        <v>15</v>
      </c>
      <c r="G2042" s="16">
        <v>1.6014706189990802</v>
      </c>
    </row>
    <row r="2043" spans="1:7" x14ac:dyDescent="0.3">
      <c r="A2043" s="13" t="s">
        <v>29</v>
      </c>
      <c r="B2043" s="14" t="s">
        <v>1</v>
      </c>
      <c r="C2043" s="14" t="s">
        <v>20</v>
      </c>
      <c r="D2043" s="14" t="s">
        <v>14</v>
      </c>
      <c r="E2043" s="15">
        <v>45594</v>
      </c>
      <c r="F2043" s="14" t="s">
        <v>15</v>
      </c>
      <c r="G2043" s="16">
        <v>1.6140113960435993</v>
      </c>
    </row>
    <row r="2044" spans="1:7" x14ac:dyDescent="0.3">
      <c r="A2044" s="13" t="s">
        <v>29</v>
      </c>
      <c r="B2044" s="14" t="s">
        <v>1</v>
      </c>
      <c r="C2044" s="14" t="s">
        <v>20</v>
      </c>
      <c r="D2044" s="14" t="s">
        <v>14</v>
      </c>
      <c r="E2044" s="15">
        <v>45595</v>
      </c>
      <c r="F2044" s="14" t="s">
        <v>15</v>
      </c>
      <c r="G2044" s="16">
        <v>1.6332429370197434</v>
      </c>
    </row>
    <row r="2045" spans="1:7" x14ac:dyDescent="0.3">
      <c r="A2045" s="13" t="s">
        <v>29</v>
      </c>
      <c r="B2045" s="14" t="s">
        <v>1</v>
      </c>
      <c r="C2045" s="14" t="s">
        <v>20</v>
      </c>
      <c r="D2045" s="14" t="s">
        <v>14</v>
      </c>
      <c r="E2045" s="15">
        <v>45596</v>
      </c>
      <c r="F2045" s="14" t="s">
        <v>15</v>
      </c>
      <c r="G2045" s="16">
        <v>1.6379834291189406</v>
      </c>
    </row>
    <row r="2046" spans="1:7" x14ac:dyDescent="0.3">
      <c r="A2046" s="13" t="s">
        <v>29</v>
      </c>
      <c r="B2046" s="14" t="s">
        <v>1</v>
      </c>
      <c r="C2046" s="14" t="s">
        <v>20</v>
      </c>
      <c r="D2046" s="14" t="s">
        <v>14</v>
      </c>
      <c r="E2046" s="15">
        <v>45597</v>
      </c>
      <c r="F2046" s="14" t="s">
        <v>15</v>
      </c>
      <c r="G2046" s="16">
        <v>1.6426908659879034</v>
      </c>
    </row>
    <row r="2047" spans="1:7" x14ac:dyDescent="0.3">
      <c r="A2047" s="13" t="s">
        <v>29</v>
      </c>
      <c r="B2047" s="14" t="s">
        <v>1</v>
      </c>
      <c r="C2047" s="14" t="s">
        <v>20</v>
      </c>
      <c r="D2047" s="14" t="s">
        <v>14</v>
      </c>
      <c r="E2047" s="15">
        <v>45598</v>
      </c>
      <c r="F2047" s="14" t="s">
        <v>15</v>
      </c>
      <c r="G2047" s="16">
        <v>1.6426908659879034</v>
      </c>
    </row>
    <row r="2048" spans="1:7" x14ac:dyDescent="0.3">
      <c r="A2048" s="13" t="s">
        <v>29</v>
      </c>
      <c r="B2048" s="14" t="s">
        <v>1</v>
      </c>
      <c r="C2048" s="14" t="s">
        <v>20</v>
      </c>
      <c r="D2048" s="14" t="s">
        <v>14</v>
      </c>
      <c r="E2048" s="15">
        <v>45599</v>
      </c>
      <c r="F2048" s="14" t="s">
        <v>15</v>
      </c>
      <c r="G2048" s="16">
        <v>1.6426908659879034</v>
      </c>
    </row>
    <row r="2049" spans="1:7" x14ac:dyDescent="0.3">
      <c r="A2049" s="13" t="s">
        <v>29</v>
      </c>
      <c r="B2049" s="14" t="s">
        <v>1</v>
      </c>
      <c r="C2049" s="14" t="s">
        <v>20</v>
      </c>
      <c r="D2049" s="14" t="s">
        <v>14</v>
      </c>
      <c r="E2049" s="15">
        <v>45600</v>
      </c>
      <c r="F2049" s="14" t="s">
        <v>15</v>
      </c>
      <c r="G2049" s="16">
        <v>1.6580234258032418</v>
      </c>
    </row>
    <row r="2050" spans="1:7" x14ac:dyDescent="0.3">
      <c r="A2050" s="13" t="s">
        <v>29</v>
      </c>
      <c r="B2050" s="14" t="s">
        <v>1</v>
      </c>
      <c r="C2050" s="14" t="s">
        <v>20</v>
      </c>
      <c r="D2050" s="14" t="s">
        <v>14</v>
      </c>
      <c r="E2050" s="15">
        <v>45601</v>
      </c>
      <c r="F2050" s="14" t="s">
        <v>15</v>
      </c>
      <c r="G2050" s="16">
        <v>1.6712618356787037</v>
      </c>
    </row>
    <row r="2051" spans="1:7" x14ac:dyDescent="0.3">
      <c r="A2051" s="13" t="s">
        <v>29</v>
      </c>
      <c r="B2051" s="14" t="s">
        <v>1</v>
      </c>
      <c r="C2051" s="14" t="s">
        <v>20</v>
      </c>
      <c r="D2051" s="14" t="s">
        <v>14</v>
      </c>
      <c r="E2051" s="15">
        <v>45602</v>
      </c>
      <c r="F2051" s="14" t="s">
        <v>15</v>
      </c>
      <c r="G2051" s="16">
        <v>1.6898628860227882</v>
      </c>
    </row>
    <row r="2052" spans="1:7" x14ac:dyDescent="0.3">
      <c r="A2052" s="13" t="s">
        <v>29</v>
      </c>
      <c r="B2052" s="14" t="s">
        <v>1</v>
      </c>
      <c r="C2052" s="14" t="s">
        <v>20</v>
      </c>
      <c r="D2052" s="14" t="s">
        <v>14</v>
      </c>
      <c r="E2052" s="15">
        <v>45603</v>
      </c>
      <c r="F2052" s="14" t="s">
        <v>15</v>
      </c>
      <c r="G2052" s="16">
        <v>1.6942053207740464</v>
      </c>
    </row>
    <row r="2053" spans="1:7" x14ac:dyDescent="0.3">
      <c r="A2053" s="13" t="s">
        <v>29</v>
      </c>
      <c r="B2053" s="14" t="s">
        <v>1</v>
      </c>
      <c r="C2053" s="14" t="s">
        <v>20</v>
      </c>
      <c r="D2053" s="14" t="s">
        <v>14</v>
      </c>
      <c r="E2053" s="15">
        <v>45604</v>
      </c>
      <c r="F2053" s="14" t="s">
        <v>15</v>
      </c>
      <c r="G2053" s="16">
        <v>1.6988473176512353</v>
      </c>
    </row>
    <row r="2054" spans="1:7" x14ac:dyDescent="0.3">
      <c r="A2054" s="13" t="s">
        <v>29</v>
      </c>
      <c r="B2054" s="14" t="s">
        <v>1</v>
      </c>
      <c r="C2054" s="14" t="s">
        <v>20</v>
      </c>
      <c r="D2054" s="14" t="s">
        <v>14</v>
      </c>
      <c r="E2054" s="15">
        <v>45605</v>
      </c>
      <c r="F2054" s="14" t="s">
        <v>15</v>
      </c>
      <c r="G2054" s="16">
        <v>1.6988473176512353</v>
      </c>
    </row>
    <row r="2055" spans="1:7" x14ac:dyDescent="0.3">
      <c r="A2055" s="13" t="s">
        <v>29</v>
      </c>
      <c r="B2055" s="14" t="s">
        <v>1</v>
      </c>
      <c r="C2055" s="14" t="s">
        <v>20</v>
      </c>
      <c r="D2055" s="14" t="s">
        <v>14</v>
      </c>
      <c r="E2055" s="15">
        <v>45606</v>
      </c>
      <c r="F2055" s="14" t="s">
        <v>15</v>
      </c>
      <c r="G2055" s="16">
        <v>1.6988473176512353</v>
      </c>
    </row>
    <row r="2056" spans="1:7" x14ac:dyDescent="0.3">
      <c r="A2056" s="13" t="s">
        <v>29</v>
      </c>
      <c r="B2056" s="14" t="s">
        <v>1</v>
      </c>
      <c r="C2056" s="14" t="s">
        <v>20</v>
      </c>
      <c r="D2056" s="14" t="s">
        <v>14</v>
      </c>
      <c r="E2056" s="15">
        <v>45607</v>
      </c>
      <c r="F2056" s="14" t="s">
        <v>15</v>
      </c>
      <c r="G2056" s="16">
        <v>1.7031897725261382</v>
      </c>
    </row>
    <row r="2057" spans="1:7" x14ac:dyDescent="0.3">
      <c r="A2057" s="13" t="s">
        <v>29</v>
      </c>
      <c r="B2057" s="14" t="s">
        <v>1</v>
      </c>
      <c r="C2057" s="14" t="s">
        <v>20</v>
      </c>
      <c r="D2057" s="14" t="s">
        <v>14</v>
      </c>
      <c r="E2057" s="15">
        <v>45608</v>
      </c>
      <c r="F2057" s="14" t="s">
        <v>15</v>
      </c>
      <c r="G2057" s="16">
        <v>1.7160538651042385</v>
      </c>
    </row>
    <row r="2058" spans="1:7" x14ac:dyDescent="0.3">
      <c r="A2058" s="13" t="s">
        <v>29</v>
      </c>
      <c r="B2058" s="14" t="s">
        <v>1</v>
      </c>
      <c r="C2058" s="14" t="s">
        <v>20</v>
      </c>
      <c r="D2058" s="14" t="s">
        <v>14</v>
      </c>
      <c r="E2058" s="15">
        <v>45609</v>
      </c>
      <c r="F2058" s="14" t="s">
        <v>15</v>
      </c>
      <c r="G2058" s="16">
        <v>1.7203241477091518</v>
      </c>
    </row>
    <row r="2059" spans="1:7" x14ac:dyDescent="0.3">
      <c r="A2059" s="13" t="s">
        <v>29</v>
      </c>
      <c r="B2059" s="14" t="s">
        <v>1</v>
      </c>
      <c r="C2059" s="14" t="s">
        <v>20</v>
      </c>
      <c r="D2059" s="14" t="s">
        <v>14</v>
      </c>
      <c r="E2059" s="15">
        <v>45610</v>
      </c>
      <c r="F2059" s="14" t="s">
        <v>15</v>
      </c>
      <c r="G2059" s="16">
        <v>1.7420309037845887</v>
      </c>
    </row>
    <row r="2060" spans="1:7" x14ac:dyDescent="0.3">
      <c r="A2060" s="13" t="s">
        <v>29</v>
      </c>
      <c r="B2060" s="14" t="s">
        <v>1</v>
      </c>
      <c r="C2060" s="14" t="s">
        <v>20</v>
      </c>
      <c r="D2060" s="14" t="s">
        <v>14</v>
      </c>
      <c r="E2060" s="15">
        <v>45611</v>
      </c>
      <c r="F2060" s="14" t="s">
        <v>15</v>
      </c>
      <c r="G2060" s="16">
        <v>1.8286333771436931</v>
      </c>
    </row>
    <row r="2061" spans="1:7" x14ac:dyDescent="0.3">
      <c r="A2061" s="13" t="s">
        <v>29</v>
      </c>
      <c r="B2061" s="14" t="s">
        <v>1</v>
      </c>
      <c r="C2061" s="14" t="s">
        <v>20</v>
      </c>
      <c r="D2061" s="14" t="s">
        <v>14</v>
      </c>
      <c r="E2061" s="15">
        <v>45612</v>
      </c>
      <c r="F2061" s="14" t="s">
        <v>15</v>
      </c>
      <c r="G2061" s="16">
        <v>1.8286333771436931</v>
      </c>
    </row>
    <row r="2062" spans="1:7" x14ac:dyDescent="0.3">
      <c r="A2062" s="13" t="s">
        <v>29</v>
      </c>
      <c r="B2062" s="14" t="s">
        <v>1</v>
      </c>
      <c r="C2062" s="14" t="s">
        <v>20</v>
      </c>
      <c r="D2062" s="14" t="s">
        <v>14</v>
      </c>
      <c r="E2062" s="15">
        <v>45613</v>
      </c>
      <c r="F2062" s="14" t="s">
        <v>15</v>
      </c>
      <c r="G2062" s="16">
        <v>1.8286333771436931</v>
      </c>
    </row>
    <row r="2063" spans="1:7" x14ac:dyDescent="0.3">
      <c r="A2063" s="13" t="s">
        <v>29</v>
      </c>
      <c r="B2063" s="14" t="s">
        <v>1</v>
      </c>
      <c r="C2063" s="14" t="s">
        <v>20</v>
      </c>
      <c r="D2063" s="14" t="s">
        <v>14</v>
      </c>
      <c r="E2063" s="15">
        <v>45614</v>
      </c>
      <c r="F2063" s="14" t="s">
        <v>15</v>
      </c>
      <c r="G2063" s="16">
        <v>1.8327938997910329</v>
      </c>
    </row>
    <row r="2064" spans="1:7" x14ac:dyDescent="0.3">
      <c r="A2064" s="13" t="s">
        <v>29</v>
      </c>
      <c r="B2064" s="14" t="s">
        <v>1</v>
      </c>
      <c r="C2064" s="14" t="s">
        <v>20</v>
      </c>
      <c r="D2064" s="14" t="s">
        <v>14</v>
      </c>
      <c r="E2064" s="15">
        <v>45615</v>
      </c>
      <c r="F2064" s="14" t="s">
        <v>15</v>
      </c>
      <c r="G2064" s="16">
        <v>1.8546402778070976</v>
      </c>
    </row>
    <row r="2065" spans="1:7" x14ac:dyDescent="0.3">
      <c r="A2065" s="13" t="s">
        <v>29</v>
      </c>
      <c r="B2065" s="14" t="s">
        <v>1</v>
      </c>
      <c r="C2065" s="14" t="s">
        <v>20</v>
      </c>
      <c r="D2065" s="14" t="s">
        <v>14</v>
      </c>
      <c r="E2065" s="15">
        <v>45616</v>
      </c>
      <c r="F2065" s="14" t="s">
        <v>15</v>
      </c>
      <c r="G2065" s="16">
        <v>1.8587972656044196</v>
      </c>
    </row>
    <row r="2066" spans="1:7" x14ac:dyDescent="0.3">
      <c r="A2066" s="13" t="s">
        <v>29</v>
      </c>
      <c r="B2066" s="14" t="s">
        <v>1</v>
      </c>
      <c r="C2066" s="14" t="s">
        <v>20</v>
      </c>
      <c r="D2066" s="14" t="s">
        <v>14</v>
      </c>
      <c r="E2066" s="15">
        <v>45617</v>
      </c>
      <c r="F2066" s="14" t="s">
        <v>15</v>
      </c>
      <c r="G2066" s="16">
        <v>1.8629454565306756</v>
      </c>
    </row>
    <row r="2067" spans="1:7" x14ac:dyDescent="0.3">
      <c r="A2067" s="13" t="s">
        <v>29</v>
      </c>
      <c r="B2067" s="14" t="s">
        <v>1</v>
      </c>
      <c r="C2067" s="14" t="s">
        <v>20</v>
      </c>
      <c r="D2067" s="14" t="s">
        <v>14</v>
      </c>
      <c r="E2067" s="15">
        <v>45618</v>
      </c>
      <c r="F2067" s="14" t="s">
        <v>15</v>
      </c>
      <c r="G2067" s="16">
        <v>1.867176084229174</v>
      </c>
    </row>
    <row r="2068" spans="1:7" x14ac:dyDescent="0.3">
      <c r="A2068" s="13" t="s">
        <v>29</v>
      </c>
      <c r="B2068" s="14" t="s">
        <v>1</v>
      </c>
      <c r="C2068" s="14" t="s">
        <v>20</v>
      </c>
      <c r="D2068" s="14" t="s">
        <v>14</v>
      </c>
      <c r="E2068" s="15">
        <v>45619</v>
      </c>
      <c r="F2068" s="14" t="s">
        <v>15</v>
      </c>
      <c r="G2068" s="16">
        <v>1.867176084229174</v>
      </c>
    </row>
    <row r="2069" spans="1:7" x14ac:dyDescent="0.3">
      <c r="A2069" s="13" t="s">
        <v>29</v>
      </c>
      <c r="B2069" s="14" t="s">
        <v>1</v>
      </c>
      <c r="C2069" s="14" t="s">
        <v>20</v>
      </c>
      <c r="D2069" s="14" t="s">
        <v>14</v>
      </c>
      <c r="E2069" s="15">
        <v>45620</v>
      </c>
      <c r="F2069" s="14" t="s">
        <v>15</v>
      </c>
      <c r="G2069" s="16">
        <v>1.867176084229174</v>
      </c>
    </row>
    <row r="2070" spans="1:7" x14ac:dyDescent="0.3">
      <c r="A2070" s="13" t="s">
        <v>29</v>
      </c>
      <c r="B2070" s="14" t="s">
        <v>1</v>
      </c>
      <c r="C2070" s="14" t="s">
        <v>20</v>
      </c>
      <c r="D2070" s="14" t="s">
        <v>14</v>
      </c>
      <c r="E2070" s="15">
        <v>45621</v>
      </c>
      <c r="F2070" s="14" t="s">
        <v>15</v>
      </c>
      <c r="G2070" s="16">
        <v>1.8712402181821368</v>
      </c>
    </row>
    <row r="2071" spans="1:7" x14ac:dyDescent="0.3">
      <c r="A2071" s="13" t="s">
        <v>29</v>
      </c>
      <c r="B2071" s="14" t="s">
        <v>1</v>
      </c>
      <c r="C2071" s="14" t="s">
        <v>20</v>
      </c>
      <c r="D2071" s="14" t="s">
        <v>14</v>
      </c>
      <c r="E2071" s="15">
        <v>45622</v>
      </c>
      <c r="F2071" s="14" t="s">
        <v>15</v>
      </c>
      <c r="G2071" s="16">
        <v>1.8834253326603076</v>
      </c>
    </row>
    <row r="2072" spans="1:7" x14ac:dyDescent="0.3">
      <c r="A2072" s="13" t="s">
        <v>29</v>
      </c>
      <c r="B2072" s="14" t="s">
        <v>1</v>
      </c>
      <c r="C2072" s="14" t="s">
        <v>20</v>
      </c>
      <c r="D2072" s="14" t="s">
        <v>14</v>
      </c>
      <c r="E2072" s="15">
        <v>45623</v>
      </c>
      <c r="F2072" s="14" t="s">
        <v>15</v>
      </c>
      <c r="G2072" s="16">
        <v>1.8878040160552589</v>
      </c>
    </row>
    <row r="2073" spans="1:7" x14ac:dyDescent="0.3">
      <c r="A2073" s="13" t="s">
        <v>29</v>
      </c>
      <c r="B2073" s="14" t="s">
        <v>1</v>
      </c>
      <c r="C2073" s="14" t="s">
        <v>20</v>
      </c>
      <c r="D2073" s="14" t="s">
        <v>14</v>
      </c>
      <c r="E2073" s="15">
        <v>45624</v>
      </c>
      <c r="F2073" s="14" t="s">
        <v>15</v>
      </c>
      <c r="G2073" s="16">
        <v>1.8952002142185427</v>
      </c>
    </row>
    <row r="2074" spans="1:7" x14ac:dyDescent="0.3">
      <c r="A2074" s="13" t="s">
        <v>29</v>
      </c>
      <c r="B2074" s="14" t="s">
        <v>1</v>
      </c>
      <c r="C2074" s="14" t="s">
        <v>20</v>
      </c>
      <c r="D2074" s="14" t="s">
        <v>14</v>
      </c>
      <c r="E2074" s="15">
        <v>45625</v>
      </c>
      <c r="F2074" s="14" t="s">
        <v>15</v>
      </c>
      <c r="G2074" s="16">
        <v>1.9005102102719658</v>
      </c>
    </row>
    <row r="2075" spans="1:7" x14ac:dyDescent="0.3">
      <c r="A2075" s="13" t="s">
        <v>29</v>
      </c>
      <c r="B2075" s="14" t="s">
        <v>1</v>
      </c>
      <c r="C2075" s="14" t="s">
        <v>20</v>
      </c>
      <c r="D2075" s="14" t="s">
        <v>14</v>
      </c>
      <c r="E2075" s="15">
        <v>45626</v>
      </c>
      <c r="F2075" s="14" t="s">
        <v>15</v>
      </c>
      <c r="G2075" s="16">
        <v>1.9005102102719658</v>
      </c>
    </row>
    <row r="2076" spans="1:7" x14ac:dyDescent="0.3">
      <c r="A2076" s="13" t="s">
        <v>29</v>
      </c>
      <c r="B2076" s="14" t="s">
        <v>1</v>
      </c>
      <c r="C2076" s="14" t="s">
        <v>20</v>
      </c>
      <c r="D2076" s="14" t="s">
        <v>14</v>
      </c>
      <c r="E2076" s="15">
        <v>45627</v>
      </c>
      <c r="F2076" s="14" t="s">
        <v>15</v>
      </c>
      <c r="G2076" s="16">
        <v>1.9005102102719658</v>
      </c>
    </row>
    <row r="2077" spans="1:7" x14ac:dyDescent="0.3">
      <c r="A2077" s="13" t="s">
        <v>29</v>
      </c>
      <c r="B2077" s="14" t="s">
        <v>1</v>
      </c>
      <c r="C2077" s="14" t="s">
        <v>20</v>
      </c>
      <c r="D2077" s="14" t="s">
        <v>14</v>
      </c>
      <c r="E2077" s="15">
        <v>45628</v>
      </c>
      <c r="F2077" s="14" t="s">
        <v>15</v>
      </c>
      <c r="G2077" s="16">
        <v>1.9299926477025529</v>
      </c>
    </row>
    <row r="2078" spans="1:7" x14ac:dyDescent="0.3">
      <c r="A2078" s="13" t="s">
        <v>29</v>
      </c>
      <c r="B2078" s="14" t="s">
        <v>1</v>
      </c>
      <c r="C2078" s="14" t="s">
        <v>20</v>
      </c>
      <c r="D2078" s="14" t="s">
        <v>14</v>
      </c>
      <c r="E2078" s="15">
        <v>45629</v>
      </c>
      <c r="F2078" s="14" t="s">
        <v>15</v>
      </c>
      <c r="G2078" s="16">
        <v>1.9383873132903175</v>
      </c>
    </row>
    <row r="2079" spans="1:7" x14ac:dyDescent="0.3">
      <c r="A2079" s="13" t="s">
        <v>29</v>
      </c>
      <c r="B2079" s="14" t="s">
        <v>1</v>
      </c>
      <c r="C2079" s="14" t="s">
        <v>20</v>
      </c>
      <c r="D2079" s="14" t="s">
        <v>14</v>
      </c>
      <c r="E2079" s="15">
        <v>45630</v>
      </c>
      <c r="F2079" s="14" t="s">
        <v>15</v>
      </c>
      <c r="G2079" s="16">
        <v>1.9504520711035116</v>
      </c>
    </row>
    <row r="2080" spans="1:7" x14ac:dyDescent="0.3">
      <c r="A2080" s="13" t="s">
        <v>29</v>
      </c>
      <c r="B2080" s="14" t="s">
        <v>1</v>
      </c>
      <c r="C2080" s="14" t="s">
        <v>20</v>
      </c>
      <c r="D2080" s="14" t="s">
        <v>14</v>
      </c>
      <c r="E2080" s="15">
        <v>45631</v>
      </c>
      <c r="F2080" s="14" t="s">
        <v>15</v>
      </c>
      <c r="G2080" s="16">
        <v>1.9678798421303838</v>
      </c>
    </row>
    <row r="2081" spans="1:7" x14ac:dyDescent="0.3">
      <c r="A2081" s="13" t="s">
        <v>29</v>
      </c>
      <c r="B2081" s="14" t="s">
        <v>1</v>
      </c>
      <c r="C2081" s="14" t="s">
        <v>20</v>
      </c>
      <c r="D2081" s="14" t="s">
        <v>14</v>
      </c>
      <c r="E2081" s="15">
        <v>45632</v>
      </c>
      <c r="F2081" s="14" t="s">
        <v>15</v>
      </c>
      <c r="G2081" s="16">
        <v>1.9774785799575361</v>
      </c>
    </row>
    <row r="2082" spans="1:7" x14ac:dyDescent="0.3">
      <c r="A2082" s="13" t="s">
        <v>29</v>
      </c>
      <c r="B2082" s="14" t="s">
        <v>1</v>
      </c>
      <c r="C2082" s="14" t="s">
        <v>20</v>
      </c>
      <c r="D2082" s="14" t="s">
        <v>14</v>
      </c>
      <c r="E2082" s="15">
        <v>45633</v>
      </c>
      <c r="F2082" s="14" t="s">
        <v>15</v>
      </c>
      <c r="G2082" s="16">
        <v>1.9774785799575361</v>
      </c>
    </row>
    <row r="2083" spans="1:7" x14ac:dyDescent="0.3">
      <c r="A2083" s="13" t="s">
        <v>29</v>
      </c>
      <c r="B2083" s="14" t="s">
        <v>1</v>
      </c>
      <c r="C2083" s="14" t="s">
        <v>20</v>
      </c>
      <c r="D2083" s="14" t="s">
        <v>14</v>
      </c>
      <c r="E2083" s="15">
        <v>45634</v>
      </c>
      <c r="F2083" s="14" t="s">
        <v>15</v>
      </c>
      <c r="G2083" s="16">
        <v>1.9774785799575361</v>
      </c>
    </row>
    <row r="2084" spans="1:7" x14ac:dyDescent="0.3">
      <c r="A2084" s="13" t="s">
        <v>29</v>
      </c>
      <c r="B2084" s="14" t="s">
        <v>1</v>
      </c>
      <c r="C2084" s="14" t="s">
        <v>20</v>
      </c>
      <c r="D2084" s="14" t="s">
        <v>14</v>
      </c>
      <c r="E2084" s="15">
        <v>45635</v>
      </c>
      <c r="F2084" s="14" t="s">
        <v>15</v>
      </c>
      <c r="G2084" s="16">
        <v>1.981445175194527</v>
      </c>
    </row>
    <row r="2085" spans="1:7" x14ac:dyDescent="0.3">
      <c r="A2085" s="13" t="s">
        <v>29</v>
      </c>
      <c r="B2085" s="14" t="s">
        <v>1</v>
      </c>
      <c r="C2085" s="14" t="s">
        <v>20</v>
      </c>
      <c r="D2085" s="14" t="s">
        <v>14</v>
      </c>
      <c r="E2085" s="15">
        <v>45636</v>
      </c>
      <c r="F2085" s="14" t="s">
        <v>15</v>
      </c>
      <c r="G2085" s="16">
        <v>1.9932775292692511</v>
      </c>
    </row>
    <row r="2086" spans="1:7" x14ac:dyDescent="0.3">
      <c r="A2086" s="13" t="s">
        <v>29</v>
      </c>
      <c r="B2086" s="14" t="s">
        <v>1</v>
      </c>
      <c r="C2086" s="14" t="s">
        <v>20</v>
      </c>
      <c r="D2086" s="14" t="s">
        <v>14</v>
      </c>
      <c r="E2086" s="15">
        <v>45637</v>
      </c>
      <c r="F2086" s="14" t="s">
        <v>15</v>
      </c>
      <c r="G2086" s="16">
        <v>1.9971234865073462</v>
      </c>
    </row>
    <row r="2087" spans="1:7" x14ac:dyDescent="0.3">
      <c r="A2087" s="13" t="s">
        <v>29</v>
      </c>
      <c r="B2087" s="14" t="s">
        <v>1</v>
      </c>
      <c r="C2087" s="14" t="s">
        <v>20</v>
      </c>
      <c r="D2087" s="14" t="s">
        <v>14</v>
      </c>
      <c r="E2087" s="15">
        <v>45638</v>
      </c>
      <c r="F2087" s="14" t="s">
        <v>15</v>
      </c>
      <c r="G2087" s="16">
        <v>2.0009980591828711</v>
      </c>
    </row>
    <row r="2088" spans="1:7" x14ac:dyDescent="0.3">
      <c r="A2088" s="13" t="s">
        <v>29</v>
      </c>
      <c r="B2088" s="14" t="s">
        <v>1</v>
      </c>
      <c r="C2088" s="14" t="s">
        <v>20</v>
      </c>
      <c r="D2088" s="14" t="s">
        <v>14</v>
      </c>
      <c r="E2088" s="15">
        <v>45639</v>
      </c>
      <c r="F2088" s="14" t="s">
        <v>15</v>
      </c>
      <c r="G2088" s="16">
        <v>2.0191732306196863</v>
      </c>
    </row>
    <row r="2089" spans="1:7" x14ac:dyDescent="0.3">
      <c r="A2089" s="13" t="s">
        <v>29</v>
      </c>
      <c r="B2089" s="14" t="s">
        <v>1</v>
      </c>
      <c r="C2089" s="14" t="s">
        <v>20</v>
      </c>
      <c r="D2089" s="14" t="s">
        <v>14</v>
      </c>
      <c r="E2089" s="15">
        <v>45640</v>
      </c>
      <c r="F2089" s="14" t="s">
        <v>15</v>
      </c>
      <c r="G2089" s="16">
        <v>2.0191732306196863</v>
      </c>
    </row>
    <row r="2090" spans="1:7" x14ac:dyDescent="0.3">
      <c r="A2090" s="13" t="s">
        <v>29</v>
      </c>
      <c r="B2090" s="14" t="s">
        <v>1</v>
      </c>
      <c r="C2090" s="14" t="s">
        <v>20</v>
      </c>
      <c r="D2090" s="14" t="s">
        <v>14</v>
      </c>
      <c r="E2090" s="15">
        <v>45641</v>
      </c>
      <c r="F2090" s="14" t="s">
        <v>15</v>
      </c>
      <c r="G2090" s="16">
        <v>2.0191732306196863</v>
      </c>
    </row>
    <row r="2091" spans="1:7" x14ac:dyDescent="0.3">
      <c r="A2091" s="13" t="s">
        <v>29</v>
      </c>
      <c r="B2091" s="14" t="s">
        <v>1</v>
      </c>
      <c r="C2091" s="14" t="s">
        <v>20</v>
      </c>
      <c r="D2091" s="14" t="s">
        <v>14</v>
      </c>
      <c r="E2091" s="15">
        <v>45642</v>
      </c>
      <c r="F2091" s="14" t="s">
        <v>15</v>
      </c>
      <c r="G2091" s="16">
        <v>2.0227183010859329</v>
      </c>
    </row>
    <row r="2092" spans="1:7" x14ac:dyDescent="0.3">
      <c r="A2092" s="13" t="s">
        <v>29</v>
      </c>
      <c r="B2092" s="14" t="s">
        <v>1</v>
      </c>
      <c r="C2092" s="14" t="s">
        <v>20</v>
      </c>
      <c r="D2092" s="14" t="s">
        <v>14</v>
      </c>
      <c r="E2092" s="15">
        <v>45643</v>
      </c>
      <c r="F2092" s="14" t="s">
        <v>15</v>
      </c>
      <c r="G2092" s="16">
        <v>2.0334639238495971</v>
      </c>
    </row>
    <row r="2093" spans="1:7" x14ac:dyDescent="0.3">
      <c r="A2093" s="13" t="s">
        <v>29</v>
      </c>
      <c r="B2093" s="14" t="s">
        <v>1</v>
      </c>
      <c r="C2093" s="14" t="s">
        <v>20</v>
      </c>
      <c r="D2093" s="14" t="s">
        <v>14</v>
      </c>
      <c r="E2093" s="15">
        <v>45644</v>
      </c>
      <c r="F2093" s="14" t="s">
        <v>15</v>
      </c>
      <c r="G2093" s="16">
        <v>2.0361089293287082</v>
      </c>
    </row>
    <row r="2094" spans="1:7" x14ac:dyDescent="0.3">
      <c r="A2094" s="13" t="s">
        <v>29</v>
      </c>
      <c r="B2094" s="14" t="s">
        <v>1</v>
      </c>
      <c r="C2094" s="14" t="s">
        <v>20</v>
      </c>
      <c r="D2094" s="14" t="s">
        <v>14</v>
      </c>
      <c r="E2094" s="15">
        <v>45645</v>
      </c>
      <c r="F2094" s="14" t="s">
        <v>15</v>
      </c>
      <c r="G2094" s="16">
        <v>2.0394574486315205</v>
      </c>
    </row>
    <row r="2095" spans="1:7" x14ac:dyDescent="0.3">
      <c r="A2095" s="13" t="s">
        <v>29</v>
      </c>
      <c r="B2095" s="14" t="s">
        <v>1</v>
      </c>
      <c r="C2095" s="14" t="s">
        <v>20</v>
      </c>
      <c r="D2095" s="14" t="s">
        <v>14</v>
      </c>
      <c r="E2095" s="15">
        <v>45646</v>
      </c>
      <c r="F2095" s="14" t="s">
        <v>15</v>
      </c>
      <c r="G2095" s="16">
        <v>2.0429289521472285</v>
      </c>
    </row>
    <row r="2096" spans="1:7" x14ac:dyDescent="0.3">
      <c r="A2096" s="13" t="s">
        <v>29</v>
      </c>
      <c r="B2096" s="14" t="s">
        <v>1</v>
      </c>
      <c r="C2096" s="14" t="s">
        <v>20</v>
      </c>
      <c r="D2096" s="14" t="s">
        <v>14</v>
      </c>
      <c r="E2096" s="15">
        <v>45647</v>
      </c>
      <c r="F2096" s="14" t="s">
        <v>15</v>
      </c>
      <c r="G2096" s="16">
        <v>2.0429289521472285</v>
      </c>
    </row>
    <row r="2097" spans="1:7" x14ac:dyDescent="0.3">
      <c r="A2097" s="13" t="s">
        <v>29</v>
      </c>
      <c r="B2097" s="14" t="s">
        <v>1</v>
      </c>
      <c r="C2097" s="14" t="s">
        <v>20</v>
      </c>
      <c r="D2097" s="14" t="s">
        <v>14</v>
      </c>
      <c r="E2097" s="15">
        <v>45648</v>
      </c>
      <c r="F2097" s="14" t="s">
        <v>15</v>
      </c>
      <c r="G2097" s="16">
        <v>2.0429289521472285</v>
      </c>
    </row>
    <row r="2098" spans="1:7" x14ac:dyDescent="0.3">
      <c r="A2098" s="13" t="s">
        <v>29</v>
      </c>
      <c r="B2098" s="14" t="s">
        <v>1</v>
      </c>
      <c r="C2098" s="14" t="s">
        <v>20</v>
      </c>
      <c r="D2098" s="14" t="s">
        <v>14</v>
      </c>
      <c r="E2098" s="15">
        <v>45649</v>
      </c>
      <c r="F2098" s="14" t="s">
        <v>15</v>
      </c>
      <c r="G2098" s="16">
        <v>2.0464574452865896</v>
      </c>
    </row>
    <row r="2099" spans="1:7" x14ac:dyDescent="0.3">
      <c r="A2099" s="13" t="s">
        <v>29</v>
      </c>
      <c r="B2099" s="14" t="s">
        <v>1</v>
      </c>
      <c r="C2099" s="14" t="s">
        <v>20</v>
      </c>
      <c r="D2099" s="14" t="s">
        <v>14</v>
      </c>
      <c r="E2099" s="15">
        <v>45650</v>
      </c>
      <c r="F2099" s="14" t="s">
        <v>15</v>
      </c>
      <c r="G2099" s="16">
        <v>2.0569828278760478</v>
      </c>
    </row>
    <row r="2100" spans="1:7" x14ac:dyDescent="0.3">
      <c r="A2100" s="13" t="s">
        <v>29</v>
      </c>
      <c r="B2100" s="14" t="s">
        <v>1</v>
      </c>
      <c r="C2100" s="14" t="s">
        <v>20</v>
      </c>
      <c r="D2100" s="14" t="s">
        <v>14</v>
      </c>
      <c r="E2100" s="15">
        <v>45651</v>
      </c>
      <c r="F2100" s="14" t="s">
        <v>15</v>
      </c>
      <c r="G2100" s="16">
        <v>2.0569828278760478</v>
      </c>
    </row>
    <row r="2101" spans="1:7" x14ac:dyDescent="0.3">
      <c r="A2101" s="13" t="s">
        <v>29</v>
      </c>
      <c r="B2101" s="14" t="s">
        <v>1</v>
      </c>
      <c r="C2101" s="14" t="s">
        <v>20</v>
      </c>
      <c r="D2101" s="14" t="s">
        <v>14</v>
      </c>
      <c r="E2101" s="15">
        <v>45652</v>
      </c>
      <c r="F2101" s="14" t="s">
        <v>15</v>
      </c>
      <c r="G2101" s="16">
        <v>2.0569828278760478</v>
      </c>
    </row>
    <row r="2102" spans="1:7" x14ac:dyDescent="0.3">
      <c r="A2102" s="13" t="s">
        <v>29</v>
      </c>
      <c r="B2102" s="14" t="s">
        <v>1</v>
      </c>
      <c r="C2102" s="14" t="s">
        <v>20</v>
      </c>
      <c r="D2102" s="14" t="s">
        <v>14</v>
      </c>
      <c r="E2102" s="15">
        <v>45653</v>
      </c>
      <c r="F2102" s="14" t="s">
        <v>15</v>
      </c>
      <c r="G2102" s="16">
        <v>2.0569828278760478</v>
      </c>
    </row>
    <row r="2103" spans="1:7" x14ac:dyDescent="0.3">
      <c r="A2103" s="13" t="s">
        <v>29</v>
      </c>
      <c r="B2103" s="14" t="s">
        <v>1</v>
      </c>
      <c r="C2103" s="14" t="s">
        <v>20</v>
      </c>
      <c r="D2103" s="14" t="s">
        <v>14</v>
      </c>
      <c r="E2103" s="15">
        <v>45654</v>
      </c>
      <c r="F2103" s="14" t="s">
        <v>15</v>
      </c>
      <c r="G2103" s="16">
        <v>2.0569828278760478</v>
      </c>
    </row>
    <row r="2104" spans="1:7" x14ac:dyDescent="0.3">
      <c r="A2104" s="13" t="s">
        <v>29</v>
      </c>
      <c r="B2104" s="14" t="s">
        <v>1</v>
      </c>
      <c r="C2104" s="14" t="s">
        <v>20</v>
      </c>
      <c r="D2104" s="14" t="s">
        <v>14</v>
      </c>
      <c r="E2104" s="15">
        <v>45655</v>
      </c>
      <c r="F2104" s="14" t="s">
        <v>15</v>
      </c>
      <c r="G2104" s="16">
        <v>2.0569828278760478</v>
      </c>
    </row>
    <row r="2105" spans="1:7" x14ac:dyDescent="0.3">
      <c r="A2105" s="13" t="s">
        <v>29</v>
      </c>
      <c r="B2105" s="14" t="s">
        <v>1</v>
      </c>
      <c r="C2105" s="14" t="s">
        <v>20</v>
      </c>
      <c r="D2105" s="14" t="s">
        <v>14</v>
      </c>
      <c r="E2105" s="15">
        <v>45656</v>
      </c>
      <c r="F2105" s="14" t="s">
        <v>15</v>
      </c>
      <c r="G2105" s="16">
        <v>2.0604524186083921</v>
      </c>
    </row>
    <row r="2106" spans="1:7" x14ac:dyDescent="0.3">
      <c r="A2106" s="13" t="s">
        <v>29</v>
      </c>
      <c r="B2106" s="14" t="s">
        <v>1</v>
      </c>
      <c r="C2106" s="14" t="s">
        <v>20</v>
      </c>
      <c r="D2106" s="14" t="s">
        <v>14</v>
      </c>
      <c r="E2106" s="15">
        <v>45657</v>
      </c>
      <c r="F2106" s="14" t="s">
        <v>15</v>
      </c>
      <c r="G2106" s="16">
        <v>2.0813312313398189</v>
      </c>
    </row>
    <row r="2107" spans="1:7" x14ac:dyDescent="0.3">
      <c r="A2107" s="13" t="s">
        <v>29</v>
      </c>
      <c r="B2107" s="14" t="s">
        <v>1</v>
      </c>
      <c r="C2107" s="14" t="s">
        <v>20</v>
      </c>
      <c r="D2107" s="14" t="s">
        <v>14</v>
      </c>
      <c r="E2107" s="15">
        <v>45658</v>
      </c>
      <c r="F2107" s="14" t="s">
        <v>15</v>
      </c>
      <c r="G2107" s="16">
        <v>2.0813312313398189</v>
      </c>
    </row>
    <row r="2108" spans="1:7" x14ac:dyDescent="0.3">
      <c r="A2108" s="13" t="s">
        <v>29</v>
      </c>
      <c r="B2108" s="14" t="s">
        <v>1</v>
      </c>
      <c r="C2108" s="14" t="s">
        <v>20</v>
      </c>
      <c r="D2108" s="14" t="s">
        <v>14</v>
      </c>
      <c r="E2108" s="15">
        <v>45659</v>
      </c>
      <c r="F2108" s="14" t="s">
        <v>15</v>
      </c>
      <c r="G2108" s="16">
        <v>2.0813312313398189</v>
      </c>
    </row>
    <row r="2109" spans="1:7" x14ac:dyDescent="0.3">
      <c r="A2109" s="13" t="s">
        <v>29</v>
      </c>
      <c r="B2109" s="14" t="s">
        <v>1</v>
      </c>
      <c r="C2109" s="14" t="s">
        <v>20</v>
      </c>
      <c r="D2109" s="14" t="s">
        <v>14</v>
      </c>
      <c r="E2109" s="15">
        <v>45660</v>
      </c>
      <c r="F2109" s="14" t="s">
        <v>15</v>
      </c>
      <c r="G2109" s="16">
        <v>2.0850020036497785</v>
      </c>
    </row>
    <row r="2110" spans="1:7" x14ac:dyDescent="0.3">
      <c r="A2110" s="13" t="s">
        <v>29</v>
      </c>
      <c r="B2110" s="14" t="s">
        <v>1</v>
      </c>
      <c r="C2110" s="14" t="s">
        <v>20</v>
      </c>
      <c r="D2110" s="14" t="s">
        <v>14</v>
      </c>
      <c r="E2110" s="15">
        <v>45661</v>
      </c>
      <c r="F2110" s="14" t="s">
        <v>15</v>
      </c>
      <c r="G2110" s="16">
        <v>2.0850020036497785</v>
      </c>
    </row>
    <row r="2111" spans="1:7" x14ac:dyDescent="0.3">
      <c r="A2111" s="13" t="s">
        <v>29</v>
      </c>
      <c r="B2111" s="14" t="s">
        <v>1</v>
      </c>
      <c r="C2111" s="14" t="s">
        <v>20</v>
      </c>
      <c r="D2111" s="14" t="s">
        <v>14</v>
      </c>
      <c r="E2111" s="15">
        <v>45662</v>
      </c>
      <c r="F2111" s="14" t="s">
        <v>15</v>
      </c>
      <c r="G2111" s="16">
        <v>2.0850020036497785</v>
      </c>
    </row>
    <row r="2112" spans="1:7" x14ac:dyDescent="0.3">
      <c r="A2112" s="13" t="s">
        <v>29</v>
      </c>
      <c r="B2112" s="14" t="s">
        <v>1</v>
      </c>
      <c r="C2112" s="14" t="s">
        <v>20</v>
      </c>
      <c r="D2112" s="14" t="s">
        <v>14</v>
      </c>
      <c r="E2112" s="15">
        <v>45663</v>
      </c>
      <c r="F2112" s="14" t="s">
        <v>15</v>
      </c>
      <c r="G2112" s="16">
        <v>2.1000974762199727</v>
      </c>
    </row>
    <row r="2113" spans="1:7" x14ac:dyDescent="0.3">
      <c r="A2113" s="13" t="s">
        <v>29</v>
      </c>
      <c r="B2113" s="14" t="s">
        <v>1</v>
      </c>
      <c r="C2113" s="14" t="s">
        <v>20</v>
      </c>
      <c r="D2113" s="14" t="s">
        <v>14</v>
      </c>
      <c r="E2113" s="15">
        <v>45664</v>
      </c>
      <c r="F2113" s="14" t="s">
        <v>15</v>
      </c>
      <c r="G2113" s="16">
        <v>2.1351840146739431</v>
      </c>
    </row>
    <row r="2114" spans="1:7" x14ac:dyDescent="0.3">
      <c r="A2114" s="13" t="s">
        <v>29</v>
      </c>
      <c r="B2114" s="14" t="s">
        <v>1</v>
      </c>
      <c r="C2114" s="14" t="s">
        <v>20</v>
      </c>
      <c r="D2114" s="14" t="s">
        <v>14</v>
      </c>
      <c r="E2114" s="15">
        <v>45665</v>
      </c>
      <c r="F2114" s="14" t="s">
        <v>15</v>
      </c>
      <c r="G2114" s="16">
        <v>2.1385458803118751</v>
      </c>
    </row>
    <row r="2115" spans="1:7" x14ac:dyDescent="0.3">
      <c r="A2115" s="13" t="s">
        <v>29</v>
      </c>
      <c r="B2115" s="14" t="s">
        <v>1</v>
      </c>
      <c r="C2115" s="14" t="s">
        <v>20</v>
      </c>
      <c r="D2115" s="14" t="s">
        <v>14</v>
      </c>
      <c r="E2115" s="15">
        <v>45666</v>
      </c>
      <c r="F2115" s="14" t="s">
        <v>15</v>
      </c>
      <c r="G2115" s="16">
        <v>2.1419453662716208</v>
      </c>
    </row>
    <row r="2116" spans="1:7" x14ac:dyDescent="0.3">
      <c r="A2116" s="13" t="s">
        <v>29</v>
      </c>
      <c r="B2116" s="14" t="s">
        <v>1</v>
      </c>
      <c r="C2116" s="14" t="s">
        <v>20</v>
      </c>
      <c r="D2116" s="14" t="s">
        <v>14</v>
      </c>
      <c r="E2116" s="15">
        <v>45667</v>
      </c>
      <c r="F2116" s="14" t="s">
        <v>15</v>
      </c>
      <c r="G2116" s="16">
        <v>2.1453147849474563</v>
      </c>
    </row>
    <row r="2117" spans="1:7" x14ac:dyDescent="0.3">
      <c r="A2117" s="13" t="s">
        <v>29</v>
      </c>
      <c r="B2117" s="14" t="s">
        <v>1</v>
      </c>
      <c r="C2117" s="14" t="s">
        <v>20</v>
      </c>
      <c r="D2117" s="14" t="s">
        <v>14</v>
      </c>
      <c r="E2117" s="15">
        <v>45668</v>
      </c>
      <c r="F2117" s="14" t="s">
        <v>15</v>
      </c>
      <c r="G2117" s="16">
        <v>2.1453147849474563</v>
      </c>
    </row>
    <row r="2118" spans="1:7" x14ac:dyDescent="0.3">
      <c r="A2118" s="13" t="s">
        <v>29</v>
      </c>
      <c r="B2118" s="14" t="s">
        <v>1</v>
      </c>
      <c r="C2118" s="14" t="s">
        <v>20</v>
      </c>
      <c r="D2118" s="14" t="s">
        <v>14</v>
      </c>
      <c r="E2118" s="15">
        <v>45669</v>
      </c>
      <c r="F2118" s="14" t="s">
        <v>15</v>
      </c>
      <c r="G2118" s="16">
        <v>2.1453147849474563</v>
      </c>
    </row>
    <row r="2119" spans="1:7" x14ac:dyDescent="0.3">
      <c r="A2119" s="13" t="s">
        <v>29</v>
      </c>
      <c r="B2119" s="14" t="s">
        <v>1</v>
      </c>
      <c r="C2119" s="14" t="s">
        <v>20</v>
      </c>
      <c r="D2119" s="14" t="s">
        <v>14</v>
      </c>
      <c r="E2119" s="15">
        <v>45670</v>
      </c>
      <c r="F2119" s="14" t="s">
        <v>15</v>
      </c>
      <c r="G2119" s="16">
        <v>2.1490638301986835</v>
      </c>
    </row>
    <row r="2120" spans="1:7" x14ac:dyDescent="0.3">
      <c r="A2120" s="13" t="s">
        <v>29</v>
      </c>
      <c r="B2120" s="14" t="s">
        <v>1</v>
      </c>
      <c r="C2120" s="14" t="s">
        <v>20</v>
      </c>
      <c r="D2120" s="14" t="s">
        <v>14</v>
      </c>
      <c r="E2120" s="15">
        <v>45671</v>
      </c>
      <c r="F2120" s="14" t="s">
        <v>15</v>
      </c>
      <c r="G2120" s="16">
        <v>2.1592739395394882</v>
      </c>
    </row>
    <row r="2121" spans="1:7" x14ac:dyDescent="0.3">
      <c r="A2121" s="13" t="s">
        <v>29</v>
      </c>
      <c r="B2121" s="14" t="s">
        <v>1</v>
      </c>
      <c r="C2121" s="14" t="s">
        <v>20</v>
      </c>
      <c r="D2121" s="14" t="s">
        <v>14</v>
      </c>
      <c r="E2121" s="15">
        <v>45672</v>
      </c>
      <c r="F2121" s="14" t="s">
        <v>15</v>
      </c>
      <c r="G2121" s="16">
        <v>2.1626726831247618</v>
      </c>
    </row>
    <row r="2122" spans="1:7" x14ac:dyDescent="0.3">
      <c r="A2122" s="13" t="s">
        <v>29</v>
      </c>
      <c r="B2122" s="14" t="s">
        <v>1</v>
      </c>
      <c r="C2122" s="14" t="s">
        <v>20</v>
      </c>
      <c r="D2122" s="14" t="s">
        <v>14</v>
      </c>
      <c r="E2122" s="15">
        <v>45673</v>
      </c>
      <c r="F2122" s="14" t="s">
        <v>15</v>
      </c>
      <c r="G2122" s="16">
        <v>2.1659876407130585</v>
      </c>
    </row>
    <row r="2123" spans="1:7" x14ac:dyDescent="0.3">
      <c r="A2123" s="13" t="s">
        <v>29</v>
      </c>
      <c r="B2123" s="14" t="s">
        <v>1</v>
      </c>
      <c r="C2123" s="14" t="s">
        <v>20</v>
      </c>
      <c r="D2123" s="14" t="s">
        <v>14</v>
      </c>
      <c r="E2123" s="15">
        <v>45674</v>
      </c>
      <c r="F2123" s="14" t="s">
        <v>15</v>
      </c>
      <c r="G2123" s="16">
        <v>2.1674126814985262</v>
      </c>
    </row>
    <row r="2124" spans="1:7" x14ac:dyDescent="0.3">
      <c r="A2124" s="13" t="s">
        <v>29</v>
      </c>
      <c r="B2124" s="14" t="s">
        <v>1</v>
      </c>
      <c r="C2124" s="14" t="s">
        <v>20</v>
      </c>
      <c r="D2124" s="14" t="s">
        <v>14</v>
      </c>
      <c r="E2124" s="15">
        <v>45675</v>
      </c>
      <c r="F2124" s="14" t="s">
        <v>15</v>
      </c>
      <c r="G2124" s="16">
        <v>2.1674126814985262</v>
      </c>
    </row>
    <row r="2125" spans="1:7" x14ac:dyDescent="0.3">
      <c r="A2125" s="13" t="s">
        <v>29</v>
      </c>
      <c r="B2125" s="14" t="s">
        <v>1</v>
      </c>
      <c r="C2125" s="14" t="s">
        <v>20</v>
      </c>
      <c r="D2125" s="14" t="s">
        <v>14</v>
      </c>
      <c r="E2125" s="15">
        <v>45676</v>
      </c>
      <c r="F2125" s="14" t="s">
        <v>15</v>
      </c>
      <c r="G2125" s="16">
        <v>2.1674126814985262</v>
      </c>
    </row>
    <row r="2126" spans="1:7" x14ac:dyDescent="0.3">
      <c r="A2126" s="13" t="s">
        <v>29</v>
      </c>
      <c r="B2126" s="14" t="s">
        <v>1</v>
      </c>
      <c r="C2126" s="14" t="s">
        <v>20</v>
      </c>
      <c r="D2126" s="14" t="s">
        <v>14</v>
      </c>
      <c r="E2126" s="15">
        <v>45677</v>
      </c>
      <c r="F2126" s="14" t="s">
        <v>15</v>
      </c>
      <c r="G2126" s="16">
        <v>2.1703783106240371</v>
      </c>
    </row>
    <row r="2127" spans="1:7" x14ac:dyDescent="0.3">
      <c r="A2127" s="13" t="s">
        <v>29</v>
      </c>
      <c r="B2127" s="14" t="s">
        <v>1</v>
      </c>
      <c r="C2127" s="14" t="s">
        <v>20</v>
      </c>
      <c r="D2127" s="14" t="s">
        <v>14</v>
      </c>
      <c r="E2127" s="15">
        <v>45678</v>
      </c>
      <c r="F2127" s="14" t="s">
        <v>15</v>
      </c>
      <c r="G2127" s="16">
        <v>2.1786400756233939</v>
      </c>
    </row>
    <row r="2128" spans="1:7" x14ac:dyDescent="0.3">
      <c r="A2128" s="13" t="s">
        <v>29</v>
      </c>
      <c r="B2128" s="14" t="s">
        <v>1</v>
      </c>
      <c r="C2128" s="14" t="s">
        <v>20</v>
      </c>
      <c r="D2128" s="14" t="s">
        <v>14</v>
      </c>
      <c r="E2128" s="15">
        <v>45679</v>
      </c>
      <c r="F2128" s="14" t="s">
        <v>15</v>
      </c>
      <c r="G2128" s="16">
        <v>2.1814448013667547</v>
      </c>
    </row>
    <row r="2129" spans="1:7" x14ac:dyDescent="0.3">
      <c r="A2129" s="13" t="s">
        <v>29</v>
      </c>
      <c r="B2129" s="14" t="s">
        <v>1</v>
      </c>
      <c r="C2129" s="14" t="s">
        <v>20</v>
      </c>
      <c r="D2129" s="14" t="s">
        <v>14</v>
      </c>
      <c r="E2129" s="15">
        <v>45680</v>
      </c>
      <c r="F2129" s="14" t="s">
        <v>15</v>
      </c>
      <c r="G2129" s="16">
        <v>2.1841049322766368</v>
      </c>
    </row>
    <row r="2130" spans="1:7" x14ac:dyDescent="0.3">
      <c r="A2130" s="13" t="s">
        <v>29</v>
      </c>
      <c r="B2130" s="14" t="s">
        <v>1</v>
      </c>
      <c r="C2130" s="14" t="s">
        <v>20</v>
      </c>
      <c r="D2130" s="14" t="s">
        <v>14</v>
      </c>
      <c r="E2130" s="15">
        <v>45681</v>
      </c>
      <c r="F2130" s="14" t="s">
        <v>15</v>
      </c>
      <c r="G2130" s="16">
        <v>2.1866990492679843</v>
      </c>
    </row>
    <row r="2131" spans="1:7" x14ac:dyDescent="0.3">
      <c r="A2131" s="13" t="s">
        <v>29</v>
      </c>
      <c r="B2131" s="14" t="s">
        <v>1</v>
      </c>
      <c r="C2131" s="14" t="s">
        <v>20</v>
      </c>
      <c r="D2131" s="14" t="s">
        <v>14</v>
      </c>
      <c r="E2131" s="15">
        <v>45682</v>
      </c>
      <c r="F2131" s="14" t="s">
        <v>15</v>
      </c>
      <c r="G2131" s="16">
        <v>2.1866990492679843</v>
      </c>
    </row>
    <row r="2132" spans="1:7" x14ac:dyDescent="0.3">
      <c r="A2132" s="13" t="s">
        <v>29</v>
      </c>
      <c r="B2132" s="14" t="s">
        <v>1</v>
      </c>
      <c r="C2132" s="14" t="s">
        <v>20</v>
      </c>
      <c r="D2132" s="14" t="s">
        <v>14</v>
      </c>
      <c r="E2132" s="15">
        <v>45683</v>
      </c>
      <c r="F2132" s="14" t="s">
        <v>15</v>
      </c>
      <c r="G2132" s="16">
        <v>2.1866990492679843</v>
      </c>
    </row>
    <row r="2133" spans="1:7" x14ac:dyDescent="0.3">
      <c r="A2133" s="13" t="s">
        <v>29</v>
      </c>
      <c r="B2133" s="14" t="s">
        <v>1</v>
      </c>
      <c r="C2133" s="14" t="s">
        <v>20</v>
      </c>
      <c r="D2133" s="14" t="s">
        <v>14</v>
      </c>
      <c r="E2133" s="15">
        <v>45684</v>
      </c>
      <c r="F2133" s="14" t="s">
        <v>15</v>
      </c>
      <c r="G2133" s="16">
        <v>2.195752331808182</v>
      </c>
    </row>
    <row r="2134" spans="1:7" x14ac:dyDescent="0.3">
      <c r="A2134" s="13" t="s">
        <v>29</v>
      </c>
      <c r="B2134" s="14" t="s">
        <v>1</v>
      </c>
      <c r="C2134" s="14" t="s">
        <v>20</v>
      </c>
      <c r="D2134" s="14" t="s">
        <v>14</v>
      </c>
      <c r="E2134" s="15">
        <v>45685</v>
      </c>
      <c r="F2134" s="14" t="s">
        <v>15</v>
      </c>
      <c r="G2134" s="16">
        <v>2.2035500909966359</v>
      </c>
    </row>
    <row r="2135" spans="1:7" x14ac:dyDescent="0.3">
      <c r="A2135" s="13" t="s">
        <v>29</v>
      </c>
      <c r="B2135" s="14" t="s">
        <v>1</v>
      </c>
      <c r="C2135" s="14" t="s">
        <v>20</v>
      </c>
      <c r="D2135" s="14" t="s">
        <v>14</v>
      </c>
      <c r="E2135" s="15">
        <v>45686</v>
      </c>
      <c r="F2135" s="14" t="s">
        <v>15</v>
      </c>
      <c r="G2135" s="16">
        <v>2.2061263197340817</v>
      </c>
    </row>
    <row r="2136" spans="1:7" x14ac:dyDescent="0.3">
      <c r="A2136" s="13" t="s">
        <v>29</v>
      </c>
      <c r="B2136" s="14" t="s">
        <v>1</v>
      </c>
      <c r="C2136" s="14" t="s">
        <v>20</v>
      </c>
      <c r="D2136" s="14" t="s">
        <v>14</v>
      </c>
      <c r="E2136" s="15">
        <v>45687</v>
      </c>
      <c r="F2136" s="14" t="s">
        <v>15</v>
      </c>
      <c r="G2136" s="16">
        <v>2.2086906328368641</v>
      </c>
    </row>
    <row r="2137" spans="1:7" x14ac:dyDescent="0.3">
      <c r="A2137" s="13" t="s">
        <v>29</v>
      </c>
      <c r="B2137" s="14" t="s">
        <v>1</v>
      </c>
      <c r="C2137" s="14" t="s">
        <v>20</v>
      </c>
      <c r="D2137" s="14" t="s">
        <v>14</v>
      </c>
      <c r="E2137" s="15">
        <v>45688</v>
      </c>
      <c r="F2137" s="14" t="s">
        <v>15</v>
      </c>
      <c r="G2137" s="16">
        <v>2.2112268897108565</v>
      </c>
    </row>
    <row r="2138" spans="1:7" x14ac:dyDescent="0.3">
      <c r="A2138" s="13" t="s">
        <v>29</v>
      </c>
      <c r="B2138" s="14" t="s">
        <v>1</v>
      </c>
      <c r="C2138" s="14" t="s">
        <v>20</v>
      </c>
      <c r="D2138" s="14" t="s">
        <v>14</v>
      </c>
      <c r="E2138" s="15">
        <v>45689</v>
      </c>
      <c r="F2138" s="14" t="s">
        <v>15</v>
      </c>
      <c r="G2138" s="16">
        <v>2.2112268897108565</v>
      </c>
    </row>
    <row r="2139" spans="1:7" x14ac:dyDescent="0.3">
      <c r="A2139" s="13" t="s">
        <v>29</v>
      </c>
      <c r="B2139" s="14" t="s">
        <v>1</v>
      </c>
      <c r="C2139" s="14" t="s">
        <v>20</v>
      </c>
      <c r="D2139" s="14" t="s">
        <v>14</v>
      </c>
      <c r="E2139" s="15">
        <v>45690</v>
      </c>
      <c r="F2139" s="14" t="s">
        <v>15</v>
      </c>
      <c r="G2139" s="16">
        <v>2.2112268897108565</v>
      </c>
    </row>
    <row r="2140" spans="1:7" x14ac:dyDescent="0.3">
      <c r="A2140" s="13" t="s">
        <v>29</v>
      </c>
      <c r="B2140" s="14" t="s">
        <v>1</v>
      </c>
      <c r="C2140" s="14" t="s">
        <v>20</v>
      </c>
      <c r="D2140" s="14" t="s">
        <v>14</v>
      </c>
      <c r="E2140" s="15">
        <v>45691</v>
      </c>
      <c r="F2140" s="14" t="s">
        <v>15</v>
      </c>
      <c r="G2140" s="16">
        <v>2.2112268897108565</v>
      </c>
    </row>
    <row r="2141" spans="1:7" x14ac:dyDescent="0.3">
      <c r="A2141" s="13" t="s">
        <v>29</v>
      </c>
      <c r="B2141" s="14" t="s">
        <v>1</v>
      </c>
      <c r="C2141" s="14" t="s">
        <v>20</v>
      </c>
      <c r="D2141" s="14" t="s">
        <v>14</v>
      </c>
      <c r="E2141" s="15">
        <v>45692</v>
      </c>
      <c r="F2141" s="14" t="s">
        <v>15</v>
      </c>
      <c r="G2141" s="16">
        <v>2.2137050179191644</v>
      </c>
    </row>
    <row r="2142" spans="1:7" x14ac:dyDescent="0.3">
      <c r="A2142" s="13" t="s">
        <v>29</v>
      </c>
      <c r="B2142" s="14" t="s">
        <v>1</v>
      </c>
      <c r="C2142" s="14" t="s">
        <v>20</v>
      </c>
      <c r="D2142" s="14" t="s">
        <v>14</v>
      </c>
      <c r="E2142" s="15">
        <v>45693</v>
      </c>
      <c r="F2142" s="14" t="s">
        <v>15</v>
      </c>
      <c r="G2142" s="16">
        <v>2.2779141560774043</v>
      </c>
    </row>
    <row r="2143" spans="1:7" x14ac:dyDescent="0.3">
      <c r="A2143" s="13" t="s">
        <v>29</v>
      </c>
      <c r="B2143" s="14" t="s">
        <v>1</v>
      </c>
      <c r="C2143" s="14" t="s">
        <v>20</v>
      </c>
      <c r="D2143" s="14" t="s">
        <v>14</v>
      </c>
      <c r="E2143" s="15">
        <v>45694</v>
      </c>
      <c r="F2143" s="14" t="s">
        <v>15</v>
      </c>
      <c r="G2143" s="16">
        <v>2.2821277542308223</v>
      </c>
    </row>
    <row r="2144" spans="1:7" x14ac:dyDescent="0.3">
      <c r="A2144" s="13" t="s">
        <v>29</v>
      </c>
      <c r="B2144" s="14" t="s">
        <v>1</v>
      </c>
      <c r="C2144" s="14" t="s">
        <v>20</v>
      </c>
      <c r="D2144" s="14" t="s">
        <v>14</v>
      </c>
      <c r="E2144" s="15">
        <v>45695</v>
      </c>
      <c r="F2144" s="14" t="s">
        <v>15</v>
      </c>
      <c r="G2144" s="16">
        <v>2.2992322738647699</v>
      </c>
    </row>
    <row r="2145" spans="1:7" x14ac:dyDescent="0.3">
      <c r="A2145" s="13" t="s">
        <v>29</v>
      </c>
      <c r="B2145" s="14" t="s">
        <v>1</v>
      </c>
      <c r="C2145" s="14" t="s">
        <v>20</v>
      </c>
      <c r="D2145" s="14" t="s">
        <v>14</v>
      </c>
      <c r="E2145" s="15">
        <v>45696</v>
      </c>
      <c r="F2145" s="14" t="s">
        <v>15</v>
      </c>
      <c r="G2145" s="16">
        <v>2.2992322738647699</v>
      </c>
    </row>
    <row r="2146" spans="1:7" x14ac:dyDescent="0.3">
      <c r="A2146" s="13" t="s">
        <v>29</v>
      </c>
      <c r="B2146" s="14" t="s">
        <v>1</v>
      </c>
      <c r="C2146" s="14" t="s">
        <v>20</v>
      </c>
      <c r="D2146" s="14" t="s">
        <v>14</v>
      </c>
      <c r="E2146" s="15">
        <v>45697</v>
      </c>
      <c r="F2146" s="14" t="s">
        <v>15</v>
      </c>
      <c r="G2146" s="16">
        <v>2.2992322738647699</v>
      </c>
    </row>
    <row r="2147" spans="1:7" x14ac:dyDescent="0.3">
      <c r="A2147" s="13" t="s">
        <v>29</v>
      </c>
      <c r="B2147" s="14" t="s">
        <v>1</v>
      </c>
      <c r="C2147" s="14" t="s">
        <v>20</v>
      </c>
      <c r="D2147" s="14" t="s">
        <v>14</v>
      </c>
      <c r="E2147" s="15">
        <v>45698</v>
      </c>
      <c r="F2147" s="14" t="s">
        <v>15</v>
      </c>
      <c r="G2147" s="16">
        <v>2.3033956202445327</v>
      </c>
    </row>
    <row r="2148" spans="1:7" x14ac:dyDescent="0.3">
      <c r="A2148" s="13" t="s">
        <v>29</v>
      </c>
      <c r="B2148" s="14" t="s">
        <v>1</v>
      </c>
      <c r="C2148" s="14" t="s">
        <v>20</v>
      </c>
      <c r="D2148" s="14" t="s">
        <v>14</v>
      </c>
      <c r="E2148" s="15">
        <v>45699</v>
      </c>
      <c r="F2148" s="14" t="s">
        <v>15</v>
      </c>
      <c r="G2148" s="16">
        <v>2.3160506779108898</v>
      </c>
    </row>
    <row r="2149" spans="1:7" x14ac:dyDescent="0.3">
      <c r="A2149" s="13" t="s">
        <v>29</v>
      </c>
      <c r="B2149" s="14" t="s">
        <v>1</v>
      </c>
      <c r="C2149" s="14" t="s">
        <v>20</v>
      </c>
      <c r="D2149" s="14" t="s">
        <v>14</v>
      </c>
      <c r="E2149" s="15">
        <v>45700</v>
      </c>
      <c r="F2149" s="14" t="s">
        <v>15</v>
      </c>
      <c r="G2149" s="16">
        <v>2.320226237875239</v>
      </c>
    </row>
    <row r="2150" spans="1:7" x14ac:dyDescent="0.3">
      <c r="A2150" s="13" t="s">
        <v>29</v>
      </c>
      <c r="B2150" s="14" t="s">
        <v>1</v>
      </c>
      <c r="C2150" s="14" t="s">
        <v>20</v>
      </c>
      <c r="D2150" s="14" t="s">
        <v>14</v>
      </c>
      <c r="E2150" s="15">
        <v>45701</v>
      </c>
      <c r="F2150" s="14" t="s">
        <v>15</v>
      </c>
      <c r="G2150" s="16">
        <v>2.3243657160599502</v>
      </c>
    </row>
    <row r="2151" spans="1:7" x14ac:dyDescent="0.3">
      <c r="A2151" s="13" t="s">
        <v>29</v>
      </c>
      <c r="B2151" s="14" t="s">
        <v>1</v>
      </c>
      <c r="C2151" s="14" t="s">
        <v>20</v>
      </c>
      <c r="D2151" s="14" t="s">
        <v>14</v>
      </c>
      <c r="E2151" s="15">
        <v>45702</v>
      </c>
      <c r="F2151" s="14" t="s">
        <v>15</v>
      </c>
      <c r="G2151" s="16">
        <v>2.3343716003532662</v>
      </c>
    </row>
    <row r="2152" spans="1:7" x14ac:dyDescent="0.3">
      <c r="A2152" s="13" t="s">
        <v>29</v>
      </c>
      <c r="B2152" s="14" t="s">
        <v>1</v>
      </c>
      <c r="C2152" s="14" t="s">
        <v>20</v>
      </c>
      <c r="D2152" s="14" t="s">
        <v>14</v>
      </c>
      <c r="E2152" s="15">
        <v>45703</v>
      </c>
      <c r="F2152" s="14" t="s">
        <v>15</v>
      </c>
      <c r="G2152" s="16">
        <v>2.3343716003532662</v>
      </c>
    </row>
    <row r="2153" spans="1:7" x14ac:dyDescent="0.3">
      <c r="A2153" s="13" t="s">
        <v>29</v>
      </c>
      <c r="B2153" s="14" t="s">
        <v>1</v>
      </c>
      <c r="C2153" s="14" t="s">
        <v>20</v>
      </c>
      <c r="D2153" s="14" t="s">
        <v>14</v>
      </c>
      <c r="E2153" s="15">
        <v>45704</v>
      </c>
      <c r="F2153" s="14" t="s">
        <v>15</v>
      </c>
      <c r="G2153" s="16">
        <v>2.3343716003532662</v>
      </c>
    </row>
    <row r="2154" spans="1:7" x14ac:dyDescent="0.3">
      <c r="A2154" s="13" t="s">
        <v>29</v>
      </c>
      <c r="B2154" s="14" t="s">
        <v>1</v>
      </c>
      <c r="C2154" s="14" t="s">
        <v>20</v>
      </c>
      <c r="D2154" s="14" t="s">
        <v>14</v>
      </c>
      <c r="E2154" s="15">
        <v>45705</v>
      </c>
      <c r="F2154" s="14" t="s">
        <v>15</v>
      </c>
      <c r="G2154" s="16">
        <v>2.3384735518165072</v>
      </c>
    </row>
    <row r="2155" spans="1:7" x14ac:dyDescent="0.3">
      <c r="A2155" s="13" t="s">
        <v>29</v>
      </c>
      <c r="B2155" s="14" t="s">
        <v>1</v>
      </c>
      <c r="C2155" s="14" t="s">
        <v>20</v>
      </c>
      <c r="D2155" s="14" t="s">
        <v>14</v>
      </c>
      <c r="E2155" s="15">
        <v>45706</v>
      </c>
      <c r="F2155" s="14" t="s">
        <v>15</v>
      </c>
      <c r="G2155" s="16">
        <v>2.3507978610646725</v>
      </c>
    </row>
    <row r="2156" spans="1:7" x14ac:dyDescent="0.3">
      <c r="A2156" s="13" t="s">
        <v>29</v>
      </c>
      <c r="B2156" s="14" t="s">
        <v>1</v>
      </c>
      <c r="C2156" s="14" t="s">
        <v>20</v>
      </c>
      <c r="D2156" s="14" t="s">
        <v>14</v>
      </c>
      <c r="E2156" s="15">
        <v>45707</v>
      </c>
      <c r="F2156" s="14" t="s">
        <v>15</v>
      </c>
      <c r="G2156" s="16">
        <v>2.352553102850103</v>
      </c>
    </row>
    <row r="2157" spans="1:7" x14ac:dyDescent="0.3">
      <c r="A2157" s="13" t="s">
        <v>29</v>
      </c>
      <c r="B2157" s="14" t="s">
        <v>1</v>
      </c>
      <c r="C2157" s="14" t="s">
        <v>20</v>
      </c>
      <c r="D2157" s="14" t="s">
        <v>14</v>
      </c>
      <c r="E2157" s="15">
        <v>45708</v>
      </c>
      <c r="F2157" s="14" t="s">
        <v>15</v>
      </c>
      <c r="G2157" s="16">
        <v>2.3564898458178694</v>
      </c>
    </row>
    <row r="2158" spans="1:7" x14ac:dyDescent="0.3">
      <c r="A2158" s="13" t="s">
        <v>29</v>
      </c>
      <c r="B2158" s="14" t="s">
        <v>1</v>
      </c>
      <c r="C2158" s="14" t="s">
        <v>20</v>
      </c>
      <c r="D2158" s="14" t="s">
        <v>14</v>
      </c>
      <c r="E2158" s="15">
        <v>45709</v>
      </c>
      <c r="F2158" s="14" t="s">
        <v>15</v>
      </c>
      <c r="G2158" s="16">
        <v>2.3595002082766725</v>
      </c>
    </row>
    <row r="2159" spans="1:7" x14ac:dyDescent="0.3">
      <c r="A2159" s="13" t="s">
        <v>29</v>
      </c>
      <c r="B2159" s="14" t="s">
        <v>1</v>
      </c>
      <c r="C2159" s="14" t="s">
        <v>20</v>
      </c>
      <c r="D2159" s="14" t="s">
        <v>14</v>
      </c>
      <c r="E2159" s="15">
        <v>45710</v>
      </c>
      <c r="F2159" s="14" t="s">
        <v>15</v>
      </c>
      <c r="G2159" s="16">
        <v>2.3595002082766725</v>
      </c>
    </row>
    <row r="2160" spans="1:7" x14ac:dyDescent="0.3">
      <c r="A2160" s="13" t="s">
        <v>29</v>
      </c>
      <c r="B2160" s="14" t="s">
        <v>1</v>
      </c>
      <c r="C2160" s="14" t="s">
        <v>20</v>
      </c>
      <c r="D2160" s="14" t="s">
        <v>14</v>
      </c>
      <c r="E2160" s="15">
        <v>45711</v>
      </c>
      <c r="F2160" s="14" t="s">
        <v>15</v>
      </c>
      <c r="G2160" s="16">
        <v>2.3595002082766725</v>
      </c>
    </row>
    <row r="2161" spans="1:7" x14ac:dyDescent="0.3">
      <c r="A2161" s="13" t="s">
        <v>29</v>
      </c>
      <c r="B2161" s="14" t="s">
        <v>1</v>
      </c>
      <c r="C2161" s="14" t="s">
        <v>20</v>
      </c>
      <c r="D2161" s="14" t="s">
        <v>14</v>
      </c>
      <c r="E2161" s="15">
        <v>45712</v>
      </c>
      <c r="F2161" s="14" t="s">
        <v>15</v>
      </c>
      <c r="G2161" s="16">
        <v>2.3623260160079806</v>
      </c>
    </row>
    <row r="2162" spans="1:7" x14ac:dyDescent="0.3">
      <c r="A2162" s="13" t="s">
        <v>29</v>
      </c>
      <c r="B2162" s="14" t="s">
        <v>1</v>
      </c>
      <c r="C2162" s="14" t="s">
        <v>20</v>
      </c>
      <c r="D2162" s="14" t="s">
        <v>14</v>
      </c>
      <c r="E2162" s="15">
        <v>45713</v>
      </c>
      <c r="F2162" s="14" t="s">
        <v>15</v>
      </c>
      <c r="G2162" s="16">
        <v>2.3841019257857927</v>
      </c>
    </row>
    <row r="2163" spans="1:7" x14ac:dyDescent="0.3">
      <c r="A2163" s="13" t="s">
        <v>29</v>
      </c>
      <c r="B2163" s="14" t="s">
        <v>1</v>
      </c>
      <c r="C2163" s="14" t="s">
        <v>20</v>
      </c>
      <c r="D2163" s="14" t="s">
        <v>14</v>
      </c>
      <c r="E2163" s="15">
        <v>45714</v>
      </c>
      <c r="F2163" s="14" t="s">
        <v>15</v>
      </c>
      <c r="G2163" s="16">
        <v>2.3869137895190695</v>
      </c>
    </row>
    <row r="2164" spans="1:7" x14ac:dyDescent="0.3">
      <c r="A2164" s="13" t="s">
        <v>29</v>
      </c>
      <c r="B2164" s="14" t="s">
        <v>1</v>
      </c>
      <c r="C2164" s="14" t="s">
        <v>20</v>
      </c>
      <c r="D2164" s="14" t="s">
        <v>14</v>
      </c>
      <c r="E2164" s="15">
        <v>45715</v>
      </c>
      <c r="F2164" s="14" t="s">
        <v>15</v>
      </c>
      <c r="G2164" s="16">
        <v>2.4015436999139301</v>
      </c>
    </row>
    <row r="2165" spans="1:7" x14ac:dyDescent="0.3">
      <c r="A2165" s="13" t="s">
        <v>29</v>
      </c>
      <c r="B2165" s="14" t="s">
        <v>1</v>
      </c>
      <c r="C2165" s="14" t="s">
        <v>20</v>
      </c>
      <c r="D2165" s="14" t="s">
        <v>14</v>
      </c>
      <c r="E2165" s="15">
        <v>45716</v>
      </c>
      <c r="F2165" s="14" t="s">
        <v>15</v>
      </c>
      <c r="G2165" s="16">
        <v>2.4044041462183148</v>
      </c>
    </row>
    <row r="2166" spans="1:7" x14ac:dyDescent="0.3">
      <c r="A2166" s="13" t="s">
        <v>29</v>
      </c>
      <c r="B2166" s="14" t="s">
        <v>1</v>
      </c>
      <c r="C2166" s="14" t="s">
        <v>20</v>
      </c>
      <c r="D2166" s="14" t="s">
        <v>14</v>
      </c>
      <c r="E2166" s="15">
        <v>45717</v>
      </c>
      <c r="F2166" s="14" t="s">
        <v>15</v>
      </c>
      <c r="G2166" s="16">
        <v>2.4044041462183148</v>
      </c>
    </row>
    <row r="2167" spans="1:7" x14ac:dyDescent="0.3">
      <c r="A2167" s="13" t="s">
        <v>29</v>
      </c>
      <c r="B2167" s="14" t="s">
        <v>1</v>
      </c>
      <c r="C2167" s="14" t="s">
        <v>20</v>
      </c>
      <c r="D2167" s="14" t="s">
        <v>14</v>
      </c>
      <c r="E2167" s="15">
        <v>45718</v>
      </c>
      <c r="F2167" s="14" t="s">
        <v>15</v>
      </c>
      <c r="G2167" s="16">
        <v>2.4044041462183148</v>
      </c>
    </row>
    <row r="2168" spans="1:7" x14ac:dyDescent="0.3">
      <c r="A2168" s="13" t="s">
        <v>29</v>
      </c>
      <c r="B2168" s="14" t="s">
        <v>1</v>
      </c>
      <c r="C2168" s="14" t="s">
        <v>20</v>
      </c>
      <c r="D2168" s="14" t="s">
        <v>14</v>
      </c>
      <c r="E2168" s="15">
        <v>45719</v>
      </c>
      <c r="F2168" s="14" t="s">
        <v>15</v>
      </c>
      <c r="G2168" s="16">
        <v>2.4070490480191453</v>
      </c>
    </row>
    <row r="2169" spans="1:7" x14ac:dyDescent="0.3">
      <c r="A2169" s="13" t="s">
        <v>29</v>
      </c>
      <c r="B2169" s="14" t="s">
        <v>1</v>
      </c>
      <c r="C2169" s="14" t="s">
        <v>20</v>
      </c>
      <c r="D2169" s="14" t="s">
        <v>14</v>
      </c>
      <c r="E2169" s="15">
        <v>45720</v>
      </c>
      <c r="F2169" s="14" t="s">
        <v>15</v>
      </c>
      <c r="G2169" s="16">
        <v>2.4223439215011227</v>
      </c>
    </row>
    <row r="2170" spans="1:7" x14ac:dyDescent="0.3">
      <c r="A2170" s="13" t="s">
        <v>29</v>
      </c>
      <c r="B2170" s="14" t="s">
        <v>1</v>
      </c>
      <c r="C2170" s="14" t="s">
        <v>20</v>
      </c>
      <c r="D2170" s="14" t="s">
        <v>14</v>
      </c>
      <c r="E2170" s="15">
        <v>45721</v>
      </c>
      <c r="F2170" s="14" t="s">
        <v>15</v>
      </c>
      <c r="G2170" s="16">
        <v>2.4250027519269488</v>
      </c>
    </row>
    <row r="2171" spans="1:7" x14ac:dyDescent="0.3">
      <c r="A2171" s="13" t="s">
        <v>29</v>
      </c>
      <c r="B2171" s="14" t="s">
        <v>1</v>
      </c>
      <c r="C2171" s="14" t="s">
        <v>20</v>
      </c>
      <c r="D2171" s="14" t="s">
        <v>14</v>
      </c>
      <c r="E2171" s="15">
        <v>45722</v>
      </c>
      <c r="F2171" s="14" t="s">
        <v>15</v>
      </c>
      <c r="G2171" s="16">
        <v>2.4388625351666051</v>
      </c>
    </row>
    <row r="2172" spans="1:7" x14ac:dyDescent="0.3">
      <c r="A2172" s="13" t="s">
        <v>29</v>
      </c>
      <c r="B2172" s="14" t="s">
        <v>1</v>
      </c>
      <c r="C2172" s="14" t="s">
        <v>20</v>
      </c>
      <c r="D2172" s="14" t="s">
        <v>14</v>
      </c>
      <c r="E2172" s="15">
        <v>45723</v>
      </c>
      <c r="F2172" s="14" t="s">
        <v>15</v>
      </c>
      <c r="G2172" s="16">
        <v>2.4424376895209354</v>
      </c>
    </row>
    <row r="2173" spans="1:7" x14ac:dyDescent="0.3">
      <c r="A2173" s="13" t="s">
        <v>29</v>
      </c>
      <c r="B2173" s="14" t="s">
        <v>1</v>
      </c>
      <c r="C2173" s="14" t="s">
        <v>20</v>
      </c>
      <c r="D2173" s="14" t="s">
        <v>14</v>
      </c>
      <c r="E2173" s="15">
        <v>45724</v>
      </c>
      <c r="F2173" s="14" t="s">
        <v>15</v>
      </c>
      <c r="G2173" s="16">
        <v>2.4424376895209354</v>
      </c>
    </row>
    <row r="2174" spans="1:7" x14ac:dyDescent="0.3">
      <c r="A2174" s="13" t="s">
        <v>29</v>
      </c>
      <c r="B2174" s="14" t="s">
        <v>1</v>
      </c>
      <c r="C2174" s="14" t="s">
        <v>20</v>
      </c>
      <c r="D2174" s="14" t="s">
        <v>14</v>
      </c>
      <c r="E2174" s="15">
        <v>45725</v>
      </c>
      <c r="F2174" s="14" t="s">
        <v>15</v>
      </c>
      <c r="G2174" s="16">
        <v>2.4424376895209354</v>
      </c>
    </row>
    <row r="2175" spans="1:7" x14ac:dyDescent="0.3">
      <c r="A2175" s="13" t="s">
        <v>29</v>
      </c>
      <c r="B2175" s="14" t="s">
        <v>1</v>
      </c>
      <c r="C2175" s="14" t="s">
        <v>20</v>
      </c>
      <c r="D2175" s="14" t="s">
        <v>14</v>
      </c>
      <c r="E2175" s="15">
        <v>45726</v>
      </c>
      <c r="F2175" s="14" t="s">
        <v>15</v>
      </c>
      <c r="G2175" s="16">
        <v>2.4452329500712722</v>
      </c>
    </row>
    <row r="2176" spans="1:7" x14ac:dyDescent="0.3">
      <c r="A2176" s="13" t="s">
        <v>29</v>
      </c>
      <c r="B2176" s="14" t="s">
        <v>1</v>
      </c>
      <c r="C2176" s="14" t="s">
        <v>20</v>
      </c>
      <c r="D2176" s="14" t="s">
        <v>14</v>
      </c>
      <c r="E2176" s="15">
        <v>45727</v>
      </c>
      <c r="F2176" s="14" t="s">
        <v>15</v>
      </c>
      <c r="G2176" s="16">
        <v>2.4534639416431361</v>
      </c>
    </row>
    <row r="2177" spans="1:7" x14ac:dyDescent="0.3">
      <c r="A2177" s="13" t="s">
        <v>29</v>
      </c>
      <c r="B2177" s="14" t="s">
        <v>1</v>
      </c>
      <c r="C2177" s="14" t="s">
        <v>20</v>
      </c>
      <c r="D2177" s="14" t="s">
        <v>14</v>
      </c>
      <c r="E2177" s="15">
        <v>45728</v>
      </c>
      <c r="F2177" s="14" t="s">
        <v>15</v>
      </c>
      <c r="G2177" s="16">
        <v>2.4561616287838914</v>
      </c>
    </row>
    <row r="2178" spans="1:7" x14ac:dyDescent="0.3">
      <c r="A2178" s="13" t="s">
        <v>29</v>
      </c>
      <c r="B2178" s="14" t="s">
        <v>1</v>
      </c>
      <c r="C2178" s="14" t="s">
        <v>20</v>
      </c>
      <c r="D2178" s="14" t="s">
        <v>14</v>
      </c>
      <c r="E2178" s="15">
        <v>45729</v>
      </c>
      <c r="F2178" s="14" t="s">
        <v>15</v>
      </c>
      <c r="G2178" s="16">
        <v>2.4589792123794414</v>
      </c>
    </row>
    <row r="2179" spans="1:7" x14ac:dyDescent="0.3">
      <c r="A2179" s="13" t="s">
        <v>29</v>
      </c>
      <c r="B2179" s="14" t="s">
        <v>1</v>
      </c>
      <c r="C2179" s="14" t="s">
        <v>20</v>
      </c>
      <c r="D2179" s="14" t="s">
        <v>14</v>
      </c>
      <c r="E2179" s="15">
        <v>45730</v>
      </c>
      <c r="F2179" s="14" t="s">
        <v>15</v>
      </c>
      <c r="G2179" s="16">
        <v>2.4747783794079163</v>
      </c>
    </row>
    <row r="2180" spans="1:7" x14ac:dyDescent="0.3">
      <c r="A2180" s="13" t="s">
        <v>29</v>
      </c>
      <c r="B2180" s="14" t="s">
        <v>1</v>
      </c>
      <c r="C2180" s="14" t="s">
        <v>20</v>
      </c>
      <c r="D2180" s="14" t="s">
        <v>14</v>
      </c>
      <c r="E2180" s="15">
        <v>45731</v>
      </c>
      <c r="F2180" s="14" t="s">
        <v>15</v>
      </c>
      <c r="G2180" s="16">
        <v>2.4747783794079163</v>
      </c>
    </row>
    <row r="2181" spans="1:7" x14ac:dyDescent="0.3">
      <c r="A2181" s="13" t="s">
        <v>29</v>
      </c>
      <c r="B2181" s="14" t="s">
        <v>1</v>
      </c>
      <c r="C2181" s="14" t="s">
        <v>20</v>
      </c>
      <c r="D2181" s="14" t="s">
        <v>14</v>
      </c>
      <c r="E2181" s="15">
        <v>45732</v>
      </c>
      <c r="F2181" s="14" t="s">
        <v>15</v>
      </c>
      <c r="G2181" s="16">
        <v>2.4747783794079163</v>
      </c>
    </row>
    <row r="2182" spans="1:7" x14ac:dyDescent="0.3">
      <c r="A2182" s="13" t="s">
        <v>29</v>
      </c>
      <c r="B2182" s="14" t="s">
        <v>1</v>
      </c>
      <c r="C2182" s="14" t="s">
        <v>20</v>
      </c>
      <c r="D2182" s="14" t="s">
        <v>14</v>
      </c>
      <c r="E2182" s="15">
        <v>45733</v>
      </c>
      <c r="F2182" s="14" t="s">
        <v>15</v>
      </c>
      <c r="G2182" s="16">
        <v>2.4747783794079163</v>
      </c>
    </row>
    <row r="2183" spans="1:7" x14ac:dyDescent="0.3">
      <c r="A2183" s="13" t="s">
        <v>29</v>
      </c>
      <c r="B2183" s="14" t="s">
        <v>1</v>
      </c>
      <c r="C2183" s="14" t="s">
        <v>20</v>
      </c>
      <c r="D2183" s="14" t="s">
        <v>14</v>
      </c>
      <c r="E2183" s="15">
        <v>45734</v>
      </c>
      <c r="F2183" s="14" t="s">
        <v>15</v>
      </c>
      <c r="G2183" s="16">
        <v>2.4773908239264952</v>
      </c>
    </row>
    <row r="2184" spans="1:7" x14ac:dyDescent="0.3">
      <c r="A2184" s="13" t="s">
        <v>29</v>
      </c>
      <c r="B2184" s="14" t="s">
        <v>1</v>
      </c>
      <c r="C2184" s="14" t="s">
        <v>20</v>
      </c>
      <c r="D2184" s="14" t="s">
        <v>14</v>
      </c>
      <c r="E2184" s="15">
        <v>45735</v>
      </c>
      <c r="F2184" s="14" t="s">
        <v>15</v>
      </c>
      <c r="G2184" s="16">
        <v>2.4874294773021548</v>
      </c>
    </row>
    <row r="2185" spans="1:7" x14ac:dyDescent="0.3">
      <c r="A2185" s="13" t="s">
        <v>29</v>
      </c>
      <c r="B2185" s="14" t="s">
        <v>1</v>
      </c>
      <c r="C2185" s="14" t="s">
        <v>20</v>
      </c>
      <c r="D2185" s="14" t="s">
        <v>14</v>
      </c>
      <c r="E2185" s="15">
        <v>45736</v>
      </c>
      <c r="F2185" s="14" t="s">
        <v>15</v>
      </c>
      <c r="G2185" s="16">
        <v>2.4893738516573363</v>
      </c>
    </row>
    <row r="2186" spans="1:7" x14ac:dyDescent="0.3">
      <c r="A2186" s="13" t="s">
        <v>29</v>
      </c>
      <c r="B2186" s="14" t="s">
        <v>1</v>
      </c>
      <c r="C2186" s="14" t="s">
        <v>20</v>
      </c>
      <c r="D2186" s="14" t="s">
        <v>14</v>
      </c>
      <c r="E2186" s="15">
        <v>45737</v>
      </c>
      <c r="F2186" s="14" t="s">
        <v>15</v>
      </c>
      <c r="G2186" s="16">
        <v>2.4912637833477058</v>
      </c>
    </row>
    <row r="2187" spans="1:7" x14ac:dyDescent="0.3">
      <c r="A2187" s="13" t="s">
        <v>29</v>
      </c>
      <c r="B2187" s="14" t="s">
        <v>1</v>
      </c>
      <c r="C2187" s="14" t="s">
        <v>20</v>
      </c>
      <c r="D2187" s="14" t="s">
        <v>14</v>
      </c>
      <c r="E2187" s="15">
        <v>45738</v>
      </c>
      <c r="F2187" s="14" t="s">
        <v>15</v>
      </c>
      <c r="G2187" s="16">
        <v>2.4912637833477058</v>
      </c>
    </row>
    <row r="2188" spans="1:7" x14ac:dyDescent="0.3">
      <c r="A2188" s="13" t="s">
        <v>29</v>
      </c>
      <c r="B2188" s="14" t="s">
        <v>1</v>
      </c>
      <c r="C2188" s="14" t="s">
        <v>20</v>
      </c>
      <c r="D2188" s="14" t="s">
        <v>14</v>
      </c>
      <c r="E2188" s="15">
        <v>45739</v>
      </c>
      <c r="F2188" s="14" t="s">
        <v>15</v>
      </c>
      <c r="G2188" s="16">
        <v>2.4912637833477058</v>
      </c>
    </row>
    <row r="2189" spans="1:7" x14ac:dyDescent="0.3">
      <c r="A2189" s="13" t="s">
        <v>29</v>
      </c>
      <c r="B2189" s="14" t="s">
        <v>1</v>
      </c>
      <c r="C2189" s="14" t="s">
        <v>20</v>
      </c>
      <c r="D2189" s="14" t="s">
        <v>14</v>
      </c>
      <c r="E2189" s="15">
        <v>45740</v>
      </c>
      <c r="F2189" s="14" t="s">
        <v>15</v>
      </c>
      <c r="G2189" s="16">
        <v>2.4914020505356618</v>
      </c>
    </row>
    <row r="2190" spans="1:7" x14ac:dyDescent="0.3">
      <c r="A2190" s="13" t="s">
        <v>29</v>
      </c>
      <c r="B2190" s="14" t="s">
        <v>1</v>
      </c>
      <c r="C2190" s="14" t="s">
        <v>20</v>
      </c>
      <c r="D2190" s="14" t="s">
        <v>14</v>
      </c>
      <c r="E2190" s="15">
        <v>45741</v>
      </c>
      <c r="F2190" s="14" t="s">
        <v>15</v>
      </c>
      <c r="G2190" s="16">
        <v>2.5123248942046805</v>
      </c>
    </row>
    <row r="2191" spans="1:7" x14ac:dyDescent="0.3">
      <c r="A2191" s="13" t="s">
        <v>29</v>
      </c>
      <c r="B2191" s="14" t="s">
        <v>1</v>
      </c>
      <c r="C2191" s="14" t="s">
        <v>20</v>
      </c>
      <c r="D2191" s="14" t="s">
        <v>14</v>
      </c>
      <c r="E2191" s="15">
        <v>45742</v>
      </c>
      <c r="F2191" s="14" t="s">
        <v>15</v>
      </c>
      <c r="G2191" s="16">
        <v>2.5142262582974126</v>
      </c>
    </row>
    <row r="2192" spans="1:7" x14ac:dyDescent="0.3">
      <c r="A2192" s="13" t="s">
        <v>29</v>
      </c>
      <c r="B2192" s="14" t="s">
        <v>1</v>
      </c>
      <c r="C2192" s="14" t="s">
        <v>20</v>
      </c>
      <c r="D2192" s="14" t="s">
        <v>14</v>
      </c>
      <c r="E2192" s="15">
        <v>45743</v>
      </c>
      <c r="F2192" s="14" t="s">
        <v>15</v>
      </c>
      <c r="G2192" s="16">
        <v>2.5190029747135458</v>
      </c>
    </row>
    <row r="2193" spans="1:7" x14ac:dyDescent="0.3">
      <c r="A2193" s="13" t="s">
        <v>29</v>
      </c>
      <c r="B2193" s="14" t="s">
        <v>1</v>
      </c>
      <c r="C2193" s="14" t="s">
        <v>20</v>
      </c>
      <c r="D2193" s="14" t="s">
        <v>14</v>
      </c>
      <c r="E2193" s="15">
        <v>45744</v>
      </c>
      <c r="F2193" s="14" t="s">
        <v>15</v>
      </c>
      <c r="G2193" s="16">
        <v>2.5209874551383953</v>
      </c>
    </row>
    <row r="2194" spans="1:7" x14ac:dyDescent="0.3">
      <c r="A2194" s="13" t="s">
        <v>29</v>
      </c>
      <c r="B2194" s="14" t="s">
        <v>1</v>
      </c>
      <c r="C2194" s="14" t="s">
        <v>20</v>
      </c>
      <c r="D2194" s="14" t="s">
        <v>14</v>
      </c>
      <c r="E2194" s="15">
        <v>45745</v>
      </c>
      <c r="F2194" s="14" t="s">
        <v>15</v>
      </c>
      <c r="G2194" s="16">
        <v>2.5209874551383953</v>
      </c>
    </row>
    <row r="2195" spans="1:7" x14ac:dyDescent="0.3">
      <c r="A2195" s="13" t="s">
        <v>29</v>
      </c>
      <c r="B2195" s="14" t="s">
        <v>1</v>
      </c>
      <c r="C2195" s="14" t="s">
        <v>20</v>
      </c>
      <c r="D2195" s="14" t="s">
        <v>14</v>
      </c>
      <c r="E2195" s="15">
        <v>45746</v>
      </c>
      <c r="F2195" s="14" t="s">
        <v>15</v>
      </c>
      <c r="G2195" s="16">
        <v>2.5209874551383953</v>
      </c>
    </row>
    <row r="2196" spans="1:7" x14ac:dyDescent="0.3">
      <c r="A2196" s="13" t="s">
        <v>29</v>
      </c>
      <c r="B2196" s="14" t="s">
        <v>1</v>
      </c>
      <c r="C2196" s="14" t="s">
        <v>20</v>
      </c>
      <c r="D2196" s="14" t="s">
        <v>14</v>
      </c>
      <c r="E2196" s="15">
        <v>45747</v>
      </c>
      <c r="F2196" s="14" t="s">
        <v>15</v>
      </c>
      <c r="G2196" s="16">
        <v>2.5248109797246325</v>
      </c>
    </row>
    <row r="2197" spans="1:7" x14ac:dyDescent="0.3">
      <c r="A2197" s="13" t="s">
        <v>30</v>
      </c>
      <c r="B2197" s="14" t="s">
        <v>1</v>
      </c>
      <c r="C2197" s="14" t="s">
        <v>13</v>
      </c>
      <c r="D2197" s="14" t="s">
        <v>31</v>
      </c>
      <c r="E2197" s="15">
        <v>45383</v>
      </c>
      <c r="F2197" s="14" t="s">
        <v>15</v>
      </c>
      <c r="G2197" s="16">
        <v>0</v>
      </c>
    </row>
    <row r="2198" spans="1:7" x14ac:dyDescent="0.3">
      <c r="A2198" s="13" t="s">
        <v>30</v>
      </c>
      <c r="B2198" s="14" t="s">
        <v>1</v>
      </c>
      <c r="C2198" s="14" t="s">
        <v>13</v>
      </c>
      <c r="D2198" s="14" t="s">
        <v>31</v>
      </c>
      <c r="E2198" s="15">
        <v>45384</v>
      </c>
      <c r="F2198" s="14" t="s">
        <v>15</v>
      </c>
      <c r="G2198" s="16">
        <v>0</v>
      </c>
    </row>
    <row r="2199" spans="1:7" x14ac:dyDescent="0.3">
      <c r="A2199" s="13" t="s">
        <v>30</v>
      </c>
      <c r="B2199" s="14" t="s">
        <v>1</v>
      </c>
      <c r="C2199" s="14" t="s">
        <v>13</v>
      </c>
      <c r="D2199" s="14" t="s">
        <v>31</v>
      </c>
      <c r="E2199" s="15">
        <v>45385</v>
      </c>
      <c r="F2199" s="14" t="s">
        <v>15</v>
      </c>
      <c r="G2199" s="16">
        <v>3.132423261571074E-2</v>
      </c>
    </row>
    <row r="2200" spans="1:7" x14ac:dyDescent="0.3">
      <c r="A2200" s="13" t="s">
        <v>30</v>
      </c>
      <c r="B2200" s="14" t="s">
        <v>1</v>
      </c>
      <c r="C2200" s="14" t="s">
        <v>13</v>
      </c>
      <c r="D2200" s="14" t="s">
        <v>31</v>
      </c>
      <c r="E2200" s="15">
        <v>45386</v>
      </c>
      <c r="F2200" s="14" t="s">
        <v>15</v>
      </c>
      <c r="G2200" s="16">
        <v>4.7074747855762114E-2</v>
      </c>
    </row>
    <row r="2201" spans="1:7" x14ac:dyDescent="0.3">
      <c r="A2201" s="13" t="s">
        <v>30</v>
      </c>
      <c r="B2201" s="14" t="s">
        <v>1</v>
      </c>
      <c r="C2201" s="14" t="s">
        <v>13</v>
      </c>
      <c r="D2201" s="14" t="s">
        <v>31</v>
      </c>
      <c r="E2201" s="15">
        <v>45387</v>
      </c>
      <c r="F2201" s="14" t="s">
        <v>15</v>
      </c>
      <c r="G2201" s="16">
        <v>6.6979616314500542E-2</v>
      </c>
    </row>
    <row r="2202" spans="1:7" x14ac:dyDescent="0.3">
      <c r="A2202" s="13" t="s">
        <v>30</v>
      </c>
      <c r="B2202" s="14" t="s">
        <v>1</v>
      </c>
      <c r="C2202" s="14" t="s">
        <v>13</v>
      </c>
      <c r="D2202" s="14" t="s">
        <v>31</v>
      </c>
      <c r="E2202" s="15">
        <v>45388</v>
      </c>
      <c r="F2202" s="14" t="s">
        <v>15</v>
      </c>
      <c r="G2202" s="16">
        <v>6.6979616314500542E-2</v>
      </c>
    </row>
    <row r="2203" spans="1:7" x14ac:dyDescent="0.3">
      <c r="A2203" s="13" t="s">
        <v>30</v>
      </c>
      <c r="B2203" s="14" t="s">
        <v>1</v>
      </c>
      <c r="C2203" s="14" t="s">
        <v>13</v>
      </c>
      <c r="D2203" s="14" t="s">
        <v>31</v>
      </c>
      <c r="E2203" s="15">
        <v>45389</v>
      </c>
      <c r="F2203" s="14" t="s">
        <v>15</v>
      </c>
      <c r="G2203" s="16">
        <v>6.6979616314500542E-2</v>
      </c>
    </row>
    <row r="2204" spans="1:7" x14ac:dyDescent="0.3">
      <c r="A2204" s="13" t="s">
        <v>30</v>
      </c>
      <c r="B2204" s="14" t="s">
        <v>1</v>
      </c>
      <c r="C2204" s="14" t="s">
        <v>13</v>
      </c>
      <c r="D2204" s="14" t="s">
        <v>31</v>
      </c>
      <c r="E2204" s="15">
        <v>45390</v>
      </c>
      <c r="F2204" s="14" t="s">
        <v>15</v>
      </c>
      <c r="G2204" s="16">
        <v>8.101357663099637E-2</v>
      </c>
    </row>
    <row r="2205" spans="1:7" x14ac:dyDescent="0.3">
      <c r="A2205" s="13" t="s">
        <v>30</v>
      </c>
      <c r="B2205" s="14" t="s">
        <v>1</v>
      </c>
      <c r="C2205" s="14" t="s">
        <v>13</v>
      </c>
      <c r="D2205" s="14" t="s">
        <v>31</v>
      </c>
      <c r="E2205" s="15">
        <v>45391</v>
      </c>
      <c r="F2205" s="14" t="s">
        <v>15</v>
      </c>
      <c r="G2205" s="16">
        <v>0.10220282384572182</v>
      </c>
    </row>
    <row r="2206" spans="1:7" x14ac:dyDescent="0.3">
      <c r="A2206" s="13" t="s">
        <v>30</v>
      </c>
      <c r="B2206" s="14" t="s">
        <v>1</v>
      </c>
      <c r="C2206" s="14" t="s">
        <v>13</v>
      </c>
      <c r="D2206" s="14" t="s">
        <v>31</v>
      </c>
      <c r="E2206" s="15">
        <v>45392</v>
      </c>
      <c r="F2206" s="14" t="s">
        <v>15</v>
      </c>
      <c r="G2206" s="16">
        <v>0.10929524679032869</v>
      </c>
    </row>
    <row r="2207" spans="1:7" x14ac:dyDescent="0.3">
      <c r="A2207" s="13" t="s">
        <v>30</v>
      </c>
      <c r="B2207" s="14" t="s">
        <v>1</v>
      </c>
      <c r="C2207" s="14" t="s">
        <v>13</v>
      </c>
      <c r="D2207" s="14" t="s">
        <v>31</v>
      </c>
      <c r="E2207" s="15">
        <v>45393</v>
      </c>
      <c r="F2207" s="14" t="s">
        <v>15</v>
      </c>
      <c r="G2207" s="16">
        <v>0.11638836861417158</v>
      </c>
    </row>
    <row r="2208" spans="1:7" x14ac:dyDescent="0.3">
      <c r="A2208" s="13" t="s">
        <v>30</v>
      </c>
      <c r="B2208" s="14" t="s">
        <v>1</v>
      </c>
      <c r="C2208" s="14" t="s">
        <v>13</v>
      </c>
      <c r="D2208" s="14" t="s">
        <v>31</v>
      </c>
      <c r="E2208" s="15">
        <v>45394</v>
      </c>
      <c r="F2208" s="14" t="s">
        <v>15</v>
      </c>
      <c r="G2208" s="16">
        <v>0.1235005214572108</v>
      </c>
    </row>
    <row r="2209" spans="1:7" x14ac:dyDescent="0.3">
      <c r="A2209" s="13" t="s">
        <v>30</v>
      </c>
      <c r="B2209" s="14" t="s">
        <v>1</v>
      </c>
      <c r="C2209" s="14" t="s">
        <v>13</v>
      </c>
      <c r="D2209" s="14" t="s">
        <v>31</v>
      </c>
      <c r="E2209" s="15">
        <v>45395</v>
      </c>
      <c r="F2209" s="14" t="s">
        <v>15</v>
      </c>
      <c r="G2209" s="16">
        <v>0.1235005214572108</v>
      </c>
    </row>
    <row r="2210" spans="1:7" x14ac:dyDescent="0.3">
      <c r="A2210" s="13" t="s">
        <v>30</v>
      </c>
      <c r="B2210" s="14" t="s">
        <v>1</v>
      </c>
      <c r="C2210" s="14" t="s">
        <v>13</v>
      </c>
      <c r="D2210" s="14" t="s">
        <v>31</v>
      </c>
      <c r="E2210" s="15">
        <v>45396</v>
      </c>
      <c r="F2210" s="14" t="s">
        <v>15</v>
      </c>
      <c r="G2210" s="16">
        <v>0.1235005214572108</v>
      </c>
    </row>
    <row r="2211" spans="1:7" x14ac:dyDescent="0.3">
      <c r="A2211" s="13" t="s">
        <v>30</v>
      </c>
      <c r="B2211" s="14" t="s">
        <v>1</v>
      </c>
      <c r="C2211" s="14" t="s">
        <v>13</v>
      </c>
      <c r="D2211" s="14" t="s">
        <v>31</v>
      </c>
      <c r="E2211" s="15">
        <v>45397</v>
      </c>
      <c r="F2211" s="14" t="s">
        <v>15</v>
      </c>
      <c r="G2211" s="16">
        <v>0.13062901732238472</v>
      </c>
    </row>
    <row r="2212" spans="1:7" x14ac:dyDescent="0.3">
      <c r="A2212" s="13" t="s">
        <v>30</v>
      </c>
      <c r="B2212" s="14" t="s">
        <v>1</v>
      </c>
      <c r="C2212" s="14" t="s">
        <v>13</v>
      </c>
      <c r="D2212" s="14" t="s">
        <v>31</v>
      </c>
      <c r="E2212" s="15">
        <v>45398</v>
      </c>
      <c r="F2212" s="14" t="s">
        <v>15</v>
      </c>
      <c r="G2212" s="16">
        <v>0.15197755524298223</v>
      </c>
    </row>
    <row r="2213" spans="1:7" x14ac:dyDescent="0.3">
      <c r="A2213" s="13" t="s">
        <v>30</v>
      </c>
      <c r="B2213" s="14" t="s">
        <v>1</v>
      </c>
      <c r="C2213" s="14" t="s">
        <v>13</v>
      </c>
      <c r="D2213" s="14" t="s">
        <v>31</v>
      </c>
      <c r="E2213" s="15">
        <v>45399</v>
      </c>
      <c r="F2213" s="14" t="s">
        <v>15</v>
      </c>
      <c r="G2213" s="16">
        <v>0.15913975859130894</v>
      </c>
    </row>
    <row r="2214" spans="1:7" x14ac:dyDescent="0.3">
      <c r="A2214" s="13" t="s">
        <v>30</v>
      </c>
      <c r="B2214" s="14" t="s">
        <v>1</v>
      </c>
      <c r="C2214" s="14" t="s">
        <v>13</v>
      </c>
      <c r="D2214" s="14" t="s">
        <v>31</v>
      </c>
      <c r="E2214" s="15">
        <v>45400</v>
      </c>
      <c r="F2214" s="14" t="s">
        <v>15</v>
      </c>
      <c r="G2214" s="16">
        <v>0.16548948794778806</v>
      </c>
    </row>
    <row r="2215" spans="1:7" x14ac:dyDescent="0.3">
      <c r="A2215" s="13" t="s">
        <v>30</v>
      </c>
      <c r="B2215" s="14" t="s">
        <v>1</v>
      </c>
      <c r="C2215" s="14" t="s">
        <v>13</v>
      </c>
      <c r="D2215" s="14" t="s">
        <v>31</v>
      </c>
      <c r="E2215" s="15">
        <v>45401</v>
      </c>
      <c r="F2215" s="14" t="s">
        <v>15</v>
      </c>
      <c r="G2215" s="16">
        <v>0.17253083894822399</v>
      </c>
    </row>
    <row r="2216" spans="1:7" x14ac:dyDescent="0.3">
      <c r="A2216" s="13" t="s">
        <v>30</v>
      </c>
      <c r="B2216" s="14" t="s">
        <v>1</v>
      </c>
      <c r="C2216" s="14" t="s">
        <v>13</v>
      </c>
      <c r="D2216" s="14" t="s">
        <v>31</v>
      </c>
      <c r="E2216" s="15">
        <v>45402</v>
      </c>
      <c r="F2216" s="14" t="s">
        <v>15</v>
      </c>
      <c r="G2216" s="16">
        <v>0.17253083894822399</v>
      </c>
    </row>
    <row r="2217" spans="1:7" x14ac:dyDescent="0.3">
      <c r="A2217" s="13" t="s">
        <v>30</v>
      </c>
      <c r="B2217" s="14" t="s">
        <v>1</v>
      </c>
      <c r="C2217" s="14" t="s">
        <v>13</v>
      </c>
      <c r="D2217" s="14" t="s">
        <v>31</v>
      </c>
      <c r="E2217" s="15">
        <v>45403</v>
      </c>
      <c r="F2217" s="14" t="s">
        <v>15</v>
      </c>
      <c r="G2217" s="16">
        <v>0.17253083894822399</v>
      </c>
    </row>
    <row r="2218" spans="1:7" x14ac:dyDescent="0.3">
      <c r="A2218" s="13" t="s">
        <v>30</v>
      </c>
      <c r="B2218" s="14" t="s">
        <v>1</v>
      </c>
      <c r="C2218" s="14" t="s">
        <v>13</v>
      </c>
      <c r="D2218" s="14" t="s">
        <v>31</v>
      </c>
      <c r="E2218" s="15">
        <v>45404</v>
      </c>
      <c r="F2218" s="14" t="s">
        <v>15</v>
      </c>
      <c r="G2218" s="16">
        <v>0.17946445502642991</v>
      </c>
    </row>
    <row r="2219" spans="1:7" x14ac:dyDescent="0.3">
      <c r="A2219" s="13" t="s">
        <v>30</v>
      </c>
      <c r="B2219" s="14" t="s">
        <v>1</v>
      </c>
      <c r="C2219" s="14" t="s">
        <v>13</v>
      </c>
      <c r="D2219" s="14" t="s">
        <v>31</v>
      </c>
      <c r="E2219" s="15">
        <v>45405</v>
      </c>
      <c r="F2219" s="14" t="s">
        <v>15</v>
      </c>
      <c r="G2219" s="16">
        <v>0.2004863041586297</v>
      </c>
    </row>
    <row r="2220" spans="1:7" x14ac:dyDescent="0.3">
      <c r="A2220" s="13" t="s">
        <v>30</v>
      </c>
      <c r="B2220" s="14" t="s">
        <v>1</v>
      </c>
      <c r="C2220" s="14" t="s">
        <v>13</v>
      </c>
      <c r="D2220" s="14" t="s">
        <v>31</v>
      </c>
      <c r="E2220" s="15">
        <v>45406</v>
      </c>
      <c r="F2220" s="14" t="s">
        <v>15</v>
      </c>
      <c r="G2220" s="16">
        <v>0.2075107164081948</v>
      </c>
    </row>
    <row r="2221" spans="1:7" x14ac:dyDescent="0.3">
      <c r="A2221" s="13" t="s">
        <v>30</v>
      </c>
      <c r="B2221" s="14" t="s">
        <v>1</v>
      </c>
      <c r="C2221" s="14" t="s">
        <v>13</v>
      </c>
      <c r="D2221" s="14" t="s">
        <v>31</v>
      </c>
      <c r="E2221" s="15">
        <v>45407</v>
      </c>
      <c r="F2221" s="14" t="s">
        <v>15</v>
      </c>
      <c r="G2221" s="16">
        <v>0.2145162064848383</v>
      </c>
    </row>
    <row r="2222" spans="1:7" x14ac:dyDescent="0.3">
      <c r="A2222" s="13" t="s">
        <v>30</v>
      </c>
      <c r="B2222" s="14" t="s">
        <v>1</v>
      </c>
      <c r="C2222" s="14" t="s">
        <v>13</v>
      </c>
      <c r="D2222" s="14" t="s">
        <v>31</v>
      </c>
      <c r="E2222" s="15">
        <v>45408</v>
      </c>
      <c r="F2222" s="14" t="s">
        <v>15</v>
      </c>
      <c r="G2222" s="16">
        <v>0.22178615386514805</v>
      </c>
    </row>
    <row r="2223" spans="1:7" x14ac:dyDescent="0.3">
      <c r="A2223" s="13" t="s">
        <v>30</v>
      </c>
      <c r="B2223" s="14" t="s">
        <v>1</v>
      </c>
      <c r="C2223" s="14" t="s">
        <v>13</v>
      </c>
      <c r="D2223" s="14" t="s">
        <v>31</v>
      </c>
      <c r="E2223" s="15">
        <v>45409</v>
      </c>
      <c r="F2223" s="14" t="s">
        <v>15</v>
      </c>
      <c r="G2223" s="16">
        <v>0.22178615386514805</v>
      </c>
    </row>
    <row r="2224" spans="1:7" x14ac:dyDescent="0.3">
      <c r="A2224" s="13" t="s">
        <v>30</v>
      </c>
      <c r="B2224" s="14" t="s">
        <v>1</v>
      </c>
      <c r="C2224" s="14" t="s">
        <v>13</v>
      </c>
      <c r="D2224" s="14" t="s">
        <v>31</v>
      </c>
      <c r="E2224" s="15">
        <v>45410</v>
      </c>
      <c r="F2224" s="14" t="s">
        <v>15</v>
      </c>
      <c r="G2224" s="16">
        <v>0.22178615386514805</v>
      </c>
    </row>
    <row r="2225" spans="1:7" x14ac:dyDescent="0.3">
      <c r="A2225" s="13" t="s">
        <v>30</v>
      </c>
      <c r="B2225" s="14" t="s">
        <v>1</v>
      </c>
      <c r="C2225" s="14" t="s">
        <v>13</v>
      </c>
      <c r="D2225" s="14" t="s">
        <v>31</v>
      </c>
      <c r="E2225" s="15">
        <v>45411</v>
      </c>
      <c r="F2225" s="14" t="s">
        <v>15</v>
      </c>
      <c r="G2225" s="16">
        <v>0.22879347796698074</v>
      </c>
    </row>
    <row r="2226" spans="1:7" x14ac:dyDescent="0.3">
      <c r="A2226" s="13" t="s">
        <v>30</v>
      </c>
      <c r="B2226" s="14" t="s">
        <v>1</v>
      </c>
      <c r="C2226" s="14" t="s">
        <v>13</v>
      </c>
      <c r="D2226" s="14" t="s">
        <v>31</v>
      </c>
      <c r="E2226" s="15">
        <v>45412</v>
      </c>
      <c r="F2226" s="14" t="s">
        <v>15</v>
      </c>
      <c r="G2226" s="16">
        <v>0.24970457558606379</v>
      </c>
    </row>
    <row r="2227" spans="1:7" x14ac:dyDescent="0.3">
      <c r="A2227" s="13" t="s">
        <v>30</v>
      </c>
      <c r="B2227" s="14" t="s">
        <v>1</v>
      </c>
      <c r="C2227" s="14" t="s">
        <v>13</v>
      </c>
      <c r="D2227" s="14" t="s">
        <v>31</v>
      </c>
      <c r="E2227" s="15">
        <v>45413</v>
      </c>
      <c r="F2227" s="14" t="s">
        <v>15</v>
      </c>
      <c r="G2227" s="16">
        <v>0.24970457558606379</v>
      </c>
    </row>
    <row r="2228" spans="1:7" x14ac:dyDescent="0.3">
      <c r="A2228" s="13" t="s">
        <v>30</v>
      </c>
      <c r="B2228" s="14" t="s">
        <v>1</v>
      </c>
      <c r="C2228" s="14" t="s">
        <v>13</v>
      </c>
      <c r="D2228" s="14" t="s">
        <v>31</v>
      </c>
      <c r="E2228" s="15">
        <v>45414</v>
      </c>
      <c r="F2228" s="14" t="s">
        <v>15</v>
      </c>
      <c r="G2228" s="16">
        <v>0.25665400866736832</v>
      </c>
    </row>
    <row r="2229" spans="1:7" x14ac:dyDescent="0.3">
      <c r="A2229" s="13" t="s">
        <v>30</v>
      </c>
      <c r="B2229" s="14" t="s">
        <v>1</v>
      </c>
      <c r="C2229" s="14" t="s">
        <v>13</v>
      </c>
      <c r="D2229" s="14" t="s">
        <v>31</v>
      </c>
      <c r="E2229" s="15">
        <v>45415</v>
      </c>
      <c r="F2229" s="14" t="s">
        <v>15</v>
      </c>
      <c r="G2229" s="16">
        <v>0.2784211273775356</v>
      </c>
    </row>
    <row r="2230" spans="1:7" x14ac:dyDescent="0.3">
      <c r="A2230" s="13" t="s">
        <v>30</v>
      </c>
      <c r="B2230" s="14" t="s">
        <v>1</v>
      </c>
      <c r="C2230" s="14" t="s">
        <v>13</v>
      </c>
      <c r="D2230" s="14" t="s">
        <v>31</v>
      </c>
      <c r="E2230" s="15">
        <v>45416</v>
      </c>
      <c r="F2230" s="14" t="s">
        <v>15</v>
      </c>
      <c r="G2230" s="16">
        <v>0.2784211273775356</v>
      </c>
    </row>
    <row r="2231" spans="1:7" x14ac:dyDescent="0.3">
      <c r="A2231" s="13" t="s">
        <v>30</v>
      </c>
      <c r="B2231" s="14" t="s">
        <v>1</v>
      </c>
      <c r="C2231" s="14" t="s">
        <v>13</v>
      </c>
      <c r="D2231" s="14" t="s">
        <v>31</v>
      </c>
      <c r="E2231" s="15">
        <v>45417</v>
      </c>
      <c r="F2231" s="14" t="s">
        <v>15</v>
      </c>
      <c r="G2231" s="16">
        <v>0.2784211273775356</v>
      </c>
    </row>
    <row r="2232" spans="1:7" x14ac:dyDescent="0.3">
      <c r="A2232" s="13" t="s">
        <v>30</v>
      </c>
      <c r="B2232" s="14" t="s">
        <v>1</v>
      </c>
      <c r="C2232" s="14" t="s">
        <v>13</v>
      </c>
      <c r="D2232" s="14" t="s">
        <v>31</v>
      </c>
      <c r="E2232" s="15">
        <v>45418</v>
      </c>
      <c r="F2232" s="14" t="s">
        <v>15</v>
      </c>
      <c r="G2232" s="16">
        <v>0.2784211273775356</v>
      </c>
    </row>
    <row r="2233" spans="1:7" x14ac:dyDescent="0.3">
      <c r="A2233" s="13" t="s">
        <v>30</v>
      </c>
      <c r="B2233" s="14" t="s">
        <v>1</v>
      </c>
      <c r="C2233" s="14" t="s">
        <v>13</v>
      </c>
      <c r="D2233" s="14" t="s">
        <v>31</v>
      </c>
      <c r="E2233" s="15">
        <v>45419</v>
      </c>
      <c r="F2233" s="14" t="s">
        <v>15</v>
      </c>
      <c r="G2233" s="16">
        <v>0.28547794967507556</v>
      </c>
    </row>
    <row r="2234" spans="1:7" x14ac:dyDescent="0.3">
      <c r="A2234" s="13" t="s">
        <v>30</v>
      </c>
      <c r="B2234" s="14" t="s">
        <v>1</v>
      </c>
      <c r="C2234" s="14" t="s">
        <v>13</v>
      </c>
      <c r="D2234" s="14" t="s">
        <v>31</v>
      </c>
      <c r="E2234" s="15">
        <v>45420</v>
      </c>
      <c r="F2234" s="14" t="s">
        <v>15</v>
      </c>
      <c r="G2234" s="16">
        <v>0.31343866411565158</v>
      </c>
    </row>
    <row r="2235" spans="1:7" x14ac:dyDescent="0.3">
      <c r="A2235" s="13" t="s">
        <v>30</v>
      </c>
      <c r="B2235" s="14" t="s">
        <v>1</v>
      </c>
      <c r="C2235" s="14" t="s">
        <v>13</v>
      </c>
      <c r="D2235" s="14" t="s">
        <v>31</v>
      </c>
      <c r="E2235" s="15">
        <v>45421</v>
      </c>
      <c r="F2235" s="14" t="s">
        <v>15</v>
      </c>
      <c r="G2235" s="16">
        <v>0.31343866411565158</v>
      </c>
    </row>
    <row r="2236" spans="1:7" x14ac:dyDescent="0.3">
      <c r="A2236" s="13" t="s">
        <v>30</v>
      </c>
      <c r="B2236" s="14" t="s">
        <v>1</v>
      </c>
      <c r="C2236" s="14" t="s">
        <v>13</v>
      </c>
      <c r="D2236" s="14" t="s">
        <v>31</v>
      </c>
      <c r="E2236" s="15">
        <v>45422</v>
      </c>
      <c r="F2236" s="14" t="s">
        <v>15</v>
      </c>
      <c r="G2236" s="16">
        <v>0.32043800598861266</v>
      </c>
    </row>
    <row r="2237" spans="1:7" x14ac:dyDescent="0.3">
      <c r="A2237" s="13" t="s">
        <v>30</v>
      </c>
      <c r="B2237" s="14" t="s">
        <v>1</v>
      </c>
      <c r="C2237" s="14" t="s">
        <v>13</v>
      </c>
      <c r="D2237" s="14" t="s">
        <v>31</v>
      </c>
      <c r="E2237" s="15">
        <v>45423</v>
      </c>
      <c r="F2237" s="14" t="s">
        <v>15</v>
      </c>
      <c r="G2237" s="16">
        <v>0.32043800598861266</v>
      </c>
    </row>
    <row r="2238" spans="1:7" x14ac:dyDescent="0.3">
      <c r="A2238" s="13" t="s">
        <v>30</v>
      </c>
      <c r="B2238" s="14" t="s">
        <v>1</v>
      </c>
      <c r="C2238" s="14" t="s">
        <v>13</v>
      </c>
      <c r="D2238" s="14" t="s">
        <v>31</v>
      </c>
      <c r="E2238" s="15">
        <v>45424</v>
      </c>
      <c r="F2238" s="14" t="s">
        <v>15</v>
      </c>
      <c r="G2238" s="16">
        <v>0.32043800598861266</v>
      </c>
    </row>
    <row r="2239" spans="1:7" x14ac:dyDescent="0.3">
      <c r="A2239" s="13" t="s">
        <v>30</v>
      </c>
      <c r="B2239" s="14" t="s">
        <v>1</v>
      </c>
      <c r="C2239" s="14" t="s">
        <v>13</v>
      </c>
      <c r="D2239" s="14" t="s">
        <v>31</v>
      </c>
      <c r="E2239" s="15">
        <v>45425</v>
      </c>
      <c r="F2239" s="14" t="s">
        <v>15</v>
      </c>
      <c r="G2239" s="16">
        <v>0.33456573422594271</v>
      </c>
    </row>
    <row r="2240" spans="1:7" x14ac:dyDescent="0.3">
      <c r="A2240" s="13" t="s">
        <v>30</v>
      </c>
      <c r="B2240" s="14" t="s">
        <v>1</v>
      </c>
      <c r="C2240" s="14" t="s">
        <v>13</v>
      </c>
      <c r="D2240" s="14" t="s">
        <v>31</v>
      </c>
      <c r="E2240" s="15">
        <v>45426</v>
      </c>
      <c r="F2240" s="14" t="s">
        <v>15</v>
      </c>
      <c r="G2240" s="16">
        <v>0.36221630219578593</v>
      </c>
    </row>
    <row r="2241" spans="1:7" x14ac:dyDescent="0.3">
      <c r="A2241" s="13" t="s">
        <v>30</v>
      </c>
      <c r="B2241" s="14" t="s">
        <v>1</v>
      </c>
      <c r="C2241" s="14" t="s">
        <v>13</v>
      </c>
      <c r="D2241" s="14" t="s">
        <v>31</v>
      </c>
      <c r="E2241" s="15">
        <v>45427</v>
      </c>
      <c r="F2241" s="14" t="s">
        <v>15</v>
      </c>
      <c r="G2241" s="16">
        <v>0.36889551706979334</v>
      </c>
    </row>
    <row r="2242" spans="1:7" x14ac:dyDescent="0.3">
      <c r="A2242" s="13" t="s">
        <v>30</v>
      </c>
      <c r="B2242" s="14" t="s">
        <v>1</v>
      </c>
      <c r="C2242" s="14" t="s">
        <v>13</v>
      </c>
      <c r="D2242" s="14" t="s">
        <v>31</v>
      </c>
      <c r="E2242" s="15">
        <v>45428</v>
      </c>
      <c r="F2242" s="14" t="s">
        <v>15</v>
      </c>
      <c r="G2242" s="16">
        <v>0.37556978103874977</v>
      </c>
    </row>
    <row r="2243" spans="1:7" x14ac:dyDescent="0.3">
      <c r="A2243" s="13" t="s">
        <v>30</v>
      </c>
      <c r="B2243" s="14" t="s">
        <v>1</v>
      </c>
      <c r="C2243" s="14" t="s">
        <v>13</v>
      </c>
      <c r="D2243" s="14" t="s">
        <v>31</v>
      </c>
      <c r="E2243" s="15">
        <v>45429</v>
      </c>
      <c r="F2243" s="14" t="s">
        <v>15</v>
      </c>
      <c r="G2243" s="16">
        <v>0.40395555661460575</v>
      </c>
    </row>
    <row r="2244" spans="1:7" x14ac:dyDescent="0.3">
      <c r="A2244" s="13" t="s">
        <v>30</v>
      </c>
      <c r="B2244" s="14" t="s">
        <v>1</v>
      </c>
      <c r="C2244" s="14" t="s">
        <v>13</v>
      </c>
      <c r="D2244" s="14" t="s">
        <v>31</v>
      </c>
      <c r="E2244" s="15">
        <v>45430</v>
      </c>
      <c r="F2244" s="14" t="s">
        <v>15</v>
      </c>
      <c r="G2244" s="16">
        <v>0.40395555661460575</v>
      </c>
    </row>
    <row r="2245" spans="1:7" x14ac:dyDescent="0.3">
      <c r="A2245" s="13" t="s">
        <v>30</v>
      </c>
      <c r="B2245" s="14" t="s">
        <v>1</v>
      </c>
      <c r="C2245" s="14" t="s">
        <v>13</v>
      </c>
      <c r="D2245" s="14" t="s">
        <v>31</v>
      </c>
      <c r="E2245" s="15">
        <v>45431</v>
      </c>
      <c r="F2245" s="14" t="s">
        <v>15</v>
      </c>
      <c r="G2245" s="16">
        <v>0.40395555661460575</v>
      </c>
    </row>
    <row r="2246" spans="1:7" x14ac:dyDescent="0.3">
      <c r="A2246" s="13" t="s">
        <v>30</v>
      </c>
      <c r="B2246" s="14" t="s">
        <v>1</v>
      </c>
      <c r="C2246" s="14" t="s">
        <v>13</v>
      </c>
      <c r="D2246" s="14" t="s">
        <v>31</v>
      </c>
      <c r="E2246" s="15">
        <v>45432</v>
      </c>
      <c r="F2246" s="14" t="s">
        <v>15</v>
      </c>
      <c r="G2246" s="16">
        <v>0.40395555661460575</v>
      </c>
    </row>
    <row r="2247" spans="1:7" x14ac:dyDescent="0.3">
      <c r="A2247" s="13" t="s">
        <v>30</v>
      </c>
      <c r="B2247" s="14" t="s">
        <v>1</v>
      </c>
      <c r="C2247" s="14" t="s">
        <v>13</v>
      </c>
      <c r="D2247" s="14" t="s">
        <v>31</v>
      </c>
      <c r="E2247" s="15">
        <v>45433</v>
      </c>
      <c r="F2247" s="14" t="s">
        <v>15</v>
      </c>
      <c r="G2247" s="16">
        <v>0.41087508009469109</v>
      </c>
    </row>
    <row r="2248" spans="1:7" x14ac:dyDescent="0.3">
      <c r="A2248" s="13" t="s">
        <v>30</v>
      </c>
      <c r="B2248" s="14" t="s">
        <v>1</v>
      </c>
      <c r="C2248" s="14" t="s">
        <v>13</v>
      </c>
      <c r="D2248" s="14" t="s">
        <v>31</v>
      </c>
      <c r="E2248" s="15">
        <v>45434</v>
      </c>
      <c r="F2248" s="14" t="s">
        <v>15</v>
      </c>
      <c r="G2248" s="16">
        <v>0.43823350683811774</v>
      </c>
    </row>
    <row r="2249" spans="1:7" x14ac:dyDescent="0.3">
      <c r="A2249" s="13" t="s">
        <v>30</v>
      </c>
      <c r="B2249" s="14" t="s">
        <v>1</v>
      </c>
      <c r="C2249" s="14" t="s">
        <v>13</v>
      </c>
      <c r="D2249" s="14" t="s">
        <v>31</v>
      </c>
      <c r="E2249" s="15">
        <v>45435</v>
      </c>
      <c r="F2249" s="14" t="s">
        <v>15</v>
      </c>
      <c r="G2249" s="16">
        <v>0.48050731195667662</v>
      </c>
    </row>
    <row r="2250" spans="1:7" x14ac:dyDescent="0.3">
      <c r="A2250" s="13" t="s">
        <v>30</v>
      </c>
      <c r="B2250" s="14" t="s">
        <v>1</v>
      </c>
      <c r="C2250" s="14" t="s">
        <v>13</v>
      </c>
      <c r="D2250" s="14" t="s">
        <v>31</v>
      </c>
      <c r="E2250" s="15">
        <v>45436</v>
      </c>
      <c r="F2250" s="14" t="s">
        <v>15</v>
      </c>
      <c r="G2250" s="16">
        <v>0.48743105827525923</v>
      </c>
    </row>
    <row r="2251" spans="1:7" x14ac:dyDescent="0.3">
      <c r="A2251" s="13" t="s">
        <v>30</v>
      </c>
      <c r="B2251" s="14" t="s">
        <v>1</v>
      </c>
      <c r="C2251" s="14" t="s">
        <v>13</v>
      </c>
      <c r="D2251" s="14" t="s">
        <v>31</v>
      </c>
      <c r="E2251" s="15">
        <v>45437</v>
      </c>
      <c r="F2251" s="14" t="s">
        <v>15</v>
      </c>
      <c r="G2251" s="16">
        <v>0.48743105827525923</v>
      </c>
    </row>
    <row r="2252" spans="1:7" x14ac:dyDescent="0.3">
      <c r="A2252" s="13" t="s">
        <v>30</v>
      </c>
      <c r="B2252" s="14" t="s">
        <v>1</v>
      </c>
      <c r="C2252" s="14" t="s">
        <v>13</v>
      </c>
      <c r="D2252" s="14" t="s">
        <v>31</v>
      </c>
      <c r="E2252" s="15">
        <v>45438</v>
      </c>
      <c r="F2252" s="14" t="s">
        <v>15</v>
      </c>
      <c r="G2252" s="16">
        <v>0.48743105827525923</v>
      </c>
    </row>
    <row r="2253" spans="1:7" x14ac:dyDescent="0.3">
      <c r="A2253" s="13" t="s">
        <v>30</v>
      </c>
      <c r="B2253" s="14" t="s">
        <v>1</v>
      </c>
      <c r="C2253" s="14" t="s">
        <v>13</v>
      </c>
      <c r="D2253" s="14" t="s">
        <v>31</v>
      </c>
      <c r="E2253" s="15">
        <v>45439</v>
      </c>
      <c r="F2253" s="14" t="s">
        <v>15</v>
      </c>
      <c r="G2253" s="16">
        <v>0.49436893285597461</v>
      </c>
    </row>
    <row r="2254" spans="1:7" x14ac:dyDescent="0.3">
      <c r="A2254" s="13" t="s">
        <v>30</v>
      </c>
      <c r="B2254" s="14" t="s">
        <v>1</v>
      </c>
      <c r="C2254" s="14" t="s">
        <v>13</v>
      </c>
      <c r="D2254" s="14" t="s">
        <v>31</v>
      </c>
      <c r="E2254" s="15">
        <v>45440</v>
      </c>
      <c r="F2254" s="14" t="s">
        <v>15</v>
      </c>
      <c r="G2254" s="16">
        <v>0.51508061180473275</v>
      </c>
    </row>
    <row r="2255" spans="1:7" x14ac:dyDescent="0.3">
      <c r="A2255" s="13" t="s">
        <v>30</v>
      </c>
      <c r="B2255" s="14" t="s">
        <v>1</v>
      </c>
      <c r="C2255" s="14" t="s">
        <v>13</v>
      </c>
      <c r="D2255" s="14" t="s">
        <v>31</v>
      </c>
      <c r="E2255" s="15">
        <v>45441</v>
      </c>
      <c r="F2255" s="14" t="s">
        <v>15</v>
      </c>
      <c r="G2255" s="16">
        <v>0.52249613633991465</v>
      </c>
    </row>
    <row r="2256" spans="1:7" x14ac:dyDescent="0.3">
      <c r="A2256" s="13" t="s">
        <v>30</v>
      </c>
      <c r="B2256" s="14" t="s">
        <v>1</v>
      </c>
      <c r="C2256" s="14" t="s">
        <v>13</v>
      </c>
      <c r="D2256" s="14" t="s">
        <v>31</v>
      </c>
      <c r="E2256" s="15">
        <v>45442</v>
      </c>
      <c r="F2256" s="14" t="s">
        <v>15</v>
      </c>
      <c r="G2256" s="16">
        <v>0.52945481231026459</v>
      </c>
    </row>
    <row r="2257" spans="1:7" x14ac:dyDescent="0.3">
      <c r="A2257" s="13" t="s">
        <v>30</v>
      </c>
      <c r="B2257" s="14" t="s">
        <v>1</v>
      </c>
      <c r="C2257" s="14" t="s">
        <v>13</v>
      </c>
      <c r="D2257" s="14" t="s">
        <v>31</v>
      </c>
      <c r="E2257" s="15">
        <v>45443</v>
      </c>
      <c r="F2257" s="14" t="s">
        <v>15</v>
      </c>
      <c r="G2257" s="16">
        <v>0.53643282992360808</v>
      </c>
    </row>
    <row r="2258" spans="1:7" x14ac:dyDescent="0.3">
      <c r="A2258" s="13" t="s">
        <v>30</v>
      </c>
      <c r="B2258" s="14" t="s">
        <v>1</v>
      </c>
      <c r="C2258" s="14" t="s">
        <v>13</v>
      </c>
      <c r="D2258" s="14" t="s">
        <v>31</v>
      </c>
      <c r="E2258" s="15">
        <v>45444</v>
      </c>
      <c r="F2258" s="14" t="s">
        <v>15</v>
      </c>
      <c r="G2258" s="16">
        <v>0.53643282992360808</v>
      </c>
    </row>
    <row r="2259" spans="1:7" x14ac:dyDescent="0.3">
      <c r="A2259" s="13" t="s">
        <v>30</v>
      </c>
      <c r="B2259" s="14" t="s">
        <v>1</v>
      </c>
      <c r="C2259" s="14" t="s">
        <v>13</v>
      </c>
      <c r="D2259" s="14" t="s">
        <v>31</v>
      </c>
      <c r="E2259" s="15">
        <v>45445</v>
      </c>
      <c r="F2259" s="14" t="s">
        <v>15</v>
      </c>
      <c r="G2259" s="16">
        <v>0.53643282992360808</v>
      </c>
    </row>
    <row r="2260" spans="1:7" x14ac:dyDescent="0.3">
      <c r="A2260" s="13" t="s">
        <v>30</v>
      </c>
      <c r="B2260" s="14" t="s">
        <v>1</v>
      </c>
      <c r="C2260" s="14" t="s">
        <v>13</v>
      </c>
      <c r="D2260" s="14" t="s">
        <v>31</v>
      </c>
      <c r="E2260" s="15">
        <v>45446</v>
      </c>
      <c r="F2260" s="14" t="s">
        <v>15</v>
      </c>
      <c r="G2260" s="16">
        <v>0.53643282992360808</v>
      </c>
    </row>
    <row r="2261" spans="1:7" x14ac:dyDescent="0.3">
      <c r="A2261" s="13" t="s">
        <v>30</v>
      </c>
      <c r="B2261" s="14" t="s">
        <v>1</v>
      </c>
      <c r="C2261" s="14" t="s">
        <v>13</v>
      </c>
      <c r="D2261" s="14" t="s">
        <v>31</v>
      </c>
      <c r="E2261" s="15">
        <v>45447</v>
      </c>
      <c r="F2261" s="14" t="s">
        <v>15</v>
      </c>
      <c r="G2261" s="16">
        <v>0.54338212180840861</v>
      </c>
    </row>
    <row r="2262" spans="1:7" x14ac:dyDescent="0.3">
      <c r="A2262" s="13" t="s">
        <v>30</v>
      </c>
      <c r="B2262" s="14" t="s">
        <v>1</v>
      </c>
      <c r="C2262" s="14" t="s">
        <v>13</v>
      </c>
      <c r="D2262" s="14" t="s">
        <v>31</v>
      </c>
      <c r="E2262" s="15">
        <v>45448</v>
      </c>
      <c r="F2262" s="14" t="s">
        <v>15</v>
      </c>
      <c r="G2262" s="16">
        <v>0.57389558238117433</v>
      </c>
    </row>
    <row r="2263" spans="1:7" x14ac:dyDescent="0.3">
      <c r="A2263" s="13" t="s">
        <v>30</v>
      </c>
      <c r="B2263" s="14" t="s">
        <v>1</v>
      </c>
      <c r="C2263" s="14" t="s">
        <v>13</v>
      </c>
      <c r="D2263" s="14" t="s">
        <v>31</v>
      </c>
      <c r="E2263" s="15">
        <v>45449</v>
      </c>
      <c r="F2263" s="14" t="s">
        <v>15</v>
      </c>
      <c r="G2263" s="16">
        <v>0.580731014027975</v>
      </c>
    </row>
    <row r="2264" spans="1:7" x14ac:dyDescent="0.3">
      <c r="A2264" s="13" t="s">
        <v>30</v>
      </c>
      <c r="B2264" s="14" t="s">
        <v>1</v>
      </c>
      <c r="C2264" s="14" t="s">
        <v>13</v>
      </c>
      <c r="D2264" s="14" t="s">
        <v>31</v>
      </c>
      <c r="E2264" s="15">
        <v>45450</v>
      </c>
      <c r="F2264" s="14" t="s">
        <v>15</v>
      </c>
      <c r="G2264" s="16">
        <v>0.58754908511650916</v>
      </c>
    </row>
    <row r="2265" spans="1:7" x14ac:dyDescent="0.3">
      <c r="A2265" s="13" t="s">
        <v>30</v>
      </c>
      <c r="B2265" s="14" t="s">
        <v>1</v>
      </c>
      <c r="C2265" s="14" t="s">
        <v>13</v>
      </c>
      <c r="D2265" s="14" t="s">
        <v>31</v>
      </c>
      <c r="E2265" s="15">
        <v>45451</v>
      </c>
      <c r="F2265" s="14" t="s">
        <v>15</v>
      </c>
      <c r="G2265" s="16">
        <v>0.58754908511650916</v>
      </c>
    </row>
    <row r="2266" spans="1:7" x14ac:dyDescent="0.3">
      <c r="A2266" s="13" t="s">
        <v>30</v>
      </c>
      <c r="B2266" s="14" t="s">
        <v>1</v>
      </c>
      <c r="C2266" s="14" t="s">
        <v>13</v>
      </c>
      <c r="D2266" s="14" t="s">
        <v>31</v>
      </c>
      <c r="E2266" s="15">
        <v>45452</v>
      </c>
      <c r="F2266" s="14" t="s">
        <v>15</v>
      </c>
      <c r="G2266" s="16">
        <v>0.58754908511650916</v>
      </c>
    </row>
    <row r="2267" spans="1:7" x14ac:dyDescent="0.3">
      <c r="A2267" s="13" t="s">
        <v>30</v>
      </c>
      <c r="B2267" s="14" t="s">
        <v>1</v>
      </c>
      <c r="C2267" s="14" t="s">
        <v>13</v>
      </c>
      <c r="D2267" s="14" t="s">
        <v>31</v>
      </c>
      <c r="E2267" s="15">
        <v>45453</v>
      </c>
      <c r="F2267" s="14" t="s">
        <v>15</v>
      </c>
      <c r="G2267" s="16">
        <v>0.59446141413100662</v>
      </c>
    </row>
    <row r="2268" spans="1:7" x14ac:dyDescent="0.3">
      <c r="A2268" s="13" t="s">
        <v>30</v>
      </c>
      <c r="B2268" s="14" t="s">
        <v>1</v>
      </c>
      <c r="C2268" s="14" t="s">
        <v>13</v>
      </c>
      <c r="D2268" s="14" t="s">
        <v>31</v>
      </c>
      <c r="E2268" s="15">
        <v>45454</v>
      </c>
      <c r="F2268" s="14" t="s">
        <v>15</v>
      </c>
      <c r="G2268" s="16">
        <v>0.61496200328871098</v>
      </c>
    </row>
    <row r="2269" spans="1:7" x14ac:dyDescent="0.3">
      <c r="A2269" s="13" t="s">
        <v>30</v>
      </c>
      <c r="B2269" s="14" t="s">
        <v>1</v>
      </c>
      <c r="C2269" s="14" t="s">
        <v>13</v>
      </c>
      <c r="D2269" s="14" t="s">
        <v>31</v>
      </c>
      <c r="E2269" s="15">
        <v>45455</v>
      </c>
      <c r="F2269" s="14" t="s">
        <v>15</v>
      </c>
      <c r="G2269" s="16">
        <v>0.62181718837608346</v>
      </c>
    </row>
    <row r="2270" spans="1:7" x14ac:dyDescent="0.3">
      <c r="A2270" s="13" t="s">
        <v>30</v>
      </c>
      <c r="B2270" s="14" t="s">
        <v>1</v>
      </c>
      <c r="C2270" s="14" t="s">
        <v>13</v>
      </c>
      <c r="D2270" s="14" t="s">
        <v>31</v>
      </c>
      <c r="E2270" s="15">
        <v>45456</v>
      </c>
      <c r="F2270" s="14" t="s">
        <v>15</v>
      </c>
      <c r="G2270" s="16">
        <v>0.62869272779542384</v>
      </c>
    </row>
    <row r="2271" spans="1:7" x14ac:dyDescent="0.3">
      <c r="A2271" s="13" t="s">
        <v>30</v>
      </c>
      <c r="B2271" s="14" t="s">
        <v>1</v>
      </c>
      <c r="C2271" s="14" t="s">
        <v>13</v>
      </c>
      <c r="D2271" s="14" t="s">
        <v>31</v>
      </c>
      <c r="E2271" s="15">
        <v>45457</v>
      </c>
      <c r="F2271" s="14" t="s">
        <v>15</v>
      </c>
      <c r="G2271" s="16">
        <v>0.68913024702759829</v>
      </c>
    </row>
    <row r="2272" spans="1:7" x14ac:dyDescent="0.3">
      <c r="A2272" s="13" t="s">
        <v>30</v>
      </c>
      <c r="B2272" s="14" t="s">
        <v>1</v>
      </c>
      <c r="C2272" s="14" t="s">
        <v>13</v>
      </c>
      <c r="D2272" s="14" t="s">
        <v>31</v>
      </c>
      <c r="E2272" s="15">
        <v>45458</v>
      </c>
      <c r="F2272" s="14" t="s">
        <v>15</v>
      </c>
      <c r="G2272" s="16">
        <v>0.68913024702759829</v>
      </c>
    </row>
    <row r="2273" spans="1:7" x14ac:dyDescent="0.3">
      <c r="A2273" s="13" t="s">
        <v>30</v>
      </c>
      <c r="B2273" s="14" t="s">
        <v>1</v>
      </c>
      <c r="C2273" s="14" t="s">
        <v>13</v>
      </c>
      <c r="D2273" s="14" t="s">
        <v>31</v>
      </c>
      <c r="E2273" s="15">
        <v>45459</v>
      </c>
      <c r="F2273" s="14" t="s">
        <v>15</v>
      </c>
      <c r="G2273" s="16">
        <v>0.68913024702759829</v>
      </c>
    </row>
    <row r="2274" spans="1:7" x14ac:dyDescent="0.3">
      <c r="A2274" s="13" t="s">
        <v>30</v>
      </c>
      <c r="B2274" s="14" t="s">
        <v>1</v>
      </c>
      <c r="C2274" s="14" t="s">
        <v>13</v>
      </c>
      <c r="D2274" s="14" t="s">
        <v>31</v>
      </c>
      <c r="E2274" s="15">
        <v>45460</v>
      </c>
      <c r="F2274" s="14" t="s">
        <v>15</v>
      </c>
      <c r="G2274" s="16">
        <v>0.69593190388462878</v>
      </c>
    </row>
    <row r="2275" spans="1:7" x14ac:dyDescent="0.3">
      <c r="A2275" s="13" t="s">
        <v>30</v>
      </c>
      <c r="B2275" s="14" t="s">
        <v>1</v>
      </c>
      <c r="C2275" s="14" t="s">
        <v>13</v>
      </c>
      <c r="D2275" s="14" t="s">
        <v>31</v>
      </c>
      <c r="E2275" s="15">
        <v>45461</v>
      </c>
      <c r="F2275" s="14" t="s">
        <v>15</v>
      </c>
      <c r="G2275" s="16">
        <v>0.71639492790056036</v>
      </c>
    </row>
    <row r="2276" spans="1:7" x14ac:dyDescent="0.3">
      <c r="A2276" s="13" t="s">
        <v>30</v>
      </c>
      <c r="B2276" s="14" t="s">
        <v>1</v>
      </c>
      <c r="C2276" s="14" t="s">
        <v>13</v>
      </c>
      <c r="D2276" s="14" t="s">
        <v>31</v>
      </c>
      <c r="E2276" s="15">
        <v>45462</v>
      </c>
      <c r="F2276" s="14" t="s">
        <v>15</v>
      </c>
      <c r="G2276" s="16">
        <v>0.72324179335095884</v>
      </c>
    </row>
    <row r="2277" spans="1:7" x14ac:dyDescent="0.3">
      <c r="A2277" s="13" t="s">
        <v>30</v>
      </c>
      <c r="B2277" s="14" t="s">
        <v>1</v>
      </c>
      <c r="C2277" s="14" t="s">
        <v>13</v>
      </c>
      <c r="D2277" s="14" t="s">
        <v>31</v>
      </c>
      <c r="E2277" s="15">
        <v>45463</v>
      </c>
      <c r="F2277" s="14" t="s">
        <v>15</v>
      </c>
      <c r="G2277" s="16">
        <v>0.7300841588719249</v>
      </c>
    </row>
    <row r="2278" spans="1:7" x14ac:dyDescent="0.3">
      <c r="A2278" s="13" t="s">
        <v>30</v>
      </c>
      <c r="B2278" s="14" t="s">
        <v>1</v>
      </c>
      <c r="C2278" s="14" t="s">
        <v>13</v>
      </c>
      <c r="D2278" s="14" t="s">
        <v>31</v>
      </c>
      <c r="E2278" s="15">
        <v>45464</v>
      </c>
      <c r="F2278" s="14" t="s">
        <v>15</v>
      </c>
      <c r="G2278" s="16">
        <v>0.73690093758483888</v>
      </c>
    </row>
    <row r="2279" spans="1:7" x14ac:dyDescent="0.3">
      <c r="A2279" s="13" t="s">
        <v>30</v>
      </c>
      <c r="B2279" s="14" t="s">
        <v>1</v>
      </c>
      <c r="C2279" s="14" t="s">
        <v>13</v>
      </c>
      <c r="D2279" s="14" t="s">
        <v>31</v>
      </c>
      <c r="E2279" s="15">
        <v>45465</v>
      </c>
      <c r="F2279" s="14" t="s">
        <v>15</v>
      </c>
      <c r="G2279" s="16">
        <v>0.73690093758483888</v>
      </c>
    </row>
    <row r="2280" spans="1:7" x14ac:dyDescent="0.3">
      <c r="A2280" s="13" t="s">
        <v>30</v>
      </c>
      <c r="B2280" s="14" t="s">
        <v>1</v>
      </c>
      <c r="C2280" s="14" t="s">
        <v>13</v>
      </c>
      <c r="D2280" s="14" t="s">
        <v>31</v>
      </c>
      <c r="E2280" s="15">
        <v>45466</v>
      </c>
      <c r="F2280" s="14" t="s">
        <v>15</v>
      </c>
      <c r="G2280" s="16">
        <v>0.73690093758483888</v>
      </c>
    </row>
    <row r="2281" spans="1:7" x14ac:dyDescent="0.3">
      <c r="A2281" s="13" t="s">
        <v>30</v>
      </c>
      <c r="B2281" s="14" t="s">
        <v>1</v>
      </c>
      <c r="C2281" s="14" t="s">
        <v>13</v>
      </c>
      <c r="D2281" s="14" t="s">
        <v>31</v>
      </c>
      <c r="E2281" s="15">
        <v>45467</v>
      </c>
      <c r="F2281" s="14" t="s">
        <v>15</v>
      </c>
      <c r="G2281" s="16">
        <v>0.75547372961532755</v>
      </c>
    </row>
    <row r="2282" spans="1:7" x14ac:dyDescent="0.3">
      <c r="A2282" s="13" t="s">
        <v>30</v>
      </c>
      <c r="B2282" s="14" t="s">
        <v>1</v>
      </c>
      <c r="C2282" s="14" t="s">
        <v>13</v>
      </c>
      <c r="D2282" s="14" t="s">
        <v>31</v>
      </c>
      <c r="E2282" s="15">
        <v>45468</v>
      </c>
      <c r="F2282" s="14" t="s">
        <v>15</v>
      </c>
      <c r="G2282" s="16">
        <v>0.77574838449222527</v>
      </c>
    </row>
    <row r="2283" spans="1:7" x14ac:dyDescent="0.3">
      <c r="A2283" s="13" t="s">
        <v>30</v>
      </c>
      <c r="B2283" s="14" t="s">
        <v>1</v>
      </c>
      <c r="C2283" s="14" t="s">
        <v>13</v>
      </c>
      <c r="D2283" s="14" t="s">
        <v>31</v>
      </c>
      <c r="E2283" s="15">
        <v>45469</v>
      </c>
      <c r="F2283" s="14" t="s">
        <v>15</v>
      </c>
      <c r="G2283" s="16">
        <v>0.78253402997243793</v>
      </c>
    </row>
    <row r="2284" spans="1:7" x14ac:dyDescent="0.3">
      <c r="A2284" s="13" t="s">
        <v>30</v>
      </c>
      <c r="B2284" s="14" t="s">
        <v>1</v>
      </c>
      <c r="C2284" s="14" t="s">
        <v>13</v>
      </c>
      <c r="D2284" s="14" t="s">
        <v>31</v>
      </c>
      <c r="E2284" s="15">
        <v>45470</v>
      </c>
      <c r="F2284" s="14" t="s">
        <v>15</v>
      </c>
      <c r="G2284" s="16">
        <v>0.78931732083841255</v>
      </c>
    </row>
    <row r="2285" spans="1:7" x14ac:dyDescent="0.3">
      <c r="A2285" s="13" t="s">
        <v>30</v>
      </c>
      <c r="B2285" s="14" t="s">
        <v>1</v>
      </c>
      <c r="C2285" s="14" t="s">
        <v>13</v>
      </c>
      <c r="D2285" s="14" t="s">
        <v>31</v>
      </c>
      <c r="E2285" s="15">
        <v>45471</v>
      </c>
      <c r="F2285" s="14" t="s">
        <v>15</v>
      </c>
      <c r="G2285" s="16">
        <v>0.7947834085788642</v>
      </c>
    </row>
    <row r="2286" spans="1:7" x14ac:dyDescent="0.3">
      <c r="A2286" s="13" t="s">
        <v>30</v>
      </c>
      <c r="B2286" s="14" t="s">
        <v>1</v>
      </c>
      <c r="C2286" s="14" t="s">
        <v>13</v>
      </c>
      <c r="D2286" s="14" t="s">
        <v>31</v>
      </c>
      <c r="E2286" s="15">
        <v>45472</v>
      </c>
      <c r="F2286" s="14" t="s">
        <v>15</v>
      </c>
      <c r="G2286" s="16">
        <v>0.7947834085788642</v>
      </c>
    </row>
    <row r="2287" spans="1:7" x14ac:dyDescent="0.3">
      <c r="A2287" s="13" t="s">
        <v>30</v>
      </c>
      <c r="B2287" s="14" t="s">
        <v>1</v>
      </c>
      <c r="C2287" s="14" t="s">
        <v>13</v>
      </c>
      <c r="D2287" s="14" t="s">
        <v>31</v>
      </c>
      <c r="E2287" s="15">
        <v>45473</v>
      </c>
      <c r="F2287" s="14" t="s">
        <v>15</v>
      </c>
      <c r="G2287" s="16">
        <v>0.7947834085788642</v>
      </c>
    </row>
    <row r="2288" spans="1:7" x14ac:dyDescent="0.3">
      <c r="A2288" s="13" t="s">
        <v>30</v>
      </c>
      <c r="B2288" s="14" t="s">
        <v>1</v>
      </c>
      <c r="C2288" s="14" t="s">
        <v>13</v>
      </c>
      <c r="D2288" s="14" t="s">
        <v>31</v>
      </c>
      <c r="E2288" s="15">
        <v>45474</v>
      </c>
      <c r="F2288" s="14" t="s">
        <v>15</v>
      </c>
      <c r="G2288" s="16">
        <v>0.80157224440086627</v>
      </c>
    </row>
    <row r="2289" spans="1:7" x14ac:dyDescent="0.3">
      <c r="A2289" s="13" t="s">
        <v>30</v>
      </c>
      <c r="B2289" s="14" t="s">
        <v>1</v>
      </c>
      <c r="C2289" s="14" t="s">
        <v>13</v>
      </c>
      <c r="D2289" s="14" t="s">
        <v>31</v>
      </c>
      <c r="E2289" s="15">
        <v>45475</v>
      </c>
      <c r="F2289" s="14" t="s">
        <v>15</v>
      </c>
      <c r="G2289" s="16">
        <v>0.83031375685067121</v>
      </c>
    </row>
    <row r="2290" spans="1:7" x14ac:dyDescent="0.3">
      <c r="A2290" s="13" t="s">
        <v>30</v>
      </c>
      <c r="B2290" s="14" t="s">
        <v>1</v>
      </c>
      <c r="C2290" s="14" t="s">
        <v>13</v>
      </c>
      <c r="D2290" s="14" t="s">
        <v>31</v>
      </c>
      <c r="E2290" s="15">
        <v>45476</v>
      </c>
      <c r="F2290" s="14" t="s">
        <v>15</v>
      </c>
      <c r="G2290" s="16">
        <v>0.83618348978708756</v>
      </c>
    </row>
    <row r="2291" spans="1:7" x14ac:dyDescent="0.3">
      <c r="A2291" s="13" t="s">
        <v>30</v>
      </c>
      <c r="B2291" s="14" t="s">
        <v>1</v>
      </c>
      <c r="C2291" s="14" t="s">
        <v>13</v>
      </c>
      <c r="D2291" s="14" t="s">
        <v>31</v>
      </c>
      <c r="E2291" s="15">
        <v>45477</v>
      </c>
      <c r="F2291" s="14" t="s">
        <v>15</v>
      </c>
      <c r="G2291" s="16">
        <v>0.8426536914101741</v>
      </c>
    </row>
    <row r="2292" spans="1:7" x14ac:dyDescent="0.3">
      <c r="A2292" s="13" t="s">
        <v>30</v>
      </c>
      <c r="B2292" s="14" t="s">
        <v>1</v>
      </c>
      <c r="C2292" s="14" t="s">
        <v>13</v>
      </c>
      <c r="D2292" s="14" t="s">
        <v>31</v>
      </c>
      <c r="E2292" s="15">
        <v>45478</v>
      </c>
      <c r="F2292" s="14" t="s">
        <v>15</v>
      </c>
      <c r="G2292" s="16">
        <v>0.84933390788557683</v>
      </c>
    </row>
    <row r="2293" spans="1:7" x14ac:dyDescent="0.3">
      <c r="A2293" s="13" t="s">
        <v>30</v>
      </c>
      <c r="B2293" s="14" t="s">
        <v>1</v>
      </c>
      <c r="C2293" s="14" t="s">
        <v>13</v>
      </c>
      <c r="D2293" s="14" t="s">
        <v>31</v>
      </c>
      <c r="E2293" s="15">
        <v>45479</v>
      </c>
      <c r="F2293" s="14" t="s">
        <v>15</v>
      </c>
      <c r="G2293" s="16">
        <v>0.84933390788557683</v>
      </c>
    </row>
    <row r="2294" spans="1:7" x14ac:dyDescent="0.3">
      <c r="A2294" s="13" t="s">
        <v>30</v>
      </c>
      <c r="B2294" s="14" t="s">
        <v>1</v>
      </c>
      <c r="C2294" s="14" t="s">
        <v>13</v>
      </c>
      <c r="D2294" s="14" t="s">
        <v>31</v>
      </c>
      <c r="E2294" s="15">
        <v>45480</v>
      </c>
      <c r="F2294" s="14" t="s">
        <v>15</v>
      </c>
      <c r="G2294" s="16">
        <v>0.84933390788557683</v>
      </c>
    </row>
    <row r="2295" spans="1:7" x14ac:dyDescent="0.3">
      <c r="A2295" s="13" t="s">
        <v>30</v>
      </c>
      <c r="B2295" s="14" t="s">
        <v>1</v>
      </c>
      <c r="C2295" s="14" t="s">
        <v>13</v>
      </c>
      <c r="D2295" s="14" t="s">
        <v>31</v>
      </c>
      <c r="E2295" s="15">
        <v>45481</v>
      </c>
      <c r="F2295" s="14" t="s">
        <v>15</v>
      </c>
      <c r="G2295" s="16">
        <v>0.85587069447679553</v>
      </c>
    </row>
    <row r="2296" spans="1:7" x14ac:dyDescent="0.3">
      <c r="A2296" s="13" t="s">
        <v>30</v>
      </c>
      <c r="B2296" s="14" t="s">
        <v>1</v>
      </c>
      <c r="C2296" s="14" t="s">
        <v>13</v>
      </c>
      <c r="D2296" s="14" t="s">
        <v>31</v>
      </c>
      <c r="E2296" s="15">
        <v>45482</v>
      </c>
      <c r="F2296" s="14" t="s">
        <v>15</v>
      </c>
      <c r="G2296" s="16">
        <v>0.87591407434427537</v>
      </c>
    </row>
    <row r="2297" spans="1:7" x14ac:dyDescent="0.3">
      <c r="A2297" s="13" t="s">
        <v>30</v>
      </c>
      <c r="B2297" s="14" t="s">
        <v>1</v>
      </c>
      <c r="C2297" s="14" t="s">
        <v>13</v>
      </c>
      <c r="D2297" s="14" t="s">
        <v>31</v>
      </c>
      <c r="E2297" s="15">
        <v>45483</v>
      </c>
      <c r="F2297" s="14" t="s">
        <v>15</v>
      </c>
      <c r="G2297" s="16">
        <v>0.88923878012836721</v>
      </c>
    </row>
    <row r="2298" spans="1:7" x14ac:dyDescent="0.3">
      <c r="A2298" s="13" t="s">
        <v>30</v>
      </c>
      <c r="B2298" s="14" t="s">
        <v>1</v>
      </c>
      <c r="C2298" s="14" t="s">
        <v>13</v>
      </c>
      <c r="D2298" s="14" t="s">
        <v>31</v>
      </c>
      <c r="E2298" s="15">
        <v>45484</v>
      </c>
      <c r="F2298" s="14" t="s">
        <v>15</v>
      </c>
      <c r="G2298" s="16">
        <v>0.89588336163330751</v>
      </c>
    </row>
    <row r="2299" spans="1:7" x14ac:dyDescent="0.3">
      <c r="A2299" s="13" t="s">
        <v>30</v>
      </c>
      <c r="B2299" s="14" t="s">
        <v>1</v>
      </c>
      <c r="C2299" s="14" t="s">
        <v>13</v>
      </c>
      <c r="D2299" s="14" t="s">
        <v>31</v>
      </c>
      <c r="E2299" s="15">
        <v>45485</v>
      </c>
      <c r="F2299" s="14" t="s">
        <v>15</v>
      </c>
      <c r="G2299" s="16">
        <v>0.91526638160527618</v>
      </c>
    </row>
    <row r="2300" spans="1:7" x14ac:dyDescent="0.3">
      <c r="A2300" s="13" t="s">
        <v>30</v>
      </c>
      <c r="B2300" s="14" t="s">
        <v>1</v>
      </c>
      <c r="C2300" s="14" t="s">
        <v>13</v>
      </c>
      <c r="D2300" s="14" t="s">
        <v>31</v>
      </c>
      <c r="E2300" s="15">
        <v>45486</v>
      </c>
      <c r="F2300" s="14" t="s">
        <v>15</v>
      </c>
      <c r="G2300" s="16">
        <v>0.91526638160527618</v>
      </c>
    </row>
    <row r="2301" spans="1:7" x14ac:dyDescent="0.3">
      <c r="A2301" s="13" t="s">
        <v>30</v>
      </c>
      <c r="B2301" s="14" t="s">
        <v>1</v>
      </c>
      <c r="C2301" s="14" t="s">
        <v>13</v>
      </c>
      <c r="D2301" s="14" t="s">
        <v>31</v>
      </c>
      <c r="E2301" s="15">
        <v>45487</v>
      </c>
      <c r="F2301" s="14" t="s">
        <v>15</v>
      </c>
      <c r="G2301" s="16">
        <v>0.91526638160527618</v>
      </c>
    </row>
    <row r="2302" spans="1:7" x14ac:dyDescent="0.3">
      <c r="A2302" s="13" t="s">
        <v>30</v>
      </c>
      <c r="B2302" s="14" t="s">
        <v>1</v>
      </c>
      <c r="C2302" s="14" t="s">
        <v>13</v>
      </c>
      <c r="D2302" s="14" t="s">
        <v>31</v>
      </c>
      <c r="E2302" s="15">
        <v>45488</v>
      </c>
      <c r="F2302" s="14" t="s">
        <v>15</v>
      </c>
      <c r="G2302" s="16">
        <v>0.92189779330932586</v>
      </c>
    </row>
    <row r="2303" spans="1:7" x14ac:dyDescent="0.3">
      <c r="A2303" s="13" t="s">
        <v>30</v>
      </c>
      <c r="B2303" s="14" t="s">
        <v>1</v>
      </c>
      <c r="C2303" s="14" t="s">
        <v>13</v>
      </c>
      <c r="D2303" s="14" t="s">
        <v>31</v>
      </c>
      <c r="E2303" s="15">
        <v>45489</v>
      </c>
      <c r="F2303" s="14" t="s">
        <v>15</v>
      </c>
      <c r="G2303" s="16">
        <v>0.9415409545290685</v>
      </c>
    </row>
    <row r="2304" spans="1:7" x14ac:dyDescent="0.3">
      <c r="A2304" s="13" t="s">
        <v>30</v>
      </c>
      <c r="B2304" s="14" t="s">
        <v>1</v>
      </c>
      <c r="C2304" s="14" t="s">
        <v>13</v>
      </c>
      <c r="D2304" s="14" t="s">
        <v>31</v>
      </c>
      <c r="E2304" s="15">
        <v>45490</v>
      </c>
      <c r="F2304" s="14" t="s">
        <v>15</v>
      </c>
      <c r="G2304" s="16">
        <v>0.94811388577138467</v>
      </c>
    </row>
    <row r="2305" spans="1:7" x14ac:dyDescent="0.3">
      <c r="A2305" s="13" t="s">
        <v>30</v>
      </c>
      <c r="B2305" s="14" t="s">
        <v>1</v>
      </c>
      <c r="C2305" s="14" t="s">
        <v>13</v>
      </c>
      <c r="D2305" s="14" t="s">
        <v>31</v>
      </c>
      <c r="E2305" s="15">
        <v>45491</v>
      </c>
      <c r="F2305" s="14" t="s">
        <v>15</v>
      </c>
      <c r="G2305" s="16">
        <v>0.95467776101816793</v>
      </c>
    </row>
    <row r="2306" spans="1:7" x14ac:dyDescent="0.3">
      <c r="A2306" s="13" t="s">
        <v>30</v>
      </c>
      <c r="B2306" s="14" t="s">
        <v>1</v>
      </c>
      <c r="C2306" s="14" t="s">
        <v>13</v>
      </c>
      <c r="D2306" s="14" t="s">
        <v>31</v>
      </c>
      <c r="E2306" s="15">
        <v>45492</v>
      </c>
      <c r="F2306" s="14" t="s">
        <v>15</v>
      </c>
      <c r="G2306" s="16">
        <v>0.96125286772309815</v>
      </c>
    </row>
    <row r="2307" spans="1:7" x14ac:dyDescent="0.3">
      <c r="A2307" s="13" t="s">
        <v>30</v>
      </c>
      <c r="B2307" s="14" t="s">
        <v>1</v>
      </c>
      <c r="C2307" s="14" t="s">
        <v>13</v>
      </c>
      <c r="D2307" s="14" t="s">
        <v>31</v>
      </c>
      <c r="E2307" s="15">
        <v>45493</v>
      </c>
      <c r="F2307" s="14" t="s">
        <v>15</v>
      </c>
      <c r="G2307" s="16">
        <v>0.96125286772309815</v>
      </c>
    </row>
    <row r="2308" spans="1:7" x14ac:dyDescent="0.3">
      <c r="A2308" s="13" t="s">
        <v>30</v>
      </c>
      <c r="B2308" s="14" t="s">
        <v>1</v>
      </c>
      <c r="C2308" s="14" t="s">
        <v>13</v>
      </c>
      <c r="D2308" s="14" t="s">
        <v>31</v>
      </c>
      <c r="E2308" s="15">
        <v>45494</v>
      </c>
      <c r="F2308" s="14" t="s">
        <v>15</v>
      </c>
      <c r="G2308" s="16">
        <v>0.96125286772309815</v>
      </c>
    </row>
    <row r="2309" spans="1:7" x14ac:dyDescent="0.3">
      <c r="A2309" s="13" t="s">
        <v>30</v>
      </c>
      <c r="B2309" s="14" t="s">
        <v>1</v>
      </c>
      <c r="C2309" s="14" t="s">
        <v>13</v>
      </c>
      <c r="D2309" s="14" t="s">
        <v>31</v>
      </c>
      <c r="E2309" s="15">
        <v>45495</v>
      </c>
      <c r="F2309" s="14" t="s">
        <v>15</v>
      </c>
      <c r="G2309" s="16">
        <v>0.96695834589609619</v>
      </c>
    </row>
    <row r="2310" spans="1:7" x14ac:dyDescent="0.3">
      <c r="A2310" s="13" t="s">
        <v>30</v>
      </c>
      <c r="B2310" s="14" t="s">
        <v>1</v>
      </c>
      <c r="C2310" s="14" t="s">
        <v>13</v>
      </c>
      <c r="D2310" s="14" t="s">
        <v>31</v>
      </c>
      <c r="E2310" s="15">
        <v>45496</v>
      </c>
      <c r="F2310" s="14" t="s">
        <v>15</v>
      </c>
      <c r="G2310" s="16">
        <v>0.98669874523547196</v>
      </c>
    </row>
    <row r="2311" spans="1:7" x14ac:dyDescent="0.3">
      <c r="A2311" s="13" t="s">
        <v>30</v>
      </c>
      <c r="B2311" s="14" t="s">
        <v>1</v>
      </c>
      <c r="C2311" s="14" t="s">
        <v>13</v>
      </c>
      <c r="D2311" s="14" t="s">
        <v>31</v>
      </c>
      <c r="E2311" s="15">
        <v>45497</v>
      </c>
      <c r="F2311" s="14" t="s">
        <v>15</v>
      </c>
      <c r="G2311" s="16">
        <v>0.99335230468748326</v>
      </c>
    </row>
    <row r="2312" spans="1:7" x14ac:dyDescent="0.3">
      <c r="A2312" s="13" t="s">
        <v>30</v>
      </c>
      <c r="B2312" s="14" t="s">
        <v>1</v>
      </c>
      <c r="C2312" s="14" t="s">
        <v>13</v>
      </c>
      <c r="D2312" s="14" t="s">
        <v>31</v>
      </c>
      <c r="E2312" s="15">
        <v>45498</v>
      </c>
      <c r="F2312" s="14" t="s">
        <v>15</v>
      </c>
      <c r="G2312" s="16">
        <v>1.0000057609488973</v>
      </c>
    </row>
    <row r="2313" spans="1:7" x14ac:dyDescent="0.3">
      <c r="A2313" s="13" t="s">
        <v>30</v>
      </c>
      <c r="B2313" s="14" t="s">
        <v>1</v>
      </c>
      <c r="C2313" s="14" t="s">
        <v>13</v>
      </c>
      <c r="D2313" s="14" t="s">
        <v>31</v>
      </c>
      <c r="E2313" s="15">
        <v>45499</v>
      </c>
      <c r="F2313" s="14" t="s">
        <v>15</v>
      </c>
      <c r="G2313" s="16">
        <v>1.0065249662429634</v>
      </c>
    </row>
    <row r="2314" spans="1:7" x14ac:dyDescent="0.3">
      <c r="A2314" s="13" t="s">
        <v>30</v>
      </c>
      <c r="B2314" s="14" t="s">
        <v>1</v>
      </c>
      <c r="C2314" s="14" t="s">
        <v>13</v>
      </c>
      <c r="D2314" s="14" t="s">
        <v>31</v>
      </c>
      <c r="E2314" s="15">
        <v>45500</v>
      </c>
      <c r="F2314" s="14" t="s">
        <v>15</v>
      </c>
      <c r="G2314" s="16">
        <v>1.0065249662429634</v>
      </c>
    </row>
    <row r="2315" spans="1:7" x14ac:dyDescent="0.3">
      <c r="A2315" s="13" t="s">
        <v>30</v>
      </c>
      <c r="B2315" s="14" t="s">
        <v>1</v>
      </c>
      <c r="C2315" s="14" t="s">
        <v>13</v>
      </c>
      <c r="D2315" s="14" t="s">
        <v>31</v>
      </c>
      <c r="E2315" s="15">
        <v>45501</v>
      </c>
      <c r="F2315" s="14" t="s">
        <v>15</v>
      </c>
      <c r="G2315" s="16">
        <v>1.0065249662429634</v>
      </c>
    </row>
    <row r="2316" spans="1:7" x14ac:dyDescent="0.3">
      <c r="A2316" s="13" t="s">
        <v>30</v>
      </c>
      <c r="B2316" s="14" t="s">
        <v>1</v>
      </c>
      <c r="C2316" s="14" t="s">
        <v>13</v>
      </c>
      <c r="D2316" s="14" t="s">
        <v>31</v>
      </c>
      <c r="E2316" s="15">
        <v>45502</v>
      </c>
      <c r="F2316" s="14" t="s">
        <v>15</v>
      </c>
      <c r="G2316" s="16">
        <v>1.0130674926120646</v>
      </c>
    </row>
    <row r="2317" spans="1:7" x14ac:dyDescent="0.3">
      <c r="A2317" s="13" t="s">
        <v>30</v>
      </c>
      <c r="B2317" s="14" t="s">
        <v>1</v>
      </c>
      <c r="C2317" s="14" t="s">
        <v>13</v>
      </c>
      <c r="D2317" s="14" t="s">
        <v>31</v>
      </c>
      <c r="E2317" s="15">
        <v>45503</v>
      </c>
      <c r="F2317" s="14" t="s">
        <v>15</v>
      </c>
      <c r="G2317" s="16">
        <v>1.0325546086986805</v>
      </c>
    </row>
    <row r="2318" spans="1:7" x14ac:dyDescent="0.3">
      <c r="A2318" s="13" t="s">
        <v>30</v>
      </c>
      <c r="B2318" s="14" t="s">
        <v>1</v>
      </c>
      <c r="C2318" s="14" t="s">
        <v>13</v>
      </c>
      <c r="D2318" s="14" t="s">
        <v>31</v>
      </c>
      <c r="E2318" s="15">
        <v>45504</v>
      </c>
      <c r="F2318" s="14" t="s">
        <v>15</v>
      </c>
      <c r="G2318" s="16">
        <v>1.0412901416458558</v>
      </c>
    </row>
    <row r="2319" spans="1:7" x14ac:dyDescent="0.3">
      <c r="A2319" s="13" t="s">
        <v>30</v>
      </c>
      <c r="B2319" s="14" t="s">
        <v>1</v>
      </c>
      <c r="C2319" s="14" t="s">
        <v>13</v>
      </c>
      <c r="D2319" s="14" t="s">
        <v>31</v>
      </c>
      <c r="E2319" s="15">
        <v>45505</v>
      </c>
      <c r="F2319" s="14" t="s">
        <v>15</v>
      </c>
      <c r="G2319" s="16">
        <v>1.0412901416458558</v>
      </c>
    </row>
    <row r="2320" spans="1:7" x14ac:dyDescent="0.3">
      <c r="A2320" s="13" t="s">
        <v>30</v>
      </c>
      <c r="B2320" s="14" t="s">
        <v>1</v>
      </c>
      <c r="C2320" s="14" t="s">
        <v>13</v>
      </c>
      <c r="D2320" s="14" t="s">
        <v>31</v>
      </c>
      <c r="E2320" s="15">
        <v>45506</v>
      </c>
      <c r="F2320" s="14" t="s">
        <v>15</v>
      </c>
      <c r="G2320" s="16">
        <v>1.047891486655532</v>
      </c>
    </row>
    <row r="2321" spans="1:7" x14ac:dyDescent="0.3">
      <c r="A2321" s="13" t="s">
        <v>30</v>
      </c>
      <c r="B2321" s="14" t="s">
        <v>1</v>
      </c>
      <c r="C2321" s="14" t="s">
        <v>13</v>
      </c>
      <c r="D2321" s="14" t="s">
        <v>31</v>
      </c>
      <c r="E2321" s="15">
        <v>45507</v>
      </c>
      <c r="F2321" s="14" t="s">
        <v>15</v>
      </c>
      <c r="G2321" s="16">
        <v>1.047891486655532</v>
      </c>
    </row>
    <row r="2322" spans="1:7" x14ac:dyDescent="0.3">
      <c r="A2322" s="13" t="s">
        <v>30</v>
      </c>
      <c r="B2322" s="14" t="s">
        <v>1</v>
      </c>
      <c r="C2322" s="14" t="s">
        <v>13</v>
      </c>
      <c r="D2322" s="14" t="s">
        <v>31</v>
      </c>
      <c r="E2322" s="15">
        <v>45508</v>
      </c>
      <c r="F2322" s="14" t="s">
        <v>15</v>
      </c>
      <c r="G2322" s="16">
        <v>1.047891486655532</v>
      </c>
    </row>
    <row r="2323" spans="1:7" x14ac:dyDescent="0.3">
      <c r="A2323" s="13" t="s">
        <v>30</v>
      </c>
      <c r="B2323" s="14" t="s">
        <v>1</v>
      </c>
      <c r="C2323" s="14" t="s">
        <v>13</v>
      </c>
      <c r="D2323" s="14" t="s">
        <v>31</v>
      </c>
      <c r="E2323" s="15">
        <v>45509</v>
      </c>
      <c r="F2323" s="14" t="s">
        <v>15</v>
      </c>
      <c r="G2323" s="16">
        <v>1.047891486655532</v>
      </c>
    </row>
    <row r="2324" spans="1:7" x14ac:dyDescent="0.3">
      <c r="A2324" s="13" t="s">
        <v>30</v>
      </c>
      <c r="B2324" s="14" t="s">
        <v>1</v>
      </c>
      <c r="C2324" s="14" t="s">
        <v>13</v>
      </c>
      <c r="D2324" s="14" t="s">
        <v>31</v>
      </c>
      <c r="E2324" s="15">
        <v>45510</v>
      </c>
      <c r="F2324" s="14" t="s">
        <v>15</v>
      </c>
      <c r="G2324" s="16">
        <v>1.0908582817255483</v>
      </c>
    </row>
    <row r="2325" spans="1:7" x14ac:dyDescent="0.3">
      <c r="A2325" s="13" t="s">
        <v>30</v>
      </c>
      <c r="B2325" s="14" t="s">
        <v>1</v>
      </c>
      <c r="C2325" s="14" t="s">
        <v>13</v>
      </c>
      <c r="D2325" s="14" t="s">
        <v>31</v>
      </c>
      <c r="E2325" s="15">
        <v>45511</v>
      </c>
      <c r="F2325" s="14" t="s">
        <v>15</v>
      </c>
      <c r="G2325" s="16">
        <v>1.1241094290155147</v>
      </c>
    </row>
    <row r="2326" spans="1:7" x14ac:dyDescent="0.3">
      <c r="A2326" s="13" t="s">
        <v>30</v>
      </c>
      <c r="B2326" s="14" t="s">
        <v>1</v>
      </c>
      <c r="C2326" s="14" t="s">
        <v>13</v>
      </c>
      <c r="D2326" s="14" t="s">
        <v>31</v>
      </c>
      <c r="E2326" s="15">
        <v>45512</v>
      </c>
      <c r="F2326" s="14" t="s">
        <v>15</v>
      </c>
      <c r="G2326" s="16">
        <v>1.1307646077700764</v>
      </c>
    </row>
    <row r="2327" spans="1:7" x14ac:dyDescent="0.3">
      <c r="A2327" s="13" t="s">
        <v>30</v>
      </c>
      <c r="B2327" s="14" t="s">
        <v>1</v>
      </c>
      <c r="C2327" s="14" t="s">
        <v>13</v>
      </c>
      <c r="D2327" s="14" t="s">
        <v>31</v>
      </c>
      <c r="E2327" s="15">
        <v>45513</v>
      </c>
      <c r="F2327" s="14" t="s">
        <v>15</v>
      </c>
      <c r="G2327" s="16">
        <v>1.137424782484771</v>
      </c>
    </row>
    <row r="2328" spans="1:7" x14ac:dyDescent="0.3">
      <c r="A2328" s="13" t="s">
        <v>30</v>
      </c>
      <c r="B2328" s="14" t="s">
        <v>1</v>
      </c>
      <c r="C2328" s="14" t="s">
        <v>13</v>
      </c>
      <c r="D2328" s="14" t="s">
        <v>31</v>
      </c>
      <c r="E2328" s="15">
        <v>45514</v>
      </c>
      <c r="F2328" s="14" t="s">
        <v>15</v>
      </c>
      <c r="G2328" s="16">
        <v>1.137424782484771</v>
      </c>
    </row>
    <row r="2329" spans="1:7" x14ac:dyDescent="0.3">
      <c r="A2329" s="13" t="s">
        <v>30</v>
      </c>
      <c r="B2329" s="14" t="s">
        <v>1</v>
      </c>
      <c r="C2329" s="14" t="s">
        <v>13</v>
      </c>
      <c r="D2329" s="14" t="s">
        <v>31</v>
      </c>
      <c r="E2329" s="15">
        <v>45515</v>
      </c>
      <c r="F2329" s="14" t="s">
        <v>15</v>
      </c>
      <c r="G2329" s="16">
        <v>1.137424782484771</v>
      </c>
    </row>
    <row r="2330" spans="1:7" x14ac:dyDescent="0.3">
      <c r="A2330" s="13" t="s">
        <v>30</v>
      </c>
      <c r="B2330" s="14" t="s">
        <v>1</v>
      </c>
      <c r="C2330" s="14" t="s">
        <v>13</v>
      </c>
      <c r="D2330" s="14" t="s">
        <v>31</v>
      </c>
      <c r="E2330" s="15">
        <v>45516</v>
      </c>
      <c r="F2330" s="14" t="s">
        <v>15</v>
      </c>
      <c r="G2330" s="16">
        <v>1.143972042136207</v>
      </c>
    </row>
    <row r="2331" spans="1:7" x14ac:dyDescent="0.3">
      <c r="A2331" s="13" t="s">
        <v>30</v>
      </c>
      <c r="B2331" s="14" t="s">
        <v>1</v>
      </c>
      <c r="C2331" s="14" t="s">
        <v>13</v>
      </c>
      <c r="D2331" s="14" t="s">
        <v>31</v>
      </c>
      <c r="E2331" s="15">
        <v>45517</v>
      </c>
      <c r="F2331" s="14" t="s">
        <v>15</v>
      </c>
      <c r="G2331" s="16">
        <v>1.1634771370092127</v>
      </c>
    </row>
    <row r="2332" spans="1:7" x14ac:dyDescent="0.3">
      <c r="A2332" s="13" t="s">
        <v>30</v>
      </c>
      <c r="B2332" s="14" t="s">
        <v>1</v>
      </c>
      <c r="C2332" s="14" t="s">
        <v>13</v>
      </c>
      <c r="D2332" s="14" t="s">
        <v>31</v>
      </c>
      <c r="E2332" s="15">
        <v>45518</v>
      </c>
      <c r="F2332" s="14" t="s">
        <v>15</v>
      </c>
      <c r="G2332" s="16">
        <v>1.169979089715196</v>
      </c>
    </row>
    <row r="2333" spans="1:7" x14ac:dyDescent="0.3">
      <c r="A2333" s="13" t="s">
        <v>30</v>
      </c>
      <c r="B2333" s="14" t="s">
        <v>1</v>
      </c>
      <c r="C2333" s="14" t="s">
        <v>13</v>
      </c>
      <c r="D2333" s="14" t="s">
        <v>31</v>
      </c>
      <c r="E2333" s="15">
        <v>45519</v>
      </c>
      <c r="F2333" s="14" t="s">
        <v>15</v>
      </c>
      <c r="G2333" s="16">
        <v>1.1764563106695769</v>
      </c>
    </row>
    <row r="2334" spans="1:7" x14ac:dyDescent="0.3">
      <c r="A2334" s="13" t="s">
        <v>30</v>
      </c>
      <c r="B2334" s="14" t="s">
        <v>1</v>
      </c>
      <c r="C2334" s="14" t="s">
        <v>13</v>
      </c>
      <c r="D2334" s="14" t="s">
        <v>31</v>
      </c>
      <c r="E2334" s="15">
        <v>45520</v>
      </c>
      <c r="F2334" s="14" t="s">
        <v>15</v>
      </c>
      <c r="G2334" s="16">
        <v>1.182923539428014</v>
      </c>
    </row>
    <row r="2335" spans="1:7" x14ac:dyDescent="0.3">
      <c r="A2335" s="13" t="s">
        <v>30</v>
      </c>
      <c r="B2335" s="14" t="s">
        <v>1</v>
      </c>
      <c r="C2335" s="14" t="s">
        <v>13</v>
      </c>
      <c r="D2335" s="14" t="s">
        <v>31</v>
      </c>
      <c r="E2335" s="15">
        <v>45521</v>
      </c>
      <c r="F2335" s="14" t="s">
        <v>15</v>
      </c>
      <c r="G2335" s="16">
        <v>1.182923539428014</v>
      </c>
    </row>
    <row r="2336" spans="1:7" x14ac:dyDescent="0.3">
      <c r="A2336" s="13" t="s">
        <v>30</v>
      </c>
      <c r="B2336" s="14" t="s">
        <v>1</v>
      </c>
      <c r="C2336" s="14" t="s">
        <v>13</v>
      </c>
      <c r="D2336" s="14" t="s">
        <v>31</v>
      </c>
      <c r="E2336" s="15">
        <v>45522</v>
      </c>
      <c r="F2336" s="14" t="s">
        <v>15</v>
      </c>
      <c r="G2336" s="16">
        <v>1.182923539428014</v>
      </c>
    </row>
    <row r="2337" spans="1:7" x14ac:dyDescent="0.3">
      <c r="A2337" s="13" t="s">
        <v>30</v>
      </c>
      <c r="B2337" s="14" t="s">
        <v>1</v>
      </c>
      <c r="C2337" s="14" t="s">
        <v>13</v>
      </c>
      <c r="D2337" s="14" t="s">
        <v>31</v>
      </c>
      <c r="E2337" s="15">
        <v>45523</v>
      </c>
      <c r="F2337" s="14" t="s">
        <v>15</v>
      </c>
      <c r="G2337" s="16">
        <v>1.1893762916879371</v>
      </c>
    </row>
    <row r="2338" spans="1:7" x14ac:dyDescent="0.3">
      <c r="A2338" s="13" t="s">
        <v>30</v>
      </c>
      <c r="B2338" s="14" t="s">
        <v>1</v>
      </c>
      <c r="C2338" s="14" t="s">
        <v>13</v>
      </c>
      <c r="D2338" s="14" t="s">
        <v>31</v>
      </c>
      <c r="E2338" s="15">
        <v>45524</v>
      </c>
      <c r="F2338" s="14" t="s">
        <v>15</v>
      </c>
      <c r="G2338" s="16">
        <v>1.2086230516343868</v>
      </c>
    </row>
    <row r="2339" spans="1:7" x14ac:dyDescent="0.3">
      <c r="A2339" s="13" t="s">
        <v>30</v>
      </c>
      <c r="B2339" s="14" t="s">
        <v>1</v>
      </c>
      <c r="C2339" s="14" t="s">
        <v>13</v>
      </c>
      <c r="D2339" s="14" t="s">
        <v>31</v>
      </c>
      <c r="E2339" s="15">
        <v>45525</v>
      </c>
      <c r="F2339" s="14" t="s">
        <v>15</v>
      </c>
      <c r="G2339" s="16">
        <v>1.2132232020238978</v>
      </c>
    </row>
    <row r="2340" spans="1:7" x14ac:dyDescent="0.3">
      <c r="A2340" s="13" t="s">
        <v>30</v>
      </c>
      <c r="B2340" s="14" t="s">
        <v>1</v>
      </c>
      <c r="C2340" s="14" t="s">
        <v>13</v>
      </c>
      <c r="D2340" s="14" t="s">
        <v>31</v>
      </c>
      <c r="E2340" s="15">
        <v>45526</v>
      </c>
      <c r="F2340" s="14" t="s">
        <v>15</v>
      </c>
      <c r="G2340" s="16">
        <v>1.2564018561649382</v>
      </c>
    </row>
    <row r="2341" spans="1:7" x14ac:dyDescent="0.3">
      <c r="A2341" s="13" t="s">
        <v>30</v>
      </c>
      <c r="B2341" s="14" t="s">
        <v>1</v>
      </c>
      <c r="C2341" s="14" t="s">
        <v>13</v>
      </c>
      <c r="D2341" s="14" t="s">
        <v>31</v>
      </c>
      <c r="E2341" s="15">
        <v>45527</v>
      </c>
      <c r="F2341" s="14" t="s">
        <v>15</v>
      </c>
      <c r="G2341" s="16">
        <v>1.2694848934865994</v>
      </c>
    </row>
    <row r="2342" spans="1:7" x14ac:dyDescent="0.3">
      <c r="A2342" s="13" t="s">
        <v>30</v>
      </c>
      <c r="B2342" s="14" t="s">
        <v>1</v>
      </c>
      <c r="C2342" s="14" t="s">
        <v>13</v>
      </c>
      <c r="D2342" s="14" t="s">
        <v>31</v>
      </c>
      <c r="E2342" s="15">
        <v>45528</v>
      </c>
      <c r="F2342" s="14" t="s">
        <v>15</v>
      </c>
      <c r="G2342" s="16">
        <v>1.2694848934865994</v>
      </c>
    </row>
    <row r="2343" spans="1:7" x14ac:dyDescent="0.3">
      <c r="A2343" s="13" t="s">
        <v>30</v>
      </c>
      <c r="B2343" s="14" t="s">
        <v>1</v>
      </c>
      <c r="C2343" s="14" t="s">
        <v>13</v>
      </c>
      <c r="D2343" s="14" t="s">
        <v>31</v>
      </c>
      <c r="E2343" s="15">
        <v>45529</v>
      </c>
      <c r="F2343" s="14" t="s">
        <v>15</v>
      </c>
      <c r="G2343" s="16">
        <v>1.2694848934865994</v>
      </c>
    </row>
    <row r="2344" spans="1:7" x14ac:dyDescent="0.3">
      <c r="A2344" s="13" t="s">
        <v>30</v>
      </c>
      <c r="B2344" s="14" t="s">
        <v>1</v>
      </c>
      <c r="C2344" s="14" t="s">
        <v>13</v>
      </c>
      <c r="D2344" s="14" t="s">
        <v>31</v>
      </c>
      <c r="E2344" s="15">
        <v>45530</v>
      </c>
      <c r="F2344" s="14" t="s">
        <v>15</v>
      </c>
      <c r="G2344" s="16">
        <v>1.2759248752326822</v>
      </c>
    </row>
    <row r="2345" spans="1:7" x14ac:dyDescent="0.3">
      <c r="A2345" s="13" t="s">
        <v>30</v>
      </c>
      <c r="B2345" s="14" t="s">
        <v>1</v>
      </c>
      <c r="C2345" s="14" t="s">
        <v>13</v>
      </c>
      <c r="D2345" s="14" t="s">
        <v>31</v>
      </c>
      <c r="E2345" s="15">
        <v>45531</v>
      </c>
      <c r="F2345" s="14" t="s">
        <v>15</v>
      </c>
      <c r="G2345" s="16">
        <v>1.2951021772317171</v>
      </c>
    </row>
    <row r="2346" spans="1:7" x14ac:dyDescent="0.3">
      <c r="A2346" s="13" t="s">
        <v>30</v>
      </c>
      <c r="B2346" s="14" t="s">
        <v>1</v>
      </c>
      <c r="C2346" s="14" t="s">
        <v>13</v>
      </c>
      <c r="D2346" s="14" t="s">
        <v>31</v>
      </c>
      <c r="E2346" s="15">
        <v>45532</v>
      </c>
      <c r="F2346" s="14" t="s">
        <v>15</v>
      </c>
      <c r="G2346" s="16">
        <v>1.3046769199219643</v>
      </c>
    </row>
    <row r="2347" spans="1:7" x14ac:dyDescent="0.3">
      <c r="A2347" s="13" t="s">
        <v>30</v>
      </c>
      <c r="B2347" s="14" t="s">
        <v>1</v>
      </c>
      <c r="C2347" s="14" t="s">
        <v>13</v>
      </c>
      <c r="D2347" s="14" t="s">
        <v>31</v>
      </c>
      <c r="E2347" s="15">
        <v>45533</v>
      </c>
      <c r="F2347" s="14" t="s">
        <v>15</v>
      </c>
      <c r="G2347" s="16">
        <v>1.3110269678646631</v>
      </c>
    </row>
    <row r="2348" spans="1:7" x14ac:dyDescent="0.3">
      <c r="A2348" s="13" t="s">
        <v>30</v>
      </c>
      <c r="B2348" s="14" t="s">
        <v>1</v>
      </c>
      <c r="C2348" s="14" t="s">
        <v>13</v>
      </c>
      <c r="D2348" s="14" t="s">
        <v>31</v>
      </c>
      <c r="E2348" s="15">
        <v>45534</v>
      </c>
      <c r="F2348" s="14" t="s">
        <v>15</v>
      </c>
      <c r="G2348" s="16">
        <v>1.3173829094805141</v>
      </c>
    </row>
    <row r="2349" spans="1:7" x14ac:dyDescent="0.3">
      <c r="A2349" s="13" t="s">
        <v>30</v>
      </c>
      <c r="B2349" s="14" t="s">
        <v>1</v>
      </c>
      <c r="C2349" s="14" t="s">
        <v>13</v>
      </c>
      <c r="D2349" s="14" t="s">
        <v>31</v>
      </c>
      <c r="E2349" s="15">
        <v>45535</v>
      </c>
      <c r="F2349" s="14" t="s">
        <v>15</v>
      </c>
      <c r="G2349" s="16">
        <v>1.3173829094805141</v>
      </c>
    </row>
    <row r="2350" spans="1:7" x14ac:dyDescent="0.3">
      <c r="A2350" s="13" t="s">
        <v>30</v>
      </c>
      <c r="B2350" s="14" t="s">
        <v>1</v>
      </c>
      <c r="C2350" s="14" t="s">
        <v>13</v>
      </c>
      <c r="D2350" s="14" t="s">
        <v>31</v>
      </c>
      <c r="E2350" s="15">
        <v>45536</v>
      </c>
      <c r="F2350" s="14" t="s">
        <v>15</v>
      </c>
      <c r="G2350" s="16">
        <v>1.3173829094805141</v>
      </c>
    </row>
    <row r="2351" spans="1:7" x14ac:dyDescent="0.3">
      <c r="A2351" s="13" t="s">
        <v>30</v>
      </c>
      <c r="B2351" s="14" t="s">
        <v>1</v>
      </c>
      <c r="C2351" s="14" t="s">
        <v>13</v>
      </c>
      <c r="D2351" s="14" t="s">
        <v>31</v>
      </c>
      <c r="E2351" s="15">
        <v>45537</v>
      </c>
      <c r="F2351" s="14" t="s">
        <v>15</v>
      </c>
      <c r="G2351" s="16">
        <v>1.3237389461556095</v>
      </c>
    </row>
    <row r="2352" spans="1:7" x14ac:dyDescent="0.3">
      <c r="A2352" s="13" t="s">
        <v>30</v>
      </c>
      <c r="B2352" s="14" t="s">
        <v>1</v>
      </c>
      <c r="C2352" s="14" t="s">
        <v>13</v>
      </c>
      <c r="D2352" s="14" t="s">
        <v>31</v>
      </c>
      <c r="E2352" s="15">
        <v>45538</v>
      </c>
      <c r="F2352" s="14" t="s">
        <v>15</v>
      </c>
      <c r="G2352" s="16">
        <v>1.3537854100702538</v>
      </c>
    </row>
    <row r="2353" spans="1:7" x14ac:dyDescent="0.3">
      <c r="A2353" s="13" t="s">
        <v>30</v>
      </c>
      <c r="B2353" s="14" t="s">
        <v>1</v>
      </c>
      <c r="C2353" s="14" t="s">
        <v>13</v>
      </c>
      <c r="D2353" s="14" t="s">
        <v>31</v>
      </c>
      <c r="E2353" s="15">
        <v>45539</v>
      </c>
      <c r="F2353" s="14" t="s">
        <v>15</v>
      </c>
      <c r="G2353" s="16">
        <v>1.3601710576999775</v>
      </c>
    </row>
    <row r="2354" spans="1:7" x14ac:dyDescent="0.3">
      <c r="A2354" s="13" t="s">
        <v>30</v>
      </c>
      <c r="B2354" s="14" t="s">
        <v>1</v>
      </c>
      <c r="C2354" s="14" t="s">
        <v>13</v>
      </c>
      <c r="D2354" s="14" t="s">
        <v>31</v>
      </c>
      <c r="E2354" s="15">
        <v>45540</v>
      </c>
      <c r="F2354" s="14" t="s">
        <v>15</v>
      </c>
      <c r="G2354" s="16">
        <v>1.3743543206631348</v>
      </c>
    </row>
    <row r="2355" spans="1:7" x14ac:dyDescent="0.3">
      <c r="A2355" s="13" t="s">
        <v>30</v>
      </c>
      <c r="B2355" s="14" t="s">
        <v>1</v>
      </c>
      <c r="C2355" s="14" t="s">
        <v>13</v>
      </c>
      <c r="D2355" s="14" t="s">
        <v>31</v>
      </c>
      <c r="E2355" s="15">
        <v>45541</v>
      </c>
      <c r="F2355" s="14" t="s">
        <v>15</v>
      </c>
      <c r="G2355" s="16">
        <v>1.3810787749547506</v>
      </c>
    </row>
    <row r="2356" spans="1:7" x14ac:dyDescent="0.3">
      <c r="A2356" s="13" t="s">
        <v>30</v>
      </c>
      <c r="B2356" s="14" t="s">
        <v>1</v>
      </c>
      <c r="C2356" s="14" t="s">
        <v>13</v>
      </c>
      <c r="D2356" s="14" t="s">
        <v>31</v>
      </c>
      <c r="E2356" s="15">
        <v>45542</v>
      </c>
      <c r="F2356" s="14" t="s">
        <v>15</v>
      </c>
      <c r="G2356" s="16">
        <v>1.3810787749547506</v>
      </c>
    </row>
    <row r="2357" spans="1:7" x14ac:dyDescent="0.3">
      <c r="A2357" s="13" t="s">
        <v>30</v>
      </c>
      <c r="B2357" s="14" t="s">
        <v>1</v>
      </c>
      <c r="C2357" s="14" t="s">
        <v>13</v>
      </c>
      <c r="D2357" s="14" t="s">
        <v>31</v>
      </c>
      <c r="E2357" s="15">
        <v>45543</v>
      </c>
      <c r="F2357" s="14" t="s">
        <v>15</v>
      </c>
      <c r="G2357" s="16">
        <v>1.3810787749547506</v>
      </c>
    </row>
    <row r="2358" spans="1:7" x14ac:dyDescent="0.3">
      <c r="A2358" s="13" t="s">
        <v>30</v>
      </c>
      <c r="B2358" s="14" t="s">
        <v>1</v>
      </c>
      <c r="C2358" s="14" t="s">
        <v>13</v>
      </c>
      <c r="D2358" s="14" t="s">
        <v>31</v>
      </c>
      <c r="E2358" s="15">
        <v>45544</v>
      </c>
      <c r="F2358" s="14" t="s">
        <v>15</v>
      </c>
      <c r="G2358" s="16">
        <v>1.3878015708488496</v>
      </c>
    </row>
    <row r="2359" spans="1:7" x14ac:dyDescent="0.3">
      <c r="A2359" s="13" t="s">
        <v>30</v>
      </c>
      <c r="B2359" s="14" t="s">
        <v>1</v>
      </c>
      <c r="C2359" s="14" t="s">
        <v>13</v>
      </c>
      <c r="D2359" s="14" t="s">
        <v>31</v>
      </c>
      <c r="E2359" s="15">
        <v>45545</v>
      </c>
      <c r="F2359" s="14" t="s">
        <v>15</v>
      </c>
      <c r="G2359" s="16">
        <v>1.4076292608346008</v>
      </c>
    </row>
    <row r="2360" spans="1:7" x14ac:dyDescent="0.3">
      <c r="A2360" s="13" t="s">
        <v>30</v>
      </c>
      <c r="B2360" s="14" t="s">
        <v>1</v>
      </c>
      <c r="C2360" s="14" t="s">
        <v>13</v>
      </c>
      <c r="D2360" s="14" t="s">
        <v>31</v>
      </c>
      <c r="E2360" s="15">
        <v>45546</v>
      </c>
      <c r="F2360" s="14" t="s">
        <v>15</v>
      </c>
      <c r="G2360" s="16">
        <v>1.4142500415900239</v>
      </c>
    </row>
    <row r="2361" spans="1:7" x14ac:dyDescent="0.3">
      <c r="A2361" s="13" t="s">
        <v>30</v>
      </c>
      <c r="B2361" s="14" t="s">
        <v>1</v>
      </c>
      <c r="C2361" s="14" t="s">
        <v>13</v>
      </c>
      <c r="D2361" s="14" t="s">
        <v>31</v>
      </c>
      <c r="E2361" s="15">
        <v>45547</v>
      </c>
      <c r="F2361" s="14" t="s">
        <v>15</v>
      </c>
      <c r="G2361" s="16">
        <v>1.4208321106091264</v>
      </c>
    </row>
    <row r="2362" spans="1:7" x14ac:dyDescent="0.3">
      <c r="A2362" s="13" t="s">
        <v>30</v>
      </c>
      <c r="B2362" s="14" t="s">
        <v>1</v>
      </c>
      <c r="C2362" s="14" t="s">
        <v>13</v>
      </c>
      <c r="D2362" s="14" t="s">
        <v>31</v>
      </c>
      <c r="E2362" s="15">
        <v>45548</v>
      </c>
      <c r="F2362" s="14" t="s">
        <v>15</v>
      </c>
      <c r="G2362" s="16">
        <v>1.4631538182275146</v>
      </c>
    </row>
    <row r="2363" spans="1:7" x14ac:dyDescent="0.3">
      <c r="A2363" s="13" t="s">
        <v>30</v>
      </c>
      <c r="B2363" s="14" t="s">
        <v>1</v>
      </c>
      <c r="C2363" s="14" t="s">
        <v>13</v>
      </c>
      <c r="D2363" s="14" t="s">
        <v>31</v>
      </c>
      <c r="E2363" s="15">
        <v>45549</v>
      </c>
      <c r="F2363" s="14" t="s">
        <v>15</v>
      </c>
      <c r="G2363" s="16">
        <v>1.4631538182275146</v>
      </c>
    </row>
    <row r="2364" spans="1:7" x14ac:dyDescent="0.3">
      <c r="A2364" s="13" t="s">
        <v>30</v>
      </c>
      <c r="B2364" s="14" t="s">
        <v>1</v>
      </c>
      <c r="C2364" s="14" t="s">
        <v>13</v>
      </c>
      <c r="D2364" s="14" t="s">
        <v>31</v>
      </c>
      <c r="E2364" s="15">
        <v>45550</v>
      </c>
      <c r="F2364" s="14" t="s">
        <v>15</v>
      </c>
      <c r="G2364" s="16">
        <v>1.4631538182275146</v>
      </c>
    </row>
    <row r="2365" spans="1:7" x14ac:dyDescent="0.3">
      <c r="A2365" s="13" t="s">
        <v>30</v>
      </c>
      <c r="B2365" s="14" t="s">
        <v>1</v>
      </c>
      <c r="C2365" s="14" t="s">
        <v>13</v>
      </c>
      <c r="D2365" s="14" t="s">
        <v>31</v>
      </c>
      <c r="E2365" s="15">
        <v>45551</v>
      </c>
      <c r="F2365" s="14" t="s">
        <v>15</v>
      </c>
      <c r="G2365" s="16">
        <v>1.4695106012996526</v>
      </c>
    </row>
    <row r="2366" spans="1:7" x14ac:dyDescent="0.3">
      <c r="A2366" s="13" t="s">
        <v>30</v>
      </c>
      <c r="B2366" s="14" t="s">
        <v>1</v>
      </c>
      <c r="C2366" s="14" t="s">
        <v>13</v>
      </c>
      <c r="D2366" s="14" t="s">
        <v>31</v>
      </c>
      <c r="E2366" s="15">
        <v>45552</v>
      </c>
      <c r="F2366" s="14" t="s">
        <v>15</v>
      </c>
      <c r="G2366" s="16">
        <v>1.5003652431917771</v>
      </c>
    </row>
    <row r="2367" spans="1:7" x14ac:dyDescent="0.3">
      <c r="A2367" s="13" t="s">
        <v>30</v>
      </c>
      <c r="B2367" s="14" t="s">
        <v>1</v>
      </c>
      <c r="C2367" s="14" t="s">
        <v>13</v>
      </c>
      <c r="D2367" s="14" t="s">
        <v>31</v>
      </c>
      <c r="E2367" s="15">
        <v>45553</v>
      </c>
      <c r="F2367" s="14" t="s">
        <v>15</v>
      </c>
      <c r="G2367" s="16">
        <v>1.5066081467203214</v>
      </c>
    </row>
    <row r="2368" spans="1:7" x14ac:dyDescent="0.3">
      <c r="A2368" s="13" t="s">
        <v>30</v>
      </c>
      <c r="B2368" s="14" t="s">
        <v>1</v>
      </c>
      <c r="C2368" s="14" t="s">
        <v>13</v>
      </c>
      <c r="D2368" s="14" t="s">
        <v>31</v>
      </c>
      <c r="E2368" s="15">
        <v>45554</v>
      </c>
      <c r="F2368" s="14" t="s">
        <v>15</v>
      </c>
      <c r="G2368" s="16">
        <v>1.5116647350525174</v>
      </c>
    </row>
    <row r="2369" spans="1:7" x14ac:dyDescent="0.3">
      <c r="A2369" s="13" t="s">
        <v>30</v>
      </c>
      <c r="B2369" s="14" t="s">
        <v>1</v>
      </c>
      <c r="C2369" s="14" t="s">
        <v>13</v>
      </c>
      <c r="D2369" s="14" t="s">
        <v>31</v>
      </c>
      <c r="E2369" s="15">
        <v>45555</v>
      </c>
      <c r="F2369" s="14" t="s">
        <v>15</v>
      </c>
      <c r="G2369" s="16">
        <v>1.519147356989039</v>
      </c>
    </row>
    <row r="2370" spans="1:7" x14ac:dyDescent="0.3">
      <c r="A2370" s="13" t="s">
        <v>30</v>
      </c>
      <c r="B2370" s="14" t="s">
        <v>1</v>
      </c>
      <c r="C2370" s="14" t="s">
        <v>13</v>
      </c>
      <c r="D2370" s="14" t="s">
        <v>31</v>
      </c>
      <c r="E2370" s="15">
        <v>45556</v>
      </c>
      <c r="F2370" s="14" t="s">
        <v>15</v>
      </c>
      <c r="G2370" s="16">
        <v>1.519147356989039</v>
      </c>
    </row>
    <row r="2371" spans="1:7" x14ac:dyDescent="0.3">
      <c r="A2371" s="13" t="s">
        <v>30</v>
      </c>
      <c r="B2371" s="14" t="s">
        <v>1</v>
      </c>
      <c r="C2371" s="14" t="s">
        <v>13</v>
      </c>
      <c r="D2371" s="14" t="s">
        <v>31</v>
      </c>
      <c r="E2371" s="15">
        <v>45557</v>
      </c>
      <c r="F2371" s="14" t="s">
        <v>15</v>
      </c>
      <c r="G2371" s="16">
        <v>1.519147356989039</v>
      </c>
    </row>
    <row r="2372" spans="1:7" x14ac:dyDescent="0.3">
      <c r="A2372" s="13" t="s">
        <v>30</v>
      </c>
      <c r="B2372" s="14" t="s">
        <v>1</v>
      </c>
      <c r="C2372" s="14" t="s">
        <v>13</v>
      </c>
      <c r="D2372" s="14" t="s">
        <v>31</v>
      </c>
      <c r="E2372" s="15">
        <v>45558</v>
      </c>
      <c r="F2372" s="14" t="s">
        <v>15</v>
      </c>
      <c r="G2372" s="16">
        <v>1.5237218391255829</v>
      </c>
    </row>
    <row r="2373" spans="1:7" x14ac:dyDescent="0.3">
      <c r="A2373" s="13" t="s">
        <v>30</v>
      </c>
      <c r="B2373" s="14" t="s">
        <v>1</v>
      </c>
      <c r="C2373" s="14" t="s">
        <v>13</v>
      </c>
      <c r="D2373" s="14" t="s">
        <v>31</v>
      </c>
      <c r="E2373" s="15">
        <v>45559</v>
      </c>
      <c r="F2373" s="14" t="s">
        <v>15</v>
      </c>
      <c r="G2373" s="16">
        <v>1.5422107732348205</v>
      </c>
    </row>
    <row r="2374" spans="1:7" x14ac:dyDescent="0.3">
      <c r="A2374" s="13" t="s">
        <v>30</v>
      </c>
      <c r="B2374" s="14" t="s">
        <v>1</v>
      </c>
      <c r="C2374" s="14" t="s">
        <v>13</v>
      </c>
      <c r="D2374" s="14" t="s">
        <v>31</v>
      </c>
      <c r="E2374" s="15">
        <v>45560</v>
      </c>
      <c r="F2374" s="14" t="s">
        <v>15</v>
      </c>
      <c r="G2374" s="16">
        <v>1.5482346900649477</v>
      </c>
    </row>
    <row r="2375" spans="1:7" x14ac:dyDescent="0.3">
      <c r="A2375" s="13" t="s">
        <v>30</v>
      </c>
      <c r="B2375" s="14" t="s">
        <v>1</v>
      </c>
      <c r="C2375" s="14" t="s">
        <v>13</v>
      </c>
      <c r="D2375" s="14" t="s">
        <v>31</v>
      </c>
      <c r="E2375" s="15">
        <v>45561</v>
      </c>
      <c r="F2375" s="14" t="s">
        <v>15</v>
      </c>
      <c r="G2375" s="16">
        <v>1.5542492670870718</v>
      </c>
    </row>
    <row r="2376" spans="1:7" x14ac:dyDescent="0.3">
      <c r="A2376" s="13" t="s">
        <v>30</v>
      </c>
      <c r="B2376" s="14" t="s">
        <v>1</v>
      </c>
      <c r="C2376" s="14" t="s">
        <v>13</v>
      </c>
      <c r="D2376" s="14" t="s">
        <v>31</v>
      </c>
      <c r="E2376" s="15">
        <v>45562</v>
      </c>
      <c r="F2376" s="14" t="s">
        <v>15</v>
      </c>
      <c r="G2376" s="16">
        <v>1.5634032343332969</v>
      </c>
    </row>
    <row r="2377" spans="1:7" x14ac:dyDescent="0.3">
      <c r="A2377" s="13" t="s">
        <v>30</v>
      </c>
      <c r="B2377" s="14" t="s">
        <v>1</v>
      </c>
      <c r="C2377" s="14" t="s">
        <v>13</v>
      </c>
      <c r="D2377" s="14" t="s">
        <v>31</v>
      </c>
      <c r="E2377" s="15">
        <v>45563</v>
      </c>
      <c r="F2377" s="14" t="s">
        <v>15</v>
      </c>
      <c r="G2377" s="16">
        <v>1.5634032343332969</v>
      </c>
    </row>
    <row r="2378" spans="1:7" x14ac:dyDescent="0.3">
      <c r="A2378" s="13" t="s">
        <v>30</v>
      </c>
      <c r="B2378" s="14" t="s">
        <v>1</v>
      </c>
      <c r="C2378" s="14" t="s">
        <v>13</v>
      </c>
      <c r="D2378" s="14" t="s">
        <v>31</v>
      </c>
      <c r="E2378" s="15">
        <v>45564</v>
      </c>
      <c r="F2378" s="14" t="s">
        <v>15</v>
      </c>
      <c r="G2378" s="16">
        <v>1.5634032343332969</v>
      </c>
    </row>
    <row r="2379" spans="1:7" x14ac:dyDescent="0.3">
      <c r="A2379" s="13" t="s">
        <v>30</v>
      </c>
      <c r="B2379" s="14" t="s">
        <v>1</v>
      </c>
      <c r="C2379" s="14" t="s">
        <v>13</v>
      </c>
      <c r="D2379" s="14" t="s">
        <v>31</v>
      </c>
      <c r="E2379" s="15">
        <v>45565</v>
      </c>
      <c r="F2379" s="14" t="s">
        <v>15</v>
      </c>
      <c r="G2379" s="16">
        <v>1.5696387704699453</v>
      </c>
    </row>
    <row r="2380" spans="1:7" x14ac:dyDescent="0.3">
      <c r="A2380" s="13" t="s">
        <v>30</v>
      </c>
      <c r="B2380" s="14" t="s">
        <v>1</v>
      </c>
      <c r="C2380" s="14" t="s">
        <v>13</v>
      </c>
      <c r="D2380" s="14" t="s">
        <v>31</v>
      </c>
      <c r="E2380" s="15">
        <v>45566</v>
      </c>
      <c r="F2380" s="14" t="s">
        <v>15</v>
      </c>
      <c r="G2380" s="16">
        <v>1.5882586938893757</v>
      </c>
    </row>
    <row r="2381" spans="1:7" x14ac:dyDescent="0.3">
      <c r="A2381" s="13" t="s">
        <v>30</v>
      </c>
      <c r="B2381" s="14" t="s">
        <v>1</v>
      </c>
      <c r="C2381" s="14" t="s">
        <v>13</v>
      </c>
      <c r="D2381" s="14" t="s">
        <v>31</v>
      </c>
      <c r="E2381" s="15">
        <v>45567</v>
      </c>
      <c r="F2381" s="14" t="s">
        <v>15</v>
      </c>
      <c r="G2381" s="16">
        <v>1.6179718846271658</v>
      </c>
    </row>
    <row r="2382" spans="1:7" x14ac:dyDescent="0.3">
      <c r="A2382" s="13" t="s">
        <v>30</v>
      </c>
      <c r="B2382" s="14" t="s">
        <v>1</v>
      </c>
      <c r="C2382" s="14" t="s">
        <v>13</v>
      </c>
      <c r="D2382" s="14" t="s">
        <v>31</v>
      </c>
      <c r="E2382" s="15">
        <v>45568</v>
      </c>
      <c r="F2382" s="14" t="s">
        <v>15</v>
      </c>
      <c r="G2382" s="16">
        <v>1.6243837627167339</v>
      </c>
    </row>
    <row r="2383" spans="1:7" x14ac:dyDescent="0.3">
      <c r="A2383" s="13" t="s">
        <v>30</v>
      </c>
      <c r="B2383" s="14" t="s">
        <v>1</v>
      </c>
      <c r="C2383" s="14" t="s">
        <v>13</v>
      </c>
      <c r="D2383" s="14" t="s">
        <v>31</v>
      </c>
      <c r="E2383" s="15">
        <v>45569</v>
      </c>
      <c r="F2383" s="14" t="s">
        <v>15</v>
      </c>
      <c r="G2383" s="16">
        <v>1.6377922454138283</v>
      </c>
    </row>
    <row r="2384" spans="1:7" x14ac:dyDescent="0.3">
      <c r="A2384" s="13" t="s">
        <v>30</v>
      </c>
      <c r="B2384" s="14" t="s">
        <v>1</v>
      </c>
      <c r="C2384" s="14" t="s">
        <v>13</v>
      </c>
      <c r="D2384" s="14" t="s">
        <v>31</v>
      </c>
      <c r="E2384" s="15">
        <v>45570</v>
      </c>
      <c r="F2384" s="14" t="s">
        <v>15</v>
      </c>
      <c r="G2384" s="16">
        <v>1.6377922454138283</v>
      </c>
    </row>
    <row r="2385" spans="1:7" x14ac:dyDescent="0.3">
      <c r="A2385" s="13" t="s">
        <v>30</v>
      </c>
      <c r="B2385" s="14" t="s">
        <v>1</v>
      </c>
      <c r="C2385" s="14" t="s">
        <v>13</v>
      </c>
      <c r="D2385" s="14" t="s">
        <v>31</v>
      </c>
      <c r="E2385" s="15">
        <v>45571</v>
      </c>
      <c r="F2385" s="14" t="s">
        <v>15</v>
      </c>
      <c r="G2385" s="16">
        <v>1.6377922454138283</v>
      </c>
    </row>
    <row r="2386" spans="1:7" x14ac:dyDescent="0.3">
      <c r="A2386" s="13" t="s">
        <v>30</v>
      </c>
      <c r="B2386" s="14" t="s">
        <v>1</v>
      </c>
      <c r="C2386" s="14" t="s">
        <v>13</v>
      </c>
      <c r="D2386" s="14" t="s">
        <v>31</v>
      </c>
      <c r="E2386" s="15">
        <v>45572</v>
      </c>
      <c r="F2386" s="14" t="s">
        <v>15</v>
      </c>
      <c r="G2386" s="16">
        <v>1.6441872401611157</v>
      </c>
    </row>
    <row r="2387" spans="1:7" x14ac:dyDescent="0.3">
      <c r="A2387" s="13" t="s">
        <v>30</v>
      </c>
      <c r="B2387" s="14" t="s">
        <v>1</v>
      </c>
      <c r="C2387" s="14" t="s">
        <v>13</v>
      </c>
      <c r="D2387" s="14" t="s">
        <v>31</v>
      </c>
      <c r="E2387" s="15">
        <v>45573</v>
      </c>
      <c r="F2387" s="14" t="s">
        <v>15</v>
      </c>
      <c r="G2387" s="16">
        <v>1.6632831957094214</v>
      </c>
    </row>
    <row r="2388" spans="1:7" x14ac:dyDescent="0.3">
      <c r="A2388" s="13" t="s">
        <v>30</v>
      </c>
      <c r="B2388" s="14" t="s">
        <v>1</v>
      </c>
      <c r="C2388" s="14" t="s">
        <v>13</v>
      </c>
      <c r="D2388" s="14" t="s">
        <v>31</v>
      </c>
      <c r="E2388" s="15">
        <v>45574</v>
      </c>
      <c r="F2388" s="14" t="s">
        <v>15</v>
      </c>
      <c r="G2388" s="16">
        <v>1.6696375228687479</v>
      </c>
    </row>
    <row r="2389" spans="1:7" x14ac:dyDescent="0.3">
      <c r="A2389" s="13" t="s">
        <v>30</v>
      </c>
      <c r="B2389" s="14" t="s">
        <v>1</v>
      </c>
      <c r="C2389" s="14" t="s">
        <v>13</v>
      </c>
      <c r="D2389" s="14" t="s">
        <v>31</v>
      </c>
      <c r="E2389" s="15">
        <v>45575</v>
      </c>
      <c r="F2389" s="14" t="s">
        <v>15</v>
      </c>
      <c r="G2389" s="16">
        <v>1.6759756256451099</v>
      </c>
    </row>
    <row r="2390" spans="1:7" x14ac:dyDescent="0.3">
      <c r="A2390" s="13" t="s">
        <v>30</v>
      </c>
      <c r="B2390" s="14" t="s">
        <v>1</v>
      </c>
      <c r="C2390" s="14" t="s">
        <v>13</v>
      </c>
      <c r="D2390" s="14" t="s">
        <v>31</v>
      </c>
      <c r="E2390" s="15">
        <v>45576</v>
      </c>
      <c r="F2390" s="14" t="s">
        <v>15</v>
      </c>
      <c r="G2390" s="16">
        <v>1.6823070198476084</v>
      </c>
    </row>
    <row r="2391" spans="1:7" x14ac:dyDescent="0.3">
      <c r="A2391" s="13" t="s">
        <v>30</v>
      </c>
      <c r="B2391" s="14" t="s">
        <v>1</v>
      </c>
      <c r="C2391" s="14" t="s">
        <v>13</v>
      </c>
      <c r="D2391" s="14" t="s">
        <v>31</v>
      </c>
      <c r="E2391" s="15">
        <v>45577</v>
      </c>
      <c r="F2391" s="14" t="s">
        <v>15</v>
      </c>
      <c r="G2391" s="16">
        <v>1.6823070198476084</v>
      </c>
    </row>
    <row r="2392" spans="1:7" x14ac:dyDescent="0.3">
      <c r="A2392" s="13" t="s">
        <v>30</v>
      </c>
      <c r="B2392" s="14" t="s">
        <v>1</v>
      </c>
      <c r="C2392" s="14" t="s">
        <v>13</v>
      </c>
      <c r="D2392" s="14" t="s">
        <v>31</v>
      </c>
      <c r="E2392" s="15">
        <v>45578</v>
      </c>
      <c r="F2392" s="14" t="s">
        <v>15</v>
      </c>
      <c r="G2392" s="16">
        <v>1.6823070198476084</v>
      </c>
    </row>
    <row r="2393" spans="1:7" x14ac:dyDescent="0.3">
      <c r="A2393" s="13" t="s">
        <v>30</v>
      </c>
      <c r="B2393" s="14" t="s">
        <v>1</v>
      </c>
      <c r="C2393" s="14" t="s">
        <v>13</v>
      </c>
      <c r="D2393" s="14" t="s">
        <v>31</v>
      </c>
      <c r="E2393" s="15">
        <v>45579</v>
      </c>
      <c r="F2393" s="14" t="s">
        <v>15</v>
      </c>
      <c r="G2393" s="16">
        <v>1.6886326803691085</v>
      </c>
    </row>
    <row r="2394" spans="1:7" x14ac:dyDescent="0.3">
      <c r="A2394" s="13" t="s">
        <v>30</v>
      </c>
      <c r="B2394" s="14" t="s">
        <v>1</v>
      </c>
      <c r="C2394" s="14" t="s">
        <v>13</v>
      </c>
      <c r="D2394" s="14" t="s">
        <v>31</v>
      </c>
      <c r="E2394" s="15">
        <v>45580</v>
      </c>
      <c r="F2394" s="14" t="s">
        <v>15</v>
      </c>
      <c r="G2394" s="16">
        <v>1.7075349798151895</v>
      </c>
    </row>
    <row r="2395" spans="1:7" x14ac:dyDescent="0.3">
      <c r="A2395" s="13" t="s">
        <v>30</v>
      </c>
      <c r="B2395" s="14" t="s">
        <v>1</v>
      </c>
      <c r="C2395" s="14" t="s">
        <v>13</v>
      </c>
      <c r="D2395" s="14" t="s">
        <v>31</v>
      </c>
      <c r="E2395" s="15">
        <v>45581</v>
      </c>
      <c r="F2395" s="14" t="s">
        <v>15</v>
      </c>
      <c r="G2395" s="16">
        <v>1.7138569583338015</v>
      </c>
    </row>
    <row r="2396" spans="1:7" x14ac:dyDescent="0.3">
      <c r="A2396" s="13" t="s">
        <v>30</v>
      </c>
      <c r="B2396" s="14" t="s">
        <v>1</v>
      </c>
      <c r="C2396" s="14" t="s">
        <v>13</v>
      </c>
      <c r="D2396" s="14" t="s">
        <v>31</v>
      </c>
      <c r="E2396" s="15">
        <v>45582</v>
      </c>
      <c r="F2396" s="14" t="s">
        <v>15</v>
      </c>
      <c r="G2396" s="16">
        <v>1.7201868206703623</v>
      </c>
    </row>
    <row r="2397" spans="1:7" x14ac:dyDescent="0.3">
      <c r="A2397" s="13" t="s">
        <v>30</v>
      </c>
      <c r="B2397" s="14" t="s">
        <v>1</v>
      </c>
      <c r="C2397" s="14" t="s">
        <v>13</v>
      </c>
      <c r="D2397" s="14" t="s">
        <v>31</v>
      </c>
      <c r="E2397" s="15">
        <v>45583</v>
      </c>
      <c r="F2397" s="14" t="s">
        <v>15</v>
      </c>
      <c r="G2397" s="16">
        <v>1.7265087991889736</v>
      </c>
    </row>
    <row r="2398" spans="1:7" x14ac:dyDescent="0.3">
      <c r="A2398" s="13" t="s">
        <v>30</v>
      </c>
      <c r="B2398" s="14" t="s">
        <v>1</v>
      </c>
      <c r="C2398" s="14" t="s">
        <v>13</v>
      </c>
      <c r="D2398" s="14" t="s">
        <v>31</v>
      </c>
      <c r="E2398" s="15">
        <v>45584</v>
      </c>
      <c r="F2398" s="14" t="s">
        <v>15</v>
      </c>
      <c r="G2398" s="16">
        <v>1.7265087991889736</v>
      </c>
    </row>
    <row r="2399" spans="1:7" x14ac:dyDescent="0.3">
      <c r="A2399" s="13" t="s">
        <v>30</v>
      </c>
      <c r="B2399" s="14" t="s">
        <v>1</v>
      </c>
      <c r="C2399" s="14" t="s">
        <v>13</v>
      </c>
      <c r="D2399" s="14" t="s">
        <v>31</v>
      </c>
      <c r="E2399" s="15">
        <v>45585</v>
      </c>
      <c r="F2399" s="14" t="s">
        <v>15</v>
      </c>
      <c r="G2399" s="16">
        <v>1.7265087991889736</v>
      </c>
    </row>
    <row r="2400" spans="1:7" x14ac:dyDescent="0.3">
      <c r="A2400" s="13" t="s">
        <v>30</v>
      </c>
      <c r="B2400" s="14" t="s">
        <v>1</v>
      </c>
      <c r="C2400" s="14" t="s">
        <v>13</v>
      </c>
      <c r="D2400" s="14" t="s">
        <v>31</v>
      </c>
      <c r="E2400" s="15">
        <v>45586</v>
      </c>
      <c r="F2400" s="14" t="s">
        <v>15</v>
      </c>
      <c r="G2400" s="16">
        <v>1.7321350524324111</v>
      </c>
    </row>
    <row r="2401" spans="1:7" x14ac:dyDescent="0.3">
      <c r="A2401" s="13" t="s">
        <v>30</v>
      </c>
      <c r="B2401" s="14" t="s">
        <v>1</v>
      </c>
      <c r="C2401" s="14" t="s">
        <v>13</v>
      </c>
      <c r="D2401" s="14" t="s">
        <v>31</v>
      </c>
      <c r="E2401" s="15">
        <v>45587</v>
      </c>
      <c r="F2401" s="14" t="s">
        <v>15</v>
      </c>
      <c r="G2401" s="16">
        <v>1.7513993144212576</v>
      </c>
    </row>
    <row r="2402" spans="1:7" x14ac:dyDescent="0.3">
      <c r="A2402" s="13" t="s">
        <v>30</v>
      </c>
      <c r="B2402" s="14" t="s">
        <v>1</v>
      </c>
      <c r="C2402" s="14" t="s">
        <v>13</v>
      </c>
      <c r="D2402" s="14" t="s">
        <v>31</v>
      </c>
      <c r="E2402" s="15">
        <v>45588</v>
      </c>
      <c r="F2402" s="14" t="s">
        <v>15</v>
      </c>
      <c r="G2402" s="16">
        <v>1.7578550457181619</v>
      </c>
    </row>
    <row r="2403" spans="1:7" x14ac:dyDescent="0.3">
      <c r="A2403" s="13" t="s">
        <v>30</v>
      </c>
      <c r="B2403" s="14" t="s">
        <v>1</v>
      </c>
      <c r="C2403" s="14" t="s">
        <v>13</v>
      </c>
      <c r="D2403" s="14" t="s">
        <v>31</v>
      </c>
      <c r="E2403" s="15">
        <v>45589</v>
      </c>
      <c r="F2403" s="14" t="s">
        <v>15</v>
      </c>
      <c r="G2403" s="16">
        <v>1.7642997344896532</v>
      </c>
    </row>
    <row r="2404" spans="1:7" x14ac:dyDescent="0.3">
      <c r="A2404" s="13" t="s">
        <v>30</v>
      </c>
      <c r="B2404" s="14" t="s">
        <v>1</v>
      </c>
      <c r="C2404" s="14" t="s">
        <v>13</v>
      </c>
      <c r="D2404" s="14" t="s">
        <v>31</v>
      </c>
      <c r="E2404" s="15">
        <v>45590</v>
      </c>
      <c r="F2404" s="14" t="s">
        <v>15</v>
      </c>
      <c r="G2404" s="16">
        <v>1.7707618249062502</v>
      </c>
    </row>
    <row r="2405" spans="1:7" x14ac:dyDescent="0.3">
      <c r="A2405" s="13" t="s">
        <v>30</v>
      </c>
      <c r="B2405" s="14" t="s">
        <v>1</v>
      </c>
      <c r="C2405" s="14" t="s">
        <v>13</v>
      </c>
      <c r="D2405" s="14" t="s">
        <v>31</v>
      </c>
      <c r="E2405" s="15">
        <v>45591</v>
      </c>
      <c r="F2405" s="14" t="s">
        <v>15</v>
      </c>
      <c r="G2405" s="16">
        <v>1.7707618249062502</v>
      </c>
    </row>
    <row r="2406" spans="1:7" x14ac:dyDescent="0.3">
      <c r="A2406" s="13" t="s">
        <v>30</v>
      </c>
      <c r="B2406" s="14" t="s">
        <v>1</v>
      </c>
      <c r="C2406" s="14" t="s">
        <v>13</v>
      </c>
      <c r="D2406" s="14" t="s">
        <v>31</v>
      </c>
      <c r="E2406" s="15">
        <v>45592</v>
      </c>
      <c r="F2406" s="14" t="s">
        <v>15</v>
      </c>
      <c r="G2406" s="16">
        <v>1.7707618249062502</v>
      </c>
    </row>
    <row r="2407" spans="1:7" x14ac:dyDescent="0.3">
      <c r="A2407" s="13" t="s">
        <v>30</v>
      </c>
      <c r="B2407" s="14" t="s">
        <v>1</v>
      </c>
      <c r="C2407" s="14" t="s">
        <v>13</v>
      </c>
      <c r="D2407" s="14" t="s">
        <v>31</v>
      </c>
      <c r="E2407" s="15">
        <v>45593</v>
      </c>
      <c r="F2407" s="14" t="s">
        <v>15</v>
      </c>
      <c r="G2407" s="16">
        <v>1.7707618249062502</v>
      </c>
    </row>
    <row r="2408" spans="1:7" x14ac:dyDescent="0.3">
      <c r="A2408" s="13" t="s">
        <v>30</v>
      </c>
      <c r="B2408" s="14" t="s">
        <v>1</v>
      </c>
      <c r="C2408" s="14" t="s">
        <v>13</v>
      </c>
      <c r="D2408" s="14" t="s">
        <v>31</v>
      </c>
      <c r="E2408" s="15">
        <v>45594</v>
      </c>
      <c r="F2408" s="14" t="s">
        <v>15</v>
      </c>
      <c r="G2408" s="16">
        <v>1.7793492612080559</v>
      </c>
    </row>
    <row r="2409" spans="1:7" x14ac:dyDescent="0.3">
      <c r="A2409" s="13" t="s">
        <v>30</v>
      </c>
      <c r="B2409" s="14" t="s">
        <v>1</v>
      </c>
      <c r="C2409" s="14" t="s">
        <v>13</v>
      </c>
      <c r="D2409" s="14" t="s">
        <v>31</v>
      </c>
      <c r="E2409" s="15">
        <v>45595</v>
      </c>
      <c r="F2409" s="14" t="s">
        <v>15</v>
      </c>
      <c r="G2409" s="16">
        <v>1.8050459217631649</v>
      </c>
    </row>
    <row r="2410" spans="1:7" x14ac:dyDescent="0.3">
      <c r="A2410" s="13" t="s">
        <v>30</v>
      </c>
      <c r="B2410" s="14" t="s">
        <v>1</v>
      </c>
      <c r="C2410" s="14" t="s">
        <v>13</v>
      </c>
      <c r="D2410" s="14" t="s">
        <v>31</v>
      </c>
      <c r="E2410" s="15">
        <v>45596</v>
      </c>
      <c r="F2410" s="14" t="s">
        <v>15</v>
      </c>
      <c r="G2410" s="16">
        <v>1.811500304763531</v>
      </c>
    </row>
    <row r="2411" spans="1:7" x14ac:dyDescent="0.3">
      <c r="A2411" s="13" t="s">
        <v>30</v>
      </c>
      <c r="B2411" s="14" t="s">
        <v>1</v>
      </c>
      <c r="C2411" s="14" t="s">
        <v>13</v>
      </c>
      <c r="D2411" s="14" t="s">
        <v>31</v>
      </c>
      <c r="E2411" s="15">
        <v>45597</v>
      </c>
      <c r="F2411" s="14" t="s">
        <v>15</v>
      </c>
      <c r="G2411" s="16">
        <v>1.8177792616403758</v>
      </c>
    </row>
    <row r="2412" spans="1:7" x14ac:dyDescent="0.3">
      <c r="A2412" s="13" t="s">
        <v>30</v>
      </c>
      <c r="B2412" s="14" t="s">
        <v>1</v>
      </c>
      <c r="C2412" s="14" t="s">
        <v>13</v>
      </c>
      <c r="D2412" s="14" t="s">
        <v>31</v>
      </c>
      <c r="E2412" s="15">
        <v>45598</v>
      </c>
      <c r="F2412" s="14" t="s">
        <v>15</v>
      </c>
      <c r="G2412" s="16">
        <v>1.8177792616403758</v>
      </c>
    </row>
    <row r="2413" spans="1:7" x14ac:dyDescent="0.3">
      <c r="A2413" s="13" t="s">
        <v>30</v>
      </c>
      <c r="B2413" s="14" t="s">
        <v>1</v>
      </c>
      <c r="C2413" s="14" t="s">
        <v>13</v>
      </c>
      <c r="D2413" s="14" t="s">
        <v>31</v>
      </c>
      <c r="E2413" s="15">
        <v>45599</v>
      </c>
      <c r="F2413" s="14" t="s">
        <v>15</v>
      </c>
      <c r="G2413" s="16">
        <v>1.8177792616403758</v>
      </c>
    </row>
    <row r="2414" spans="1:7" x14ac:dyDescent="0.3">
      <c r="A2414" s="13" t="s">
        <v>30</v>
      </c>
      <c r="B2414" s="14" t="s">
        <v>1</v>
      </c>
      <c r="C2414" s="14" t="s">
        <v>13</v>
      </c>
      <c r="D2414" s="14" t="s">
        <v>31</v>
      </c>
      <c r="E2414" s="15">
        <v>45600</v>
      </c>
      <c r="F2414" s="14" t="s">
        <v>15</v>
      </c>
      <c r="G2414" s="16">
        <v>1.8305710308872138</v>
      </c>
    </row>
    <row r="2415" spans="1:7" x14ac:dyDescent="0.3">
      <c r="A2415" s="13" t="s">
        <v>30</v>
      </c>
      <c r="B2415" s="14" t="s">
        <v>1</v>
      </c>
      <c r="C2415" s="14" t="s">
        <v>13</v>
      </c>
      <c r="D2415" s="14" t="s">
        <v>31</v>
      </c>
      <c r="E2415" s="15">
        <v>45601</v>
      </c>
      <c r="F2415" s="14" t="s">
        <v>15</v>
      </c>
      <c r="G2415" s="16">
        <v>1.8499182783957959</v>
      </c>
    </row>
    <row r="2416" spans="1:7" x14ac:dyDescent="0.3">
      <c r="A2416" s="13" t="s">
        <v>30</v>
      </c>
      <c r="B2416" s="14" t="s">
        <v>1</v>
      </c>
      <c r="C2416" s="14" t="s">
        <v>13</v>
      </c>
      <c r="D2416" s="14" t="s">
        <v>31</v>
      </c>
      <c r="E2416" s="15">
        <v>45602</v>
      </c>
      <c r="F2416" s="14" t="s">
        <v>15</v>
      </c>
      <c r="G2416" s="16">
        <v>1.8635924613713613</v>
      </c>
    </row>
    <row r="2417" spans="1:7" x14ac:dyDescent="0.3">
      <c r="A2417" s="13" t="s">
        <v>30</v>
      </c>
      <c r="B2417" s="14" t="s">
        <v>1</v>
      </c>
      <c r="C2417" s="14" t="s">
        <v>13</v>
      </c>
      <c r="D2417" s="14" t="s">
        <v>31</v>
      </c>
      <c r="E2417" s="15">
        <v>45603</v>
      </c>
      <c r="F2417" s="14" t="s">
        <v>15</v>
      </c>
      <c r="G2417" s="16">
        <v>1.8700203408617573</v>
      </c>
    </row>
    <row r="2418" spans="1:7" x14ac:dyDescent="0.3">
      <c r="A2418" s="13" t="s">
        <v>30</v>
      </c>
      <c r="B2418" s="14" t="s">
        <v>1</v>
      </c>
      <c r="C2418" s="14" t="s">
        <v>13</v>
      </c>
      <c r="D2418" s="14" t="s">
        <v>31</v>
      </c>
      <c r="E2418" s="15">
        <v>45604</v>
      </c>
      <c r="F2418" s="14" t="s">
        <v>15</v>
      </c>
      <c r="G2418" s="16">
        <v>1.8764334034555084</v>
      </c>
    </row>
    <row r="2419" spans="1:7" x14ac:dyDescent="0.3">
      <c r="A2419" s="13" t="s">
        <v>30</v>
      </c>
      <c r="B2419" s="14" t="s">
        <v>1</v>
      </c>
      <c r="C2419" s="14" t="s">
        <v>13</v>
      </c>
      <c r="D2419" s="14" t="s">
        <v>31</v>
      </c>
      <c r="E2419" s="15">
        <v>45605</v>
      </c>
      <c r="F2419" s="14" t="s">
        <v>15</v>
      </c>
      <c r="G2419" s="16">
        <v>1.8764334034555084</v>
      </c>
    </row>
    <row r="2420" spans="1:7" x14ac:dyDescent="0.3">
      <c r="A2420" s="13" t="s">
        <v>30</v>
      </c>
      <c r="B2420" s="14" t="s">
        <v>1</v>
      </c>
      <c r="C2420" s="14" t="s">
        <v>13</v>
      </c>
      <c r="D2420" s="14" t="s">
        <v>31</v>
      </c>
      <c r="E2420" s="15">
        <v>45606</v>
      </c>
      <c r="F2420" s="14" t="s">
        <v>15</v>
      </c>
      <c r="G2420" s="16">
        <v>1.8764334034555084</v>
      </c>
    </row>
    <row r="2421" spans="1:7" x14ac:dyDescent="0.3">
      <c r="A2421" s="13" t="s">
        <v>30</v>
      </c>
      <c r="B2421" s="14" t="s">
        <v>1</v>
      </c>
      <c r="C2421" s="14" t="s">
        <v>13</v>
      </c>
      <c r="D2421" s="14" t="s">
        <v>31</v>
      </c>
      <c r="E2421" s="15">
        <v>45607</v>
      </c>
      <c r="F2421" s="14" t="s">
        <v>15</v>
      </c>
      <c r="G2421" s="16">
        <v>1.8828192599529636</v>
      </c>
    </row>
    <row r="2422" spans="1:7" x14ac:dyDescent="0.3">
      <c r="A2422" s="13" t="s">
        <v>30</v>
      </c>
      <c r="B2422" s="14" t="s">
        <v>1</v>
      </c>
      <c r="C2422" s="14" t="s">
        <v>13</v>
      </c>
      <c r="D2422" s="14" t="s">
        <v>31</v>
      </c>
      <c r="E2422" s="15">
        <v>45608</v>
      </c>
      <c r="F2422" s="14" t="s">
        <v>15</v>
      </c>
      <c r="G2422" s="16">
        <v>1.9018155743612204</v>
      </c>
    </row>
    <row r="2423" spans="1:7" x14ac:dyDescent="0.3">
      <c r="A2423" s="13" t="s">
        <v>30</v>
      </c>
      <c r="B2423" s="14" t="s">
        <v>1</v>
      </c>
      <c r="C2423" s="14" t="s">
        <v>13</v>
      </c>
      <c r="D2423" s="14" t="s">
        <v>31</v>
      </c>
      <c r="E2423" s="15">
        <v>45609</v>
      </c>
      <c r="F2423" s="14" t="s">
        <v>15</v>
      </c>
      <c r="G2423" s="16">
        <v>1.9081781166889455</v>
      </c>
    </row>
    <row r="2424" spans="1:7" x14ac:dyDescent="0.3">
      <c r="A2424" s="13" t="s">
        <v>30</v>
      </c>
      <c r="B2424" s="14" t="s">
        <v>1</v>
      </c>
      <c r="C2424" s="14" t="s">
        <v>13</v>
      </c>
      <c r="D2424" s="14" t="s">
        <v>31</v>
      </c>
      <c r="E2424" s="15">
        <v>45610</v>
      </c>
      <c r="F2424" s="14" t="s">
        <v>15</v>
      </c>
      <c r="G2424" s="16">
        <v>1.9484516175126956</v>
      </c>
    </row>
    <row r="2425" spans="1:7" x14ac:dyDescent="0.3">
      <c r="A2425" s="13" t="s">
        <v>30</v>
      </c>
      <c r="B2425" s="14" t="s">
        <v>1</v>
      </c>
      <c r="C2425" s="14" t="s">
        <v>13</v>
      </c>
      <c r="D2425" s="14" t="s">
        <v>31</v>
      </c>
      <c r="E2425" s="15">
        <v>45611</v>
      </c>
      <c r="F2425" s="14" t="s">
        <v>15</v>
      </c>
      <c r="G2425" s="16">
        <v>1.9747537419446961</v>
      </c>
    </row>
    <row r="2426" spans="1:7" x14ac:dyDescent="0.3">
      <c r="A2426" s="13" t="s">
        <v>30</v>
      </c>
      <c r="B2426" s="14" t="s">
        <v>1</v>
      </c>
      <c r="C2426" s="14" t="s">
        <v>13</v>
      </c>
      <c r="D2426" s="14" t="s">
        <v>31</v>
      </c>
      <c r="E2426" s="15">
        <v>45612</v>
      </c>
      <c r="F2426" s="14" t="s">
        <v>15</v>
      </c>
      <c r="G2426" s="16">
        <v>1.9747537419446961</v>
      </c>
    </row>
    <row r="2427" spans="1:7" x14ac:dyDescent="0.3">
      <c r="A2427" s="13" t="s">
        <v>30</v>
      </c>
      <c r="B2427" s="14" t="s">
        <v>1</v>
      </c>
      <c r="C2427" s="14" t="s">
        <v>13</v>
      </c>
      <c r="D2427" s="14" t="s">
        <v>31</v>
      </c>
      <c r="E2427" s="15">
        <v>45613</v>
      </c>
      <c r="F2427" s="14" t="s">
        <v>15</v>
      </c>
      <c r="G2427" s="16">
        <v>1.9747537419446961</v>
      </c>
    </row>
    <row r="2428" spans="1:7" x14ac:dyDescent="0.3">
      <c r="A2428" s="13" t="s">
        <v>30</v>
      </c>
      <c r="B2428" s="14" t="s">
        <v>1</v>
      </c>
      <c r="C2428" s="14" t="s">
        <v>13</v>
      </c>
      <c r="D2428" s="14" t="s">
        <v>31</v>
      </c>
      <c r="E2428" s="15">
        <v>45614</v>
      </c>
      <c r="F2428" s="14" t="s">
        <v>15</v>
      </c>
      <c r="G2428" s="16">
        <v>1.9810177147455164</v>
      </c>
    </row>
    <row r="2429" spans="1:7" x14ac:dyDescent="0.3">
      <c r="A2429" s="13" t="s">
        <v>30</v>
      </c>
      <c r="B2429" s="14" t="s">
        <v>1</v>
      </c>
      <c r="C2429" s="14" t="s">
        <v>13</v>
      </c>
      <c r="D2429" s="14" t="s">
        <v>31</v>
      </c>
      <c r="E2429" s="15">
        <v>45615</v>
      </c>
      <c r="F2429" s="14" t="s">
        <v>15</v>
      </c>
      <c r="G2429" s="16">
        <v>1.9990020676130784</v>
      </c>
    </row>
    <row r="2430" spans="1:7" x14ac:dyDescent="0.3">
      <c r="A2430" s="13" t="s">
        <v>30</v>
      </c>
      <c r="B2430" s="14" t="s">
        <v>1</v>
      </c>
      <c r="C2430" s="14" t="s">
        <v>13</v>
      </c>
      <c r="D2430" s="14" t="s">
        <v>31</v>
      </c>
      <c r="E2430" s="15">
        <v>45616</v>
      </c>
      <c r="F2430" s="14" t="s">
        <v>15</v>
      </c>
      <c r="G2430" s="16">
        <v>2.0051884991221947</v>
      </c>
    </row>
    <row r="2431" spans="1:7" x14ac:dyDescent="0.3">
      <c r="A2431" s="13" t="s">
        <v>30</v>
      </c>
      <c r="B2431" s="14" t="s">
        <v>1</v>
      </c>
      <c r="C2431" s="14" t="s">
        <v>13</v>
      </c>
      <c r="D2431" s="14" t="s">
        <v>31</v>
      </c>
      <c r="E2431" s="15">
        <v>45617</v>
      </c>
      <c r="F2431" s="14" t="s">
        <v>15</v>
      </c>
      <c r="G2431" s="16">
        <v>2.0113697976925686</v>
      </c>
    </row>
    <row r="2432" spans="1:7" x14ac:dyDescent="0.3">
      <c r="A2432" s="13" t="s">
        <v>30</v>
      </c>
      <c r="B2432" s="14" t="s">
        <v>1</v>
      </c>
      <c r="C2432" s="14" t="s">
        <v>13</v>
      </c>
      <c r="D2432" s="14" t="s">
        <v>31</v>
      </c>
      <c r="E2432" s="15">
        <v>45618</v>
      </c>
      <c r="F2432" s="14" t="s">
        <v>15</v>
      </c>
      <c r="G2432" s="16">
        <v>2.0175532787723292</v>
      </c>
    </row>
    <row r="2433" spans="1:7" x14ac:dyDescent="0.3">
      <c r="A2433" s="13" t="s">
        <v>30</v>
      </c>
      <c r="B2433" s="14" t="s">
        <v>1</v>
      </c>
      <c r="C2433" s="14" t="s">
        <v>13</v>
      </c>
      <c r="D2433" s="14" t="s">
        <v>31</v>
      </c>
      <c r="E2433" s="15">
        <v>45619</v>
      </c>
      <c r="F2433" s="14" t="s">
        <v>15</v>
      </c>
      <c r="G2433" s="16">
        <v>2.0175532787723292</v>
      </c>
    </row>
    <row r="2434" spans="1:7" x14ac:dyDescent="0.3">
      <c r="A2434" s="13" t="s">
        <v>30</v>
      </c>
      <c r="B2434" s="14" t="s">
        <v>1</v>
      </c>
      <c r="C2434" s="14" t="s">
        <v>13</v>
      </c>
      <c r="D2434" s="14" t="s">
        <v>31</v>
      </c>
      <c r="E2434" s="15">
        <v>45620</v>
      </c>
      <c r="F2434" s="14" t="s">
        <v>15</v>
      </c>
      <c r="G2434" s="16">
        <v>2.0175532787723292</v>
      </c>
    </row>
    <row r="2435" spans="1:7" x14ac:dyDescent="0.3">
      <c r="A2435" s="13" t="s">
        <v>30</v>
      </c>
      <c r="B2435" s="14" t="s">
        <v>1</v>
      </c>
      <c r="C2435" s="14" t="s">
        <v>13</v>
      </c>
      <c r="D2435" s="14" t="s">
        <v>31</v>
      </c>
      <c r="E2435" s="15">
        <v>45621</v>
      </c>
      <c r="F2435" s="14" t="s">
        <v>15</v>
      </c>
      <c r="G2435" s="16">
        <v>2.0236986989127628</v>
      </c>
    </row>
    <row r="2436" spans="1:7" x14ac:dyDescent="0.3">
      <c r="A2436" s="13" t="s">
        <v>30</v>
      </c>
      <c r="B2436" s="14" t="s">
        <v>1</v>
      </c>
      <c r="C2436" s="14" t="s">
        <v>13</v>
      </c>
      <c r="D2436" s="14" t="s">
        <v>31</v>
      </c>
      <c r="E2436" s="15">
        <v>45622</v>
      </c>
      <c r="F2436" s="14" t="s">
        <v>15</v>
      </c>
      <c r="G2436" s="16">
        <v>2.0420344007958806</v>
      </c>
    </row>
    <row r="2437" spans="1:7" x14ac:dyDescent="0.3">
      <c r="A2437" s="13" t="s">
        <v>30</v>
      </c>
      <c r="B2437" s="14" t="s">
        <v>1</v>
      </c>
      <c r="C2437" s="14" t="s">
        <v>13</v>
      </c>
      <c r="D2437" s="14" t="s">
        <v>31</v>
      </c>
      <c r="E2437" s="15">
        <v>45623</v>
      </c>
      <c r="F2437" s="14" t="s">
        <v>15</v>
      </c>
      <c r="G2437" s="16">
        <v>2.0481034498772028</v>
      </c>
    </row>
    <row r="2438" spans="1:7" x14ac:dyDescent="0.3">
      <c r="A2438" s="13" t="s">
        <v>30</v>
      </c>
      <c r="B2438" s="14" t="s">
        <v>1</v>
      </c>
      <c r="C2438" s="14" t="s">
        <v>13</v>
      </c>
      <c r="D2438" s="14" t="s">
        <v>31</v>
      </c>
      <c r="E2438" s="15">
        <v>45624</v>
      </c>
      <c r="F2438" s="14" t="s">
        <v>15</v>
      </c>
      <c r="G2438" s="16">
        <v>2.0559223176252543</v>
      </c>
    </row>
    <row r="2439" spans="1:7" x14ac:dyDescent="0.3">
      <c r="A2439" s="13" t="s">
        <v>30</v>
      </c>
      <c r="B2439" s="14" t="s">
        <v>1</v>
      </c>
      <c r="C2439" s="14" t="s">
        <v>13</v>
      </c>
      <c r="D2439" s="14" t="s">
        <v>31</v>
      </c>
      <c r="E2439" s="15">
        <v>45625</v>
      </c>
      <c r="F2439" s="14" t="s">
        <v>15</v>
      </c>
      <c r="G2439" s="16">
        <v>2.0621794770053907</v>
      </c>
    </row>
    <row r="2440" spans="1:7" x14ac:dyDescent="0.3">
      <c r="A2440" s="13" t="s">
        <v>30</v>
      </c>
      <c r="B2440" s="14" t="s">
        <v>1</v>
      </c>
      <c r="C2440" s="14" t="s">
        <v>13</v>
      </c>
      <c r="D2440" s="14" t="s">
        <v>31</v>
      </c>
      <c r="E2440" s="15">
        <v>45626</v>
      </c>
      <c r="F2440" s="14" t="s">
        <v>15</v>
      </c>
      <c r="G2440" s="16">
        <v>2.0621794770053907</v>
      </c>
    </row>
    <row r="2441" spans="1:7" x14ac:dyDescent="0.3">
      <c r="A2441" s="13" t="s">
        <v>30</v>
      </c>
      <c r="B2441" s="14" t="s">
        <v>1</v>
      </c>
      <c r="C2441" s="14" t="s">
        <v>13</v>
      </c>
      <c r="D2441" s="14" t="s">
        <v>31</v>
      </c>
      <c r="E2441" s="15">
        <v>45627</v>
      </c>
      <c r="F2441" s="14" t="s">
        <v>15</v>
      </c>
      <c r="G2441" s="16">
        <v>2.0621794770053907</v>
      </c>
    </row>
    <row r="2442" spans="1:7" x14ac:dyDescent="0.3">
      <c r="A2442" s="13" t="s">
        <v>30</v>
      </c>
      <c r="B2442" s="14" t="s">
        <v>1</v>
      </c>
      <c r="C2442" s="14" t="s">
        <v>13</v>
      </c>
      <c r="D2442" s="14" t="s">
        <v>31</v>
      </c>
      <c r="E2442" s="15">
        <v>45628</v>
      </c>
      <c r="F2442" s="14" t="s">
        <v>15</v>
      </c>
      <c r="G2442" s="16">
        <v>2.074882908914689</v>
      </c>
    </row>
    <row r="2443" spans="1:7" x14ac:dyDescent="0.3">
      <c r="A2443" s="13" t="s">
        <v>30</v>
      </c>
      <c r="B2443" s="14" t="s">
        <v>1</v>
      </c>
      <c r="C2443" s="14" t="s">
        <v>13</v>
      </c>
      <c r="D2443" s="14" t="s">
        <v>31</v>
      </c>
      <c r="E2443" s="15">
        <v>45629</v>
      </c>
      <c r="F2443" s="14" t="s">
        <v>15</v>
      </c>
      <c r="G2443" s="16">
        <v>2.0914279782279279</v>
      </c>
    </row>
    <row r="2444" spans="1:7" x14ac:dyDescent="0.3">
      <c r="A2444" s="13" t="s">
        <v>30</v>
      </c>
      <c r="B2444" s="14" t="s">
        <v>1</v>
      </c>
      <c r="C2444" s="14" t="s">
        <v>13</v>
      </c>
      <c r="D2444" s="14" t="s">
        <v>31</v>
      </c>
      <c r="E2444" s="15">
        <v>45630</v>
      </c>
      <c r="F2444" s="14" t="s">
        <v>15</v>
      </c>
      <c r="G2444" s="16">
        <v>2.1030242132338279</v>
      </c>
    </row>
    <row r="2445" spans="1:7" x14ac:dyDescent="0.3">
      <c r="A2445" s="13" t="s">
        <v>30</v>
      </c>
      <c r="B2445" s="14" t="s">
        <v>1</v>
      </c>
      <c r="C2445" s="14" t="s">
        <v>13</v>
      </c>
      <c r="D2445" s="14" t="s">
        <v>31</v>
      </c>
      <c r="E2445" s="15">
        <v>45631</v>
      </c>
      <c r="F2445" s="14" t="s">
        <v>15</v>
      </c>
      <c r="G2445" s="16">
        <v>2.1156280354632289</v>
      </c>
    </row>
    <row r="2446" spans="1:7" x14ac:dyDescent="0.3">
      <c r="A2446" s="13" t="s">
        <v>30</v>
      </c>
      <c r="B2446" s="14" t="s">
        <v>1</v>
      </c>
      <c r="C2446" s="14" t="s">
        <v>13</v>
      </c>
      <c r="D2446" s="14" t="s">
        <v>31</v>
      </c>
      <c r="E2446" s="15">
        <v>45632</v>
      </c>
      <c r="F2446" s="14" t="s">
        <v>15</v>
      </c>
      <c r="G2446" s="16">
        <v>2.1217027694742994</v>
      </c>
    </row>
    <row r="2447" spans="1:7" x14ac:dyDescent="0.3">
      <c r="A2447" s="13" t="s">
        <v>30</v>
      </c>
      <c r="B2447" s="14" t="s">
        <v>1</v>
      </c>
      <c r="C2447" s="14" t="s">
        <v>13</v>
      </c>
      <c r="D2447" s="14" t="s">
        <v>31</v>
      </c>
      <c r="E2447" s="15">
        <v>45633</v>
      </c>
      <c r="F2447" s="14" t="s">
        <v>15</v>
      </c>
      <c r="G2447" s="16">
        <v>2.1217027694742994</v>
      </c>
    </row>
    <row r="2448" spans="1:7" x14ac:dyDescent="0.3">
      <c r="A2448" s="13" t="s">
        <v>30</v>
      </c>
      <c r="B2448" s="14" t="s">
        <v>1</v>
      </c>
      <c r="C2448" s="14" t="s">
        <v>13</v>
      </c>
      <c r="D2448" s="14" t="s">
        <v>31</v>
      </c>
      <c r="E2448" s="15">
        <v>45634</v>
      </c>
      <c r="F2448" s="14" t="s">
        <v>15</v>
      </c>
      <c r="G2448" s="16">
        <v>2.1217027694742994</v>
      </c>
    </row>
    <row r="2449" spans="1:7" x14ac:dyDescent="0.3">
      <c r="A2449" s="13" t="s">
        <v>30</v>
      </c>
      <c r="B2449" s="14" t="s">
        <v>1</v>
      </c>
      <c r="C2449" s="14" t="s">
        <v>13</v>
      </c>
      <c r="D2449" s="14" t="s">
        <v>31</v>
      </c>
      <c r="E2449" s="15">
        <v>45635</v>
      </c>
      <c r="F2449" s="14" t="s">
        <v>15</v>
      </c>
      <c r="G2449" s="16">
        <v>2.1277607086636383</v>
      </c>
    </row>
    <row r="2450" spans="1:7" x14ac:dyDescent="0.3">
      <c r="A2450" s="13" t="s">
        <v>30</v>
      </c>
      <c r="B2450" s="14" t="s">
        <v>1</v>
      </c>
      <c r="C2450" s="14" t="s">
        <v>13</v>
      </c>
      <c r="D2450" s="14" t="s">
        <v>31</v>
      </c>
      <c r="E2450" s="15">
        <v>45636</v>
      </c>
      <c r="F2450" s="14" t="s">
        <v>15</v>
      </c>
      <c r="G2450" s="16">
        <v>2.1458397723647531</v>
      </c>
    </row>
    <row r="2451" spans="1:7" x14ac:dyDescent="0.3">
      <c r="A2451" s="13" t="s">
        <v>30</v>
      </c>
      <c r="B2451" s="14" t="s">
        <v>1</v>
      </c>
      <c r="C2451" s="14" t="s">
        <v>13</v>
      </c>
      <c r="D2451" s="14" t="s">
        <v>31</v>
      </c>
      <c r="E2451" s="15">
        <v>45637</v>
      </c>
      <c r="F2451" s="14" t="s">
        <v>15</v>
      </c>
      <c r="G2451" s="16">
        <v>2.1628740287313355</v>
      </c>
    </row>
    <row r="2452" spans="1:7" x14ac:dyDescent="0.3">
      <c r="A2452" s="13" t="s">
        <v>30</v>
      </c>
      <c r="B2452" s="14" t="s">
        <v>1</v>
      </c>
      <c r="C2452" s="14" t="s">
        <v>13</v>
      </c>
      <c r="D2452" s="14" t="s">
        <v>31</v>
      </c>
      <c r="E2452" s="15">
        <v>45638</v>
      </c>
      <c r="F2452" s="14" t="s">
        <v>15</v>
      </c>
      <c r="G2452" s="16">
        <v>2.1689397047304415</v>
      </c>
    </row>
    <row r="2453" spans="1:7" x14ac:dyDescent="0.3">
      <c r="A2453" s="13" t="s">
        <v>30</v>
      </c>
      <c r="B2453" s="14" t="s">
        <v>1</v>
      </c>
      <c r="C2453" s="14" t="s">
        <v>13</v>
      </c>
      <c r="D2453" s="14" t="s">
        <v>31</v>
      </c>
      <c r="E2453" s="15">
        <v>45639</v>
      </c>
      <c r="F2453" s="14" t="s">
        <v>15</v>
      </c>
      <c r="G2453" s="16">
        <v>2.2082010644116021</v>
      </c>
    </row>
    <row r="2454" spans="1:7" x14ac:dyDescent="0.3">
      <c r="A2454" s="13" t="s">
        <v>30</v>
      </c>
      <c r="B2454" s="14" t="s">
        <v>1</v>
      </c>
      <c r="C2454" s="14" t="s">
        <v>13</v>
      </c>
      <c r="D2454" s="14" t="s">
        <v>31</v>
      </c>
      <c r="E2454" s="15">
        <v>45640</v>
      </c>
      <c r="F2454" s="14" t="s">
        <v>15</v>
      </c>
      <c r="G2454" s="16">
        <v>2.2082010644116021</v>
      </c>
    </row>
    <row r="2455" spans="1:7" x14ac:dyDescent="0.3">
      <c r="A2455" s="13" t="s">
        <v>30</v>
      </c>
      <c r="B2455" s="14" t="s">
        <v>1</v>
      </c>
      <c r="C2455" s="14" t="s">
        <v>13</v>
      </c>
      <c r="D2455" s="14" t="s">
        <v>31</v>
      </c>
      <c r="E2455" s="15">
        <v>45641</v>
      </c>
      <c r="F2455" s="14" t="s">
        <v>15</v>
      </c>
      <c r="G2455" s="16">
        <v>2.2082010644116021</v>
      </c>
    </row>
    <row r="2456" spans="1:7" x14ac:dyDescent="0.3">
      <c r="A2456" s="13" t="s">
        <v>30</v>
      </c>
      <c r="B2456" s="14" t="s">
        <v>1</v>
      </c>
      <c r="C2456" s="14" t="s">
        <v>13</v>
      </c>
      <c r="D2456" s="14" t="s">
        <v>31</v>
      </c>
      <c r="E2456" s="15">
        <v>45642</v>
      </c>
      <c r="F2456" s="14" t="s">
        <v>15</v>
      </c>
      <c r="G2456" s="16">
        <v>2.2143272452676745</v>
      </c>
    </row>
    <row r="2457" spans="1:7" x14ac:dyDescent="0.3">
      <c r="A2457" s="13" t="s">
        <v>30</v>
      </c>
      <c r="B2457" s="14" t="s">
        <v>1</v>
      </c>
      <c r="C2457" s="14" t="s">
        <v>13</v>
      </c>
      <c r="D2457" s="14" t="s">
        <v>31</v>
      </c>
      <c r="E2457" s="15">
        <v>45643</v>
      </c>
      <c r="F2457" s="14" t="s">
        <v>15</v>
      </c>
      <c r="G2457" s="16">
        <v>2.2327555756012063</v>
      </c>
    </row>
    <row r="2458" spans="1:7" x14ac:dyDescent="0.3">
      <c r="A2458" s="13" t="s">
        <v>30</v>
      </c>
      <c r="B2458" s="14" t="s">
        <v>1</v>
      </c>
      <c r="C2458" s="14" t="s">
        <v>13</v>
      </c>
      <c r="D2458" s="14" t="s">
        <v>31</v>
      </c>
      <c r="E2458" s="15">
        <v>45644</v>
      </c>
      <c r="F2458" s="14" t="s">
        <v>15</v>
      </c>
      <c r="G2458" s="16">
        <v>2.2385971855316971</v>
      </c>
    </row>
    <row r="2459" spans="1:7" x14ac:dyDescent="0.3">
      <c r="A2459" s="13" t="s">
        <v>30</v>
      </c>
      <c r="B2459" s="14" t="s">
        <v>1</v>
      </c>
      <c r="C2459" s="14" t="s">
        <v>13</v>
      </c>
      <c r="D2459" s="14" t="s">
        <v>31</v>
      </c>
      <c r="E2459" s="15">
        <v>45645</v>
      </c>
      <c r="F2459" s="14" t="s">
        <v>15</v>
      </c>
      <c r="G2459" s="16">
        <v>2.2447089932060149</v>
      </c>
    </row>
    <row r="2460" spans="1:7" x14ac:dyDescent="0.3">
      <c r="A2460" s="13" t="s">
        <v>30</v>
      </c>
      <c r="B2460" s="14" t="s">
        <v>1</v>
      </c>
      <c r="C2460" s="14" t="s">
        <v>13</v>
      </c>
      <c r="D2460" s="14" t="s">
        <v>31</v>
      </c>
      <c r="E2460" s="15">
        <v>45646</v>
      </c>
      <c r="F2460" s="14" t="s">
        <v>15</v>
      </c>
      <c r="G2460" s="16">
        <v>2.2510188684540222</v>
      </c>
    </row>
    <row r="2461" spans="1:7" x14ac:dyDescent="0.3">
      <c r="A2461" s="13" t="s">
        <v>30</v>
      </c>
      <c r="B2461" s="14" t="s">
        <v>1</v>
      </c>
      <c r="C2461" s="14" t="s">
        <v>13</v>
      </c>
      <c r="D2461" s="14" t="s">
        <v>31</v>
      </c>
      <c r="E2461" s="15">
        <v>45647</v>
      </c>
      <c r="F2461" s="14" t="s">
        <v>15</v>
      </c>
      <c r="G2461" s="16">
        <v>2.2510188684540222</v>
      </c>
    </row>
    <row r="2462" spans="1:7" x14ac:dyDescent="0.3">
      <c r="A2462" s="13" t="s">
        <v>30</v>
      </c>
      <c r="B2462" s="14" t="s">
        <v>1</v>
      </c>
      <c r="C2462" s="14" t="s">
        <v>13</v>
      </c>
      <c r="D2462" s="14" t="s">
        <v>31</v>
      </c>
      <c r="E2462" s="15">
        <v>45648</v>
      </c>
      <c r="F2462" s="14" t="s">
        <v>15</v>
      </c>
      <c r="G2462" s="16">
        <v>2.2510188684540222</v>
      </c>
    </row>
    <row r="2463" spans="1:7" x14ac:dyDescent="0.3">
      <c r="A2463" s="13" t="s">
        <v>30</v>
      </c>
      <c r="B2463" s="14" t="s">
        <v>1</v>
      </c>
      <c r="C2463" s="14" t="s">
        <v>13</v>
      </c>
      <c r="D2463" s="14" t="s">
        <v>31</v>
      </c>
      <c r="E2463" s="15">
        <v>45649</v>
      </c>
      <c r="F2463" s="14" t="s">
        <v>15</v>
      </c>
      <c r="G2463" s="16">
        <v>2.2573368211421849</v>
      </c>
    </row>
    <row r="2464" spans="1:7" x14ac:dyDescent="0.3">
      <c r="A2464" s="13" t="s">
        <v>30</v>
      </c>
      <c r="B2464" s="14" t="s">
        <v>1</v>
      </c>
      <c r="C2464" s="14" t="s">
        <v>13</v>
      </c>
      <c r="D2464" s="14" t="s">
        <v>31</v>
      </c>
      <c r="E2464" s="15">
        <v>45650</v>
      </c>
      <c r="F2464" s="14" t="s">
        <v>15</v>
      </c>
      <c r="G2464" s="16">
        <v>2.2761555508195381</v>
      </c>
    </row>
    <row r="2465" spans="1:7" x14ac:dyDescent="0.3">
      <c r="A2465" s="13" t="s">
        <v>30</v>
      </c>
      <c r="B2465" s="14" t="s">
        <v>1</v>
      </c>
      <c r="C2465" s="14" t="s">
        <v>13</v>
      </c>
      <c r="D2465" s="14" t="s">
        <v>31</v>
      </c>
      <c r="E2465" s="15">
        <v>45651</v>
      </c>
      <c r="F2465" s="14" t="s">
        <v>15</v>
      </c>
      <c r="G2465" s="16">
        <v>2.2761555508195381</v>
      </c>
    </row>
    <row r="2466" spans="1:7" x14ac:dyDescent="0.3">
      <c r="A2466" s="13" t="s">
        <v>30</v>
      </c>
      <c r="B2466" s="14" t="s">
        <v>1</v>
      </c>
      <c r="C2466" s="14" t="s">
        <v>13</v>
      </c>
      <c r="D2466" s="14" t="s">
        <v>31</v>
      </c>
      <c r="E2466" s="15">
        <v>45652</v>
      </c>
      <c r="F2466" s="14" t="s">
        <v>15</v>
      </c>
      <c r="G2466" s="16">
        <v>2.2761555508195381</v>
      </c>
    </row>
    <row r="2467" spans="1:7" x14ac:dyDescent="0.3">
      <c r="A2467" s="13" t="s">
        <v>30</v>
      </c>
      <c r="B2467" s="14" t="s">
        <v>1</v>
      </c>
      <c r="C2467" s="14" t="s">
        <v>13</v>
      </c>
      <c r="D2467" s="14" t="s">
        <v>31</v>
      </c>
      <c r="E2467" s="15">
        <v>45653</v>
      </c>
      <c r="F2467" s="14" t="s">
        <v>15</v>
      </c>
      <c r="G2467" s="16">
        <v>2.2761555508195381</v>
      </c>
    </row>
    <row r="2468" spans="1:7" x14ac:dyDescent="0.3">
      <c r="A2468" s="13" t="s">
        <v>30</v>
      </c>
      <c r="B2468" s="14" t="s">
        <v>1</v>
      </c>
      <c r="C2468" s="14" t="s">
        <v>13</v>
      </c>
      <c r="D2468" s="14" t="s">
        <v>31</v>
      </c>
      <c r="E2468" s="15">
        <v>45654</v>
      </c>
      <c r="F2468" s="14" t="s">
        <v>15</v>
      </c>
      <c r="G2468" s="16">
        <v>2.2761555508195381</v>
      </c>
    </row>
    <row r="2469" spans="1:7" x14ac:dyDescent="0.3">
      <c r="A2469" s="13" t="s">
        <v>30</v>
      </c>
      <c r="B2469" s="14" t="s">
        <v>1</v>
      </c>
      <c r="C2469" s="14" t="s">
        <v>13</v>
      </c>
      <c r="D2469" s="14" t="s">
        <v>31</v>
      </c>
      <c r="E2469" s="15">
        <v>45655</v>
      </c>
      <c r="F2469" s="14" t="s">
        <v>15</v>
      </c>
      <c r="G2469" s="16">
        <v>2.2761555508195381</v>
      </c>
    </row>
    <row r="2470" spans="1:7" x14ac:dyDescent="0.3">
      <c r="A2470" s="13" t="s">
        <v>30</v>
      </c>
      <c r="B2470" s="14" t="s">
        <v>1</v>
      </c>
      <c r="C2470" s="14" t="s">
        <v>13</v>
      </c>
      <c r="D2470" s="14" t="s">
        <v>31</v>
      </c>
      <c r="E2470" s="15">
        <v>45656</v>
      </c>
      <c r="F2470" s="14" t="s">
        <v>15</v>
      </c>
      <c r="G2470" s="16">
        <v>2.2824520056804229</v>
      </c>
    </row>
    <row r="2471" spans="1:7" x14ac:dyDescent="0.3">
      <c r="A2471" s="13" t="s">
        <v>30</v>
      </c>
      <c r="B2471" s="14" t="s">
        <v>1</v>
      </c>
      <c r="C2471" s="14" t="s">
        <v>13</v>
      </c>
      <c r="D2471" s="14" t="s">
        <v>31</v>
      </c>
      <c r="E2471" s="15">
        <v>45657</v>
      </c>
      <c r="F2471" s="14" t="s">
        <v>15</v>
      </c>
      <c r="G2471" s="16">
        <v>2.3194347497096737</v>
      </c>
    </row>
    <row r="2472" spans="1:7" x14ac:dyDescent="0.3">
      <c r="A2472" s="13" t="s">
        <v>30</v>
      </c>
      <c r="B2472" s="14" t="s">
        <v>1</v>
      </c>
      <c r="C2472" s="14" t="s">
        <v>13</v>
      </c>
      <c r="D2472" s="14" t="s">
        <v>31</v>
      </c>
      <c r="E2472" s="15">
        <v>45658</v>
      </c>
      <c r="F2472" s="14" t="s">
        <v>15</v>
      </c>
      <c r="G2472" s="16">
        <v>2.3194347497096737</v>
      </c>
    </row>
    <row r="2473" spans="1:7" x14ac:dyDescent="0.3">
      <c r="A2473" s="13" t="s">
        <v>30</v>
      </c>
      <c r="B2473" s="14" t="s">
        <v>1</v>
      </c>
      <c r="C2473" s="14" t="s">
        <v>13</v>
      </c>
      <c r="D2473" s="14" t="s">
        <v>31</v>
      </c>
      <c r="E2473" s="15">
        <v>45659</v>
      </c>
      <c r="F2473" s="14" t="s">
        <v>15</v>
      </c>
      <c r="G2473" s="16">
        <v>2.3194347497096737</v>
      </c>
    </row>
    <row r="2474" spans="1:7" x14ac:dyDescent="0.3">
      <c r="A2474" s="13" t="s">
        <v>30</v>
      </c>
      <c r="B2474" s="14" t="s">
        <v>1</v>
      </c>
      <c r="C2474" s="14" t="s">
        <v>13</v>
      </c>
      <c r="D2474" s="14" t="s">
        <v>31</v>
      </c>
      <c r="E2474" s="15">
        <v>45660</v>
      </c>
      <c r="F2474" s="14" t="s">
        <v>15</v>
      </c>
      <c r="G2474" s="16">
        <v>2.3256171782164436</v>
      </c>
    </row>
    <row r="2475" spans="1:7" x14ac:dyDescent="0.3">
      <c r="A2475" s="13" t="s">
        <v>30</v>
      </c>
      <c r="B2475" s="14" t="s">
        <v>1</v>
      </c>
      <c r="C2475" s="14" t="s">
        <v>13</v>
      </c>
      <c r="D2475" s="14" t="s">
        <v>31</v>
      </c>
      <c r="E2475" s="15">
        <v>45661</v>
      </c>
      <c r="F2475" s="14" t="s">
        <v>15</v>
      </c>
      <c r="G2475" s="16">
        <v>2.3256171782164436</v>
      </c>
    </row>
    <row r="2476" spans="1:7" x14ac:dyDescent="0.3">
      <c r="A2476" s="13" t="s">
        <v>30</v>
      </c>
      <c r="B2476" s="14" t="s">
        <v>1</v>
      </c>
      <c r="C2476" s="14" t="s">
        <v>13</v>
      </c>
      <c r="D2476" s="14" t="s">
        <v>31</v>
      </c>
      <c r="E2476" s="15">
        <v>45662</v>
      </c>
      <c r="F2476" s="14" t="s">
        <v>15</v>
      </c>
      <c r="G2476" s="16">
        <v>2.3256171782164436</v>
      </c>
    </row>
    <row r="2477" spans="1:7" x14ac:dyDescent="0.3">
      <c r="A2477" s="13" t="s">
        <v>30</v>
      </c>
      <c r="B2477" s="14" t="s">
        <v>1</v>
      </c>
      <c r="C2477" s="14" t="s">
        <v>13</v>
      </c>
      <c r="D2477" s="14" t="s">
        <v>31</v>
      </c>
      <c r="E2477" s="15">
        <v>45663</v>
      </c>
      <c r="F2477" s="14" t="s">
        <v>15</v>
      </c>
      <c r="G2477" s="16">
        <v>2.3536184638209359</v>
      </c>
    </row>
    <row r="2478" spans="1:7" x14ac:dyDescent="0.3">
      <c r="A2478" s="13" t="s">
        <v>30</v>
      </c>
      <c r="B2478" s="14" t="s">
        <v>1</v>
      </c>
      <c r="C2478" s="14" t="s">
        <v>13</v>
      </c>
      <c r="D2478" s="14" t="s">
        <v>31</v>
      </c>
      <c r="E2478" s="15">
        <v>45664</v>
      </c>
      <c r="F2478" s="14" t="s">
        <v>15</v>
      </c>
      <c r="G2478" s="16">
        <v>2.3862615691501921</v>
      </c>
    </row>
    <row r="2479" spans="1:7" x14ac:dyDescent="0.3">
      <c r="A2479" s="13" t="s">
        <v>30</v>
      </c>
      <c r="B2479" s="14" t="s">
        <v>1</v>
      </c>
      <c r="C2479" s="14" t="s">
        <v>13</v>
      </c>
      <c r="D2479" s="14" t="s">
        <v>31</v>
      </c>
      <c r="E2479" s="15">
        <v>45665</v>
      </c>
      <c r="F2479" s="14" t="s">
        <v>15</v>
      </c>
      <c r="G2479" s="16">
        <v>2.3925372546588064</v>
      </c>
    </row>
    <row r="2480" spans="1:7" x14ac:dyDescent="0.3">
      <c r="A2480" s="13" t="s">
        <v>30</v>
      </c>
      <c r="B2480" s="14" t="s">
        <v>1</v>
      </c>
      <c r="C2480" s="14" t="s">
        <v>13</v>
      </c>
      <c r="D2480" s="14" t="s">
        <v>31</v>
      </c>
      <c r="E2480" s="15">
        <v>45666</v>
      </c>
      <c r="F2480" s="14" t="s">
        <v>15</v>
      </c>
      <c r="G2480" s="16">
        <v>2.3988271468518283</v>
      </c>
    </row>
    <row r="2481" spans="1:7" x14ac:dyDescent="0.3">
      <c r="A2481" s="13" t="s">
        <v>30</v>
      </c>
      <c r="B2481" s="14" t="s">
        <v>1</v>
      </c>
      <c r="C2481" s="14" t="s">
        <v>13</v>
      </c>
      <c r="D2481" s="14" t="s">
        <v>31</v>
      </c>
      <c r="E2481" s="15">
        <v>45667</v>
      </c>
      <c r="F2481" s="14" t="s">
        <v>15</v>
      </c>
      <c r="G2481" s="16">
        <v>2.4050844634441231</v>
      </c>
    </row>
    <row r="2482" spans="1:7" x14ac:dyDescent="0.3">
      <c r="A2482" s="13" t="s">
        <v>30</v>
      </c>
      <c r="B2482" s="14" t="s">
        <v>1</v>
      </c>
      <c r="C2482" s="14" t="s">
        <v>13</v>
      </c>
      <c r="D2482" s="14" t="s">
        <v>31</v>
      </c>
      <c r="E2482" s="15">
        <v>45668</v>
      </c>
      <c r="F2482" s="14" t="s">
        <v>15</v>
      </c>
      <c r="G2482" s="16">
        <v>2.4050844634441231</v>
      </c>
    </row>
    <row r="2483" spans="1:7" x14ac:dyDescent="0.3">
      <c r="A2483" s="13" t="s">
        <v>30</v>
      </c>
      <c r="B2483" s="14" t="s">
        <v>1</v>
      </c>
      <c r="C2483" s="14" t="s">
        <v>13</v>
      </c>
      <c r="D2483" s="14" t="s">
        <v>31</v>
      </c>
      <c r="E2483" s="15">
        <v>45669</v>
      </c>
      <c r="F2483" s="14" t="s">
        <v>15</v>
      </c>
      <c r="G2483" s="16">
        <v>2.4050844634441231</v>
      </c>
    </row>
    <row r="2484" spans="1:7" x14ac:dyDescent="0.3">
      <c r="A2484" s="13" t="s">
        <v>30</v>
      </c>
      <c r="B2484" s="14" t="s">
        <v>1</v>
      </c>
      <c r="C2484" s="14" t="s">
        <v>13</v>
      </c>
      <c r="D2484" s="14" t="s">
        <v>31</v>
      </c>
      <c r="E2484" s="15">
        <v>45670</v>
      </c>
      <c r="F2484" s="14" t="s">
        <v>15</v>
      </c>
      <c r="G2484" s="16">
        <v>2.4113687581784968</v>
      </c>
    </row>
    <row r="2485" spans="1:7" x14ac:dyDescent="0.3">
      <c r="A2485" s="13" t="s">
        <v>30</v>
      </c>
      <c r="B2485" s="14" t="s">
        <v>1</v>
      </c>
      <c r="C2485" s="14" t="s">
        <v>13</v>
      </c>
      <c r="D2485" s="14" t="s">
        <v>31</v>
      </c>
      <c r="E2485" s="15">
        <v>45671</v>
      </c>
      <c r="F2485" s="14" t="s">
        <v>15</v>
      </c>
      <c r="G2485" s="16">
        <v>2.4301993836783766</v>
      </c>
    </row>
    <row r="2486" spans="1:7" x14ac:dyDescent="0.3">
      <c r="A2486" s="13" t="s">
        <v>30</v>
      </c>
      <c r="B2486" s="14" t="s">
        <v>1</v>
      </c>
      <c r="C2486" s="14" t="s">
        <v>13</v>
      </c>
      <c r="D2486" s="14" t="s">
        <v>31</v>
      </c>
      <c r="E2486" s="15">
        <v>45672</v>
      </c>
      <c r="F2486" s="14" t="s">
        <v>15</v>
      </c>
      <c r="G2486" s="16">
        <v>2.4365261439124075</v>
      </c>
    </row>
    <row r="2487" spans="1:7" x14ac:dyDescent="0.3">
      <c r="A2487" s="13" t="s">
        <v>30</v>
      </c>
      <c r="B2487" s="14" t="s">
        <v>1</v>
      </c>
      <c r="C2487" s="14" t="s">
        <v>13</v>
      </c>
      <c r="D2487" s="14" t="s">
        <v>31</v>
      </c>
      <c r="E2487" s="15">
        <v>45673</v>
      </c>
      <c r="F2487" s="14" t="s">
        <v>15</v>
      </c>
      <c r="G2487" s="16">
        <v>2.4428315567905896</v>
      </c>
    </row>
    <row r="2488" spans="1:7" x14ac:dyDescent="0.3">
      <c r="A2488" s="13" t="s">
        <v>30</v>
      </c>
      <c r="B2488" s="14" t="s">
        <v>1</v>
      </c>
      <c r="C2488" s="14" t="s">
        <v>13</v>
      </c>
      <c r="D2488" s="14" t="s">
        <v>31</v>
      </c>
      <c r="E2488" s="15">
        <v>45674</v>
      </c>
      <c r="F2488" s="14" t="s">
        <v>15</v>
      </c>
      <c r="G2488" s="16">
        <v>2.4477735467659256</v>
      </c>
    </row>
    <row r="2489" spans="1:7" x14ac:dyDescent="0.3">
      <c r="A2489" s="13" t="s">
        <v>30</v>
      </c>
      <c r="B2489" s="14" t="s">
        <v>1</v>
      </c>
      <c r="C2489" s="14" t="s">
        <v>13</v>
      </c>
      <c r="D2489" s="14" t="s">
        <v>31</v>
      </c>
      <c r="E2489" s="15">
        <v>45675</v>
      </c>
      <c r="F2489" s="14" t="s">
        <v>15</v>
      </c>
      <c r="G2489" s="16">
        <v>2.4477735467659256</v>
      </c>
    </row>
    <row r="2490" spans="1:7" x14ac:dyDescent="0.3">
      <c r="A2490" s="13" t="s">
        <v>30</v>
      </c>
      <c r="B2490" s="14" t="s">
        <v>1</v>
      </c>
      <c r="C2490" s="14" t="s">
        <v>13</v>
      </c>
      <c r="D2490" s="14" t="s">
        <v>31</v>
      </c>
      <c r="E2490" s="15">
        <v>45676</v>
      </c>
      <c r="F2490" s="14" t="s">
        <v>15</v>
      </c>
      <c r="G2490" s="16">
        <v>2.4477735467659256</v>
      </c>
    </row>
    <row r="2491" spans="1:7" x14ac:dyDescent="0.3">
      <c r="A2491" s="13" t="s">
        <v>30</v>
      </c>
      <c r="B2491" s="14" t="s">
        <v>1</v>
      </c>
      <c r="C2491" s="14" t="s">
        <v>13</v>
      </c>
      <c r="D2491" s="14" t="s">
        <v>31</v>
      </c>
      <c r="E2491" s="15">
        <v>45677</v>
      </c>
      <c r="F2491" s="14" t="s">
        <v>15</v>
      </c>
      <c r="G2491" s="16">
        <v>2.4538286398050371</v>
      </c>
    </row>
    <row r="2492" spans="1:7" x14ac:dyDescent="0.3">
      <c r="A2492" s="13" t="s">
        <v>30</v>
      </c>
      <c r="B2492" s="14" t="s">
        <v>1</v>
      </c>
      <c r="C2492" s="14" t="s">
        <v>13</v>
      </c>
      <c r="D2492" s="14" t="s">
        <v>31</v>
      </c>
      <c r="E2492" s="15">
        <v>45678</v>
      </c>
      <c r="F2492" s="14" t="s">
        <v>15</v>
      </c>
      <c r="G2492" s="16">
        <v>2.4714399464121346</v>
      </c>
    </row>
    <row r="2493" spans="1:7" x14ac:dyDescent="0.3">
      <c r="A2493" s="13" t="s">
        <v>30</v>
      </c>
      <c r="B2493" s="14" t="s">
        <v>1</v>
      </c>
      <c r="C2493" s="14" t="s">
        <v>13</v>
      </c>
      <c r="D2493" s="14" t="s">
        <v>31</v>
      </c>
      <c r="E2493" s="15">
        <v>45679</v>
      </c>
      <c r="F2493" s="14" t="s">
        <v>15</v>
      </c>
      <c r="G2493" s="16">
        <v>2.4774146729090889</v>
      </c>
    </row>
    <row r="2494" spans="1:7" x14ac:dyDescent="0.3">
      <c r="A2494" s="13" t="s">
        <v>30</v>
      </c>
      <c r="B2494" s="14" t="s">
        <v>1</v>
      </c>
      <c r="C2494" s="14" t="s">
        <v>13</v>
      </c>
      <c r="D2494" s="14" t="s">
        <v>31</v>
      </c>
      <c r="E2494" s="15">
        <v>45680</v>
      </c>
      <c r="F2494" s="14" t="s">
        <v>15</v>
      </c>
      <c r="G2494" s="16">
        <v>2.4833749029154788</v>
      </c>
    </row>
    <row r="2495" spans="1:7" x14ac:dyDescent="0.3">
      <c r="A2495" s="13" t="s">
        <v>30</v>
      </c>
      <c r="B2495" s="14" t="s">
        <v>1</v>
      </c>
      <c r="C2495" s="14" t="s">
        <v>13</v>
      </c>
      <c r="D2495" s="14" t="s">
        <v>31</v>
      </c>
      <c r="E2495" s="15">
        <v>45681</v>
      </c>
      <c r="F2495" s="14" t="s">
        <v>15</v>
      </c>
      <c r="G2495" s="16">
        <v>2.4893301925755815</v>
      </c>
    </row>
    <row r="2496" spans="1:7" x14ac:dyDescent="0.3">
      <c r="A2496" s="13" t="s">
        <v>30</v>
      </c>
      <c r="B2496" s="14" t="s">
        <v>1</v>
      </c>
      <c r="C2496" s="14" t="s">
        <v>13</v>
      </c>
      <c r="D2496" s="14" t="s">
        <v>31</v>
      </c>
      <c r="E2496" s="15">
        <v>45682</v>
      </c>
      <c r="F2496" s="14" t="s">
        <v>15</v>
      </c>
      <c r="G2496" s="16">
        <v>2.4893301925755815</v>
      </c>
    </row>
    <row r="2497" spans="1:7" x14ac:dyDescent="0.3">
      <c r="A2497" s="13" t="s">
        <v>30</v>
      </c>
      <c r="B2497" s="14" t="s">
        <v>1</v>
      </c>
      <c r="C2497" s="14" t="s">
        <v>13</v>
      </c>
      <c r="D2497" s="14" t="s">
        <v>31</v>
      </c>
      <c r="E2497" s="15">
        <v>45683</v>
      </c>
      <c r="F2497" s="14" t="s">
        <v>15</v>
      </c>
      <c r="G2497" s="16">
        <v>2.4893301925755815</v>
      </c>
    </row>
    <row r="2498" spans="1:7" x14ac:dyDescent="0.3">
      <c r="A2498" s="13" t="s">
        <v>30</v>
      </c>
      <c r="B2498" s="14" t="s">
        <v>1</v>
      </c>
      <c r="C2498" s="14" t="s">
        <v>13</v>
      </c>
      <c r="D2498" s="14" t="s">
        <v>31</v>
      </c>
      <c r="E2498" s="15">
        <v>45684</v>
      </c>
      <c r="F2498" s="14" t="s">
        <v>15</v>
      </c>
      <c r="G2498" s="16">
        <v>2.4959348312545671</v>
      </c>
    </row>
    <row r="2499" spans="1:7" x14ac:dyDescent="0.3">
      <c r="A2499" s="13" t="s">
        <v>30</v>
      </c>
      <c r="B2499" s="14" t="s">
        <v>1</v>
      </c>
      <c r="C2499" s="14" t="s">
        <v>13</v>
      </c>
      <c r="D2499" s="14" t="s">
        <v>31</v>
      </c>
      <c r="E2499" s="15">
        <v>45685</v>
      </c>
      <c r="F2499" s="14" t="s">
        <v>15</v>
      </c>
      <c r="G2499" s="16">
        <v>2.5136928966812628</v>
      </c>
    </row>
    <row r="2500" spans="1:7" x14ac:dyDescent="0.3">
      <c r="A2500" s="13" t="s">
        <v>30</v>
      </c>
      <c r="B2500" s="14" t="s">
        <v>1</v>
      </c>
      <c r="C2500" s="14" t="s">
        <v>13</v>
      </c>
      <c r="D2500" s="14" t="s">
        <v>31</v>
      </c>
      <c r="E2500" s="15">
        <v>45686</v>
      </c>
      <c r="F2500" s="14" t="s">
        <v>15</v>
      </c>
      <c r="G2500" s="16">
        <v>2.519598638634811</v>
      </c>
    </row>
    <row r="2501" spans="1:7" x14ac:dyDescent="0.3">
      <c r="A2501" s="13" t="s">
        <v>30</v>
      </c>
      <c r="B2501" s="14" t="s">
        <v>1</v>
      </c>
      <c r="C2501" s="14" t="s">
        <v>13</v>
      </c>
      <c r="D2501" s="14" t="s">
        <v>31</v>
      </c>
      <c r="E2501" s="15">
        <v>45687</v>
      </c>
      <c r="F2501" s="14" t="s">
        <v>15</v>
      </c>
      <c r="G2501" s="16">
        <v>2.5254951489923778</v>
      </c>
    </row>
    <row r="2502" spans="1:7" x14ac:dyDescent="0.3">
      <c r="A2502" s="13" t="s">
        <v>30</v>
      </c>
      <c r="B2502" s="14" t="s">
        <v>1</v>
      </c>
      <c r="C2502" s="14" t="s">
        <v>13</v>
      </c>
      <c r="D2502" s="14" t="s">
        <v>31</v>
      </c>
      <c r="E2502" s="15">
        <v>45688</v>
      </c>
      <c r="F2502" s="14" t="s">
        <v>15</v>
      </c>
      <c r="G2502" s="16">
        <v>2.5313774802680191</v>
      </c>
    </row>
    <row r="2503" spans="1:7" x14ac:dyDescent="0.3">
      <c r="A2503" s="13" t="s">
        <v>30</v>
      </c>
      <c r="B2503" s="14" t="s">
        <v>1</v>
      </c>
      <c r="C2503" s="14" t="s">
        <v>13</v>
      </c>
      <c r="D2503" s="14" t="s">
        <v>31</v>
      </c>
      <c r="E2503" s="15">
        <v>45689</v>
      </c>
      <c r="F2503" s="14" t="s">
        <v>15</v>
      </c>
      <c r="G2503" s="16">
        <v>2.5313774802680191</v>
      </c>
    </row>
    <row r="2504" spans="1:7" x14ac:dyDescent="0.3">
      <c r="A2504" s="13" t="s">
        <v>30</v>
      </c>
      <c r="B2504" s="14" t="s">
        <v>1</v>
      </c>
      <c r="C2504" s="14" t="s">
        <v>13</v>
      </c>
      <c r="D2504" s="14" t="s">
        <v>31</v>
      </c>
      <c r="E2504" s="15">
        <v>45690</v>
      </c>
      <c r="F2504" s="14" t="s">
        <v>15</v>
      </c>
      <c r="G2504" s="16">
        <v>2.5313774802680191</v>
      </c>
    </row>
    <row r="2505" spans="1:7" x14ac:dyDescent="0.3">
      <c r="A2505" s="13" t="s">
        <v>30</v>
      </c>
      <c r="B2505" s="14" t="s">
        <v>1</v>
      </c>
      <c r="C2505" s="14" t="s">
        <v>13</v>
      </c>
      <c r="D2505" s="14" t="s">
        <v>31</v>
      </c>
      <c r="E2505" s="15">
        <v>45691</v>
      </c>
      <c r="F2505" s="14" t="s">
        <v>15</v>
      </c>
      <c r="G2505" s="16">
        <v>2.5313774802680191</v>
      </c>
    </row>
    <row r="2506" spans="1:7" x14ac:dyDescent="0.3">
      <c r="A2506" s="13" t="s">
        <v>30</v>
      </c>
      <c r="B2506" s="14" t="s">
        <v>1</v>
      </c>
      <c r="C2506" s="14" t="s">
        <v>13</v>
      </c>
      <c r="D2506" s="14" t="s">
        <v>31</v>
      </c>
      <c r="E2506" s="15">
        <v>45692</v>
      </c>
      <c r="F2506" s="14" t="s">
        <v>15</v>
      </c>
      <c r="G2506" s="16">
        <v>2.5371615896843185</v>
      </c>
    </row>
    <row r="2507" spans="1:7" x14ac:dyDescent="0.3">
      <c r="A2507" s="13" t="s">
        <v>30</v>
      </c>
      <c r="B2507" s="14" t="s">
        <v>1</v>
      </c>
      <c r="C2507" s="14" t="s">
        <v>13</v>
      </c>
      <c r="D2507" s="14" t="s">
        <v>31</v>
      </c>
      <c r="E2507" s="15">
        <v>45693</v>
      </c>
      <c r="F2507" s="14" t="s">
        <v>15</v>
      </c>
      <c r="G2507" s="16">
        <v>2.6295292901346339</v>
      </c>
    </row>
    <row r="2508" spans="1:7" x14ac:dyDescent="0.3">
      <c r="A2508" s="13" t="s">
        <v>30</v>
      </c>
      <c r="B2508" s="14" t="s">
        <v>1</v>
      </c>
      <c r="C2508" s="14" t="s">
        <v>13</v>
      </c>
      <c r="D2508" s="14" t="s">
        <v>31</v>
      </c>
      <c r="E2508" s="15">
        <v>45694</v>
      </c>
      <c r="F2508" s="14" t="s">
        <v>15</v>
      </c>
      <c r="G2508" s="16">
        <v>2.6359003280547135</v>
      </c>
    </row>
    <row r="2509" spans="1:7" x14ac:dyDescent="0.3">
      <c r="A2509" s="13" t="s">
        <v>30</v>
      </c>
      <c r="B2509" s="14" t="s">
        <v>1</v>
      </c>
      <c r="C2509" s="14" t="s">
        <v>13</v>
      </c>
      <c r="D2509" s="14" t="s">
        <v>31</v>
      </c>
      <c r="E2509" s="15">
        <v>45695</v>
      </c>
      <c r="F2509" s="14" t="s">
        <v>15</v>
      </c>
      <c r="G2509" s="16">
        <v>2.6489025258632042</v>
      </c>
    </row>
    <row r="2510" spans="1:7" x14ac:dyDescent="0.3">
      <c r="A2510" s="13" t="s">
        <v>30</v>
      </c>
      <c r="B2510" s="14" t="s">
        <v>1</v>
      </c>
      <c r="C2510" s="14" t="s">
        <v>13</v>
      </c>
      <c r="D2510" s="14" t="s">
        <v>31</v>
      </c>
      <c r="E2510" s="15">
        <v>45696</v>
      </c>
      <c r="F2510" s="14" t="s">
        <v>15</v>
      </c>
      <c r="G2510" s="16">
        <v>2.6489025258632042</v>
      </c>
    </row>
    <row r="2511" spans="1:7" x14ac:dyDescent="0.3">
      <c r="A2511" s="13" t="s">
        <v>30</v>
      </c>
      <c r="B2511" s="14" t="s">
        <v>1</v>
      </c>
      <c r="C2511" s="14" t="s">
        <v>13</v>
      </c>
      <c r="D2511" s="14" t="s">
        <v>31</v>
      </c>
      <c r="E2511" s="15">
        <v>45697</v>
      </c>
      <c r="F2511" s="14" t="s">
        <v>15</v>
      </c>
      <c r="G2511" s="16">
        <v>2.6489025258632042</v>
      </c>
    </row>
    <row r="2512" spans="1:7" x14ac:dyDescent="0.3">
      <c r="A2512" s="13" t="s">
        <v>30</v>
      </c>
      <c r="B2512" s="14" t="s">
        <v>1</v>
      </c>
      <c r="C2512" s="14" t="s">
        <v>13</v>
      </c>
      <c r="D2512" s="14" t="s">
        <v>31</v>
      </c>
      <c r="E2512" s="15">
        <v>45698</v>
      </c>
      <c r="F2512" s="14" t="s">
        <v>15</v>
      </c>
      <c r="G2512" s="16">
        <v>2.6552016518388348</v>
      </c>
    </row>
    <row r="2513" spans="1:7" x14ac:dyDescent="0.3">
      <c r="A2513" s="13" t="s">
        <v>30</v>
      </c>
      <c r="B2513" s="14" t="s">
        <v>1</v>
      </c>
      <c r="C2513" s="14" t="s">
        <v>13</v>
      </c>
      <c r="D2513" s="14" t="s">
        <v>31</v>
      </c>
      <c r="E2513" s="15">
        <v>45699</v>
      </c>
      <c r="F2513" s="14" t="s">
        <v>15</v>
      </c>
      <c r="G2513" s="16">
        <v>2.6740576232504853</v>
      </c>
    </row>
    <row r="2514" spans="1:7" x14ac:dyDescent="0.3">
      <c r="A2514" s="13" t="s">
        <v>30</v>
      </c>
      <c r="B2514" s="14" t="s">
        <v>1</v>
      </c>
      <c r="C2514" s="14" t="s">
        <v>13</v>
      </c>
      <c r="D2514" s="14" t="s">
        <v>31</v>
      </c>
      <c r="E2514" s="15">
        <v>45700</v>
      </c>
      <c r="F2514" s="14" t="s">
        <v>15</v>
      </c>
      <c r="G2514" s="16">
        <v>2.6803831579736066</v>
      </c>
    </row>
    <row r="2515" spans="1:7" x14ac:dyDescent="0.3">
      <c r="A2515" s="13" t="s">
        <v>30</v>
      </c>
      <c r="B2515" s="14" t="s">
        <v>1</v>
      </c>
      <c r="C2515" s="14" t="s">
        <v>13</v>
      </c>
      <c r="D2515" s="14" t="s">
        <v>31</v>
      </c>
      <c r="E2515" s="15">
        <v>45701</v>
      </c>
      <c r="F2515" s="14" t="s">
        <v>15</v>
      </c>
      <c r="G2515" s="16">
        <v>2.6866998578328039</v>
      </c>
    </row>
    <row r="2516" spans="1:7" x14ac:dyDescent="0.3">
      <c r="A2516" s="13" t="s">
        <v>30</v>
      </c>
      <c r="B2516" s="14" t="s">
        <v>1</v>
      </c>
      <c r="C2516" s="14" t="s">
        <v>13</v>
      </c>
      <c r="D2516" s="14" t="s">
        <v>31</v>
      </c>
      <c r="E2516" s="15">
        <v>45702</v>
      </c>
      <c r="F2516" s="14" t="s">
        <v>15</v>
      </c>
      <c r="G2516" s="16">
        <v>2.6930130267811361</v>
      </c>
    </row>
    <row r="2517" spans="1:7" x14ac:dyDescent="0.3">
      <c r="A2517" s="13" t="s">
        <v>30</v>
      </c>
      <c r="B2517" s="14" t="s">
        <v>1</v>
      </c>
      <c r="C2517" s="14" t="s">
        <v>13</v>
      </c>
      <c r="D2517" s="14" t="s">
        <v>31</v>
      </c>
      <c r="E2517" s="15">
        <v>45703</v>
      </c>
      <c r="F2517" s="14" t="s">
        <v>15</v>
      </c>
      <c r="G2517" s="16">
        <v>2.6930130267811361</v>
      </c>
    </row>
    <row r="2518" spans="1:7" x14ac:dyDescent="0.3">
      <c r="A2518" s="13" t="s">
        <v>30</v>
      </c>
      <c r="B2518" s="14" t="s">
        <v>1</v>
      </c>
      <c r="C2518" s="14" t="s">
        <v>13</v>
      </c>
      <c r="D2518" s="14" t="s">
        <v>31</v>
      </c>
      <c r="E2518" s="15">
        <v>45704</v>
      </c>
      <c r="F2518" s="14" t="s">
        <v>15</v>
      </c>
      <c r="G2518" s="16">
        <v>2.6930130267811361</v>
      </c>
    </row>
    <row r="2519" spans="1:7" x14ac:dyDescent="0.3">
      <c r="A2519" s="13" t="s">
        <v>30</v>
      </c>
      <c r="B2519" s="14" t="s">
        <v>1</v>
      </c>
      <c r="C2519" s="14" t="s">
        <v>13</v>
      </c>
      <c r="D2519" s="14" t="s">
        <v>31</v>
      </c>
      <c r="E2519" s="15">
        <v>45705</v>
      </c>
      <c r="F2519" s="14" t="s">
        <v>15</v>
      </c>
      <c r="G2519" s="16">
        <v>2.6992487859883205</v>
      </c>
    </row>
    <row r="2520" spans="1:7" x14ac:dyDescent="0.3">
      <c r="A2520" s="13" t="s">
        <v>30</v>
      </c>
      <c r="B2520" s="14" t="s">
        <v>1</v>
      </c>
      <c r="C2520" s="14" t="s">
        <v>13</v>
      </c>
      <c r="D2520" s="14" t="s">
        <v>31</v>
      </c>
      <c r="E2520" s="15">
        <v>45706</v>
      </c>
      <c r="F2520" s="14" t="s">
        <v>15</v>
      </c>
      <c r="G2520" s="16">
        <v>2.7178533646290384</v>
      </c>
    </row>
    <row r="2521" spans="1:7" x14ac:dyDescent="0.3">
      <c r="A2521" s="13" t="s">
        <v>30</v>
      </c>
      <c r="B2521" s="14" t="s">
        <v>1</v>
      </c>
      <c r="C2521" s="14" t="s">
        <v>13</v>
      </c>
      <c r="D2521" s="14" t="s">
        <v>31</v>
      </c>
      <c r="E2521" s="15">
        <v>45707</v>
      </c>
      <c r="F2521" s="14" t="s">
        <v>15</v>
      </c>
      <c r="G2521" s="16">
        <v>2.7228495085379585</v>
      </c>
    </row>
    <row r="2522" spans="1:7" x14ac:dyDescent="0.3">
      <c r="A2522" s="13" t="s">
        <v>30</v>
      </c>
      <c r="B2522" s="14" t="s">
        <v>1</v>
      </c>
      <c r="C2522" s="14" t="s">
        <v>13</v>
      </c>
      <c r="D2522" s="14" t="s">
        <v>31</v>
      </c>
      <c r="E2522" s="15">
        <v>45708</v>
      </c>
      <c r="F2522" s="14" t="s">
        <v>15</v>
      </c>
      <c r="G2522" s="16">
        <v>2.7290189821228177</v>
      </c>
    </row>
    <row r="2523" spans="1:7" x14ac:dyDescent="0.3">
      <c r="A2523" s="13" t="s">
        <v>30</v>
      </c>
      <c r="B2523" s="14" t="s">
        <v>1</v>
      </c>
      <c r="C2523" s="14" t="s">
        <v>13</v>
      </c>
      <c r="D2523" s="14" t="s">
        <v>31</v>
      </c>
      <c r="E2523" s="15">
        <v>45709</v>
      </c>
      <c r="F2523" s="14" t="s">
        <v>15</v>
      </c>
      <c r="G2523" s="16">
        <v>2.7347784159137922</v>
      </c>
    </row>
    <row r="2524" spans="1:7" x14ac:dyDescent="0.3">
      <c r="A2524" s="13" t="s">
        <v>30</v>
      </c>
      <c r="B2524" s="14" t="s">
        <v>1</v>
      </c>
      <c r="C2524" s="14" t="s">
        <v>13</v>
      </c>
      <c r="D2524" s="14" t="s">
        <v>31</v>
      </c>
      <c r="E2524" s="15">
        <v>45710</v>
      </c>
      <c r="F2524" s="14" t="s">
        <v>15</v>
      </c>
      <c r="G2524" s="16">
        <v>2.7347784159137922</v>
      </c>
    </row>
    <row r="2525" spans="1:7" x14ac:dyDescent="0.3">
      <c r="A2525" s="13" t="s">
        <v>30</v>
      </c>
      <c r="B2525" s="14" t="s">
        <v>1</v>
      </c>
      <c r="C2525" s="14" t="s">
        <v>13</v>
      </c>
      <c r="D2525" s="14" t="s">
        <v>31</v>
      </c>
      <c r="E2525" s="15">
        <v>45711</v>
      </c>
      <c r="F2525" s="14" t="s">
        <v>15</v>
      </c>
      <c r="G2525" s="16">
        <v>2.7347784159137922</v>
      </c>
    </row>
    <row r="2526" spans="1:7" x14ac:dyDescent="0.3">
      <c r="A2526" s="13" t="s">
        <v>30</v>
      </c>
      <c r="B2526" s="14" t="s">
        <v>1</v>
      </c>
      <c r="C2526" s="14" t="s">
        <v>13</v>
      </c>
      <c r="D2526" s="14" t="s">
        <v>31</v>
      </c>
      <c r="E2526" s="15">
        <v>45712</v>
      </c>
      <c r="F2526" s="14" t="s">
        <v>15</v>
      </c>
      <c r="G2526" s="16">
        <v>2.7626647793651467</v>
      </c>
    </row>
    <row r="2527" spans="1:7" x14ac:dyDescent="0.3">
      <c r="A2527" s="13" t="s">
        <v>30</v>
      </c>
      <c r="B2527" s="14" t="s">
        <v>1</v>
      </c>
      <c r="C2527" s="14" t="s">
        <v>13</v>
      </c>
      <c r="D2527" s="14" t="s">
        <v>31</v>
      </c>
      <c r="E2527" s="15">
        <v>45713</v>
      </c>
      <c r="F2527" s="14" t="s">
        <v>15</v>
      </c>
      <c r="G2527" s="16">
        <v>2.7798251661845401</v>
      </c>
    </row>
    <row r="2528" spans="1:7" x14ac:dyDescent="0.3">
      <c r="A2528" s="13" t="s">
        <v>30</v>
      </c>
      <c r="B2528" s="14" t="s">
        <v>1</v>
      </c>
      <c r="C2528" s="14" t="s">
        <v>13</v>
      </c>
      <c r="D2528" s="14" t="s">
        <v>31</v>
      </c>
      <c r="E2528" s="15">
        <v>45714</v>
      </c>
      <c r="F2528" s="14" t="s">
        <v>15</v>
      </c>
      <c r="G2528" s="16">
        <v>2.7855391392172146</v>
      </c>
    </row>
    <row r="2529" spans="1:7" x14ac:dyDescent="0.3">
      <c r="A2529" s="13" t="s">
        <v>30</v>
      </c>
      <c r="B2529" s="14" t="s">
        <v>1</v>
      </c>
      <c r="C2529" s="14" t="s">
        <v>13</v>
      </c>
      <c r="D2529" s="14" t="s">
        <v>31</v>
      </c>
      <c r="E2529" s="15">
        <v>45715</v>
      </c>
      <c r="F2529" s="14" t="s">
        <v>15</v>
      </c>
      <c r="G2529" s="16">
        <v>2.7943651903692155</v>
      </c>
    </row>
    <row r="2530" spans="1:7" x14ac:dyDescent="0.3">
      <c r="A2530" s="13" t="s">
        <v>30</v>
      </c>
      <c r="B2530" s="14" t="s">
        <v>1</v>
      </c>
      <c r="C2530" s="14" t="s">
        <v>13</v>
      </c>
      <c r="D2530" s="14" t="s">
        <v>31</v>
      </c>
      <c r="E2530" s="15">
        <v>45716</v>
      </c>
      <c r="F2530" s="14" t="s">
        <v>15</v>
      </c>
      <c r="G2530" s="16">
        <v>2.8001106643246825</v>
      </c>
    </row>
    <row r="2531" spans="1:7" x14ac:dyDescent="0.3">
      <c r="A2531" s="13" t="s">
        <v>30</v>
      </c>
      <c r="B2531" s="14" t="s">
        <v>1</v>
      </c>
      <c r="C2531" s="14" t="s">
        <v>13</v>
      </c>
      <c r="D2531" s="14" t="s">
        <v>31</v>
      </c>
      <c r="E2531" s="15">
        <v>45717</v>
      </c>
      <c r="F2531" s="14" t="s">
        <v>15</v>
      </c>
      <c r="G2531" s="16">
        <v>2.8001106643246825</v>
      </c>
    </row>
    <row r="2532" spans="1:7" x14ac:dyDescent="0.3">
      <c r="A2532" s="13" t="s">
        <v>30</v>
      </c>
      <c r="B2532" s="14" t="s">
        <v>1</v>
      </c>
      <c r="C2532" s="14" t="s">
        <v>13</v>
      </c>
      <c r="D2532" s="14" t="s">
        <v>31</v>
      </c>
      <c r="E2532" s="15">
        <v>45718</v>
      </c>
      <c r="F2532" s="14" t="s">
        <v>15</v>
      </c>
      <c r="G2532" s="16">
        <v>2.8001106643246825</v>
      </c>
    </row>
    <row r="2533" spans="1:7" x14ac:dyDescent="0.3">
      <c r="A2533" s="13" t="s">
        <v>30</v>
      </c>
      <c r="B2533" s="14" t="s">
        <v>1</v>
      </c>
      <c r="C2533" s="14" t="s">
        <v>13</v>
      </c>
      <c r="D2533" s="14" t="s">
        <v>31</v>
      </c>
      <c r="E2533" s="15">
        <v>45719</v>
      </c>
      <c r="F2533" s="14" t="s">
        <v>15</v>
      </c>
      <c r="G2533" s="16">
        <v>2.8094921363030467</v>
      </c>
    </row>
    <row r="2534" spans="1:7" x14ac:dyDescent="0.3">
      <c r="A2534" s="13" t="s">
        <v>30</v>
      </c>
      <c r="B2534" s="14" t="s">
        <v>1</v>
      </c>
      <c r="C2534" s="14" t="s">
        <v>13</v>
      </c>
      <c r="D2534" s="14" t="s">
        <v>31</v>
      </c>
      <c r="E2534" s="15">
        <v>45720</v>
      </c>
      <c r="F2534" s="14" t="s">
        <v>15</v>
      </c>
      <c r="G2534" s="16">
        <v>2.8301771223850771</v>
      </c>
    </row>
    <row r="2535" spans="1:7" x14ac:dyDescent="0.3">
      <c r="A2535" s="13" t="s">
        <v>30</v>
      </c>
      <c r="B2535" s="14" t="s">
        <v>1</v>
      </c>
      <c r="C2535" s="14" t="s">
        <v>13</v>
      </c>
      <c r="D2535" s="14" t="s">
        <v>31</v>
      </c>
      <c r="E2535" s="15">
        <v>45721</v>
      </c>
      <c r="F2535" s="14" t="s">
        <v>15</v>
      </c>
      <c r="G2535" s="16">
        <v>2.8356391606662594</v>
      </c>
    </row>
    <row r="2536" spans="1:7" x14ac:dyDescent="0.3">
      <c r="A2536" s="13" t="s">
        <v>30</v>
      </c>
      <c r="B2536" s="14" t="s">
        <v>1</v>
      </c>
      <c r="C2536" s="14" t="s">
        <v>13</v>
      </c>
      <c r="D2536" s="14" t="s">
        <v>31</v>
      </c>
      <c r="E2536" s="15">
        <v>45722</v>
      </c>
      <c r="F2536" s="14" t="s">
        <v>15</v>
      </c>
      <c r="G2536" s="16">
        <v>2.8468490480886501</v>
      </c>
    </row>
    <row r="2537" spans="1:7" x14ac:dyDescent="0.3">
      <c r="A2537" s="13" t="s">
        <v>30</v>
      </c>
      <c r="B2537" s="14" t="s">
        <v>1</v>
      </c>
      <c r="C2537" s="14" t="s">
        <v>13</v>
      </c>
      <c r="D2537" s="14" t="s">
        <v>31</v>
      </c>
      <c r="E2537" s="15">
        <v>45723</v>
      </c>
      <c r="F2537" s="14" t="s">
        <v>15</v>
      </c>
      <c r="G2537" s="16">
        <v>2.8523107643334127</v>
      </c>
    </row>
    <row r="2538" spans="1:7" x14ac:dyDescent="0.3">
      <c r="A2538" s="13" t="s">
        <v>30</v>
      </c>
      <c r="B2538" s="14" t="s">
        <v>1</v>
      </c>
      <c r="C2538" s="14" t="s">
        <v>13</v>
      </c>
      <c r="D2538" s="14" t="s">
        <v>31</v>
      </c>
      <c r="E2538" s="15">
        <v>45724</v>
      </c>
      <c r="F2538" s="14" t="s">
        <v>15</v>
      </c>
      <c r="G2538" s="16">
        <v>2.8523107643334127</v>
      </c>
    </row>
    <row r="2539" spans="1:7" x14ac:dyDescent="0.3">
      <c r="A2539" s="13" t="s">
        <v>30</v>
      </c>
      <c r="B2539" s="14" t="s">
        <v>1</v>
      </c>
      <c r="C2539" s="14" t="s">
        <v>13</v>
      </c>
      <c r="D2539" s="14" t="s">
        <v>31</v>
      </c>
      <c r="E2539" s="15">
        <v>45725</v>
      </c>
      <c r="F2539" s="14" t="s">
        <v>15</v>
      </c>
      <c r="G2539" s="16">
        <v>2.8523107643334127</v>
      </c>
    </row>
    <row r="2540" spans="1:7" x14ac:dyDescent="0.3">
      <c r="A2540" s="13" t="s">
        <v>30</v>
      </c>
      <c r="B2540" s="14" t="s">
        <v>1</v>
      </c>
      <c r="C2540" s="14" t="s">
        <v>13</v>
      </c>
      <c r="D2540" s="14" t="s">
        <v>31</v>
      </c>
      <c r="E2540" s="15">
        <v>45726</v>
      </c>
      <c r="F2540" s="14" t="s">
        <v>15</v>
      </c>
      <c r="G2540" s="16">
        <v>2.8577186408212687</v>
      </c>
    </row>
    <row r="2541" spans="1:7" x14ac:dyDescent="0.3">
      <c r="A2541" s="13" t="s">
        <v>30</v>
      </c>
      <c r="B2541" s="14" t="s">
        <v>1</v>
      </c>
      <c r="C2541" s="14" t="s">
        <v>13</v>
      </c>
      <c r="D2541" s="14" t="s">
        <v>31</v>
      </c>
      <c r="E2541" s="15">
        <v>45727</v>
      </c>
      <c r="F2541" s="14" t="s">
        <v>15</v>
      </c>
      <c r="G2541" s="16">
        <v>2.8738462291776745</v>
      </c>
    </row>
    <row r="2542" spans="1:7" x14ac:dyDescent="0.3">
      <c r="A2542" s="13" t="s">
        <v>30</v>
      </c>
      <c r="B2542" s="14" t="s">
        <v>1</v>
      </c>
      <c r="C2542" s="14" t="s">
        <v>13</v>
      </c>
      <c r="D2542" s="14" t="s">
        <v>31</v>
      </c>
      <c r="E2542" s="15">
        <v>45728</v>
      </c>
      <c r="F2542" s="14" t="s">
        <v>15</v>
      </c>
      <c r="G2542" s="16">
        <v>2.8792789224222548</v>
      </c>
    </row>
    <row r="2543" spans="1:7" x14ac:dyDescent="0.3">
      <c r="A2543" s="13" t="s">
        <v>30</v>
      </c>
      <c r="B2543" s="14" t="s">
        <v>1</v>
      </c>
      <c r="C2543" s="14" t="s">
        <v>13</v>
      </c>
      <c r="D2543" s="14" t="s">
        <v>31</v>
      </c>
      <c r="E2543" s="15">
        <v>45729</v>
      </c>
      <c r="F2543" s="14" t="s">
        <v>15</v>
      </c>
      <c r="G2543" s="16">
        <v>2.8847403605185309</v>
      </c>
    </row>
    <row r="2544" spans="1:7" x14ac:dyDescent="0.3">
      <c r="A2544" s="13" t="s">
        <v>30</v>
      </c>
      <c r="B2544" s="14" t="s">
        <v>1</v>
      </c>
      <c r="C2544" s="14" t="s">
        <v>13</v>
      </c>
      <c r="D2544" s="14" t="s">
        <v>31</v>
      </c>
      <c r="E2544" s="15">
        <v>45730</v>
      </c>
      <c r="F2544" s="14" t="s">
        <v>15</v>
      </c>
      <c r="G2544" s="16">
        <v>2.9223462836476499</v>
      </c>
    </row>
    <row r="2545" spans="1:7" x14ac:dyDescent="0.3">
      <c r="A2545" s="13" t="s">
        <v>30</v>
      </c>
      <c r="B2545" s="14" t="s">
        <v>1</v>
      </c>
      <c r="C2545" s="14" t="s">
        <v>13</v>
      </c>
      <c r="D2545" s="14" t="s">
        <v>31</v>
      </c>
      <c r="E2545" s="15">
        <v>45731</v>
      </c>
      <c r="F2545" s="14" t="s">
        <v>15</v>
      </c>
      <c r="G2545" s="16">
        <v>2.9223462836476499</v>
      </c>
    </row>
    <row r="2546" spans="1:7" x14ac:dyDescent="0.3">
      <c r="A2546" s="13" t="s">
        <v>30</v>
      </c>
      <c r="B2546" s="14" t="s">
        <v>1</v>
      </c>
      <c r="C2546" s="14" t="s">
        <v>13</v>
      </c>
      <c r="D2546" s="14" t="s">
        <v>31</v>
      </c>
      <c r="E2546" s="15">
        <v>45732</v>
      </c>
      <c r="F2546" s="14" t="s">
        <v>15</v>
      </c>
      <c r="G2546" s="16">
        <v>2.9223462836476499</v>
      </c>
    </row>
    <row r="2547" spans="1:7" x14ac:dyDescent="0.3">
      <c r="A2547" s="13" t="s">
        <v>30</v>
      </c>
      <c r="B2547" s="14" t="s">
        <v>1</v>
      </c>
      <c r="C2547" s="14" t="s">
        <v>13</v>
      </c>
      <c r="D2547" s="14" t="s">
        <v>31</v>
      </c>
      <c r="E2547" s="15">
        <v>45733</v>
      </c>
      <c r="F2547" s="14" t="s">
        <v>15</v>
      </c>
      <c r="G2547" s="16">
        <v>2.9223462836476499</v>
      </c>
    </row>
    <row r="2548" spans="1:7" x14ac:dyDescent="0.3">
      <c r="A2548" s="13" t="s">
        <v>30</v>
      </c>
      <c r="B2548" s="14" t="s">
        <v>1</v>
      </c>
      <c r="C2548" s="14" t="s">
        <v>13</v>
      </c>
      <c r="D2548" s="14" t="s">
        <v>31</v>
      </c>
      <c r="E2548" s="15">
        <v>45734</v>
      </c>
      <c r="F2548" s="14" t="s">
        <v>15</v>
      </c>
      <c r="G2548" s="16">
        <v>2.9276796513671575</v>
      </c>
    </row>
    <row r="2549" spans="1:7" x14ac:dyDescent="0.3">
      <c r="A2549" s="13" t="s">
        <v>30</v>
      </c>
      <c r="B2549" s="14" t="s">
        <v>1</v>
      </c>
      <c r="C2549" s="14" t="s">
        <v>13</v>
      </c>
      <c r="D2549" s="14" t="s">
        <v>31</v>
      </c>
      <c r="E2549" s="15">
        <v>45735</v>
      </c>
      <c r="F2549" s="14" t="s">
        <v>15</v>
      </c>
      <c r="G2549" s="16">
        <v>2.9486859525163966</v>
      </c>
    </row>
    <row r="2550" spans="1:7" x14ac:dyDescent="0.3">
      <c r="A2550" s="13" t="s">
        <v>30</v>
      </c>
      <c r="B2550" s="14" t="s">
        <v>1</v>
      </c>
      <c r="C2550" s="14" t="s">
        <v>13</v>
      </c>
      <c r="D2550" s="14" t="s">
        <v>31</v>
      </c>
      <c r="E2550" s="15">
        <v>45736</v>
      </c>
      <c r="F2550" s="14" t="s">
        <v>15</v>
      </c>
      <c r="G2550" s="16">
        <v>2.9539876348158174</v>
      </c>
    </row>
    <row r="2551" spans="1:7" x14ac:dyDescent="0.3">
      <c r="A2551" s="13" t="s">
        <v>30</v>
      </c>
      <c r="B2551" s="14" t="s">
        <v>1</v>
      </c>
      <c r="C2551" s="14" t="s">
        <v>13</v>
      </c>
      <c r="D2551" s="14" t="s">
        <v>31</v>
      </c>
      <c r="E2551" s="15">
        <v>45737</v>
      </c>
      <c r="F2551" s="14" t="s">
        <v>15</v>
      </c>
      <c r="G2551" s="16">
        <v>2.9603669443957203</v>
      </c>
    </row>
    <row r="2552" spans="1:7" x14ac:dyDescent="0.3">
      <c r="A2552" s="13" t="s">
        <v>30</v>
      </c>
      <c r="B2552" s="14" t="s">
        <v>1</v>
      </c>
      <c r="C2552" s="14" t="s">
        <v>13</v>
      </c>
      <c r="D2552" s="14" t="s">
        <v>31</v>
      </c>
      <c r="E2552" s="15">
        <v>45738</v>
      </c>
      <c r="F2552" s="14" t="s">
        <v>15</v>
      </c>
      <c r="G2552" s="16">
        <v>2.9603669443957203</v>
      </c>
    </row>
    <row r="2553" spans="1:7" x14ac:dyDescent="0.3">
      <c r="A2553" s="13" t="s">
        <v>30</v>
      </c>
      <c r="B2553" s="14" t="s">
        <v>1</v>
      </c>
      <c r="C2553" s="14" t="s">
        <v>13</v>
      </c>
      <c r="D2553" s="14" t="s">
        <v>31</v>
      </c>
      <c r="E2553" s="15">
        <v>45739</v>
      </c>
      <c r="F2553" s="14" t="s">
        <v>15</v>
      </c>
      <c r="G2553" s="16">
        <v>2.9603669443957203</v>
      </c>
    </row>
    <row r="2554" spans="1:7" x14ac:dyDescent="0.3">
      <c r="A2554" s="13" t="s">
        <v>30</v>
      </c>
      <c r="B2554" s="14" t="s">
        <v>1</v>
      </c>
      <c r="C2554" s="14" t="s">
        <v>13</v>
      </c>
      <c r="D2554" s="14" t="s">
        <v>31</v>
      </c>
      <c r="E2554" s="15">
        <v>45740</v>
      </c>
      <c r="F2554" s="14" t="s">
        <v>15</v>
      </c>
      <c r="G2554" s="16">
        <v>2.9645626467037447</v>
      </c>
    </row>
    <row r="2555" spans="1:7" x14ac:dyDescent="0.3">
      <c r="A2555" s="13" t="s">
        <v>30</v>
      </c>
      <c r="B2555" s="14" t="s">
        <v>1</v>
      </c>
      <c r="C2555" s="14" t="s">
        <v>13</v>
      </c>
      <c r="D2555" s="14" t="s">
        <v>31</v>
      </c>
      <c r="E2555" s="15">
        <v>45741</v>
      </c>
      <c r="F2555" s="14" t="s">
        <v>15</v>
      </c>
      <c r="G2555" s="16">
        <v>3.0124559270433942</v>
      </c>
    </row>
    <row r="2556" spans="1:7" x14ac:dyDescent="0.3">
      <c r="A2556" s="13" t="s">
        <v>30</v>
      </c>
      <c r="B2556" s="14" t="s">
        <v>1</v>
      </c>
      <c r="C2556" s="14" t="s">
        <v>13</v>
      </c>
      <c r="D2556" s="14" t="s">
        <v>31</v>
      </c>
      <c r="E2556" s="15">
        <v>45742</v>
      </c>
      <c r="F2556" s="14" t="s">
        <v>15</v>
      </c>
      <c r="G2556" s="16">
        <v>3.0171989618503225</v>
      </c>
    </row>
    <row r="2557" spans="1:7" x14ac:dyDescent="0.3">
      <c r="A2557" s="13" t="s">
        <v>30</v>
      </c>
      <c r="B2557" s="14" t="s">
        <v>1</v>
      </c>
      <c r="C2557" s="14" t="s">
        <v>13</v>
      </c>
      <c r="D2557" s="14" t="s">
        <v>31</v>
      </c>
      <c r="E2557" s="15">
        <v>45743</v>
      </c>
      <c r="F2557" s="14" t="s">
        <v>15</v>
      </c>
      <c r="G2557" s="16">
        <v>3.0227225859713118</v>
      </c>
    </row>
    <row r="2558" spans="1:7" x14ac:dyDescent="0.3">
      <c r="A2558" s="13" t="s">
        <v>30</v>
      </c>
      <c r="B2558" s="14" t="s">
        <v>1</v>
      </c>
      <c r="C2558" s="14" t="s">
        <v>13</v>
      </c>
      <c r="D2558" s="14" t="s">
        <v>31</v>
      </c>
      <c r="E2558" s="15">
        <v>45744</v>
      </c>
      <c r="F2558" s="14" t="s">
        <v>15</v>
      </c>
      <c r="G2558" s="16">
        <v>3.0280024549856952</v>
      </c>
    </row>
    <row r="2559" spans="1:7" x14ac:dyDescent="0.3">
      <c r="A2559" s="13" t="s">
        <v>30</v>
      </c>
      <c r="B2559" s="14" t="s">
        <v>1</v>
      </c>
      <c r="C2559" s="14" t="s">
        <v>13</v>
      </c>
      <c r="D2559" s="14" t="s">
        <v>31</v>
      </c>
      <c r="E2559" s="15">
        <v>45745</v>
      </c>
      <c r="F2559" s="14" t="s">
        <v>15</v>
      </c>
      <c r="G2559" s="16">
        <v>3.0280024549856952</v>
      </c>
    </row>
    <row r="2560" spans="1:7" x14ac:dyDescent="0.3">
      <c r="A2560" s="13" t="s">
        <v>30</v>
      </c>
      <c r="B2560" s="14" t="s">
        <v>1</v>
      </c>
      <c r="C2560" s="14" t="s">
        <v>13</v>
      </c>
      <c r="D2560" s="14" t="s">
        <v>31</v>
      </c>
      <c r="E2560" s="15">
        <v>45746</v>
      </c>
      <c r="F2560" s="14" t="s">
        <v>15</v>
      </c>
      <c r="G2560" s="16">
        <v>3.0280024549856952</v>
      </c>
    </row>
    <row r="2561" spans="1:7" x14ac:dyDescent="0.3">
      <c r="A2561" s="13" t="s">
        <v>30</v>
      </c>
      <c r="B2561" s="14" t="s">
        <v>1</v>
      </c>
      <c r="C2561" s="14" t="s">
        <v>13</v>
      </c>
      <c r="D2561" s="14" t="s">
        <v>31</v>
      </c>
      <c r="E2561" s="15">
        <v>45747</v>
      </c>
      <c r="F2561" s="14" t="s">
        <v>15</v>
      </c>
      <c r="G2561" s="16">
        <v>3.0332859482263874</v>
      </c>
    </row>
    <row r="2562" spans="1:7" x14ac:dyDescent="0.3">
      <c r="A2562" s="13" t="s">
        <v>32</v>
      </c>
      <c r="B2562" s="14" t="s">
        <v>1</v>
      </c>
      <c r="C2562" s="14" t="s">
        <v>23</v>
      </c>
      <c r="D2562" s="14" t="s">
        <v>33</v>
      </c>
      <c r="E2562" s="15">
        <v>45383</v>
      </c>
      <c r="F2562" s="14" t="s">
        <v>15</v>
      </c>
      <c r="G2562" s="16">
        <v>0</v>
      </c>
    </row>
    <row r="2563" spans="1:7" x14ac:dyDescent="0.3">
      <c r="A2563" s="13" t="s">
        <v>32</v>
      </c>
      <c r="B2563" s="14" t="s">
        <v>1</v>
      </c>
      <c r="C2563" s="14" t="s">
        <v>23</v>
      </c>
      <c r="D2563" s="14" t="s">
        <v>33</v>
      </c>
      <c r="E2563" s="15">
        <v>45384</v>
      </c>
      <c r="F2563" s="14" t="s">
        <v>15</v>
      </c>
      <c r="G2563" s="16">
        <v>0</v>
      </c>
    </row>
    <row r="2564" spans="1:7" x14ac:dyDescent="0.3">
      <c r="A2564" s="13" t="s">
        <v>32</v>
      </c>
      <c r="B2564" s="14" t="s">
        <v>1</v>
      </c>
      <c r="C2564" s="14" t="s">
        <v>23</v>
      </c>
      <c r="D2564" s="14" t="s">
        <v>33</v>
      </c>
      <c r="E2564" s="15">
        <v>45385</v>
      </c>
      <c r="F2564" s="14" t="s">
        <v>15</v>
      </c>
      <c r="G2564" s="16">
        <v>7.6077921467867127E-2</v>
      </c>
    </row>
    <row r="2565" spans="1:7" x14ac:dyDescent="0.3">
      <c r="A2565" s="13" t="s">
        <v>32</v>
      </c>
      <c r="B2565" s="14" t="s">
        <v>1</v>
      </c>
      <c r="C2565" s="14" t="s">
        <v>23</v>
      </c>
      <c r="D2565" s="14" t="s">
        <v>33</v>
      </c>
      <c r="E2565" s="15">
        <v>45386</v>
      </c>
      <c r="F2565" s="14" t="s">
        <v>15</v>
      </c>
      <c r="G2565" s="16">
        <v>9.5155842935734244E-2</v>
      </c>
    </row>
    <row r="2566" spans="1:7" x14ac:dyDescent="0.3">
      <c r="A2566" s="13" t="s">
        <v>32</v>
      </c>
      <c r="B2566" s="14" t="s">
        <v>1</v>
      </c>
      <c r="C2566" s="14" t="s">
        <v>23</v>
      </c>
      <c r="D2566" s="14" t="s">
        <v>33</v>
      </c>
      <c r="E2566" s="15">
        <v>45387</v>
      </c>
      <c r="F2566" s="14" t="s">
        <v>15</v>
      </c>
      <c r="G2566" s="16">
        <v>0.12423376440360137</v>
      </c>
    </row>
    <row r="2567" spans="1:7" x14ac:dyDescent="0.3">
      <c r="A2567" s="13" t="s">
        <v>32</v>
      </c>
      <c r="B2567" s="14" t="s">
        <v>1</v>
      </c>
      <c r="C2567" s="14" t="s">
        <v>23</v>
      </c>
      <c r="D2567" s="14" t="s">
        <v>33</v>
      </c>
      <c r="E2567" s="15">
        <v>45388</v>
      </c>
      <c r="F2567" s="14" t="s">
        <v>15</v>
      </c>
      <c r="G2567" s="16">
        <v>0.12423376440360137</v>
      </c>
    </row>
    <row r="2568" spans="1:7" x14ac:dyDescent="0.3">
      <c r="A2568" s="13" t="s">
        <v>32</v>
      </c>
      <c r="B2568" s="14" t="s">
        <v>1</v>
      </c>
      <c r="C2568" s="14" t="s">
        <v>23</v>
      </c>
      <c r="D2568" s="14" t="s">
        <v>33</v>
      </c>
      <c r="E2568" s="15">
        <v>45389</v>
      </c>
      <c r="F2568" s="14" t="s">
        <v>15</v>
      </c>
      <c r="G2568" s="16">
        <v>0.12423376440360137</v>
      </c>
    </row>
    <row r="2569" spans="1:7" x14ac:dyDescent="0.3">
      <c r="A2569" s="13" t="s">
        <v>32</v>
      </c>
      <c r="B2569" s="14" t="s">
        <v>1</v>
      </c>
      <c r="C2569" s="14" t="s">
        <v>23</v>
      </c>
      <c r="D2569" s="14" t="s">
        <v>33</v>
      </c>
      <c r="E2569" s="15">
        <v>45390</v>
      </c>
      <c r="F2569" s="14" t="s">
        <v>15</v>
      </c>
      <c r="G2569" s="16">
        <v>0.1403116858714685</v>
      </c>
    </row>
    <row r="2570" spans="1:7" x14ac:dyDescent="0.3">
      <c r="A2570" s="13" t="s">
        <v>32</v>
      </c>
      <c r="B2570" s="14" t="s">
        <v>1</v>
      </c>
      <c r="C2570" s="14" t="s">
        <v>23</v>
      </c>
      <c r="D2570" s="14" t="s">
        <v>33</v>
      </c>
      <c r="E2570" s="15">
        <v>45391</v>
      </c>
      <c r="F2570" s="14" t="s">
        <v>15</v>
      </c>
      <c r="G2570" s="16">
        <v>0.18838960733933563</v>
      </c>
    </row>
    <row r="2571" spans="1:7" x14ac:dyDescent="0.3">
      <c r="A2571" s="13" t="s">
        <v>32</v>
      </c>
      <c r="B2571" s="14" t="s">
        <v>1</v>
      </c>
      <c r="C2571" s="14" t="s">
        <v>23</v>
      </c>
      <c r="D2571" s="14" t="s">
        <v>33</v>
      </c>
      <c r="E2571" s="15">
        <v>45392</v>
      </c>
      <c r="F2571" s="14" t="s">
        <v>15</v>
      </c>
      <c r="G2571" s="16">
        <v>0.20746752880720276</v>
      </c>
    </row>
    <row r="2572" spans="1:7" x14ac:dyDescent="0.3">
      <c r="A2572" s="13" t="s">
        <v>32</v>
      </c>
      <c r="B2572" s="14" t="s">
        <v>1</v>
      </c>
      <c r="C2572" s="14" t="s">
        <v>23</v>
      </c>
      <c r="D2572" s="14" t="s">
        <v>33</v>
      </c>
      <c r="E2572" s="15">
        <v>45393</v>
      </c>
      <c r="F2572" s="14" t="s">
        <v>15</v>
      </c>
      <c r="G2572" s="16">
        <v>0.22554545027506986</v>
      </c>
    </row>
    <row r="2573" spans="1:7" x14ac:dyDescent="0.3">
      <c r="A2573" s="13" t="s">
        <v>32</v>
      </c>
      <c r="B2573" s="14" t="s">
        <v>1</v>
      </c>
      <c r="C2573" s="14" t="s">
        <v>23</v>
      </c>
      <c r="D2573" s="14" t="s">
        <v>33</v>
      </c>
      <c r="E2573" s="15">
        <v>45394</v>
      </c>
      <c r="F2573" s="14" t="s">
        <v>15</v>
      </c>
      <c r="G2573" s="16">
        <v>0.24262337174293699</v>
      </c>
    </row>
    <row r="2574" spans="1:7" x14ac:dyDescent="0.3">
      <c r="A2574" s="13" t="s">
        <v>32</v>
      </c>
      <c r="B2574" s="14" t="s">
        <v>1</v>
      </c>
      <c r="C2574" s="14" t="s">
        <v>23</v>
      </c>
      <c r="D2574" s="14" t="s">
        <v>33</v>
      </c>
      <c r="E2574" s="15">
        <v>45395</v>
      </c>
      <c r="F2574" s="14" t="s">
        <v>15</v>
      </c>
      <c r="G2574" s="16">
        <v>0.24262337174293699</v>
      </c>
    </row>
    <row r="2575" spans="1:7" x14ac:dyDescent="0.3">
      <c r="A2575" s="13" t="s">
        <v>32</v>
      </c>
      <c r="B2575" s="14" t="s">
        <v>1</v>
      </c>
      <c r="C2575" s="14" t="s">
        <v>23</v>
      </c>
      <c r="D2575" s="14" t="s">
        <v>33</v>
      </c>
      <c r="E2575" s="15">
        <v>45396</v>
      </c>
      <c r="F2575" s="14" t="s">
        <v>15</v>
      </c>
      <c r="G2575" s="16">
        <v>0.24262337174293699</v>
      </c>
    </row>
    <row r="2576" spans="1:7" x14ac:dyDescent="0.3">
      <c r="A2576" s="13" t="s">
        <v>32</v>
      </c>
      <c r="B2576" s="14" t="s">
        <v>1</v>
      </c>
      <c r="C2576" s="14" t="s">
        <v>23</v>
      </c>
      <c r="D2576" s="14" t="s">
        <v>33</v>
      </c>
      <c r="E2576" s="15">
        <v>45397</v>
      </c>
      <c r="F2576" s="14" t="s">
        <v>15</v>
      </c>
      <c r="G2576" s="16">
        <v>0.2607012932108041</v>
      </c>
    </row>
    <row r="2577" spans="1:7" x14ac:dyDescent="0.3">
      <c r="A2577" s="13" t="s">
        <v>32</v>
      </c>
      <c r="B2577" s="14" t="s">
        <v>1</v>
      </c>
      <c r="C2577" s="14" t="s">
        <v>23</v>
      </c>
      <c r="D2577" s="14" t="s">
        <v>33</v>
      </c>
      <c r="E2577" s="15">
        <v>45398</v>
      </c>
      <c r="F2577" s="14" t="s">
        <v>15</v>
      </c>
      <c r="G2577" s="16">
        <v>0.30877921467867125</v>
      </c>
    </row>
    <row r="2578" spans="1:7" x14ac:dyDescent="0.3">
      <c r="A2578" s="13" t="s">
        <v>32</v>
      </c>
      <c r="B2578" s="14" t="s">
        <v>1</v>
      </c>
      <c r="C2578" s="14" t="s">
        <v>23</v>
      </c>
      <c r="D2578" s="14" t="s">
        <v>33</v>
      </c>
      <c r="E2578" s="15">
        <v>45399</v>
      </c>
      <c r="F2578" s="14" t="s">
        <v>15</v>
      </c>
      <c r="G2578" s="16">
        <v>0.32585713614653838</v>
      </c>
    </row>
    <row r="2579" spans="1:7" x14ac:dyDescent="0.3">
      <c r="A2579" s="13" t="s">
        <v>32</v>
      </c>
      <c r="B2579" s="14" t="s">
        <v>1</v>
      </c>
      <c r="C2579" s="14" t="s">
        <v>23</v>
      </c>
      <c r="D2579" s="14" t="s">
        <v>33</v>
      </c>
      <c r="E2579" s="15">
        <v>45400</v>
      </c>
      <c r="F2579" s="14" t="s">
        <v>15</v>
      </c>
      <c r="G2579" s="16">
        <v>0.34293505761440551</v>
      </c>
    </row>
    <row r="2580" spans="1:7" x14ac:dyDescent="0.3">
      <c r="A2580" s="13" t="s">
        <v>32</v>
      </c>
      <c r="B2580" s="14" t="s">
        <v>1</v>
      </c>
      <c r="C2580" s="14" t="s">
        <v>23</v>
      </c>
      <c r="D2580" s="14" t="s">
        <v>33</v>
      </c>
      <c r="E2580" s="15">
        <v>45401</v>
      </c>
      <c r="F2580" s="14" t="s">
        <v>15</v>
      </c>
      <c r="G2580" s="16">
        <v>0.36001297908227264</v>
      </c>
    </row>
    <row r="2581" spans="1:7" x14ac:dyDescent="0.3">
      <c r="A2581" s="13" t="s">
        <v>32</v>
      </c>
      <c r="B2581" s="14" t="s">
        <v>1</v>
      </c>
      <c r="C2581" s="14" t="s">
        <v>23</v>
      </c>
      <c r="D2581" s="14" t="s">
        <v>33</v>
      </c>
      <c r="E2581" s="15">
        <v>45402</v>
      </c>
      <c r="F2581" s="14" t="s">
        <v>15</v>
      </c>
      <c r="G2581" s="16">
        <v>0.36001297908227264</v>
      </c>
    </row>
    <row r="2582" spans="1:7" x14ac:dyDescent="0.3">
      <c r="A2582" s="13" t="s">
        <v>32</v>
      </c>
      <c r="B2582" s="14" t="s">
        <v>1</v>
      </c>
      <c r="C2582" s="14" t="s">
        <v>23</v>
      </c>
      <c r="D2582" s="14" t="s">
        <v>33</v>
      </c>
      <c r="E2582" s="15">
        <v>45403</v>
      </c>
      <c r="F2582" s="14" t="s">
        <v>15</v>
      </c>
      <c r="G2582" s="16">
        <v>0.36001297908227264</v>
      </c>
    </row>
    <row r="2583" spans="1:7" x14ac:dyDescent="0.3">
      <c r="A2583" s="13" t="s">
        <v>32</v>
      </c>
      <c r="B2583" s="14" t="s">
        <v>1</v>
      </c>
      <c r="C2583" s="14" t="s">
        <v>23</v>
      </c>
      <c r="D2583" s="14" t="s">
        <v>33</v>
      </c>
      <c r="E2583" s="15">
        <v>45404</v>
      </c>
      <c r="F2583" s="14" t="s">
        <v>15</v>
      </c>
      <c r="G2583" s="16">
        <v>0.38409090055013972</v>
      </c>
    </row>
    <row r="2584" spans="1:7" x14ac:dyDescent="0.3">
      <c r="A2584" s="13" t="s">
        <v>32</v>
      </c>
      <c r="B2584" s="14" t="s">
        <v>1</v>
      </c>
      <c r="C2584" s="14" t="s">
        <v>23</v>
      </c>
      <c r="D2584" s="14" t="s">
        <v>33</v>
      </c>
      <c r="E2584" s="15">
        <v>45405</v>
      </c>
      <c r="F2584" s="14" t="s">
        <v>15</v>
      </c>
      <c r="G2584" s="16">
        <v>0.42516882201800688</v>
      </c>
    </row>
    <row r="2585" spans="1:7" x14ac:dyDescent="0.3">
      <c r="A2585" s="13" t="s">
        <v>32</v>
      </c>
      <c r="B2585" s="14" t="s">
        <v>1</v>
      </c>
      <c r="C2585" s="14" t="s">
        <v>23</v>
      </c>
      <c r="D2585" s="14" t="s">
        <v>33</v>
      </c>
      <c r="E2585" s="15">
        <v>45406</v>
      </c>
      <c r="F2585" s="14" t="s">
        <v>15</v>
      </c>
      <c r="G2585" s="16">
        <v>0.43824674348587395</v>
      </c>
    </row>
    <row r="2586" spans="1:7" x14ac:dyDescent="0.3">
      <c r="A2586" s="13" t="s">
        <v>32</v>
      </c>
      <c r="B2586" s="14" t="s">
        <v>1</v>
      </c>
      <c r="C2586" s="14" t="s">
        <v>23</v>
      </c>
      <c r="D2586" s="14" t="s">
        <v>33</v>
      </c>
      <c r="E2586" s="15">
        <v>45407</v>
      </c>
      <c r="F2586" s="14" t="s">
        <v>15</v>
      </c>
      <c r="G2586" s="16">
        <v>0.40632466495374109</v>
      </c>
    </row>
    <row r="2587" spans="1:7" x14ac:dyDescent="0.3">
      <c r="A2587" s="13" t="s">
        <v>32</v>
      </c>
      <c r="B2587" s="14" t="s">
        <v>1</v>
      </c>
      <c r="C2587" s="14" t="s">
        <v>23</v>
      </c>
      <c r="D2587" s="14" t="s">
        <v>33</v>
      </c>
      <c r="E2587" s="15">
        <v>45408</v>
      </c>
      <c r="F2587" s="14" t="s">
        <v>15</v>
      </c>
      <c r="G2587" s="16">
        <v>0.42140258642160822</v>
      </c>
    </row>
    <row r="2588" spans="1:7" x14ac:dyDescent="0.3">
      <c r="A2588" s="13" t="s">
        <v>32</v>
      </c>
      <c r="B2588" s="14" t="s">
        <v>1</v>
      </c>
      <c r="C2588" s="14" t="s">
        <v>23</v>
      </c>
      <c r="D2588" s="14" t="s">
        <v>33</v>
      </c>
      <c r="E2588" s="15">
        <v>45409</v>
      </c>
      <c r="F2588" s="14" t="s">
        <v>15</v>
      </c>
      <c r="G2588" s="16">
        <v>0.42140258642160822</v>
      </c>
    </row>
    <row r="2589" spans="1:7" x14ac:dyDescent="0.3">
      <c r="A2589" s="13" t="s">
        <v>32</v>
      </c>
      <c r="B2589" s="14" t="s">
        <v>1</v>
      </c>
      <c r="C2589" s="14" t="s">
        <v>23</v>
      </c>
      <c r="D2589" s="14" t="s">
        <v>33</v>
      </c>
      <c r="E2589" s="15">
        <v>45410</v>
      </c>
      <c r="F2589" s="14" t="s">
        <v>15</v>
      </c>
      <c r="G2589" s="16">
        <v>0.42140258642160822</v>
      </c>
    </row>
    <row r="2590" spans="1:7" x14ac:dyDescent="0.3">
      <c r="A2590" s="13" t="s">
        <v>32</v>
      </c>
      <c r="B2590" s="14" t="s">
        <v>1</v>
      </c>
      <c r="C2590" s="14" t="s">
        <v>23</v>
      </c>
      <c r="D2590" s="14" t="s">
        <v>33</v>
      </c>
      <c r="E2590" s="15">
        <v>45411</v>
      </c>
      <c r="F2590" s="14" t="s">
        <v>15</v>
      </c>
      <c r="G2590" s="16">
        <v>0.43748050788947535</v>
      </c>
    </row>
    <row r="2591" spans="1:7" x14ac:dyDescent="0.3">
      <c r="A2591" s="13" t="s">
        <v>32</v>
      </c>
      <c r="B2591" s="14" t="s">
        <v>1</v>
      </c>
      <c r="C2591" s="14" t="s">
        <v>23</v>
      </c>
      <c r="D2591" s="14" t="s">
        <v>33</v>
      </c>
      <c r="E2591" s="15">
        <v>45412</v>
      </c>
      <c r="F2591" s="14" t="s">
        <v>15</v>
      </c>
      <c r="G2591" s="16">
        <v>0.48655842935734245</v>
      </c>
    </row>
    <row r="2592" spans="1:7" x14ac:dyDescent="0.3">
      <c r="A2592" s="13" t="s">
        <v>32</v>
      </c>
      <c r="B2592" s="14" t="s">
        <v>1</v>
      </c>
      <c r="C2592" s="14" t="s">
        <v>23</v>
      </c>
      <c r="D2592" s="14" t="s">
        <v>33</v>
      </c>
      <c r="E2592" s="15">
        <v>45413</v>
      </c>
      <c r="F2592" s="14" t="s">
        <v>15</v>
      </c>
      <c r="G2592" s="16">
        <v>0.50263635082520952</v>
      </c>
    </row>
    <row r="2593" spans="1:7" x14ac:dyDescent="0.3">
      <c r="A2593" s="13" t="s">
        <v>32</v>
      </c>
      <c r="B2593" s="14" t="s">
        <v>1</v>
      </c>
      <c r="C2593" s="14" t="s">
        <v>23</v>
      </c>
      <c r="D2593" s="14" t="s">
        <v>33</v>
      </c>
      <c r="E2593" s="15">
        <v>45414</v>
      </c>
      <c r="F2593" s="14" t="s">
        <v>15</v>
      </c>
      <c r="G2593" s="16">
        <v>0.51971427229307665</v>
      </c>
    </row>
    <row r="2594" spans="1:7" x14ac:dyDescent="0.3">
      <c r="A2594" s="13" t="s">
        <v>32</v>
      </c>
      <c r="B2594" s="14" t="s">
        <v>1</v>
      </c>
      <c r="C2594" s="14" t="s">
        <v>23</v>
      </c>
      <c r="D2594" s="14" t="s">
        <v>33</v>
      </c>
      <c r="E2594" s="15">
        <v>45415</v>
      </c>
      <c r="F2594" s="14" t="s">
        <v>15</v>
      </c>
      <c r="G2594" s="16">
        <v>0.53579219376094378</v>
      </c>
    </row>
    <row r="2595" spans="1:7" x14ac:dyDescent="0.3">
      <c r="A2595" s="13" t="s">
        <v>32</v>
      </c>
      <c r="B2595" s="14" t="s">
        <v>1</v>
      </c>
      <c r="C2595" s="14" t="s">
        <v>23</v>
      </c>
      <c r="D2595" s="14" t="s">
        <v>33</v>
      </c>
      <c r="E2595" s="15">
        <v>45416</v>
      </c>
      <c r="F2595" s="14" t="s">
        <v>15</v>
      </c>
      <c r="G2595" s="16">
        <v>0.53579219376094378</v>
      </c>
    </row>
    <row r="2596" spans="1:7" x14ac:dyDescent="0.3">
      <c r="A2596" s="13" t="s">
        <v>32</v>
      </c>
      <c r="B2596" s="14" t="s">
        <v>1</v>
      </c>
      <c r="C2596" s="14" t="s">
        <v>23</v>
      </c>
      <c r="D2596" s="14" t="s">
        <v>33</v>
      </c>
      <c r="E2596" s="15">
        <v>45417</v>
      </c>
      <c r="F2596" s="14" t="s">
        <v>15</v>
      </c>
      <c r="G2596" s="16">
        <v>0.53579219376094378</v>
      </c>
    </row>
    <row r="2597" spans="1:7" x14ac:dyDescent="0.3">
      <c r="A2597" s="13" t="s">
        <v>32</v>
      </c>
      <c r="B2597" s="14" t="s">
        <v>1</v>
      </c>
      <c r="C2597" s="14" t="s">
        <v>23</v>
      </c>
      <c r="D2597" s="14" t="s">
        <v>33</v>
      </c>
      <c r="E2597" s="15">
        <v>45418</v>
      </c>
      <c r="F2597" s="14" t="s">
        <v>15</v>
      </c>
      <c r="G2597" s="16">
        <v>0.53579219376094378</v>
      </c>
    </row>
    <row r="2598" spans="1:7" x14ac:dyDescent="0.3">
      <c r="A2598" s="13" t="s">
        <v>32</v>
      </c>
      <c r="B2598" s="14" t="s">
        <v>1</v>
      </c>
      <c r="C2598" s="14" t="s">
        <v>23</v>
      </c>
      <c r="D2598" s="14" t="s">
        <v>33</v>
      </c>
      <c r="E2598" s="15">
        <v>45419</v>
      </c>
      <c r="F2598" s="14" t="s">
        <v>15</v>
      </c>
      <c r="G2598" s="16">
        <v>0.5518701152288108</v>
      </c>
    </row>
    <row r="2599" spans="1:7" x14ac:dyDescent="0.3">
      <c r="A2599" s="13" t="s">
        <v>32</v>
      </c>
      <c r="B2599" s="14" t="s">
        <v>1</v>
      </c>
      <c r="C2599" s="14" t="s">
        <v>23</v>
      </c>
      <c r="D2599" s="14" t="s">
        <v>33</v>
      </c>
      <c r="E2599" s="15">
        <v>45420</v>
      </c>
      <c r="F2599" s="14" t="s">
        <v>15</v>
      </c>
      <c r="G2599" s="16">
        <v>0.62994803669667798</v>
      </c>
    </row>
    <row r="2600" spans="1:7" x14ac:dyDescent="0.3">
      <c r="A2600" s="13" t="s">
        <v>32</v>
      </c>
      <c r="B2600" s="14" t="s">
        <v>1</v>
      </c>
      <c r="C2600" s="14" t="s">
        <v>23</v>
      </c>
      <c r="D2600" s="14" t="s">
        <v>33</v>
      </c>
      <c r="E2600" s="15">
        <v>45421</v>
      </c>
      <c r="F2600" s="14" t="s">
        <v>15</v>
      </c>
      <c r="G2600" s="16">
        <v>0.64602595816454511</v>
      </c>
    </row>
    <row r="2601" spans="1:7" x14ac:dyDescent="0.3">
      <c r="A2601" s="13" t="s">
        <v>32</v>
      </c>
      <c r="B2601" s="14" t="s">
        <v>1</v>
      </c>
      <c r="C2601" s="14" t="s">
        <v>23</v>
      </c>
      <c r="D2601" s="14" t="s">
        <v>33</v>
      </c>
      <c r="E2601" s="15">
        <v>45422</v>
      </c>
      <c r="F2601" s="14" t="s">
        <v>15</v>
      </c>
      <c r="G2601" s="16">
        <v>0.66210387963241213</v>
      </c>
    </row>
    <row r="2602" spans="1:7" x14ac:dyDescent="0.3">
      <c r="A2602" s="13" t="s">
        <v>32</v>
      </c>
      <c r="B2602" s="14" t="s">
        <v>1</v>
      </c>
      <c r="C2602" s="14" t="s">
        <v>23</v>
      </c>
      <c r="D2602" s="14" t="s">
        <v>33</v>
      </c>
      <c r="E2602" s="15">
        <v>45423</v>
      </c>
      <c r="F2602" s="14" t="s">
        <v>15</v>
      </c>
      <c r="G2602" s="16">
        <v>0.66210387963241213</v>
      </c>
    </row>
    <row r="2603" spans="1:7" x14ac:dyDescent="0.3">
      <c r="A2603" s="13" t="s">
        <v>32</v>
      </c>
      <c r="B2603" s="14" t="s">
        <v>1</v>
      </c>
      <c r="C2603" s="14" t="s">
        <v>23</v>
      </c>
      <c r="D2603" s="14" t="s">
        <v>33</v>
      </c>
      <c r="E2603" s="15">
        <v>45424</v>
      </c>
      <c r="F2603" s="14" t="s">
        <v>15</v>
      </c>
      <c r="G2603" s="16">
        <v>0.66210387963241213</v>
      </c>
    </row>
    <row r="2604" spans="1:7" x14ac:dyDescent="0.3">
      <c r="A2604" s="13" t="s">
        <v>32</v>
      </c>
      <c r="B2604" s="14" t="s">
        <v>1</v>
      </c>
      <c r="C2604" s="14" t="s">
        <v>23</v>
      </c>
      <c r="D2604" s="14" t="s">
        <v>33</v>
      </c>
      <c r="E2604" s="15">
        <v>45425</v>
      </c>
      <c r="F2604" s="14" t="s">
        <v>15</v>
      </c>
      <c r="G2604" s="16">
        <v>0.67918180110027926</v>
      </c>
    </row>
    <row r="2605" spans="1:7" x14ac:dyDescent="0.3">
      <c r="A2605" s="13" t="s">
        <v>32</v>
      </c>
      <c r="B2605" s="14" t="s">
        <v>1</v>
      </c>
      <c r="C2605" s="14" t="s">
        <v>23</v>
      </c>
      <c r="D2605" s="14" t="s">
        <v>33</v>
      </c>
      <c r="E2605" s="15">
        <v>45426</v>
      </c>
      <c r="F2605" s="14" t="s">
        <v>15</v>
      </c>
      <c r="G2605" s="16">
        <v>0.73025972256814642</v>
      </c>
    </row>
    <row r="2606" spans="1:7" x14ac:dyDescent="0.3">
      <c r="A2606" s="13" t="s">
        <v>32</v>
      </c>
      <c r="B2606" s="14" t="s">
        <v>1</v>
      </c>
      <c r="C2606" s="14" t="s">
        <v>23</v>
      </c>
      <c r="D2606" s="14" t="s">
        <v>33</v>
      </c>
      <c r="E2606" s="15">
        <v>45427</v>
      </c>
      <c r="F2606" s="14" t="s">
        <v>15</v>
      </c>
      <c r="G2606" s="16">
        <v>0.74633764403601355</v>
      </c>
    </row>
    <row r="2607" spans="1:7" x14ac:dyDescent="0.3">
      <c r="A2607" s="13" t="s">
        <v>32</v>
      </c>
      <c r="B2607" s="14" t="s">
        <v>1</v>
      </c>
      <c r="C2607" s="14" t="s">
        <v>23</v>
      </c>
      <c r="D2607" s="14" t="s">
        <v>33</v>
      </c>
      <c r="E2607" s="15">
        <v>45428</v>
      </c>
      <c r="F2607" s="14" t="s">
        <v>15</v>
      </c>
      <c r="G2607" s="16">
        <v>0.76241556550388068</v>
      </c>
    </row>
    <row r="2608" spans="1:7" x14ac:dyDescent="0.3">
      <c r="A2608" s="13" t="s">
        <v>32</v>
      </c>
      <c r="B2608" s="14" t="s">
        <v>1</v>
      </c>
      <c r="C2608" s="14" t="s">
        <v>23</v>
      </c>
      <c r="D2608" s="14" t="s">
        <v>33</v>
      </c>
      <c r="E2608" s="15">
        <v>45429</v>
      </c>
      <c r="F2608" s="14" t="s">
        <v>15</v>
      </c>
      <c r="G2608" s="16">
        <v>0.77849348697174769</v>
      </c>
    </row>
    <row r="2609" spans="1:7" x14ac:dyDescent="0.3">
      <c r="A2609" s="13" t="s">
        <v>32</v>
      </c>
      <c r="B2609" s="14" t="s">
        <v>1</v>
      </c>
      <c r="C2609" s="14" t="s">
        <v>23</v>
      </c>
      <c r="D2609" s="14" t="s">
        <v>33</v>
      </c>
      <c r="E2609" s="15">
        <v>45430</v>
      </c>
      <c r="F2609" s="14" t="s">
        <v>15</v>
      </c>
      <c r="G2609" s="16">
        <v>0.77849348697174769</v>
      </c>
    </row>
    <row r="2610" spans="1:7" x14ac:dyDescent="0.3">
      <c r="A2610" s="13" t="s">
        <v>32</v>
      </c>
      <c r="B2610" s="14" t="s">
        <v>1</v>
      </c>
      <c r="C2610" s="14" t="s">
        <v>23</v>
      </c>
      <c r="D2610" s="14" t="s">
        <v>33</v>
      </c>
      <c r="E2610" s="15">
        <v>45431</v>
      </c>
      <c r="F2610" s="14" t="s">
        <v>15</v>
      </c>
      <c r="G2610" s="16">
        <v>0.77849348697174769</v>
      </c>
    </row>
    <row r="2611" spans="1:7" x14ac:dyDescent="0.3">
      <c r="A2611" s="13" t="s">
        <v>32</v>
      </c>
      <c r="B2611" s="14" t="s">
        <v>1</v>
      </c>
      <c r="C2611" s="14" t="s">
        <v>23</v>
      </c>
      <c r="D2611" s="14" t="s">
        <v>33</v>
      </c>
      <c r="E2611" s="15">
        <v>45432</v>
      </c>
      <c r="F2611" s="14" t="s">
        <v>15</v>
      </c>
      <c r="G2611" s="16">
        <v>0.79557140843961482</v>
      </c>
    </row>
    <row r="2612" spans="1:7" x14ac:dyDescent="0.3">
      <c r="A2612" s="13" t="s">
        <v>32</v>
      </c>
      <c r="B2612" s="14" t="s">
        <v>1</v>
      </c>
      <c r="C2612" s="14" t="s">
        <v>23</v>
      </c>
      <c r="D2612" s="14" t="s">
        <v>33</v>
      </c>
      <c r="E2612" s="15">
        <v>45433</v>
      </c>
      <c r="F2612" s="14" t="s">
        <v>15</v>
      </c>
      <c r="G2612" s="16">
        <v>0.84564932990748198</v>
      </c>
    </row>
    <row r="2613" spans="1:7" x14ac:dyDescent="0.3">
      <c r="A2613" s="13" t="s">
        <v>32</v>
      </c>
      <c r="B2613" s="14" t="s">
        <v>1</v>
      </c>
      <c r="C2613" s="14" t="s">
        <v>23</v>
      </c>
      <c r="D2613" s="14" t="s">
        <v>33</v>
      </c>
      <c r="E2613" s="15">
        <v>45434</v>
      </c>
      <c r="F2613" s="14" t="s">
        <v>15</v>
      </c>
      <c r="G2613" s="16">
        <v>0.86272725137534911</v>
      </c>
    </row>
    <row r="2614" spans="1:7" x14ac:dyDescent="0.3">
      <c r="A2614" s="13" t="s">
        <v>32</v>
      </c>
      <c r="B2614" s="14" t="s">
        <v>1</v>
      </c>
      <c r="C2614" s="14" t="s">
        <v>23</v>
      </c>
      <c r="D2614" s="14" t="s">
        <v>33</v>
      </c>
      <c r="E2614" s="15">
        <v>45435</v>
      </c>
      <c r="F2614" s="14" t="s">
        <v>15</v>
      </c>
      <c r="G2614" s="16">
        <v>0.88080517284321613</v>
      </c>
    </row>
    <row r="2615" spans="1:7" x14ac:dyDescent="0.3">
      <c r="A2615" s="13" t="s">
        <v>32</v>
      </c>
      <c r="B2615" s="14" t="s">
        <v>1</v>
      </c>
      <c r="C2615" s="14" t="s">
        <v>23</v>
      </c>
      <c r="D2615" s="14" t="s">
        <v>33</v>
      </c>
      <c r="E2615" s="15">
        <v>45436</v>
      </c>
      <c r="F2615" s="14" t="s">
        <v>15</v>
      </c>
      <c r="G2615" s="16">
        <v>0.89688309431108326</v>
      </c>
    </row>
    <row r="2616" spans="1:7" x14ac:dyDescent="0.3">
      <c r="A2616" s="13" t="s">
        <v>32</v>
      </c>
      <c r="B2616" s="14" t="s">
        <v>1</v>
      </c>
      <c r="C2616" s="14" t="s">
        <v>23</v>
      </c>
      <c r="D2616" s="14" t="s">
        <v>33</v>
      </c>
      <c r="E2616" s="15">
        <v>45437</v>
      </c>
      <c r="F2616" s="14" t="s">
        <v>15</v>
      </c>
      <c r="G2616" s="16">
        <v>0.89688309431108326</v>
      </c>
    </row>
    <row r="2617" spans="1:7" x14ac:dyDescent="0.3">
      <c r="A2617" s="13" t="s">
        <v>32</v>
      </c>
      <c r="B2617" s="14" t="s">
        <v>1</v>
      </c>
      <c r="C2617" s="14" t="s">
        <v>23</v>
      </c>
      <c r="D2617" s="14" t="s">
        <v>33</v>
      </c>
      <c r="E2617" s="15">
        <v>45438</v>
      </c>
      <c r="F2617" s="14" t="s">
        <v>15</v>
      </c>
      <c r="G2617" s="16">
        <v>0.89688309431108326</v>
      </c>
    </row>
    <row r="2618" spans="1:7" x14ac:dyDescent="0.3">
      <c r="A2618" s="13" t="s">
        <v>32</v>
      </c>
      <c r="B2618" s="14" t="s">
        <v>1</v>
      </c>
      <c r="C2618" s="14" t="s">
        <v>23</v>
      </c>
      <c r="D2618" s="14" t="s">
        <v>33</v>
      </c>
      <c r="E2618" s="15">
        <v>45439</v>
      </c>
      <c r="F2618" s="14" t="s">
        <v>15</v>
      </c>
      <c r="G2618" s="16">
        <v>0.89688309431108326</v>
      </c>
    </row>
    <row r="2619" spans="1:7" x14ac:dyDescent="0.3">
      <c r="A2619" s="13" t="s">
        <v>32</v>
      </c>
      <c r="B2619" s="14" t="s">
        <v>1</v>
      </c>
      <c r="C2619" s="14" t="s">
        <v>23</v>
      </c>
      <c r="D2619" s="14" t="s">
        <v>33</v>
      </c>
      <c r="E2619" s="15">
        <v>45440</v>
      </c>
      <c r="F2619" s="14" t="s">
        <v>15</v>
      </c>
      <c r="G2619" s="16">
        <v>0.91296101577895039</v>
      </c>
    </row>
    <row r="2620" spans="1:7" x14ac:dyDescent="0.3">
      <c r="A2620" s="13" t="s">
        <v>32</v>
      </c>
      <c r="B2620" s="14" t="s">
        <v>1</v>
      </c>
      <c r="C2620" s="14" t="s">
        <v>23</v>
      </c>
      <c r="D2620" s="14" t="s">
        <v>33</v>
      </c>
      <c r="E2620" s="15">
        <v>45441</v>
      </c>
      <c r="F2620" s="14" t="s">
        <v>15</v>
      </c>
      <c r="G2620" s="16">
        <v>0.97303893724681745</v>
      </c>
    </row>
    <row r="2621" spans="1:7" x14ac:dyDescent="0.3">
      <c r="A2621" s="13" t="s">
        <v>32</v>
      </c>
      <c r="B2621" s="14" t="s">
        <v>1</v>
      </c>
      <c r="C2621" s="14" t="s">
        <v>23</v>
      </c>
      <c r="D2621" s="14" t="s">
        <v>33</v>
      </c>
      <c r="E2621" s="15">
        <v>45442</v>
      </c>
      <c r="F2621" s="14" t="s">
        <v>15</v>
      </c>
      <c r="G2621" s="16">
        <v>0.99111685871468447</v>
      </c>
    </row>
    <row r="2622" spans="1:7" x14ac:dyDescent="0.3">
      <c r="A2622" s="13" t="s">
        <v>32</v>
      </c>
      <c r="B2622" s="14" t="s">
        <v>1</v>
      </c>
      <c r="C2622" s="14" t="s">
        <v>23</v>
      </c>
      <c r="D2622" s="14" t="s">
        <v>33</v>
      </c>
      <c r="E2622" s="15">
        <v>45443</v>
      </c>
      <c r="F2622" s="14" t="s">
        <v>15</v>
      </c>
      <c r="G2622" s="16">
        <v>1.0021947801825515</v>
      </c>
    </row>
    <row r="2623" spans="1:7" x14ac:dyDescent="0.3">
      <c r="A2623" s="13" t="s">
        <v>32</v>
      </c>
      <c r="B2623" s="14" t="s">
        <v>1</v>
      </c>
      <c r="C2623" s="14" t="s">
        <v>23</v>
      </c>
      <c r="D2623" s="14" t="s">
        <v>33</v>
      </c>
      <c r="E2623" s="15">
        <v>45444</v>
      </c>
      <c r="F2623" s="14" t="s">
        <v>15</v>
      </c>
      <c r="G2623" s="16">
        <v>1.0021947801825515</v>
      </c>
    </row>
    <row r="2624" spans="1:7" x14ac:dyDescent="0.3">
      <c r="A2624" s="13" t="s">
        <v>32</v>
      </c>
      <c r="B2624" s="14" t="s">
        <v>1</v>
      </c>
      <c r="C2624" s="14" t="s">
        <v>23</v>
      </c>
      <c r="D2624" s="14" t="s">
        <v>33</v>
      </c>
      <c r="E2624" s="15">
        <v>45445</v>
      </c>
      <c r="F2624" s="14" t="s">
        <v>15</v>
      </c>
      <c r="G2624" s="16">
        <v>1.0021947801825515</v>
      </c>
    </row>
    <row r="2625" spans="1:7" x14ac:dyDescent="0.3">
      <c r="A2625" s="13" t="s">
        <v>32</v>
      </c>
      <c r="B2625" s="14" t="s">
        <v>1</v>
      </c>
      <c r="C2625" s="14" t="s">
        <v>23</v>
      </c>
      <c r="D2625" s="14" t="s">
        <v>33</v>
      </c>
      <c r="E2625" s="15">
        <v>45446</v>
      </c>
      <c r="F2625" s="14" t="s">
        <v>15</v>
      </c>
      <c r="G2625" s="16">
        <v>1.0021947801825515</v>
      </c>
    </row>
    <row r="2626" spans="1:7" x14ac:dyDescent="0.3">
      <c r="A2626" s="13" t="s">
        <v>32</v>
      </c>
      <c r="B2626" s="14" t="s">
        <v>1</v>
      </c>
      <c r="C2626" s="14" t="s">
        <v>23</v>
      </c>
      <c r="D2626" s="14" t="s">
        <v>33</v>
      </c>
      <c r="E2626" s="15">
        <v>45447</v>
      </c>
      <c r="F2626" s="14" t="s">
        <v>15</v>
      </c>
      <c r="G2626" s="16">
        <v>1.0212727016504186</v>
      </c>
    </row>
    <row r="2627" spans="1:7" x14ac:dyDescent="0.3">
      <c r="A2627" s="13" t="s">
        <v>32</v>
      </c>
      <c r="B2627" s="14" t="s">
        <v>1</v>
      </c>
      <c r="C2627" s="14" t="s">
        <v>23</v>
      </c>
      <c r="D2627" s="14" t="s">
        <v>33</v>
      </c>
      <c r="E2627" s="15">
        <v>45448</v>
      </c>
      <c r="F2627" s="14" t="s">
        <v>15</v>
      </c>
      <c r="G2627" s="16">
        <v>1.0893506231182857</v>
      </c>
    </row>
    <row r="2628" spans="1:7" x14ac:dyDescent="0.3">
      <c r="A2628" s="13" t="s">
        <v>32</v>
      </c>
      <c r="B2628" s="14" t="s">
        <v>1</v>
      </c>
      <c r="C2628" s="14" t="s">
        <v>23</v>
      </c>
      <c r="D2628" s="14" t="s">
        <v>33</v>
      </c>
      <c r="E2628" s="15">
        <v>45449</v>
      </c>
      <c r="F2628" s="14" t="s">
        <v>15</v>
      </c>
      <c r="G2628" s="16">
        <v>1.1054285445861527</v>
      </c>
    </row>
    <row r="2629" spans="1:7" x14ac:dyDescent="0.3">
      <c r="A2629" s="13" t="s">
        <v>32</v>
      </c>
      <c r="B2629" s="14" t="s">
        <v>1</v>
      </c>
      <c r="C2629" s="14" t="s">
        <v>23</v>
      </c>
      <c r="D2629" s="14" t="s">
        <v>33</v>
      </c>
      <c r="E2629" s="15">
        <v>45450</v>
      </c>
      <c r="F2629" s="14" t="s">
        <v>15</v>
      </c>
      <c r="G2629" s="16">
        <v>1.1415064660540197</v>
      </c>
    </row>
    <row r="2630" spans="1:7" x14ac:dyDescent="0.3">
      <c r="A2630" s="13" t="s">
        <v>32</v>
      </c>
      <c r="B2630" s="14" t="s">
        <v>1</v>
      </c>
      <c r="C2630" s="14" t="s">
        <v>23</v>
      </c>
      <c r="D2630" s="14" t="s">
        <v>33</v>
      </c>
      <c r="E2630" s="15">
        <v>45451</v>
      </c>
      <c r="F2630" s="14" t="s">
        <v>15</v>
      </c>
      <c r="G2630" s="16">
        <v>1.1415064660540197</v>
      </c>
    </row>
    <row r="2631" spans="1:7" x14ac:dyDescent="0.3">
      <c r="A2631" s="13" t="s">
        <v>32</v>
      </c>
      <c r="B2631" s="14" t="s">
        <v>1</v>
      </c>
      <c r="C2631" s="14" t="s">
        <v>23</v>
      </c>
      <c r="D2631" s="14" t="s">
        <v>33</v>
      </c>
      <c r="E2631" s="15">
        <v>45452</v>
      </c>
      <c r="F2631" s="14" t="s">
        <v>15</v>
      </c>
      <c r="G2631" s="16">
        <v>1.1415064660540197</v>
      </c>
    </row>
    <row r="2632" spans="1:7" x14ac:dyDescent="0.3">
      <c r="A2632" s="13" t="s">
        <v>32</v>
      </c>
      <c r="B2632" s="14" t="s">
        <v>1</v>
      </c>
      <c r="C2632" s="14" t="s">
        <v>23</v>
      </c>
      <c r="D2632" s="14" t="s">
        <v>33</v>
      </c>
      <c r="E2632" s="15">
        <v>45453</v>
      </c>
      <c r="F2632" s="14" t="s">
        <v>15</v>
      </c>
      <c r="G2632" s="16">
        <v>1.157584387521887</v>
      </c>
    </row>
    <row r="2633" spans="1:7" x14ac:dyDescent="0.3">
      <c r="A2633" s="13" t="s">
        <v>32</v>
      </c>
      <c r="B2633" s="14" t="s">
        <v>1</v>
      </c>
      <c r="C2633" s="14" t="s">
        <v>23</v>
      </c>
      <c r="D2633" s="14" t="s">
        <v>33</v>
      </c>
      <c r="E2633" s="15">
        <v>45454</v>
      </c>
      <c r="F2633" s="14" t="s">
        <v>15</v>
      </c>
      <c r="G2633" s="16">
        <v>1.2046623089897541</v>
      </c>
    </row>
    <row r="2634" spans="1:7" x14ac:dyDescent="0.3">
      <c r="A2634" s="13" t="s">
        <v>32</v>
      </c>
      <c r="B2634" s="14" t="s">
        <v>1</v>
      </c>
      <c r="C2634" s="14" t="s">
        <v>23</v>
      </c>
      <c r="D2634" s="14" t="s">
        <v>33</v>
      </c>
      <c r="E2634" s="15">
        <v>45455</v>
      </c>
      <c r="F2634" s="14" t="s">
        <v>15</v>
      </c>
      <c r="G2634" s="16">
        <v>1.2207402304576211</v>
      </c>
    </row>
    <row r="2635" spans="1:7" x14ac:dyDescent="0.3">
      <c r="A2635" s="13" t="s">
        <v>32</v>
      </c>
      <c r="B2635" s="14" t="s">
        <v>1</v>
      </c>
      <c r="C2635" s="14" t="s">
        <v>23</v>
      </c>
      <c r="D2635" s="14" t="s">
        <v>33</v>
      </c>
      <c r="E2635" s="15">
        <v>45456</v>
      </c>
      <c r="F2635" s="14" t="s">
        <v>15</v>
      </c>
      <c r="G2635" s="16">
        <v>1.2358181519254883</v>
      </c>
    </row>
    <row r="2636" spans="1:7" x14ac:dyDescent="0.3">
      <c r="A2636" s="13" t="s">
        <v>32</v>
      </c>
      <c r="B2636" s="14" t="s">
        <v>1</v>
      </c>
      <c r="C2636" s="14" t="s">
        <v>23</v>
      </c>
      <c r="D2636" s="14" t="s">
        <v>33</v>
      </c>
      <c r="E2636" s="15">
        <v>45457</v>
      </c>
      <c r="F2636" s="14" t="s">
        <v>15</v>
      </c>
      <c r="G2636" s="16">
        <v>1.2528960733933554</v>
      </c>
    </row>
    <row r="2637" spans="1:7" x14ac:dyDescent="0.3">
      <c r="A2637" s="13" t="s">
        <v>32</v>
      </c>
      <c r="B2637" s="14" t="s">
        <v>1</v>
      </c>
      <c r="C2637" s="14" t="s">
        <v>23</v>
      </c>
      <c r="D2637" s="14" t="s">
        <v>33</v>
      </c>
      <c r="E2637" s="15">
        <v>45458</v>
      </c>
      <c r="F2637" s="14" t="s">
        <v>15</v>
      </c>
      <c r="G2637" s="16">
        <v>1.2528960733933554</v>
      </c>
    </row>
    <row r="2638" spans="1:7" x14ac:dyDescent="0.3">
      <c r="A2638" s="13" t="s">
        <v>32</v>
      </c>
      <c r="B2638" s="14" t="s">
        <v>1</v>
      </c>
      <c r="C2638" s="14" t="s">
        <v>23</v>
      </c>
      <c r="D2638" s="14" t="s">
        <v>33</v>
      </c>
      <c r="E2638" s="15">
        <v>45459</v>
      </c>
      <c r="F2638" s="14" t="s">
        <v>15</v>
      </c>
      <c r="G2638" s="16">
        <v>1.2528960733933554</v>
      </c>
    </row>
    <row r="2639" spans="1:7" x14ac:dyDescent="0.3">
      <c r="A2639" s="13" t="s">
        <v>32</v>
      </c>
      <c r="B2639" s="14" t="s">
        <v>1</v>
      </c>
      <c r="C2639" s="14" t="s">
        <v>23</v>
      </c>
      <c r="D2639" s="14" t="s">
        <v>33</v>
      </c>
      <c r="E2639" s="15">
        <v>45460</v>
      </c>
      <c r="F2639" s="14" t="s">
        <v>15</v>
      </c>
      <c r="G2639" s="16">
        <v>1.2689739948612224</v>
      </c>
    </row>
    <row r="2640" spans="1:7" x14ac:dyDescent="0.3">
      <c r="A2640" s="13" t="s">
        <v>32</v>
      </c>
      <c r="B2640" s="14" t="s">
        <v>1</v>
      </c>
      <c r="C2640" s="14" t="s">
        <v>23</v>
      </c>
      <c r="D2640" s="14" t="s">
        <v>33</v>
      </c>
      <c r="E2640" s="15">
        <v>45461</v>
      </c>
      <c r="F2640" s="14" t="s">
        <v>15</v>
      </c>
      <c r="G2640" s="16">
        <v>1.3170519163290897</v>
      </c>
    </row>
    <row r="2641" spans="1:7" x14ac:dyDescent="0.3">
      <c r="A2641" s="13" t="s">
        <v>32</v>
      </c>
      <c r="B2641" s="14" t="s">
        <v>1</v>
      </c>
      <c r="C2641" s="14" t="s">
        <v>23</v>
      </c>
      <c r="D2641" s="14" t="s">
        <v>33</v>
      </c>
      <c r="E2641" s="15">
        <v>45462</v>
      </c>
      <c r="F2641" s="14" t="s">
        <v>15</v>
      </c>
      <c r="G2641" s="16">
        <v>1.3170519163290897</v>
      </c>
    </row>
    <row r="2642" spans="1:7" x14ac:dyDescent="0.3">
      <c r="A2642" s="13" t="s">
        <v>32</v>
      </c>
      <c r="B2642" s="14" t="s">
        <v>1</v>
      </c>
      <c r="C2642" s="14" t="s">
        <v>23</v>
      </c>
      <c r="D2642" s="14" t="s">
        <v>33</v>
      </c>
      <c r="E2642" s="15">
        <v>45463</v>
      </c>
      <c r="F2642" s="14" t="s">
        <v>15</v>
      </c>
      <c r="G2642" s="16">
        <v>1.3331298377969567</v>
      </c>
    </row>
    <row r="2643" spans="1:7" x14ac:dyDescent="0.3">
      <c r="A2643" s="13" t="s">
        <v>32</v>
      </c>
      <c r="B2643" s="14" t="s">
        <v>1</v>
      </c>
      <c r="C2643" s="14" t="s">
        <v>23</v>
      </c>
      <c r="D2643" s="14" t="s">
        <v>33</v>
      </c>
      <c r="E2643" s="15">
        <v>45464</v>
      </c>
      <c r="F2643" s="14" t="s">
        <v>15</v>
      </c>
      <c r="G2643" s="16">
        <v>1.3662077592648239</v>
      </c>
    </row>
    <row r="2644" spans="1:7" x14ac:dyDescent="0.3">
      <c r="A2644" s="13" t="s">
        <v>32</v>
      </c>
      <c r="B2644" s="14" t="s">
        <v>1</v>
      </c>
      <c r="C2644" s="14" t="s">
        <v>23</v>
      </c>
      <c r="D2644" s="14" t="s">
        <v>33</v>
      </c>
      <c r="E2644" s="15">
        <v>45465</v>
      </c>
      <c r="F2644" s="14" t="s">
        <v>15</v>
      </c>
      <c r="G2644" s="16">
        <v>1.3662077592648239</v>
      </c>
    </row>
    <row r="2645" spans="1:7" x14ac:dyDescent="0.3">
      <c r="A2645" s="13" t="s">
        <v>32</v>
      </c>
      <c r="B2645" s="14" t="s">
        <v>1</v>
      </c>
      <c r="C2645" s="14" t="s">
        <v>23</v>
      </c>
      <c r="D2645" s="14" t="s">
        <v>33</v>
      </c>
      <c r="E2645" s="15">
        <v>45466</v>
      </c>
      <c r="F2645" s="14" t="s">
        <v>15</v>
      </c>
      <c r="G2645" s="16">
        <v>1.3662077592648239</v>
      </c>
    </row>
    <row r="2646" spans="1:7" x14ac:dyDescent="0.3">
      <c r="A2646" s="13" t="s">
        <v>32</v>
      </c>
      <c r="B2646" s="14" t="s">
        <v>1</v>
      </c>
      <c r="C2646" s="14" t="s">
        <v>23</v>
      </c>
      <c r="D2646" s="14" t="s">
        <v>33</v>
      </c>
      <c r="E2646" s="15">
        <v>45467</v>
      </c>
      <c r="F2646" s="14" t="s">
        <v>15</v>
      </c>
      <c r="G2646" s="16">
        <v>1.3822856807326909</v>
      </c>
    </row>
    <row r="2647" spans="1:7" x14ac:dyDescent="0.3">
      <c r="A2647" s="13" t="s">
        <v>32</v>
      </c>
      <c r="B2647" s="14" t="s">
        <v>1</v>
      </c>
      <c r="C2647" s="14" t="s">
        <v>23</v>
      </c>
      <c r="D2647" s="14" t="s">
        <v>33</v>
      </c>
      <c r="E2647" s="15">
        <v>45468</v>
      </c>
      <c r="F2647" s="14" t="s">
        <v>15</v>
      </c>
      <c r="G2647" s="16">
        <v>1.4323636022005579</v>
      </c>
    </row>
    <row r="2648" spans="1:7" x14ac:dyDescent="0.3">
      <c r="A2648" s="13" t="s">
        <v>32</v>
      </c>
      <c r="B2648" s="14" t="s">
        <v>1</v>
      </c>
      <c r="C2648" s="14" t="s">
        <v>23</v>
      </c>
      <c r="D2648" s="14" t="s">
        <v>33</v>
      </c>
      <c r="E2648" s="15">
        <v>45469</v>
      </c>
      <c r="F2648" s="14" t="s">
        <v>15</v>
      </c>
      <c r="G2648" s="16">
        <v>1.447441523668425</v>
      </c>
    </row>
    <row r="2649" spans="1:7" x14ac:dyDescent="0.3">
      <c r="A2649" s="13" t="s">
        <v>32</v>
      </c>
      <c r="B2649" s="14" t="s">
        <v>1</v>
      </c>
      <c r="C2649" s="14" t="s">
        <v>23</v>
      </c>
      <c r="D2649" s="14" t="s">
        <v>33</v>
      </c>
      <c r="E2649" s="15">
        <v>45470</v>
      </c>
      <c r="F2649" s="14" t="s">
        <v>15</v>
      </c>
      <c r="G2649" s="16">
        <v>1.4635194451362923</v>
      </c>
    </row>
    <row r="2650" spans="1:7" x14ac:dyDescent="0.3">
      <c r="A2650" s="13" t="s">
        <v>32</v>
      </c>
      <c r="B2650" s="14" t="s">
        <v>1</v>
      </c>
      <c r="C2650" s="14" t="s">
        <v>23</v>
      </c>
      <c r="D2650" s="14" t="s">
        <v>33</v>
      </c>
      <c r="E2650" s="15">
        <v>45471</v>
      </c>
      <c r="F2650" s="14" t="s">
        <v>15</v>
      </c>
      <c r="G2650" s="16">
        <v>1.4795973666041593</v>
      </c>
    </row>
    <row r="2651" spans="1:7" x14ac:dyDescent="0.3">
      <c r="A2651" s="13" t="s">
        <v>32</v>
      </c>
      <c r="B2651" s="14" t="s">
        <v>1</v>
      </c>
      <c r="C2651" s="14" t="s">
        <v>23</v>
      </c>
      <c r="D2651" s="14" t="s">
        <v>33</v>
      </c>
      <c r="E2651" s="15">
        <v>45472</v>
      </c>
      <c r="F2651" s="14" t="s">
        <v>15</v>
      </c>
      <c r="G2651" s="16">
        <v>1.4795973666041593</v>
      </c>
    </row>
    <row r="2652" spans="1:7" x14ac:dyDescent="0.3">
      <c r="A2652" s="13" t="s">
        <v>32</v>
      </c>
      <c r="B2652" s="14" t="s">
        <v>1</v>
      </c>
      <c r="C2652" s="14" t="s">
        <v>23</v>
      </c>
      <c r="D2652" s="14" t="s">
        <v>33</v>
      </c>
      <c r="E2652" s="15">
        <v>45473</v>
      </c>
      <c r="F2652" s="14" t="s">
        <v>15</v>
      </c>
      <c r="G2652" s="16">
        <v>1.4795973666041593</v>
      </c>
    </row>
    <row r="2653" spans="1:7" x14ac:dyDescent="0.3">
      <c r="A2653" s="13" t="s">
        <v>32</v>
      </c>
      <c r="B2653" s="14" t="s">
        <v>1</v>
      </c>
      <c r="C2653" s="14" t="s">
        <v>23</v>
      </c>
      <c r="D2653" s="14" t="s">
        <v>33</v>
      </c>
      <c r="E2653" s="15">
        <v>45474</v>
      </c>
      <c r="F2653" s="14" t="s">
        <v>15</v>
      </c>
      <c r="G2653" s="16">
        <v>1.4956752880720265</v>
      </c>
    </row>
    <row r="2654" spans="1:7" x14ac:dyDescent="0.3">
      <c r="A2654" s="13" t="s">
        <v>32</v>
      </c>
      <c r="B2654" s="14" t="s">
        <v>1</v>
      </c>
      <c r="C2654" s="14" t="s">
        <v>23</v>
      </c>
      <c r="D2654" s="14" t="s">
        <v>33</v>
      </c>
      <c r="E2654" s="15">
        <v>45475</v>
      </c>
      <c r="F2654" s="14" t="s">
        <v>15</v>
      </c>
      <c r="G2654" s="16">
        <v>1.5447532095398935</v>
      </c>
    </row>
    <row r="2655" spans="1:7" x14ac:dyDescent="0.3">
      <c r="A2655" s="13" t="s">
        <v>32</v>
      </c>
      <c r="B2655" s="14" t="s">
        <v>1</v>
      </c>
      <c r="C2655" s="14" t="s">
        <v>23</v>
      </c>
      <c r="D2655" s="14" t="s">
        <v>33</v>
      </c>
      <c r="E2655" s="15">
        <v>45476</v>
      </c>
      <c r="F2655" s="14" t="s">
        <v>15</v>
      </c>
      <c r="G2655" s="16">
        <v>1.5608311310077607</v>
      </c>
    </row>
    <row r="2656" spans="1:7" x14ac:dyDescent="0.3">
      <c r="A2656" s="13" t="s">
        <v>32</v>
      </c>
      <c r="B2656" s="14" t="s">
        <v>1</v>
      </c>
      <c r="C2656" s="14" t="s">
        <v>23</v>
      </c>
      <c r="D2656" s="14" t="s">
        <v>33</v>
      </c>
      <c r="E2656" s="15">
        <v>45477</v>
      </c>
      <c r="F2656" s="14" t="s">
        <v>15</v>
      </c>
      <c r="G2656" s="16">
        <v>1.5608311310077607</v>
      </c>
    </row>
    <row r="2657" spans="1:7" x14ac:dyDescent="0.3">
      <c r="A2657" s="13" t="s">
        <v>32</v>
      </c>
      <c r="B2657" s="14" t="s">
        <v>1</v>
      </c>
      <c r="C2657" s="14" t="s">
        <v>23</v>
      </c>
      <c r="D2657" s="14" t="s">
        <v>33</v>
      </c>
      <c r="E2657" s="15">
        <v>45478</v>
      </c>
      <c r="F2657" s="14" t="s">
        <v>15</v>
      </c>
      <c r="G2657" s="16">
        <v>1.5769090524756277</v>
      </c>
    </row>
    <row r="2658" spans="1:7" x14ac:dyDescent="0.3">
      <c r="A2658" s="13" t="s">
        <v>32</v>
      </c>
      <c r="B2658" s="14" t="s">
        <v>1</v>
      </c>
      <c r="C2658" s="14" t="s">
        <v>23</v>
      </c>
      <c r="D2658" s="14" t="s">
        <v>33</v>
      </c>
      <c r="E2658" s="15">
        <v>45479</v>
      </c>
      <c r="F2658" s="14" t="s">
        <v>15</v>
      </c>
      <c r="G2658" s="16">
        <v>1.5769090524756277</v>
      </c>
    </row>
    <row r="2659" spans="1:7" x14ac:dyDescent="0.3">
      <c r="A2659" s="13" t="s">
        <v>32</v>
      </c>
      <c r="B2659" s="14" t="s">
        <v>1</v>
      </c>
      <c r="C2659" s="14" t="s">
        <v>23</v>
      </c>
      <c r="D2659" s="14" t="s">
        <v>33</v>
      </c>
      <c r="E2659" s="15">
        <v>45480</v>
      </c>
      <c r="F2659" s="14" t="s">
        <v>15</v>
      </c>
      <c r="G2659" s="16">
        <v>1.5769090524756277</v>
      </c>
    </row>
    <row r="2660" spans="1:7" x14ac:dyDescent="0.3">
      <c r="A2660" s="13" t="s">
        <v>32</v>
      </c>
      <c r="B2660" s="14" t="s">
        <v>1</v>
      </c>
      <c r="C2660" s="14" t="s">
        <v>23</v>
      </c>
      <c r="D2660" s="14" t="s">
        <v>33</v>
      </c>
      <c r="E2660" s="15">
        <v>45481</v>
      </c>
      <c r="F2660" s="14" t="s">
        <v>15</v>
      </c>
      <c r="G2660" s="16">
        <v>1.634986973943495</v>
      </c>
    </row>
    <row r="2661" spans="1:7" x14ac:dyDescent="0.3">
      <c r="A2661" s="13" t="s">
        <v>32</v>
      </c>
      <c r="B2661" s="14" t="s">
        <v>1</v>
      </c>
      <c r="C2661" s="14" t="s">
        <v>23</v>
      </c>
      <c r="D2661" s="14" t="s">
        <v>33</v>
      </c>
      <c r="E2661" s="15">
        <v>45482</v>
      </c>
      <c r="F2661" s="14" t="s">
        <v>15</v>
      </c>
      <c r="G2661" s="16">
        <v>1.6830648954113621</v>
      </c>
    </row>
    <row r="2662" spans="1:7" x14ac:dyDescent="0.3">
      <c r="A2662" s="13" t="s">
        <v>32</v>
      </c>
      <c r="B2662" s="14" t="s">
        <v>1</v>
      </c>
      <c r="C2662" s="14" t="s">
        <v>23</v>
      </c>
      <c r="D2662" s="14" t="s">
        <v>33</v>
      </c>
      <c r="E2662" s="15">
        <v>45483</v>
      </c>
      <c r="F2662" s="14" t="s">
        <v>15</v>
      </c>
      <c r="G2662" s="16">
        <v>1.7001428168792292</v>
      </c>
    </row>
    <row r="2663" spans="1:7" x14ac:dyDescent="0.3">
      <c r="A2663" s="13" t="s">
        <v>32</v>
      </c>
      <c r="B2663" s="14" t="s">
        <v>1</v>
      </c>
      <c r="C2663" s="14" t="s">
        <v>23</v>
      </c>
      <c r="D2663" s="14" t="s">
        <v>33</v>
      </c>
      <c r="E2663" s="15">
        <v>45484</v>
      </c>
      <c r="F2663" s="14" t="s">
        <v>15</v>
      </c>
      <c r="G2663" s="16">
        <v>1.7162207383470964</v>
      </c>
    </row>
    <row r="2664" spans="1:7" x14ac:dyDescent="0.3">
      <c r="A2664" s="13" t="s">
        <v>32</v>
      </c>
      <c r="B2664" s="14" t="s">
        <v>1</v>
      </c>
      <c r="C2664" s="14" t="s">
        <v>23</v>
      </c>
      <c r="D2664" s="14" t="s">
        <v>33</v>
      </c>
      <c r="E2664" s="15">
        <v>45485</v>
      </c>
      <c r="F2664" s="14" t="s">
        <v>15</v>
      </c>
      <c r="G2664" s="16">
        <v>1.7332986598149636</v>
      </c>
    </row>
    <row r="2665" spans="1:7" x14ac:dyDescent="0.3">
      <c r="A2665" s="13" t="s">
        <v>32</v>
      </c>
      <c r="B2665" s="14" t="s">
        <v>1</v>
      </c>
      <c r="C2665" s="14" t="s">
        <v>23</v>
      </c>
      <c r="D2665" s="14" t="s">
        <v>33</v>
      </c>
      <c r="E2665" s="15">
        <v>45486</v>
      </c>
      <c r="F2665" s="14" t="s">
        <v>15</v>
      </c>
      <c r="G2665" s="16">
        <v>1.7332986598149636</v>
      </c>
    </row>
    <row r="2666" spans="1:7" x14ac:dyDescent="0.3">
      <c r="A2666" s="13" t="s">
        <v>32</v>
      </c>
      <c r="B2666" s="14" t="s">
        <v>1</v>
      </c>
      <c r="C2666" s="14" t="s">
        <v>23</v>
      </c>
      <c r="D2666" s="14" t="s">
        <v>33</v>
      </c>
      <c r="E2666" s="15">
        <v>45487</v>
      </c>
      <c r="F2666" s="14" t="s">
        <v>15</v>
      </c>
      <c r="G2666" s="16">
        <v>1.7332986598149636</v>
      </c>
    </row>
    <row r="2667" spans="1:7" x14ac:dyDescent="0.3">
      <c r="A2667" s="13" t="s">
        <v>32</v>
      </c>
      <c r="B2667" s="14" t="s">
        <v>1</v>
      </c>
      <c r="C2667" s="14" t="s">
        <v>23</v>
      </c>
      <c r="D2667" s="14" t="s">
        <v>33</v>
      </c>
      <c r="E2667" s="15">
        <v>45488</v>
      </c>
      <c r="F2667" s="14" t="s">
        <v>15</v>
      </c>
      <c r="G2667" s="16">
        <v>1.7493765812828308</v>
      </c>
    </row>
    <row r="2668" spans="1:7" x14ac:dyDescent="0.3">
      <c r="A2668" s="13" t="s">
        <v>32</v>
      </c>
      <c r="B2668" s="14" t="s">
        <v>1</v>
      </c>
      <c r="C2668" s="14" t="s">
        <v>23</v>
      </c>
      <c r="D2668" s="14" t="s">
        <v>33</v>
      </c>
      <c r="E2668" s="15">
        <v>45489</v>
      </c>
      <c r="F2668" s="14" t="s">
        <v>15</v>
      </c>
      <c r="G2668" s="16">
        <v>1.796454502750698</v>
      </c>
    </row>
    <row r="2669" spans="1:7" x14ac:dyDescent="0.3">
      <c r="A2669" s="13" t="s">
        <v>32</v>
      </c>
      <c r="B2669" s="14" t="s">
        <v>1</v>
      </c>
      <c r="C2669" s="14" t="s">
        <v>23</v>
      </c>
      <c r="D2669" s="14" t="s">
        <v>33</v>
      </c>
      <c r="E2669" s="15">
        <v>45490</v>
      </c>
      <c r="F2669" s="14" t="s">
        <v>15</v>
      </c>
      <c r="G2669" s="16">
        <v>1.8125324242185652</v>
      </c>
    </row>
    <row r="2670" spans="1:7" x14ac:dyDescent="0.3">
      <c r="A2670" s="13" t="s">
        <v>32</v>
      </c>
      <c r="B2670" s="14" t="s">
        <v>1</v>
      </c>
      <c r="C2670" s="14" t="s">
        <v>23</v>
      </c>
      <c r="D2670" s="14" t="s">
        <v>33</v>
      </c>
      <c r="E2670" s="15">
        <v>45491</v>
      </c>
      <c r="F2670" s="14" t="s">
        <v>15</v>
      </c>
      <c r="G2670" s="16">
        <v>1.8286103456864324</v>
      </c>
    </row>
    <row r="2671" spans="1:7" x14ac:dyDescent="0.3">
      <c r="A2671" s="13" t="s">
        <v>32</v>
      </c>
      <c r="B2671" s="14" t="s">
        <v>1</v>
      </c>
      <c r="C2671" s="14" t="s">
        <v>23</v>
      </c>
      <c r="D2671" s="14" t="s">
        <v>33</v>
      </c>
      <c r="E2671" s="15">
        <v>45492</v>
      </c>
      <c r="F2671" s="14" t="s">
        <v>15</v>
      </c>
      <c r="G2671" s="16">
        <v>1.8446882671542997</v>
      </c>
    </row>
    <row r="2672" spans="1:7" x14ac:dyDescent="0.3">
      <c r="A2672" s="13" t="s">
        <v>32</v>
      </c>
      <c r="B2672" s="14" t="s">
        <v>1</v>
      </c>
      <c r="C2672" s="14" t="s">
        <v>23</v>
      </c>
      <c r="D2672" s="14" t="s">
        <v>33</v>
      </c>
      <c r="E2672" s="15">
        <v>45493</v>
      </c>
      <c r="F2672" s="14" t="s">
        <v>15</v>
      </c>
      <c r="G2672" s="16">
        <v>1.8446882671542997</v>
      </c>
    </row>
    <row r="2673" spans="1:7" x14ac:dyDescent="0.3">
      <c r="A2673" s="13" t="s">
        <v>32</v>
      </c>
      <c r="B2673" s="14" t="s">
        <v>1</v>
      </c>
      <c r="C2673" s="14" t="s">
        <v>23</v>
      </c>
      <c r="D2673" s="14" t="s">
        <v>33</v>
      </c>
      <c r="E2673" s="15">
        <v>45494</v>
      </c>
      <c r="F2673" s="14" t="s">
        <v>15</v>
      </c>
      <c r="G2673" s="16">
        <v>1.8446882671542997</v>
      </c>
    </row>
    <row r="2674" spans="1:7" x14ac:dyDescent="0.3">
      <c r="A2674" s="13" t="s">
        <v>32</v>
      </c>
      <c r="B2674" s="14" t="s">
        <v>1</v>
      </c>
      <c r="C2674" s="14" t="s">
        <v>23</v>
      </c>
      <c r="D2674" s="14" t="s">
        <v>33</v>
      </c>
      <c r="E2674" s="15">
        <v>45495</v>
      </c>
      <c r="F2674" s="14" t="s">
        <v>15</v>
      </c>
      <c r="G2674" s="16">
        <v>1.8607661886221671</v>
      </c>
    </row>
    <row r="2675" spans="1:7" x14ac:dyDescent="0.3">
      <c r="A2675" s="13" t="s">
        <v>32</v>
      </c>
      <c r="B2675" s="14" t="s">
        <v>1</v>
      </c>
      <c r="C2675" s="14" t="s">
        <v>23</v>
      </c>
      <c r="D2675" s="14" t="s">
        <v>33</v>
      </c>
      <c r="E2675" s="15">
        <v>45496</v>
      </c>
      <c r="F2675" s="14" t="s">
        <v>15</v>
      </c>
      <c r="G2675" s="16">
        <v>1.906844110090034</v>
      </c>
    </row>
    <row r="2676" spans="1:7" x14ac:dyDescent="0.3">
      <c r="A2676" s="13" t="s">
        <v>32</v>
      </c>
      <c r="B2676" s="14" t="s">
        <v>1</v>
      </c>
      <c r="C2676" s="14" t="s">
        <v>23</v>
      </c>
      <c r="D2676" s="14" t="s">
        <v>33</v>
      </c>
      <c r="E2676" s="15">
        <v>45497</v>
      </c>
      <c r="F2676" s="14" t="s">
        <v>15</v>
      </c>
      <c r="G2676" s="16">
        <v>1.9249220315579012</v>
      </c>
    </row>
    <row r="2677" spans="1:7" x14ac:dyDescent="0.3">
      <c r="A2677" s="13" t="s">
        <v>32</v>
      </c>
      <c r="B2677" s="14" t="s">
        <v>1</v>
      </c>
      <c r="C2677" s="14" t="s">
        <v>23</v>
      </c>
      <c r="D2677" s="14" t="s">
        <v>33</v>
      </c>
      <c r="E2677" s="15">
        <v>45498</v>
      </c>
      <c r="F2677" s="14" t="s">
        <v>15</v>
      </c>
      <c r="G2677" s="16">
        <v>1.9399999530257683</v>
      </c>
    </row>
    <row r="2678" spans="1:7" x14ac:dyDescent="0.3">
      <c r="A2678" s="13" t="s">
        <v>32</v>
      </c>
      <c r="B2678" s="14" t="s">
        <v>1</v>
      </c>
      <c r="C2678" s="14" t="s">
        <v>23</v>
      </c>
      <c r="D2678" s="14" t="s">
        <v>33</v>
      </c>
      <c r="E2678" s="15">
        <v>45499</v>
      </c>
      <c r="F2678" s="14" t="s">
        <v>15</v>
      </c>
      <c r="G2678" s="16">
        <v>1.9560778744936358</v>
      </c>
    </row>
    <row r="2679" spans="1:7" x14ac:dyDescent="0.3">
      <c r="A2679" s="13" t="s">
        <v>32</v>
      </c>
      <c r="B2679" s="14" t="s">
        <v>1</v>
      </c>
      <c r="C2679" s="14" t="s">
        <v>23</v>
      </c>
      <c r="D2679" s="14" t="s">
        <v>33</v>
      </c>
      <c r="E2679" s="15">
        <v>45500</v>
      </c>
      <c r="F2679" s="14" t="s">
        <v>15</v>
      </c>
      <c r="G2679" s="16">
        <v>1.9560778744936358</v>
      </c>
    </row>
    <row r="2680" spans="1:7" x14ac:dyDescent="0.3">
      <c r="A2680" s="13" t="s">
        <v>32</v>
      </c>
      <c r="B2680" s="14" t="s">
        <v>1</v>
      </c>
      <c r="C2680" s="14" t="s">
        <v>23</v>
      </c>
      <c r="D2680" s="14" t="s">
        <v>33</v>
      </c>
      <c r="E2680" s="15">
        <v>45501</v>
      </c>
      <c r="F2680" s="14" t="s">
        <v>15</v>
      </c>
      <c r="G2680" s="16">
        <v>1.9560778744936358</v>
      </c>
    </row>
    <row r="2681" spans="1:7" x14ac:dyDescent="0.3">
      <c r="A2681" s="13" t="s">
        <v>32</v>
      </c>
      <c r="B2681" s="14" t="s">
        <v>1</v>
      </c>
      <c r="C2681" s="14" t="s">
        <v>23</v>
      </c>
      <c r="D2681" s="14" t="s">
        <v>33</v>
      </c>
      <c r="E2681" s="15">
        <v>45502</v>
      </c>
      <c r="F2681" s="14" t="s">
        <v>15</v>
      </c>
      <c r="G2681" s="16">
        <v>1.972155795961503</v>
      </c>
    </row>
    <row r="2682" spans="1:7" x14ac:dyDescent="0.3">
      <c r="A2682" s="13" t="s">
        <v>32</v>
      </c>
      <c r="B2682" s="14" t="s">
        <v>1</v>
      </c>
      <c r="C2682" s="14" t="s">
        <v>23</v>
      </c>
      <c r="D2682" s="14" t="s">
        <v>33</v>
      </c>
      <c r="E2682" s="15">
        <v>45503</v>
      </c>
      <c r="F2682" s="14" t="s">
        <v>15</v>
      </c>
      <c r="G2682" s="16">
        <v>2.0172337174293702</v>
      </c>
    </row>
    <row r="2683" spans="1:7" x14ac:dyDescent="0.3">
      <c r="A2683" s="13" t="s">
        <v>32</v>
      </c>
      <c r="B2683" s="14" t="s">
        <v>1</v>
      </c>
      <c r="C2683" s="14" t="s">
        <v>23</v>
      </c>
      <c r="D2683" s="14" t="s">
        <v>33</v>
      </c>
      <c r="E2683" s="15">
        <v>45504</v>
      </c>
      <c r="F2683" s="14" t="s">
        <v>15</v>
      </c>
      <c r="G2683" s="16">
        <v>2.0343116388972371</v>
      </c>
    </row>
    <row r="2684" spans="1:7" x14ac:dyDescent="0.3">
      <c r="A2684" s="13" t="s">
        <v>32</v>
      </c>
      <c r="B2684" s="14" t="s">
        <v>1</v>
      </c>
      <c r="C2684" s="14" t="s">
        <v>23</v>
      </c>
      <c r="D2684" s="14" t="s">
        <v>33</v>
      </c>
      <c r="E2684" s="15">
        <v>45505</v>
      </c>
      <c r="F2684" s="14" t="s">
        <v>15</v>
      </c>
      <c r="G2684" s="16">
        <v>2.0413895603651042</v>
      </c>
    </row>
    <row r="2685" spans="1:7" x14ac:dyDescent="0.3">
      <c r="A2685" s="13" t="s">
        <v>32</v>
      </c>
      <c r="B2685" s="14" t="s">
        <v>1</v>
      </c>
      <c r="C2685" s="14" t="s">
        <v>23</v>
      </c>
      <c r="D2685" s="14" t="s">
        <v>33</v>
      </c>
      <c r="E2685" s="15">
        <v>45506</v>
      </c>
      <c r="F2685" s="14" t="s">
        <v>15</v>
      </c>
      <c r="G2685" s="16">
        <v>2.0494674818329712</v>
      </c>
    </row>
    <row r="2686" spans="1:7" x14ac:dyDescent="0.3">
      <c r="A2686" s="13" t="s">
        <v>32</v>
      </c>
      <c r="B2686" s="14" t="s">
        <v>1</v>
      </c>
      <c r="C2686" s="14" t="s">
        <v>23</v>
      </c>
      <c r="D2686" s="14" t="s">
        <v>33</v>
      </c>
      <c r="E2686" s="15">
        <v>45507</v>
      </c>
      <c r="F2686" s="14" t="s">
        <v>15</v>
      </c>
      <c r="G2686" s="16">
        <v>2.0494674818329712</v>
      </c>
    </row>
    <row r="2687" spans="1:7" x14ac:dyDescent="0.3">
      <c r="A2687" s="13" t="s">
        <v>32</v>
      </c>
      <c r="B2687" s="14" t="s">
        <v>1</v>
      </c>
      <c r="C2687" s="14" t="s">
        <v>23</v>
      </c>
      <c r="D2687" s="14" t="s">
        <v>33</v>
      </c>
      <c r="E2687" s="15">
        <v>45508</v>
      </c>
      <c r="F2687" s="14" t="s">
        <v>15</v>
      </c>
      <c r="G2687" s="16">
        <v>2.0494674818329712</v>
      </c>
    </row>
    <row r="2688" spans="1:7" x14ac:dyDescent="0.3">
      <c r="A2688" s="13" t="s">
        <v>32</v>
      </c>
      <c r="B2688" s="14" t="s">
        <v>1</v>
      </c>
      <c r="C2688" s="14" t="s">
        <v>23</v>
      </c>
      <c r="D2688" s="14" t="s">
        <v>33</v>
      </c>
      <c r="E2688" s="15">
        <v>45509</v>
      </c>
      <c r="F2688" s="14" t="s">
        <v>15</v>
      </c>
      <c r="G2688" s="16">
        <v>2.0494674818329712</v>
      </c>
    </row>
    <row r="2689" spans="1:7" x14ac:dyDescent="0.3">
      <c r="A2689" s="13" t="s">
        <v>32</v>
      </c>
      <c r="B2689" s="14" t="s">
        <v>1</v>
      </c>
      <c r="C2689" s="14" t="s">
        <v>23</v>
      </c>
      <c r="D2689" s="14" t="s">
        <v>33</v>
      </c>
      <c r="E2689" s="15">
        <v>45510</v>
      </c>
      <c r="F2689" s="14" t="s">
        <v>15</v>
      </c>
      <c r="G2689" s="16">
        <v>2.0645454033008384</v>
      </c>
    </row>
    <row r="2690" spans="1:7" x14ac:dyDescent="0.3">
      <c r="A2690" s="13" t="s">
        <v>32</v>
      </c>
      <c r="B2690" s="14" t="s">
        <v>1</v>
      </c>
      <c r="C2690" s="14" t="s">
        <v>23</v>
      </c>
      <c r="D2690" s="14" t="s">
        <v>33</v>
      </c>
      <c r="E2690" s="15">
        <v>45511</v>
      </c>
      <c r="F2690" s="14" t="s">
        <v>15</v>
      </c>
      <c r="G2690" s="16">
        <v>2.1406233247687054</v>
      </c>
    </row>
    <row r="2691" spans="1:7" x14ac:dyDescent="0.3">
      <c r="A2691" s="13" t="s">
        <v>32</v>
      </c>
      <c r="B2691" s="14" t="s">
        <v>1</v>
      </c>
      <c r="C2691" s="14" t="s">
        <v>23</v>
      </c>
      <c r="D2691" s="14" t="s">
        <v>33</v>
      </c>
      <c r="E2691" s="15">
        <v>45512</v>
      </c>
      <c r="F2691" s="14" t="s">
        <v>15</v>
      </c>
      <c r="G2691" s="16">
        <v>2.1507012462365727</v>
      </c>
    </row>
    <row r="2692" spans="1:7" x14ac:dyDescent="0.3">
      <c r="A2692" s="13" t="s">
        <v>32</v>
      </c>
      <c r="B2692" s="14" t="s">
        <v>1</v>
      </c>
      <c r="C2692" s="14" t="s">
        <v>23</v>
      </c>
      <c r="D2692" s="14" t="s">
        <v>33</v>
      </c>
      <c r="E2692" s="15">
        <v>45513</v>
      </c>
      <c r="F2692" s="14" t="s">
        <v>15</v>
      </c>
      <c r="G2692" s="16">
        <v>2.1657791677044398</v>
      </c>
    </row>
    <row r="2693" spans="1:7" x14ac:dyDescent="0.3">
      <c r="A2693" s="13" t="s">
        <v>32</v>
      </c>
      <c r="B2693" s="14" t="s">
        <v>1</v>
      </c>
      <c r="C2693" s="14" t="s">
        <v>23</v>
      </c>
      <c r="D2693" s="14" t="s">
        <v>33</v>
      </c>
      <c r="E2693" s="15">
        <v>45514</v>
      </c>
      <c r="F2693" s="14" t="s">
        <v>15</v>
      </c>
      <c r="G2693" s="16">
        <v>2.1657791677044398</v>
      </c>
    </row>
    <row r="2694" spans="1:7" x14ac:dyDescent="0.3">
      <c r="A2694" s="13" t="s">
        <v>32</v>
      </c>
      <c r="B2694" s="14" t="s">
        <v>1</v>
      </c>
      <c r="C2694" s="14" t="s">
        <v>23</v>
      </c>
      <c r="D2694" s="14" t="s">
        <v>33</v>
      </c>
      <c r="E2694" s="15">
        <v>45515</v>
      </c>
      <c r="F2694" s="14" t="s">
        <v>15</v>
      </c>
      <c r="G2694" s="16">
        <v>2.1657791677044398</v>
      </c>
    </row>
    <row r="2695" spans="1:7" x14ac:dyDescent="0.3">
      <c r="A2695" s="13" t="s">
        <v>32</v>
      </c>
      <c r="B2695" s="14" t="s">
        <v>1</v>
      </c>
      <c r="C2695" s="14" t="s">
        <v>23</v>
      </c>
      <c r="D2695" s="14" t="s">
        <v>33</v>
      </c>
      <c r="E2695" s="15">
        <v>45516</v>
      </c>
      <c r="F2695" s="14" t="s">
        <v>15</v>
      </c>
      <c r="G2695" s="16">
        <v>2.1808570891723069</v>
      </c>
    </row>
    <row r="2696" spans="1:7" x14ac:dyDescent="0.3">
      <c r="A2696" s="13" t="s">
        <v>32</v>
      </c>
      <c r="B2696" s="14" t="s">
        <v>1</v>
      </c>
      <c r="C2696" s="14" t="s">
        <v>23</v>
      </c>
      <c r="D2696" s="14" t="s">
        <v>33</v>
      </c>
      <c r="E2696" s="15">
        <v>45517</v>
      </c>
      <c r="F2696" s="14" t="s">
        <v>15</v>
      </c>
      <c r="G2696" s="16">
        <v>2.2259350106401739</v>
      </c>
    </row>
    <row r="2697" spans="1:7" x14ac:dyDescent="0.3">
      <c r="A2697" s="13" t="s">
        <v>32</v>
      </c>
      <c r="B2697" s="14" t="s">
        <v>1</v>
      </c>
      <c r="C2697" s="14" t="s">
        <v>23</v>
      </c>
      <c r="D2697" s="14" t="s">
        <v>33</v>
      </c>
      <c r="E2697" s="15">
        <v>45518</v>
      </c>
      <c r="F2697" s="14" t="s">
        <v>15</v>
      </c>
      <c r="G2697" s="16">
        <v>2.2420129321080413</v>
      </c>
    </row>
    <row r="2698" spans="1:7" x14ac:dyDescent="0.3">
      <c r="A2698" s="13" t="s">
        <v>32</v>
      </c>
      <c r="B2698" s="14" t="s">
        <v>1</v>
      </c>
      <c r="C2698" s="14" t="s">
        <v>23</v>
      </c>
      <c r="D2698" s="14" t="s">
        <v>33</v>
      </c>
      <c r="E2698" s="15">
        <v>45519</v>
      </c>
      <c r="F2698" s="14" t="s">
        <v>15</v>
      </c>
      <c r="G2698" s="16">
        <v>2.2530908535759084</v>
      </c>
    </row>
    <row r="2699" spans="1:7" x14ac:dyDescent="0.3">
      <c r="A2699" s="13" t="s">
        <v>32</v>
      </c>
      <c r="B2699" s="14" t="s">
        <v>1</v>
      </c>
      <c r="C2699" s="14" t="s">
        <v>23</v>
      </c>
      <c r="D2699" s="14" t="s">
        <v>33</v>
      </c>
      <c r="E2699" s="15">
        <v>45520</v>
      </c>
      <c r="F2699" s="14" t="s">
        <v>15</v>
      </c>
      <c r="G2699" s="16">
        <v>2.2691687750437759</v>
      </c>
    </row>
    <row r="2700" spans="1:7" x14ac:dyDescent="0.3">
      <c r="A2700" s="13" t="s">
        <v>32</v>
      </c>
      <c r="B2700" s="14" t="s">
        <v>1</v>
      </c>
      <c r="C2700" s="14" t="s">
        <v>23</v>
      </c>
      <c r="D2700" s="14" t="s">
        <v>33</v>
      </c>
      <c r="E2700" s="15">
        <v>45521</v>
      </c>
      <c r="F2700" s="14" t="s">
        <v>15</v>
      </c>
      <c r="G2700" s="16">
        <v>2.2691687750437759</v>
      </c>
    </row>
    <row r="2701" spans="1:7" x14ac:dyDescent="0.3">
      <c r="A2701" s="13" t="s">
        <v>32</v>
      </c>
      <c r="B2701" s="14" t="s">
        <v>1</v>
      </c>
      <c r="C2701" s="14" t="s">
        <v>23</v>
      </c>
      <c r="D2701" s="14" t="s">
        <v>33</v>
      </c>
      <c r="E2701" s="15">
        <v>45522</v>
      </c>
      <c r="F2701" s="14" t="s">
        <v>15</v>
      </c>
      <c r="G2701" s="16">
        <v>2.2691687750437759</v>
      </c>
    </row>
    <row r="2702" spans="1:7" x14ac:dyDescent="0.3">
      <c r="A2702" s="13" t="s">
        <v>32</v>
      </c>
      <c r="B2702" s="14" t="s">
        <v>1</v>
      </c>
      <c r="C2702" s="14" t="s">
        <v>23</v>
      </c>
      <c r="D2702" s="14" t="s">
        <v>33</v>
      </c>
      <c r="E2702" s="15">
        <v>45523</v>
      </c>
      <c r="F2702" s="14" t="s">
        <v>15</v>
      </c>
      <c r="G2702" s="16">
        <v>2.2852466965116429</v>
      </c>
    </row>
    <row r="2703" spans="1:7" x14ac:dyDescent="0.3">
      <c r="A2703" s="13" t="s">
        <v>32</v>
      </c>
      <c r="B2703" s="14" t="s">
        <v>1</v>
      </c>
      <c r="C2703" s="14" t="s">
        <v>23</v>
      </c>
      <c r="D2703" s="14" t="s">
        <v>33</v>
      </c>
      <c r="E2703" s="15">
        <v>45524</v>
      </c>
      <c r="F2703" s="14" t="s">
        <v>15</v>
      </c>
      <c r="G2703" s="16">
        <v>2.3313246179795102</v>
      </c>
    </row>
    <row r="2704" spans="1:7" x14ac:dyDescent="0.3">
      <c r="A2704" s="13" t="s">
        <v>32</v>
      </c>
      <c r="B2704" s="14" t="s">
        <v>1</v>
      </c>
      <c r="C2704" s="14" t="s">
        <v>23</v>
      </c>
      <c r="D2704" s="14" t="s">
        <v>33</v>
      </c>
      <c r="E2704" s="15">
        <v>45525</v>
      </c>
      <c r="F2704" s="14" t="s">
        <v>15</v>
      </c>
      <c r="G2704" s="16">
        <v>2.3434025394473772</v>
      </c>
    </row>
    <row r="2705" spans="1:7" x14ac:dyDescent="0.3">
      <c r="A2705" s="13" t="s">
        <v>32</v>
      </c>
      <c r="B2705" s="14" t="s">
        <v>1</v>
      </c>
      <c r="C2705" s="14" t="s">
        <v>23</v>
      </c>
      <c r="D2705" s="14" t="s">
        <v>33</v>
      </c>
      <c r="E2705" s="15">
        <v>45526</v>
      </c>
      <c r="F2705" s="14" t="s">
        <v>15</v>
      </c>
      <c r="G2705" s="16">
        <v>2.3594804609152442</v>
      </c>
    </row>
    <row r="2706" spans="1:7" x14ac:dyDescent="0.3">
      <c r="A2706" s="13" t="s">
        <v>32</v>
      </c>
      <c r="B2706" s="14" t="s">
        <v>1</v>
      </c>
      <c r="C2706" s="14" t="s">
        <v>23</v>
      </c>
      <c r="D2706" s="14" t="s">
        <v>33</v>
      </c>
      <c r="E2706" s="15">
        <v>45527</v>
      </c>
      <c r="F2706" s="14" t="s">
        <v>15</v>
      </c>
      <c r="G2706" s="16">
        <v>2.3755583823831117</v>
      </c>
    </row>
    <row r="2707" spans="1:7" x14ac:dyDescent="0.3">
      <c r="A2707" s="13" t="s">
        <v>32</v>
      </c>
      <c r="B2707" s="14" t="s">
        <v>1</v>
      </c>
      <c r="C2707" s="14" t="s">
        <v>23</v>
      </c>
      <c r="D2707" s="14" t="s">
        <v>33</v>
      </c>
      <c r="E2707" s="15">
        <v>45528</v>
      </c>
      <c r="F2707" s="14" t="s">
        <v>15</v>
      </c>
      <c r="G2707" s="16">
        <v>2.3755583823831117</v>
      </c>
    </row>
    <row r="2708" spans="1:7" x14ac:dyDescent="0.3">
      <c r="A2708" s="13" t="s">
        <v>32</v>
      </c>
      <c r="B2708" s="14" t="s">
        <v>1</v>
      </c>
      <c r="C2708" s="14" t="s">
        <v>23</v>
      </c>
      <c r="D2708" s="14" t="s">
        <v>33</v>
      </c>
      <c r="E2708" s="15">
        <v>45529</v>
      </c>
      <c r="F2708" s="14" t="s">
        <v>15</v>
      </c>
      <c r="G2708" s="16">
        <v>2.3755583823831117</v>
      </c>
    </row>
    <row r="2709" spans="1:7" x14ac:dyDescent="0.3">
      <c r="A2709" s="13" t="s">
        <v>32</v>
      </c>
      <c r="B2709" s="14" t="s">
        <v>1</v>
      </c>
      <c r="C2709" s="14" t="s">
        <v>23</v>
      </c>
      <c r="D2709" s="14" t="s">
        <v>33</v>
      </c>
      <c r="E2709" s="15">
        <v>45530</v>
      </c>
      <c r="F2709" s="14" t="s">
        <v>15</v>
      </c>
      <c r="G2709" s="16">
        <v>2.3916363038509791</v>
      </c>
    </row>
    <row r="2710" spans="1:7" x14ac:dyDescent="0.3">
      <c r="A2710" s="13" t="s">
        <v>32</v>
      </c>
      <c r="B2710" s="14" t="s">
        <v>1</v>
      </c>
      <c r="C2710" s="14" t="s">
        <v>23</v>
      </c>
      <c r="D2710" s="14" t="s">
        <v>33</v>
      </c>
      <c r="E2710" s="15">
        <v>45531</v>
      </c>
      <c r="F2710" s="14" t="s">
        <v>15</v>
      </c>
      <c r="G2710" s="16">
        <v>2.437714225318846</v>
      </c>
    </row>
    <row r="2711" spans="1:7" x14ac:dyDescent="0.3">
      <c r="A2711" s="13" t="s">
        <v>32</v>
      </c>
      <c r="B2711" s="14" t="s">
        <v>1</v>
      </c>
      <c r="C2711" s="14" t="s">
        <v>23</v>
      </c>
      <c r="D2711" s="14" t="s">
        <v>33</v>
      </c>
      <c r="E2711" s="15">
        <v>45532</v>
      </c>
      <c r="F2711" s="14" t="s">
        <v>15</v>
      </c>
      <c r="G2711" s="16">
        <v>2.4547921467867129</v>
      </c>
    </row>
    <row r="2712" spans="1:7" x14ac:dyDescent="0.3">
      <c r="A2712" s="13" t="s">
        <v>32</v>
      </c>
      <c r="B2712" s="14" t="s">
        <v>1</v>
      </c>
      <c r="C2712" s="14" t="s">
        <v>23</v>
      </c>
      <c r="D2712" s="14" t="s">
        <v>33</v>
      </c>
      <c r="E2712" s="15">
        <v>45533</v>
      </c>
      <c r="F2712" s="14" t="s">
        <v>15</v>
      </c>
      <c r="G2712" s="16">
        <v>2.46987006825458</v>
      </c>
    </row>
    <row r="2713" spans="1:7" x14ac:dyDescent="0.3">
      <c r="A2713" s="13" t="s">
        <v>32</v>
      </c>
      <c r="B2713" s="14" t="s">
        <v>1</v>
      </c>
      <c r="C2713" s="14" t="s">
        <v>23</v>
      </c>
      <c r="D2713" s="14" t="s">
        <v>33</v>
      </c>
      <c r="E2713" s="15">
        <v>45534</v>
      </c>
      <c r="F2713" s="14" t="s">
        <v>15</v>
      </c>
      <c r="G2713" s="16">
        <v>2.4859479897224475</v>
      </c>
    </row>
    <row r="2714" spans="1:7" x14ac:dyDescent="0.3">
      <c r="A2714" s="13" t="s">
        <v>32</v>
      </c>
      <c r="B2714" s="14" t="s">
        <v>1</v>
      </c>
      <c r="C2714" s="14" t="s">
        <v>23</v>
      </c>
      <c r="D2714" s="14" t="s">
        <v>33</v>
      </c>
      <c r="E2714" s="15">
        <v>45535</v>
      </c>
      <c r="F2714" s="14" t="s">
        <v>15</v>
      </c>
      <c r="G2714" s="16">
        <v>2.4859479897224475</v>
      </c>
    </row>
    <row r="2715" spans="1:7" x14ac:dyDescent="0.3">
      <c r="A2715" s="13" t="s">
        <v>32</v>
      </c>
      <c r="B2715" s="14" t="s">
        <v>1</v>
      </c>
      <c r="C2715" s="14" t="s">
        <v>23</v>
      </c>
      <c r="D2715" s="14" t="s">
        <v>33</v>
      </c>
      <c r="E2715" s="15">
        <v>45536</v>
      </c>
      <c r="F2715" s="14" t="s">
        <v>15</v>
      </c>
      <c r="G2715" s="16">
        <v>2.4859479897224475</v>
      </c>
    </row>
    <row r="2716" spans="1:7" x14ac:dyDescent="0.3">
      <c r="A2716" s="13" t="s">
        <v>32</v>
      </c>
      <c r="B2716" s="14" t="s">
        <v>1</v>
      </c>
      <c r="C2716" s="14" t="s">
        <v>23</v>
      </c>
      <c r="D2716" s="14" t="s">
        <v>33</v>
      </c>
      <c r="E2716" s="15">
        <v>45537</v>
      </c>
      <c r="F2716" s="14" t="s">
        <v>15</v>
      </c>
      <c r="G2716" s="16">
        <v>2.4859479897224475</v>
      </c>
    </row>
    <row r="2717" spans="1:7" x14ac:dyDescent="0.3">
      <c r="A2717" s="13" t="s">
        <v>32</v>
      </c>
      <c r="B2717" s="14" t="s">
        <v>1</v>
      </c>
      <c r="C2717" s="14" t="s">
        <v>23</v>
      </c>
      <c r="D2717" s="14" t="s">
        <v>33</v>
      </c>
      <c r="E2717" s="15">
        <v>45538</v>
      </c>
      <c r="F2717" s="14" t="s">
        <v>15</v>
      </c>
      <c r="G2717" s="16">
        <v>2.5020259111903149</v>
      </c>
    </row>
    <row r="2718" spans="1:7" x14ac:dyDescent="0.3">
      <c r="A2718" s="13" t="s">
        <v>32</v>
      </c>
      <c r="B2718" s="14" t="s">
        <v>1</v>
      </c>
      <c r="C2718" s="14" t="s">
        <v>23</v>
      </c>
      <c r="D2718" s="14" t="s">
        <v>33</v>
      </c>
      <c r="E2718" s="15">
        <v>45539</v>
      </c>
      <c r="F2718" s="14" t="s">
        <v>15</v>
      </c>
      <c r="G2718" s="16">
        <v>2.554103832658182</v>
      </c>
    </row>
    <row r="2719" spans="1:7" x14ac:dyDescent="0.3">
      <c r="A2719" s="13" t="s">
        <v>32</v>
      </c>
      <c r="B2719" s="14" t="s">
        <v>1</v>
      </c>
      <c r="C2719" s="14" t="s">
        <v>23</v>
      </c>
      <c r="D2719" s="14" t="s">
        <v>33</v>
      </c>
      <c r="E2719" s="15">
        <v>45540</v>
      </c>
      <c r="F2719" s="14" t="s">
        <v>15</v>
      </c>
      <c r="G2719" s="16">
        <v>2.5701817541260494</v>
      </c>
    </row>
    <row r="2720" spans="1:7" x14ac:dyDescent="0.3">
      <c r="A2720" s="13" t="s">
        <v>32</v>
      </c>
      <c r="B2720" s="14" t="s">
        <v>1</v>
      </c>
      <c r="C2720" s="14" t="s">
        <v>23</v>
      </c>
      <c r="D2720" s="14" t="s">
        <v>33</v>
      </c>
      <c r="E2720" s="15">
        <v>45541</v>
      </c>
      <c r="F2720" s="14" t="s">
        <v>15</v>
      </c>
      <c r="G2720" s="16">
        <v>2.5872596755939163</v>
      </c>
    </row>
    <row r="2721" spans="1:7" x14ac:dyDescent="0.3">
      <c r="A2721" s="13" t="s">
        <v>32</v>
      </c>
      <c r="B2721" s="14" t="s">
        <v>1</v>
      </c>
      <c r="C2721" s="14" t="s">
        <v>23</v>
      </c>
      <c r="D2721" s="14" t="s">
        <v>33</v>
      </c>
      <c r="E2721" s="15">
        <v>45542</v>
      </c>
      <c r="F2721" s="14" t="s">
        <v>15</v>
      </c>
      <c r="G2721" s="16">
        <v>2.5872596755939163</v>
      </c>
    </row>
    <row r="2722" spans="1:7" x14ac:dyDescent="0.3">
      <c r="A2722" s="13" t="s">
        <v>32</v>
      </c>
      <c r="B2722" s="14" t="s">
        <v>1</v>
      </c>
      <c r="C2722" s="14" t="s">
        <v>23</v>
      </c>
      <c r="D2722" s="14" t="s">
        <v>33</v>
      </c>
      <c r="E2722" s="15">
        <v>45543</v>
      </c>
      <c r="F2722" s="14" t="s">
        <v>15</v>
      </c>
      <c r="G2722" s="16">
        <v>2.5872596755939163</v>
      </c>
    </row>
    <row r="2723" spans="1:7" x14ac:dyDescent="0.3">
      <c r="A2723" s="13" t="s">
        <v>32</v>
      </c>
      <c r="B2723" s="14" t="s">
        <v>1</v>
      </c>
      <c r="C2723" s="14" t="s">
        <v>23</v>
      </c>
      <c r="D2723" s="14" t="s">
        <v>33</v>
      </c>
      <c r="E2723" s="15">
        <v>45544</v>
      </c>
      <c r="F2723" s="14" t="s">
        <v>15</v>
      </c>
      <c r="G2723" s="16">
        <v>2.6313375970617834</v>
      </c>
    </row>
    <row r="2724" spans="1:7" x14ac:dyDescent="0.3">
      <c r="A2724" s="13" t="s">
        <v>32</v>
      </c>
      <c r="B2724" s="14" t="s">
        <v>1</v>
      </c>
      <c r="C2724" s="14" t="s">
        <v>23</v>
      </c>
      <c r="D2724" s="14" t="s">
        <v>33</v>
      </c>
      <c r="E2724" s="15">
        <v>45545</v>
      </c>
      <c r="F2724" s="14" t="s">
        <v>15</v>
      </c>
      <c r="G2724" s="16">
        <v>2.6734155185296506</v>
      </c>
    </row>
    <row r="2725" spans="1:7" x14ac:dyDescent="0.3">
      <c r="A2725" s="13" t="s">
        <v>32</v>
      </c>
      <c r="B2725" s="14" t="s">
        <v>1</v>
      </c>
      <c r="C2725" s="14" t="s">
        <v>23</v>
      </c>
      <c r="D2725" s="14" t="s">
        <v>33</v>
      </c>
      <c r="E2725" s="15">
        <v>45546</v>
      </c>
      <c r="F2725" s="14" t="s">
        <v>15</v>
      </c>
      <c r="G2725" s="16">
        <v>2.6884934399975178</v>
      </c>
    </row>
    <row r="2726" spans="1:7" x14ac:dyDescent="0.3">
      <c r="A2726" s="13" t="s">
        <v>32</v>
      </c>
      <c r="B2726" s="14" t="s">
        <v>1</v>
      </c>
      <c r="C2726" s="14" t="s">
        <v>23</v>
      </c>
      <c r="D2726" s="14" t="s">
        <v>33</v>
      </c>
      <c r="E2726" s="15">
        <v>45547</v>
      </c>
      <c r="F2726" s="14" t="s">
        <v>15</v>
      </c>
      <c r="G2726" s="16">
        <v>2.7045713614653848</v>
      </c>
    </row>
    <row r="2727" spans="1:7" x14ac:dyDescent="0.3">
      <c r="A2727" s="13" t="s">
        <v>32</v>
      </c>
      <c r="B2727" s="14" t="s">
        <v>1</v>
      </c>
      <c r="C2727" s="14" t="s">
        <v>23</v>
      </c>
      <c r="D2727" s="14" t="s">
        <v>33</v>
      </c>
      <c r="E2727" s="15">
        <v>45548</v>
      </c>
      <c r="F2727" s="14" t="s">
        <v>15</v>
      </c>
      <c r="G2727" s="16">
        <v>2.7206492829332523</v>
      </c>
    </row>
    <row r="2728" spans="1:7" x14ac:dyDescent="0.3">
      <c r="A2728" s="13" t="s">
        <v>32</v>
      </c>
      <c r="B2728" s="14" t="s">
        <v>1</v>
      </c>
      <c r="C2728" s="14" t="s">
        <v>23</v>
      </c>
      <c r="D2728" s="14" t="s">
        <v>33</v>
      </c>
      <c r="E2728" s="15">
        <v>45549</v>
      </c>
      <c r="F2728" s="14" t="s">
        <v>15</v>
      </c>
      <c r="G2728" s="16">
        <v>2.7206492829332523</v>
      </c>
    </row>
    <row r="2729" spans="1:7" x14ac:dyDescent="0.3">
      <c r="A2729" s="13" t="s">
        <v>32</v>
      </c>
      <c r="B2729" s="14" t="s">
        <v>1</v>
      </c>
      <c r="C2729" s="14" t="s">
        <v>23</v>
      </c>
      <c r="D2729" s="14" t="s">
        <v>33</v>
      </c>
      <c r="E2729" s="15">
        <v>45550</v>
      </c>
      <c r="F2729" s="14" t="s">
        <v>15</v>
      </c>
      <c r="G2729" s="16">
        <v>2.7206492829332523</v>
      </c>
    </row>
    <row r="2730" spans="1:7" x14ac:dyDescent="0.3">
      <c r="A2730" s="13" t="s">
        <v>32</v>
      </c>
      <c r="B2730" s="14" t="s">
        <v>1</v>
      </c>
      <c r="C2730" s="14" t="s">
        <v>23</v>
      </c>
      <c r="D2730" s="14" t="s">
        <v>33</v>
      </c>
      <c r="E2730" s="15">
        <v>45551</v>
      </c>
      <c r="F2730" s="14" t="s">
        <v>15</v>
      </c>
      <c r="G2730" s="16">
        <v>2.7367272044011193</v>
      </c>
    </row>
    <row r="2731" spans="1:7" x14ac:dyDescent="0.3">
      <c r="A2731" s="13" t="s">
        <v>32</v>
      </c>
      <c r="B2731" s="14" t="s">
        <v>1</v>
      </c>
      <c r="C2731" s="14" t="s">
        <v>23</v>
      </c>
      <c r="D2731" s="14" t="s">
        <v>33</v>
      </c>
      <c r="E2731" s="15">
        <v>45552</v>
      </c>
      <c r="F2731" s="14" t="s">
        <v>15</v>
      </c>
      <c r="G2731" s="16">
        <v>2.7848051258689863</v>
      </c>
    </row>
    <row r="2732" spans="1:7" x14ac:dyDescent="0.3">
      <c r="A2732" s="13" t="s">
        <v>32</v>
      </c>
      <c r="B2732" s="14" t="s">
        <v>1</v>
      </c>
      <c r="C2732" s="14" t="s">
        <v>23</v>
      </c>
      <c r="D2732" s="14" t="s">
        <v>33</v>
      </c>
      <c r="E2732" s="15">
        <v>45553</v>
      </c>
      <c r="F2732" s="14" t="s">
        <v>15</v>
      </c>
      <c r="G2732" s="16">
        <v>2.8018830473368537</v>
      </c>
    </row>
    <row r="2733" spans="1:7" x14ac:dyDescent="0.3">
      <c r="A2733" s="13" t="s">
        <v>32</v>
      </c>
      <c r="B2733" s="14" t="s">
        <v>1</v>
      </c>
      <c r="C2733" s="14" t="s">
        <v>23</v>
      </c>
      <c r="D2733" s="14" t="s">
        <v>33</v>
      </c>
      <c r="E2733" s="15">
        <v>45554</v>
      </c>
      <c r="F2733" s="14" t="s">
        <v>15</v>
      </c>
      <c r="G2733" s="16">
        <v>2.8179609688047207</v>
      </c>
    </row>
    <row r="2734" spans="1:7" x14ac:dyDescent="0.3">
      <c r="A2734" s="13" t="s">
        <v>32</v>
      </c>
      <c r="B2734" s="14" t="s">
        <v>1</v>
      </c>
      <c r="C2734" s="14" t="s">
        <v>23</v>
      </c>
      <c r="D2734" s="14" t="s">
        <v>33</v>
      </c>
      <c r="E2734" s="15">
        <v>45555</v>
      </c>
      <c r="F2734" s="14" t="s">
        <v>15</v>
      </c>
      <c r="G2734" s="16">
        <v>2.835038890272588</v>
      </c>
    </row>
    <row r="2735" spans="1:7" x14ac:dyDescent="0.3">
      <c r="A2735" s="13" t="s">
        <v>32</v>
      </c>
      <c r="B2735" s="14" t="s">
        <v>1</v>
      </c>
      <c r="C2735" s="14" t="s">
        <v>23</v>
      </c>
      <c r="D2735" s="14" t="s">
        <v>33</v>
      </c>
      <c r="E2735" s="15">
        <v>45556</v>
      </c>
      <c r="F2735" s="14" t="s">
        <v>15</v>
      </c>
      <c r="G2735" s="16">
        <v>2.835038890272588</v>
      </c>
    </row>
    <row r="2736" spans="1:7" x14ac:dyDescent="0.3">
      <c r="A2736" s="13" t="s">
        <v>32</v>
      </c>
      <c r="B2736" s="14" t="s">
        <v>1</v>
      </c>
      <c r="C2736" s="14" t="s">
        <v>23</v>
      </c>
      <c r="D2736" s="14" t="s">
        <v>33</v>
      </c>
      <c r="E2736" s="15">
        <v>45557</v>
      </c>
      <c r="F2736" s="14" t="s">
        <v>15</v>
      </c>
      <c r="G2736" s="16">
        <v>2.835038890272588</v>
      </c>
    </row>
    <row r="2737" spans="1:7" x14ac:dyDescent="0.3">
      <c r="A2737" s="13" t="s">
        <v>32</v>
      </c>
      <c r="B2737" s="14" t="s">
        <v>1</v>
      </c>
      <c r="C2737" s="14" t="s">
        <v>23</v>
      </c>
      <c r="D2737" s="14" t="s">
        <v>33</v>
      </c>
      <c r="E2737" s="15">
        <v>45558</v>
      </c>
      <c r="F2737" s="14" t="s">
        <v>15</v>
      </c>
      <c r="G2737" s="16">
        <v>2.8511168117404551</v>
      </c>
    </row>
    <row r="2738" spans="1:7" x14ac:dyDescent="0.3">
      <c r="A2738" s="13" t="s">
        <v>32</v>
      </c>
      <c r="B2738" s="14" t="s">
        <v>1</v>
      </c>
      <c r="C2738" s="14" t="s">
        <v>23</v>
      </c>
      <c r="D2738" s="14" t="s">
        <v>33</v>
      </c>
      <c r="E2738" s="15">
        <v>45559</v>
      </c>
      <c r="F2738" s="14" t="s">
        <v>15</v>
      </c>
      <c r="G2738" s="16">
        <v>2.9121947332083225</v>
      </c>
    </row>
    <row r="2739" spans="1:7" x14ac:dyDescent="0.3">
      <c r="A2739" s="13" t="s">
        <v>32</v>
      </c>
      <c r="B2739" s="14" t="s">
        <v>1</v>
      </c>
      <c r="C2739" s="14" t="s">
        <v>23</v>
      </c>
      <c r="D2739" s="14" t="s">
        <v>33</v>
      </c>
      <c r="E2739" s="15">
        <v>45560</v>
      </c>
      <c r="F2739" s="14" t="s">
        <v>15</v>
      </c>
      <c r="G2739" s="16">
        <v>2.9292726546761894</v>
      </c>
    </row>
    <row r="2740" spans="1:7" x14ac:dyDescent="0.3">
      <c r="A2740" s="13" t="s">
        <v>32</v>
      </c>
      <c r="B2740" s="14" t="s">
        <v>1</v>
      </c>
      <c r="C2740" s="14" t="s">
        <v>23</v>
      </c>
      <c r="D2740" s="14" t="s">
        <v>33</v>
      </c>
      <c r="E2740" s="15">
        <v>45561</v>
      </c>
      <c r="F2740" s="14" t="s">
        <v>15</v>
      </c>
      <c r="G2740" s="16">
        <v>2.9463505761440567</v>
      </c>
    </row>
    <row r="2741" spans="1:7" x14ac:dyDescent="0.3">
      <c r="A2741" s="13" t="s">
        <v>32</v>
      </c>
      <c r="B2741" s="14" t="s">
        <v>1</v>
      </c>
      <c r="C2741" s="14" t="s">
        <v>23</v>
      </c>
      <c r="D2741" s="14" t="s">
        <v>33</v>
      </c>
      <c r="E2741" s="15">
        <v>45562</v>
      </c>
      <c r="F2741" s="14" t="s">
        <v>15</v>
      </c>
      <c r="G2741" s="16">
        <v>2.9654284976119234</v>
      </c>
    </row>
    <row r="2742" spans="1:7" x14ac:dyDescent="0.3">
      <c r="A2742" s="13" t="s">
        <v>32</v>
      </c>
      <c r="B2742" s="14" t="s">
        <v>1</v>
      </c>
      <c r="C2742" s="14" t="s">
        <v>23</v>
      </c>
      <c r="D2742" s="14" t="s">
        <v>33</v>
      </c>
      <c r="E2742" s="15">
        <v>45563</v>
      </c>
      <c r="F2742" s="14" t="s">
        <v>15</v>
      </c>
      <c r="G2742" s="16">
        <v>2.9654284976119234</v>
      </c>
    </row>
    <row r="2743" spans="1:7" x14ac:dyDescent="0.3">
      <c r="A2743" s="13" t="s">
        <v>32</v>
      </c>
      <c r="B2743" s="14" t="s">
        <v>1</v>
      </c>
      <c r="C2743" s="14" t="s">
        <v>23</v>
      </c>
      <c r="D2743" s="14" t="s">
        <v>33</v>
      </c>
      <c r="E2743" s="15">
        <v>45564</v>
      </c>
      <c r="F2743" s="14" t="s">
        <v>15</v>
      </c>
      <c r="G2743" s="16">
        <v>2.9654284976119234</v>
      </c>
    </row>
    <row r="2744" spans="1:7" x14ac:dyDescent="0.3">
      <c r="A2744" s="13" t="s">
        <v>32</v>
      </c>
      <c r="B2744" s="14" t="s">
        <v>1</v>
      </c>
      <c r="C2744" s="14" t="s">
        <v>23</v>
      </c>
      <c r="D2744" s="14" t="s">
        <v>33</v>
      </c>
      <c r="E2744" s="15">
        <v>45565</v>
      </c>
      <c r="F2744" s="14" t="s">
        <v>15</v>
      </c>
      <c r="G2744" s="16">
        <v>2.9815064190797909</v>
      </c>
    </row>
    <row r="2745" spans="1:7" x14ac:dyDescent="0.3">
      <c r="A2745" s="13" t="s">
        <v>32</v>
      </c>
      <c r="B2745" s="14" t="s">
        <v>1</v>
      </c>
      <c r="C2745" s="14" t="s">
        <v>23</v>
      </c>
      <c r="D2745" s="14" t="s">
        <v>33</v>
      </c>
      <c r="E2745" s="15">
        <v>45566</v>
      </c>
      <c r="F2745" s="14" t="s">
        <v>15</v>
      </c>
      <c r="G2745" s="16">
        <v>3.0295843405476579</v>
      </c>
    </row>
    <row r="2746" spans="1:7" x14ac:dyDescent="0.3">
      <c r="A2746" s="13" t="s">
        <v>32</v>
      </c>
      <c r="B2746" s="14" t="s">
        <v>1</v>
      </c>
      <c r="C2746" s="14" t="s">
        <v>23</v>
      </c>
      <c r="D2746" s="14" t="s">
        <v>33</v>
      </c>
      <c r="E2746" s="15">
        <v>45567</v>
      </c>
      <c r="F2746" s="14" t="s">
        <v>15</v>
      </c>
      <c r="G2746" s="16">
        <v>3.0456622620155249</v>
      </c>
    </row>
    <row r="2747" spans="1:7" x14ac:dyDescent="0.3">
      <c r="A2747" s="13" t="s">
        <v>32</v>
      </c>
      <c r="B2747" s="14" t="s">
        <v>1</v>
      </c>
      <c r="C2747" s="14" t="s">
        <v>23</v>
      </c>
      <c r="D2747" s="14" t="s">
        <v>33</v>
      </c>
      <c r="E2747" s="15">
        <v>45568</v>
      </c>
      <c r="F2747" s="14" t="s">
        <v>15</v>
      </c>
      <c r="G2747" s="16">
        <v>3.0527401834833925</v>
      </c>
    </row>
    <row r="2748" spans="1:7" x14ac:dyDescent="0.3">
      <c r="A2748" s="13" t="s">
        <v>32</v>
      </c>
      <c r="B2748" s="14" t="s">
        <v>1</v>
      </c>
      <c r="C2748" s="14" t="s">
        <v>23</v>
      </c>
      <c r="D2748" s="14" t="s">
        <v>33</v>
      </c>
      <c r="E2748" s="15">
        <v>45569</v>
      </c>
      <c r="F2748" s="14" t="s">
        <v>15</v>
      </c>
      <c r="G2748" s="16">
        <v>3.0698181049512594</v>
      </c>
    </row>
    <row r="2749" spans="1:7" x14ac:dyDescent="0.3">
      <c r="A2749" s="13" t="s">
        <v>32</v>
      </c>
      <c r="B2749" s="14" t="s">
        <v>1</v>
      </c>
      <c r="C2749" s="14" t="s">
        <v>23</v>
      </c>
      <c r="D2749" s="14" t="s">
        <v>33</v>
      </c>
      <c r="E2749" s="15">
        <v>45570</v>
      </c>
      <c r="F2749" s="14" t="s">
        <v>15</v>
      </c>
      <c r="G2749" s="16">
        <v>3.0698181049512594</v>
      </c>
    </row>
    <row r="2750" spans="1:7" x14ac:dyDescent="0.3">
      <c r="A2750" s="13" t="s">
        <v>32</v>
      </c>
      <c r="B2750" s="14" t="s">
        <v>1</v>
      </c>
      <c r="C2750" s="14" t="s">
        <v>23</v>
      </c>
      <c r="D2750" s="14" t="s">
        <v>33</v>
      </c>
      <c r="E2750" s="15">
        <v>45571</v>
      </c>
      <c r="F2750" s="14" t="s">
        <v>15</v>
      </c>
      <c r="G2750" s="16">
        <v>3.0698181049512594</v>
      </c>
    </row>
    <row r="2751" spans="1:7" x14ac:dyDescent="0.3">
      <c r="A2751" s="13" t="s">
        <v>32</v>
      </c>
      <c r="B2751" s="14" t="s">
        <v>1</v>
      </c>
      <c r="C2751" s="14" t="s">
        <v>23</v>
      </c>
      <c r="D2751" s="14" t="s">
        <v>33</v>
      </c>
      <c r="E2751" s="15">
        <v>45572</v>
      </c>
      <c r="F2751" s="14" t="s">
        <v>15</v>
      </c>
      <c r="G2751" s="16">
        <v>3.1098960264191264</v>
      </c>
    </row>
    <row r="2752" spans="1:7" x14ac:dyDescent="0.3">
      <c r="A2752" s="13" t="s">
        <v>32</v>
      </c>
      <c r="B2752" s="14" t="s">
        <v>1</v>
      </c>
      <c r="C2752" s="14" t="s">
        <v>23</v>
      </c>
      <c r="D2752" s="14" t="s">
        <v>33</v>
      </c>
      <c r="E2752" s="15">
        <v>45573</v>
      </c>
      <c r="F2752" s="14" t="s">
        <v>15</v>
      </c>
      <c r="G2752" s="16">
        <v>3.1619739478869939</v>
      </c>
    </row>
    <row r="2753" spans="1:7" x14ac:dyDescent="0.3">
      <c r="A2753" s="13" t="s">
        <v>32</v>
      </c>
      <c r="B2753" s="14" t="s">
        <v>1</v>
      </c>
      <c r="C2753" s="14" t="s">
        <v>23</v>
      </c>
      <c r="D2753" s="14" t="s">
        <v>33</v>
      </c>
      <c r="E2753" s="15">
        <v>45574</v>
      </c>
      <c r="F2753" s="14" t="s">
        <v>15</v>
      </c>
      <c r="G2753" s="16">
        <v>3.1790518693548608</v>
      </c>
    </row>
    <row r="2754" spans="1:7" x14ac:dyDescent="0.3">
      <c r="A2754" s="13" t="s">
        <v>32</v>
      </c>
      <c r="B2754" s="14" t="s">
        <v>1</v>
      </c>
      <c r="C2754" s="14" t="s">
        <v>23</v>
      </c>
      <c r="D2754" s="14" t="s">
        <v>33</v>
      </c>
      <c r="E2754" s="15">
        <v>45575</v>
      </c>
      <c r="F2754" s="14" t="s">
        <v>15</v>
      </c>
      <c r="G2754" s="16">
        <v>3.1961297908227282</v>
      </c>
    </row>
    <row r="2755" spans="1:7" x14ac:dyDescent="0.3">
      <c r="A2755" s="13" t="s">
        <v>32</v>
      </c>
      <c r="B2755" s="14" t="s">
        <v>1</v>
      </c>
      <c r="C2755" s="14" t="s">
        <v>23</v>
      </c>
      <c r="D2755" s="14" t="s">
        <v>33</v>
      </c>
      <c r="E2755" s="15">
        <v>45576</v>
      </c>
      <c r="F2755" s="14" t="s">
        <v>15</v>
      </c>
      <c r="G2755" s="16">
        <v>3.2132077122905955</v>
      </c>
    </row>
    <row r="2756" spans="1:7" x14ac:dyDescent="0.3">
      <c r="A2756" s="13" t="s">
        <v>32</v>
      </c>
      <c r="B2756" s="14" t="s">
        <v>1</v>
      </c>
      <c r="C2756" s="14" t="s">
        <v>23</v>
      </c>
      <c r="D2756" s="14" t="s">
        <v>33</v>
      </c>
      <c r="E2756" s="15">
        <v>45577</v>
      </c>
      <c r="F2756" s="14" t="s">
        <v>15</v>
      </c>
      <c r="G2756" s="16">
        <v>3.2132077122905955</v>
      </c>
    </row>
    <row r="2757" spans="1:7" x14ac:dyDescent="0.3">
      <c r="A2757" s="13" t="s">
        <v>32</v>
      </c>
      <c r="B2757" s="14" t="s">
        <v>1</v>
      </c>
      <c r="C2757" s="14" t="s">
        <v>23</v>
      </c>
      <c r="D2757" s="14" t="s">
        <v>33</v>
      </c>
      <c r="E2757" s="15">
        <v>45578</v>
      </c>
      <c r="F2757" s="14" t="s">
        <v>15</v>
      </c>
      <c r="G2757" s="16">
        <v>3.2132077122905955</v>
      </c>
    </row>
    <row r="2758" spans="1:7" x14ac:dyDescent="0.3">
      <c r="A2758" s="13" t="s">
        <v>32</v>
      </c>
      <c r="B2758" s="14" t="s">
        <v>1</v>
      </c>
      <c r="C2758" s="14" t="s">
        <v>23</v>
      </c>
      <c r="D2758" s="14" t="s">
        <v>33</v>
      </c>
      <c r="E2758" s="15">
        <v>45579</v>
      </c>
      <c r="F2758" s="14" t="s">
        <v>15</v>
      </c>
      <c r="G2758" s="16">
        <v>3.2132077122905955</v>
      </c>
    </row>
    <row r="2759" spans="1:7" x14ac:dyDescent="0.3">
      <c r="A2759" s="13" t="s">
        <v>32</v>
      </c>
      <c r="B2759" s="14" t="s">
        <v>1</v>
      </c>
      <c r="C2759" s="14" t="s">
        <v>23</v>
      </c>
      <c r="D2759" s="14" t="s">
        <v>33</v>
      </c>
      <c r="E2759" s="15">
        <v>45580</v>
      </c>
      <c r="F2759" s="14" t="s">
        <v>15</v>
      </c>
      <c r="G2759" s="16">
        <v>3.2302856337584629</v>
      </c>
    </row>
    <row r="2760" spans="1:7" x14ac:dyDescent="0.3">
      <c r="A2760" s="13" t="s">
        <v>32</v>
      </c>
      <c r="B2760" s="14" t="s">
        <v>1</v>
      </c>
      <c r="C2760" s="14" t="s">
        <v>23</v>
      </c>
      <c r="D2760" s="14" t="s">
        <v>33</v>
      </c>
      <c r="E2760" s="15">
        <v>45581</v>
      </c>
      <c r="F2760" s="14" t="s">
        <v>15</v>
      </c>
      <c r="G2760" s="16">
        <v>3.2963635552263297</v>
      </c>
    </row>
    <row r="2761" spans="1:7" x14ac:dyDescent="0.3">
      <c r="A2761" s="13" t="s">
        <v>32</v>
      </c>
      <c r="B2761" s="14" t="s">
        <v>1</v>
      </c>
      <c r="C2761" s="14" t="s">
        <v>23</v>
      </c>
      <c r="D2761" s="14" t="s">
        <v>33</v>
      </c>
      <c r="E2761" s="15">
        <v>45582</v>
      </c>
      <c r="F2761" s="14" t="s">
        <v>15</v>
      </c>
      <c r="G2761" s="16">
        <v>3.3134414766941971</v>
      </c>
    </row>
    <row r="2762" spans="1:7" x14ac:dyDescent="0.3">
      <c r="A2762" s="13" t="s">
        <v>32</v>
      </c>
      <c r="B2762" s="14" t="s">
        <v>1</v>
      </c>
      <c r="C2762" s="14" t="s">
        <v>23</v>
      </c>
      <c r="D2762" s="14" t="s">
        <v>33</v>
      </c>
      <c r="E2762" s="15">
        <v>45583</v>
      </c>
      <c r="F2762" s="14" t="s">
        <v>15</v>
      </c>
      <c r="G2762" s="16">
        <v>3.3305193981620649</v>
      </c>
    </row>
    <row r="2763" spans="1:7" x14ac:dyDescent="0.3">
      <c r="A2763" s="13" t="s">
        <v>32</v>
      </c>
      <c r="B2763" s="14" t="s">
        <v>1</v>
      </c>
      <c r="C2763" s="14" t="s">
        <v>23</v>
      </c>
      <c r="D2763" s="14" t="s">
        <v>33</v>
      </c>
      <c r="E2763" s="15">
        <v>45584</v>
      </c>
      <c r="F2763" s="14" t="s">
        <v>15</v>
      </c>
      <c r="G2763" s="16">
        <v>3.3305193981620649</v>
      </c>
    </row>
    <row r="2764" spans="1:7" x14ac:dyDescent="0.3">
      <c r="A2764" s="13" t="s">
        <v>32</v>
      </c>
      <c r="B2764" s="14" t="s">
        <v>1</v>
      </c>
      <c r="C2764" s="14" t="s">
        <v>23</v>
      </c>
      <c r="D2764" s="14" t="s">
        <v>33</v>
      </c>
      <c r="E2764" s="15">
        <v>45585</v>
      </c>
      <c r="F2764" s="14" t="s">
        <v>15</v>
      </c>
      <c r="G2764" s="16">
        <v>3.3305193981620649</v>
      </c>
    </row>
    <row r="2765" spans="1:7" x14ac:dyDescent="0.3">
      <c r="A2765" s="13" t="s">
        <v>32</v>
      </c>
      <c r="B2765" s="14" t="s">
        <v>1</v>
      </c>
      <c r="C2765" s="14" t="s">
        <v>23</v>
      </c>
      <c r="D2765" s="14" t="s">
        <v>33</v>
      </c>
      <c r="E2765" s="15">
        <v>45586</v>
      </c>
      <c r="F2765" s="14" t="s">
        <v>15</v>
      </c>
      <c r="G2765" s="16">
        <v>3.3465973196299315</v>
      </c>
    </row>
    <row r="2766" spans="1:7" x14ac:dyDescent="0.3">
      <c r="A2766" s="13" t="s">
        <v>32</v>
      </c>
      <c r="B2766" s="14" t="s">
        <v>1</v>
      </c>
      <c r="C2766" s="14" t="s">
        <v>23</v>
      </c>
      <c r="D2766" s="14" t="s">
        <v>33</v>
      </c>
      <c r="E2766" s="15">
        <v>45587</v>
      </c>
      <c r="F2766" s="14" t="s">
        <v>15</v>
      </c>
      <c r="G2766" s="16">
        <v>3.3956752410977993</v>
      </c>
    </row>
    <row r="2767" spans="1:7" x14ac:dyDescent="0.3">
      <c r="A2767" s="13" t="s">
        <v>32</v>
      </c>
      <c r="B2767" s="14" t="s">
        <v>1</v>
      </c>
      <c r="C2767" s="14" t="s">
        <v>23</v>
      </c>
      <c r="D2767" s="14" t="s">
        <v>33</v>
      </c>
      <c r="E2767" s="15">
        <v>45588</v>
      </c>
      <c r="F2767" s="14" t="s">
        <v>15</v>
      </c>
      <c r="G2767" s="16">
        <v>3.4127531625656666</v>
      </c>
    </row>
    <row r="2768" spans="1:7" x14ac:dyDescent="0.3">
      <c r="A2768" s="13" t="s">
        <v>32</v>
      </c>
      <c r="B2768" s="14" t="s">
        <v>1</v>
      </c>
      <c r="C2768" s="14" t="s">
        <v>23</v>
      </c>
      <c r="D2768" s="14" t="s">
        <v>33</v>
      </c>
      <c r="E2768" s="15">
        <v>45589</v>
      </c>
      <c r="F2768" s="14" t="s">
        <v>15</v>
      </c>
      <c r="G2768" s="16">
        <v>3.429831084033534</v>
      </c>
    </row>
    <row r="2769" spans="1:7" x14ac:dyDescent="0.3">
      <c r="A2769" s="13" t="s">
        <v>32</v>
      </c>
      <c r="B2769" s="14" t="s">
        <v>1</v>
      </c>
      <c r="C2769" s="14" t="s">
        <v>23</v>
      </c>
      <c r="D2769" s="14" t="s">
        <v>33</v>
      </c>
      <c r="E2769" s="15">
        <v>45590</v>
      </c>
      <c r="F2769" s="14" t="s">
        <v>15</v>
      </c>
      <c r="G2769" s="16">
        <v>3.4469090055014013</v>
      </c>
    </row>
    <row r="2770" spans="1:7" x14ac:dyDescent="0.3">
      <c r="A2770" s="13" t="s">
        <v>32</v>
      </c>
      <c r="B2770" s="14" t="s">
        <v>1</v>
      </c>
      <c r="C2770" s="14" t="s">
        <v>23</v>
      </c>
      <c r="D2770" s="14" t="s">
        <v>33</v>
      </c>
      <c r="E2770" s="15">
        <v>45591</v>
      </c>
      <c r="F2770" s="14" t="s">
        <v>15</v>
      </c>
      <c r="G2770" s="16">
        <v>3.4469090055014013</v>
      </c>
    </row>
    <row r="2771" spans="1:7" x14ac:dyDescent="0.3">
      <c r="A2771" s="13" t="s">
        <v>32</v>
      </c>
      <c r="B2771" s="14" t="s">
        <v>1</v>
      </c>
      <c r="C2771" s="14" t="s">
        <v>23</v>
      </c>
      <c r="D2771" s="14" t="s">
        <v>33</v>
      </c>
      <c r="E2771" s="15">
        <v>45592</v>
      </c>
      <c r="F2771" s="14" t="s">
        <v>15</v>
      </c>
      <c r="G2771" s="16">
        <v>3.4469090055014013</v>
      </c>
    </row>
    <row r="2772" spans="1:7" x14ac:dyDescent="0.3">
      <c r="A2772" s="13" t="s">
        <v>32</v>
      </c>
      <c r="B2772" s="14" t="s">
        <v>1</v>
      </c>
      <c r="C2772" s="14" t="s">
        <v>23</v>
      </c>
      <c r="D2772" s="14" t="s">
        <v>33</v>
      </c>
      <c r="E2772" s="15">
        <v>45593</v>
      </c>
      <c r="F2772" s="14" t="s">
        <v>15</v>
      </c>
      <c r="G2772" s="16">
        <v>3.4469090055014013</v>
      </c>
    </row>
    <row r="2773" spans="1:7" x14ac:dyDescent="0.3">
      <c r="A2773" s="13" t="s">
        <v>32</v>
      </c>
      <c r="B2773" s="14" t="s">
        <v>1</v>
      </c>
      <c r="C2773" s="14" t="s">
        <v>23</v>
      </c>
      <c r="D2773" s="14" t="s">
        <v>33</v>
      </c>
      <c r="E2773" s="15">
        <v>45594</v>
      </c>
      <c r="F2773" s="14" t="s">
        <v>15</v>
      </c>
      <c r="G2773" s="16">
        <v>3.4669869269692684</v>
      </c>
    </row>
    <row r="2774" spans="1:7" x14ac:dyDescent="0.3">
      <c r="A2774" s="13" t="s">
        <v>32</v>
      </c>
      <c r="B2774" s="14" t="s">
        <v>1</v>
      </c>
      <c r="C2774" s="14" t="s">
        <v>23</v>
      </c>
      <c r="D2774" s="14" t="s">
        <v>33</v>
      </c>
      <c r="E2774" s="15">
        <v>45595</v>
      </c>
      <c r="F2774" s="14" t="s">
        <v>15</v>
      </c>
      <c r="G2774" s="16">
        <v>3.5310648484371354</v>
      </c>
    </row>
    <row r="2775" spans="1:7" x14ac:dyDescent="0.3">
      <c r="A2775" s="13" t="s">
        <v>32</v>
      </c>
      <c r="B2775" s="14" t="s">
        <v>1</v>
      </c>
      <c r="C2775" s="14" t="s">
        <v>23</v>
      </c>
      <c r="D2775" s="14" t="s">
        <v>33</v>
      </c>
      <c r="E2775" s="15">
        <v>45596</v>
      </c>
      <c r="F2775" s="14" t="s">
        <v>15</v>
      </c>
      <c r="G2775" s="16">
        <v>3.5351427699050029</v>
      </c>
    </row>
    <row r="2776" spans="1:7" x14ac:dyDescent="0.3">
      <c r="A2776" s="13" t="s">
        <v>32</v>
      </c>
      <c r="B2776" s="14" t="s">
        <v>1</v>
      </c>
      <c r="C2776" s="14" t="s">
        <v>23</v>
      </c>
      <c r="D2776" s="14" t="s">
        <v>33</v>
      </c>
      <c r="E2776" s="15">
        <v>45597</v>
      </c>
      <c r="F2776" s="14" t="s">
        <v>15</v>
      </c>
      <c r="G2776" s="16">
        <v>3.5512206913728699</v>
      </c>
    </row>
    <row r="2777" spans="1:7" x14ac:dyDescent="0.3">
      <c r="A2777" s="13" t="s">
        <v>32</v>
      </c>
      <c r="B2777" s="14" t="s">
        <v>1</v>
      </c>
      <c r="C2777" s="14" t="s">
        <v>23</v>
      </c>
      <c r="D2777" s="14" t="s">
        <v>33</v>
      </c>
      <c r="E2777" s="15">
        <v>45598</v>
      </c>
      <c r="F2777" s="14" t="s">
        <v>15</v>
      </c>
      <c r="G2777" s="16">
        <v>3.5512206913728699</v>
      </c>
    </row>
    <row r="2778" spans="1:7" x14ac:dyDescent="0.3">
      <c r="A2778" s="13" t="s">
        <v>32</v>
      </c>
      <c r="B2778" s="14" t="s">
        <v>1</v>
      </c>
      <c r="C2778" s="14" t="s">
        <v>23</v>
      </c>
      <c r="D2778" s="14" t="s">
        <v>33</v>
      </c>
      <c r="E2778" s="15">
        <v>45599</v>
      </c>
      <c r="F2778" s="14" t="s">
        <v>15</v>
      </c>
      <c r="G2778" s="16">
        <v>3.5512206913728699</v>
      </c>
    </row>
    <row r="2779" spans="1:7" x14ac:dyDescent="0.3">
      <c r="A2779" s="13" t="s">
        <v>32</v>
      </c>
      <c r="B2779" s="14" t="s">
        <v>1</v>
      </c>
      <c r="C2779" s="14" t="s">
        <v>23</v>
      </c>
      <c r="D2779" s="14" t="s">
        <v>33</v>
      </c>
      <c r="E2779" s="15">
        <v>45600</v>
      </c>
      <c r="F2779" s="14" t="s">
        <v>15</v>
      </c>
      <c r="G2779" s="16">
        <v>3.558298612840737</v>
      </c>
    </row>
    <row r="2780" spans="1:7" x14ac:dyDescent="0.3">
      <c r="A2780" s="13" t="s">
        <v>32</v>
      </c>
      <c r="B2780" s="14" t="s">
        <v>1</v>
      </c>
      <c r="C2780" s="14" t="s">
        <v>23</v>
      </c>
      <c r="D2780" s="14" t="s">
        <v>33</v>
      </c>
      <c r="E2780" s="15">
        <v>45601</v>
      </c>
      <c r="F2780" s="14" t="s">
        <v>15</v>
      </c>
      <c r="G2780" s="16">
        <v>3.6083765343086043</v>
      </c>
    </row>
    <row r="2781" spans="1:7" x14ac:dyDescent="0.3">
      <c r="A2781" s="13" t="s">
        <v>32</v>
      </c>
      <c r="B2781" s="14" t="s">
        <v>1</v>
      </c>
      <c r="C2781" s="14" t="s">
        <v>23</v>
      </c>
      <c r="D2781" s="14" t="s">
        <v>33</v>
      </c>
      <c r="E2781" s="15">
        <v>45602</v>
      </c>
      <c r="F2781" s="14" t="s">
        <v>15</v>
      </c>
      <c r="G2781" s="16">
        <v>3.6254544557764716</v>
      </c>
    </row>
    <row r="2782" spans="1:7" x14ac:dyDescent="0.3">
      <c r="A2782" s="13" t="s">
        <v>32</v>
      </c>
      <c r="B2782" s="14" t="s">
        <v>1</v>
      </c>
      <c r="C2782" s="14" t="s">
        <v>23</v>
      </c>
      <c r="D2782" s="14" t="s">
        <v>33</v>
      </c>
      <c r="E2782" s="15">
        <v>45603</v>
      </c>
      <c r="F2782" s="14" t="s">
        <v>15</v>
      </c>
      <c r="G2782" s="16">
        <v>3.6435323772443389</v>
      </c>
    </row>
    <row r="2783" spans="1:7" x14ac:dyDescent="0.3">
      <c r="A2783" s="13" t="s">
        <v>32</v>
      </c>
      <c r="B2783" s="14" t="s">
        <v>1</v>
      </c>
      <c r="C2783" s="14" t="s">
        <v>23</v>
      </c>
      <c r="D2783" s="14" t="s">
        <v>33</v>
      </c>
      <c r="E2783" s="15">
        <v>45604</v>
      </c>
      <c r="F2783" s="14" t="s">
        <v>15</v>
      </c>
      <c r="G2783" s="16">
        <v>3.6606102987122062</v>
      </c>
    </row>
    <row r="2784" spans="1:7" x14ac:dyDescent="0.3">
      <c r="A2784" s="13" t="s">
        <v>32</v>
      </c>
      <c r="B2784" s="14" t="s">
        <v>1</v>
      </c>
      <c r="C2784" s="14" t="s">
        <v>23</v>
      </c>
      <c r="D2784" s="14" t="s">
        <v>33</v>
      </c>
      <c r="E2784" s="15">
        <v>45605</v>
      </c>
      <c r="F2784" s="14" t="s">
        <v>15</v>
      </c>
      <c r="G2784" s="16">
        <v>3.6606102987122062</v>
      </c>
    </row>
    <row r="2785" spans="1:7" x14ac:dyDescent="0.3">
      <c r="A2785" s="13" t="s">
        <v>32</v>
      </c>
      <c r="B2785" s="14" t="s">
        <v>1</v>
      </c>
      <c r="C2785" s="14" t="s">
        <v>23</v>
      </c>
      <c r="D2785" s="14" t="s">
        <v>33</v>
      </c>
      <c r="E2785" s="15">
        <v>45606</v>
      </c>
      <c r="F2785" s="14" t="s">
        <v>15</v>
      </c>
      <c r="G2785" s="16">
        <v>3.6606102987122062</v>
      </c>
    </row>
    <row r="2786" spans="1:7" x14ac:dyDescent="0.3">
      <c r="A2786" s="13" t="s">
        <v>32</v>
      </c>
      <c r="B2786" s="14" t="s">
        <v>1</v>
      </c>
      <c r="C2786" s="14" t="s">
        <v>23</v>
      </c>
      <c r="D2786" s="14" t="s">
        <v>33</v>
      </c>
      <c r="E2786" s="15">
        <v>45607</v>
      </c>
      <c r="F2786" s="14" t="s">
        <v>15</v>
      </c>
      <c r="G2786" s="16">
        <v>3.6606102987122062</v>
      </c>
    </row>
    <row r="2787" spans="1:7" x14ac:dyDescent="0.3">
      <c r="A2787" s="13" t="s">
        <v>32</v>
      </c>
      <c r="B2787" s="14" t="s">
        <v>1</v>
      </c>
      <c r="C2787" s="14" t="s">
        <v>23</v>
      </c>
      <c r="D2787" s="14" t="s">
        <v>33</v>
      </c>
      <c r="E2787" s="15">
        <v>45608</v>
      </c>
      <c r="F2787" s="14" t="s">
        <v>15</v>
      </c>
      <c r="G2787" s="16">
        <v>3.6766882201800732</v>
      </c>
    </row>
    <row r="2788" spans="1:7" x14ac:dyDescent="0.3">
      <c r="A2788" s="13" t="s">
        <v>32</v>
      </c>
      <c r="B2788" s="14" t="s">
        <v>1</v>
      </c>
      <c r="C2788" s="14" t="s">
        <v>23</v>
      </c>
      <c r="D2788" s="14" t="s">
        <v>33</v>
      </c>
      <c r="E2788" s="15">
        <v>45609</v>
      </c>
      <c r="F2788" s="14" t="s">
        <v>15</v>
      </c>
      <c r="G2788" s="16">
        <v>3.7537661416479402</v>
      </c>
    </row>
    <row r="2789" spans="1:7" x14ac:dyDescent="0.3">
      <c r="A2789" s="13" t="s">
        <v>32</v>
      </c>
      <c r="B2789" s="14" t="s">
        <v>1</v>
      </c>
      <c r="C2789" s="14" t="s">
        <v>23</v>
      </c>
      <c r="D2789" s="14" t="s">
        <v>33</v>
      </c>
      <c r="E2789" s="15">
        <v>45610</v>
      </c>
      <c r="F2789" s="14" t="s">
        <v>15</v>
      </c>
      <c r="G2789" s="16">
        <v>3.7698440631158072</v>
      </c>
    </row>
    <row r="2790" spans="1:7" x14ac:dyDescent="0.3">
      <c r="A2790" s="13" t="s">
        <v>32</v>
      </c>
      <c r="B2790" s="14" t="s">
        <v>1</v>
      </c>
      <c r="C2790" s="14" t="s">
        <v>23</v>
      </c>
      <c r="D2790" s="14" t="s">
        <v>33</v>
      </c>
      <c r="E2790" s="15">
        <v>45611</v>
      </c>
      <c r="F2790" s="14" t="s">
        <v>15</v>
      </c>
      <c r="G2790" s="16">
        <v>3.7859219845836742</v>
      </c>
    </row>
    <row r="2791" spans="1:7" x14ac:dyDescent="0.3">
      <c r="A2791" s="13" t="s">
        <v>32</v>
      </c>
      <c r="B2791" s="14" t="s">
        <v>1</v>
      </c>
      <c r="C2791" s="14" t="s">
        <v>23</v>
      </c>
      <c r="D2791" s="14" t="s">
        <v>33</v>
      </c>
      <c r="E2791" s="15">
        <v>45612</v>
      </c>
      <c r="F2791" s="14" t="s">
        <v>15</v>
      </c>
      <c r="G2791" s="16">
        <v>3.7859219845836742</v>
      </c>
    </row>
    <row r="2792" spans="1:7" x14ac:dyDescent="0.3">
      <c r="A2792" s="13" t="s">
        <v>32</v>
      </c>
      <c r="B2792" s="14" t="s">
        <v>1</v>
      </c>
      <c r="C2792" s="14" t="s">
        <v>23</v>
      </c>
      <c r="D2792" s="14" t="s">
        <v>33</v>
      </c>
      <c r="E2792" s="15">
        <v>45613</v>
      </c>
      <c r="F2792" s="14" t="s">
        <v>15</v>
      </c>
      <c r="G2792" s="16">
        <v>3.7859219845836742</v>
      </c>
    </row>
    <row r="2793" spans="1:7" x14ac:dyDescent="0.3">
      <c r="A2793" s="13" t="s">
        <v>32</v>
      </c>
      <c r="B2793" s="14" t="s">
        <v>1</v>
      </c>
      <c r="C2793" s="14" t="s">
        <v>23</v>
      </c>
      <c r="D2793" s="14" t="s">
        <v>33</v>
      </c>
      <c r="E2793" s="15">
        <v>45614</v>
      </c>
      <c r="F2793" s="14" t="s">
        <v>15</v>
      </c>
      <c r="G2793" s="16">
        <v>3.8019999060515408</v>
      </c>
    </row>
    <row r="2794" spans="1:7" x14ac:dyDescent="0.3">
      <c r="A2794" s="13" t="s">
        <v>32</v>
      </c>
      <c r="B2794" s="14" t="s">
        <v>1</v>
      </c>
      <c r="C2794" s="14" t="s">
        <v>23</v>
      </c>
      <c r="D2794" s="14" t="s">
        <v>33</v>
      </c>
      <c r="E2794" s="15">
        <v>45615</v>
      </c>
      <c r="F2794" s="14" t="s">
        <v>15</v>
      </c>
      <c r="G2794" s="16">
        <v>3.849077827519408</v>
      </c>
    </row>
    <row r="2795" spans="1:7" x14ac:dyDescent="0.3">
      <c r="A2795" s="13" t="s">
        <v>32</v>
      </c>
      <c r="B2795" s="14" t="s">
        <v>1</v>
      </c>
      <c r="C2795" s="14" t="s">
        <v>23</v>
      </c>
      <c r="D2795" s="14" t="s">
        <v>33</v>
      </c>
      <c r="E2795" s="15">
        <v>45616</v>
      </c>
      <c r="F2795" s="14" t="s">
        <v>15</v>
      </c>
      <c r="G2795" s="16">
        <v>3.8661557489872758</v>
      </c>
    </row>
    <row r="2796" spans="1:7" x14ac:dyDescent="0.3">
      <c r="A2796" s="13" t="s">
        <v>32</v>
      </c>
      <c r="B2796" s="14" t="s">
        <v>1</v>
      </c>
      <c r="C2796" s="14" t="s">
        <v>23</v>
      </c>
      <c r="D2796" s="14" t="s">
        <v>33</v>
      </c>
      <c r="E2796" s="15">
        <v>45617</v>
      </c>
      <c r="F2796" s="14" t="s">
        <v>15</v>
      </c>
      <c r="G2796" s="16">
        <v>3.8822336704551423</v>
      </c>
    </row>
    <row r="2797" spans="1:7" x14ac:dyDescent="0.3">
      <c r="A2797" s="13" t="s">
        <v>32</v>
      </c>
      <c r="B2797" s="14" t="s">
        <v>1</v>
      </c>
      <c r="C2797" s="14" t="s">
        <v>23</v>
      </c>
      <c r="D2797" s="14" t="s">
        <v>33</v>
      </c>
      <c r="E2797" s="15">
        <v>45618</v>
      </c>
      <c r="F2797" s="14" t="s">
        <v>15</v>
      </c>
      <c r="G2797" s="16">
        <v>3.8983115919230094</v>
      </c>
    </row>
    <row r="2798" spans="1:7" x14ac:dyDescent="0.3">
      <c r="A2798" s="13" t="s">
        <v>32</v>
      </c>
      <c r="B2798" s="14" t="s">
        <v>1</v>
      </c>
      <c r="C2798" s="14" t="s">
        <v>23</v>
      </c>
      <c r="D2798" s="14" t="s">
        <v>33</v>
      </c>
      <c r="E2798" s="15">
        <v>45619</v>
      </c>
      <c r="F2798" s="14" t="s">
        <v>15</v>
      </c>
      <c r="G2798" s="16">
        <v>3.8983115919230094</v>
      </c>
    </row>
    <row r="2799" spans="1:7" x14ac:dyDescent="0.3">
      <c r="A2799" s="13" t="s">
        <v>32</v>
      </c>
      <c r="B2799" s="14" t="s">
        <v>1</v>
      </c>
      <c r="C2799" s="14" t="s">
        <v>23</v>
      </c>
      <c r="D2799" s="14" t="s">
        <v>33</v>
      </c>
      <c r="E2799" s="15">
        <v>45620</v>
      </c>
      <c r="F2799" s="14" t="s">
        <v>15</v>
      </c>
      <c r="G2799" s="16">
        <v>3.8983115919230094</v>
      </c>
    </row>
    <row r="2800" spans="1:7" x14ac:dyDescent="0.3">
      <c r="A2800" s="13" t="s">
        <v>32</v>
      </c>
      <c r="B2800" s="14" t="s">
        <v>1</v>
      </c>
      <c r="C2800" s="14" t="s">
        <v>23</v>
      </c>
      <c r="D2800" s="14" t="s">
        <v>33</v>
      </c>
      <c r="E2800" s="15">
        <v>45621</v>
      </c>
      <c r="F2800" s="14" t="s">
        <v>15</v>
      </c>
      <c r="G2800" s="16">
        <v>3.9143895133908764</v>
      </c>
    </row>
    <row r="2801" spans="1:7" x14ac:dyDescent="0.3">
      <c r="A2801" s="13" t="s">
        <v>32</v>
      </c>
      <c r="B2801" s="14" t="s">
        <v>1</v>
      </c>
      <c r="C2801" s="14" t="s">
        <v>23</v>
      </c>
      <c r="D2801" s="14" t="s">
        <v>33</v>
      </c>
      <c r="E2801" s="15">
        <v>45622</v>
      </c>
      <c r="F2801" s="14" t="s">
        <v>15</v>
      </c>
      <c r="G2801" s="16">
        <v>3.9624674348587434</v>
      </c>
    </row>
    <row r="2802" spans="1:7" x14ac:dyDescent="0.3">
      <c r="A2802" s="13" t="s">
        <v>32</v>
      </c>
      <c r="B2802" s="14" t="s">
        <v>1</v>
      </c>
      <c r="C2802" s="14" t="s">
        <v>23</v>
      </c>
      <c r="D2802" s="14" t="s">
        <v>33</v>
      </c>
      <c r="E2802" s="15">
        <v>45623</v>
      </c>
      <c r="F2802" s="14" t="s">
        <v>15</v>
      </c>
      <c r="G2802" s="16">
        <v>3.9785453563266104</v>
      </c>
    </row>
    <row r="2803" spans="1:7" x14ac:dyDescent="0.3">
      <c r="A2803" s="13" t="s">
        <v>32</v>
      </c>
      <c r="B2803" s="14" t="s">
        <v>1</v>
      </c>
      <c r="C2803" s="14" t="s">
        <v>23</v>
      </c>
      <c r="D2803" s="14" t="s">
        <v>33</v>
      </c>
      <c r="E2803" s="15">
        <v>45624</v>
      </c>
      <c r="F2803" s="14" t="s">
        <v>15</v>
      </c>
      <c r="G2803" s="16">
        <v>3.9785453563266104</v>
      </c>
    </row>
    <row r="2804" spans="1:7" x14ac:dyDescent="0.3">
      <c r="A2804" s="13" t="s">
        <v>32</v>
      </c>
      <c r="B2804" s="14" t="s">
        <v>1</v>
      </c>
      <c r="C2804" s="14" t="s">
        <v>23</v>
      </c>
      <c r="D2804" s="14" t="s">
        <v>33</v>
      </c>
      <c r="E2804" s="15">
        <v>45625</v>
      </c>
      <c r="F2804" s="14" t="s">
        <v>15</v>
      </c>
      <c r="G2804" s="16">
        <v>3.998623277794477</v>
      </c>
    </row>
    <row r="2805" spans="1:7" x14ac:dyDescent="0.3">
      <c r="A2805" s="13" t="s">
        <v>32</v>
      </c>
      <c r="B2805" s="14" t="s">
        <v>1</v>
      </c>
      <c r="C2805" s="14" t="s">
        <v>23</v>
      </c>
      <c r="D2805" s="14" t="s">
        <v>33</v>
      </c>
      <c r="E2805" s="15">
        <v>45626</v>
      </c>
      <c r="F2805" s="14" t="s">
        <v>15</v>
      </c>
      <c r="G2805" s="16">
        <v>3.998623277794477</v>
      </c>
    </row>
    <row r="2806" spans="1:7" x14ac:dyDescent="0.3">
      <c r="A2806" s="13" t="s">
        <v>32</v>
      </c>
      <c r="B2806" s="14" t="s">
        <v>1</v>
      </c>
      <c r="C2806" s="14" t="s">
        <v>23</v>
      </c>
      <c r="D2806" s="14" t="s">
        <v>33</v>
      </c>
      <c r="E2806" s="15">
        <v>45627</v>
      </c>
      <c r="F2806" s="14" t="s">
        <v>15</v>
      </c>
      <c r="G2806" s="16">
        <v>3.998623277794477</v>
      </c>
    </row>
    <row r="2807" spans="1:7" x14ac:dyDescent="0.3">
      <c r="A2807" s="13" t="s">
        <v>32</v>
      </c>
      <c r="B2807" s="14" t="s">
        <v>1</v>
      </c>
      <c r="C2807" s="14" t="s">
        <v>23</v>
      </c>
      <c r="D2807" s="14" t="s">
        <v>33</v>
      </c>
      <c r="E2807" s="15">
        <v>45628</v>
      </c>
      <c r="F2807" s="14" t="s">
        <v>15</v>
      </c>
      <c r="G2807" s="16">
        <v>4.0317011992623444</v>
      </c>
    </row>
    <row r="2808" spans="1:7" x14ac:dyDescent="0.3">
      <c r="A2808" s="13" t="s">
        <v>32</v>
      </c>
      <c r="B2808" s="14" t="s">
        <v>1</v>
      </c>
      <c r="C2808" s="14" t="s">
        <v>23</v>
      </c>
      <c r="D2808" s="14" t="s">
        <v>33</v>
      </c>
      <c r="E2808" s="15">
        <v>45629</v>
      </c>
      <c r="F2808" s="14" t="s">
        <v>15</v>
      </c>
      <c r="G2808" s="16">
        <v>4.066779120730212</v>
      </c>
    </row>
    <row r="2809" spans="1:7" x14ac:dyDescent="0.3">
      <c r="A2809" s="13" t="s">
        <v>32</v>
      </c>
      <c r="B2809" s="14" t="s">
        <v>1</v>
      </c>
      <c r="C2809" s="14" t="s">
        <v>23</v>
      </c>
      <c r="D2809" s="14" t="s">
        <v>33</v>
      </c>
      <c r="E2809" s="15">
        <v>45630</v>
      </c>
      <c r="F2809" s="14" t="s">
        <v>15</v>
      </c>
      <c r="G2809" s="16">
        <v>4.0808570421980788</v>
      </c>
    </row>
    <row r="2810" spans="1:7" x14ac:dyDescent="0.3">
      <c r="A2810" s="13" t="s">
        <v>32</v>
      </c>
      <c r="B2810" s="14" t="s">
        <v>1</v>
      </c>
      <c r="C2810" s="14" t="s">
        <v>23</v>
      </c>
      <c r="D2810" s="14" t="s">
        <v>33</v>
      </c>
      <c r="E2810" s="15">
        <v>45631</v>
      </c>
      <c r="F2810" s="14" t="s">
        <v>15</v>
      </c>
      <c r="G2810" s="16">
        <v>4.0969349636659462</v>
      </c>
    </row>
    <row r="2811" spans="1:7" x14ac:dyDescent="0.3">
      <c r="A2811" s="13" t="s">
        <v>32</v>
      </c>
      <c r="B2811" s="14" t="s">
        <v>1</v>
      </c>
      <c r="C2811" s="14" t="s">
        <v>23</v>
      </c>
      <c r="D2811" s="14" t="s">
        <v>33</v>
      </c>
      <c r="E2811" s="15">
        <v>45632</v>
      </c>
      <c r="F2811" s="14" t="s">
        <v>15</v>
      </c>
      <c r="G2811" s="16">
        <v>4.1120128851338134</v>
      </c>
    </row>
    <row r="2812" spans="1:7" x14ac:dyDescent="0.3">
      <c r="A2812" s="13" t="s">
        <v>32</v>
      </c>
      <c r="B2812" s="14" t="s">
        <v>1</v>
      </c>
      <c r="C2812" s="14" t="s">
        <v>23</v>
      </c>
      <c r="D2812" s="14" t="s">
        <v>33</v>
      </c>
      <c r="E2812" s="15">
        <v>45633</v>
      </c>
      <c r="F2812" s="14" t="s">
        <v>15</v>
      </c>
      <c r="G2812" s="16">
        <v>4.1120128851338134</v>
      </c>
    </row>
    <row r="2813" spans="1:7" x14ac:dyDescent="0.3">
      <c r="A2813" s="13" t="s">
        <v>32</v>
      </c>
      <c r="B2813" s="14" t="s">
        <v>1</v>
      </c>
      <c r="C2813" s="14" t="s">
        <v>23</v>
      </c>
      <c r="D2813" s="14" t="s">
        <v>33</v>
      </c>
      <c r="E2813" s="15">
        <v>45634</v>
      </c>
      <c r="F2813" s="14" t="s">
        <v>15</v>
      </c>
      <c r="G2813" s="16">
        <v>4.1120128851338134</v>
      </c>
    </row>
    <row r="2814" spans="1:7" x14ac:dyDescent="0.3">
      <c r="A2814" s="13" t="s">
        <v>32</v>
      </c>
      <c r="B2814" s="14" t="s">
        <v>1</v>
      </c>
      <c r="C2814" s="14" t="s">
        <v>23</v>
      </c>
      <c r="D2814" s="14" t="s">
        <v>33</v>
      </c>
      <c r="E2814" s="15">
        <v>45635</v>
      </c>
      <c r="F2814" s="14" t="s">
        <v>15</v>
      </c>
      <c r="G2814" s="16">
        <v>4.1350908066016796</v>
      </c>
    </row>
    <row r="2815" spans="1:7" x14ac:dyDescent="0.3">
      <c r="A2815" s="13" t="s">
        <v>32</v>
      </c>
      <c r="B2815" s="14" t="s">
        <v>1</v>
      </c>
      <c r="C2815" s="14" t="s">
        <v>23</v>
      </c>
      <c r="D2815" s="14" t="s">
        <v>33</v>
      </c>
      <c r="E2815" s="15">
        <v>45636</v>
      </c>
      <c r="F2815" s="14" t="s">
        <v>15</v>
      </c>
      <c r="G2815" s="16">
        <v>4.1831687280695471</v>
      </c>
    </row>
    <row r="2816" spans="1:7" x14ac:dyDescent="0.3">
      <c r="A2816" s="13" t="s">
        <v>32</v>
      </c>
      <c r="B2816" s="14" t="s">
        <v>1</v>
      </c>
      <c r="C2816" s="14" t="s">
        <v>23</v>
      </c>
      <c r="D2816" s="14" t="s">
        <v>33</v>
      </c>
      <c r="E2816" s="15">
        <v>45637</v>
      </c>
      <c r="F2816" s="14" t="s">
        <v>15</v>
      </c>
      <c r="G2816" s="16">
        <v>4.1992466495374137</v>
      </c>
    </row>
    <row r="2817" spans="1:7" x14ac:dyDescent="0.3">
      <c r="A2817" s="13" t="s">
        <v>32</v>
      </c>
      <c r="B2817" s="14" t="s">
        <v>1</v>
      </c>
      <c r="C2817" s="14" t="s">
        <v>23</v>
      </c>
      <c r="D2817" s="14" t="s">
        <v>33</v>
      </c>
      <c r="E2817" s="15">
        <v>45638</v>
      </c>
      <c r="F2817" s="14" t="s">
        <v>15</v>
      </c>
      <c r="G2817" s="16">
        <v>4.2153245710052811</v>
      </c>
    </row>
    <row r="2818" spans="1:7" x14ac:dyDescent="0.3">
      <c r="A2818" s="13" t="s">
        <v>32</v>
      </c>
      <c r="B2818" s="14" t="s">
        <v>1</v>
      </c>
      <c r="C2818" s="14" t="s">
        <v>23</v>
      </c>
      <c r="D2818" s="14" t="s">
        <v>33</v>
      </c>
      <c r="E2818" s="15">
        <v>45639</v>
      </c>
      <c r="F2818" s="14" t="s">
        <v>15</v>
      </c>
      <c r="G2818" s="16">
        <v>4.2314024924731477</v>
      </c>
    </row>
    <row r="2819" spans="1:7" x14ac:dyDescent="0.3">
      <c r="A2819" s="13" t="s">
        <v>32</v>
      </c>
      <c r="B2819" s="14" t="s">
        <v>1</v>
      </c>
      <c r="C2819" s="14" t="s">
        <v>23</v>
      </c>
      <c r="D2819" s="14" t="s">
        <v>33</v>
      </c>
      <c r="E2819" s="15">
        <v>45640</v>
      </c>
      <c r="F2819" s="14" t="s">
        <v>15</v>
      </c>
      <c r="G2819" s="16">
        <v>4.2314024924731477</v>
      </c>
    </row>
    <row r="2820" spans="1:7" x14ac:dyDescent="0.3">
      <c r="A2820" s="13" t="s">
        <v>32</v>
      </c>
      <c r="B2820" s="14" t="s">
        <v>1</v>
      </c>
      <c r="C2820" s="14" t="s">
        <v>23</v>
      </c>
      <c r="D2820" s="14" t="s">
        <v>33</v>
      </c>
      <c r="E2820" s="15">
        <v>45641</v>
      </c>
      <c r="F2820" s="14" t="s">
        <v>15</v>
      </c>
      <c r="G2820" s="16">
        <v>4.2314024924731477</v>
      </c>
    </row>
    <row r="2821" spans="1:7" x14ac:dyDescent="0.3">
      <c r="A2821" s="13" t="s">
        <v>32</v>
      </c>
      <c r="B2821" s="14" t="s">
        <v>1</v>
      </c>
      <c r="C2821" s="14" t="s">
        <v>23</v>
      </c>
      <c r="D2821" s="14" t="s">
        <v>33</v>
      </c>
      <c r="E2821" s="15">
        <v>45642</v>
      </c>
      <c r="F2821" s="14" t="s">
        <v>15</v>
      </c>
      <c r="G2821" s="16">
        <v>4.2474804139410143</v>
      </c>
    </row>
    <row r="2822" spans="1:7" x14ac:dyDescent="0.3">
      <c r="A2822" s="13" t="s">
        <v>32</v>
      </c>
      <c r="B2822" s="14" t="s">
        <v>1</v>
      </c>
      <c r="C2822" s="14" t="s">
        <v>23</v>
      </c>
      <c r="D2822" s="14" t="s">
        <v>33</v>
      </c>
      <c r="E2822" s="15">
        <v>45643</v>
      </c>
      <c r="F2822" s="14" t="s">
        <v>15</v>
      </c>
      <c r="G2822" s="16">
        <v>4.2955583354088818</v>
      </c>
    </row>
    <row r="2823" spans="1:7" x14ac:dyDescent="0.3">
      <c r="A2823" s="13" t="s">
        <v>32</v>
      </c>
      <c r="B2823" s="14" t="s">
        <v>1</v>
      </c>
      <c r="C2823" s="14" t="s">
        <v>23</v>
      </c>
      <c r="D2823" s="14" t="s">
        <v>33</v>
      </c>
      <c r="E2823" s="15">
        <v>45644</v>
      </c>
      <c r="F2823" s="14" t="s">
        <v>15</v>
      </c>
      <c r="G2823" s="16">
        <v>4.3126362568767487</v>
      </c>
    </row>
    <row r="2824" spans="1:7" x14ac:dyDescent="0.3">
      <c r="A2824" s="13" t="s">
        <v>32</v>
      </c>
      <c r="B2824" s="14" t="s">
        <v>1</v>
      </c>
      <c r="C2824" s="14" t="s">
        <v>23</v>
      </c>
      <c r="D2824" s="14" t="s">
        <v>33</v>
      </c>
      <c r="E2824" s="15">
        <v>45645</v>
      </c>
      <c r="F2824" s="14" t="s">
        <v>15</v>
      </c>
      <c r="G2824" s="16">
        <v>4.3287141783446161</v>
      </c>
    </row>
    <row r="2825" spans="1:7" x14ac:dyDescent="0.3">
      <c r="A2825" s="13" t="s">
        <v>32</v>
      </c>
      <c r="B2825" s="14" t="s">
        <v>1</v>
      </c>
      <c r="C2825" s="14" t="s">
        <v>23</v>
      </c>
      <c r="D2825" s="14" t="s">
        <v>33</v>
      </c>
      <c r="E2825" s="15">
        <v>45646</v>
      </c>
      <c r="F2825" s="14" t="s">
        <v>15</v>
      </c>
      <c r="G2825" s="16">
        <v>4.3447920998124827</v>
      </c>
    </row>
    <row r="2826" spans="1:7" x14ac:dyDescent="0.3">
      <c r="A2826" s="13" t="s">
        <v>32</v>
      </c>
      <c r="B2826" s="14" t="s">
        <v>1</v>
      </c>
      <c r="C2826" s="14" t="s">
        <v>23</v>
      </c>
      <c r="D2826" s="14" t="s">
        <v>33</v>
      </c>
      <c r="E2826" s="15">
        <v>45647</v>
      </c>
      <c r="F2826" s="14" t="s">
        <v>15</v>
      </c>
      <c r="G2826" s="16">
        <v>4.3447920998124827</v>
      </c>
    </row>
    <row r="2827" spans="1:7" x14ac:dyDescent="0.3">
      <c r="A2827" s="13" t="s">
        <v>32</v>
      </c>
      <c r="B2827" s="14" t="s">
        <v>1</v>
      </c>
      <c r="C2827" s="14" t="s">
        <v>23</v>
      </c>
      <c r="D2827" s="14" t="s">
        <v>33</v>
      </c>
      <c r="E2827" s="15">
        <v>45648</v>
      </c>
      <c r="F2827" s="14" t="s">
        <v>15</v>
      </c>
      <c r="G2827" s="16">
        <v>4.3447920998124827</v>
      </c>
    </row>
    <row r="2828" spans="1:7" x14ac:dyDescent="0.3">
      <c r="A2828" s="13" t="s">
        <v>32</v>
      </c>
      <c r="B2828" s="14" t="s">
        <v>1</v>
      </c>
      <c r="C2828" s="14" t="s">
        <v>23</v>
      </c>
      <c r="D2828" s="14" t="s">
        <v>33</v>
      </c>
      <c r="E2828" s="15">
        <v>45649</v>
      </c>
      <c r="F2828" s="14" t="s">
        <v>15</v>
      </c>
      <c r="G2828" s="16">
        <v>4.3228700212803499</v>
      </c>
    </row>
    <row r="2829" spans="1:7" x14ac:dyDescent="0.3">
      <c r="A2829" s="13" t="s">
        <v>32</v>
      </c>
      <c r="B2829" s="14" t="s">
        <v>1</v>
      </c>
      <c r="C2829" s="14" t="s">
        <v>23</v>
      </c>
      <c r="D2829" s="14" t="s">
        <v>33</v>
      </c>
      <c r="E2829" s="15">
        <v>45650</v>
      </c>
      <c r="F2829" s="14" t="s">
        <v>15</v>
      </c>
      <c r="G2829" s="16">
        <v>4.366947942748217</v>
      </c>
    </row>
    <row r="2830" spans="1:7" x14ac:dyDescent="0.3">
      <c r="A2830" s="13" t="s">
        <v>32</v>
      </c>
      <c r="B2830" s="14" t="s">
        <v>1</v>
      </c>
      <c r="C2830" s="14" t="s">
        <v>23</v>
      </c>
      <c r="D2830" s="14" t="s">
        <v>33</v>
      </c>
      <c r="E2830" s="15">
        <v>45651</v>
      </c>
      <c r="F2830" s="14" t="s">
        <v>15</v>
      </c>
      <c r="G2830" s="16">
        <v>4.366947942748217</v>
      </c>
    </row>
    <row r="2831" spans="1:7" x14ac:dyDescent="0.3">
      <c r="A2831" s="13" t="s">
        <v>32</v>
      </c>
      <c r="B2831" s="14" t="s">
        <v>1</v>
      </c>
      <c r="C2831" s="14" t="s">
        <v>23</v>
      </c>
      <c r="D2831" s="14" t="s">
        <v>33</v>
      </c>
      <c r="E2831" s="15">
        <v>45652</v>
      </c>
      <c r="F2831" s="14" t="s">
        <v>15</v>
      </c>
      <c r="G2831" s="16">
        <v>4.366947942748217</v>
      </c>
    </row>
    <row r="2832" spans="1:7" x14ac:dyDescent="0.3">
      <c r="A2832" s="13" t="s">
        <v>32</v>
      </c>
      <c r="B2832" s="14" t="s">
        <v>1</v>
      </c>
      <c r="C2832" s="14" t="s">
        <v>23</v>
      </c>
      <c r="D2832" s="14" t="s">
        <v>33</v>
      </c>
      <c r="E2832" s="15">
        <v>45653</v>
      </c>
      <c r="F2832" s="14" t="s">
        <v>15</v>
      </c>
      <c r="G2832" s="16">
        <v>4.366947942748217</v>
      </c>
    </row>
    <row r="2833" spans="1:7" x14ac:dyDescent="0.3">
      <c r="A2833" s="13" t="s">
        <v>32</v>
      </c>
      <c r="B2833" s="14" t="s">
        <v>1</v>
      </c>
      <c r="C2833" s="14" t="s">
        <v>23</v>
      </c>
      <c r="D2833" s="14" t="s">
        <v>33</v>
      </c>
      <c r="E2833" s="15">
        <v>45654</v>
      </c>
      <c r="F2833" s="14" t="s">
        <v>15</v>
      </c>
      <c r="G2833" s="16">
        <v>4.366947942748217</v>
      </c>
    </row>
    <row r="2834" spans="1:7" x14ac:dyDescent="0.3">
      <c r="A2834" s="13" t="s">
        <v>32</v>
      </c>
      <c r="B2834" s="14" t="s">
        <v>1</v>
      </c>
      <c r="C2834" s="14" t="s">
        <v>23</v>
      </c>
      <c r="D2834" s="14" t="s">
        <v>33</v>
      </c>
      <c r="E2834" s="15">
        <v>45655</v>
      </c>
      <c r="F2834" s="14" t="s">
        <v>15</v>
      </c>
      <c r="G2834" s="16">
        <v>4.366947942748217</v>
      </c>
    </row>
    <row r="2835" spans="1:7" x14ac:dyDescent="0.3">
      <c r="A2835" s="13" t="s">
        <v>32</v>
      </c>
      <c r="B2835" s="14" t="s">
        <v>1</v>
      </c>
      <c r="C2835" s="14" t="s">
        <v>23</v>
      </c>
      <c r="D2835" s="14" t="s">
        <v>33</v>
      </c>
      <c r="E2835" s="15">
        <v>45656</v>
      </c>
      <c r="F2835" s="14" t="s">
        <v>15</v>
      </c>
      <c r="G2835" s="16">
        <v>4.3840258642160848</v>
      </c>
    </row>
    <row r="2836" spans="1:7" x14ac:dyDescent="0.3">
      <c r="A2836" s="13" t="s">
        <v>32</v>
      </c>
      <c r="B2836" s="14" t="s">
        <v>1</v>
      </c>
      <c r="C2836" s="14" t="s">
        <v>23</v>
      </c>
      <c r="D2836" s="14" t="s">
        <v>33</v>
      </c>
      <c r="E2836" s="15">
        <v>45657</v>
      </c>
      <c r="F2836" s="14" t="s">
        <v>15</v>
      </c>
      <c r="G2836" s="16">
        <v>4.4851037856839522</v>
      </c>
    </row>
    <row r="2837" spans="1:7" x14ac:dyDescent="0.3">
      <c r="A2837" s="13" t="s">
        <v>32</v>
      </c>
      <c r="B2837" s="14" t="s">
        <v>1</v>
      </c>
      <c r="C2837" s="14" t="s">
        <v>23</v>
      </c>
      <c r="D2837" s="14" t="s">
        <v>33</v>
      </c>
      <c r="E2837" s="15">
        <v>45658</v>
      </c>
      <c r="F2837" s="14" t="s">
        <v>15</v>
      </c>
      <c r="G2837" s="16">
        <v>4.4851037856839522</v>
      </c>
    </row>
    <row r="2838" spans="1:7" x14ac:dyDescent="0.3">
      <c r="A2838" s="13" t="s">
        <v>32</v>
      </c>
      <c r="B2838" s="14" t="s">
        <v>1</v>
      </c>
      <c r="C2838" s="14" t="s">
        <v>23</v>
      </c>
      <c r="D2838" s="14" t="s">
        <v>33</v>
      </c>
      <c r="E2838" s="15">
        <v>45659</v>
      </c>
      <c r="F2838" s="14" t="s">
        <v>15</v>
      </c>
      <c r="G2838" s="16">
        <v>4.5001817071518193</v>
      </c>
    </row>
    <row r="2839" spans="1:7" x14ac:dyDescent="0.3">
      <c r="A2839" s="13" t="s">
        <v>32</v>
      </c>
      <c r="B2839" s="14" t="s">
        <v>1</v>
      </c>
      <c r="C2839" s="14" t="s">
        <v>23</v>
      </c>
      <c r="D2839" s="14" t="s">
        <v>33</v>
      </c>
      <c r="E2839" s="15">
        <v>45660</v>
      </c>
      <c r="F2839" s="14" t="s">
        <v>15</v>
      </c>
      <c r="G2839" s="16">
        <v>4.5232596286196856</v>
      </c>
    </row>
    <row r="2840" spans="1:7" x14ac:dyDescent="0.3">
      <c r="A2840" s="13" t="s">
        <v>32</v>
      </c>
      <c r="B2840" s="14" t="s">
        <v>1</v>
      </c>
      <c r="C2840" s="14" t="s">
        <v>23</v>
      </c>
      <c r="D2840" s="14" t="s">
        <v>33</v>
      </c>
      <c r="E2840" s="15">
        <v>45661</v>
      </c>
      <c r="F2840" s="14" t="s">
        <v>15</v>
      </c>
      <c r="G2840" s="16">
        <v>4.5232596286196856</v>
      </c>
    </row>
    <row r="2841" spans="1:7" x14ac:dyDescent="0.3">
      <c r="A2841" s="13" t="s">
        <v>32</v>
      </c>
      <c r="B2841" s="14" t="s">
        <v>1</v>
      </c>
      <c r="C2841" s="14" t="s">
        <v>23</v>
      </c>
      <c r="D2841" s="14" t="s">
        <v>33</v>
      </c>
      <c r="E2841" s="15">
        <v>45662</v>
      </c>
      <c r="F2841" s="14" t="s">
        <v>15</v>
      </c>
      <c r="G2841" s="16">
        <v>4.5232596286196856</v>
      </c>
    </row>
    <row r="2842" spans="1:7" x14ac:dyDescent="0.3">
      <c r="A2842" s="13" t="s">
        <v>32</v>
      </c>
      <c r="B2842" s="14" t="s">
        <v>1</v>
      </c>
      <c r="C2842" s="14" t="s">
        <v>23</v>
      </c>
      <c r="D2842" s="14" t="s">
        <v>33</v>
      </c>
      <c r="E2842" s="15">
        <v>45663</v>
      </c>
      <c r="F2842" s="14" t="s">
        <v>15</v>
      </c>
      <c r="G2842" s="16">
        <v>4.539337550087553</v>
      </c>
    </row>
    <row r="2843" spans="1:7" x14ac:dyDescent="0.3">
      <c r="A2843" s="13" t="s">
        <v>32</v>
      </c>
      <c r="B2843" s="14" t="s">
        <v>1</v>
      </c>
      <c r="C2843" s="14" t="s">
        <v>23</v>
      </c>
      <c r="D2843" s="14" t="s">
        <v>33</v>
      </c>
      <c r="E2843" s="15">
        <v>45664</v>
      </c>
      <c r="F2843" s="14" t="s">
        <v>15</v>
      </c>
      <c r="G2843" s="16">
        <v>4.5894154715554203</v>
      </c>
    </row>
    <row r="2844" spans="1:7" x14ac:dyDescent="0.3">
      <c r="A2844" s="13" t="s">
        <v>32</v>
      </c>
      <c r="B2844" s="14" t="s">
        <v>1</v>
      </c>
      <c r="C2844" s="14" t="s">
        <v>23</v>
      </c>
      <c r="D2844" s="14" t="s">
        <v>33</v>
      </c>
      <c r="E2844" s="15">
        <v>45665</v>
      </c>
      <c r="F2844" s="14" t="s">
        <v>15</v>
      </c>
      <c r="G2844" s="16">
        <v>4.6074933930232875</v>
      </c>
    </row>
    <row r="2845" spans="1:7" x14ac:dyDescent="0.3">
      <c r="A2845" s="13" t="s">
        <v>32</v>
      </c>
      <c r="B2845" s="14" t="s">
        <v>1</v>
      </c>
      <c r="C2845" s="14" t="s">
        <v>23</v>
      </c>
      <c r="D2845" s="14" t="s">
        <v>33</v>
      </c>
      <c r="E2845" s="15">
        <v>45666</v>
      </c>
      <c r="F2845" s="14" t="s">
        <v>15</v>
      </c>
      <c r="G2845" s="16">
        <v>4.6074933930232875</v>
      </c>
    </row>
    <row r="2846" spans="1:7" x14ac:dyDescent="0.3">
      <c r="A2846" s="13" t="s">
        <v>32</v>
      </c>
      <c r="B2846" s="14" t="s">
        <v>1</v>
      </c>
      <c r="C2846" s="14" t="s">
        <v>23</v>
      </c>
      <c r="D2846" s="14" t="s">
        <v>33</v>
      </c>
      <c r="E2846" s="15">
        <v>45667</v>
      </c>
      <c r="F2846" s="14" t="s">
        <v>15</v>
      </c>
      <c r="G2846" s="16">
        <v>4.6285713144911549</v>
      </c>
    </row>
    <row r="2847" spans="1:7" x14ac:dyDescent="0.3">
      <c r="A2847" s="13" t="s">
        <v>32</v>
      </c>
      <c r="B2847" s="14" t="s">
        <v>1</v>
      </c>
      <c r="C2847" s="14" t="s">
        <v>23</v>
      </c>
      <c r="D2847" s="14" t="s">
        <v>33</v>
      </c>
      <c r="E2847" s="15">
        <v>45668</v>
      </c>
      <c r="F2847" s="14" t="s">
        <v>15</v>
      </c>
      <c r="G2847" s="16">
        <v>4.6285713144911549</v>
      </c>
    </row>
    <row r="2848" spans="1:7" x14ac:dyDescent="0.3">
      <c r="A2848" s="13" t="s">
        <v>32</v>
      </c>
      <c r="B2848" s="14" t="s">
        <v>1</v>
      </c>
      <c r="C2848" s="14" t="s">
        <v>23</v>
      </c>
      <c r="D2848" s="14" t="s">
        <v>33</v>
      </c>
      <c r="E2848" s="15">
        <v>45669</v>
      </c>
      <c r="F2848" s="14" t="s">
        <v>15</v>
      </c>
      <c r="G2848" s="16">
        <v>4.6285713144911549</v>
      </c>
    </row>
    <row r="2849" spans="1:7" x14ac:dyDescent="0.3">
      <c r="A2849" s="13" t="s">
        <v>32</v>
      </c>
      <c r="B2849" s="14" t="s">
        <v>1</v>
      </c>
      <c r="C2849" s="14" t="s">
        <v>23</v>
      </c>
      <c r="D2849" s="14" t="s">
        <v>33</v>
      </c>
      <c r="E2849" s="15">
        <v>45670</v>
      </c>
      <c r="F2849" s="14" t="s">
        <v>15</v>
      </c>
      <c r="G2849" s="16">
        <v>4.6636492359590225</v>
      </c>
    </row>
    <row r="2850" spans="1:7" x14ac:dyDescent="0.3">
      <c r="A2850" s="13" t="s">
        <v>32</v>
      </c>
      <c r="B2850" s="14" t="s">
        <v>1</v>
      </c>
      <c r="C2850" s="14" t="s">
        <v>23</v>
      </c>
      <c r="D2850" s="14" t="s">
        <v>33</v>
      </c>
      <c r="E2850" s="15">
        <v>45671</v>
      </c>
      <c r="F2850" s="14" t="s">
        <v>15</v>
      </c>
      <c r="G2850" s="16">
        <v>4.7077271574268895</v>
      </c>
    </row>
    <row r="2851" spans="1:7" x14ac:dyDescent="0.3">
      <c r="A2851" s="13" t="s">
        <v>32</v>
      </c>
      <c r="B2851" s="14" t="s">
        <v>1</v>
      </c>
      <c r="C2851" s="14" t="s">
        <v>23</v>
      </c>
      <c r="D2851" s="14" t="s">
        <v>33</v>
      </c>
      <c r="E2851" s="15">
        <v>45672</v>
      </c>
      <c r="F2851" s="14" t="s">
        <v>15</v>
      </c>
      <c r="G2851" s="16">
        <v>4.7248050788947564</v>
      </c>
    </row>
    <row r="2852" spans="1:7" x14ac:dyDescent="0.3">
      <c r="A2852" s="13" t="s">
        <v>32</v>
      </c>
      <c r="B2852" s="14" t="s">
        <v>1</v>
      </c>
      <c r="C2852" s="14" t="s">
        <v>23</v>
      </c>
      <c r="D2852" s="14" t="s">
        <v>33</v>
      </c>
      <c r="E2852" s="15">
        <v>45673</v>
      </c>
      <c r="F2852" s="14" t="s">
        <v>15</v>
      </c>
      <c r="G2852" s="16">
        <v>4.7418830003626242</v>
      </c>
    </row>
    <row r="2853" spans="1:7" x14ac:dyDescent="0.3">
      <c r="A2853" s="13" t="s">
        <v>32</v>
      </c>
      <c r="B2853" s="14" t="s">
        <v>1</v>
      </c>
      <c r="C2853" s="14" t="s">
        <v>23</v>
      </c>
      <c r="D2853" s="14" t="s">
        <v>33</v>
      </c>
      <c r="E2853" s="15">
        <v>45674</v>
      </c>
      <c r="F2853" s="14" t="s">
        <v>15</v>
      </c>
      <c r="G2853" s="16">
        <v>4.7509609218304911</v>
      </c>
    </row>
    <row r="2854" spans="1:7" x14ac:dyDescent="0.3">
      <c r="A2854" s="13" t="s">
        <v>32</v>
      </c>
      <c r="B2854" s="14" t="s">
        <v>1</v>
      </c>
      <c r="C2854" s="14" t="s">
        <v>23</v>
      </c>
      <c r="D2854" s="14" t="s">
        <v>33</v>
      </c>
      <c r="E2854" s="15">
        <v>45675</v>
      </c>
      <c r="F2854" s="14" t="s">
        <v>15</v>
      </c>
      <c r="G2854" s="16">
        <v>4.7509609218304911</v>
      </c>
    </row>
    <row r="2855" spans="1:7" x14ac:dyDescent="0.3">
      <c r="A2855" s="13" t="s">
        <v>32</v>
      </c>
      <c r="B2855" s="14" t="s">
        <v>1</v>
      </c>
      <c r="C2855" s="14" t="s">
        <v>23</v>
      </c>
      <c r="D2855" s="14" t="s">
        <v>33</v>
      </c>
      <c r="E2855" s="15">
        <v>45676</v>
      </c>
      <c r="F2855" s="14" t="s">
        <v>15</v>
      </c>
      <c r="G2855" s="16">
        <v>4.7509609218304911</v>
      </c>
    </row>
    <row r="2856" spans="1:7" x14ac:dyDescent="0.3">
      <c r="A2856" s="13" t="s">
        <v>32</v>
      </c>
      <c r="B2856" s="14" t="s">
        <v>1</v>
      </c>
      <c r="C2856" s="14" t="s">
        <v>23</v>
      </c>
      <c r="D2856" s="14" t="s">
        <v>33</v>
      </c>
      <c r="E2856" s="15">
        <v>45677</v>
      </c>
      <c r="F2856" s="14" t="s">
        <v>15</v>
      </c>
      <c r="G2856" s="16">
        <v>4.7509609218304911</v>
      </c>
    </row>
    <row r="2857" spans="1:7" x14ac:dyDescent="0.3">
      <c r="A2857" s="13" t="s">
        <v>32</v>
      </c>
      <c r="B2857" s="14" t="s">
        <v>1</v>
      </c>
      <c r="C2857" s="14" t="s">
        <v>23</v>
      </c>
      <c r="D2857" s="14" t="s">
        <v>33</v>
      </c>
      <c r="E2857" s="15">
        <v>45678</v>
      </c>
      <c r="F2857" s="14" t="s">
        <v>15</v>
      </c>
      <c r="G2857" s="16">
        <v>4.7690388432983584</v>
      </c>
    </row>
    <row r="2858" spans="1:7" x14ac:dyDescent="0.3">
      <c r="A2858" s="13" t="s">
        <v>32</v>
      </c>
      <c r="B2858" s="14" t="s">
        <v>1</v>
      </c>
      <c r="C2858" s="14" t="s">
        <v>23</v>
      </c>
      <c r="D2858" s="14" t="s">
        <v>33</v>
      </c>
      <c r="E2858" s="15">
        <v>45679</v>
      </c>
      <c r="F2858" s="14" t="s">
        <v>15</v>
      </c>
      <c r="G2858" s="16">
        <v>4.8301167647662258</v>
      </c>
    </row>
    <row r="2859" spans="1:7" x14ac:dyDescent="0.3">
      <c r="A2859" s="13" t="s">
        <v>32</v>
      </c>
      <c r="B2859" s="14" t="s">
        <v>1</v>
      </c>
      <c r="C2859" s="14" t="s">
        <v>23</v>
      </c>
      <c r="D2859" s="14" t="s">
        <v>33</v>
      </c>
      <c r="E2859" s="15">
        <v>45680</v>
      </c>
      <c r="F2859" s="14" t="s">
        <v>15</v>
      </c>
      <c r="G2859" s="16">
        <v>4.8461946862340923</v>
      </c>
    </row>
    <row r="2860" spans="1:7" x14ac:dyDescent="0.3">
      <c r="A2860" s="13" t="s">
        <v>32</v>
      </c>
      <c r="B2860" s="14" t="s">
        <v>1</v>
      </c>
      <c r="C2860" s="14" t="s">
        <v>23</v>
      </c>
      <c r="D2860" s="14" t="s">
        <v>33</v>
      </c>
      <c r="E2860" s="15">
        <v>45681</v>
      </c>
      <c r="F2860" s="14" t="s">
        <v>15</v>
      </c>
      <c r="G2860" s="16">
        <v>4.8622726077019589</v>
      </c>
    </row>
    <row r="2861" spans="1:7" x14ac:dyDescent="0.3">
      <c r="A2861" s="13" t="s">
        <v>32</v>
      </c>
      <c r="B2861" s="14" t="s">
        <v>1</v>
      </c>
      <c r="C2861" s="14" t="s">
        <v>23</v>
      </c>
      <c r="D2861" s="14" t="s">
        <v>33</v>
      </c>
      <c r="E2861" s="15">
        <v>45682</v>
      </c>
      <c r="F2861" s="14" t="s">
        <v>15</v>
      </c>
      <c r="G2861" s="16">
        <v>4.8622726077019589</v>
      </c>
    </row>
    <row r="2862" spans="1:7" x14ac:dyDescent="0.3">
      <c r="A2862" s="13" t="s">
        <v>32</v>
      </c>
      <c r="B2862" s="14" t="s">
        <v>1</v>
      </c>
      <c r="C2862" s="14" t="s">
        <v>23</v>
      </c>
      <c r="D2862" s="14" t="s">
        <v>33</v>
      </c>
      <c r="E2862" s="15">
        <v>45683</v>
      </c>
      <c r="F2862" s="14" t="s">
        <v>15</v>
      </c>
      <c r="G2862" s="16">
        <v>4.8622726077019589</v>
      </c>
    </row>
    <row r="2863" spans="1:7" x14ac:dyDescent="0.3">
      <c r="A2863" s="13" t="s">
        <v>32</v>
      </c>
      <c r="B2863" s="14" t="s">
        <v>1</v>
      </c>
      <c r="C2863" s="14" t="s">
        <v>23</v>
      </c>
      <c r="D2863" s="14" t="s">
        <v>33</v>
      </c>
      <c r="E2863" s="15">
        <v>45684</v>
      </c>
      <c r="F2863" s="14" t="s">
        <v>15</v>
      </c>
      <c r="G2863" s="16">
        <v>4.8793505291698267</v>
      </c>
    </row>
    <row r="2864" spans="1:7" x14ac:dyDescent="0.3">
      <c r="A2864" s="13" t="s">
        <v>32</v>
      </c>
      <c r="B2864" s="14" t="s">
        <v>1</v>
      </c>
      <c r="C2864" s="14" t="s">
        <v>23</v>
      </c>
      <c r="D2864" s="14" t="s">
        <v>33</v>
      </c>
      <c r="E2864" s="15">
        <v>45685</v>
      </c>
      <c r="F2864" s="14" t="s">
        <v>15</v>
      </c>
      <c r="G2864" s="16">
        <v>4.9264284506376939</v>
      </c>
    </row>
    <row r="2865" spans="1:7" x14ac:dyDescent="0.3">
      <c r="A2865" s="13" t="s">
        <v>32</v>
      </c>
      <c r="B2865" s="14" t="s">
        <v>1</v>
      </c>
      <c r="C2865" s="14" t="s">
        <v>23</v>
      </c>
      <c r="D2865" s="14" t="s">
        <v>33</v>
      </c>
      <c r="E2865" s="15">
        <v>45686</v>
      </c>
      <c r="F2865" s="14" t="s">
        <v>15</v>
      </c>
      <c r="G2865" s="16">
        <v>4.9425063721055604</v>
      </c>
    </row>
    <row r="2866" spans="1:7" x14ac:dyDescent="0.3">
      <c r="A2866" s="13" t="s">
        <v>32</v>
      </c>
      <c r="B2866" s="14" t="s">
        <v>1</v>
      </c>
      <c r="C2866" s="14" t="s">
        <v>23</v>
      </c>
      <c r="D2866" s="14" t="s">
        <v>33</v>
      </c>
      <c r="E2866" s="15">
        <v>45687</v>
      </c>
      <c r="F2866" s="14" t="s">
        <v>15</v>
      </c>
      <c r="G2866" s="16">
        <v>4.9595842935734282</v>
      </c>
    </row>
    <row r="2867" spans="1:7" x14ac:dyDescent="0.3">
      <c r="A2867" s="13" t="s">
        <v>32</v>
      </c>
      <c r="B2867" s="14" t="s">
        <v>1</v>
      </c>
      <c r="C2867" s="14" t="s">
        <v>23</v>
      </c>
      <c r="D2867" s="14" t="s">
        <v>33</v>
      </c>
      <c r="E2867" s="15">
        <v>45688</v>
      </c>
      <c r="F2867" s="14" t="s">
        <v>15</v>
      </c>
      <c r="G2867" s="16">
        <v>4.9756622150412948</v>
      </c>
    </row>
    <row r="2868" spans="1:7" x14ac:dyDescent="0.3">
      <c r="A2868" s="13" t="s">
        <v>32</v>
      </c>
      <c r="B2868" s="14" t="s">
        <v>1</v>
      </c>
      <c r="C2868" s="14" t="s">
        <v>23</v>
      </c>
      <c r="D2868" s="14" t="s">
        <v>33</v>
      </c>
      <c r="E2868" s="15">
        <v>45689</v>
      </c>
      <c r="F2868" s="14" t="s">
        <v>15</v>
      </c>
      <c r="G2868" s="16">
        <v>4.9756622150412948</v>
      </c>
    </row>
    <row r="2869" spans="1:7" x14ac:dyDescent="0.3">
      <c r="A2869" s="13" t="s">
        <v>32</v>
      </c>
      <c r="B2869" s="14" t="s">
        <v>1</v>
      </c>
      <c r="C2869" s="14" t="s">
        <v>23</v>
      </c>
      <c r="D2869" s="14" t="s">
        <v>33</v>
      </c>
      <c r="E2869" s="15">
        <v>45690</v>
      </c>
      <c r="F2869" s="14" t="s">
        <v>15</v>
      </c>
      <c r="G2869" s="16">
        <v>4.9756622150412948</v>
      </c>
    </row>
    <row r="2870" spans="1:7" x14ac:dyDescent="0.3">
      <c r="A2870" s="13" t="s">
        <v>32</v>
      </c>
      <c r="B2870" s="14" t="s">
        <v>1</v>
      </c>
      <c r="C2870" s="14" t="s">
        <v>23</v>
      </c>
      <c r="D2870" s="14" t="s">
        <v>33</v>
      </c>
      <c r="E2870" s="15">
        <v>45691</v>
      </c>
      <c r="F2870" s="14" t="s">
        <v>15</v>
      </c>
      <c r="G2870" s="16">
        <v>4.9756622150412948</v>
      </c>
    </row>
    <row r="2871" spans="1:7" x14ac:dyDescent="0.3">
      <c r="A2871" s="13" t="s">
        <v>32</v>
      </c>
      <c r="B2871" s="14" t="s">
        <v>1</v>
      </c>
      <c r="C2871" s="14" t="s">
        <v>23</v>
      </c>
      <c r="D2871" s="14" t="s">
        <v>33</v>
      </c>
      <c r="E2871" s="15">
        <v>45692</v>
      </c>
      <c r="F2871" s="14" t="s">
        <v>15</v>
      </c>
      <c r="G2871" s="16">
        <v>4.9907401365091619</v>
      </c>
    </row>
    <row r="2872" spans="1:7" x14ac:dyDescent="0.3">
      <c r="A2872" s="13" t="s">
        <v>32</v>
      </c>
      <c r="B2872" s="14" t="s">
        <v>1</v>
      </c>
      <c r="C2872" s="14" t="s">
        <v>23</v>
      </c>
      <c r="D2872" s="14" t="s">
        <v>33</v>
      </c>
      <c r="E2872" s="15">
        <v>45693</v>
      </c>
      <c r="F2872" s="14" t="s">
        <v>15</v>
      </c>
      <c r="G2872" s="16">
        <v>5.042818057977029</v>
      </c>
    </row>
    <row r="2873" spans="1:7" x14ac:dyDescent="0.3">
      <c r="A2873" s="13" t="s">
        <v>32</v>
      </c>
      <c r="B2873" s="14" t="s">
        <v>1</v>
      </c>
      <c r="C2873" s="14" t="s">
        <v>23</v>
      </c>
      <c r="D2873" s="14" t="s">
        <v>33</v>
      </c>
      <c r="E2873" s="15">
        <v>45694</v>
      </c>
      <c r="F2873" s="14" t="s">
        <v>15</v>
      </c>
      <c r="G2873" s="16">
        <v>5.0588959794448964</v>
      </c>
    </row>
    <row r="2874" spans="1:7" x14ac:dyDescent="0.3">
      <c r="A2874" s="13" t="s">
        <v>32</v>
      </c>
      <c r="B2874" s="14" t="s">
        <v>1</v>
      </c>
      <c r="C2874" s="14" t="s">
        <v>23</v>
      </c>
      <c r="D2874" s="14" t="s">
        <v>33</v>
      </c>
      <c r="E2874" s="15">
        <v>45695</v>
      </c>
      <c r="F2874" s="14" t="s">
        <v>15</v>
      </c>
      <c r="G2874" s="16">
        <v>5.074973900912763</v>
      </c>
    </row>
    <row r="2875" spans="1:7" x14ac:dyDescent="0.3">
      <c r="A2875" s="13" t="s">
        <v>32</v>
      </c>
      <c r="B2875" s="14" t="s">
        <v>1</v>
      </c>
      <c r="C2875" s="14" t="s">
        <v>23</v>
      </c>
      <c r="D2875" s="14" t="s">
        <v>33</v>
      </c>
      <c r="E2875" s="15">
        <v>45696</v>
      </c>
      <c r="F2875" s="14" t="s">
        <v>15</v>
      </c>
      <c r="G2875" s="16">
        <v>5.074973900912763</v>
      </c>
    </row>
    <row r="2876" spans="1:7" x14ac:dyDescent="0.3">
      <c r="A2876" s="13" t="s">
        <v>32</v>
      </c>
      <c r="B2876" s="14" t="s">
        <v>1</v>
      </c>
      <c r="C2876" s="14" t="s">
        <v>23</v>
      </c>
      <c r="D2876" s="14" t="s">
        <v>33</v>
      </c>
      <c r="E2876" s="15">
        <v>45697</v>
      </c>
      <c r="F2876" s="14" t="s">
        <v>15</v>
      </c>
      <c r="G2876" s="16">
        <v>5.074973900912763</v>
      </c>
    </row>
    <row r="2877" spans="1:7" x14ac:dyDescent="0.3">
      <c r="A2877" s="13" t="s">
        <v>32</v>
      </c>
      <c r="B2877" s="14" t="s">
        <v>1</v>
      </c>
      <c r="C2877" s="14" t="s">
        <v>23</v>
      </c>
      <c r="D2877" s="14" t="s">
        <v>33</v>
      </c>
      <c r="E2877" s="15">
        <v>45698</v>
      </c>
      <c r="F2877" s="14" t="s">
        <v>15</v>
      </c>
      <c r="G2877" s="16">
        <v>5.1000518223806299</v>
      </c>
    </row>
    <row r="2878" spans="1:7" x14ac:dyDescent="0.3">
      <c r="A2878" s="13" t="s">
        <v>32</v>
      </c>
      <c r="B2878" s="14" t="s">
        <v>1</v>
      </c>
      <c r="C2878" s="14" t="s">
        <v>23</v>
      </c>
      <c r="D2878" s="14" t="s">
        <v>33</v>
      </c>
      <c r="E2878" s="15">
        <v>45699</v>
      </c>
      <c r="F2878" s="14" t="s">
        <v>15</v>
      </c>
      <c r="G2878" s="16">
        <v>5.1471297438484971</v>
      </c>
    </row>
    <row r="2879" spans="1:7" x14ac:dyDescent="0.3">
      <c r="A2879" s="13" t="s">
        <v>32</v>
      </c>
      <c r="B2879" s="14" t="s">
        <v>1</v>
      </c>
      <c r="C2879" s="14" t="s">
        <v>23</v>
      </c>
      <c r="D2879" s="14" t="s">
        <v>33</v>
      </c>
      <c r="E2879" s="15">
        <v>45700</v>
      </c>
      <c r="F2879" s="14" t="s">
        <v>15</v>
      </c>
      <c r="G2879" s="16">
        <v>5.1632076653163645</v>
      </c>
    </row>
    <row r="2880" spans="1:7" x14ac:dyDescent="0.3">
      <c r="A2880" s="13" t="s">
        <v>32</v>
      </c>
      <c r="B2880" s="14" t="s">
        <v>1</v>
      </c>
      <c r="C2880" s="14" t="s">
        <v>23</v>
      </c>
      <c r="D2880" s="14" t="s">
        <v>33</v>
      </c>
      <c r="E2880" s="15">
        <v>45701</v>
      </c>
      <c r="F2880" s="14" t="s">
        <v>15</v>
      </c>
      <c r="G2880" s="16">
        <v>5.1812855867842318</v>
      </c>
    </row>
    <row r="2881" spans="1:7" x14ac:dyDescent="0.3">
      <c r="A2881" s="13" t="s">
        <v>32</v>
      </c>
      <c r="B2881" s="14" t="s">
        <v>1</v>
      </c>
      <c r="C2881" s="14" t="s">
        <v>23</v>
      </c>
      <c r="D2881" s="14" t="s">
        <v>33</v>
      </c>
      <c r="E2881" s="15">
        <v>45702</v>
      </c>
      <c r="F2881" s="14" t="s">
        <v>15</v>
      </c>
      <c r="G2881" s="16">
        <v>5.1973635082520984</v>
      </c>
    </row>
    <row r="2882" spans="1:7" x14ac:dyDescent="0.3">
      <c r="A2882" s="13" t="s">
        <v>32</v>
      </c>
      <c r="B2882" s="14" t="s">
        <v>1</v>
      </c>
      <c r="C2882" s="14" t="s">
        <v>23</v>
      </c>
      <c r="D2882" s="14" t="s">
        <v>33</v>
      </c>
      <c r="E2882" s="15">
        <v>45703</v>
      </c>
      <c r="F2882" s="14" t="s">
        <v>15</v>
      </c>
      <c r="G2882" s="16">
        <v>5.1973635082520984</v>
      </c>
    </row>
    <row r="2883" spans="1:7" x14ac:dyDescent="0.3">
      <c r="A2883" s="13" t="s">
        <v>32</v>
      </c>
      <c r="B2883" s="14" t="s">
        <v>1</v>
      </c>
      <c r="C2883" s="14" t="s">
        <v>23</v>
      </c>
      <c r="D2883" s="14" t="s">
        <v>33</v>
      </c>
      <c r="E2883" s="15">
        <v>45704</v>
      </c>
      <c r="F2883" s="14" t="s">
        <v>15</v>
      </c>
      <c r="G2883" s="16">
        <v>5.1973635082520984</v>
      </c>
    </row>
    <row r="2884" spans="1:7" x14ac:dyDescent="0.3">
      <c r="A2884" s="13" t="s">
        <v>32</v>
      </c>
      <c r="B2884" s="14" t="s">
        <v>1</v>
      </c>
      <c r="C2884" s="14" t="s">
        <v>23</v>
      </c>
      <c r="D2884" s="14" t="s">
        <v>33</v>
      </c>
      <c r="E2884" s="15">
        <v>45705</v>
      </c>
      <c r="F2884" s="14" t="s">
        <v>15</v>
      </c>
      <c r="G2884" s="16">
        <v>5.1973635082520984</v>
      </c>
    </row>
    <row r="2885" spans="1:7" x14ac:dyDescent="0.3">
      <c r="A2885" s="13" t="s">
        <v>32</v>
      </c>
      <c r="B2885" s="14" t="s">
        <v>1</v>
      </c>
      <c r="C2885" s="14" t="s">
        <v>23</v>
      </c>
      <c r="D2885" s="14" t="s">
        <v>33</v>
      </c>
      <c r="E2885" s="15">
        <v>45706</v>
      </c>
      <c r="F2885" s="14" t="s">
        <v>15</v>
      </c>
      <c r="G2885" s="16">
        <v>5.2144414297199662</v>
      </c>
    </row>
    <row r="2886" spans="1:7" x14ac:dyDescent="0.3">
      <c r="A2886" s="13" t="s">
        <v>32</v>
      </c>
      <c r="B2886" s="14" t="s">
        <v>1</v>
      </c>
      <c r="C2886" s="14" t="s">
        <v>23</v>
      </c>
      <c r="D2886" s="14" t="s">
        <v>33</v>
      </c>
      <c r="E2886" s="15">
        <v>45707</v>
      </c>
      <c r="F2886" s="14" t="s">
        <v>15</v>
      </c>
      <c r="G2886" s="16">
        <v>5.276519351187833</v>
      </c>
    </row>
    <row r="2887" spans="1:7" x14ac:dyDescent="0.3">
      <c r="A2887" s="13" t="s">
        <v>32</v>
      </c>
      <c r="B2887" s="14" t="s">
        <v>1</v>
      </c>
      <c r="C2887" s="14" t="s">
        <v>23</v>
      </c>
      <c r="D2887" s="14" t="s">
        <v>33</v>
      </c>
      <c r="E2887" s="15">
        <v>45708</v>
      </c>
      <c r="F2887" s="14" t="s">
        <v>15</v>
      </c>
      <c r="G2887" s="16">
        <v>5.2925972726556996</v>
      </c>
    </row>
    <row r="2888" spans="1:7" x14ac:dyDescent="0.3">
      <c r="A2888" s="13" t="s">
        <v>32</v>
      </c>
      <c r="B2888" s="14" t="s">
        <v>1</v>
      </c>
      <c r="C2888" s="14" t="s">
        <v>23</v>
      </c>
      <c r="D2888" s="14" t="s">
        <v>33</v>
      </c>
      <c r="E2888" s="15">
        <v>45709</v>
      </c>
      <c r="F2888" s="14" t="s">
        <v>15</v>
      </c>
      <c r="G2888" s="16">
        <v>5.3036751941235671</v>
      </c>
    </row>
    <row r="2889" spans="1:7" x14ac:dyDescent="0.3">
      <c r="A2889" s="13" t="s">
        <v>32</v>
      </c>
      <c r="B2889" s="14" t="s">
        <v>1</v>
      </c>
      <c r="C2889" s="14" t="s">
        <v>23</v>
      </c>
      <c r="D2889" s="14" t="s">
        <v>33</v>
      </c>
      <c r="E2889" s="15">
        <v>45710</v>
      </c>
      <c r="F2889" s="14" t="s">
        <v>15</v>
      </c>
      <c r="G2889" s="16">
        <v>5.3036751941235671</v>
      </c>
    </row>
    <row r="2890" spans="1:7" x14ac:dyDescent="0.3">
      <c r="A2890" s="13" t="s">
        <v>32</v>
      </c>
      <c r="B2890" s="14" t="s">
        <v>1</v>
      </c>
      <c r="C2890" s="14" t="s">
        <v>23</v>
      </c>
      <c r="D2890" s="14" t="s">
        <v>33</v>
      </c>
      <c r="E2890" s="15">
        <v>45711</v>
      </c>
      <c r="F2890" s="14" t="s">
        <v>15</v>
      </c>
      <c r="G2890" s="16">
        <v>5.3036751941235671</v>
      </c>
    </row>
    <row r="2891" spans="1:7" x14ac:dyDescent="0.3">
      <c r="A2891" s="13" t="s">
        <v>32</v>
      </c>
      <c r="B2891" s="14" t="s">
        <v>1</v>
      </c>
      <c r="C2891" s="14" t="s">
        <v>23</v>
      </c>
      <c r="D2891" s="14" t="s">
        <v>33</v>
      </c>
      <c r="E2891" s="15">
        <v>45712</v>
      </c>
      <c r="F2891" s="14" t="s">
        <v>15</v>
      </c>
      <c r="G2891" s="16">
        <v>5.3167531155914336</v>
      </c>
    </row>
    <row r="2892" spans="1:7" x14ac:dyDescent="0.3">
      <c r="A2892" s="13" t="s">
        <v>32</v>
      </c>
      <c r="B2892" s="14" t="s">
        <v>1</v>
      </c>
      <c r="C2892" s="14" t="s">
        <v>23</v>
      </c>
      <c r="D2892" s="14" t="s">
        <v>33</v>
      </c>
      <c r="E2892" s="15">
        <v>45713</v>
      </c>
      <c r="F2892" s="14" t="s">
        <v>15</v>
      </c>
      <c r="G2892" s="16">
        <v>5.3638310370593008</v>
      </c>
    </row>
    <row r="2893" spans="1:7" x14ac:dyDescent="0.3">
      <c r="A2893" s="13" t="s">
        <v>32</v>
      </c>
      <c r="B2893" s="14" t="s">
        <v>1</v>
      </c>
      <c r="C2893" s="14" t="s">
        <v>23</v>
      </c>
      <c r="D2893" s="14" t="s">
        <v>33</v>
      </c>
      <c r="E2893" s="15">
        <v>45714</v>
      </c>
      <c r="F2893" s="14" t="s">
        <v>15</v>
      </c>
      <c r="G2893" s="16">
        <v>5.3779089585271684</v>
      </c>
    </row>
    <row r="2894" spans="1:7" x14ac:dyDescent="0.3">
      <c r="A2894" s="13" t="s">
        <v>32</v>
      </c>
      <c r="B2894" s="14" t="s">
        <v>1</v>
      </c>
      <c r="C2894" s="14" t="s">
        <v>23</v>
      </c>
      <c r="D2894" s="14" t="s">
        <v>33</v>
      </c>
      <c r="E2894" s="15">
        <v>45715</v>
      </c>
      <c r="F2894" s="14" t="s">
        <v>15</v>
      </c>
      <c r="G2894" s="16">
        <v>5.393986879995035</v>
      </c>
    </row>
    <row r="2895" spans="1:7" x14ac:dyDescent="0.3">
      <c r="A2895" s="13" t="s">
        <v>32</v>
      </c>
      <c r="B2895" s="14" t="s">
        <v>1</v>
      </c>
      <c r="C2895" s="14" t="s">
        <v>23</v>
      </c>
      <c r="D2895" s="14" t="s">
        <v>33</v>
      </c>
      <c r="E2895" s="15">
        <v>45716</v>
      </c>
      <c r="F2895" s="14" t="s">
        <v>15</v>
      </c>
      <c r="G2895" s="16">
        <v>5.4110648014629028</v>
      </c>
    </row>
    <row r="2896" spans="1:7" x14ac:dyDescent="0.3">
      <c r="A2896" s="13" t="s">
        <v>32</v>
      </c>
      <c r="B2896" s="14" t="s">
        <v>1</v>
      </c>
      <c r="C2896" s="14" t="s">
        <v>23</v>
      </c>
      <c r="D2896" s="14" t="s">
        <v>33</v>
      </c>
      <c r="E2896" s="15">
        <v>45717</v>
      </c>
      <c r="F2896" s="14" t="s">
        <v>15</v>
      </c>
      <c r="G2896" s="16">
        <v>0</v>
      </c>
    </row>
    <row r="2897" spans="1:7" x14ac:dyDescent="0.3">
      <c r="A2897" s="13" t="s">
        <v>32</v>
      </c>
      <c r="B2897" s="14" t="s">
        <v>1</v>
      </c>
      <c r="C2897" s="14" t="s">
        <v>23</v>
      </c>
      <c r="D2897" s="14" t="s">
        <v>33</v>
      </c>
      <c r="E2897" s="15">
        <v>45718</v>
      </c>
      <c r="F2897" s="14" t="s">
        <v>15</v>
      </c>
      <c r="G2897" s="16">
        <v>0</v>
      </c>
    </row>
    <row r="2898" spans="1:7" x14ac:dyDescent="0.3">
      <c r="A2898" s="13" t="s">
        <v>32</v>
      </c>
      <c r="B2898" s="14" t="s">
        <v>1</v>
      </c>
      <c r="C2898" s="14" t="s">
        <v>23</v>
      </c>
      <c r="D2898" s="14" t="s">
        <v>33</v>
      </c>
      <c r="E2898" s="15">
        <v>45719</v>
      </c>
      <c r="F2898" s="14" t="s">
        <v>15</v>
      </c>
      <c r="G2898" s="16">
        <v>0</v>
      </c>
    </row>
    <row r="2899" spans="1:7" x14ac:dyDescent="0.3">
      <c r="A2899" s="13" t="s">
        <v>32</v>
      </c>
      <c r="B2899" s="14" t="s">
        <v>1</v>
      </c>
      <c r="C2899" s="14" t="s">
        <v>23</v>
      </c>
      <c r="D2899" s="14" t="s">
        <v>33</v>
      </c>
      <c r="E2899" s="15">
        <v>45720</v>
      </c>
      <c r="F2899" s="14" t="s">
        <v>15</v>
      </c>
      <c r="G2899" s="16">
        <v>0</v>
      </c>
    </row>
    <row r="2900" spans="1:7" x14ac:dyDescent="0.3">
      <c r="A2900" s="13" t="s">
        <v>32</v>
      </c>
      <c r="B2900" s="14" t="s">
        <v>1</v>
      </c>
      <c r="C2900" s="14" t="s">
        <v>23</v>
      </c>
      <c r="D2900" s="14" t="s">
        <v>33</v>
      </c>
      <c r="E2900" s="15">
        <v>45721</v>
      </c>
      <c r="F2900" s="14" t="s">
        <v>15</v>
      </c>
      <c r="G2900" s="16">
        <v>0</v>
      </c>
    </row>
    <row r="2901" spans="1:7" x14ac:dyDescent="0.3">
      <c r="A2901" s="13" t="s">
        <v>32</v>
      </c>
      <c r="B2901" s="14" t="s">
        <v>1</v>
      </c>
      <c r="C2901" s="14" t="s">
        <v>23</v>
      </c>
      <c r="D2901" s="14" t="s">
        <v>33</v>
      </c>
      <c r="E2901" s="15">
        <v>45722</v>
      </c>
      <c r="F2901" s="14" t="s">
        <v>15</v>
      </c>
      <c r="G2901" s="16">
        <v>0</v>
      </c>
    </row>
    <row r="2902" spans="1:7" x14ac:dyDescent="0.3">
      <c r="A2902" s="13" t="s">
        <v>32</v>
      </c>
      <c r="B2902" s="14" t="s">
        <v>1</v>
      </c>
      <c r="C2902" s="14" t="s">
        <v>23</v>
      </c>
      <c r="D2902" s="14" t="s">
        <v>33</v>
      </c>
      <c r="E2902" s="15">
        <v>45723</v>
      </c>
      <c r="F2902" s="14" t="s">
        <v>15</v>
      </c>
      <c r="G2902" s="16">
        <v>0</v>
      </c>
    </row>
    <row r="2903" spans="1:7" x14ac:dyDescent="0.3">
      <c r="A2903" s="13" t="s">
        <v>32</v>
      </c>
      <c r="B2903" s="14" t="s">
        <v>1</v>
      </c>
      <c r="C2903" s="14" t="s">
        <v>23</v>
      </c>
      <c r="D2903" s="14" t="s">
        <v>33</v>
      </c>
      <c r="E2903" s="15">
        <v>45724</v>
      </c>
      <c r="F2903" s="14" t="s">
        <v>15</v>
      </c>
      <c r="G2903" s="16">
        <v>0</v>
      </c>
    </row>
    <row r="2904" spans="1:7" x14ac:dyDescent="0.3">
      <c r="A2904" s="13" t="s">
        <v>32</v>
      </c>
      <c r="B2904" s="14" t="s">
        <v>1</v>
      </c>
      <c r="C2904" s="14" t="s">
        <v>23</v>
      </c>
      <c r="D2904" s="14" t="s">
        <v>33</v>
      </c>
      <c r="E2904" s="15">
        <v>45725</v>
      </c>
      <c r="F2904" s="14" t="s">
        <v>15</v>
      </c>
      <c r="G2904" s="16">
        <v>0</v>
      </c>
    </row>
    <row r="2905" spans="1:7" x14ac:dyDescent="0.3">
      <c r="A2905" s="13" t="s">
        <v>32</v>
      </c>
      <c r="B2905" s="14" t="s">
        <v>1</v>
      </c>
      <c r="C2905" s="14" t="s">
        <v>23</v>
      </c>
      <c r="D2905" s="14" t="s">
        <v>33</v>
      </c>
      <c r="E2905" s="15">
        <v>45726</v>
      </c>
      <c r="F2905" s="14" t="s">
        <v>15</v>
      </c>
      <c r="G2905" s="16">
        <v>0</v>
      </c>
    </row>
    <row r="2906" spans="1:7" x14ac:dyDescent="0.3">
      <c r="A2906" s="13" t="s">
        <v>32</v>
      </c>
      <c r="B2906" s="14" t="s">
        <v>1</v>
      </c>
      <c r="C2906" s="14" t="s">
        <v>23</v>
      </c>
      <c r="D2906" s="14" t="s">
        <v>33</v>
      </c>
      <c r="E2906" s="15">
        <v>45727</v>
      </c>
      <c r="F2906" s="14" t="s">
        <v>15</v>
      </c>
      <c r="G2906" s="16">
        <v>0</v>
      </c>
    </row>
    <row r="2907" spans="1:7" x14ac:dyDescent="0.3">
      <c r="A2907" s="13" t="s">
        <v>32</v>
      </c>
      <c r="B2907" s="14" t="s">
        <v>1</v>
      </c>
      <c r="C2907" s="14" t="s">
        <v>23</v>
      </c>
      <c r="D2907" s="14" t="s">
        <v>33</v>
      </c>
      <c r="E2907" s="15">
        <v>45728</v>
      </c>
      <c r="F2907" s="14" t="s">
        <v>15</v>
      </c>
      <c r="G2907" s="16">
        <v>0</v>
      </c>
    </row>
    <row r="2908" spans="1:7" x14ac:dyDescent="0.3">
      <c r="A2908" s="13" t="s">
        <v>32</v>
      </c>
      <c r="B2908" s="14" t="s">
        <v>1</v>
      </c>
      <c r="C2908" s="14" t="s">
        <v>23</v>
      </c>
      <c r="D2908" s="14" t="s">
        <v>33</v>
      </c>
      <c r="E2908" s="15">
        <v>45729</v>
      </c>
      <c r="F2908" s="14" t="s">
        <v>15</v>
      </c>
      <c r="G2908" s="16">
        <v>0</v>
      </c>
    </row>
    <row r="2909" spans="1:7" x14ac:dyDescent="0.3">
      <c r="A2909" s="13" t="s">
        <v>32</v>
      </c>
      <c r="B2909" s="14" t="s">
        <v>1</v>
      </c>
      <c r="C2909" s="14" t="s">
        <v>23</v>
      </c>
      <c r="D2909" s="14" t="s">
        <v>33</v>
      </c>
      <c r="E2909" s="15">
        <v>45730</v>
      </c>
      <c r="F2909" s="14" t="s">
        <v>15</v>
      </c>
      <c r="G2909" s="16">
        <v>0</v>
      </c>
    </row>
    <row r="2910" spans="1:7" x14ac:dyDescent="0.3">
      <c r="A2910" s="13" t="s">
        <v>32</v>
      </c>
      <c r="B2910" s="14" t="s">
        <v>1</v>
      </c>
      <c r="C2910" s="14" t="s">
        <v>23</v>
      </c>
      <c r="D2910" s="14" t="s">
        <v>33</v>
      </c>
      <c r="E2910" s="15">
        <v>45731</v>
      </c>
      <c r="F2910" s="14" t="s">
        <v>15</v>
      </c>
      <c r="G2910" s="16">
        <v>0</v>
      </c>
    </row>
    <row r="2911" spans="1:7" x14ac:dyDescent="0.3">
      <c r="A2911" s="13" t="s">
        <v>32</v>
      </c>
      <c r="B2911" s="14" t="s">
        <v>1</v>
      </c>
      <c r="C2911" s="14" t="s">
        <v>23</v>
      </c>
      <c r="D2911" s="14" t="s">
        <v>33</v>
      </c>
      <c r="E2911" s="15">
        <v>45732</v>
      </c>
      <c r="F2911" s="14" t="s">
        <v>15</v>
      </c>
      <c r="G2911" s="16">
        <v>0</v>
      </c>
    </row>
    <row r="2912" spans="1:7" x14ac:dyDescent="0.3">
      <c r="A2912" s="13" t="s">
        <v>32</v>
      </c>
      <c r="B2912" s="14" t="s">
        <v>1</v>
      </c>
      <c r="C2912" s="14" t="s">
        <v>23</v>
      </c>
      <c r="D2912" s="14" t="s">
        <v>33</v>
      </c>
      <c r="E2912" s="15">
        <v>45733</v>
      </c>
      <c r="F2912" s="14" t="s">
        <v>15</v>
      </c>
      <c r="G2912" s="16">
        <v>0</v>
      </c>
    </row>
    <row r="2913" spans="1:7" x14ac:dyDescent="0.3">
      <c r="A2913" s="13" t="s">
        <v>32</v>
      </c>
      <c r="B2913" s="14" t="s">
        <v>1</v>
      </c>
      <c r="C2913" s="14" t="s">
        <v>23</v>
      </c>
      <c r="D2913" s="14" t="s">
        <v>33</v>
      </c>
      <c r="E2913" s="15">
        <v>45734</v>
      </c>
      <c r="F2913" s="14" t="s">
        <v>15</v>
      </c>
      <c r="G2913" s="16">
        <v>0</v>
      </c>
    </row>
    <row r="2914" spans="1:7" x14ac:dyDescent="0.3">
      <c r="A2914" s="13" t="s">
        <v>32</v>
      </c>
      <c r="B2914" s="14" t="s">
        <v>1</v>
      </c>
      <c r="C2914" s="14" t="s">
        <v>23</v>
      </c>
      <c r="D2914" s="14" t="s">
        <v>33</v>
      </c>
      <c r="E2914" s="15">
        <v>45735</v>
      </c>
      <c r="F2914" s="14" t="s">
        <v>15</v>
      </c>
      <c r="G2914" s="16">
        <v>0</v>
      </c>
    </row>
    <row r="2915" spans="1:7" x14ac:dyDescent="0.3">
      <c r="A2915" s="13" t="s">
        <v>32</v>
      </c>
      <c r="B2915" s="14" t="s">
        <v>1</v>
      </c>
      <c r="C2915" s="14" t="s">
        <v>23</v>
      </c>
      <c r="D2915" s="14" t="s">
        <v>33</v>
      </c>
      <c r="E2915" s="15">
        <v>45736</v>
      </c>
      <c r="F2915" s="14" t="s">
        <v>15</v>
      </c>
      <c r="G2915" s="16">
        <v>0</v>
      </c>
    </row>
    <row r="2916" spans="1:7" x14ac:dyDescent="0.3">
      <c r="A2916" s="13" t="s">
        <v>32</v>
      </c>
      <c r="B2916" s="14" t="s">
        <v>1</v>
      </c>
      <c r="C2916" s="14" t="s">
        <v>23</v>
      </c>
      <c r="D2916" s="14" t="s">
        <v>33</v>
      </c>
      <c r="E2916" s="15">
        <v>45737</v>
      </c>
      <c r="F2916" s="14" t="s">
        <v>15</v>
      </c>
      <c r="G2916" s="16">
        <v>0</v>
      </c>
    </row>
    <row r="2917" spans="1:7" x14ac:dyDescent="0.3">
      <c r="A2917" s="13" t="s">
        <v>32</v>
      </c>
      <c r="B2917" s="14" t="s">
        <v>1</v>
      </c>
      <c r="C2917" s="14" t="s">
        <v>23</v>
      </c>
      <c r="D2917" s="14" t="s">
        <v>33</v>
      </c>
      <c r="E2917" s="15">
        <v>45738</v>
      </c>
      <c r="F2917" s="14" t="s">
        <v>15</v>
      </c>
      <c r="G2917" s="16">
        <v>0</v>
      </c>
    </row>
    <row r="2918" spans="1:7" x14ac:dyDescent="0.3">
      <c r="A2918" s="13" t="s">
        <v>32</v>
      </c>
      <c r="B2918" s="14" t="s">
        <v>1</v>
      </c>
      <c r="C2918" s="14" t="s">
        <v>23</v>
      </c>
      <c r="D2918" s="14" t="s">
        <v>33</v>
      </c>
      <c r="E2918" s="15">
        <v>45739</v>
      </c>
      <c r="F2918" s="14" t="s">
        <v>15</v>
      </c>
      <c r="G2918" s="16">
        <v>0</v>
      </c>
    </row>
    <row r="2919" spans="1:7" x14ac:dyDescent="0.3">
      <c r="A2919" s="13" t="s">
        <v>32</v>
      </c>
      <c r="B2919" s="14" t="s">
        <v>1</v>
      </c>
      <c r="C2919" s="14" t="s">
        <v>23</v>
      </c>
      <c r="D2919" s="14" t="s">
        <v>33</v>
      </c>
      <c r="E2919" s="15">
        <v>45740</v>
      </c>
      <c r="F2919" s="14" t="s">
        <v>15</v>
      </c>
      <c r="G2919" s="16">
        <v>0</v>
      </c>
    </row>
    <row r="2920" spans="1:7" x14ac:dyDescent="0.3">
      <c r="A2920" s="13" t="s">
        <v>32</v>
      </c>
      <c r="B2920" s="14" t="s">
        <v>1</v>
      </c>
      <c r="C2920" s="14" t="s">
        <v>23</v>
      </c>
      <c r="D2920" s="14" t="s">
        <v>33</v>
      </c>
      <c r="E2920" s="15">
        <v>45741</v>
      </c>
      <c r="F2920" s="14" t="s">
        <v>15</v>
      </c>
      <c r="G2920" s="16">
        <v>0</v>
      </c>
    </row>
    <row r="2921" spans="1:7" x14ac:dyDescent="0.3">
      <c r="A2921" s="13" t="s">
        <v>32</v>
      </c>
      <c r="B2921" s="14" t="s">
        <v>1</v>
      </c>
      <c r="C2921" s="14" t="s">
        <v>23</v>
      </c>
      <c r="D2921" s="14" t="s">
        <v>33</v>
      </c>
      <c r="E2921" s="15">
        <v>45742</v>
      </c>
      <c r="F2921" s="14" t="s">
        <v>15</v>
      </c>
      <c r="G2921" s="16">
        <v>0</v>
      </c>
    </row>
    <row r="2922" spans="1:7" x14ac:dyDescent="0.3">
      <c r="A2922" s="13" t="s">
        <v>32</v>
      </c>
      <c r="B2922" s="14" t="s">
        <v>1</v>
      </c>
      <c r="C2922" s="14" t="s">
        <v>23</v>
      </c>
      <c r="D2922" s="14" t="s">
        <v>33</v>
      </c>
      <c r="E2922" s="15">
        <v>45743</v>
      </c>
      <c r="F2922" s="14" t="s">
        <v>15</v>
      </c>
      <c r="G2922" s="16">
        <v>0</v>
      </c>
    </row>
    <row r="2923" spans="1:7" x14ac:dyDescent="0.3">
      <c r="A2923" s="13" t="s">
        <v>32</v>
      </c>
      <c r="B2923" s="14" t="s">
        <v>1</v>
      </c>
      <c r="C2923" s="14" t="s">
        <v>23</v>
      </c>
      <c r="D2923" s="14" t="s">
        <v>33</v>
      </c>
      <c r="E2923" s="15">
        <v>45744</v>
      </c>
      <c r="F2923" s="14" t="s">
        <v>15</v>
      </c>
      <c r="G2923" s="16">
        <v>0</v>
      </c>
    </row>
    <row r="2924" spans="1:7" x14ac:dyDescent="0.3">
      <c r="A2924" s="13" t="s">
        <v>32</v>
      </c>
      <c r="B2924" s="14" t="s">
        <v>1</v>
      </c>
      <c r="C2924" s="14" t="s">
        <v>23</v>
      </c>
      <c r="D2924" s="14" t="s">
        <v>33</v>
      </c>
      <c r="E2924" s="15">
        <v>45745</v>
      </c>
      <c r="F2924" s="14" t="s">
        <v>15</v>
      </c>
      <c r="G2924" s="16">
        <v>0</v>
      </c>
    </row>
    <row r="2925" spans="1:7" x14ac:dyDescent="0.3">
      <c r="A2925" s="13" t="s">
        <v>32</v>
      </c>
      <c r="B2925" s="14" t="s">
        <v>1</v>
      </c>
      <c r="C2925" s="14" t="s">
        <v>23</v>
      </c>
      <c r="D2925" s="14" t="s">
        <v>33</v>
      </c>
      <c r="E2925" s="15">
        <v>45746</v>
      </c>
      <c r="F2925" s="14" t="s">
        <v>15</v>
      </c>
      <c r="G2925" s="16">
        <v>0</v>
      </c>
    </row>
    <row r="2926" spans="1:7" x14ac:dyDescent="0.3">
      <c r="A2926" s="13" t="s">
        <v>32</v>
      </c>
      <c r="B2926" s="14" t="s">
        <v>1</v>
      </c>
      <c r="C2926" s="14" t="s">
        <v>23</v>
      </c>
      <c r="D2926" s="14" t="s">
        <v>33</v>
      </c>
      <c r="E2926" s="15">
        <v>45747</v>
      </c>
      <c r="F2926" s="14" t="s">
        <v>15</v>
      </c>
      <c r="G2926" s="16">
        <v>0</v>
      </c>
    </row>
    <row r="2927" spans="1:7" x14ac:dyDescent="0.3">
      <c r="A2927" s="13" t="s">
        <v>34</v>
      </c>
      <c r="B2927" s="14" t="s">
        <v>1</v>
      </c>
      <c r="C2927" s="14" t="s">
        <v>35</v>
      </c>
      <c r="D2927" s="14" t="s">
        <v>36</v>
      </c>
      <c r="E2927" s="15">
        <v>45383</v>
      </c>
      <c r="F2927" s="14" t="s">
        <v>25</v>
      </c>
      <c r="G2927" s="16">
        <v>0</v>
      </c>
    </row>
    <row r="2928" spans="1:7" x14ac:dyDescent="0.3">
      <c r="A2928" s="13" t="s">
        <v>34</v>
      </c>
      <c r="B2928" s="14" t="s">
        <v>1</v>
      </c>
      <c r="C2928" s="14" t="s">
        <v>35</v>
      </c>
      <c r="D2928" s="14" t="s">
        <v>36</v>
      </c>
      <c r="E2928" s="15">
        <v>45384</v>
      </c>
      <c r="F2928" s="14" t="s">
        <v>25</v>
      </c>
      <c r="G2928" s="16">
        <v>0</v>
      </c>
    </row>
    <row r="2929" spans="1:7" x14ac:dyDescent="0.3">
      <c r="A2929" s="13" t="s">
        <v>34</v>
      </c>
      <c r="B2929" s="14" t="s">
        <v>1</v>
      </c>
      <c r="C2929" s="14" t="s">
        <v>35</v>
      </c>
      <c r="D2929" s="14" t="s">
        <v>36</v>
      </c>
      <c r="E2929" s="15">
        <v>45385</v>
      </c>
      <c r="F2929" s="14" t="s">
        <v>25</v>
      </c>
      <c r="G2929" s="16">
        <v>0</v>
      </c>
    </row>
    <row r="2930" spans="1:7" x14ac:dyDescent="0.3">
      <c r="A2930" s="13" t="s">
        <v>34</v>
      </c>
      <c r="B2930" s="14" t="s">
        <v>1</v>
      </c>
      <c r="C2930" s="14" t="s">
        <v>35</v>
      </c>
      <c r="D2930" s="14" t="s">
        <v>36</v>
      </c>
      <c r="E2930" s="15">
        <v>45386</v>
      </c>
      <c r="F2930" s="14" t="s">
        <v>25</v>
      </c>
      <c r="G2930" s="16">
        <v>0</v>
      </c>
    </row>
    <row r="2931" spans="1:7" x14ac:dyDescent="0.3">
      <c r="A2931" s="13" t="s">
        <v>34</v>
      </c>
      <c r="B2931" s="14" t="s">
        <v>1</v>
      </c>
      <c r="C2931" s="14" t="s">
        <v>35</v>
      </c>
      <c r="D2931" s="14" t="s">
        <v>36</v>
      </c>
      <c r="E2931" s="15">
        <v>45387</v>
      </c>
      <c r="F2931" s="14" t="s">
        <v>25</v>
      </c>
      <c r="G2931" s="16">
        <v>0</v>
      </c>
    </row>
    <row r="2932" spans="1:7" x14ac:dyDescent="0.3">
      <c r="A2932" s="13" t="s">
        <v>34</v>
      </c>
      <c r="B2932" s="14" t="s">
        <v>1</v>
      </c>
      <c r="C2932" s="14" t="s">
        <v>35</v>
      </c>
      <c r="D2932" s="14" t="s">
        <v>36</v>
      </c>
      <c r="E2932" s="15">
        <v>45388</v>
      </c>
      <c r="F2932" s="14" t="s">
        <v>25</v>
      </c>
      <c r="G2932" s="16">
        <v>0</v>
      </c>
    </row>
    <row r="2933" spans="1:7" x14ac:dyDescent="0.3">
      <c r="A2933" s="13" t="s">
        <v>34</v>
      </c>
      <c r="B2933" s="14" t="s">
        <v>1</v>
      </c>
      <c r="C2933" s="14" t="s">
        <v>35</v>
      </c>
      <c r="D2933" s="14" t="s">
        <v>36</v>
      </c>
      <c r="E2933" s="15">
        <v>45389</v>
      </c>
      <c r="F2933" s="14" t="s">
        <v>25</v>
      </c>
      <c r="G2933" s="16">
        <v>0</v>
      </c>
    </row>
    <row r="2934" spans="1:7" x14ac:dyDescent="0.3">
      <c r="A2934" s="13" t="s">
        <v>34</v>
      </c>
      <c r="B2934" s="14" t="s">
        <v>1</v>
      </c>
      <c r="C2934" s="14" t="s">
        <v>35</v>
      </c>
      <c r="D2934" s="14" t="s">
        <v>36</v>
      </c>
      <c r="E2934" s="15">
        <v>45390</v>
      </c>
      <c r="F2934" s="14" t="s">
        <v>25</v>
      </c>
      <c r="G2934" s="16">
        <v>0</v>
      </c>
    </row>
    <row r="2935" spans="1:7" x14ac:dyDescent="0.3">
      <c r="A2935" s="13" t="s">
        <v>34</v>
      </c>
      <c r="B2935" s="14" t="s">
        <v>1</v>
      </c>
      <c r="C2935" s="14" t="s">
        <v>35</v>
      </c>
      <c r="D2935" s="14" t="s">
        <v>36</v>
      </c>
      <c r="E2935" s="15">
        <v>45391</v>
      </c>
      <c r="F2935" s="14" t="s">
        <v>25</v>
      </c>
      <c r="G2935" s="16">
        <v>0</v>
      </c>
    </row>
    <row r="2936" spans="1:7" x14ac:dyDescent="0.3">
      <c r="A2936" s="13" t="s">
        <v>34</v>
      </c>
      <c r="B2936" s="14" t="s">
        <v>1</v>
      </c>
      <c r="C2936" s="14" t="s">
        <v>35</v>
      </c>
      <c r="D2936" s="14" t="s">
        <v>36</v>
      </c>
      <c r="E2936" s="15">
        <v>45392</v>
      </c>
      <c r="F2936" s="14" t="s">
        <v>25</v>
      </c>
      <c r="G2936" s="16">
        <v>0</v>
      </c>
    </row>
    <row r="2937" spans="1:7" x14ac:dyDescent="0.3">
      <c r="A2937" s="13" t="s">
        <v>34</v>
      </c>
      <c r="B2937" s="14" t="s">
        <v>1</v>
      </c>
      <c r="C2937" s="14" t="s">
        <v>35</v>
      </c>
      <c r="D2937" s="14" t="s">
        <v>36</v>
      </c>
      <c r="E2937" s="15">
        <v>45393</v>
      </c>
      <c r="F2937" s="14" t="s">
        <v>25</v>
      </c>
      <c r="G2937" s="16">
        <v>0</v>
      </c>
    </row>
    <row r="2938" spans="1:7" x14ac:dyDescent="0.3">
      <c r="A2938" s="13" t="s">
        <v>34</v>
      </c>
      <c r="B2938" s="14" t="s">
        <v>1</v>
      </c>
      <c r="C2938" s="14" t="s">
        <v>35</v>
      </c>
      <c r="D2938" s="14" t="s">
        <v>36</v>
      </c>
      <c r="E2938" s="15">
        <v>45394</v>
      </c>
      <c r="F2938" s="14" t="s">
        <v>25</v>
      </c>
      <c r="G2938" s="16">
        <v>0</v>
      </c>
    </row>
    <row r="2939" spans="1:7" x14ac:dyDescent="0.3">
      <c r="A2939" s="13" t="s">
        <v>34</v>
      </c>
      <c r="B2939" s="14" t="s">
        <v>1</v>
      </c>
      <c r="C2939" s="14" t="s">
        <v>35</v>
      </c>
      <c r="D2939" s="14" t="s">
        <v>36</v>
      </c>
      <c r="E2939" s="15">
        <v>45395</v>
      </c>
      <c r="F2939" s="14" t="s">
        <v>25</v>
      </c>
      <c r="G2939" s="16">
        <v>0</v>
      </c>
    </row>
    <row r="2940" spans="1:7" x14ac:dyDescent="0.3">
      <c r="A2940" s="13" t="s">
        <v>34</v>
      </c>
      <c r="B2940" s="14" t="s">
        <v>1</v>
      </c>
      <c r="C2940" s="14" t="s">
        <v>35</v>
      </c>
      <c r="D2940" s="14" t="s">
        <v>36</v>
      </c>
      <c r="E2940" s="15">
        <v>45396</v>
      </c>
      <c r="F2940" s="14" t="s">
        <v>25</v>
      </c>
      <c r="G2940" s="16">
        <v>0</v>
      </c>
    </row>
    <row r="2941" spans="1:7" x14ac:dyDescent="0.3">
      <c r="A2941" s="13" t="s">
        <v>34</v>
      </c>
      <c r="B2941" s="14" t="s">
        <v>1</v>
      </c>
      <c r="C2941" s="14" t="s">
        <v>35</v>
      </c>
      <c r="D2941" s="14" t="s">
        <v>36</v>
      </c>
      <c r="E2941" s="15">
        <v>45397</v>
      </c>
      <c r="F2941" s="14" t="s">
        <v>25</v>
      </c>
      <c r="G2941" s="16">
        <v>0</v>
      </c>
    </row>
    <row r="2942" spans="1:7" x14ac:dyDescent="0.3">
      <c r="A2942" s="13" t="s">
        <v>34</v>
      </c>
      <c r="B2942" s="14" t="s">
        <v>1</v>
      </c>
      <c r="C2942" s="14" t="s">
        <v>35</v>
      </c>
      <c r="D2942" s="14" t="s">
        <v>36</v>
      </c>
      <c r="E2942" s="15">
        <v>45398</v>
      </c>
      <c r="F2942" s="14" t="s">
        <v>25</v>
      </c>
      <c r="G2942" s="16">
        <v>0</v>
      </c>
    </row>
    <row r="2943" spans="1:7" x14ac:dyDescent="0.3">
      <c r="A2943" s="13" t="s">
        <v>34</v>
      </c>
      <c r="B2943" s="14" t="s">
        <v>1</v>
      </c>
      <c r="C2943" s="14" t="s">
        <v>35</v>
      </c>
      <c r="D2943" s="14" t="s">
        <v>36</v>
      </c>
      <c r="E2943" s="15">
        <v>45399</v>
      </c>
      <c r="F2943" s="14" t="s">
        <v>25</v>
      </c>
      <c r="G2943" s="16">
        <v>0</v>
      </c>
    </row>
    <row r="2944" spans="1:7" x14ac:dyDescent="0.3">
      <c r="A2944" s="13" t="s">
        <v>34</v>
      </c>
      <c r="B2944" s="14" t="s">
        <v>1</v>
      </c>
      <c r="C2944" s="14" t="s">
        <v>35</v>
      </c>
      <c r="D2944" s="14" t="s">
        <v>36</v>
      </c>
      <c r="E2944" s="15">
        <v>45400</v>
      </c>
      <c r="F2944" s="14" t="s">
        <v>25</v>
      </c>
      <c r="G2944" s="16">
        <v>0</v>
      </c>
    </row>
    <row r="2945" spans="1:7" x14ac:dyDescent="0.3">
      <c r="A2945" s="13" t="s">
        <v>34</v>
      </c>
      <c r="B2945" s="14" t="s">
        <v>1</v>
      </c>
      <c r="C2945" s="14" t="s">
        <v>35</v>
      </c>
      <c r="D2945" s="14" t="s">
        <v>36</v>
      </c>
      <c r="E2945" s="15">
        <v>45401</v>
      </c>
      <c r="F2945" s="14" t="s">
        <v>25</v>
      </c>
      <c r="G2945" s="16">
        <v>0</v>
      </c>
    </row>
    <row r="2946" spans="1:7" x14ac:dyDescent="0.3">
      <c r="A2946" s="13" t="s">
        <v>34</v>
      </c>
      <c r="B2946" s="14" t="s">
        <v>1</v>
      </c>
      <c r="C2946" s="14" t="s">
        <v>35</v>
      </c>
      <c r="D2946" s="14" t="s">
        <v>36</v>
      </c>
      <c r="E2946" s="15">
        <v>45402</v>
      </c>
      <c r="F2946" s="14" t="s">
        <v>25</v>
      </c>
      <c r="G2946" s="16">
        <v>0</v>
      </c>
    </row>
    <row r="2947" spans="1:7" x14ac:dyDescent="0.3">
      <c r="A2947" s="13" t="s">
        <v>34</v>
      </c>
      <c r="B2947" s="14" t="s">
        <v>1</v>
      </c>
      <c r="C2947" s="14" t="s">
        <v>35</v>
      </c>
      <c r="D2947" s="14" t="s">
        <v>36</v>
      </c>
      <c r="E2947" s="15">
        <v>45403</v>
      </c>
      <c r="F2947" s="14" t="s">
        <v>25</v>
      </c>
      <c r="G2947" s="16">
        <v>0</v>
      </c>
    </row>
    <row r="2948" spans="1:7" x14ac:dyDescent="0.3">
      <c r="A2948" s="13" t="s">
        <v>34</v>
      </c>
      <c r="B2948" s="14" t="s">
        <v>1</v>
      </c>
      <c r="C2948" s="14" t="s">
        <v>35</v>
      </c>
      <c r="D2948" s="14" t="s">
        <v>36</v>
      </c>
      <c r="E2948" s="15">
        <v>45404</v>
      </c>
      <c r="F2948" s="14" t="s">
        <v>25</v>
      </c>
      <c r="G2948" s="16">
        <v>0</v>
      </c>
    </row>
    <row r="2949" spans="1:7" x14ac:dyDescent="0.3">
      <c r="A2949" s="13" t="s">
        <v>34</v>
      </c>
      <c r="B2949" s="14" t="s">
        <v>1</v>
      </c>
      <c r="C2949" s="14" t="s">
        <v>35</v>
      </c>
      <c r="D2949" s="14" t="s">
        <v>36</v>
      </c>
      <c r="E2949" s="15">
        <v>45405</v>
      </c>
      <c r="F2949" s="14" t="s">
        <v>25</v>
      </c>
      <c r="G2949" s="16">
        <v>0</v>
      </c>
    </row>
    <row r="2950" spans="1:7" x14ac:dyDescent="0.3">
      <c r="A2950" s="13" t="s">
        <v>34</v>
      </c>
      <c r="B2950" s="14" t="s">
        <v>1</v>
      </c>
      <c r="C2950" s="14" t="s">
        <v>35</v>
      </c>
      <c r="D2950" s="14" t="s">
        <v>36</v>
      </c>
      <c r="E2950" s="15">
        <v>45406</v>
      </c>
      <c r="F2950" s="14" t="s">
        <v>25</v>
      </c>
      <c r="G2950" s="16">
        <v>0</v>
      </c>
    </row>
    <row r="2951" spans="1:7" x14ac:dyDescent="0.3">
      <c r="A2951" s="13" t="s">
        <v>34</v>
      </c>
      <c r="B2951" s="14" t="s">
        <v>1</v>
      </c>
      <c r="C2951" s="14" t="s">
        <v>35</v>
      </c>
      <c r="D2951" s="14" t="s">
        <v>36</v>
      </c>
      <c r="E2951" s="15">
        <v>45407</v>
      </c>
      <c r="F2951" s="14" t="s">
        <v>25</v>
      </c>
      <c r="G2951" s="16">
        <v>0</v>
      </c>
    </row>
    <row r="2952" spans="1:7" x14ac:dyDescent="0.3">
      <c r="A2952" s="13" t="s">
        <v>34</v>
      </c>
      <c r="B2952" s="14" t="s">
        <v>1</v>
      </c>
      <c r="C2952" s="14" t="s">
        <v>35</v>
      </c>
      <c r="D2952" s="14" t="s">
        <v>36</v>
      </c>
      <c r="E2952" s="15">
        <v>45408</v>
      </c>
      <c r="F2952" s="14" t="s">
        <v>25</v>
      </c>
      <c r="G2952" s="16">
        <v>0</v>
      </c>
    </row>
    <row r="2953" spans="1:7" x14ac:dyDescent="0.3">
      <c r="A2953" s="13" t="s">
        <v>34</v>
      </c>
      <c r="B2953" s="14" t="s">
        <v>1</v>
      </c>
      <c r="C2953" s="14" t="s">
        <v>35</v>
      </c>
      <c r="D2953" s="14" t="s">
        <v>36</v>
      </c>
      <c r="E2953" s="15">
        <v>45409</v>
      </c>
      <c r="F2953" s="14" t="s">
        <v>25</v>
      </c>
      <c r="G2953" s="16">
        <v>0</v>
      </c>
    </row>
    <row r="2954" spans="1:7" x14ac:dyDescent="0.3">
      <c r="A2954" s="13" t="s">
        <v>34</v>
      </c>
      <c r="B2954" s="14" t="s">
        <v>1</v>
      </c>
      <c r="C2954" s="14" t="s">
        <v>35</v>
      </c>
      <c r="D2954" s="14" t="s">
        <v>36</v>
      </c>
      <c r="E2954" s="15">
        <v>45410</v>
      </c>
      <c r="F2954" s="14" t="s">
        <v>25</v>
      </c>
      <c r="G2954" s="16">
        <v>0</v>
      </c>
    </row>
    <row r="2955" spans="1:7" x14ac:dyDescent="0.3">
      <c r="A2955" s="13" t="s">
        <v>34</v>
      </c>
      <c r="B2955" s="14" t="s">
        <v>1</v>
      </c>
      <c r="C2955" s="14" t="s">
        <v>35</v>
      </c>
      <c r="D2955" s="14" t="s">
        <v>36</v>
      </c>
      <c r="E2955" s="15">
        <v>45411</v>
      </c>
      <c r="F2955" s="14" t="s">
        <v>25</v>
      </c>
      <c r="G2955" s="16">
        <v>0</v>
      </c>
    </row>
    <row r="2956" spans="1:7" x14ac:dyDescent="0.3">
      <c r="A2956" s="13" t="s">
        <v>34</v>
      </c>
      <c r="B2956" s="14" t="s">
        <v>1</v>
      </c>
      <c r="C2956" s="14" t="s">
        <v>35</v>
      </c>
      <c r="D2956" s="14" t="s">
        <v>36</v>
      </c>
      <c r="E2956" s="15">
        <v>45412</v>
      </c>
      <c r="F2956" s="14" t="s">
        <v>25</v>
      </c>
      <c r="G2956" s="16">
        <v>0</v>
      </c>
    </row>
    <row r="2957" spans="1:7" x14ac:dyDescent="0.3">
      <c r="A2957" s="13" t="s">
        <v>34</v>
      </c>
      <c r="B2957" s="14" t="s">
        <v>1</v>
      </c>
      <c r="C2957" s="14" t="s">
        <v>35</v>
      </c>
      <c r="D2957" s="14" t="s">
        <v>36</v>
      </c>
      <c r="E2957" s="15">
        <v>45413</v>
      </c>
      <c r="F2957" s="14" t="s">
        <v>25</v>
      </c>
      <c r="G2957" s="16">
        <v>0</v>
      </c>
    </row>
    <row r="2958" spans="1:7" x14ac:dyDescent="0.3">
      <c r="A2958" s="13" t="s">
        <v>34</v>
      </c>
      <c r="B2958" s="14" t="s">
        <v>1</v>
      </c>
      <c r="C2958" s="14" t="s">
        <v>35</v>
      </c>
      <c r="D2958" s="14" t="s">
        <v>36</v>
      </c>
      <c r="E2958" s="15">
        <v>45414</v>
      </c>
      <c r="F2958" s="14" t="s">
        <v>25</v>
      </c>
      <c r="G2958" s="16">
        <v>0</v>
      </c>
    </row>
    <row r="2959" spans="1:7" x14ac:dyDescent="0.3">
      <c r="A2959" s="13" t="s">
        <v>34</v>
      </c>
      <c r="B2959" s="14" t="s">
        <v>1</v>
      </c>
      <c r="C2959" s="14" t="s">
        <v>35</v>
      </c>
      <c r="D2959" s="14" t="s">
        <v>36</v>
      </c>
      <c r="E2959" s="15">
        <v>45415</v>
      </c>
      <c r="F2959" s="14" t="s">
        <v>25</v>
      </c>
      <c r="G2959" s="16">
        <v>0</v>
      </c>
    </row>
    <row r="2960" spans="1:7" x14ac:dyDescent="0.3">
      <c r="A2960" s="13" t="s">
        <v>34</v>
      </c>
      <c r="B2960" s="14" t="s">
        <v>1</v>
      </c>
      <c r="C2960" s="14" t="s">
        <v>35</v>
      </c>
      <c r="D2960" s="14" t="s">
        <v>36</v>
      </c>
      <c r="E2960" s="15">
        <v>45416</v>
      </c>
      <c r="F2960" s="14" t="s">
        <v>25</v>
      </c>
      <c r="G2960" s="16">
        <v>0</v>
      </c>
    </row>
    <row r="2961" spans="1:7" x14ac:dyDescent="0.3">
      <c r="A2961" s="13" t="s">
        <v>34</v>
      </c>
      <c r="B2961" s="14" t="s">
        <v>1</v>
      </c>
      <c r="C2961" s="14" t="s">
        <v>35</v>
      </c>
      <c r="D2961" s="14" t="s">
        <v>36</v>
      </c>
      <c r="E2961" s="15">
        <v>45417</v>
      </c>
      <c r="F2961" s="14" t="s">
        <v>25</v>
      </c>
      <c r="G2961" s="16">
        <v>0</v>
      </c>
    </row>
    <row r="2962" spans="1:7" x14ac:dyDescent="0.3">
      <c r="A2962" s="13" t="s">
        <v>34</v>
      </c>
      <c r="B2962" s="14" t="s">
        <v>1</v>
      </c>
      <c r="C2962" s="14" t="s">
        <v>35</v>
      </c>
      <c r="D2962" s="14" t="s">
        <v>36</v>
      </c>
      <c r="E2962" s="15">
        <v>45418</v>
      </c>
      <c r="F2962" s="14" t="s">
        <v>25</v>
      </c>
      <c r="G2962" s="16">
        <v>0</v>
      </c>
    </row>
    <row r="2963" spans="1:7" x14ac:dyDescent="0.3">
      <c r="A2963" s="13" t="s">
        <v>34</v>
      </c>
      <c r="B2963" s="14" t="s">
        <v>1</v>
      </c>
      <c r="C2963" s="14" t="s">
        <v>35</v>
      </c>
      <c r="D2963" s="14" t="s">
        <v>36</v>
      </c>
      <c r="E2963" s="15">
        <v>45419</v>
      </c>
      <c r="F2963" s="14" t="s">
        <v>25</v>
      </c>
      <c r="G2963" s="16">
        <v>0</v>
      </c>
    </row>
    <row r="2964" spans="1:7" x14ac:dyDescent="0.3">
      <c r="A2964" s="13" t="s">
        <v>34</v>
      </c>
      <c r="B2964" s="14" t="s">
        <v>1</v>
      </c>
      <c r="C2964" s="14" t="s">
        <v>35</v>
      </c>
      <c r="D2964" s="14" t="s">
        <v>36</v>
      </c>
      <c r="E2964" s="15">
        <v>45420</v>
      </c>
      <c r="F2964" s="14" t="s">
        <v>25</v>
      </c>
      <c r="G2964" s="16">
        <v>0</v>
      </c>
    </row>
    <row r="2965" spans="1:7" x14ac:dyDescent="0.3">
      <c r="A2965" s="13" t="s">
        <v>34</v>
      </c>
      <c r="B2965" s="14" t="s">
        <v>1</v>
      </c>
      <c r="C2965" s="14" t="s">
        <v>35</v>
      </c>
      <c r="D2965" s="14" t="s">
        <v>36</v>
      </c>
      <c r="E2965" s="15">
        <v>45421</v>
      </c>
      <c r="F2965" s="14" t="s">
        <v>25</v>
      </c>
      <c r="G2965" s="16">
        <v>0</v>
      </c>
    </row>
    <row r="2966" spans="1:7" x14ac:dyDescent="0.3">
      <c r="A2966" s="13" t="s">
        <v>34</v>
      </c>
      <c r="B2966" s="14" t="s">
        <v>1</v>
      </c>
      <c r="C2966" s="14" t="s">
        <v>35</v>
      </c>
      <c r="D2966" s="14" t="s">
        <v>36</v>
      </c>
      <c r="E2966" s="15">
        <v>45422</v>
      </c>
      <c r="F2966" s="14" t="s">
        <v>25</v>
      </c>
      <c r="G2966" s="16">
        <v>0</v>
      </c>
    </row>
    <row r="2967" spans="1:7" x14ac:dyDescent="0.3">
      <c r="A2967" s="13" t="s">
        <v>34</v>
      </c>
      <c r="B2967" s="14" t="s">
        <v>1</v>
      </c>
      <c r="C2967" s="14" t="s">
        <v>35</v>
      </c>
      <c r="D2967" s="14" t="s">
        <v>36</v>
      </c>
      <c r="E2967" s="15">
        <v>45423</v>
      </c>
      <c r="F2967" s="14" t="s">
        <v>25</v>
      </c>
      <c r="G2967" s="16">
        <v>0</v>
      </c>
    </row>
    <row r="2968" spans="1:7" x14ac:dyDescent="0.3">
      <c r="A2968" s="13" t="s">
        <v>34</v>
      </c>
      <c r="B2968" s="14" t="s">
        <v>1</v>
      </c>
      <c r="C2968" s="14" t="s">
        <v>35</v>
      </c>
      <c r="D2968" s="14" t="s">
        <v>36</v>
      </c>
      <c r="E2968" s="15">
        <v>45424</v>
      </c>
      <c r="F2968" s="14" t="s">
        <v>25</v>
      </c>
      <c r="G2968" s="16">
        <v>0</v>
      </c>
    </row>
    <row r="2969" spans="1:7" x14ac:dyDescent="0.3">
      <c r="A2969" s="13" t="s">
        <v>34</v>
      </c>
      <c r="B2969" s="14" t="s">
        <v>1</v>
      </c>
      <c r="C2969" s="14" t="s">
        <v>35</v>
      </c>
      <c r="D2969" s="14" t="s">
        <v>36</v>
      </c>
      <c r="E2969" s="15">
        <v>45425</v>
      </c>
      <c r="F2969" s="14" t="s">
        <v>25</v>
      </c>
      <c r="G2969" s="16">
        <v>0</v>
      </c>
    </row>
    <row r="2970" spans="1:7" x14ac:dyDescent="0.3">
      <c r="A2970" s="13" t="s">
        <v>34</v>
      </c>
      <c r="B2970" s="14" t="s">
        <v>1</v>
      </c>
      <c r="C2970" s="14" t="s">
        <v>35</v>
      </c>
      <c r="D2970" s="14" t="s">
        <v>36</v>
      </c>
      <c r="E2970" s="15">
        <v>45426</v>
      </c>
      <c r="F2970" s="14" t="s">
        <v>25</v>
      </c>
      <c r="G2970" s="16">
        <v>0</v>
      </c>
    </row>
    <row r="2971" spans="1:7" x14ac:dyDescent="0.3">
      <c r="A2971" s="13" t="s">
        <v>34</v>
      </c>
      <c r="B2971" s="14" t="s">
        <v>1</v>
      </c>
      <c r="C2971" s="14" t="s">
        <v>35</v>
      </c>
      <c r="D2971" s="14" t="s">
        <v>36</v>
      </c>
      <c r="E2971" s="15">
        <v>45427</v>
      </c>
      <c r="F2971" s="14" t="s">
        <v>25</v>
      </c>
      <c r="G2971" s="16">
        <v>0</v>
      </c>
    </row>
    <row r="2972" spans="1:7" x14ac:dyDescent="0.3">
      <c r="A2972" s="13" t="s">
        <v>34</v>
      </c>
      <c r="B2972" s="14" t="s">
        <v>1</v>
      </c>
      <c r="C2972" s="14" t="s">
        <v>35</v>
      </c>
      <c r="D2972" s="14" t="s">
        <v>36</v>
      </c>
      <c r="E2972" s="15">
        <v>45428</v>
      </c>
      <c r="F2972" s="14" t="s">
        <v>25</v>
      </c>
      <c r="G2972" s="16">
        <v>0</v>
      </c>
    </row>
    <row r="2973" spans="1:7" x14ac:dyDescent="0.3">
      <c r="A2973" s="13" t="s">
        <v>34</v>
      </c>
      <c r="B2973" s="14" t="s">
        <v>1</v>
      </c>
      <c r="C2973" s="14" t="s">
        <v>35</v>
      </c>
      <c r="D2973" s="14" t="s">
        <v>36</v>
      </c>
      <c r="E2973" s="15">
        <v>45429</v>
      </c>
      <c r="F2973" s="14" t="s">
        <v>25</v>
      </c>
      <c r="G2973" s="16">
        <v>0</v>
      </c>
    </row>
    <row r="2974" spans="1:7" x14ac:dyDescent="0.3">
      <c r="A2974" s="13" t="s">
        <v>34</v>
      </c>
      <c r="B2974" s="14" t="s">
        <v>1</v>
      </c>
      <c r="C2974" s="14" t="s">
        <v>35</v>
      </c>
      <c r="D2974" s="14" t="s">
        <v>36</v>
      </c>
      <c r="E2974" s="15">
        <v>45430</v>
      </c>
      <c r="F2974" s="14" t="s">
        <v>25</v>
      </c>
      <c r="G2974" s="16">
        <v>0</v>
      </c>
    </row>
    <row r="2975" spans="1:7" x14ac:dyDescent="0.3">
      <c r="A2975" s="13" t="s">
        <v>34</v>
      </c>
      <c r="B2975" s="14" t="s">
        <v>1</v>
      </c>
      <c r="C2975" s="14" t="s">
        <v>35</v>
      </c>
      <c r="D2975" s="14" t="s">
        <v>36</v>
      </c>
      <c r="E2975" s="15">
        <v>45431</v>
      </c>
      <c r="F2975" s="14" t="s">
        <v>25</v>
      </c>
      <c r="G2975" s="16">
        <v>0</v>
      </c>
    </row>
    <row r="2976" spans="1:7" x14ac:dyDescent="0.3">
      <c r="A2976" s="13" t="s">
        <v>34</v>
      </c>
      <c r="B2976" s="14" t="s">
        <v>1</v>
      </c>
      <c r="C2976" s="14" t="s">
        <v>35</v>
      </c>
      <c r="D2976" s="14" t="s">
        <v>36</v>
      </c>
      <c r="E2976" s="15">
        <v>45432</v>
      </c>
      <c r="F2976" s="14" t="s">
        <v>25</v>
      </c>
      <c r="G2976" s="16">
        <v>0</v>
      </c>
    </row>
    <row r="2977" spans="1:7" x14ac:dyDescent="0.3">
      <c r="A2977" s="13" t="s">
        <v>34</v>
      </c>
      <c r="B2977" s="14" t="s">
        <v>1</v>
      </c>
      <c r="C2977" s="14" t="s">
        <v>35</v>
      </c>
      <c r="D2977" s="14" t="s">
        <v>36</v>
      </c>
      <c r="E2977" s="15">
        <v>45433</v>
      </c>
      <c r="F2977" s="14" t="s">
        <v>25</v>
      </c>
      <c r="G2977" s="16">
        <v>0</v>
      </c>
    </row>
    <row r="2978" spans="1:7" x14ac:dyDescent="0.3">
      <c r="A2978" s="13" t="s">
        <v>34</v>
      </c>
      <c r="B2978" s="14" t="s">
        <v>1</v>
      </c>
      <c r="C2978" s="14" t="s">
        <v>35</v>
      </c>
      <c r="D2978" s="14" t="s">
        <v>36</v>
      </c>
      <c r="E2978" s="15">
        <v>45434</v>
      </c>
      <c r="F2978" s="14" t="s">
        <v>25</v>
      </c>
      <c r="G2978" s="16">
        <v>0</v>
      </c>
    </row>
    <row r="2979" spans="1:7" x14ac:dyDescent="0.3">
      <c r="A2979" s="13" t="s">
        <v>34</v>
      </c>
      <c r="B2979" s="14" t="s">
        <v>1</v>
      </c>
      <c r="C2979" s="14" t="s">
        <v>35</v>
      </c>
      <c r="D2979" s="14" t="s">
        <v>36</v>
      </c>
      <c r="E2979" s="15">
        <v>45435</v>
      </c>
      <c r="F2979" s="14" t="s">
        <v>25</v>
      </c>
      <c r="G2979" s="16">
        <v>0</v>
      </c>
    </row>
    <row r="2980" spans="1:7" x14ac:dyDescent="0.3">
      <c r="A2980" s="13" t="s">
        <v>34</v>
      </c>
      <c r="B2980" s="14" t="s">
        <v>1</v>
      </c>
      <c r="C2980" s="14" t="s">
        <v>35</v>
      </c>
      <c r="D2980" s="14" t="s">
        <v>36</v>
      </c>
      <c r="E2980" s="15">
        <v>45436</v>
      </c>
      <c r="F2980" s="14" t="s">
        <v>25</v>
      </c>
      <c r="G2980" s="16">
        <v>0</v>
      </c>
    </row>
    <row r="2981" spans="1:7" x14ac:dyDescent="0.3">
      <c r="A2981" s="13" t="s">
        <v>34</v>
      </c>
      <c r="B2981" s="14" t="s">
        <v>1</v>
      </c>
      <c r="C2981" s="14" t="s">
        <v>35</v>
      </c>
      <c r="D2981" s="14" t="s">
        <v>36</v>
      </c>
      <c r="E2981" s="15">
        <v>45437</v>
      </c>
      <c r="F2981" s="14" t="s">
        <v>25</v>
      </c>
      <c r="G2981" s="16">
        <v>0</v>
      </c>
    </row>
    <row r="2982" spans="1:7" x14ac:dyDescent="0.3">
      <c r="A2982" s="13" t="s">
        <v>34</v>
      </c>
      <c r="B2982" s="14" t="s">
        <v>1</v>
      </c>
      <c r="C2982" s="14" t="s">
        <v>35</v>
      </c>
      <c r="D2982" s="14" t="s">
        <v>36</v>
      </c>
      <c r="E2982" s="15">
        <v>45438</v>
      </c>
      <c r="F2982" s="14" t="s">
        <v>25</v>
      </c>
      <c r="G2982" s="16">
        <v>0</v>
      </c>
    </row>
    <row r="2983" spans="1:7" x14ac:dyDescent="0.3">
      <c r="A2983" s="13" t="s">
        <v>34</v>
      </c>
      <c r="B2983" s="14" t="s">
        <v>1</v>
      </c>
      <c r="C2983" s="14" t="s">
        <v>35</v>
      </c>
      <c r="D2983" s="14" t="s">
        <v>36</v>
      </c>
      <c r="E2983" s="15">
        <v>45439</v>
      </c>
      <c r="F2983" s="14" t="s">
        <v>25</v>
      </c>
      <c r="G2983" s="16">
        <v>0</v>
      </c>
    </row>
    <row r="2984" spans="1:7" x14ac:dyDescent="0.3">
      <c r="A2984" s="13" t="s">
        <v>34</v>
      </c>
      <c r="B2984" s="14" t="s">
        <v>1</v>
      </c>
      <c r="C2984" s="14" t="s">
        <v>35</v>
      </c>
      <c r="D2984" s="14" t="s">
        <v>36</v>
      </c>
      <c r="E2984" s="15">
        <v>45440</v>
      </c>
      <c r="F2984" s="14" t="s">
        <v>25</v>
      </c>
      <c r="G2984" s="16">
        <v>0</v>
      </c>
    </row>
    <row r="2985" spans="1:7" x14ac:dyDescent="0.3">
      <c r="A2985" s="13" t="s">
        <v>34</v>
      </c>
      <c r="B2985" s="14" t="s">
        <v>1</v>
      </c>
      <c r="C2985" s="14" t="s">
        <v>35</v>
      </c>
      <c r="D2985" s="14" t="s">
        <v>36</v>
      </c>
      <c r="E2985" s="15">
        <v>45441</v>
      </c>
      <c r="F2985" s="14" t="s">
        <v>25</v>
      </c>
      <c r="G2985" s="16">
        <v>0</v>
      </c>
    </row>
    <row r="2986" spans="1:7" x14ac:dyDescent="0.3">
      <c r="A2986" s="13" t="s">
        <v>34</v>
      </c>
      <c r="B2986" s="14" t="s">
        <v>1</v>
      </c>
      <c r="C2986" s="14" t="s">
        <v>35</v>
      </c>
      <c r="D2986" s="14" t="s">
        <v>36</v>
      </c>
      <c r="E2986" s="15">
        <v>45442</v>
      </c>
      <c r="F2986" s="14" t="s">
        <v>25</v>
      </c>
      <c r="G2986" s="16">
        <v>0</v>
      </c>
    </row>
    <row r="2987" spans="1:7" x14ac:dyDescent="0.3">
      <c r="A2987" s="13" t="s">
        <v>34</v>
      </c>
      <c r="B2987" s="14" t="s">
        <v>1</v>
      </c>
      <c r="C2987" s="14" t="s">
        <v>35</v>
      </c>
      <c r="D2987" s="14" t="s">
        <v>36</v>
      </c>
      <c r="E2987" s="15">
        <v>45443</v>
      </c>
      <c r="F2987" s="14" t="s">
        <v>25</v>
      </c>
      <c r="G2987" s="16">
        <v>0</v>
      </c>
    </row>
    <row r="2988" spans="1:7" x14ac:dyDescent="0.3">
      <c r="A2988" s="13" t="s">
        <v>34</v>
      </c>
      <c r="B2988" s="14" t="s">
        <v>1</v>
      </c>
      <c r="C2988" s="14" t="s">
        <v>35</v>
      </c>
      <c r="D2988" s="14" t="s">
        <v>36</v>
      </c>
      <c r="E2988" s="15">
        <v>45444</v>
      </c>
      <c r="F2988" s="14" t="s">
        <v>25</v>
      </c>
      <c r="G2988" s="16">
        <v>0</v>
      </c>
    </row>
    <row r="2989" spans="1:7" x14ac:dyDescent="0.3">
      <c r="A2989" s="13" t="s">
        <v>34</v>
      </c>
      <c r="B2989" s="14" t="s">
        <v>1</v>
      </c>
      <c r="C2989" s="14" t="s">
        <v>35</v>
      </c>
      <c r="D2989" s="14" t="s">
        <v>36</v>
      </c>
      <c r="E2989" s="15">
        <v>45445</v>
      </c>
      <c r="F2989" s="14" t="s">
        <v>25</v>
      </c>
      <c r="G2989" s="16">
        <v>0</v>
      </c>
    </row>
    <row r="2990" spans="1:7" x14ac:dyDescent="0.3">
      <c r="A2990" s="13" t="s">
        <v>34</v>
      </c>
      <c r="B2990" s="14" t="s">
        <v>1</v>
      </c>
      <c r="C2990" s="14" t="s">
        <v>35</v>
      </c>
      <c r="D2990" s="14" t="s">
        <v>36</v>
      </c>
      <c r="E2990" s="15">
        <v>45446</v>
      </c>
      <c r="F2990" s="14" t="s">
        <v>25</v>
      </c>
      <c r="G2990" s="16">
        <v>0</v>
      </c>
    </row>
    <row r="2991" spans="1:7" x14ac:dyDescent="0.3">
      <c r="A2991" s="13" t="s">
        <v>34</v>
      </c>
      <c r="B2991" s="14" t="s">
        <v>1</v>
      </c>
      <c r="C2991" s="14" t="s">
        <v>35</v>
      </c>
      <c r="D2991" s="14" t="s">
        <v>36</v>
      </c>
      <c r="E2991" s="15">
        <v>45447</v>
      </c>
      <c r="F2991" s="14" t="s">
        <v>25</v>
      </c>
      <c r="G2991" s="16">
        <v>0</v>
      </c>
    </row>
    <row r="2992" spans="1:7" x14ac:dyDescent="0.3">
      <c r="A2992" s="13" t="s">
        <v>34</v>
      </c>
      <c r="B2992" s="14" t="s">
        <v>1</v>
      </c>
      <c r="C2992" s="14" t="s">
        <v>35</v>
      </c>
      <c r="D2992" s="14" t="s">
        <v>36</v>
      </c>
      <c r="E2992" s="15">
        <v>45448</v>
      </c>
      <c r="F2992" s="14" t="s">
        <v>25</v>
      </c>
      <c r="G2992" s="16">
        <v>0</v>
      </c>
    </row>
    <row r="2993" spans="1:7" x14ac:dyDescent="0.3">
      <c r="A2993" s="13" t="s">
        <v>34</v>
      </c>
      <c r="B2993" s="14" t="s">
        <v>1</v>
      </c>
      <c r="C2993" s="14" t="s">
        <v>35</v>
      </c>
      <c r="D2993" s="14" t="s">
        <v>36</v>
      </c>
      <c r="E2993" s="15">
        <v>45449</v>
      </c>
      <c r="F2993" s="14" t="s">
        <v>25</v>
      </c>
      <c r="G2993" s="16">
        <v>0</v>
      </c>
    </row>
    <row r="2994" spans="1:7" x14ac:dyDescent="0.3">
      <c r="A2994" s="13" t="s">
        <v>34</v>
      </c>
      <c r="B2994" s="14" t="s">
        <v>1</v>
      </c>
      <c r="C2994" s="14" t="s">
        <v>35</v>
      </c>
      <c r="D2994" s="14" t="s">
        <v>36</v>
      </c>
      <c r="E2994" s="15">
        <v>45450</v>
      </c>
      <c r="F2994" s="14" t="s">
        <v>25</v>
      </c>
      <c r="G2994" s="16">
        <v>0</v>
      </c>
    </row>
    <row r="2995" spans="1:7" x14ac:dyDescent="0.3">
      <c r="A2995" s="13" t="s">
        <v>34</v>
      </c>
      <c r="B2995" s="14" t="s">
        <v>1</v>
      </c>
      <c r="C2995" s="14" t="s">
        <v>35</v>
      </c>
      <c r="D2995" s="14" t="s">
        <v>36</v>
      </c>
      <c r="E2995" s="15">
        <v>45451</v>
      </c>
      <c r="F2995" s="14" t="s">
        <v>25</v>
      </c>
      <c r="G2995" s="16">
        <v>0</v>
      </c>
    </row>
    <row r="2996" spans="1:7" x14ac:dyDescent="0.3">
      <c r="A2996" s="13" t="s">
        <v>34</v>
      </c>
      <c r="B2996" s="14" t="s">
        <v>1</v>
      </c>
      <c r="C2996" s="14" t="s">
        <v>35</v>
      </c>
      <c r="D2996" s="14" t="s">
        <v>36</v>
      </c>
      <c r="E2996" s="15">
        <v>45452</v>
      </c>
      <c r="F2996" s="14" t="s">
        <v>25</v>
      </c>
      <c r="G2996" s="16">
        <v>0</v>
      </c>
    </row>
    <row r="2997" spans="1:7" x14ac:dyDescent="0.3">
      <c r="A2997" s="13" t="s">
        <v>34</v>
      </c>
      <c r="B2997" s="14" t="s">
        <v>1</v>
      </c>
      <c r="C2997" s="14" t="s">
        <v>35</v>
      </c>
      <c r="D2997" s="14" t="s">
        <v>36</v>
      </c>
      <c r="E2997" s="15">
        <v>45453</v>
      </c>
      <c r="F2997" s="14" t="s">
        <v>25</v>
      </c>
      <c r="G2997" s="16">
        <v>0</v>
      </c>
    </row>
    <row r="2998" spans="1:7" x14ac:dyDescent="0.3">
      <c r="A2998" s="13" t="s">
        <v>34</v>
      </c>
      <c r="B2998" s="14" t="s">
        <v>1</v>
      </c>
      <c r="C2998" s="14" t="s">
        <v>35</v>
      </c>
      <c r="D2998" s="14" t="s">
        <v>36</v>
      </c>
      <c r="E2998" s="15">
        <v>45454</v>
      </c>
      <c r="F2998" s="14" t="s">
        <v>25</v>
      </c>
      <c r="G2998" s="16">
        <v>0</v>
      </c>
    </row>
    <row r="2999" spans="1:7" x14ac:dyDescent="0.3">
      <c r="A2999" s="13" t="s">
        <v>34</v>
      </c>
      <c r="B2999" s="14" t="s">
        <v>1</v>
      </c>
      <c r="C2999" s="14" t="s">
        <v>35</v>
      </c>
      <c r="D2999" s="14" t="s">
        <v>36</v>
      </c>
      <c r="E2999" s="15">
        <v>45455</v>
      </c>
      <c r="F2999" s="14" t="s">
        <v>25</v>
      </c>
      <c r="G2999" s="16">
        <v>0</v>
      </c>
    </row>
    <row r="3000" spans="1:7" x14ac:dyDescent="0.3">
      <c r="A3000" s="13" t="s">
        <v>34</v>
      </c>
      <c r="B3000" s="14" t="s">
        <v>1</v>
      </c>
      <c r="C3000" s="14" t="s">
        <v>35</v>
      </c>
      <c r="D3000" s="14" t="s">
        <v>36</v>
      </c>
      <c r="E3000" s="15">
        <v>45456</v>
      </c>
      <c r="F3000" s="14" t="s">
        <v>25</v>
      </c>
      <c r="G3000" s="16">
        <v>0</v>
      </c>
    </row>
    <row r="3001" spans="1:7" x14ac:dyDescent="0.3">
      <c r="A3001" s="13" t="s">
        <v>34</v>
      </c>
      <c r="B3001" s="14" t="s">
        <v>1</v>
      </c>
      <c r="C3001" s="14" t="s">
        <v>35</v>
      </c>
      <c r="D3001" s="14" t="s">
        <v>36</v>
      </c>
      <c r="E3001" s="15">
        <v>45457</v>
      </c>
      <c r="F3001" s="14" t="s">
        <v>25</v>
      </c>
      <c r="G3001" s="16">
        <v>1.6864086791261113E-2</v>
      </c>
    </row>
    <row r="3002" spans="1:7" x14ac:dyDescent="0.3">
      <c r="A3002" s="13" t="s">
        <v>34</v>
      </c>
      <c r="B3002" s="14" t="s">
        <v>1</v>
      </c>
      <c r="C3002" s="14" t="s">
        <v>35</v>
      </c>
      <c r="D3002" s="14" t="s">
        <v>36</v>
      </c>
      <c r="E3002" s="15">
        <v>45458</v>
      </c>
      <c r="F3002" s="14" t="s">
        <v>25</v>
      </c>
      <c r="G3002" s="16">
        <v>1.6864086791261113E-2</v>
      </c>
    </row>
    <row r="3003" spans="1:7" x14ac:dyDescent="0.3">
      <c r="A3003" s="13" t="s">
        <v>34</v>
      </c>
      <c r="B3003" s="14" t="s">
        <v>1</v>
      </c>
      <c r="C3003" s="14" t="s">
        <v>35</v>
      </c>
      <c r="D3003" s="14" t="s">
        <v>36</v>
      </c>
      <c r="E3003" s="15">
        <v>45459</v>
      </c>
      <c r="F3003" s="14" t="s">
        <v>25</v>
      </c>
      <c r="G3003" s="16">
        <v>1.6864086791261113E-2</v>
      </c>
    </row>
    <row r="3004" spans="1:7" x14ac:dyDescent="0.3">
      <c r="A3004" s="13" t="s">
        <v>34</v>
      </c>
      <c r="B3004" s="14" t="s">
        <v>1</v>
      </c>
      <c r="C3004" s="14" t="s">
        <v>35</v>
      </c>
      <c r="D3004" s="14" t="s">
        <v>36</v>
      </c>
      <c r="E3004" s="15">
        <v>45460</v>
      </c>
      <c r="F3004" s="14" t="s">
        <v>25</v>
      </c>
      <c r="G3004" s="16">
        <v>1.5330108489076391E-2</v>
      </c>
    </row>
    <row r="3005" spans="1:7" x14ac:dyDescent="0.3">
      <c r="A3005" s="13" t="s">
        <v>34</v>
      </c>
      <c r="B3005" s="14" t="s">
        <v>1</v>
      </c>
      <c r="C3005" s="14" t="s">
        <v>35</v>
      </c>
      <c r="D3005" s="14" t="s">
        <v>36</v>
      </c>
      <c r="E3005" s="15">
        <v>45461</v>
      </c>
      <c r="F3005" s="14" t="s">
        <v>25</v>
      </c>
      <c r="G3005" s="16">
        <v>9.7961301868916689E-3</v>
      </c>
    </row>
    <row r="3006" spans="1:7" x14ac:dyDescent="0.3">
      <c r="A3006" s="13" t="s">
        <v>34</v>
      </c>
      <c r="B3006" s="14" t="s">
        <v>1</v>
      </c>
      <c r="C3006" s="14" t="s">
        <v>35</v>
      </c>
      <c r="D3006" s="14" t="s">
        <v>36</v>
      </c>
      <c r="E3006" s="15">
        <v>45462</v>
      </c>
      <c r="F3006" s="14" t="s">
        <v>25</v>
      </c>
      <c r="G3006" s="16">
        <v>8.2621518847069472E-3</v>
      </c>
    </row>
    <row r="3007" spans="1:7" x14ac:dyDescent="0.3">
      <c r="A3007" s="13" t="s">
        <v>34</v>
      </c>
      <c r="B3007" s="14" t="s">
        <v>1</v>
      </c>
      <c r="C3007" s="14" t="s">
        <v>35</v>
      </c>
      <c r="D3007" s="14" t="s">
        <v>36</v>
      </c>
      <c r="E3007" s="15">
        <v>45463</v>
      </c>
      <c r="F3007" s="14" t="s">
        <v>25</v>
      </c>
      <c r="G3007" s="16">
        <v>6.7281735825222263E-3</v>
      </c>
    </row>
    <row r="3008" spans="1:7" x14ac:dyDescent="0.3">
      <c r="A3008" s="13" t="s">
        <v>34</v>
      </c>
      <c r="B3008" s="14" t="s">
        <v>1</v>
      </c>
      <c r="C3008" s="14" t="s">
        <v>35</v>
      </c>
      <c r="D3008" s="14" t="s">
        <v>36</v>
      </c>
      <c r="E3008" s="15">
        <v>45464</v>
      </c>
      <c r="F3008" s="14" t="s">
        <v>25</v>
      </c>
      <c r="G3008" s="16">
        <v>5.1941952803375036E-3</v>
      </c>
    </row>
    <row r="3009" spans="1:7" x14ac:dyDescent="0.3">
      <c r="A3009" s="13" t="s">
        <v>34</v>
      </c>
      <c r="B3009" s="14" t="s">
        <v>1</v>
      </c>
      <c r="C3009" s="14" t="s">
        <v>35</v>
      </c>
      <c r="D3009" s="14" t="s">
        <v>36</v>
      </c>
      <c r="E3009" s="15">
        <v>45465</v>
      </c>
      <c r="F3009" s="14" t="s">
        <v>25</v>
      </c>
      <c r="G3009" s="16">
        <v>5.1941952803375036E-3</v>
      </c>
    </row>
    <row r="3010" spans="1:7" x14ac:dyDescent="0.3">
      <c r="A3010" s="13" t="s">
        <v>34</v>
      </c>
      <c r="B3010" s="14" t="s">
        <v>1</v>
      </c>
      <c r="C3010" s="14" t="s">
        <v>35</v>
      </c>
      <c r="D3010" s="14" t="s">
        <v>36</v>
      </c>
      <c r="E3010" s="15">
        <v>45466</v>
      </c>
      <c r="F3010" s="14" t="s">
        <v>25</v>
      </c>
      <c r="G3010" s="16">
        <v>5.1941952803375036E-3</v>
      </c>
    </row>
    <row r="3011" spans="1:7" x14ac:dyDescent="0.3">
      <c r="A3011" s="13" t="s">
        <v>34</v>
      </c>
      <c r="B3011" s="14" t="s">
        <v>1</v>
      </c>
      <c r="C3011" s="14" t="s">
        <v>35</v>
      </c>
      <c r="D3011" s="14" t="s">
        <v>36</v>
      </c>
      <c r="E3011" s="15">
        <v>45467</v>
      </c>
      <c r="F3011" s="14" t="s">
        <v>25</v>
      </c>
      <c r="G3011" s="16">
        <v>3.6602169781527819E-3</v>
      </c>
    </row>
    <row r="3012" spans="1:7" x14ac:dyDescent="0.3">
      <c r="A3012" s="13" t="s">
        <v>34</v>
      </c>
      <c r="B3012" s="14" t="s">
        <v>1</v>
      </c>
      <c r="C3012" s="14" t="s">
        <v>35</v>
      </c>
      <c r="D3012" s="14" t="s">
        <v>36</v>
      </c>
      <c r="E3012" s="15">
        <v>45468</v>
      </c>
      <c r="F3012" s="14" t="s">
        <v>25</v>
      </c>
      <c r="G3012" s="16">
        <v>0</v>
      </c>
    </row>
    <row r="3013" spans="1:7" x14ac:dyDescent="0.3">
      <c r="A3013" s="13" t="s">
        <v>34</v>
      </c>
      <c r="B3013" s="14" t="s">
        <v>1</v>
      </c>
      <c r="C3013" s="14" t="s">
        <v>35</v>
      </c>
      <c r="D3013" s="14" t="s">
        <v>36</v>
      </c>
      <c r="E3013" s="15">
        <v>45469</v>
      </c>
      <c r="F3013" s="14" t="s">
        <v>25</v>
      </c>
      <c r="G3013" s="16">
        <v>0</v>
      </c>
    </row>
    <row r="3014" spans="1:7" x14ac:dyDescent="0.3">
      <c r="A3014" s="13" t="s">
        <v>34</v>
      </c>
      <c r="B3014" s="14" t="s">
        <v>1</v>
      </c>
      <c r="C3014" s="14" t="s">
        <v>35</v>
      </c>
      <c r="D3014" s="14" t="s">
        <v>36</v>
      </c>
      <c r="E3014" s="15">
        <v>45470</v>
      </c>
      <c r="F3014" s="14" t="s">
        <v>25</v>
      </c>
      <c r="G3014" s="16">
        <v>0</v>
      </c>
    </row>
    <row r="3015" spans="1:7" x14ac:dyDescent="0.3">
      <c r="A3015" s="13" t="s">
        <v>34</v>
      </c>
      <c r="B3015" s="14" t="s">
        <v>1</v>
      </c>
      <c r="C3015" s="14" t="s">
        <v>35</v>
      </c>
      <c r="D3015" s="14" t="s">
        <v>36</v>
      </c>
      <c r="E3015" s="15">
        <v>45471</v>
      </c>
      <c r="F3015" s="14" t="s">
        <v>25</v>
      </c>
      <c r="G3015" s="16">
        <v>7.1994280253562736E-4</v>
      </c>
    </row>
    <row r="3016" spans="1:7" x14ac:dyDescent="0.3">
      <c r="A3016" s="13" t="s">
        <v>34</v>
      </c>
      <c r="B3016" s="14" t="s">
        <v>1</v>
      </c>
      <c r="C3016" s="14" t="s">
        <v>35</v>
      </c>
      <c r="D3016" s="14" t="s">
        <v>36</v>
      </c>
      <c r="E3016" s="15">
        <v>45472</v>
      </c>
      <c r="F3016" s="14" t="s">
        <v>25</v>
      </c>
      <c r="G3016" s="16">
        <v>7.1994280253562736E-4</v>
      </c>
    </row>
    <row r="3017" spans="1:7" x14ac:dyDescent="0.3">
      <c r="A3017" s="13" t="s">
        <v>34</v>
      </c>
      <c r="B3017" s="14" t="s">
        <v>1</v>
      </c>
      <c r="C3017" s="14" t="s">
        <v>35</v>
      </c>
      <c r="D3017" s="14" t="s">
        <v>36</v>
      </c>
      <c r="E3017" s="15">
        <v>45473</v>
      </c>
      <c r="F3017" s="14" t="s">
        <v>25</v>
      </c>
      <c r="G3017" s="16">
        <v>7.1994280253562736E-4</v>
      </c>
    </row>
    <row r="3018" spans="1:7" x14ac:dyDescent="0.3">
      <c r="A3018" s="13" t="s">
        <v>34</v>
      </c>
      <c r="B3018" s="14" t="s">
        <v>1</v>
      </c>
      <c r="C3018" s="14" t="s">
        <v>35</v>
      </c>
      <c r="D3018" s="14" t="s">
        <v>36</v>
      </c>
      <c r="E3018" s="15">
        <v>45474</v>
      </c>
      <c r="F3018" s="14" t="s">
        <v>25</v>
      </c>
      <c r="G3018" s="16">
        <v>0</v>
      </c>
    </row>
    <row r="3019" spans="1:7" x14ac:dyDescent="0.3">
      <c r="A3019" s="13" t="s">
        <v>34</v>
      </c>
      <c r="B3019" s="14" t="s">
        <v>1</v>
      </c>
      <c r="C3019" s="14" t="s">
        <v>35</v>
      </c>
      <c r="D3019" s="14" t="s">
        <v>36</v>
      </c>
      <c r="E3019" s="15">
        <v>45475</v>
      </c>
      <c r="F3019" s="14" t="s">
        <v>25</v>
      </c>
      <c r="G3019" s="16">
        <v>0</v>
      </c>
    </row>
    <row r="3020" spans="1:7" x14ac:dyDescent="0.3">
      <c r="A3020" s="13" t="s">
        <v>34</v>
      </c>
      <c r="B3020" s="14" t="s">
        <v>1</v>
      </c>
      <c r="C3020" s="14" t="s">
        <v>35</v>
      </c>
      <c r="D3020" s="14" t="s">
        <v>36</v>
      </c>
      <c r="E3020" s="15">
        <v>45476</v>
      </c>
      <c r="F3020" s="14" t="s">
        <v>25</v>
      </c>
      <c r="G3020" s="16">
        <v>0</v>
      </c>
    </row>
    <row r="3021" spans="1:7" x14ac:dyDescent="0.3">
      <c r="A3021" s="13" t="s">
        <v>34</v>
      </c>
      <c r="B3021" s="14" t="s">
        <v>1</v>
      </c>
      <c r="C3021" s="14" t="s">
        <v>35</v>
      </c>
      <c r="D3021" s="14" t="s">
        <v>36</v>
      </c>
      <c r="E3021" s="15">
        <v>45477</v>
      </c>
      <c r="F3021" s="14" t="s">
        <v>25</v>
      </c>
      <c r="G3021" s="16">
        <v>0</v>
      </c>
    </row>
    <row r="3022" spans="1:7" x14ac:dyDescent="0.3">
      <c r="A3022" s="13" t="s">
        <v>34</v>
      </c>
      <c r="B3022" s="14" t="s">
        <v>1</v>
      </c>
      <c r="C3022" s="14" t="s">
        <v>35</v>
      </c>
      <c r="D3022" s="14" t="s">
        <v>36</v>
      </c>
      <c r="E3022" s="15">
        <v>45478</v>
      </c>
      <c r="F3022" s="14" t="s">
        <v>25</v>
      </c>
      <c r="G3022" s="16">
        <v>0</v>
      </c>
    </row>
    <row r="3023" spans="1:7" x14ac:dyDescent="0.3">
      <c r="A3023" s="13" t="s">
        <v>34</v>
      </c>
      <c r="B3023" s="14" t="s">
        <v>1</v>
      </c>
      <c r="C3023" s="14" t="s">
        <v>35</v>
      </c>
      <c r="D3023" s="14" t="s">
        <v>36</v>
      </c>
      <c r="E3023" s="15">
        <v>45479</v>
      </c>
      <c r="F3023" s="14" t="s">
        <v>25</v>
      </c>
      <c r="G3023" s="16">
        <v>0</v>
      </c>
    </row>
    <row r="3024" spans="1:7" x14ac:dyDescent="0.3">
      <c r="A3024" s="13" t="s">
        <v>34</v>
      </c>
      <c r="B3024" s="14" t="s">
        <v>1</v>
      </c>
      <c r="C3024" s="14" t="s">
        <v>35</v>
      </c>
      <c r="D3024" s="14" t="s">
        <v>36</v>
      </c>
      <c r="E3024" s="15">
        <v>45480</v>
      </c>
      <c r="F3024" s="14" t="s">
        <v>25</v>
      </c>
      <c r="G3024" s="16">
        <v>0</v>
      </c>
    </row>
    <row r="3025" spans="1:7" x14ac:dyDescent="0.3">
      <c r="A3025" s="13" t="s">
        <v>34</v>
      </c>
      <c r="B3025" s="14" t="s">
        <v>1</v>
      </c>
      <c r="C3025" s="14" t="s">
        <v>35</v>
      </c>
      <c r="D3025" s="14" t="s">
        <v>36</v>
      </c>
      <c r="E3025" s="15">
        <v>45481</v>
      </c>
      <c r="F3025" s="14" t="s">
        <v>25</v>
      </c>
      <c r="G3025" s="16">
        <v>0</v>
      </c>
    </row>
    <row r="3026" spans="1:7" x14ac:dyDescent="0.3">
      <c r="A3026" s="13" t="s">
        <v>34</v>
      </c>
      <c r="B3026" s="14" t="s">
        <v>1</v>
      </c>
      <c r="C3026" s="14" t="s">
        <v>35</v>
      </c>
      <c r="D3026" s="14" t="s">
        <v>36</v>
      </c>
      <c r="E3026" s="15">
        <v>45482</v>
      </c>
      <c r="F3026" s="14" t="s">
        <v>25</v>
      </c>
      <c r="G3026" s="16">
        <v>0</v>
      </c>
    </row>
    <row r="3027" spans="1:7" x14ac:dyDescent="0.3">
      <c r="A3027" s="13" t="s">
        <v>34</v>
      </c>
      <c r="B3027" s="14" t="s">
        <v>1</v>
      </c>
      <c r="C3027" s="14" t="s">
        <v>35</v>
      </c>
      <c r="D3027" s="14" t="s">
        <v>36</v>
      </c>
      <c r="E3027" s="15">
        <v>45483</v>
      </c>
      <c r="F3027" s="14" t="s">
        <v>25</v>
      </c>
      <c r="G3027" s="16">
        <v>0</v>
      </c>
    </row>
    <row r="3028" spans="1:7" x14ac:dyDescent="0.3">
      <c r="A3028" s="13" t="s">
        <v>34</v>
      </c>
      <c r="B3028" s="14" t="s">
        <v>1</v>
      </c>
      <c r="C3028" s="14" t="s">
        <v>35</v>
      </c>
      <c r="D3028" s="14" t="s">
        <v>36</v>
      </c>
      <c r="E3028" s="15">
        <v>45484</v>
      </c>
      <c r="F3028" s="14" t="s">
        <v>25</v>
      </c>
      <c r="G3028" s="16">
        <v>0</v>
      </c>
    </row>
    <row r="3029" spans="1:7" x14ac:dyDescent="0.3">
      <c r="A3029" s="13" t="s">
        <v>34</v>
      </c>
      <c r="B3029" s="14" t="s">
        <v>1</v>
      </c>
      <c r="C3029" s="14" t="s">
        <v>35</v>
      </c>
      <c r="D3029" s="14" t="s">
        <v>36</v>
      </c>
      <c r="E3029" s="15">
        <v>45485</v>
      </c>
      <c r="F3029" s="14" t="s">
        <v>25</v>
      </c>
      <c r="G3029" s="16">
        <v>0</v>
      </c>
    </row>
    <row r="3030" spans="1:7" x14ac:dyDescent="0.3">
      <c r="A3030" s="13" t="s">
        <v>34</v>
      </c>
      <c r="B3030" s="14" t="s">
        <v>1</v>
      </c>
      <c r="C3030" s="14" t="s">
        <v>35</v>
      </c>
      <c r="D3030" s="14" t="s">
        <v>36</v>
      </c>
      <c r="E3030" s="15">
        <v>45486</v>
      </c>
      <c r="F3030" s="14" t="s">
        <v>25</v>
      </c>
      <c r="G3030" s="16">
        <v>0</v>
      </c>
    </row>
    <row r="3031" spans="1:7" x14ac:dyDescent="0.3">
      <c r="A3031" s="13" t="s">
        <v>34</v>
      </c>
      <c r="B3031" s="14" t="s">
        <v>1</v>
      </c>
      <c r="C3031" s="14" t="s">
        <v>35</v>
      </c>
      <c r="D3031" s="14" t="s">
        <v>36</v>
      </c>
      <c r="E3031" s="15">
        <v>45487</v>
      </c>
      <c r="F3031" s="14" t="s">
        <v>25</v>
      </c>
      <c r="G3031" s="16">
        <v>0</v>
      </c>
    </row>
    <row r="3032" spans="1:7" x14ac:dyDescent="0.3">
      <c r="A3032" s="13" t="s">
        <v>34</v>
      </c>
      <c r="B3032" s="14" t="s">
        <v>1</v>
      </c>
      <c r="C3032" s="14" t="s">
        <v>35</v>
      </c>
      <c r="D3032" s="14" t="s">
        <v>36</v>
      </c>
      <c r="E3032" s="15">
        <v>45488</v>
      </c>
      <c r="F3032" s="14" t="s">
        <v>25</v>
      </c>
      <c r="G3032" s="16">
        <v>0</v>
      </c>
    </row>
    <row r="3033" spans="1:7" x14ac:dyDescent="0.3">
      <c r="A3033" s="13" t="s">
        <v>34</v>
      </c>
      <c r="B3033" s="14" t="s">
        <v>1</v>
      </c>
      <c r="C3033" s="14" t="s">
        <v>35</v>
      </c>
      <c r="D3033" s="14" t="s">
        <v>36</v>
      </c>
      <c r="E3033" s="15">
        <v>45489</v>
      </c>
      <c r="F3033" s="14" t="s">
        <v>25</v>
      </c>
      <c r="G3033" s="16">
        <v>0</v>
      </c>
    </row>
    <row r="3034" spans="1:7" x14ac:dyDescent="0.3">
      <c r="A3034" s="13" t="s">
        <v>34</v>
      </c>
      <c r="B3034" s="14" t="s">
        <v>1</v>
      </c>
      <c r="C3034" s="14" t="s">
        <v>35</v>
      </c>
      <c r="D3034" s="14" t="s">
        <v>36</v>
      </c>
      <c r="E3034" s="15">
        <v>45490</v>
      </c>
      <c r="F3034" s="14" t="s">
        <v>25</v>
      </c>
      <c r="G3034" s="16">
        <v>0</v>
      </c>
    </row>
    <row r="3035" spans="1:7" x14ac:dyDescent="0.3">
      <c r="A3035" s="13" t="s">
        <v>34</v>
      </c>
      <c r="B3035" s="14" t="s">
        <v>1</v>
      </c>
      <c r="C3035" s="14" t="s">
        <v>35</v>
      </c>
      <c r="D3035" s="14" t="s">
        <v>36</v>
      </c>
      <c r="E3035" s="15">
        <v>45491</v>
      </c>
      <c r="F3035" s="14" t="s">
        <v>25</v>
      </c>
      <c r="G3035" s="16">
        <v>0</v>
      </c>
    </row>
    <row r="3036" spans="1:7" x14ac:dyDescent="0.3">
      <c r="A3036" s="13" t="s">
        <v>34</v>
      </c>
      <c r="B3036" s="14" t="s">
        <v>1</v>
      </c>
      <c r="C3036" s="14" t="s">
        <v>35</v>
      </c>
      <c r="D3036" s="14" t="s">
        <v>36</v>
      </c>
      <c r="E3036" s="15">
        <v>45492</v>
      </c>
      <c r="F3036" s="14" t="s">
        <v>25</v>
      </c>
      <c r="G3036" s="16">
        <v>0</v>
      </c>
    </row>
    <row r="3037" spans="1:7" x14ac:dyDescent="0.3">
      <c r="A3037" s="13" t="s">
        <v>34</v>
      </c>
      <c r="B3037" s="14" t="s">
        <v>1</v>
      </c>
      <c r="C3037" s="14" t="s">
        <v>35</v>
      </c>
      <c r="D3037" s="14" t="s">
        <v>36</v>
      </c>
      <c r="E3037" s="15">
        <v>45493</v>
      </c>
      <c r="F3037" s="14" t="s">
        <v>25</v>
      </c>
      <c r="G3037" s="16">
        <v>0</v>
      </c>
    </row>
    <row r="3038" spans="1:7" x14ac:dyDescent="0.3">
      <c r="A3038" s="13" t="s">
        <v>34</v>
      </c>
      <c r="B3038" s="14" t="s">
        <v>1</v>
      </c>
      <c r="C3038" s="14" t="s">
        <v>35</v>
      </c>
      <c r="D3038" s="14" t="s">
        <v>36</v>
      </c>
      <c r="E3038" s="15">
        <v>45494</v>
      </c>
      <c r="F3038" s="14" t="s">
        <v>25</v>
      </c>
      <c r="G3038" s="16">
        <v>0</v>
      </c>
    </row>
    <row r="3039" spans="1:7" x14ac:dyDescent="0.3">
      <c r="A3039" s="13" t="s">
        <v>34</v>
      </c>
      <c r="B3039" s="14" t="s">
        <v>1</v>
      </c>
      <c r="C3039" s="14" t="s">
        <v>35</v>
      </c>
      <c r="D3039" s="14" t="s">
        <v>36</v>
      </c>
      <c r="E3039" s="15">
        <v>45495</v>
      </c>
      <c r="F3039" s="14" t="s">
        <v>25</v>
      </c>
      <c r="G3039" s="16">
        <v>0</v>
      </c>
    </row>
    <row r="3040" spans="1:7" x14ac:dyDescent="0.3">
      <c r="A3040" s="13" t="s">
        <v>34</v>
      </c>
      <c r="B3040" s="14" t="s">
        <v>1</v>
      </c>
      <c r="C3040" s="14" t="s">
        <v>35</v>
      </c>
      <c r="D3040" s="14" t="s">
        <v>36</v>
      </c>
      <c r="E3040" s="15">
        <v>45496</v>
      </c>
      <c r="F3040" s="14" t="s">
        <v>25</v>
      </c>
      <c r="G3040" s="16">
        <v>0</v>
      </c>
    </row>
    <row r="3041" spans="1:7" x14ac:dyDescent="0.3">
      <c r="A3041" s="13" t="s">
        <v>34</v>
      </c>
      <c r="B3041" s="14" t="s">
        <v>1</v>
      </c>
      <c r="C3041" s="14" t="s">
        <v>35</v>
      </c>
      <c r="D3041" s="14" t="s">
        <v>36</v>
      </c>
      <c r="E3041" s="15">
        <v>45497</v>
      </c>
      <c r="F3041" s="14" t="s">
        <v>25</v>
      </c>
      <c r="G3041" s="16">
        <v>0</v>
      </c>
    </row>
    <row r="3042" spans="1:7" x14ac:dyDescent="0.3">
      <c r="A3042" s="13" t="s">
        <v>34</v>
      </c>
      <c r="B3042" s="14" t="s">
        <v>1</v>
      </c>
      <c r="C3042" s="14" t="s">
        <v>35</v>
      </c>
      <c r="D3042" s="14" t="s">
        <v>36</v>
      </c>
      <c r="E3042" s="15">
        <v>45498</v>
      </c>
      <c r="F3042" s="14" t="s">
        <v>25</v>
      </c>
      <c r="G3042" s="16">
        <v>0</v>
      </c>
    </row>
    <row r="3043" spans="1:7" x14ac:dyDescent="0.3">
      <c r="A3043" s="13" t="s">
        <v>34</v>
      </c>
      <c r="B3043" s="14" t="s">
        <v>1</v>
      </c>
      <c r="C3043" s="14" t="s">
        <v>35</v>
      </c>
      <c r="D3043" s="14" t="s">
        <v>36</v>
      </c>
      <c r="E3043" s="15">
        <v>45499</v>
      </c>
      <c r="F3043" s="14" t="s">
        <v>25</v>
      </c>
      <c r="G3043" s="16">
        <v>0</v>
      </c>
    </row>
    <row r="3044" spans="1:7" x14ac:dyDescent="0.3">
      <c r="A3044" s="13" t="s">
        <v>34</v>
      </c>
      <c r="B3044" s="14" t="s">
        <v>1</v>
      </c>
      <c r="C3044" s="14" t="s">
        <v>35</v>
      </c>
      <c r="D3044" s="14" t="s">
        <v>36</v>
      </c>
      <c r="E3044" s="15">
        <v>45500</v>
      </c>
      <c r="F3044" s="14" t="s">
        <v>25</v>
      </c>
      <c r="G3044" s="16">
        <v>0</v>
      </c>
    </row>
    <row r="3045" spans="1:7" x14ac:dyDescent="0.3">
      <c r="A3045" s="13" t="s">
        <v>34</v>
      </c>
      <c r="B3045" s="14" t="s">
        <v>1</v>
      </c>
      <c r="C3045" s="14" t="s">
        <v>35</v>
      </c>
      <c r="D3045" s="14" t="s">
        <v>36</v>
      </c>
      <c r="E3045" s="15">
        <v>45501</v>
      </c>
      <c r="F3045" s="14" t="s">
        <v>25</v>
      </c>
      <c r="G3045" s="16">
        <v>0</v>
      </c>
    </row>
    <row r="3046" spans="1:7" x14ac:dyDescent="0.3">
      <c r="A3046" s="13" t="s">
        <v>34</v>
      </c>
      <c r="B3046" s="14" t="s">
        <v>1</v>
      </c>
      <c r="C3046" s="14" t="s">
        <v>35</v>
      </c>
      <c r="D3046" s="14" t="s">
        <v>36</v>
      </c>
      <c r="E3046" s="15">
        <v>45502</v>
      </c>
      <c r="F3046" s="14" t="s">
        <v>25</v>
      </c>
      <c r="G3046" s="16">
        <v>0</v>
      </c>
    </row>
    <row r="3047" spans="1:7" x14ac:dyDescent="0.3">
      <c r="A3047" s="13" t="s">
        <v>34</v>
      </c>
      <c r="B3047" s="14" t="s">
        <v>1</v>
      </c>
      <c r="C3047" s="14" t="s">
        <v>35</v>
      </c>
      <c r="D3047" s="14" t="s">
        <v>36</v>
      </c>
      <c r="E3047" s="15">
        <v>45503</v>
      </c>
      <c r="F3047" s="14" t="s">
        <v>25</v>
      </c>
      <c r="G3047" s="16">
        <v>0</v>
      </c>
    </row>
    <row r="3048" spans="1:7" x14ac:dyDescent="0.3">
      <c r="A3048" s="13" t="s">
        <v>34</v>
      </c>
      <c r="B3048" s="14" t="s">
        <v>1</v>
      </c>
      <c r="C3048" s="14" t="s">
        <v>35</v>
      </c>
      <c r="D3048" s="14" t="s">
        <v>36</v>
      </c>
      <c r="E3048" s="15">
        <v>45504</v>
      </c>
      <c r="F3048" s="14" t="s">
        <v>25</v>
      </c>
      <c r="G3048" s="16">
        <v>0</v>
      </c>
    </row>
    <row r="3049" spans="1:7" x14ac:dyDescent="0.3">
      <c r="A3049" s="13" t="s">
        <v>34</v>
      </c>
      <c r="B3049" s="14" t="s">
        <v>1</v>
      </c>
      <c r="C3049" s="14" t="s">
        <v>35</v>
      </c>
      <c r="D3049" s="14" t="s">
        <v>36</v>
      </c>
      <c r="E3049" s="15">
        <v>45505</v>
      </c>
      <c r="F3049" s="14" t="s">
        <v>25</v>
      </c>
      <c r="G3049" s="16">
        <v>0</v>
      </c>
    </row>
    <row r="3050" spans="1:7" x14ac:dyDescent="0.3">
      <c r="A3050" s="13" t="s">
        <v>34</v>
      </c>
      <c r="B3050" s="14" t="s">
        <v>1</v>
      </c>
      <c r="C3050" s="14" t="s">
        <v>35</v>
      </c>
      <c r="D3050" s="14" t="s">
        <v>36</v>
      </c>
      <c r="E3050" s="15">
        <v>45506</v>
      </c>
      <c r="F3050" s="14" t="s">
        <v>25</v>
      </c>
      <c r="G3050" s="16">
        <v>0</v>
      </c>
    </row>
    <row r="3051" spans="1:7" x14ac:dyDescent="0.3">
      <c r="A3051" s="13" t="s">
        <v>34</v>
      </c>
      <c r="B3051" s="14" t="s">
        <v>1</v>
      </c>
      <c r="C3051" s="14" t="s">
        <v>35</v>
      </c>
      <c r="D3051" s="14" t="s">
        <v>36</v>
      </c>
      <c r="E3051" s="15">
        <v>45507</v>
      </c>
      <c r="F3051" s="14" t="s">
        <v>25</v>
      </c>
      <c r="G3051" s="16">
        <v>0</v>
      </c>
    </row>
    <row r="3052" spans="1:7" x14ac:dyDescent="0.3">
      <c r="A3052" s="13" t="s">
        <v>34</v>
      </c>
      <c r="B3052" s="14" t="s">
        <v>1</v>
      </c>
      <c r="C3052" s="14" t="s">
        <v>35</v>
      </c>
      <c r="D3052" s="14" t="s">
        <v>36</v>
      </c>
      <c r="E3052" s="15">
        <v>45508</v>
      </c>
      <c r="F3052" s="14" t="s">
        <v>25</v>
      </c>
      <c r="G3052" s="16">
        <v>0</v>
      </c>
    </row>
    <row r="3053" spans="1:7" x14ac:dyDescent="0.3">
      <c r="A3053" s="13" t="s">
        <v>34</v>
      </c>
      <c r="B3053" s="14" t="s">
        <v>1</v>
      </c>
      <c r="C3053" s="14" t="s">
        <v>35</v>
      </c>
      <c r="D3053" s="14" t="s">
        <v>36</v>
      </c>
      <c r="E3053" s="15">
        <v>45509</v>
      </c>
      <c r="F3053" s="14" t="s">
        <v>25</v>
      </c>
      <c r="G3053" s="16">
        <v>0</v>
      </c>
    </row>
    <row r="3054" spans="1:7" x14ac:dyDescent="0.3">
      <c r="A3054" s="13" t="s">
        <v>34</v>
      </c>
      <c r="B3054" s="14" t="s">
        <v>1</v>
      </c>
      <c r="C3054" s="14" t="s">
        <v>35</v>
      </c>
      <c r="D3054" s="14" t="s">
        <v>36</v>
      </c>
      <c r="E3054" s="15">
        <v>45510</v>
      </c>
      <c r="F3054" s="14" t="s">
        <v>25</v>
      </c>
      <c r="G3054" s="16">
        <v>0</v>
      </c>
    </row>
    <row r="3055" spans="1:7" x14ac:dyDescent="0.3">
      <c r="A3055" s="13" t="s">
        <v>34</v>
      </c>
      <c r="B3055" s="14" t="s">
        <v>1</v>
      </c>
      <c r="C3055" s="14" t="s">
        <v>35</v>
      </c>
      <c r="D3055" s="14" t="s">
        <v>36</v>
      </c>
      <c r="E3055" s="15">
        <v>45511</v>
      </c>
      <c r="F3055" s="14" t="s">
        <v>25</v>
      </c>
      <c r="G3055" s="16">
        <v>0</v>
      </c>
    </row>
    <row r="3056" spans="1:7" x14ac:dyDescent="0.3">
      <c r="A3056" s="13" t="s">
        <v>34</v>
      </c>
      <c r="B3056" s="14" t="s">
        <v>1</v>
      </c>
      <c r="C3056" s="14" t="s">
        <v>35</v>
      </c>
      <c r="D3056" s="14" t="s">
        <v>36</v>
      </c>
      <c r="E3056" s="15">
        <v>45512</v>
      </c>
      <c r="F3056" s="14" t="s">
        <v>25</v>
      </c>
      <c r="G3056" s="16">
        <v>0</v>
      </c>
    </row>
    <row r="3057" spans="1:7" x14ac:dyDescent="0.3">
      <c r="A3057" s="13" t="s">
        <v>34</v>
      </c>
      <c r="B3057" s="14" t="s">
        <v>1</v>
      </c>
      <c r="C3057" s="14" t="s">
        <v>35</v>
      </c>
      <c r="D3057" s="14" t="s">
        <v>36</v>
      </c>
      <c r="E3057" s="15">
        <v>45513</v>
      </c>
      <c r="F3057" s="14" t="s">
        <v>25</v>
      </c>
      <c r="G3057" s="16">
        <v>0</v>
      </c>
    </row>
    <row r="3058" spans="1:7" x14ac:dyDescent="0.3">
      <c r="A3058" s="13" t="s">
        <v>34</v>
      </c>
      <c r="B3058" s="14" t="s">
        <v>1</v>
      </c>
      <c r="C3058" s="14" t="s">
        <v>35</v>
      </c>
      <c r="D3058" s="14" t="s">
        <v>36</v>
      </c>
      <c r="E3058" s="15">
        <v>45514</v>
      </c>
      <c r="F3058" s="14" t="s">
        <v>25</v>
      </c>
      <c r="G3058" s="16">
        <v>0</v>
      </c>
    </row>
    <row r="3059" spans="1:7" x14ac:dyDescent="0.3">
      <c r="A3059" s="13" t="s">
        <v>34</v>
      </c>
      <c r="B3059" s="14" t="s">
        <v>1</v>
      </c>
      <c r="C3059" s="14" t="s">
        <v>35</v>
      </c>
      <c r="D3059" s="14" t="s">
        <v>36</v>
      </c>
      <c r="E3059" s="15">
        <v>45515</v>
      </c>
      <c r="F3059" s="14" t="s">
        <v>25</v>
      </c>
      <c r="G3059" s="16">
        <v>0</v>
      </c>
    </row>
    <row r="3060" spans="1:7" x14ac:dyDescent="0.3">
      <c r="A3060" s="13" t="s">
        <v>34</v>
      </c>
      <c r="B3060" s="14" t="s">
        <v>1</v>
      </c>
      <c r="C3060" s="14" t="s">
        <v>35</v>
      </c>
      <c r="D3060" s="14" t="s">
        <v>36</v>
      </c>
      <c r="E3060" s="15">
        <v>45516</v>
      </c>
      <c r="F3060" s="14" t="s">
        <v>25</v>
      </c>
      <c r="G3060" s="16">
        <v>0</v>
      </c>
    </row>
    <row r="3061" spans="1:7" x14ac:dyDescent="0.3">
      <c r="A3061" s="13" t="s">
        <v>34</v>
      </c>
      <c r="B3061" s="14" t="s">
        <v>1</v>
      </c>
      <c r="C3061" s="14" t="s">
        <v>35</v>
      </c>
      <c r="D3061" s="14" t="s">
        <v>36</v>
      </c>
      <c r="E3061" s="15">
        <v>45517</v>
      </c>
      <c r="F3061" s="14" t="s">
        <v>25</v>
      </c>
      <c r="G3061" s="16">
        <v>0</v>
      </c>
    </row>
    <row r="3062" spans="1:7" x14ac:dyDescent="0.3">
      <c r="A3062" s="13" t="s">
        <v>34</v>
      </c>
      <c r="B3062" s="14" t="s">
        <v>1</v>
      </c>
      <c r="C3062" s="14" t="s">
        <v>35</v>
      </c>
      <c r="D3062" s="14" t="s">
        <v>36</v>
      </c>
      <c r="E3062" s="15">
        <v>45518</v>
      </c>
      <c r="F3062" s="14" t="s">
        <v>25</v>
      </c>
      <c r="G3062" s="16">
        <v>0</v>
      </c>
    </row>
    <row r="3063" spans="1:7" x14ac:dyDescent="0.3">
      <c r="A3063" s="13" t="s">
        <v>34</v>
      </c>
      <c r="B3063" s="14" t="s">
        <v>1</v>
      </c>
      <c r="C3063" s="14" t="s">
        <v>35</v>
      </c>
      <c r="D3063" s="14" t="s">
        <v>36</v>
      </c>
      <c r="E3063" s="15">
        <v>45519</v>
      </c>
      <c r="F3063" s="14" t="s">
        <v>25</v>
      </c>
      <c r="G3063" s="16">
        <v>0</v>
      </c>
    </row>
    <row r="3064" spans="1:7" x14ac:dyDescent="0.3">
      <c r="A3064" s="13" t="s">
        <v>34</v>
      </c>
      <c r="B3064" s="14" t="s">
        <v>1</v>
      </c>
      <c r="C3064" s="14" t="s">
        <v>35</v>
      </c>
      <c r="D3064" s="14" t="s">
        <v>36</v>
      </c>
      <c r="E3064" s="15">
        <v>45520</v>
      </c>
      <c r="F3064" s="14" t="s">
        <v>25</v>
      </c>
      <c r="G3064" s="16">
        <v>0</v>
      </c>
    </row>
    <row r="3065" spans="1:7" x14ac:dyDescent="0.3">
      <c r="A3065" s="13" t="s">
        <v>34</v>
      </c>
      <c r="B3065" s="14" t="s">
        <v>1</v>
      </c>
      <c r="C3065" s="14" t="s">
        <v>35</v>
      </c>
      <c r="D3065" s="14" t="s">
        <v>36</v>
      </c>
      <c r="E3065" s="15">
        <v>45521</v>
      </c>
      <c r="F3065" s="14" t="s">
        <v>25</v>
      </c>
      <c r="G3065" s="16">
        <v>0</v>
      </c>
    </row>
    <row r="3066" spans="1:7" x14ac:dyDescent="0.3">
      <c r="A3066" s="13" t="s">
        <v>34</v>
      </c>
      <c r="B3066" s="14" t="s">
        <v>1</v>
      </c>
      <c r="C3066" s="14" t="s">
        <v>35</v>
      </c>
      <c r="D3066" s="14" t="s">
        <v>36</v>
      </c>
      <c r="E3066" s="15">
        <v>45522</v>
      </c>
      <c r="F3066" s="14" t="s">
        <v>25</v>
      </c>
      <c r="G3066" s="16">
        <v>0</v>
      </c>
    </row>
    <row r="3067" spans="1:7" x14ac:dyDescent="0.3">
      <c r="A3067" s="13" t="s">
        <v>34</v>
      </c>
      <c r="B3067" s="14" t="s">
        <v>1</v>
      </c>
      <c r="C3067" s="14" t="s">
        <v>35</v>
      </c>
      <c r="D3067" s="14" t="s">
        <v>36</v>
      </c>
      <c r="E3067" s="15">
        <v>45523</v>
      </c>
      <c r="F3067" s="14" t="s">
        <v>25</v>
      </c>
      <c r="G3067" s="16">
        <v>0</v>
      </c>
    </row>
    <row r="3068" spans="1:7" x14ac:dyDescent="0.3">
      <c r="A3068" s="13" t="s">
        <v>34</v>
      </c>
      <c r="B3068" s="14" t="s">
        <v>1</v>
      </c>
      <c r="C3068" s="14" t="s">
        <v>35</v>
      </c>
      <c r="D3068" s="14" t="s">
        <v>36</v>
      </c>
      <c r="E3068" s="15">
        <v>45524</v>
      </c>
      <c r="F3068" s="14" t="s">
        <v>25</v>
      </c>
      <c r="G3068" s="16">
        <v>0</v>
      </c>
    </row>
    <row r="3069" spans="1:7" x14ac:dyDescent="0.3">
      <c r="A3069" s="13" t="s">
        <v>34</v>
      </c>
      <c r="B3069" s="14" t="s">
        <v>1</v>
      </c>
      <c r="C3069" s="14" t="s">
        <v>35</v>
      </c>
      <c r="D3069" s="14" t="s">
        <v>36</v>
      </c>
      <c r="E3069" s="15">
        <v>45525</v>
      </c>
      <c r="F3069" s="14" t="s">
        <v>25</v>
      </c>
      <c r="G3069" s="16">
        <v>0</v>
      </c>
    </row>
    <row r="3070" spans="1:7" x14ac:dyDescent="0.3">
      <c r="A3070" s="13" t="s">
        <v>34</v>
      </c>
      <c r="B3070" s="14" t="s">
        <v>1</v>
      </c>
      <c r="C3070" s="14" t="s">
        <v>35</v>
      </c>
      <c r="D3070" s="14" t="s">
        <v>36</v>
      </c>
      <c r="E3070" s="15">
        <v>45526</v>
      </c>
      <c r="F3070" s="14" t="s">
        <v>25</v>
      </c>
      <c r="G3070" s="16">
        <v>0</v>
      </c>
    </row>
    <row r="3071" spans="1:7" x14ac:dyDescent="0.3">
      <c r="A3071" s="13" t="s">
        <v>34</v>
      </c>
      <c r="B3071" s="14" t="s">
        <v>1</v>
      </c>
      <c r="C3071" s="14" t="s">
        <v>35</v>
      </c>
      <c r="D3071" s="14" t="s">
        <v>36</v>
      </c>
      <c r="E3071" s="15">
        <v>45527</v>
      </c>
      <c r="F3071" s="14" t="s">
        <v>25</v>
      </c>
      <c r="G3071" s="16">
        <v>0</v>
      </c>
    </row>
    <row r="3072" spans="1:7" x14ac:dyDescent="0.3">
      <c r="A3072" s="13" t="s">
        <v>34</v>
      </c>
      <c r="B3072" s="14" t="s">
        <v>1</v>
      </c>
      <c r="C3072" s="14" t="s">
        <v>35</v>
      </c>
      <c r="D3072" s="14" t="s">
        <v>36</v>
      </c>
      <c r="E3072" s="15">
        <v>45528</v>
      </c>
      <c r="F3072" s="14" t="s">
        <v>25</v>
      </c>
      <c r="G3072" s="16">
        <v>0</v>
      </c>
    </row>
    <row r="3073" spans="1:7" x14ac:dyDescent="0.3">
      <c r="A3073" s="13" t="s">
        <v>34</v>
      </c>
      <c r="B3073" s="14" t="s">
        <v>1</v>
      </c>
      <c r="C3073" s="14" t="s">
        <v>35</v>
      </c>
      <c r="D3073" s="14" t="s">
        <v>36</v>
      </c>
      <c r="E3073" s="15">
        <v>45529</v>
      </c>
      <c r="F3073" s="14" t="s">
        <v>25</v>
      </c>
      <c r="G3073" s="16">
        <v>0</v>
      </c>
    </row>
    <row r="3074" spans="1:7" x14ac:dyDescent="0.3">
      <c r="A3074" s="13" t="s">
        <v>34</v>
      </c>
      <c r="B3074" s="14" t="s">
        <v>1</v>
      </c>
      <c r="C3074" s="14" t="s">
        <v>35</v>
      </c>
      <c r="D3074" s="14" t="s">
        <v>36</v>
      </c>
      <c r="E3074" s="15">
        <v>45530</v>
      </c>
      <c r="F3074" s="14" t="s">
        <v>25</v>
      </c>
      <c r="G3074" s="16">
        <v>0</v>
      </c>
    </row>
    <row r="3075" spans="1:7" x14ac:dyDescent="0.3">
      <c r="A3075" s="13" t="s">
        <v>34</v>
      </c>
      <c r="B3075" s="14" t="s">
        <v>1</v>
      </c>
      <c r="C3075" s="14" t="s">
        <v>35</v>
      </c>
      <c r="D3075" s="14" t="s">
        <v>36</v>
      </c>
      <c r="E3075" s="15">
        <v>45531</v>
      </c>
      <c r="F3075" s="14" t="s">
        <v>25</v>
      </c>
      <c r="G3075" s="16">
        <v>0</v>
      </c>
    </row>
    <row r="3076" spans="1:7" x14ac:dyDescent="0.3">
      <c r="A3076" s="13" t="s">
        <v>34</v>
      </c>
      <c r="B3076" s="14" t="s">
        <v>1</v>
      </c>
      <c r="C3076" s="14" t="s">
        <v>35</v>
      </c>
      <c r="D3076" s="14" t="s">
        <v>36</v>
      </c>
      <c r="E3076" s="15">
        <v>45532</v>
      </c>
      <c r="F3076" s="14" t="s">
        <v>25</v>
      </c>
      <c r="G3076" s="16">
        <v>0</v>
      </c>
    </row>
    <row r="3077" spans="1:7" x14ac:dyDescent="0.3">
      <c r="A3077" s="13" t="s">
        <v>34</v>
      </c>
      <c r="B3077" s="14" t="s">
        <v>1</v>
      </c>
      <c r="C3077" s="14" t="s">
        <v>35</v>
      </c>
      <c r="D3077" s="14" t="s">
        <v>36</v>
      </c>
      <c r="E3077" s="15">
        <v>45533</v>
      </c>
      <c r="F3077" s="14" t="s">
        <v>25</v>
      </c>
      <c r="G3077" s="16">
        <v>0</v>
      </c>
    </row>
    <row r="3078" spans="1:7" x14ac:dyDescent="0.3">
      <c r="A3078" s="13" t="s">
        <v>34</v>
      </c>
      <c r="B3078" s="14" t="s">
        <v>1</v>
      </c>
      <c r="C3078" s="14" t="s">
        <v>35</v>
      </c>
      <c r="D3078" s="14" t="s">
        <v>36</v>
      </c>
      <c r="E3078" s="15">
        <v>45534</v>
      </c>
      <c r="F3078" s="14" t="s">
        <v>25</v>
      </c>
      <c r="G3078" s="16">
        <v>0</v>
      </c>
    </row>
    <row r="3079" spans="1:7" x14ac:dyDescent="0.3">
      <c r="A3079" s="13" t="s">
        <v>34</v>
      </c>
      <c r="B3079" s="14" t="s">
        <v>1</v>
      </c>
      <c r="C3079" s="14" t="s">
        <v>35</v>
      </c>
      <c r="D3079" s="14" t="s">
        <v>36</v>
      </c>
      <c r="E3079" s="15">
        <v>45535</v>
      </c>
      <c r="F3079" s="14" t="s">
        <v>25</v>
      </c>
      <c r="G3079" s="16">
        <v>0</v>
      </c>
    </row>
    <row r="3080" spans="1:7" x14ac:dyDescent="0.3">
      <c r="A3080" s="13" t="s">
        <v>34</v>
      </c>
      <c r="B3080" s="14" t="s">
        <v>1</v>
      </c>
      <c r="C3080" s="14" t="s">
        <v>35</v>
      </c>
      <c r="D3080" s="14" t="s">
        <v>36</v>
      </c>
      <c r="E3080" s="15">
        <v>45536</v>
      </c>
      <c r="F3080" s="14" t="s">
        <v>25</v>
      </c>
      <c r="G3080" s="16">
        <v>0</v>
      </c>
    </row>
    <row r="3081" spans="1:7" x14ac:dyDescent="0.3">
      <c r="A3081" s="13" t="s">
        <v>34</v>
      </c>
      <c r="B3081" s="14" t="s">
        <v>1</v>
      </c>
      <c r="C3081" s="14" t="s">
        <v>35</v>
      </c>
      <c r="D3081" s="14" t="s">
        <v>36</v>
      </c>
      <c r="E3081" s="15">
        <v>45537</v>
      </c>
      <c r="F3081" s="14" t="s">
        <v>25</v>
      </c>
      <c r="G3081" s="16">
        <v>0</v>
      </c>
    </row>
    <row r="3082" spans="1:7" x14ac:dyDescent="0.3">
      <c r="A3082" s="13" t="s">
        <v>34</v>
      </c>
      <c r="B3082" s="14" t="s">
        <v>1</v>
      </c>
      <c r="C3082" s="14" t="s">
        <v>35</v>
      </c>
      <c r="D3082" s="14" t="s">
        <v>36</v>
      </c>
      <c r="E3082" s="15">
        <v>45538</v>
      </c>
      <c r="F3082" s="14" t="s">
        <v>25</v>
      </c>
      <c r="G3082" s="16">
        <v>0</v>
      </c>
    </row>
    <row r="3083" spans="1:7" x14ac:dyDescent="0.3">
      <c r="A3083" s="13" t="s">
        <v>34</v>
      </c>
      <c r="B3083" s="14" t="s">
        <v>1</v>
      </c>
      <c r="C3083" s="14" t="s">
        <v>35</v>
      </c>
      <c r="D3083" s="14" t="s">
        <v>36</v>
      </c>
      <c r="E3083" s="15">
        <v>45539</v>
      </c>
      <c r="F3083" s="14" t="s">
        <v>25</v>
      </c>
      <c r="G3083" s="16">
        <v>0</v>
      </c>
    </row>
    <row r="3084" spans="1:7" x14ac:dyDescent="0.3">
      <c r="A3084" s="13" t="s">
        <v>34</v>
      </c>
      <c r="B3084" s="14" t="s">
        <v>1</v>
      </c>
      <c r="C3084" s="14" t="s">
        <v>35</v>
      </c>
      <c r="D3084" s="14" t="s">
        <v>36</v>
      </c>
      <c r="E3084" s="15">
        <v>45540</v>
      </c>
      <c r="F3084" s="14" t="s">
        <v>25</v>
      </c>
      <c r="G3084" s="16">
        <v>0</v>
      </c>
    </row>
    <row r="3085" spans="1:7" x14ac:dyDescent="0.3">
      <c r="A3085" s="13" t="s">
        <v>34</v>
      </c>
      <c r="B3085" s="14" t="s">
        <v>1</v>
      </c>
      <c r="C3085" s="14" t="s">
        <v>35</v>
      </c>
      <c r="D3085" s="14" t="s">
        <v>36</v>
      </c>
      <c r="E3085" s="15">
        <v>45541</v>
      </c>
      <c r="F3085" s="14" t="s">
        <v>25</v>
      </c>
      <c r="G3085" s="16">
        <v>0</v>
      </c>
    </row>
    <row r="3086" spans="1:7" x14ac:dyDescent="0.3">
      <c r="A3086" s="13" t="s">
        <v>34</v>
      </c>
      <c r="B3086" s="14" t="s">
        <v>1</v>
      </c>
      <c r="C3086" s="14" t="s">
        <v>35</v>
      </c>
      <c r="D3086" s="14" t="s">
        <v>36</v>
      </c>
      <c r="E3086" s="15">
        <v>45542</v>
      </c>
      <c r="F3086" s="14" t="s">
        <v>25</v>
      </c>
      <c r="G3086" s="16">
        <v>0</v>
      </c>
    </row>
    <row r="3087" spans="1:7" x14ac:dyDescent="0.3">
      <c r="A3087" s="13" t="s">
        <v>34</v>
      </c>
      <c r="B3087" s="14" t="s">
        <v>1</v>
      </c>
      <c r="C3087" s="14" t="s">
        <v>35</v>
      </c>
      <c r="D3087" s="14" t="s">
        <v>36</v>
      </c>
      <c r="E3087" s="15">
        <v>45543</v>
      </c>
      <c r="F3087" s="14" t="s">
        <v>25</v>
      </c>
      <c r="G3087" s="16">
        <v>0</v>
      </c>
    </row>
    <row r="3088" spans="1:7" x14ac:dyDescent="0.3">
      <c r="A3088" s="13" t="s">
        <v>34</v>
      </c>
      <c r="B3088" s="14" t="s">
        <v>1</v>
      </c>
      <c r="C3088" s="14" t="s">
        <v>35</v>
      </c>
      <c r="D3088" s="14" t="s">
        <v>36</v>
      </c>
      <c r="E3088" s="15">
        <v>45544</v>
      </c>
      <c r="F3088" s="14" t="s">
        <v>25</v>
      </c>
      <c r="G3088" s="16">
        <v>0</v>
      </c>
    </row>
    <row r="3089" spans="1:7" x14ac:dyDescent="0.3">
      <c r="A3089" s="13" t="s">
        <v>34</v>
      </c>
      <c r="B3089" s="14" t="s">
        <v>1</v>
      </c>
      <c r="C3089" s="14" t="s">
        <v>35</v>
      </c>
      <c r="D3089" s="14" t="s">
        <v>36</v>
      </c>
      <c r="E3089" s="15">
        <v>45545</v>
      </c>
      <c r="F3089" s="14" t="s">
        <v>25</v>
      </c>
      <c r="G3089" s="16">
        <v>0</v>
      </c>
    </row>
    <row r="3090" spans="1:7" x14ac:dyDescent="0.3">
      <c r="A3090" s="13" t="s">
        <v>34</v>
      </c>
      <c r="B3090" s="14" t="s">
        <v>1</v>
      </c>
      <c r="C3090" s="14" t="s">
        <v>35</v>
      </c>
      <c r="D3090" s="14" t="s">
        <v>36</v>
      </c>
      <c r="E3090" s="15">
        <v>45546</v>
      </c>
      <c r="F3090" s="14" t="s">
        <v>25</v>
      </c>
      <c r="G3090" s="16">
        <v>0</v>
      </c>
    </row>
    <row r="3091" spans="1:7" x14ac:dyDescent="0.3">
      <c r="A3091" s="13" t="s">
        <v>34</v>
      </c>
      <c r="B3091" s="14" t="s">
        <v>1</v>
      </c>
      <c r="C3091" s="14" t="s">
        <v>35</v>
      </c>
      <c r="D3091" s="14" t="s">
        <v>36</v>
      </c>
      <c r="E3091" s="15">
        <v>45547</v>
      </c>
      <c r="F3091" s="14" t="s">
        <v>25</v>
      </c>
      <c r="G3091" s="16">
        <v>0</v>
      </c>
    </row>
    <row r="3092" spans="1:7" x14ac:dyDescent="0.3">
      <c r="A3092" s="13" t="s">
        <v>34</v>
      </c>
      <c r="B3092" s="14" t="s">
        <v>1</v>
      </c>
      <c r="C3092" s="14" t="s">
        <v>35</v>
      </c>
      <c r="D3092" s="14" t="s">
        <v>36</v>
      </c>
      <c r="E3092" s="15">
        <v>45548</v>
      </c>
      <c r="F3092" s="14" t="s">
        <v>25</v>
      </c>
      <c r="G3092" s="16">
        <v>0</v>
      </c>
    </row>
    <row r="3093" spans="1:7" x14ac:dyDescent="0.3">
      <c r="A3093" s="13" t="s">
        <v>34</v>
      </c>
      <c r="B3093" s="14" t="s">
        <v>1</v>
      </c>
      <c r="C3093" s="14" t="s">
        <v>35</v>
      </c>
      <c r="D3093" s="14" t="s">
        <v>36</v>
      </c>
      <c r="E3093" s="15">
        <v>45549</v>
      </c>
      <c r="F3093" s="14" t="s">
        <v>25</v>
      </c>
      <c r="G3093" s="16">
        <v>0</v>
      </c>
    </row>
    <row r="3094" spans="1:7" x14ac:dyDescent="0.3">
      <c r="A3094" s="13" t="s">
        <v>34</v>
      </c>
      <c r="B3094" s="14" t="s">
        <v>1</v>
      </c>
      <c r="C3094" s="14" t="s">
        <v>35</v>
      </c>
      <c r="D3094" s="14" t="s">
        <v>36</v>
      </c>
      <c r="E3094" s="15">
        <v>45550</v>
      </c>
      <c r="F3094" s="14" t="s">
        <v>25</v>
      </c>
      <c r="G3094" s="16">
        <v>0</v>
      </c>
    </row>
    <row r="3095" spans="1:7" x14ac:dyDescent="0.3">
      <c r="A3095" s="13" t="s">
        <v>34</v>
      </c>
      <c r="B3095" s="14" t="s">
        <v>1</v>
      </c>
      <c r="C3095" s="14" t="s">
        <v>35</v>
      </c>
      <c r="D3095" s="14" t="s">
        <v>36</v>
      </c>
      <c r="E3095" s="15">
        <v>45551</v>
      </c>
      <c r="F3095" s="14" t="s">
        <v>25</v>
      </c>
      <c r="G3095" s="16">
        <v>0</v>
      </c>
    </row>
    <row r="3096" spans="1:7" x14ac:dyDescent="0.3">
      <c r="A3096" s="13" t="s">
        <v>34</v>
      </c>
      <c r="B3096" s="14" t="s">
        <v>1</v>
      </c>
      <c r="C3096" s="14" t="s">
        <v>35</v>
      </c>
      <c r="D3096" s="14" t="s">
        <v>36</v>
      </c>
      <c r="E3096" s="15">
        <v>45552</v>
      </c>
      <c r="F3096" s="14" t="s">
        <v>25</v>
      </c>
      <c r="G3096" s="16">
        <v>0</v>
      </c>
    </row>
    <row r="3097" spans="1:7" x14ac:dyDescent="0.3">
      <c r="A3097" s="13" t="s">
        <v>34</v>
      </c>
      <c r="B3097" s="14" t="s">
        <v>1</v>
      </c>
      <c r="C3097" s="14" t="s">
        <v>35</v>
      </c>
      <c r="D3097" s="14" t="s">
        <v>36</v>
      </c>
      <c r="E3097" s="15">
        <v>45553</v>
      </c>
      <c r="F3097" s="14" t="s">
        <v>25</v>
      </c>
      <c r="G3097" s="16">
        <v>0</v>
      </c>
    </row>
    <row r="3098" spans="1:7" x14ac:dyDescent="0.3">
      <c r="A3098" s="13" t="s">
        <v>34</v>
      </c>
      <c r="B3098" s="14" t="s">
        <v>1</v>
      </c>
      <c r="C3098" s="14" t="s">
        <v>35</v>
      </c>
      <c r="D3098" s="14" t="s">
        <v>36</v>
      </c>
      <c r="E3098" s="15">
        <v>45554</v>
      </c>
      <c r="F3098" s="14" t="s">
        <v>25</v>
      </c>
      <c r="G3098" s="16">
        <v>0</v>
      </c>
    </row>
    <row r="3099" spans="1:7" x14ac:dyDescent="0.3">
      <c r="A3099" s="13" t="s">
        <v>34</v>
      </c>
      <c r="B3099" s="14" t="s">
        <v>1</v>
      </c>
      <c r="C3099" s="14" t="s">
        <v>35</v>
      </c>
      <c r="D3099" s="14" t="s">
        <v>36</v>
      </c>
      <c r="E3099" s="15">
        <v>45555</v>
      </c>
      <c r="F3099" s="14" t="s">
        <v>25</v>
      </c>
      <c r="G3099" s="16">
        <v>0</v>
      </c>
    </row>
    <row r="3100" spans="1:7" x14ac:dyDescent="0.3">
      <c r="A3100" s="13" t="s">
        <v>34</v>
      </c>
      <c r="B3100" s="14" t="s">
        <v>1</v>
      </c>
      <c r="C3100" s="14" t="s">
        <v>35</v>
      </c>
      <c r="D3100" s="14" t="s">
        <v>36</v>
      </c>
      <c r="E3100" s="15">
        <v>45556</v>
      </c>
      <c r="F3100" s="14" t="s">
        <v>25</v>
      </c>
      <c r="G3100" s="16">
        <v>0</v>
      </c>
    </row>
    <row r="3101" spans="1:7" x14ac:dyDescent="0.3">
      <c r="A3101" s="13" t="s">
        <v>34</v>
      </c>
      <c r="B3101" s="14" t="s">
        <v>1</v>
      </c>
      <c r="C3101" s="14" t="s">
        <v>35</v>
      </c>
      <c r="D3101" s="14" t="s">
        <v>36</v>
      </c>
      <c r="E3101" s="15">
        <v>45557</v>
      </c>
      <c r="F3101" s="14" t="s">
        <v>25</v>
      </c>
      <c r="G3101" s="16">
        <v>0</v>
      </c>
    </row>
    <row r="3102" spans="1:7" x14ac:dyDescent="0.3">
      <c r="A3102" s="13" t="s">
        <v>34</v>
      </c>
      <c r="B3102" s="14" t="s">
        <v>1</v>
      </c>
      <c r="C3102" s="14" t="s">
        <v>35</v>
      </c>
      <c r="D3102" s="14" t="s">
        <v>36</v>
      </c>
      <c r="E3102" s="15">
        <v>45558</v>
      </c>
      <c r="F3102" s="14" t="s">
        <v>25</v>
      </c>
      <c r="G3102" s="16">
        <v>0</v>
      </c>
    </row>
    <row r="3103" spans="1:7" x14ac:dyDescent="0.3">
      <c r="A3103" s="13" t="s">
        <v>34</v>
      </c>
      <c r="B3103" s="14" t="s">
        <v>1</v>
      </c>
      <c r="C3103" s="14" t="s">
        <v>35</v>
      </c>
      <c r="D3103" s="14" t="s">
        <v>36</v>
      </c>
      <c r="E3103" s="15">
        <v>45559</v>
      </c>
      <c r="F3103" s="14" t="s">
        <v>25</v>
      </c>
      <c r="G3103" s="16">
        <v>0</v>
      </c>
    </row>
    <row r="3104" spans="1:7" x14ac:dyDescent="0.3">
      <c r="A3104" s="13" t="s">
        <v>34</v>
      </c>
      <c r="B3104" s="14" t="s">
        <v>1</v>
      </c>
      <c r="C3104" s="14" t="s">
        <v>35</v>
      </c>
      <c r="D3104" s="14" t="s">
        <v>36</v>
      </c>
      <c r="E3104" s="15">
        <v>45560</v>
      </c>
      <c r="F3104" s="14" t="s">
        <v>25</v>
      </c>
      <c r="G3104" s="16">
        <v>0</v>
      </c>
    </row>
    <row r="3105" spans="1:7" x14ac:dyDescent="0.3">
      <c r="A3105" s="13" t="s">
        <v>34</v>
      </c>
      <c r="B3105" s="14" t="s">
        <v>1</v>
      </c>
      <c r="C3105" s="14" t="s">
        <v>35</v>
      </c>
      <c r="D3105" s="14" t="s">
        <v>36</v>
      </c>
      <c r="E3105" s="15">
        <v>45561</v>
      </c>
      <c r="F3105" s="14" t="s">
        <v>25</v>
      </c>
      <c r="G3105" s="16">
        <v>0</v>
      </c>
    </row>
    <row r="3106" spans="1:7" x14ac:dyDescent="0.3">
      <c r="A3106" s="13" t="s">
        <v>34</v>
      </c>
      <c r="B3106" s="14" t="s">
        <v>1</v>
      </c>
      <c r="C3106" s="14" t="s">
        <v>35</v>
      </c>
      <c r="D3106" s="14" t="s">
        <v>36</v>
      </c>
      <c r="E3106" s="15">
        <v>45562</v>
      </c>
      <c r="F3106" s="14" t="s">
        <v>25</v>
      </c>
      <c r="G3106" s="16">
        <v>0</v>
      </c>
    </row>
    <row r="3107" spans="1:7" x14ac:dyDescent="0.3">
      <c r="A3107" s="13" t="s">
        <v>34</v>
      </c>
      <c r="B3107" s="14" t="s">
        <v>1</v>
      </c>
      <c r="C3107" s="14" t="s">
        <v>35</v>
      </c>
      <c r="D3107" s="14" t="s">
        <v>36</v>
      </c>
      <c r="E3107" s="15">
        <v>45563</v>
      </c>
      <c r="F3107" s="14" t="s">
        <v>25</v>
      </c>
      <c r="G3107" s="16">
        <v>0</v>
      </c>
    </row>
    <row r="3108" spans="1:7" x14ac:dyDescent="0.3">
      <c r="A3108" s="13" t="s">
        <v>34</v>
      </c>
      <c r="B3108" s="14" t="s">
        <v>1</v>
      </c>
      <c r="C3108" s="14" t="s">
        <v>35</v>
      </c>
      <c r="D3108" s="14" t="s">
        <v>36</v>
      </c>
      <c r="E3108" s="15">
        <v>45564</v>
      </c>
      <c r="F3108" s="14" t="s">
        <v>25</v>
      </c>
      <c r="G3108" s="16">
        <v>0</v>
      </c>
    </row>
    <row r="3109" spans="1:7" x14ac:dyDescent="0.3">
      <c r="A3109" s="13" t="s">
        <v>34</v>
      </c>
      <c r="B3109" s="14" t="s">
        <v>1</v>
      </c>
      <c r="C3109" s="14" t="s">
        <v>35</v>
      </c>
      <c r="D3109" s="14" t="s">
        <v>36</v>
      </c>
      <c r="E3109" s="15">
        <v>45565</v>
      </c>
      <c r="F3109" s="14" t="s">
        <v>25</v>
      </c>
      <c r="G3109" s="16">
        <v>0</v>
      </c>
    </row>
    <row r="3110" spans="1:7" x14ac:dyDescent="0.3">
      <c r="A3110" s="13" t="s">
        <v>34</v>
      </c>
      <c r="B3110" s="14" t="s">
        <v>1</v>
      </c>
      <c r="C3110" s="14" t="s">
        <v>35</v>
      </c>
      <c r="D3110" s="14" t="s">
        <v>36</v>
      </c>
      <c r="E3110" s="15">
        <v>45566</v>
      </c>
      <c r="F3110" s="14" t="s">
        <v>25</v>
      </c>
      <c r="G3110" s="16">
        <v>0</v>
      </c>
    </row>
    <row r="3111" spans="1:7" x14ac:dyDescent="0.3">
      <c r="A3111" s="13" t="s">
        <v>34</v>
      </c>
      <c r="B3111" s="14" t="s">
        <v>1</v>
      </c>
      <c r="C3111" s="14" t="s">
        <v>35</v>
      </c>
      <c r="D3111" s="14" t="s">
        <v>36</v>
      </c>
      <c r="E3111" s="15">
        <v>45567</v>
      </c>
      <c r="F3111" s="14" t="s">
        <v>25</v>
      </c>
      <c r="G3111" s="16">
        <v>0</v>
      </c>
    </row>
    <row r="3112" spans="1:7" x14ac:dyDescent="0.3">
      <c r="A3112" s="13" t="s">
        <v>34</v>
      </c>
      <c r="B3112" s="14" t="s">
        <v>1</v>
      </c>
      <c r="C3112" s="14" t="s">
        <v>35</v>
      </c>
      <c r="D3112" s="14" t="s">
        <v>36</v>
      </c>
      <c r="E3112" s="15">
        <v>45568</v>
      </c>
      <c r="F3112" s="14" t="s">
        <v>25</v>
      </c>
      <c r="G3112" s="16">
        <v>0</v>
      </c>
    </row>
    <row r="3113" spans="1:7" x14ac:dyDescent="0.3">
      <c r="A3113" s="13" t="s">
        <v>34</v>
      </c>
      <c r="B3113" s="14" t="s">
        <v>1</v>
      </c>
      <c r="C3113" s="14" t="s">
        <v>35</v>
      </c>
      <c r="D3113" s="14" t="s">
        <v>36</v>
      </c>
      <c r="E3113" s="15">
        <v>45569</v>
      </c>
      <c r="F3113" s="14" t="s">
        <v>25</v>
      </c>
      <c r="G3113" s="16">
        <v>0</v>
      </c>
    </row>
    <row r="3114" spans="1:7" x14ac:dyDescent="0.3">
      <c r="A3114" s="13" t="s">
        <v>34</v>
      </c>
      <c r="B3114" s="14" t="s">
        <v>1</v>
      </c>
      <c r="C3114" s="14" t="s">
        <v>35</v>
      </c>
      <c r="D3114" s="14" t="s">
        <v>36</v>
      </c>
      <c r="E3114" s="15">
        <v>45570</v>
      </c>
      <c r="F3114" s="14" t="s">
        <v>25</v>
      </c>
      <c r="G3114" s="16">
        <v>0</v>
      </c>
    </row>
    <row r="3115" spans="1:7" x14ac:dyDescent="0.3">
      <c r="A3115" s="13" t="s">
        <v>34</v>
      </c>
      <c r="B3115" s="14" t="s">
        <v>1</v>
      </c>
      <c r="C3115" s="14" t="s">
        <v>35</v>
      </c>
      <c r="D3115" s="14" t="s">
        <v>36</v>
      </c>
      <c r="E3115" s="15">
        <v>45571</v>
      </c>
      <c r="F3115" s="14" t="s">
        <v>25</v>
      </c>
      <c r="G3115" s="16">
        <v>0</v>
      </c>
    </row>
    <row r="3116" spans="1:7" x14ac:dyDescent="0.3">
      <c r="A3116" s="13" t="s">
        <v>34</v>
      </c>
      <c r="B3116" s="14" t="s">
        <v>1</v>
      </c>
      <c r="C3116" s="14" t="s">
        <v>35</v>
      </c>
      <c r="D3116" s="14" t="s">
        <v>36</v>
      </c>
      <c r="E3116" s="15">
        <v>45572</v>
      </c>
      <c r="F3116" s="14" t="s">
        <v>25</v>
      </c>
      <c r="G3116" s="16">
        <v>0</v>
      </c>
    </row>
    <row r="3117" spans="1:7" x14ac:dyDescent="0.3">
      <c r="A3117" s="13" t="s">
        <v>34</v>
      </c>
      <c r="B3117" s="14" t="s">
        <v>1</v>
      </c>
      <c r="C3117" s="14" t="s">
        <v>35</v>
      </c>
      <c r="D3117" s="14" t="s">
        <v>36</v>
      </c>
      <c r="E3117" s="15">
        <v>45573</v>
      </c>
      <c r="F3117" s="14" t="s">
        <v>25</v>
      </c>
      <c r="G3117" s="16">
        <v>0</v>
      </c>
    </row>
    <row r="3118" spans="1:7" x14ac:dyDescent="0.3">
      <c r="A3118" s="13" t="s">
        <v>34</v>
      </c>
      <c r="B3118" s="14" t="s">
        <v>1</v>
      </c>
      <c r="C3118" s="14" t="s">
        <v>35</v>
      </c>
      <c r="D3118" s="14" t="s">
        <v>36</v>
      </c>
      <c r="E3118" s="15">
        <v>45574</v>
      </c>
      <c r="F3118" s="14" t="s">
        <v>25</v>
      </c>
      <c r="G3118" s="16">
        <v>0</v>
      </c>
    </row>
    <row r="3119" spans="1:7" x14ac:dyDescent="0.3">
      <c r="A3119" s="13" t="s">
        <v>34</v>
      </c>
      <c r="B3119" s="14" t="s">
        <v>1</v>
      </c>
      <c r="C3119" s="14" t="s">
        <v>35</v>
      </c>
      <c r="D3119" s="14" t="s">
        <v>36</v>
      </c>
      <c r="E3119" s="15">
        <v>45575</v>
      </c>
      <c r="F3119" s="14" t="s">
        <v>25</v>
      </c>
      <c r="G3119" s="16">
        <v>0</v>
      </c>
    </row>
    <row r="3120" spans="1:7" x14ac:dyDescent="0.3">
      <c r="A3120" s="13" t="s">
        <v>34</v>
      </c>
      <c r="B3120" s="14" t="s">
        <v>1</v>
      </c>
      <c r="C3120" s="14" t="s">
        <v>35</v>
      </c>
      <c r="D3120" s="14" t="s">
        <v>36</v>
      </c>
      <c r="E3120" s="15">
        <v>45576</v>
      </c>
      <c r="F3120" s="14" t="s">
        <v>25</v>
      </c>
      <c r="G3120" s="16">
        <v>0</v>
      </c>
    </row>
    <row r="3121" spans="1:7" x14ac:dyDescent="0.3">
      <c r="A3121" s="13" t="s">
        <v>34</v>
      </c>
      <c r="B3121" s="14" t="s">
        <v>1</v>
      </c>
      <c r="C3121" s="14" t="s">
        <v>35</v>
      </c>
      <c r="D3121" s="14" t="s">
        <v>36</v>
      </c>
      <c r="E3121" s="15">
        <v>45577</v>
      </c>
      <c r="F3121" s="14" t="s">
        <v>25</v>
      </c>
      <c r="G3121" s="16">
        <v>0</v>
      </c>
    </row>
    <row r="3122" spans="1:7" x14ac:dyDescent="0.3">
      <c r="A3122" s="13" t="s">
        <v>34</v>
      </c>
      <c r="B3122" s="14" t="s">
        <v>1</v>
      </c>
      <c r="C3122" s="14" t="s">
        <v>35</v>
      </c>
      <c r="D3122" s="14" t="s">
        <v>36</v>
      </c>
      <c r="E3122" s="15">
        <v>45578</v>
      </c>
      <c r="F3122" s="14" t="s">
        <v>25</v>
      </c>
      <c r="G3122" s="16">
        <v>0</v>
      </c>
    </row>
    <row r="3123" spans="1:7" x14ac:dyDescent="0.3">
      <c r="A3123" s="13" t="s">
        <v>34</v>
      </c>
      <c r="B3123" s="14" t="s">
        <v>1</v>
      </c>
      <c r="C3123" s="14" t="s">
        <v>35</v>
      </c>
      <c r="D3123" s="14" t="s">
        <v>36</v>
      </c>
      <c r="E3123" s="15">
        <v>45579</v>
      </c>
      <c r="F3123" s="14" t="s">
        <v>25</v>
      </c>
      <c r="G3123" s="16">
        <v>0</v>
      </c>
    </row>
    <row r="3124" spans="1:7" x14ac:dyDescent="0.3">
      <c r="A3124" s="13" t="s">
        <v>34</v>
      </c>
      <c r="B3124" s="14" t="s">
        <v>1</v>
      </c>
      <c r="C3124" s="14" t="s">
        <v>35</v>
      </c>
      <c r="D3124" s="14" t="s">
        <v>36</v>
      </c>
      <c r="E3124" s="15">
        <v>45580</v>
      </c>
      <c r="F3124" s="14" t="s">
        <v>25</v>
      </c>
      <c r="G3124" s="16">
        <v>0</v>
      </c>
    </row>
    <row r="3125" spans="1:7" x14ac:dyDescent="0.3">
      <c r="A3125" s="13" t="s">
        <v>34</v>
      </c>
      <c r="B3125" s="14" t="s">
        <v>1</v>
      </c>
      <c r="C3125" s="14" t="s">
        <v>35</v>
      </c>
      <c r="D3125" s="14" t="s">
        <v>36</v>
      </c>
      <c r="E3125" s="15">
        <v>45581</v>
      </c>
      <c r="F3125" s="14" t="s">
        <v>25</v>
      </c>
      <c r="G3125" s="16">
        <v>0</v>
      </c>
    </row>
    <row r="3126" spans="1:7" x14ac:dyDescent="0.3">
      <c r="A3126" s="13" t="s">
        <v>34</v>
      </c>
      <c r="B3126" s="14" t="s">
        <v>1</v>
      </c>
      <c r="C3126" s="14" t="s">
        <v>35</v>
      </c>
      <c r="D3126" s="14" t="s">
        <v>36</v>
      </c>
      <c r="E3126" s="15">
        <v>45582</v>
      </c>
      <c r="F3126" s="14" t="s">
        <v>25</v>
      </c>
      <c r="G3126" s="16">
        <v>0</v>
      </c>
    </row>
    <row r="3127" spans="1:7" x14ac:dyDescent="0.3">
      <c r="A3127" s="13" t="s">
        <v>34</v>
      </c>
      <c r="B3127" s="14" t="s">
        <v>1</v>
      </c>
      <c r="C3127" s="14" t="s">
        <v>35</v>
      </c>
      <c r="D3127" s="14" t="s">
        <v>36</v>
      </c>
      <c r="E3127" s="15">
        <v>45583</v>
      </c>
      <c r="F3127" s="14" t="s">
        <v>25</v>
      </c>
      <c r="G3127" s="16">
        <v>0</v>
      </c>
    </row>
    <row r="3128" spans="1:7" x14ac:dyDescent="0.3">
      <c r="A3128" s="13" t="s">
        <v>34</v>
      </c>
      <c r="B3128" s="14" t="s">
        <v>1</v>
      </c>
      <c r="C3128" s="14" t="s">
        <v>35</v>
      </c>
      <c r="D3128" s="14" t="s">
        <v>36</v>
      </c>
      <c r="E3128" s="15">
        <v>45584</v>
      </c>
      <c r="F3128" s="14" t="s">
        <v>25</v>
      </c>
      <c r="G3128" s="16">
        <v>0</v>
      </c>
    </row>
    <row r="3129" spans="1:7" x14ac:dyDescent="0.3">
      <c r="A3129" s="13" t="s">
        <v>34</v>
      </c>
      <c r="B3129" s="14" t="s">
        <v>1</v>
      </c>
      <c r="C3129" s="14" t="s">
        <v>35</v>
      </c>
      <c r="D3129" s="14" t="s">
        <v>36</v>
      </c>
      <c r="E3129" s="15">
        <v>45585</v>
      </c>
      <c r="F3129" s="14" t="s">
        <v>25</v>
      </c>
      <c r="G3129" s="16">
        <v>0</v>
      </c>
    </row>
    <row r="3130" spans="1:7" x14ac:dyDescent="0.3">
      <c r="A3130" s="13" t="s">
        <v>34</v>
      </c>
      <c r="B3130" s="14" t="s">
        <v>1</v>
      </c>
      <c r="C3130" s="14" t="s">
        <v>35</v>
      </c>
      <c r="D3130" s="14" t="s">
        <v>36</v>
      </c>
      <c r="E3130" s="15">
        <v>45586</v>
      </c>
      <c r="F3130" s="14" t="s">
        <v>25</v>
      </c>
      <c r="G3130" s="16">
        <v>0</v>
      </c>
    </row>
    <row r="3131" spans="1:7" x14ac:dyDescent="0.3">
      <c r="A3131" s="13" t="s">
        <v>34</v>
      </c>
      <c r="B3131" s="14" t="s">
        <v>1</v>
      </c>
      <c r="C3131" s="14" t="s">
        <v>35</v>
      </c>
      <c r="D3131" s="14" t="s">
        <v>36</v>
      </c>
      <c r="E3131" s="15">
        <v>45587</v>
      </c>
      <c r="F3131" s="14" t="s">
        <v>25</v>
      </c>
      <c r="G3131" s="16">
        <v>0</v>
      </c>
    </row>
    <row r="3132" spans="1:7" x14ac:dyDescent="0.3">
      <c r="A3132" s="13" t="s">
        <v>34</v>
      </c>
      <c r="B3132" s="14" t="s">
        <v>1</v>
      </c>
      <c r="C3132" s="14" t="s">
        <v>35</v>
      </c>
      <c r="D3132" s="14" t="s">
        <v>36</v>
      </c>
      <c r="E3132" s="15">
        <v>45588</v>
      </c>
      <c r="F3132" s="14" t="s">
        <v>25</v>
      </c>
      <c r="G3132" s="16">
        <v>0</v>
      </c>
    </row>
    <row r="3133" spans="1:7" x14ac:dyDescent="0.3">
      <c r="A3133" s="13" t="s">
        <v>34</v>
      </c>
      <c r="B3133" s="14" t="s">
        <v>1</v>
      </c>
      <c r="C3133" s="14" t="s">
        <v>35</v>
      </c>
      <c r="D3133" s="14" t="s">
        <v>36</v>
      </c>
      <c r="E3133" s="15">
        <v>45589</v>
      </c>
      <c r="F3133" s="14" t="s">
        <v>25</v>
      </c>
      <c r="G3133" s="16">
        <v>0</v>
      </c>
    </row>
    <row r="3134" spans="1:7" x14ac:dyDescent="0.3">
      <c r="A3134" s="13" t="s">
        <v>34</v>
      </c>
      <c r="B3134" s="14" t="s">
        <v>1</v>
      </c>
      <c r="C3134" s="14" t="s">
        <v>35</v>
      </c>
      <c r="D3134" s="14" t="s">
        <v>36</v>
      </c>
      <c r="E3134" s="15">
        <v>45590</v>
      </c>
      <c r="F3134" s="14" t="s">
        <v>25</v>
      </c>
      <c r="G3134" s="16">
        <v>0</v>
      </c>
    </row>
    <row r="3135" spans="1:7" x14ac:dyDescent="0.3">
      <c r="A3135" s="13" t="s">
        <v>34</v>
      </c>
      <c r="B3135" s="14" t="s">
        <v>1</v>
      </c>
      <c r="C3135" s="14" t="s">
        <v>35</v>
      </c>
      <c r="D3135" s="14" t="s">
        <v>36</v>
      </c>
      <c r="E3135" s="15">
        <v>45591</v>
      </c>
      <c r="F3135" s="14" t="s">
        <v>25</v>
      </c>
      <c r="G3135" s="16">
        <v>0</v>
      </c>
    </row>
    <row r="3136" spans="1:7" x14ac:dyDescent="0.3">
      <c r="A3136" s="13" t="s">
        <v>34</v>
      </c>
      <c r="B3136" s="14" t="s">
        <v>1</v>
      </c>
      <c r="C3136" s="14" t="s">
        <v>35</v>
      </c>
      <c r="D3136" s="14" t="s">
        <v>36</v>
      </c>
      <c r="E3136" s="15">
        <v>45592</v>
      </c>
      <c r="F3136" s="14" t="s">
        <v>25</v>
      </c>
      <c r="G3136" s="16">
        <v>0</v>
      </c>
    </row>
    <row r="3137" spans="1:7" x14ac:dyDescent="0.3">
      <c r="A3137" s="13" t="s">
        <v>34</v>
      </c>
      <c r="B3137" s="14" t="s">
        <v>1</v>
      </c>
      <c r="C3137" s="14" t="s">
        <v>35</v>
      </c>
      <c r="D3137" s="14" t="s">
        <v>36</v>
      </c>
      <c r="E3137" s="15">
        <v>45593</v>
      </c>
      <c r="F3137" s="14" t="s">
        <v>25</v>
      </c>
      <c r="G3137" s="16">
        <v>0</v>
      </c>
    </row>
    <row r="3138" spans="1:7" x14ac:dyDescent="0.3">
      <c r="A3138" s="13" t="s">
        <v>34</v>
      </c>
      <c r="B3138" s="14" t="s">
        <v>1</v>
      </c>
      <c r="C3138" s="14" t="s">
        <v>35</v>
      </c>
      <c r="D3138" s="14" t="s">
        <v>36</v>
      </c>
      <c r="E3138" s="15">
        <v>45594</v>
      </c>
      <c r="F3138" s="14" t="s">
        <v>25</v>
      </c>
      <c r="G3138" s="16">
        <v>0</v>
      </c>
    </row>
    <row r="3139" spans="1:7" x14ac:dyDescent="0.3">
      <c r="A3139" s="13" t="s">
        <v>34</v>
      </c>
      <c r="B3139" s="14" t="s">
        <v>1</v>
      </c>
      <c r="C3139" s="14" t="s">
        <v>35</v>
      </c>
      <c r="D3139" s="14" t="s">
        <v>36</v>
      </c>
      <c r="E3139" s="15">
        <v>45595</v>
      </c>
      <c r="F3139" s="14" t="s">
        <v>25</v>
      </c>
      <c r="G3139" s="16">
        <v>0</v>
      </c>
    </row>
    <row r="3140" spans="1:7" x14ac:dyDescent="0.3">
      <c r="A3140" s="13" t="s">
        <v>34</v>
      </c>
      <c r="B3140" s="14" t="s">
        <v>1</v>
      </c>
      <c r="C3140" s="14" t="s">
        <v>35</v>
      </c>
      <c r="D3140" s="14" t="s">
        <v>36</v>
      </c>
      <c r="E3140" s="15">
        <v>45596</v>
      </c>
      <c r="F3140" s="14" t="s">
        <v>25</v>
      </c>
      <c r="G3140" s="16">
        <v>0</v>
      </c>
    </row>
    <row r="3141" spans="1:7" x14ac:dyDescent="0.3">
      <c r="A3141" s="13" t="s">
        <v>34</v>
      </c>
      <c r="B3141" s="14" t="s">
        <v>1</v>
      </c>
      <c r="C3141" s="14" t="s">
        <v>35</v>
      </c>
      <c r="D3141" s="14" t="s">
        <v>36</v>
      </c>
      <c r="E3141" s="15">
        <v>45597</v>
      </c>
      <c r="F3141" s="14" t="s">
        <v>25</v>
      </c>
      <c r="G3141" s="16">
        <v>0</v>
      </c>
    </row>
    <row r="3142" spans="1:7" x14ac:dyDescent="0.3">
      <c r="A3142" s="13" t="s">
        <v>34</v>
      </c>
      <c r="B3142" s="14" t="s">
        <v>1</v>
      </c>
      <c r="C3142" s="14" t="s">
        <v>35</v>
      </c>
      <c r="D3142" s="14" t="s">
        <v>36</v>
      </c>
      <c r="E3142" s="15">
        <v>45598</v>
      </c>
      <c r="F3142" s="14" t="s">
        <v>25</v>
      </c>
      <c r="G3142" s="16">
        <v>0</v>
      </c>
    </row>
    <row r="3143" spans="1:7" x14ac:dyDescent="0.3">
      <c r="A3143" s="13" t="s">
        <v>34</v>
      </c>
      <c r="B3143" s="14" t="s">
        <v>1</v>
      </c>
      <c r="C3143" s="14" t="s">
        <v>35</v>
      </c>
      <c r="D3143" s="14" t="s">
        <v>36</v>
      </c>
      <c r="E3143" s="15">
        <v>45599</v>
      </c>
      <c r="F3143" s="14" t="s">
        <v>25</v>
      </c>
      <c r="G3143" s="16">
        <v>0</v>
      </c>
    </row>
    <row r="3144" spans="1:7" x14ac:dyDescent="0.3">
      <c r="A3144" s="13" t="s">
        <v>34</v>
      </c>
      <c r="B3144" s="14" t="s">
        <v>1</v>
      </c>
      <c r="C3144" s="14" t="s">
        <v>35</v>
      </c>
      <c r="D3144" s="14" t="s">
        <v>36</v>
      </c>
      <c r="E3144" s="15">
        <v>45600</v>
      </c>
      <c r="F3144" s="14" t="s">
        <v>25</v>
      </c>
      <c r="G3144" s="16">
        <v>0</v>
      </c>
    </row>
    <row r="3145" spans="1:7" x14ac:dyDescent="0.3">
      <c r="A3145" s="13" t="s">
        <v>34</v>
      </c>
      <c r="B3145" s="14" t="s">
        <v>1</v>
      </c>
      <c r="C3145" s="14" t="s">
        <v>35</v>
      </c>
      <c r="D3145" s="14" t="s">
        <v>36</v>
      </c>
      <c r="E3145" s="15">
        <v>45601</v>
      </c>
      <c r="F3145" s="14" t="s">
        <v>25</v>
      </c>
      <c r="G3145" s="16">
        <v>0</v>
      </c>
    </row>
    <row r="3146" spans="1:7" x14ac:dyDescent="0.3">
      <c r="A3146" s="13" t="s">
        <v>34</v>
      </c>
      <c r="B3146" s="14" t="s">
        <v>1</v>
      </c>
      <c r="C3146" s="14" t="s">
        <v>35</v>
      </c>
      <c r="D3146" s="14" t="s">
        <v>36</v>
      </c>
      <c r="E3146" s="15">
        <v>45602</v>
      </c>
      <c r="F3146" s="14" t="s">
        <v>25</v>
      </c>
      <c r="G3146" s="16">
        <v>0</v>
      </c>
    </row>
    <row r="3147" spans="1:7" x14ac:dyDescent="0.3">
      <c r="A3147" s="13" t="s">
        <v>34</v>
      </c>
      <c r="B3147" s="14" t="s">
        <v>1</v>
      </c>
      <c r="C3147" s="14" t="s">
        <v>35</v>
      </c>
      <c r="D3147" s="14" t="s">
        <v>36</v>
      </c>
      <c r="E3147" s="15">
        <v>45603</v>
      </c>
      <c r="F3147" s="14" t="s">
        <v>25</v>
      </c>
      <c r="G3147" s="16">
        <v>0</v>
      </c>
    </row>
    <row r="3148" spans="1:7" x14ac:dyDescent="0.3">
      <c r="A3148" s="13" t="s">
        <v>34</v>
      </c>
      <c r="B3148" s="14" t="s">
        <v>1</v>
      </c>
      <c r="C3148" s="14" t="s">
        <v>35</v>
      </c>
      <c r="D3148" s="14" t="s">
        <v>36</v>
      </c>
      <c r="E3148" s="15">
        <v>45604</v>
      </c>
      <c r="F3148" s="14" t="s">
        <v>25</v>
      </c>
      <c r="G3148" s="16">
        <v>0</v>
      </c>
    </row>
    <row r="3149" spans="1:7" x14ac:dyDescent="0.3">
      <c r="A3149" s="13" t="s">
        <v>34</v>
      </c>
      <c r="B3149" s="14" t="s">
        <v>1</v>
      </c>
      <c r="C3149" s="14" t="s">
        <v>35</v>
      </c>
      <c r="D3149" s="14" t="s">
        <v>36</v>
      </c>
      <c r="E3149" s="15">
        <v>45605</v>
      </c>
      <c r="F3149" s="14" t="s">
        <v>25</v>
      </c>
      <c r="G3149" s="16">
        <v>0</v>
      </c>
    </row>
    <row r="3150" spans="1:7" x14ac:dyDescent="0.3">
      <c r="A3150" s="13" t="s">
        <v>34</v>
      </c>
      <c r="B3150" s="14" t="s">
        <v>1</v>
      </c>
      <c r="C3150" s="14" t="s">
        <v>35</v>
      </c>
      <c r="D3150" s="14" t="s">
        <v>36</v>
      </c>
      <c r="E3150" s="15">
        <v>45606</v>
      </c>
      <c r="F3150" s="14" t="s">
        <v>25</v>
      </c>
      <c r="G3150" s="16">
        <v>0</v>
      </c>
    </row>
    <row r="3151" spans="1:7" x14ac:dyDescent="0.3">
      <c r="A3151" s="13" t="s">
        <v>34</v>
      </c>
      <c r="B3151" s="14" t="s">
        <v>1</v>
      </c>
      <c r="C3151" s="14" t="s">
        <v>35</v>
      </c>
      <c r="D3151" s="14" t="s">
        <v>36</v>
      </c>
      <c r="E3151" s="15">
        <v>45607</v>
      </c>
      <c r="F3151" s="14" t="s">
        <v>25</v>
      </c>
      <c r="G3151" s="16">
        <v>0</v>
      </c>
    </row>
    <row r="3152" spans="1:7" x14ac:dyDescent="0.3">
      <c r="A3152" s="13" t="s">
        <v>34</v>
      </c>
      <c r="B3152" s="14" t="s">
        <v>1</v>
      </c>
      <c r="C3152" s="14" t="s">
        <v>35</v>
      </c>
      <c r="D3152" s="14" t="s">
        <v>36</v>
      </c>
      <c r="E3152" s="15">
        <v>45608</v>
      </c>
      <c r="F3152" s="14" t="s">
        <v>25</v>
      </c>
      <c r="G3152" s="16">
        <v>0</v>
      </c>
    </row>
    <row r="3153" spans="1:7" x14ac:dyDescent="0.3">
      <c r="A3153" s="13" t="s">
        <v>34</v>
      </c>
      <c r="B3153" s="14" t="s">
        <v>1</v>
      </c>
      <c r="C3153" s="14" t="s">
        <v>35</v>
      </c>
      <c r="D3153" s="14" t="s">
        <v>36</v>
      </c>
      <c r="E3153" s="15">
        <v>45609</v>
      </c>
      <c r="F3153" s="14" t="s">
        <v>25</v>
      </c>
      <c r="G3153" s="16">
        <v>0</v>
      </c>
    </row>
    <row r="3154" spans="1:7" x14ac:dyDescent="0.3">
      <c r="A3154" s="13" t="s">
        <v>34</v>
      </c>
      <c r="B3154" s="14" t="s">
        <v>1</v>
      </c>
      <c r="C3154" s="14" t="s">
        <v>35</v>
      </c>
      <c r="D3154" s="14" t="s">
        <v>36</v>
      </c>
      <c r="E3154" s="15">
        <v>45610</v>
      </c>
      <c r="F3154" s="14" t="s">
        <v>25</v>
      </c>
      <c r="G3154" s="16">
        <v>0</v>
      </c>
    </row>
    <row r="3155" spans="1:7" x14ac:dyDescent="0.3">
      <c r="A3155" s="13" t="s">
        <v>34</v>
      </c>
      <c r="B3155" s="14" t="s">
        <v>1</v>
      </c>
      <c r="C3155" s="14" t="s">
        <v>35</v>
      </c>
      <c r="D3155" s="14" t="s">
        <v>36</v>
      </c>
      <c r="E3155" s="15">
        <v>45611</v>
      </c>
      <c r="F3155" s="14" t="s">
        <v>25</v>
      </c>
      <c r="G3155" s="16">
        <v>0</v>
      </c>
    </row>
    <row r="3156" spans="1:7" x14ac:dyDescent="0.3">
      <c r="A3156" s="13" t="s">
        <v>34</v>
      </c>
      <c r="B3156" s="14" t="s">
        <v>1</v>
      </c>
      <c r="C3156" s="14" t="s">
        <v>35</v>
      </c>
      <c r="D3156" s="14" t="s">
        <v>36</v>
      </c>
      <c r="E3156" s="15">
        <v>45612</v>
      </c>
      <c r="F3156" s="14" t="s">
        <v>25</v>
      </c>
      <c r="G3156" s="16">
        <v>0</v>
      </c>
    </row>
    <row r="3157" spans="1:7" x14ac:dyDescent="0.3">
      <c r="A3157" s="13" t="s">
        <v>34</v>
      </c>
      <c r="B3157" s="14" t="s">
        <v>1</v>
      </c>
      <c r="C3157" s="14" t="s">
        <v>35</v>
      </c>
      <c r="D3157" s="14" t="s">
        <v>36</v>
      </c>
      <c r="E3157" s="15">
        <v>45613</v>
      </c>
      <c r="F3157" s="14" t="s">
        <v>25</v>
      </c>
      <c r="G3157" s="16">
        <v>0</v>
      </c>
    </row>
    <row r="3158" spans="1:7" x14ac:dyDescent="0.3">
      <c r="A3158" s="13" t="s">
        <v>34</v>
      </c>
      <c r="B3158" s="14" t="s">
        <v>1</v>
      </c>
      <c r="C3158" s="14" t="s">
        <v>35</v>
      </c>
      <c r="D3158" s="14" t="s">
        <v>36</v>
      </c>
      <c r="E3158" s="15">
        <v>45614</v>
      </c>
      <c r="F3158" s="14" t="s">
        <v>25</v>
      </c>
      <c r="G3158" s="16">
        <v>0</v>
      </c>
    </row>
    <row r="3159" spans="1:7" x14ac:dyDescent="0.3">
      <c r="A3159" s="13" t="s">
        <v>34</v>
      </c>
      <c r="B3159" s="14" t="s">
        <v>1</v>
      </c>
      <c r="C3159" s="14" t="s">
        <v>35</v>
      </c>
      <c r="D3159" s="14" t="s">
        <v>36</v>
      </c>
      <c r="E3159" s="15">
        <v>45615</v>
      </c>
      <c r="F3159" s="14" t="s">
        <v>25</v>
      </c>
      <c r="G3159" s="16">
        <v>0</v>
      </c>
    </row>
    <row r="3160" spans="1:7" x14ac:dyDescent="0.3">
      <c r="A3160" s="13" t="s">
        <v>34</v>
      </c>
      <c r="B3160" s="14" t="s">
        <v>1</v>
      </c>
      <c r="C3160" s="14" t="s">
        <v>35</v>
      </c>
      <c r="D3160" s="14" t="s">
        <v>36</v>
      </c>
      <c r="E3160" s="15">
        <v>45616</v>
      </c>
      <c r="F3160" s="14" t="s">
        <v>25</v>
      </c>
      <c r="G3160" s="16">
        <v>0</v>
      </c>
    </row>
    <row r="3161" spans="1:7" x14ac:dyDescent="0.3">
      <c r="A3161" s="13" t="s">
        <v>34</v>
      </c>
      <c r="B3161" s="14" t="s">
        <v>1</v>
      </c>
      <c r="C3161" s="14" t="s">
        <v>35</v>
      </c>
      <c r="D3161" s="14" t="s">
        <v>36</v>
      </c>
      <c r="E3161" s="15">
        <v>45617</v>
      </c>
      <c r="F3161" s="14" t="s">
        <v>25</v>
      </c>
      <c r="G3161" s="16">
        <v>0</v>
      </c>
    </row>
    <row r="3162" spans="1:7" x14ac:dyDescent="0.3">
      <c r="A3162" s="13" t="s">
        <v>34</v>
      </c>
      <c r="B3162" s="14" t="s">
        <v>1</v>
      </c>
      <c r="C3162" s="14" t="s">
        <v>35</v>
      </c>
      <c r="D3162" s="14" t="s">
        <v>36</v>
      </c>
      <c r="E3162" s="15">
        <v>45618</v>
      </c>
      <c r="F3162" s="14" t="s">
        <v>25</v>
      </c>
      <c r="G3162" s="16">
        <v>0</v>
      </c>
    </row>
    <row r="3163" spans="1:7" x14ac:dyDescent="0.3">
      <c r="A3163" s="13" t="s">
        <v>34</v>
      </c>
      <c r="B3163" s="14" t="s">
        <v>1</v>
      </c>
      <c r="C3163" s="14" t="s">
        <v>35</v>
      </c>
      <c r="D3163" s="14" t="s">
        <v>36</v>
      </c>
      <c r="E3163" s="15">
        <v>45619</v>
      </c>
      <c r="F3163" s="14" t="s">
        <v>25</v>
      </c>
      <c r="G3163" s="16">
        <v>0</v>
      </c>
    </row>
    <row r="3164" spans="1:7" x14ac:dyDescent="0.3">
      <c r="A3164" s="13" t="s">
        <v>34</v>
      </c>
      <c r="B3164" s="14" t="s">
        <v>1</v>
      </c>
      <c r="C3164" s="14" t="s">
        <v>35</v>
      </c>
      <c r="D3164" s="14" t="s">
        <v>36</v>
      </c>
      <c r="E3164" s="15">
        <v>45620</v>
      </c>
      <c r="F3164" s="14" t="s">
        <v>25</v>
      </c>
      <c r="G3164" s="16">
        <v>0</v>
      </c>
    </row>
    <row r="3165" spans="1:7" x14ac:dyDescent="0.3">
      <c r="A3165" s="13" t="s">
        <v>34</v>
      </c>
      <c r="B3165" s="14" t="s">
        <v>1</v>
      </c>
      <c r="C3165" s="14" t="s">
        <v>35</v>
      </c>
      <c r="D3165" s="14" t="s">
        <v>36</v>
      </c>
      <c r="E3165" s="15">
        <v>45621</v>
      </c>
      <c r="F3165" s="14" t="s">
        <v>25</v>
      </c>
      <c r="G3165" s="16">
        <v>0</v>
      </c>
    </row>
    <row r="3166" spans="1:7" x14ac:dyDescent="0.3">
      <c r="A3166" s="13" t="s">
        <v>34</v>
      </c>
      <c r="B3166" s="14" t="s">
        <v>1</v>
      </c>
      <c r="C3166" s="14" t="s">
        <v>35</v>
      </c>
      <c r="D3166" s="14" t="s">
        <v>36</v>
      </c>
      <c r="E3166" s="15">
        <v>45622</v>
      </c>
      <c r="F3166" s="14" t="s">
        <v>25</v>
      </c>
      <c r="G3166" s="16">
        <v>0</v>
      </c>
    </row>
    <row r="3167" spans="1:7" x14ac:dyDescent="0.3">
      <c r="A3167" s="13" t="s">
        <v>34</v>
      </c>
      <c r="B3167" s="14" t="s">
        <v>1</v>
      </c>
      <c r="C3167" s="14" t="s">
        <v>35</v>
      </c>
      <c r="D3167" s="14" t="s">
        <v>36</v>
      </c>
      <c r="E3167" s="15">
        <v>45623</v>
      </c>
      <c r="F3167" s="14" t="s">
        <v>25</v>
      </c>
      <c r="G3167" s="16">
        <v>0</v>
      </c>
    </row>
    <row r="3168" spans="1:7" x14ac:dyDescent="0.3">
      <c r="A3168" s="13" t="s">
        <v>34</v>
      </c>
      <c r="B3168" s="14" t="s">
        <v>1</v>
      </c>
      <c r="C3168" s="14" t="s">
        <v>35</v>
      </c>
      <c r="D3168" s="14" t="s">
        <v>36</v>
      </c>
      <c r="E3168" s="15">
        <v>45624</v>
      </c>
      <c r="F3168" s="14" t="s">
        <v>25</v>
      </c>
      <c r="G3168" s="16">
        <v>0</v>
      </c>
    </row>
    <row r="3169" spans="1:7" x14ac:dyDescent="0.3">
      <c r="A3169" s="13" t="s">
        <v>34</v>
      </c>
      <c r="B3169" s="14" t="s">
        <v>1</v>
      </c>
      <c r="C3169" s="14" t="s">
        <v>35</v>
      </c>
      <c r="D3169" s="14" t="s">
        <v>36</v>
      </c>
      <c r="E3169" s="15">
        <v>45625</v>
      </c>
      <c r="F3169" s="14" t="s">
        <v>25</v>
      </c>
      <c r="G3169" s="16">
        <v>0</v>
      </c>
    </row>
    <row r="3170" spans="1:7" x14ac:dyDescent="0.3">
      <c r="A3170" s="13" t="s">
        <v>34</v>
      </c>
      <c r="B3170" s="14" t="s">
        <v>1</v>
      </c>
      <c r="C3170" s="14" t="s">
        <v>35</v>
      </c>
      <c r="D3170" s="14" t="s">
        <v>36</v>
      </c>
      <c r="E3170" s="15">
        <v>45626</v>
      </c>
      <c r="F3170" s="14" t="s">
        <v>25</v>
      </c>
      <c r="G3170" s="16">
        <v>0</v>
      </c>
    </row>
    <row r="3171" spans="1:7" x14ac:dyDescent="0.3">
      <c r="A3171" s="13" t="s">
        <v>34</v>
      </c>
      <c r="B3171" s="14" t="s">
        <v>1</v>
      </c>
      <c r="C3171" s="14" t="s">
        <v>35</v>
      </c>
      <c r="D3171" s="14" t="s">
        <v>36</v>
      </c>
      <c r="E3171" s="15">
        <v>45627</v>
      </c>
      <c r="F3171" s="14" t="s">
        <v>25</v>
      </c>
      <c r="G3171" s="16">
        <v>0</v>
      </c>
    </row>
    <row r="3172" spans="1:7" x14ac:dyDescent="0.3">
      <c r="A3172" s="13" t="s">
        <v>34</v>
      </c>
      <c r="B3172" s="14" t="s">
        <v>1</v>
      </c>
      <c r="C3172" s="14" t="s">
        <v>35</v>
      </c>
      <c r="D3172" s="14" t="s">
        <v>36</v>
      </c>
      <c r="E3172" s="15">
        <v>45628</v>
      </c>
      <c r="F3172" s="14" t="s">
        <v>25</v>
      </c>
      <c r="G3172" s="16">
        <v>0</v>
      </c>
    </row>
    <row r="3173" spans="1:7" x14ac:dyDescent="0.3">
      <c r="A3173" s="13" t="s">
        <v>34</v>
      </c>
      <c r="B3173" s="14" t="s">
        <v>1</v>
      </c>
      <c r="C3173" s="14" t="s">
        <v>35</v>
      </c>
      <c r="D3173" s="14" t="s">
        <v>36</v>
      </c>
      <c r="E3173" s="15">
        <v>45629</v>
      </c>
      <c r="F3173" s="14" t="s">
        <v>25</v>
      </c>
      <c r="G3173" s="16">
        <v>0</v>
      </c>
    </row>
    <row r="3174" spans="1:7" x14ac:dyDescent="0.3">
      <c r="A3174" s="13" t="s">
        <v>34</v>
      </c>
      <c r="B3174" s="14" t="s">
        <v>1</v>
      </c>
      <c r="C3174" s="14" t="s">
        <v>35</v>
      </c>
      <c r="D3174" s="14" t="s">
        <v>36</v>
      </c>
      <c r="E3174" s="15">
        <v>45630</v>
      </c>
      <c r="F3174" s="14" t="s">
        <v>25</v>
      </c>
      <c r="G3174" s="16">
        <v>0</v>
      </c>
    </row>
    <row r="3175" spans="1:7" x14ac:dyDescent="0.3">
      <c r="A3175" s="13" t="s">
        <v>34</v>
      </c>
      <c r="B3175" s="14" t="s">
        <v>1</v>
      </c>
      <c r="C3175" s="14" t="s">
        <v>35</v>
      </c>
      <c r="D3175" s="14" t="s">
        <v>36</v>
      </c>
      <c r="E3175" s="15">
        <v>45631</v>
      </c>
      <c r="F3175" s="14" t="s">
        <v>25</v>
      </c>
      <c r="G3175" s="16">
        <v>0</v>
      </c>
    </row>
    <row r="3176" spans="1:7" x14ac:dyDescent="0.3">
      <c r="A3176" s="13" t="s">
        <v>34</v>
      </c>
      <c r="B3176" s="14" t="s">
        <v>1</v>
      </c>
      <c r="C3176" s="14" t="s">
        <v>35</v>
      </c>
      <c r="D3176" s="14" t="s">
        <v>36</v>
      </c>
      <c r="E3176" s="15">
        <v>45632</v>
      </c>
      <c r="F3176" s="14" t="s">
        <v>25</v>
      </c>
      <c r="G3176" s="16">
        <v>0</v>
      </c>
    </row>
    <row r="3177" spans="1:7" x14ac:dyDescent="0.3">
      <c r="A3177" s="13" t="s">
        <v>34</v>
      </c>
      <c r="B3177" s="14" t="s">
        <v>1</v>
      </c>
      <c r="C3177" s="14" t="s">
        <v>35</v>
      </c>
      <c r="D3177" s="14" t="s">
        <v>36</v>
      </c>
      <c r="E3177" s="15">
        <v>45633</v>
      </c>
      <c r="F3177" s="14" t="s">
        <v>25</v>
      </c>
      <c r="G3177" s="16">
        <v>0</v>
      </c>
    </row>
    <row r="3178" spans="1:7" x14ac:dyDescent="0.3">
      <c r="A3178" s="13" t="s">
        <v>34</v>
      </c>
      <c r="B3178" s="14" t="s">
        <v>1</v>
      </c>
      <c r="C3178" s="14" t="s">
        <v>35</v>
      </c>
      <c r="D3178" s="14" t="s">
        <v>36</v>
      </c>
      <c r="E3178" s="15">
        <v>45634</v>
      </c>
      <c r="F3178" s="14" t="s">
        <v>25</v>
      </c>
      <c r="G3178" s="16">
        <v>0</v>
      </c>
    </row>
    <row r="3179" spans="1:7" x14ac:dyDescent="0.3">
      <c r="A3179" s="13" t="s">
        <v>34</v>
      </c>
      <c r="B3179" s="14" t="s">
        <v>1</v>
      </c>
      <c r="C3179" s="14" t="s">
        <v>35</v>
      </c>
      <c r="D3179" s="14" t="s">
        <v>36</v>
      </c>
      <c r="E3179" s="15">
        <v>45635</v>
      </c>
      <c r="F3179" s="14" t="s">
        <v>25</v>
      </c>
      <c r="G3179" s="16">
        <v>0</v>
      </c>
    </row>
    <row r="3180" spans="1:7" x14ac:dyDescent="0.3">
      <c r="A3180" s="13" t="s">
        <v>34</v>
      </c>
      <c r="B3180" s="14" t="s">
        <v>1</v>
      </c>
      <c r="C3180" s="14" t="s">
        <v>35</v>
      </c>
      <c r="D3180" s="14" t="s">
        <v>36</v>
      </c>
      <c r="E3180" s="15">
        <v>45636</v>
      </c>
      <c r="F3180" s="14" t="s">
        <v>25</v>
      </c>
      <c r="G3180" s="16">
        <v>0</v>
      </c>
    </row>
    <row r="3181" spans="1:7" x14ac:dyDescent="0.3">
      <c r="A3181" s="13" t="s">
        <v>34</v>
      </c>
      <c r="B3181" s="14" t="s">
        <v>1</v>
      </c>
      <c r="C3181" s="14" t="s">
        <v>35</v>
      </c>
      <c r="D3181" s="14" t="s">
        <v>36</v>
      </c>
      <c r="E3181" s="15">
        <v>45637</v>
      </c>
      <c r="F3181" s="14" t="s">
        <v>25</v>
      </c>
      <c r="G3181" s="16">
        <v>0</v>
      </c>
    </row>
    <row r="3182" spans="1:7" x14ac:dyDescent="0.3">
      <c r="A3182" s="13" t="s">
        <v>34</v>
      </c>
      <c r="B3182" s="14" t="s">
        <v>1</v>
      </c>
      <c r="C3182" s="14" t="s">
        <v>35</v>
      </c>
      <c r="D3182" s="14" t="s">
        <v>36</v>
      </c>
      <c r="E3182" s="15">
        <v>45638</v>
      </c>
      <c r="F3182" s="14" t="s">
        <v>25</v>
      </c>
      <c r="G3182" s="16">
        <v>0</v>
      </c>
    </row>
    <row r="3183" spans="1:7" x14ac:dyDescent="0.3">
      <c r="A3183" s="13" t="s">
        <v>34</v>
      </c>
      <c r="B3183" s="14" t="s">
        <v>1</v>
      </c>
      <c r="C3183" s="14" t="s">
        <v>35</v>
      </c>
      <c r="D3183" s="14" t="s">
        <v>36</v>
      </c>
      <c r="E3183" s="15">
        <v>45639</v>
      </c>
      <c r="F3183" s="14" t="s">
        <v>25</v>
      </c>
      <c r="G3183" s="16">
        <v>0</v>
      </c>
    </row>
    <row r="3184" spans="1:7" x14ac:dyDescent="0.3">
      <c r="A3184" s="13" t="s">
        <v>34</v>
      </c>
      <c r="B3184" s="14" t="s">
        <v>1</v>
      </c>
      <c r="C3184" s="14" t="s">
        <v>35</v>
      </c>
      <c r="D3184" s="14" t="s">
        <v>36</v>
      </c>
      <c r="E3184" s="15">
        <v>45640</v>
      </c>
      <c r="F3184" s="14" t="s">
        <v>25</v>
      </c>
      <c r="G3184" s="16">
        <v>0</v>
      </c>
    </row>
    <row r="3185" spans="1:7" x14ac:dyDescent="0.3">
      <c r="A3185" s="13" t="s">
        <v>34</v>
      </c>
      <c r="B3185" s="14" t="s">
        <v>1</v>
      </c>
      <c r="C3185" s="14" t="s">
        <v>35</v>
      </c>
      <c r="D3185" s="14" t="s">
        <v>36</v>
      </c>
      <c r="E3185" s="15">
        <v>45641</v>
      </c>
      <c r="F3185" s="14" t="s">
        <v>25</v>
      </c>
      <c r="G3185" s="16">
        <v>0</v>
      </c>
    </row>
    <row r="3186" spans="1:7" x14ac:dyDescent="0.3">
      <c r="A3186" s="13" t="s">
        <v>34</v>
      </c>
      <c r="B3186" s="14" t="s">
        <v>1</v>
      </c>
      <c r="C3186" s="14" t="s">
        <v>35</v>
      </c>
      <c r="D3186" s="14" t="s">
        <v>36</v>
      </c>
      <c r="E3186" s="15">
        <v>45642</v>
      </c>
      <c r="F3186" s="14" t="s">
        <v>25</v>
      </c>
      <c r="G3186" s="16">
        <v>0</v>
      </c>
    </row>
    <row r="3187" spans="1:7" x14ac:dyDescent="0.3">
      <c r="A3187" s="13" t="s">
        <v>34</v>
      </c>
      <c r="B3187" s="14" t="s">
        <v>1</v>
      </c>
      <c r="C3187" s="14" t="s">
        <v>35</v>
      </c>
      <c r="D3187" s="14" t="s">
        <v>36</v>
      </c>
      <c r="E3187" s="15">
        <v>45643</v>
      </c>
      <c r="F3187" s="14" t="s">
        <v>25</v>
      </c>
      <c r="G3187" s="16">
        <v>0</v>
      </c>
    </row>
    <row r="3188" spans="1:7" x14ac:dyDescent="0.3">
      <c r="A3188" s="13" t="s">
        <v>34</v>
      </c>
      <c r="B3188" s="14" t="s">
        <v>1</v>
      </c>
      <c r="C3188" s="14" t="s">
        <v>35</v>
      </c>
      <c r="D3188" s="14" t="s">
        <v>36</v>
      </c>
      <c r="E3188" s="15">
        <v>45644</v>
      </c>
      <c r="F3188" s="14" t="s">
        <v>25</v>
      </c>
      <c r="G3188" s="16">
        <v>0</v>
      </c>
    </row>
    <row r="3189" spans="1:7" x14ac:dyDescent="0.3">
      <c r="A3189" s="13" t="s">
        <v>34</v>
      </c>
      <c r="B3189" s="14" t="s">
        <v>1</v>
      </c>
      <c r="C3189" s="14" t="s">
        <v>35</v>
      </c>
      <c r="D3189" s="14" t="s">
        <v>36</v>
      </c>
      <c r="E3189" s="15">
        <v>45645</v>
      </c>
      <c r="F3189" s="14" t="s">
        <v>25</v>
      </c>
      <c r="G3189" s="16">
        <v>0</v>
      </c>
    </row>
    <row r="3190" spans="1:7" x14ac:dyDescent="0.3">
      <c r="A3190" s="13" t="s">
        <v>34</v>
      </c>
      <c r="B3190" s="14" t="s">
        <v>1</v>
      </c>
      <c r="C3190" s="14" t="s">
        <v>35</v>
      </c>
      <c r="D3190" s="14" t="s">
        <v>36</v>
      </c>
      <c r="E3190" s="15">
        <v>45646</v>
      </c>
      <c r="F3190" s="14" t="s">
        <v>25</v>
      </c>
      <c r="G3190" s="16">
        <v>0</v>
      </c>
    </row>
    <row r="3191" spans="1:7" x14ac:dyDescent="0.3">
      <c r="A3191" s="13" t="s">
        <v>34</v>
      </c>
      <c r="B3191" s="14" t="s">
        <v>1</v>
      </c>
      <c r="C3191" s="14" t="s">
        <v>35</v>
      </c>
      <c r="D3191" s="14" t="s">
        <v>36</v>
      </c>
      <c r="E3191" s="15">
        <v>45647</v>
      </c>
      <c r="F3191" s="14" t="s">
        <v>25</v>
      </c>
      <c r="G3191" s="16">
        <v>0</v>
      </c>
    </row>
    <row r="3192" spans="1:7" x14ac:dyDescent="0.3">
      <c r="A3192" s="13" t="s">
        <v>34</v>
      </c>
      <c r="B3192" s="14" t="s">
        <v>1</v>
      </c>
      <c r="C3192" s="14" t="s">
        <v>35</v>
      </c>
      <c r="D3192" s="14" t="s">
        <v>36</v>
      </c>
      <c r="E3192" s="15">
        <v>45648</v>
      </c>
      <c r="F3192" s="14" t="s">
        <v>25</v>
      </c>
      <c r="G3192" s="16">
        <v>0</v>
      </c>
    </row>
    <row r="3193" spans="1:7" x14ac:dyDescent="0.3">
      <c r="A3193" s="13" t="s">
        <v>34</v>
      </c>
      <c r="B3193" s="14" t="s">
        <v>1</v>
      </c>
      <c r="C3193" s="14" t="s">
        <v>35</v>
      </c>
      <c r="D3193" s="14" t="s">
        <v>36</v>
      </c>
      <c r="E3193" s="15">
        <v>45649</v>
      </c>
      <c r="F3193" s="14" t="s">
        <v>25</v>
      </c>
      <c r="G3193" s="16">
        <v>0</v>
      </c>
    </row>
    <row r="3194" spans="1:7" x14ac:dyDescent="0.3">
      <c r="A3194" s="13" t="s">
        <v>34</v>
      </c>
      <c r="B3194" s="14" t="s">
        <v>1</v>
      </c>
      <c r="C3194" s="14" t="s">
        <v>35</v>
      </c>
      <c r="D3194" s="14" t="s">
        <v>36</v>
      </c>
      <c r="E3194" s="15">
        <v>45650</v>
      </c>
      <c r="F3194" s="14" t="s">
        <v>25</v>
      </c>
      <c r="G3194" s="16">
        <v>0</v>
      </c>
    </row>
    <row r="3195" spans="1:7" x14ac:dyDescent="0.3">
      <c r="A3195" s="13" t="s">
        <v>34</v>
      </c>
      <c r="B3195" s="14" t="s">
        <v>1</v>
      </c>
      <c r="C3195" s="14" t="s">
        <v>35</v>
      </c>
      <c r="D3195" s="14" t="s">
        <v>36</v>
      </c>
      <c r="E3195" s="15">
        <v>45651</v>
      </c>
      <c r="F3195" s="14" t="s">
        <v>25</v>
      </c>
      <c r="G3195" s="16">
        <v>0</v>
      </c>
    </row>
    <row r="3196" spans="1:7" x14ac:dyDescent="0.3">
      <c r="A3196" s="13" t="s">
        <v>34</v>
      </c>
      <c r="B3196" s="14" t="s">
        <v>1</v>
      </c>
      <c r="C3196" s="14" t="s">
        <v>35</v>
      </c>
      <c r="D3196" s="14" t="s">
        <v>36</v>
      </c>
      <c r="E3196" s="15">
        <v>45652</v>
      </c>
      <c r="F3196" s="14" t="s">
        <v>25</v>
      </c>
      <c r="G3196" s="16">
        <v>0</v>
      </c>
    </row>
    <row r="3197" spans="1:7" x14ac:dyDescent="0.3">
      <c r="A3197" s="13" t="s">
        <v>34</v>
      </c>
      <c r="B3197" s="14" t="s">
        <v>1</v>
      </c>
      <c r="C3197" s="14" t="s">
        <v>35</v>
      </c>
      <c r="D3197" s="14" t="s">
        <v>36</v>
      </c>
      <c r="E3197" s="15">
        <v>45653</v>
      </c>
      <c r="F3197" s="14" t="s">
        <v>25</v>
      </c>
      <c r="G3197" s="16">
        <v>0</v>
      </c>
    </row>
    <row r="3198" spans="1:7" x14ac:dyDescent="0.3">
      <c r="A3198" s="13" t="s">
        <v>34</v>
      </c>
      <c r="B3198" s="14" t="s">
        <v>1</v>
      </c>
      <c r="C3198" s="14" t="s">
        <v>35</v>
      </c>
      <c r="D3198" s="14" t="s">
        <v>36</v>
      </c>
      <c r="E3198" s="15">
        <v>45654</v>
      </c>
      <c r="F3198" s="14" t="s">
        <v>25</v>
      </c>
      <c r="G3198" s="16">
        <v>0</v>
      </c>
    </row>
    <row r="3199" spans="1:7" x14ac:dyDescent="0.3">
      <c r="A3199" s="13" t="s">
        <v>34</v>
      </c>
      <c r="B3199" s="14" t="s">
        <v>1</v>
      </c>
      <c r="C3199" s="14" t="s">
        <v>35</v>
      </c>
      <c r="D3199" s="14" t="s">
        <v>36</v>
      </c>
      <c r="E3199" s="15">
        <v>45655</v>
      </c>
      <c r="F3199" s="14" t="s">
        <v>25</v>
      </c>
      <c r="G3199" s="16">
        <v>0</v>
      </c>
    </row>
    <row r="3200" spans="1:7" x14ac:dyDescent="0.3">
      <c r="A3200" s="13" t="s">
        <v>34</v>
      </c>
      <c r="B3200" s="14" t="s">
        <v>1</v>
      </c>
      <c r="C3200" s="14" t="s">
        <v>35</v>
      </c>
      <c r="D3200" s="14" t="s">
        <v>36</v>
      </c>
      <c r="E3200" s="15">
        <v>45656</v>
      </c>
      <c r="F3200" s="14" t="s">
        <v>25</v>
      </c>
      <c r="G3200" s="16">
        <v>0</v>
      </c>
    </row>
    <row r="3201" spans="1:7" x14ac:dyDescent="0.3">
      <c r="A3201" s="13" t="s">
        <v>34</v>
      </c>
      <c r="B3201" s="14" t="s">
        <v>1</v>
      </c>
      <c r="C3201" s="14" t="s">
        <v>35</v>
      </c>
      <c r="D3201" s="14" t="s">
        <v>36</v>
      </c>
      <c r="E3201" s="15">
        <v>45657</v>
      </c>
      <c r="F3201" s="14" t="s">
        <v>25</v>
      </c>
      <c r="G3201" s="16">
        <v>0</v>
      </c>
    </row>
    <row r="3202" spans="1:7" x14ac:dyDescent="0.3">
      <c r="A3202" s="13" t="s">
        <v>34</v>
      </c>
      <c r="B3202" s="14" t="s">
        <v>1</v>
      </c>
      <c r="C3202" s="14" t="s">
        <v>35</v>
      </c>
      <c r="D3202" s="14" t="s">
        <v>36</v>
      </c>
      <c r="E3202" s="15">
        <v>45658</v>
      </c>
      <c r="F3202" s="14" t="s">
        <v>25</v>
      </c>
      <c r="G3202" s="16">
        <v>0</v>
      </c>
    </row>
    <row r="3203" spans="1:7" x14ac:dyDescent="0.3">
      <c r="A3203" s="13" t="s">
        <v>34</v>
      </c>
      <c r="B3203" s="14" t="s">
        <v>1</v>
      </c>
      <c r="C3203" s="14" t="s">
        <v>35</v>
      </c>
      <c r="D3203" s="14" t="s">
        <v>36</v>
      </c>
      <c r="E3203" s="15">
        <v>45659</v>
      </c>
      <c r="F3203" s="14" t="s">
        <v>25</v>
      </c>
      <c r="G3203" s="16">
        <v>0</v>
      </c>
    </row>
    <row r="3204" spans="1:7" x14ac:dyDescent="0.3">
      <c r="A3204" s="13" t="s">
        <v>34</v>
      </c>
      <c r="B3204" s="14" t="s">
        <v>1</v>
      </c>
      <c r="C3204" s="14" t="s">
        <v>35</v>
      </c>
      <c r="D3204" s="14" t="s">
        <v>36</v>
      </c>
      <c r="E3204" s="15">
        <v>45660</v>
      </c>
      <c r="F3204" s="14" t="s">
        <v>25</v>
      </c>
      <c r="G3204" s="16">
        <v>0</v>
      </c>
    </row>
    <row r="3205" spans="1:7" x14ac:dyDescent="0.3">
      <c r="A3205" s="13" t="s">
        <v>34</v>
      </c>
      <c r="B3205" s="14" t="s">
        <v>1</v>
      </c>
      <c r="C3205" s="14" t="s">
        <v>35</v>
      </c>
      <c r="D3205" s="14" t="s">
        <v>36</v>
      </c>
      <c r="E3205" s="15">
        <v>45661</v>
      </c>
      <c r="F3205" s="14" t="s">
        <v>25</v>
      </c>
      <c r="G3205" s="16">
        <v>0</v>
      </c>
    </row>
    <row r="3206" spans="1:7" x14ac:dyDescent="0.3">
      <c r="A3206" s="13" t="s">
        <v>34</v>
      </c>
      <c r="B3206" s="14" t="s">
        <v>1</v>
      </c>
      <c r="C3206" s="14" t="s">
        <v>35</v>
      </c>
      <c r="D3206" s="14" t="s">
        <v>36</v>
      </c>
      <c r="E3206" s="15">
        <v>45662</v>
      </c>
      <c r="F3206" s="14" t="s">
        <v>25</v>
      </c>
      <c r="G3206" s="16">
        <v>0</v>
      </c>
    </row>
    <row r="3207" spans="1:7" x14ac:dyDescent="0.3">
      <c r="A3207" s="13" t="s">
        <v>34</v>
      </c>
      <c r="B3207" s="14" t="s">
        <v>1</v>
      </c>
      <c r="C3207" s="14" t="s">
        <v>35</v>
      </c>
      <c r="D3207" s="14" t="s">
        <v>36</v>
      </c>
      <c r="E3207" s="15">
        <v>45663</v>
      </c>
      <c r="F3207" s="14" t="s">
        <v>25</v>
      </c>
      <c r="G3207" s="16">
        <v>0</v>
      </c>
    </row>
    <row r="3208" spans="1:7" x14ac:dyDescent="0.3">
      <c r="A3208" s="13" t="s">
        <v>34</v>
      </c>
      <c r="B3208" s="14" t="s">
        <v>1</v>
      </c>
      <c r="C3208" s="14" t="s">
        <v>35</v>
      </c>
      <c r="D3208" s="14" t="s">
        <v>36</v>
      </c>
      <c r="E3208" s="15">
        <v>45664</v>
      </c>
      <c r="F3208" s="14" t="s">
        <v>25</v>
      </c>
      <c r="G3208" s="16">
        <v>0</v>
      </c>
    </row>
    <row r="3209" spans="1:7" x14ac:dyDescent="0.3">
      <c r="A3209" s="13" t="s">
        <v>34</v>
      </c>
      <c r="B3209" s="14" t="s">
        <v>1</v>
      </c>
      <c r="C3209" s="14" t="s">
        <v>35</v>
      </c>
      <c r="D3209" s="14" t="s">
        <v>36</v>
      </c>
      <c r="E3209" s="15">
        <v>45665</v>
      </c>
      <c r="F3209" s="14" t="s">
        <v>25</v>
      </c>
      <c r="G3209" s="16">
        <v>0</v>
      </c>
    </row>
    <row r="3210" spans="1:7" x14ac:dyDescent="0.3">
      <c r="A3210" s="13" t="s">
        <v>34</v>
      </c>
      <c r="B3210" s="14" t="s">
        <v>1</v>
      </c>
      <c r="C3210" s="14" t="s">
        <v>35</v>
      </c>
      <c r="D3210" s="14" t="s">
        <v>36</v>
      </c>
      <c r="E3210" s="15">
        <v>45666</v>
      </c>
      <c r="F3210" s="14" t="s">
        <v>25</v>
      </c>
      <c r="G3210" s="16">
        <v>0</v>
      </c>
    </row>
    <row r="3211" spans="1:7" x14ac:dyDescent="0.3">
      <c r="A3211" s="13" t="s">
        <v>34</v>
      </c>
      <c r="B3211" s="14" t="s">
        <v>1</v>
      </c>
      <c r="C3211" s="14" t="s">
        <v>35</v>
      </c>
      <c r="D3211" s="14" t="s">
        <v>36</v>
      </c>
      <c r="E3211" s="15">
        <v>45667</v>
      </c>
      <c r="F3211" s="14" t="s">
        <v>25</v>
      </c>
      <c r="G3211" s="16">
        <v>0</v>
      </c>
    </row>
    <row r="3212" spans="1:7" x14ac:dyDescent="0.3">
      <c r="A3212" s="13" t="s">
        <v>34</v>
      </c>
      <c r="B3212" s="14" t="s">
        <v>1</v>
      </c>
      <c r="C3212" s="14" t="s">
        <v>35</v>
      </c>
      <c r="D3212" s="14" t="s">
        <v>36</v>
      </c>
      <c r="E3212" s="15">
        <v>45668</v>
      </c>
      <c r="F3212" s="14" t="s">
        <v>25</v>
      </c>
      <c r="G3212" s="16">
        <v>0</v>
      </c>
    </row>
    <row r="3213" spans="1:7" x14ac:dyDescent="0.3">
      <c r="A3213" s="13" t="s">
        <v>34</v>
      </c>
      <c r="B3213" s="14" t="s">
        <v>1</v>
      </c>
      <c r="C3213" s="14" t="s">
        <v>35</v>
      </c>
      <c r="D3213" s="14" t="s">
        <v>36</v>
      </c>
      <c r="E3213" s="15">
        <v>45669</v>
      </c>
      <c r="F3213" s="14" t="s">
        <v>25</v>
      </c>
      <c r="G3213" s="16">
        <v>0</v>
      </c>
    </row>
    <row r="3214" spans="1:7" x14ac:dyDescent="0.3">
      <c r="A3214" s="13" t="s">
        <v>34</v>
      </c>
      <c r="B3214" s="14" t="s">
        <v>1</v>
      </c>
      <c r="C3214" s="14" t="s">
        <v>35</v>
      </c>
      <c r="D3214" s="14" t="s">
        <v>36</v>
      </c>
      <c r="E3214" s="15">
        <v>45670</v>
      </c>
      <c r="F3214" s="14" t="s">
        <v>25</v>
      </c>
      <c r="G3214" s="16">
        <v>0</v>
      </c>
    </row>
    <row r="3215" spans="1:7" x14ac:dyDescent="0.3">
      <c r="A3215" s="13" t="s">
        <v>34</v>
      </c>
      <c r="B3215" s="14" t="s">
        <v>1</v>
      </c>
      <c r="C3215" s="14" t="s">
        <v>35</v>
      </c>
      <c r="D3215" s="14" t="s">
        <v>36</v>
      </c>
      <c r="E3215" s="15">
        <v>45671</v>
      </c>
      <c r="F3215" s="14" t="s">
        <v>25</v>
      </c>
      <c r="G3215" s="16">
        <v>0</v>
      </c>
    </row>
    <row r="3216" spans="1:7" x14ac:dyDescent="0.3">
      <c r="A3216" s="13" t="s">
        <v>34</v>
      </c>
      <c r="B3216" s="14" t="s">
        <v>1</v>
      </c>
      <c r="C3216" s="14" t="s">
        <v>35</v>
      </c>
      <c r="D3216" s="14" t="s">
        <v>36</v>
      </c>
      <c r="E3216" s="15">
        <v>45672</v>
      </c>
      <c r="F3216" s="14" t="s">
        <v>25</v>
      </c>
      <c r="G3216" s="16">
        <v>0</v>
      </c>
    </row>
    <row r="3217" spans="1:7" x14ac:dyDescent="0.3">
      <c r="A3217" s="13" t="s">
        <v>34</v>
      </c>
      <c r="B3217" s="14" t="s">
        <v>1</v>
      </c>
      <c r="C3217" s="14" t="s">
        <v>35</v>
      </c>
      <c r="D3217" s="14" t="s">
        <v>36</v>
      </c>
      <c r="E3217" s="15">
        <v>45673</v>
      </c>
      <c r="F3217" s="14" t="s">
        <v>25</v>
      </c>
      <c r="G3217" s="16">
        <v>0</v>
      </c>
    </row>
    <row r="3218" spans="1:7" x14ac:dyDescent="0.3">
      <c r="A3218" s="13" t="s">
        <v>34</v>
      </c>
      <c r="B3218" s="14" t="s">
        <v>1</v>
      </c>
      <c r="C3218" s="14" t="s">
        <v>35</v>
      </c>
      <c r="D3218" s="14" t="s">
        <v>36</v>
      </c>
      <c r="E3218" s="15">
        <v>45674</v>
      </c>
      <c r="F3218" s="14" t="s">
        <v>25</v>
      </c>
      <c r="G3218" s="16">
        <v>0</v>
      </c>
    </row>
    <row r="3219" spans="1:7" x14ac:dyDescent="0.3">
      <c r="A3219" s="13" t="s">
        <v>34</v>
      </c>
      <c r="B3219" s="14" t="s">
        <v>1</v>
      </c>
      <c r="C3219" s="14" t="s">
        <v>35</v>
      </c>
      <c r="D3219" s="14" t="s">
        <v>36</v>
      </c>
      <c r="E3219" s="15">
        <v>45675</v>
      </c>
      <c r="F3219" s="14" t="s">
        <v>25</v>
      </c>
      <c r="G3219" s="16">
        <v>0</v>
      </c>
    </row>
    <row r="3220" spans="1:7" x14ac:dyDescent="0.3">
      <c r="A3220" s="13" t="s">
        <v>34</v>
      </c>
      <c r="B3220" s="14" t="s">
        <v>1</v>
      </c>
      <c r="C3220" s="14" t="s">
        <v>35</v>
      </c>
      <c r="D3220" s="14" t="s">
        <v>36</v>
      </c>
      <c r="E3220" s="15">
        <v>45676</v>
      </c>
      <c r="F3220" s="14" t="s">
        <v>25</v>
      </c>
      <c r="G3220" s="16">
        <v>0</v>
      </c>
    </row>
    <row r="3221" spans="1:7" x14ac:dyDescent="0.3">
      <c r="A3221" s="13" t="s">
        <v>34</v>
      </c>
      <c r="B3221" s="14" t="s">
        <v>1</v>
      </c>
      <c r="C3221" s="14" t="s">
        <v>35</v>
      </c>
      <c r="D3221" s="14" t="s">
        <v>36</v>
      </c>
      <c r="E3221" s="15">
        <v>45677</v>
      </c>
      <c r="F3221" s="14" t="s">
        <v>25</v>
      </c>
      <c r="G3221" s="16">
        <v>0</v>
      </c>
    </row>
    <row r="3222" spans="1:7" x14ac:dyDescent="0.3">
      <c r="A3222" s="13" t="s">
        <v>34</v>
      </c>
      <c r="B3222" s="14" t="s">
        <v>1</v>
      </c>
      <c r="C3222" s="14" t="s">
        <v>35</v>
      </c>
      <c r="D3222" s="14" t="s">
        <v>36</v>
      </c>
      <c r="E3222" s="15">
        <v>45678</v>
      </c>
      <c r="F3222" s="14" t="s">
        <v>25</v>
      </c>
      <c r="G3222" s="16">
        <v>0</v>
      </c>
    </row>
    <row r="3223" spans="1:7" x14ac:dyDescent="0.3">
      <c r="A3223" s="13" t="s">
        <v>34</v>
      </c>
      <c r="B3223" s="14" t="s">
        <v>1</v>
      </c>
      <c r="C3223" s="14" t="s">
        <v>35</v>
      </c>
      <c r="D3223" s="14" t="s">
        <v>36</v>
      </c>
      <c r="E3223" s="15">
        <v>45679</v>
      </c>
      <c r="F3223" s="14" t="s">
        <v>25</v>
      </c>
      <c r="G3223" s="16">
        <v>0</v>
      </c>
    </row>
    <row r="3224" spans="1:7" x14ac:dyDescent="0.3">
      <c r="A3224" s="13" t="s">
        <v>34</v>
      </c>
      <c r="B3224" s="14" t="s">
        <v>1</v>
      </c>
      <c r="C3224" s="14" t="s">
        <v>35</v>
      </c>
      <c r="D3224" s="14" t="s">
        <v>36</v>
      </c>
      <c r="E3224" s="15">
        <v>45680</v>
      </c>
      <c r="F3224" s="14" t="s">
        <v>25</v>
      </c>
      <c r="G3224" s="16">
        <v>0</v>
      </c>
    </row>
    <row r="3225" spans="1:7" x14ac:dyDescent="0.3">
      <c r="A3225" s="13" t="s">
        <v>34</v>
      </c>
      <c r="B3225" s="14" t="s">
        <v>1</v>
      </c>
      <c r="C3225" s="14" t="s">
        <v>35</v>
      </c>
      <c r="D3225" s="14" t="s">
        <v>36</v>
      </c>
      <c r="E3225" s="15">
        <v>45681</v>
      </c>
      <c r="F3225" s="14" t="s">
        <v>25</v>
      </c>
      <c r="G3225" s="16">
        <v>0</v>
      </c>
    </row>
    <row r="3226" spans="1:7" x14ac:dyDescent="0.3">
      <c r="A3226" s="13" t="s">
        <v>34</v>
      </c>
      <c r="B3226" s="14" t="s">
        <v>1</v>
      </c>
      <c r="C3226" s="14" t="s">
        <v>35</v>
      </c>
      <c r="D3226" s="14" t="s">
        <v>36</v>
      </c>
      <c r="E3226" s="15">
        <v>45682</v>
      </c>
      <c r="F3226" s="14" t="s">
        <v>25</v>
      </c>
      <c r="G3226" s="16">
        <v>0</v>
      </c>
    </row>
    <row r="3227" spans="1:7" x14ac:dyDescent="0.3">
      <c r="A3227" s="13" t="s">
        <v>34</v>
      </c>
      <c r="B3227" s="14" t="s">
        <v>1</v>
      </c>
      <c r="C3227" s="14" t="s">
        <v>35</v>
      </c>
      <c r="D3227" s="14" t="s">
        <v>36</v>
      </c>
      <c r="E3227" s="15">
        <v>45683</v>
      </c>
      <c r="F3227" s="14" t="s">
        <v>25</v>
      </c>
      <c r="G3227" s="16">
        <v>0</v>
      </c>
    </row>
    <row r="3228" spans="1:7" x14ac:dyDescent="0.3">
      <c r="A3228" s="13" t="s">
        <v>34</v>
      </c>
      <c r="B3228" s="14" t="s">
        <v>1</v>
      </c>
      <c r="C3228" s="14" t="s">
        <v>35</v>
      </c>
      <c r="D3228" s="14" t="s">
        <v>36</v>
      </c>
      <c r="E3228" s="15">
        <v>45684</v>
      </c>
      <c r="F3228" s="14" t="s">
        <v>25</v>
      </c>
      <c r="G3228" s="16">
        <v>0</v>
      </c>
    </row>
    <row r="3229" spans="1:7" x14ac:dyDescent="0.3">
      <c r="A3229" s="13" t="s">
        <v>34</v>
      </c>
      <c r="B3229" s="14" t="s">
        <v>1</v>
      </c>
      <c r="C3229" s="14" t="s">
        <v>35</v>
      </c>
      <c r="D3229" s="14" t="s">
        <v>36</v>
      </c>
      <c r="E3229" s="15">
        <v>45685</v>
      </c>
      <c r="F3229" s="14" t="s">
        <v>25</v>
      </c>
      <c r="G3229" s="16">
        <v>0</v>
      </c>
    </row>
    <row r="3230" spans="1:7" x14ac:dyDescent="0.3">
      <c r="A3230" s="13" t="s">
        <v>34</v>
      </c>
      <c r="B3230" s="14" t="s">
        <v>1</v>
      </c>
      <c r="C3230" s="14" t="s">
        <v>35</v>
      </c>
      <c r="D3230" s="14" t="s">
        <v>36</v>
      </c>
      <c r="E3230" s="15">
        <v>45686</v>
      </c>
      <c r="F3230" s="14" t="s">
        <v>25</v>
      </c>
      <c r="G3230" s="16">
        <v>0</v>
      </c>
    </row>
    <row r="3231" spans="1:7" x14ac:dyDescent="0.3">
      <c r="A3231" s="13" t="s">
        <v>34</v>
      </c>
      <c r="B3231" s="14" t="s">
        <v>1</v>
      </c>
      <c r="C3231" s="14" t="s">
        <v>35</v>
      </c>
      <c r="D3231" s="14" t="s">
        <v>36</v>
      </c>
      <c r="E3231" s="15">
        <v>45687</v>
      </c>
      <c r="F3231" s="14" t="s">
        <v>25</v>
      </c>
      <c r="G3231" s="16">
        <v>0</v>
      </c>
    </row>
    <row r="3232" spans="1:7" x14ac:dyDescent="0.3">
      <c r="A3232" s="13" t="s">
        <v>34</v>
      </c>
      <c r="B3232" s="14" t="s">
        <v>1</v>
      </c>
      <c r="C3232" s="14" t="s">
        <v>35</v>
      </c>
      <c r="D3232" s="14" t="s">
        <v>36</v>
      </c>
      <c r="E3232" s="15">
        <v>45688</v>
      </c>
      <c r="F3232" s="14" t="s">
        <v>25</v>
      </c>
      <c r="G3232" s="16">
        <v>0</v>
      </c>
    </row>
    <row r="3233" spans="1:7" x14ac:dyDescent="0.3">
      <c r="A3233" s="13" t="s">
        <v>34</v>
      </c>
      <c r="B3233" s="14" t="s">
        <v>1</v>
      </c>
      <c r="C3233" s="14" t="s">
        <v>35</v>
      </c>
      <c r="D3233" s="14" t="s">
        <v>36</v>
      </c>
      <c r="E3233" s="15">
        <v>45689</v>
      </c>
      <c r="F3233" s="14" t="s">
        <v>25</v>
      </c>
      <c r="G3233" s="16">
        <v>0</v>
      </c>
    </row>
    <row r="3234" spans="1:7" x14ac:dyDescent="0.3">
      <c r="A3234" s="13" t="s">
        <v>34</v>
      </c>
      <c r="B3234" s="14" t="s">
        <v>1</v>
      </c>
      <c r="C3234" s="14" t="s">
        <v>35</v>
      </c>
      <c r="D3234" s="14" t="s">
        <v>36</v>
      </c>
      <c r="E3234" s="15">
        <v>45690</v>
      </c>
      <c r="F3234" s="14" t="s">
        <v>25</v>
      </c>
      <c r="G3234" s="16">
        <v>0</v>
      </c>
    </row>
    <row r="3235" spans="1:7" x14ac:dyDescent="0.3">
      <c r="A3235" s="13" t="s">
        <v>34</v>
      </c>
      <c r="B3235" s="14" t="s">
        <v>1</v>
      </c>
      <c r="C3235" s="14" t="s">
        <v>35</v>
      </c>
      <c r="D3235" s="14" t="s">
        <v>36</v>
      </c>
      <c r="E3235" s="15">
        <v>45691</v>
      </c>
      <c r="F3235" s="14" t="s">
        <v>25</v>
      </c>
      <c r="G3235" s="16">
        <v>0</v>
      </c>
    </row>
    <row r="3236" spans="1:7" x14ac:dyDescent="0.3">
      <c r="A3236" s="13" t="s">
        <v>34</v>
      </c>
      <c r="B3236" s="14" t="s">
        <v>1</v>
      </c>
      <c r="C3236" s="14" t="s">
        <v>35</v>
      </c>
      <c r="D3236" s="14" t="s">
        <v>36</v>
      </c>
      <c r="E3236" s="15">
        <v>45692</v>
      </c>
      <c r="F3236" s="14" t="s">
        <v>25</v>
      </c>
      <c r="G3236" s="16">
        <v>0</v>
      </c>
    </row>
    <row r="3237" spans="1:7" x14ac:dyDescent="0.3">
      <c r="A3237" s="13" t="s">
        <v>34</v>
      </c>
      <c r="B3237" s="14" t="s">
        <v>1</v>
      </c>
      <c r="C3237" s="14" t="s">
        <v>35</v>
      </c>
      <c r="D3237" s="14" t="s">
        <v>36</v>
      </c>
      <c r="E3237" s="15">
        <v>45693</v>
      </c>
      <c r="F3237" s="14" t="s">
        <v>25</v>
      </c>
      <c r="G3237" s="16">
        <v>0</v>
      </c>
    </row>
    <row r="3238" spans="1:7" x14ac:dyDescent="0.3">
      <c r="A3238" s="13" t="s">
        <v>34</v>
      </c>
      <c r="B3238" s="14" t="s">
        <v>1</v>
      </c>
      <c r="C3238" s="14" t="s">
        <v>35</v>
      </c>
      <c r="D3238" s="14" t="s">
        <v>36</v>
      </c>
      <c r="E3238" s="15">
        <v>45694</v>
      </c>
      <c r="F3238" s="14" t="s">
        <v>25</v>
      </c>
      <c r="G3238" s="16">
        <v>0</v>
      </c>
    </row>
    <row r="3239" spans="1:7" x14ac:dyDescent="0.3">
      <c r="A3239" s="13" t="s">
        <v>34</v>
      </c>
      <c r="B3239" s="14" t="s">
        <v>1</v>
      </c>
      <c r="C3239" s="14" t="s">
        <v>35</v>
      </c>
      <c r="D3239" s="14" t="s">
        <v>36</v>
      </c>
      <c r="E3239" s="15">
        <v>45695</v>
      </c>
      <c r="F3239" s="14" t="s">
        <v>25</v>
      </c>
      <c r="G3239" s="16">
        <v>0</v>
      </c>
    </row>
    <row r="3240" spans="1:7" x14ac:dyDescent="0.3">
      <c r="A3240" s="13" t="s">
        <v>34</v>
      </c>
      <c r="B3240" s="14" t="s">
        <v>1</v>
      </c>
      <c r="C3240" s="14" t="s">
        <v>35</v>
      </c>
      <c r="D3240" s="14" t="s">
        <v>36</v>
      </c>
      <c r="E3240" s="15">
        <v>45696</v>
      </c>
      <c r="F3240" s="14" t="s">
        <v>25</v>
      </c>
      <c r="G3240" s="16">
        <v>0</v>
      </c>
    </row>
    <row r="3241" spans="1:7" x14ac:dyDescent="0.3">
      <c r="A3241" s="13" t="s">
        <v>34</v>
      </c>
      <c r="B3241" s="14" t="s">
        <v>1</v>
      </c>
      <c r="C3241" s="14" t="s">
        <v>35</v>
      </c>
      <c r="D3241" s="14" t="s">
        <v>36</v>
      </c>
      <c r="E3241" s="15">
        <v>45697</v>
      </c>
      <c r="F3241" s="14" t="s">
        <v>25</v>
      </c>
      <c r="G3241" s="16">
        <v>0</v>
      </c>
    </row>
    <row r="3242" spans="1:7" x14ac:dyDescent="0.3">
      <c r="A3242" s="13" t="s">
        <v>34</v>
      </c>
      <c r="B3242" s="14" t="s">
        <v>1</v>
      </c>
      <c r="C3242" s="14" t="s">
        <v>35</v>
      </c>
      <c r="D3242" s="14" t="s">
        <v>36</v>
      </c>
      <c r="E3242" s="15">
        <v>45698</v>
      </c>
      <c r="F3242" s="14" t="s">
        <v>25</v>
      </c>
      <c r="G3242" s="16">
        <v>0</v>
      </c>
    </row>
    <row r="3243" spans="1:7" x14ac:dyDescent="0.3">
      <c r="A3243" s="13" t="s">
        <v>34</v>
      </c>
      <c r="B3243" s="14" t="s">
        <v>1</v>
      </c>
      <c r="C3243" s="14" t="s">
        <v>35</v>
      </c>
      <c r="D3243" s="14" t="s">
        <v>36</v>
      </c>
      <c r="E3243" s="15">
        <v>45699</v>
      </c>
      <c r="F3243" s="14" t="s">
        <v>25</v>
      </c>
      <c r="G3243" s="16">
        <v>0</v>
      </c>
    </row>
    <row r="3244" spans="1:7" x14ac:dyDescent="0.3">
      <c r="A3244" s="13" t="s">
        <v>34</v>
      </c>
      <c r="B3244" s="14" t="s">
        <v>1</v>
      </c>
      <c r="C3244" s="14" t="s">
        <v>35</v>
      </c>
      <c r="D3244" s="14" t="s">
        <v>36</v>
      </c>
      <c r="E3244" s="15">
        <v>45700</v>
      </c>
      <c r="F3244" s="14" t="s">
        <v>25</v>
      </c>
      <c r="G3244" s="16">
        <v>0</v>
      </c>
    </row>
    <row r="3245" spans="1:7" x14ac:dyDescent="0.3">
      <c r="A3245" s="13" t="s">
        <v>34</v>
      </c>
      <c r="B3245" s="14" t="s">
        <v>1</v>
      </c>
      <c r="C3245" s="14" t="s">
        <v>35</v>
      </c>
      <c r="D3245" s="14" t="s">
        <v>36</v>
      </c>
      <c r="E3245" s="15">
        <v>45701</v>
      </c>
      <c r="F3245" s="14" t="s">
        <v>25</v>
      </c>
      <c r="G3245" s="16">
        <v>0</v>
      </c>
    </row>
    <row r="3246" spans="1:7" x14ac:dyDescent="0.3">
      <c r="A3246" s="13" t="s">
        <v>34</v>
      </c>
      <c r="B3246" s="14" t="s">
        <v>1</v>
      </c>
      <c r="C3246" s="14" t="s">
        <v>35</v>
      </c>
      <c r="D3246" s="14" t="s">
        <v>36</v>
      </c>
      <c r="E3246" s="15">
        <v>45702</v>
      </c>
      <c r="F3246" s="14" t="s">
        <v>25</v>
      </c>
      <c r="G3246" s="16">
        <v>0</v>
      </c>
    </row>
    <row r="3247" spans="1:7" x14ac:dyDescent="0.3">
      <c r="A3247" s="13" t="s">
        <v>34</v>
      </c>
      <c r="B3247" s="14" t="s">
        <v>1</v>
      </c>
      <c r="C3247" s="14" t="s">
        <v>35</v>
      </c>
      <c r="D3247" s="14" t="s">
        <v>36</v>
      </c>
      <c r="E3247" s="15">
        <v>45703</v>
      </c>
      <c r="F3247" s="14" t="s">
        <v>25</v>
      </c>
      <c r="G3247" s="16">
        <v>0</v>
      </c>
    </row>
    <row r="3248" spans="1:7" x14ac:dyDescent="0.3">
      <c r="A3248" s="13" t="s">
        <v>34</v>
      </c>
      <c r="B3248" s="14" t="s">
        <v>1</v>
      </c>
      <c r="C3248" s="14" t="s">
        <v>35</v>
      </c>
      <c r="D3248" s="14" t="s">
        <v>36</v>
      </c>
      <c r="E3248" s="15">
        <v>45704</v>
      </c>
      <c r="F3248" s="14" t="s">
        <v>25</v>
      </c>
      <c r="G3248" s="16">
        <v>0</v>
      </c>
    </row>
    <row r="3249" spans="1:7" x14ac:dyDescent="0.3">
      <c r="A3249" s="13" t="s">
        <v>34</v>
      </c>
      <c r="B3249" s="14" t="s">
        <v>1</v>
      </c>
      <c r="C3249" s="14" t="s">
        <v>35</v>
      </c>
      <c r="D3249" s="14" t="s">
        <v>36</v>
      </c>
      <c r="E3249" s="15">
        <v>45705</v>
      </c>
      <c r="F3249" s="14" t="s">
        <v>25</v>
      </c>
      <c r="G3249" s="16">
        <v>0</v>
      </c>
    </row>
    <row r="3250" spans="1:7" x14ac:dyDescent="0.3">
      <c r="A3250" s="13" t="s">
        <v>34</v>
      </c>
      <c r="B3250" s="14" t="s">
        <v>1</v>
      </c>
      <c r="C3250" s="14" t="s">
        <v>35</v>
      </c>
      <c r="D3250" s="14" t="s">
        <v>36</v>
      </c>
      <c r="E3250" s="15">
        <v>45706</v>
      </c>
      <c r="F3250" s="14" t="s">
        <v>25</v>
      </c>
      <c r="G3250" s="16">
        <v>0</v>
      </c>
    </row>
    <row r="3251" spans="1:7" x14ac:dyDescent="0.3">
      <c r="A3251" s="13" t="s">
        <v>34</v>
      </c>
      <c r="B3251" s="14" t="s">
        <v>1</v>
      </c>
      <c r="C3251" s="14" t="s">
        <v>35</v>
      </c>
      <c r="D3251" s="14" t="s">
        <v>36</v>
      </c>
      <c r="E3251" s="15">
        <v>45707</v>
      </c>
      <c r="F3251" s="14" t="s">
        <v>25</v>
      </c>
      <c r="G3251" s="16">
        <v>0</v>
      </c>
    </row>
    <row r="3252" spans="1:7" x14ac:dyDescent="0.3">
      <c r="A3252" s="13" t="s">
        <v>34</v>
      </c>
      <c r="B3252" s="14" t="s">
        <v>1</v>
      </c>
      <c r="C3252" s="14" t="s">
        <v>35</v>
      </c>
      <c r="D3252" s="14" t="s">
        <v>36</v>
      </c>
      <c r="E3252" s="15">
        <v>45708</v>
      </c>
      <c r="F3252" s="14" t="s">
        <v>25</v>
      </c>
      <c r="G3252" s="16">
        <v>0</v>
      </c>
    </row>
    <row r="3253" spans="1:7" x14ac:dyDescent="0.3">
      <c r="A3253" s="13" t="s">
        <v>34</v>
      </c>
      <c r="B3253" s="14" t="s">
        <v>1</v>
      </c>
      <c r="C3253" s="14" t="s">
        <v>35</v>
      </c>
      <c r="D3253" s="14" t="s">
        <v>36</v>
      </c>
      <c r="E3253" s="15">
        <v>45709</v>
      </c>
      <c r="F3253" s="14" t="s">
        <v>25</v>
      </c>
      <c r="G3253" s="16">
        <v>0</v>
      </c>
    </row>
    <row r="3254" spans="1:7" x14ac:dyDescent="0.3">
      <c r="A3254" s="13" t="s">
        <v>34</v>
      </c>
      <c r="B3254" s="14" t="s">
        <v>1</v>
      </c>
      <c r="C3254" s="14" t="s">
        <v>35</v>
      </c>
      <c r="D3254" s="14" t="s">
        <v>36</v>
      </c>
      <c r="E3254" s="15">
        <v>45710</v>
      </c>
      <c r="F3254" s="14" t="s">
        <v>25</v>
      </c>
      <c r="G3254" s="16">
        <v>0</v>
      </c>
    </row>
    <row r="3255" spans="1:7" x14ac:dyDescent="0.3">
      <c r="A3255" s="13" t="s">
        <v>34</v>
      </c>
      <c r="B3255" s="14" t="s">
        <v>1</v>
      </c>
      <c r="C3255" s="14" t="s">
        <v>35</v>
      </c>
      <c r="D3255" s="14" t="s">
        <v>36</v>
      </c>
      <c r="E3255" s="15">
        <v>45711</v>
      </c>
      <c r="F3255" s="14" t="s">
        <v>25</v>
      </c>
      <c r="G3255" s="16">
        <v>0</v>
      </c>
    </row>
    <row r="3256" spans="1:7" x14ac:dyDescent="0.3">
      <c r="A3256" s="13" t="s">
        <v>34</v>
      </c>
      <c r="B3256" s="14" t="s">
        <v>1</v>
      </c>
      <c r="C3256" s="14" t="s">
        <v>35</v>
      </c>
      <c r="D3256" s="14" t="s">
        <v>36</v>
      </c>
      <c r="E3256" s="15">
        <v>45712</v>
      </c>
      <c r="F3256" s="14" t="s">
        <v>25</v>
      </c>
      <c r="G3256" s="16">
        <v>0</v>
      </c>
    </row>
    <row r="3257" spans="1:7" x14ac:dyDescent="0.3">
      <c r="A3257" s="13" t="s">
        <v>34</v>
      </c>
      <c r="B3257" s="14" t="s">
        <v>1</v>
      </c>
      <c r="C3257" s="14" t="s">
        <v>35</v>
      </c>
      <c r="D3257" s="14" t="s">
        <v>36</v>
      </c>
      <c r="E3257" s="15">
        <v>45713</v>
      </c>
      <c r="F3257" s="14" t="s">
        <v>25</v>
      </c>
      <c r="G3257" s="16">
        <v>0</v>
      </c>
    </row>
    <row r="3258" spans="1:7" x14ac:dyDescent="0.3">
      <c r="A3258" s="13" t="s">
        <v>34</v>
      </c>
      <c r="B3258" s="14" t="s">
        <v>1</v>
      </c>
      <c r="C3258" s="14" t="s">
        <v>35</v>
      </c>
      <c r="D3258" s="14" t="s">
        <v>36</v>
      </c>
      <c r="E3258" s="15">
        <v>45714</v>
      </c>
      <c r="F3258" s="14" t="s">
        <v>25</v>
      </c>
      <c r="G3258" s="16">
        <v>0</v>
      </c>
    </row>
    <row r="3259" spans="1:7" x14ac:dyDescent="0.3">
      <c r="A3259" s="13" t="s">
        <v>34</v>
      </c>
      <c r="B3259" s="14" t="s">
        <v>1</v>
      </c>
      <c r="C3259" s="14" t="s">
        <v>35</v>
      </c>
      <c r="D3259" s="14" t="s">
        <v>36</v>
      </c>
      <c r="E3259" s="15">
        <v>45715</v>
      </c>
      <c r="F3259" s="14" t="s">
        <v>25</v>
      </c>
      <c r="G3259" s="16">
        <v>0</v>
      </c>
    </row>
    <row r="3260" spans="1:7" x14ac:dyDescent="0.3">
      <c r="A3260" s="13" t="s">
        <v>34</v>
      </c>
      <c r="B3260" s="14" t="s">
        <v>1</v>
      </c>
      <c r="C3260" s="14" t="s">
        <v>35</v>
      </c>
      <c r="D3260" s="14" t="s">
        <v>36</v>
      </c>
      <c r="E3260" s="15">
        <v>45716</v>
      </c>
      <c r="F3260" s="14" t="s">
        <v>25</v>
      </c>
      <c r="G3260" s="16">
        <v>0</v>
      </c>
    </row>
    <row r="3261" spans="1:7" x14ac:dyDescent="0.3">
      <c r="A3261" s="13" t="s">
        <v>34</v>
      </c>
      <c r="B3261" s="14" t="s">
        <v>1</v>
      </c>
      <c r="C3261" s="14" t="s">
        <v>35</v>
      </c>
      <c r="D3261" s="14" t="s">
        <v>36</v>
      </c>
      <c r="E3261" s="15">
        <v>45717</v>
      </c>
      <c r="F3261" s="14" t="s">
        <v>25</v>
      </c>
      <c r="G3261" s="16">
        <v>0</v>
      </c>
    </row>
    <row r="3262" spans="1:7" x14ac:dyDescent="0.3">
      <c r="A3262" s="13" t="s">
        <v>34</v>
      </c>
      <c r="B3262" s="14" t="s">
        <v>1</v>
      </c>
      <c r="C3262" s="14" t="s">
        <v>35</v>
      </c>
      <c r="D3262" s="14" t="s">
        <v>36</v>
      </c>
      <c r="E3262" s="15">
        <v>45718</v>
      </c>
      <c r="F3262" s="14" t="s">
        <v>25</v>
      </c>
      <c r="G3262" s="16">
        <v>0</v>
      </c>
    </row>
    <row r="3263" spans="1:7" x14ac:dyDescent="0.3">
      <c r="A3263" s="13" t="s">
        <v>34</v>
      </c>
      <c r="B3263" s="14" t="s">
        <v>1</v>
      </c>
      <c r="C3263" s="14" t="s">
        <v>35</v>
      </c>
      <c r="D3263" s="14" t="s">
        <v>36</v>
      </c>
      <c r="E3263" s="15">
        <v>45719</v>
      </c>
      <c r="F3263" s="14" t="s">
        <v>25</v>
      </c>
      <c r="G3263" s="16">
        <v>0</v>
      </c>
    </row>
    <row r="3264" spans="1:7" x14ac:dyDescent="0.3">
      <c r="A3264" s="13" t="s">
        <v>34</v>
      </c>
      <c r="B3264" s="14" t="s">
        <v>1</v>
      </c>
      <c r="C3264" s="14" t="s">
        <v>35</v>
      </c>
      <c r="D3264" s="14" t="s">
        <v>36</v>
      </c>
      <c r="E3264" s="15">
        <v>45720</v>
      </c>
      <c r="F3264" s="14" t="s">
        <v>25</v>
      </c>
      <c r="G3264" s="16">
        <v>0</v>
      </c>
    </row>
    <row r="3265" spans="1:7" x14ac:dyDescent="0.3">
      <c r="A3265" s="13" t="s">
        <v>34</v>
      </c>
      <c r="B3265" s="14" t="s">
        <v>1</v>
      </c>
      <c r="C3265" s="14" t="s">
        <v>35</v>
      </c>
      <c r="D3265" s="14" t="s">
        <v>36</v>
      </c>
      <c r="E3265" s="15">
        <v>45721</v>
      </c>
      <c r="F3265" s="14" t="s">
        <v>25</v>
      </c>
      <c r="G3265" s="16">
        <v>0</v>
      </c>
    </row>
    <row r="3266" spans="1:7" x14ac:dyDescent="0.3">
      <c r="A3266" s="13" t="s">
        <v>34</v>
      </c>
      <c r="B3266" s="14" t="s">
        <v>1</v>
      </c>
      <c r="C3266" s="14" t="s">
        <v>35</v>
      </c>
      <c r="D3266" s="14" t="s">
        <v>36</v>
      </c>
      <c r="E3266" s="15">
        <v>45722</v>
      </c>
      <c r="F3266" s="14" t="s">
        <v>25</v>
      </c>
      <c r="G3266" s="16">
        <v>0</v>
      </c>
    </row>
    <row r="3267" spans="1:7" x14ac:dyDescent="0.3">
      <c r="A3267" s="13" t="s">
        <v>34</v>
      </c>
      <c r="B3267" s="14" t="s">
        <v>1</v>
      </c>
      <c r="C3267" s="14" t="s">
        <v>35</v>
      </c>
      <c r="D3267" s="14" t="s">
        <v>36</v>
      </c>
      <c r="E3267" s="15">
        <v>45723</v>
      </c>
      <c r="F3267" s="14" t="s">
        <v>25</v>
      </c>
      <c r="G3267" s="16">
        <v>0</v>
      </c>
    </row>
    <row r="3268" spans="1:7" x14ac:dyDescent="0.3">
      <c r="A3268" s="13" t="s">
        <v>34</v>
      </c>
      <c r="B3268" s="14" t="s">
        <v>1</v>
      </c>
      <c r="C3268" s="14" t="s">
        <v>35</v>
      </c>
      <c r="D3268" s="14" t="s">
        <v>36</v>
      </c>
      <c r="E3268" s="15">
        <v>45724</v>
      </c>
      <c r="F3268" s="14" t="s">
        <v>25</v>
      </c>
      <c r="G3268" s="16">
        <v>0</v>
      </c>
    </row>
    <row r="3269" spans="1:7" x14ac:dyDescent="0.3">
      <c r="A3269" s="13" t="s">
        <v>34</v>
      </c>
      <c r="B3269" s="14" t="s">
        <v>1</v>
      </c>
      <c r="C3269" s="14" t="s">
        <v>35</v>
      </c>
      <c r="D3269" s="14" t="s">
        <v>36</v>
      </c>
      <c r="E3269" s="15">
        <v>45725</v>
      </c>
      <c r="F3269" s="14" t="s">
        <v>25</v>
      </c>
      <c r="G3269" s="16">
        <v>0</v>
      </c>
    </row>
    <row r="3270" spans="1:7" x14ac:dyDescent="0.3">
      <c r="A3270" s="13" t="s">
        <v>34</v>
      </c>
      <c r="B3270" s="14" t="s">
        <v>1</v>
      </c>
      <c r="C3270" s="14" t="s">
        <v>35</v>
      </c>
      <c r="D3270" s="14" t="s">
        <v>36</v>
      </c>
      <c r="E3270" s="15">
        <v>45726</v>
      </c>
      <c r="F3270" s="14" t="s">
        <v>25</v>
      </c>
      <c r="G3270" s="16">
        <v>0</v>
      </c>
    </row>
    <row r="3271" spans="1:7" x14ac:dyDescent="0.3">
      <c r="A3271" s="13" t="s">
        <v>34</v>
      </c>
      <c r="B3271" s="14" t="s">
        <v>1</v>
      </c>
      <c r="C3271" s="14" t="s">
        <v>35</v>
      </c>
      <c r="D3271" s="14" t="s">
        <v>36</v>
      </c>
      <c r="E3271" s="15">
        <v>45727</v>
      </c>
      <c r="F3271" s="14" t="s">
        <v>25</v>
      </c>
      <c r="G3271" s="16">
        <v>0</v>
      </c>
    </row>
    <row r="3272" spans="1:7" x14ac:dyDescent="0.3">
      <c r="A3272" s="13" t="s">
        <v>34</v>
      </c>
      <c r="B3272" s="14" t="s">
        <v>1</v>
      </c>
      <c r="C3272" s="14" t="s">
        <v>35</v>
      </c>
      <c r="D3272" s="14" t="s">
        <v>36</v>
      </c>
      <c r="E3272" s="15">
        <v>45728</v>
      </c>
      <c r="F3272" s="14" t="s">
        <v>25</v>
      </c>
      <c r="G3272" s="16">
        <v>5.6803270229058823E-2</v>
      </c>
    </row>
    <row r="3273" spans="1:7" x14ac:dyDescent="0.3">
      <c r="A3273" s="13" t="s">
        <v>34</v>
      </c>
      <c r="B3273" s="14" t="s">
        <v>1</v>
      </c>
      <c r="C3273" s="14" t="s">
        <v>35</v>
      </c>
      <c r="D3273" s="14" t="s">
        <v>36</v>
      </c>
      <c r="E3273" s="15">
        <v>45729</v>
      </c>
      <c r="F3273" s="14" t="s">
        <v>25</v>
      </c>
      <c r="G3273" s="16">
        <v>5.4769560836892571E-2</v>
      </c>
    </row>
    <row r="3274" spans="1:7" x14ac:dyDescent="0.3">
      <c r="A3274" s="13" t="s">
        <v>34</v>
      </c>
      <c r="B3274" s="14" t="s">
        <v>1</v>
      </c>
      <c r="C3274" s="14" t="s">
        <v>35</v>
      </c>
      <c r="D3274" s="14" t="s">
        <v>36</v>
      </c>
      <c r="E3274" s="15">
        <v>45730</v>
      </c>
      <c r="F3274" s="14" t="s">
        <v>25</v>
      </c>
      <c r="G3274" s="16">
        <v>5.27110548680189E-2</v>
      </c>
    </row>
    <row r="3275" spans="1:7" x14ac:dyDescent="0.3">
      <c r="A3275" s="13" t="s">
        <v>34</v>
      </c>
      <c r="B3275" s="14" t="s">
        <v>1</v>
      </c>
      <c r="C3275" s="14" t="s">
        <v>35</v>
      </c>
      <c r="D3275" s="14" t="s">
        <v>36</v>
      </c>
      <c r="E3275" s="15">
        <v>45731</v>
      </c>
      <c r="F3275" s="14" t="s">
        <v>25</v>
      </c>
      <c r="G3275" s="16">
        <v>5.27110548680189E-2</v>
      </c>
    </row>
    <row r="3276" spans="1:7" x14ac:dyDescent="0.3">
      <c r="A3276" s="13" t="s">
        <v>34</v>
      </c>
      <c r="B3276" s="14" t="s">
        <v>1</v>
      </c>
      <c r="C3276" s="14" t="s">
        <v>35</v>
      </c>
      <c r="D3276" s="14" t="s">
        <v>36</v>
      </c>
      <c r="E3276" s="15">
        <v>45732</v>
      </c>
      <c r="F3276" s="14" t="s">
        <v>25</v>
      </c>
      <c r="G3276" s="16">
        <v>5.27110548680189E-2</v>
      </c>
    </row>
    <row r="3277" spans="1:7" x14ac:dyDescent="0.3">
      <c r="A3277" s="13" t="s">
        <v>34</v>
      </c>
      <c r="B3277" s="14" t="s">
        <v>1</v>
      </c>
      <c r="C3277" s="14" t="s">
        <v>35</v>
      </c>
      <c r="D3277" s="14" t="s">
        <v>36</v>
      </c>
      <c r="E3277" s="15">
        <v>45733</v>
      </c>
      <c r="F3277" s="14" t="s">
        <v>25</v>
      </c>
      <c r="G3277" s="16">
        <v>5.27110548680189E-2</v>
      </c>
    </row>
    <row r="3278" spans="1:7" x14ac:dyDescent="0.3">
      <c r="A3278" s="13" t="s">
        <v>34</v>
      </c>
      <c r="B3278" s="14" t="s">
        <v>1</v>
      </c>
      <c r="C3278" s="14" t="s">
        <v>35</v>
      </c>
      <c r="D3278" s="14" t="s">
        <v>36</v>
      </c>
      <c r="E3278" s="15">
        <v>45734</v>
      </c>
      <c r="F3278" s="14" t="s">
        <v>25</v>
      </c>
      <c r="G3278" s="16">
        <v>5.0660814424714366E-2</v>
      </c>
    </row>
    <row r="3279" spans="1:7" x14ac:dyDescent="0.3">
      <c r="A3279" s="13" t="s">
        <v>34</v>
      </c>
      <c r="B3279" s="14" t="s">
        <v>1</v>
      </c>
      <c r="C3279" s="14" t="s">
        <v>35</v>
      </c>
      <c r="D3279" s="14" t="s">
        <v>36</v>
      </c>
      <c r="E3279" s="15">
        <v>45735</v>
      </c>
      <c r="F3279" s="14" t="s">
        <v>25</v>
      </c>
      <c r="G3279" s="16">
        <v>4.1038171770710001E-2</v>
      </c>
    </row>
    <row r="3280" spans="1:7" x14ac:dyDescent="0.3">
      <c r="A3280" s="13" t="s">
        <v>34</v>
      </c>
      <c r="B3280" s="14" t="s">
        <v>1</v>
      </c>
      <c r="C3280" s="14" t="s">
        <v>35</v>
      </c>
      <c r="D3280" s="14" t="s">
        <v>36</v>
      </c>
      <c r="E3280" s="15">
        <v>45736</v>
      </c>
      <c r="F3280" s="14" t="s">
        <v>25</v>
      </c>
      <c r="G3280" s="16">
        <v>3.8959592382596983E-2</v>
      </c>
    </row>
    <row r="3281" spans="1:7" x14ac:dyDescent="0.3">
      <c r="A3281" s="13" t="s">
        <v>34</v>
      </c>
      <c r="B3281" s="14" t="s">
        <v>1</v>
      </c>
      <c r="C3281" s="14" t="s">
        <v>35</v>
      </c>
      <c r="D3281" s="14" t="s">
        <v>36</v>
      </c>
      <c r="E3281" s="15">
        <v>45737</v>
      </c>
      <c r="F3281" s="14" t="s">
        <v>25</v>
      </c>
      <c r="G3281" s="16">
        <v>3.688691694131907E-2</v>
      </c>
    </row>
    <row r="3282" spans="1:7" x14ac:dyDescent="0.3">
      <c r="A3282" s="13" t="s">
        <v>34</v>
      </c>
      <c r="B3282" s="14" t="s">
        <v>1</v>
      </c>
      <c r="C3282" s="14" t="s">
        <v>35</v>
      </c>
      <c r="D3282" s="14" t="s">
        <v>36</v>
      </c>
      <c r="E3282" s="15">
        <v>45738</v>
      </c>
      <c r="F3282" s="14" t="s">
        <v>25</v>
      </c>
      <c r="G3282" s="16">
        <v>3.688691694131907E-2</v>
      </c>
    </row>
    <row r="3283" spans="1:7" x14ac:dyDescent="0.3">
      <c r="A3283" s="13" t="s">
        <v>34</v>
      </c>
      <c r="B3283" s="14" t="s">
        <v>1</v>
      </c>
      <c r="C3283" s="14" t="s">
        <v>35</v>
      </c>
      <c r="D3283" s="14" t="s">
        <v>36</v>
      </c>
      <c r="E3283" s="15">
        <v>45739</v>
      </c>
      <c r="F3283" s="14" t="s">
        <v>25</v>
      </c>
      <c r="G3283" s="16">
        <v>3.688691694131907E-2</v>
      </c>
    </row>
    <row r="3284" spans="1:7" x14ac:dyDescent="0.3">
      <c r="A3284" s="13" t="s">
        <v>34</v>
      </c>
      <c r="B3284" s="14" t="s">
        <v>1</v>
      </c>
      <c r="C3284" s="14" t="s">
        <v>35</v>
      </c>
      <c r="D3284" s="14" t="s">
        <v>36</v>
      </c>
      <c r="E3284" s="15">
        <v>45740</v>
      </c>
      <c r="F3284" s="14" t="s">
        <v>25</v>
      </c>
      <c r="G3284" s="16">
        <v>3.4808337553206052E-2</v>
      </c>
    </row>
    <row r="3285" spans="1:7" x14ac:dyDescent="0.3">
      <c r="A3285" s="13" t="s">
        <v>34</v>
      </c>
      <c r="B3285" s="14" t="s">
        <v>1</v>
      </c>
      <c r="C3285" s="14" t="s">
        <v>35</v>
      </c>
      <c r="D3285" s="14" t="s">
        <v>36</v>
      </c>
      <c r="E3285" s="15">
        <v>45741</v>
      </c>
      <c r="F3285" s="14" t="s">
        <v>25</v>
      </c>
      <c r="G3285" s="16">
        <v>5.7261247659618895E-2</v>
      </c>
    </row>
    <row r="3286" spans="1:7" x14ac:dyDescent="0.3">
      <c r="A3286" s="13" t="s">
        <v>34</v>
      </c>
      <c r="B3286" s="14" t="s">
        <v>1</v>
      </c>
      <c r="C3286" s="14" t="s">
        <v>35</v>
      </c>
      <c r="D3286" s="14" t="s">
        <v>36</v>
      </c>
      <c r="E3286" s="15">
        <v>45742</v>
      </c>
      <c r="F3286" s="14" t="s">
        <v>25</v>
      </c>
      <c r="G3286" s="16">
        <v>5.5199199322644166E-2</v>
      </c>
    </row>
    <row r="3287" spans="1:7" x14ac:dyDescent="0.3">
      <c r="A3287" s="13" t="s">
        <v>34</v>
      </c>
      <c r="B3287" s="14" t="s">
        <v>1</v>
      </c>
      <c r="C3287" s="14" t="s">
        <v>35</v>
      </c>
      <c r="D3287" s="14" t="s">
        <v>36</v>
      </c>
      <c r="E3287" s="15">
        <v>45743</v>
      </c>
      <c r="F3287" s="14" t="s">
        <v>25</v>
      </c>
      <c r="G3287" s="16">
        <v>6.428852576780715E-2</v>
      </c>
    </row>
    <row r="3288" spans="1:7" x14ac:dyDescent="0.3">
      <c r="A3288" s="13" t="s">
        <v>34</v>
      </c>
      <c r="B3288" s="14" t="s">
        <v>1</v>
      </c>
      <c r="C3288" s="14" t="s">
        <v>35</v>
      </c>
      <c r="D3288" s="14" t="s">
        <v>36</v>
      </c>
      <c r="E3288" s="15">
        <v>45744</v>
      </c>
      <c r="F3288" s="14" t="s">
        <v>25</v>
      </c>
      <c r="G3288" s="16">
        <v>0.33877620310718987</v>
      </c>
    </row>
    <row r="3289" spans="1:7" x14ac:dyDescent="0.3">
      <c r="A3289" s="13" t="s">
        <v>34</v>
      </c>
      <c r="B3289" s="14" t="s">
        <v>1</v>
      </c>
      <c r="C3289" s="14" t="s">
        <v>35</v>
      </c>
      <c r="D3289" s="14" t="s">
        <v>36</v>
      </c>
      <c r="E3289" s="15">
        <v>45745</v>
      </c>
      <c r="F3289" s="14" t="s">
        <v>25</v>
      </c>
      <c r="G3289" s="16">
        <v>0.33877620310718987</v>
      </c>
    </row>
    <row r="3290" spans="1:7" x14ac:dyDescent="0.3">
      <c r="A3290" s="13" t="s">
        <v>34</v>
      </c>
      <c r="B3290" s="14" t="s">
        <v>1</v>
      </c>
      <c r="C3290" s="14" t="s">
        <v>35</v>
      </c>
      <c r="D3290" s="14" t="s">
        <v>36</v>
      </c>
      <c r="E3290" s="15">
        <v>45746</v>
      </c>
      <c r="F3290" s="14" t="s">
        <v>25</v>
      </c>
      <c r="G3290" s="16">
        <v>0.33877620310718987</v>
      </c>
    </row>
    <row r="3291" spans="1:7" x14ac:dyDescent="0.3">
      <c r="A3291" s="13" t="s">
        <v>34</v>
      </c>
      <c r="B3291" s="14" t="s">
        <v>1</v>
      </c>
      <c r="C3291" s="14" t="s">
        <v>35</v>
      </c>
      <c r="D3291" s="14" t="s">
        <v>36</v>
      </c>
      <c r="E3291" s="15">
        <v>45747</v>
      </c>
      <c r="F3291" s="14" t="s">
        <v>25</v>
      </c>
      <c r="G3291" s="16">
        <v>0.33877620310718987</v>
      </c>
    </row>
    <row r="3292" spans="1:7" x14ac:dyDescent="0.3">
      <c r="A3292" s="13" t="s">
        <v>37</v>
      </c>
      <c r="B3292" s="14" t="s">
        <v>1</v>
      </c>
      <c r="C3292" s="14" t="s">
        <v>38</v>
      </c>
      <c r="D3292" s="14" t="s">
        <v>39</v>
      </c>
      <c r="E3292" s="15">
        <v>45383</v>
      </c>
      <c r="F3292" s="14" t="s">
        <v>15</v>
      </c>
      <c r="G3292" s="16">
        <v>0</v>
      </c>
    </row>
    <row r="3293" spans="1:7" x14ac:dyDescent="0.3">
      <c r="A3293" s="13" t="s">
        <v>37</v>
      </c>
      <c r="B3293" s="14" t="s">
        <v>1</v>
      </c>
      <c r="C3293" s="14" t="s">
        <v>38</v>
      </c>
      <c r="D3293" s="14" t="s">
        <v>39</v>
      </c>
      <c r="E3293" s="15">
        <v>45384</v>
      </c>
      <c r="F3293" s="14" t="s">
        <v>15</v>
      </c>
      <c r="G3293" s="16">
        <v>0</v>
      </c>
    </row>
    <row r="3294" spans="1:7" x14ac:dyDescent="0.3">
      <c r="A3294" s="13" t="s">
        <v>37</v>
      </c>
      <c r="B3294" s="14" t="s">
        <v>1</v>
      </c>
      <c r="C3294" s="14" t="s">
        <v>38</v>
      </c>
      <c r="D3294" s="14" t="s">
        <v>39</v>
      </c>
      <c r="E3294" s="15">
        <v>45385</v>
      </c>
      <c r="F3294" s="14" t="s">
        <v>15</v>
      </c>
      <c r="G3294" s="16">
        <v>0</v>
      </c>
    </row>
    <row r="3295" spans="1:7" x14ac:dyDescent="0.3">
      <c r="A3295" s="13" t="s">
        <v>37</v>
      </c>
      <c r="B3295" s="14" t="s">
        <v>1</v>
      </c>
      <c r="C3295" s="14" t="s">
        <v>38</v>
      </c>
      <c r="D3295" s="14" t="s">
        <v>39</v>
      </c>
      <c r="E3295" s="15">
        <v>45386</v>
      </c>
      <c r="F3295" s="14" t="s">
        <v>15</v>
      </c>
      <c r="G3295" s="16">
        <v>0</v>
      </c>
    </row>
    <row r="3296" spans="1:7" x14ac:dyDescent="0.3">
      <c r="A3296" s="13" t="s">
        <v>37</v>
      </c>
      <c r="B3296" s="14" t="s">
        <v>1</v>
      </c>
      <c r="C3296" s="14" t="s">
        <v>38</v>
      </c>
      <c r="D3296" s="14" t="s">
        <v>39</v>
      </c>
      <c r="E3296" s="15">
        <v>45387</v>
      </c>
      <c r="F3296" s="14" t="s">
        <v>15</v>
      </c>
      <c r="G3296" s="16">
        <v>0</v>
      </c>
    </row>
    <row r="3297" spans="1:7" x14ac:dyDescent="0.3">
      <c r="A3297" s="13" t="s">
        <v>37</v>
      </c>
      <c r="B3297" s="14" t="s">
        <v>1</v>
      </c>
      <c r="C3297" s="14" t="s">
        <v>38</v>
      </c>
      <c r="D3297" s="14" t="s">
        <v>39</v>
      </c>
      <c r="E3297" s="15">
        <v>45388</v>
      </c>
      <c r="F3297" s="14" t="s">
        <v>15</v>
      </c>
      <c r="G3297" s="16">
        <v>0</v>
      </c>
    </row>
    <row r="3298" spans="1:7" x14ac:dyDescent="0.3">
      <c r="A3298" s="13" t="s">
        <v>37</v>
      </c>
      <c r="B3298" s="14" t="s">
        <v>1</v>
      </c>
      <c r="C3298" s="14" t="s">
        <v>38</v>
      </c>
      <c r="D3298" s="14" t="s">
        <v>39</v>
      </c>
      <c r="E3298" s="15">
        <v>45389</v>
      </c>
      <c r="F3298" s="14" t="s">
        <v>15</v>
      </c>
      <c r="G3298" s="16">
        <v>0</v>
      </c>
    </row>
    <row r="3299" spans="1:7" x14ac:dyDescent="0.3">
      <c r="A3299" s="13" t="s">
        <v>37</v>
      </c>
      <c r="B3299" s="14" t="s">
        <v>1</v>
      </c>
      <c r="C3299" s="14" t="s">
        <v>38</v>
      </c>
      <c r="D3299" s="14" t="s">
        <v>39</v>
      </c>
      <c r="E3299" s="15">
        <v>45390</v>
      </c>
      <c r="F3299" s="14" t="s">
        <v>15</v>
      </c>
      <c r="G3299" s="16">
        <v>6.7929542452272174E-2</v>
      </c>
    </row>
    <row r="3300" spans="1:7" x14ac:dyDescent="0.3">
      <c r="A3300" s="13" t="s">
        <v>37</v>
      </c>
      <c r="B3300" s="14" t="s">
        <v>1</v>
      </c>
      <c r="C3300" s="14" t="s">
        <v>38</v>
      </c>
      <c r="D3300" s="14" t="s">
        <v>39</v>
      </c>
      <c r="E3300" s="15">
        <v>45391</v>
      </c>
      <c r="F3300" s="14" t="s">
        <v>15</v>
      </c>
      <c r="G3300" s="16">
        <v>6.0653287204996964E-2</v>
      </c>
    </row>
    <row r="3301" spans="1:7" x14ac:dyDescent="0.3">
      <c r="A3301" s="13" t="s">
        <v>37</v>
      </c>
      <c r="B3301" s="14" t="s">
        <v>1</v>
      </c>
      <c r="C3301" s="14" t="s">
        <v>38</v>
      </c>
      <c r="D3301" s="14" t="s">
        <v>39</v>
      </c>
      <c r="E3301" s="15">
        <v>45392</v>
      </c>
      <c r="F3301" s="14" t="s">
        <v>15</v>
      </c>
      <c r="G3301" s="16">
        <v>6.0653287204996964E-2</v>
      </c>
    </row>
    <row r="3302" spans="1:7" x14ac:dyDescent="0.3">
      <c r="A3302" s="13" t="s">
        <v>37</v>
      </c>
      <c r="B3302" s="14" t="s">
        <v>1</v>
      </c>
      <c r="C3302" s="14" t="s">
        <v>38</v>
      </c>
      <c r="D3302" s="14" t="s">
        <v>39</v>
      </c>
      <c r="E3302" s="15">
        <v>45393</v>
      </c>
      <c r="F3302" s="14" t="s">
        <v>15</v>
      </c>
      <c r="G3302" s="16">
        <v>5.8211746027389717E-2</v>
      </c>
    </row>
    <row r="3303" spans="1:7" x14ac:dyDescent="0.3">
      <c r="A3303" s="13" t="s">
        <v>37</v>
      </c>
      <c r="B3303" s="14" t="s">
        <v>1</v>
      </c>
      <c r="C3303" s="14" t="s">
        <v>38</v>
      </c>
      <c r="D3303" s="14" t="s">
        <v>39</v>
      </c>
      <c r="E3303" s="15">
        <v>45394</v>
      </c>
      <c r="F3303" s="14" t="s">
        <v>15</v>
      </c>
      <c r="G3303" s="16">
        <v>0.15022012875172019</v>
      </c>
    </row>
    <row r="3304" spans="1:7" x14ac:dyDescent="0.3">
      <c r="A3304" s="13" t="s">
        <v>37</v>
      </c>
      <c r="B3304" s="14" t="s">
        <v>1</v>
      </c>
      <c r="C3304" s="14" t="s">
        <v>38</v>
      </c>
      <c r="D3304" s="14" t="s">
        <v>39</v>
      </c>
      <c r="E3304" s="15">
        <v>45395</v>
      </c>
      <c r="F3304" s="14" t="s">
        <v>15</v>
      </c>
      <c r="G3304" s="16">
        <v>0.15022012875172019</v>
      </c>
    </row>
    <row r="3305" spans="1:7" x14ac:dyDescent="0.3">
      <c r="A3305" s="13" t="s">
        <v>37</v>
      </c>
      <c r="B3305" s="14" t="s">
        <v>1</v>
      </c>
      <c r="C3305" s="14" t="s">
        <v>38</v>
      </c>
      <c r="D3305" s="14" t="s">
        <v>39</v>
      </c>
      <c r="E3305" s="15">
        <v>45396</v>
      </c>
      <c r="F3305" s="14" t="s">
        <v>15</v>
      </c>
      <c r="G3305" s="16">
        <v>0.15022012875172019</v>
      </c>
    </row>
    <row r="3306" spans="1:7" x14ac:dyDescent="0.3">
      <c r="A3306" s="13" t="s">
        <v>37</v>
      </c>
      <c r="B3306" s="14" t="s">
        <v>1</v>
      </c>
      <c r="C3306" s="14" t="s">
        <v>38</v>
      </c>
      <c r="D3306" s="14" t="s">
        <v>39</v>
      </c>
      <c r="E3306" s="15">
        <v>45397</v>
      </c>
      <c r="F3306" s="14" t="s">
        <v>15</v>
      </c>
      <c r="G3306" s="16">
        <v>0.14776303583037259</v>
      </c>
    </row>
    <row r="3307" spans="1:7" x14ac:dyDescent="0.3">
      <c r="A3307" s="13" t="s">
        <v>37</v>
      </c>
      <c r="B3307" s="14" t="s">
        <v>1</v>
      </c>
      <c r="C3307" s="14" t="s">
        <v>38</v>
      </c>
      <c r="D3307" s="14" t="s">
        <v>39</v>
      </c>
      <c r="E3307" s="15">
        <v>45398</v>
      </c>
      <c r="F3307" s="14" t="s">
        <v>15</v>
      </c>
      <c r="G3307" s="16">
        <v>0.14046127790772997</v>
      </c>
    </row>
    <row r="3308" spans="1:7" x14ac:dyDescent="0.3">
      <c r="A3308" s="13" t="s">
        <v>37</v>
      </c>
      <c r="B3308" s="14" t="s">
        <v>1</v>
      </c>
      <c r="C3308" s="14" t="s">
        <v>38</v>
      </c>
      <c r="D3308" s="14" t="s">
        <v>39</v>
      </c>
      <c r="E3308" s="15">
        <v>45399</v>
      </c>
      <c r="F3308" s="14" t="s">
        <v>15</v>
      </c>
      <c r="G3308" s="16">
        <v>0.13806203173266643</v>
      </c>
    </row>
    <row r="3309" spans="1:7" x14ac:dyDescent="0.3">
      <c r="A3309" s="13" t="s">
        <v>37</v>
      </c>
      <c r="B3309" s="14" t="s">
        <v>1</v>
      </c>
      <c r="C3309" s="14" t="s">
        <v>38</v>
      </c>
      <c r="D3309" s="14" t="s">
        <v>39</v>
      </c>
      <c r="E3309" s="15">
        <v>45400</v>
      </c>
      <c r="F3309" s="14" t="s">
        <v>15</v>
      </c>
      <c r="G3309" s="16">
        <v>0.1357246648895655</v>
      </c>
    </row>
    <row r="3310" spans="1:7" x14ac:dyDescent="0.3">
      <c r="A3310" s="13" t="s">
        <v>37</v>
      </c>
      <c r="B3310" s="14" t="s">
        <v>1</v>
      </c>
      <c r="C3310" s="14" t="s">
        <v>38</v>
      </c>
      <c r="D3310" s="14" t="s">
        <v>39</v>
      </c>
      <c r="E3310" s="15">
        <v>45401</v>
      </c>
      <c r="F3310" s="14" t="s">
        <v>15</v>
      </c>
      <c r="G3310" s="16">
        <v>0.11902253258639635</v>
      </c>
    </row>
    <row r="3311" spans="1:7" x14ac:dyDescent="0.3">
      <c r="A3311" s="13" t="s">
        <v>37</v>
      </c>
      <c r="B3311" s="14" t="s">
        <v>1</v>
      </c>
      <c r="C3311" s="14" t="s">
        <v>38</v>
      </c>
      <c r="D3311" s="14" t="s">
        <v>39</v>
      </c>
      <c r="E3311" s="15">
        <v>45402</v>
      </c>
      <c r="F3311" s="14" t="s">
        <v>15</v>
      </c>
      <c r="G3311" s="16">
        <v>0.11902253258639635</v>
      </c>
    </row>
    <row r="3312" spans="1:7" x14ac:dyDescent="0.3">
      <c r="A3312" s="13" t="s">
        <v>37</v>
      </c>
      <c r="B3312" s="14" t="s">
        <v>1</v>
      </c>
      <c r="C3312" s="14" t="s">
        <v>38</v>
      </c>
      <c r="D3312" s="14" t="s">
        <v>39</v>
      </c>
      <c r="E3312" s="15">
        <v>45403</v>
      </c>
      <c r="F3312" s="14" t="s">
        <v>15</v>
      </c>
      <c r="G3312" s="16">
        <v>0.11902253258639635</v>
      </c>
    </row>
    <row r="3313" spans="1:7" x14ac:dyDescent="0.3">
      <c r="A3313" s="13" t="s">
        <v>37</v>
      </c>
      <c r="B3313" s="14" t="s">
        <v>1</v>
      </c>
      <c r="C3313" s="14" t="s">
        <v>38</v>
      </c>
      <c r="D3313" s="14" t="s">
        <v>39</v>
      </c>
      <c r="E3313" s="15">
        <v>45404</v>
      </c>
      <c r="F3313" s="14" t="s">
        <v>15</v>
      </c>
      <c r="G3313" s="16">
        <v>0.11665512993272481</v>
      </c>
    </row>
    <row r="3314" spans="1:7" x14ac:dyDescent="0.3">
      <c r="A3314" s="13" t="s">
        <v>37</v>
      </c>
      <c r="B3314" s="14" t="s">
        <v>1</v>
      </c>
      <c r="C3314" s="14" t="s">
        <v>38</v>
      </c>
      <c r="D3314" s="14" t="s">
        <v>39</v>
      </c>
      <c r="E3314" s="15">
        <v>45405</v>
      </c>
      <c r="F3314" s="14" t="s">
        <v>15</v>
      </c>
      <c r="G3314" s="16">
        <v>0.10970615372960817</v>
      </c>
    </row>
    <row r="3315" spans="1:7" x14ac:dyDescent="0.3">
      <c r="A3315" s="13" t="s">
        <v>37</v>
      </c>
      <c r="B3315" s="14" t="s">
        <v>1</v>
      </c>
      <c r="C3315" s="14" t="s">
        <v>38</v>
      </c>
      <c r="D3315" s="14" t="s">
        <v>39</v>
      </c>
      <c r="E3315" s="15">
        <v>45406</v>
      </c>
      <c r="F3315" s="14" t="s">
        <v>15</v>
      </c>
      <c r="G3315" s="16">
        <v>0.10739034036168521</v>
      </c>
    </row>
    <row r="3316" spans="1:7" x14ac:dyDescent="0.3">
      <c r="A3316" s="13" t="s">
        <v>37</v>
      </c>
      <c r="B3316" s="14" t="s">
        <v>1</v>
      </c>
      <c r="C3316" s="14" t="s">
        <v>38</v>
      </c>
      <c r="D3316" s="14" t="s">
        <v>39</v>
      </c>
      <c r="E3316" s="15">
        <v>45407</v>
      </c>
      <c r="F3316" s="14" t="s">
        <v>15</v>
      </c>
      <c r="G3316" s="16">
        <v>0.10374961401637021</v>
      </c>
    </row>
    <row r="3317" spans="1:7" x14ac:dyDescent="0.3">
      <c r="A3317" s="13" t="s">
        <v>37</v>
      </c>
      <c r="B3317" s="14" t="s">
        <v>1</v>
      </c>
      <c r="C3317" s="14" t="s">
        <v>38</v>
      </c>
      <c r="D3317" s="14" t="s">
        <v>39</v>
      </c>
      <c r="E3317" s="15">
        <v>45408</v>
      </c>
      <c r="F3317" s="14" t="s">
        <v>15</v>
      </c>
      <c r="G3317" s="16">
        <v>0.17388017574473552</v>
      </c>
    </row>
    <row r="3318" spans="1:7" x14ac:dyDescent="0.3">
      <c r="A3318" s="13" t="s">
        <v>37</v>
      </c>
      <c r="B3318" s="14" t="s">
        <v>1</v>
      </c>
      <c r="C3318" s="14" t="s">
        <v>38</v>
      </c>
      <c r="D3318" s="14" t="s">
        <v>39</v>
      </c>
      <c r="E3318" s="15">
        <v>45409</v>
      </c>
      <c r="F3318" s="14" t="s">
        <v>15</v>
      </c>
      <c r="G3318" s="16">
        <v>0.17388017574473552</v>
      </c>
    </row>
    <row r="3319" spans="1:7" x14ac:dyDescent="0.3">
      <c r="A3319" s="13" t="s">
        <v>37</v>
      </c>
      <c r="B3319" s="14" t="s">
        <v>1</v>
      </c>
      <c r="C3319" s="14" t="s">
        <v>38</v>
      </c>
      <c r="D3319" s="14" t="s">
        <v>39</v>
      </c>
      <c r="E3319" s="15">
        <v>45410</v>
      </c>
      <c r="F3319" s="14" t="s">
        <v>15</v>
      </c>
      <c r="G3319" s="16">
        <v>0.17388017574473552</v>
      </c>
    </row>
    <row r="3320" spans="1:7" x14ac:dyDescent="0.3">
      <c r="A3320" s="13" t="s">
        <v>37</v>
      </c>
      <c r="B3320" s="14" t="s">
        <v>1</v>
      </c>
      <c r="C3320" s="14" t="s">
        <v>38</v>
      </c>
      <c r="D3320" s="14" t="s">
        <v>39</v>
      </c>
      <c r="E3320" s="15">
        <v>45411</v>
      </c>
      <c r="F3320" s="14" t="s">
        <v>15</v>
      </c>
      <c r="G3320" s="16">
        <v>0.16958909066775987</v>
      </c>
    </row>
    <row r="3321" spans="1:7" x14ac:dyDescent="0.3">
      <c r="A3321" s="13" t="s">
        <v>37</v>
      </c>
      <c r="B3321" s="14" t="s">
        <v>1</v>
      </c>
      <c r="C3321" s="14" t="s">
        <v>38</v>
      </c>
      <c r="D3321" s="14" t="s">
        <v>39</v>
      </c>
      <c r="E3321" s="15">
        <v>45412</v>
      </c>
      <c r="F3321" s="14" t="s">
        <v>15</v>
      </c>
      <c r="G3321" s="16">
        <v>0.23457782754673118</v>
      </c>
    </row>
    <row r="3322" spans="1:7" x14ac:dyDescent="0.3">
      <c r="A3322" s="13" t="s">
        <v>37</v>
      </c>
      <c r="B3322" s="14" t="s">
        <v>1</v>
      </c>
      <c r="C3322" s="14" t="s">
        <v>38</v>
      </c>
      <c r="D3322" s="14" t="s">
        <v>39</v>
      </c>
      <c r="E3322" s="15">
        <v>45413</v>
      </c>
      <c r="F3322" s="14" t="s">
        <v>15</v>
      </c>
      <c r="G3322" s="16">
        <v>0.23457782754673118</v>
      </c>
    </row>
    <row r="3323" spans="1:7" x14ac:dyDescent="0.3">
      <c r="A3323" s="13" t="s">
        <v>37</v>
      </c>
      <c r="B3323" s="14" t="s">
        <v>1</v>
      </c>
      <c r="C3323" s="14" t="s">
        <v>38</v>
      </c>
      <c r="D3323" s="14" t="s">
        <v>39</v>
      </c>
      <c r="E3323" s="15">
        <v>45414</v>
      </c>
      <c r="F3323" s="14" t="s">
        <v>15</v>
      </c>
      <c r="G3323" s="16">
        <v>0.23217288012984641</v>
      </c>
    </row>
    <row r="3324" spans="1:7" x14ac:dyDescent="0.3">
      <c r="A3324" s="13" t="s">
        <v>37</v>
      </c>
      <c r="B3324" s="14" t="s">
        <v>1</v>
      </c>
      <c r="C3324" s="14" t="s">
        <v>38</v>
      </c>
      <c r="D3324" s="14" t="s">
        <v>39</v>
      </c>
      <c r="E3324" s="15">
        <v>45415</v>
      </c>
      <c r="F3324" s="14" t="s">
        <v>15</v>
      </c>
      <c r="G3324" s="16">
        <v>0.23043303124055042</v>
      </c>
    </row>
    <row r="3325" spans="1:7" x14ac:dyDescent="0.3">
      <c r="A3325" s="13" t="s">
        <v>37</v>
      </c>
      <c r="B3325" s="14" t="s">
        <v>1</v>
      </c>
      <c r="C3325" s="14" t="s">
        <v>38</v>
      </c>
      <c r="D3325" s="14" t="s">
        <v>39</v>
      </c>
      <c r="E3325" s="15">
        <v>45416</v>
      </c>
      <c r="F3325" s="14" t="s">
        <v>15</v>
      </c>
      <c r="G3325" s="16">
        <v>0.23043303124055042</v>
      </c>
    </row>
    <row r="3326" spans="1:7" x14ac:dyDescent="0.3">
      <c r="A3326" s="13" t="s">
        <v>37</v>
      </c>
      <c r="B3326" s="14" t="s">
        <v>1</v>
      </c>
      <c r="C3326" s="14" t="s">
        <v>38</v>
      </c>
      <c r="D3326" s="14" t="s">
        <v>39</v>
      </c>
      <c r="E3326" s="15">
        <v>45417</v>
      </c>
      <c r="F3326" s="14" t="s">
        <v>15</v>
      </c>
      <c r="G3326" s="16">
        <v>0.23043303124055042</v>
      </c>
    </row>
    <row r="3327" spans="1:7" x14ac:dyDescent="0.3">
      <c r="A3327" s="13" t="s">
        <v>37</v>
      </c>
      <c r="B3327" s="14" t="s">
        <v>1</v>
      </c>
      <c r="C3327" s="14" t="s">
        <v>38</v>
      </c>
      <c r="D3327" s="14" t="s">
        <v>39</v>
      </c>
      <c r="E3327" s="15">
        <v>45418</v>
      </c>
      <c r="F3327" s="14" t="s">
        <v>15</v>
      </c>
      <c r="G3327" s="16">
        <v>0.23043303124055042</v>
      </c>
    </row>
    <row r="3328" spans="1:7" x14ac:dyDescent="0.3">
      <c r="A3328" s="13" t="s">
        <v>37</v>
      </c>
      <c r="B3328" s="14" t="s">
        <v>1</v>
      </c>
      <c r="C3328" s="14" t="s">
        <v>38</v>
      </c>
      <c r="D3328" s="14" t="s">
        <v>39</v>
      </c>
      <c r="E3328" s="15">
        <v>45419</v>
      </c>
      <c r="F3328" s="14" t="s">
        <v>15</v>
      </c>
      <c r="G3328" s="16">
        <v>0.22801529079323743</v>
      </c>
    </row>
    <row r="3329" spans="1:7" x14ac:dyDescent="0.3">
      <c r="A3329" s="13" t="s">
        <v>37</v>
      </c>
      <c r="B3329" s="14" t="s">
        <v>1</v>
      </c>
      <c r="C3329" s="14" t="s">
        <v>38</v>
      </c>
      <c r="D3329" s="14" t="s">
        <v>39</v>
      </c>
      <c r="E3329" s="15">
        <v>45420</v>
      </c>
      <c r="F3329" s="14" t="s">
        <v>15</v>
      </c>
      <c r="G3329" s="16">
        <v>0.21830302001762555</v>
      </c>
    </row>
    <row r="3330" spans="1:7" x14ac:dyDescent="0.3">
      <c r="A3330" s="13" t="s">
        <v>37</v>
      </c>
      <c r="B3330" s="14" t="s">
        <v>1</v>
      </c>
      <c r="C3330" s="14" t="s">
        <v>38</v>
      </c>
      <c r="D3330" s="14" t="s">
        <v>39</v>
      </c>
      <c r="E3330" s="15">
        <v>45421</v>
      </c>
      <c r="F3330" s="14" t="s">
        <v>15</v>
      </c>
      <c r="G3330" s="16">
        <v>0.29933240934276173</v>
      </c>
    </row>
    <row r="3331" spans="1:7" x14ac:dyDescent="0.3">
      <c r="A3331" s="13" t="s">
        <v>37</v>
      </c>
      <c r="B3331" s="14" t="s">
        <v>1</v>
      </c>
      <c r="C3331" s="14" t="s">
        <v>38</v>
      </c>
      <c r="D3331" s="14" t="s">
        <v>39</v>
      </c>
      <c r="E3331" s="15">
        <v>45422</v>
      </c>
      <c r="F3331" s="14" t="s">
        <v>15</v>
      </c>
      <c r="G3331" s="16">
        <v>0.49035112926661539</v>
      </c>
    </row>
    <row r="3332" spans="1:7" x14ac:dyDescent="0.3">
      <c r="A3332" s="13" t="s">
        <v>37</v>
      </c>
      <c r="B3332" s="14" t="s">
        <v>1</v>
      </c>
      <c r="C3332" s="14" t="s">
        <v>38</v>
      </c>
      <c r="D3332" s="14" t="s">
        <v>39</v>
      </c>
      <c r="E3332" s="15">
        <v>45423</v>
      </c>
      <c r="F3332" s="14" t="s">
        <v>15</v>
      </c>
      <c r="G3332" s="16">
        <v>0.49035112926661539</v>
      </c>
    </row>
    <row r="3333" spans="1:7" x14ac:dyDescent="0.3">
      <c r="A3333" s="13" t="s">
        <v>37</v>
      </c>
      <c r="B3333" s="14" t="s">
        <v>1</v>
      </c>
      <c r="C3333" s="14" t="s">
        <v>38</v>
      </c>
      <c r="D3333" s="14" t="s">
        <v>39</v>
      </c>
      <c r="E3333" s="15">
        <v>45424</v>
      </c>
      <c r="F3333" s="14" t="s">
        <v>15</v>
      </c>
      <c r="G3333" s="16">
        <v>0.49035112926661539</v>
      </c>
    </row>
    <row r="3334" spans="1:7" x14ac:dyDescent="0.3">
      <c r="A3334" s="13" t="s">
        <v>37</v>
      </c>
      <c r="B3334" s="14" t="s">
        <v>1</v>
      </c>
      <c r="C3334" s="14" t="s">
        <v>38</v>
      </c>
      <c r="D3334" s="14" t="s">
        <v>39</v>
      </c>
      <c r="E3334" s="15">
        <v>45425</v>
      </c>
      <c r="F3334" s="14" t="s">
        <v>15</v>
      </c>
      <c r="G3334" s="16">
        <v>0.48792672852495267</v>
      </c>
    </row>
    <row r="3335" spans="1:7" x14ac:dyDescent="0.3">
      <c r="A3335" s="13" t="s">
        <v>37</v>
      </c>
      <c r="B3335" s="14" t="s">
        <v>1</v>
      </c>
      <c r="C3335" s="14" t="s">
        <v>38</v>
      </c>
      <c r="D3335" s="14" t="s">
        <v>39</v>
      </c>
      <c r="E3335" s="15">
        <v>45426</v>
      </c>
      <c r="F3335" s="14" t="s">
        <v>15</v>
      </c>
      <c r="G3335" s="16">
        <v>0.50836105790894071</v>
      </c>
    </row>
    <row r="3336" spans="1:7" x14ac:dyDescent="0.3">
      <c r="A3336" s="13" t="s">
        <v>37</v>
      </c>
      <c r="B3336" s="14" t="s">
        <v>1</v>
      </c>
      <c r="C3336" s="14" t="s">
        <v>38</v>
      </c>
      <c r="D3336" s="14" t="s">
        <v>39</v>
      </c>
      <c r="E3336" s="15">
        <v>45427</v>
      </c>
      <c r="F3336" s="14" t="s">
        <v>15</v>
      </c>
      <c r="G3336" s="16">
        <v>0.61058102179637919</v>
      </c>
    </row>
    <row r="3337" spans="1:7" x14ac:dyDescent="0.3">
      <c r="A3337" s="13" t="s">
        <v>37</v>
      </c>
      <c r="B3337" s="14" t="s">
        <v>1</v>
      </c>
      <c r="C3337" s="14" t="s">
        <v>38</v>
      </c>
      <c r="D3337" s="14" t="s">
        <v>39</v>
      </c>
      <c r="E3337" s="15">
        <v>45428</v>
      </c>
      <c r="F3337" s="14" t="s">
        <v>15</v>
      </c>
      <c r="G3337" s="16">
        <v>0.6081245502457594</v>
      </c>
    </row>
    <row r="3338" spans="1:7" x14ac:dyDescent="0.3">
      <c r="A3338" s="13" t="s">
        <v>37</v>
      </c>
      <c r="B3338" s="14" t="s">
        <v>1</v>
      </c>
      <c r="C3338" s="14" t="s">
        <v>38</v>
      </c>
      <c r="D3338" s="14" t="s">
        <v>39</v>
      </c>
      <c r="E3338" s="15">
        <v>45429</v>
      </c>
      <c r="F3338" s="14" t="s">
        <v>15</v>
      </c>
      <c r="G3338" s="16">
        <v>0.60565539953810998</v>
      </c>
    </row>
    <row r="3339" spans="1:7" x14ac:dyDescent="0.3">
      <c r="A3339" s="13" t="s">
        <v>37</v>
      </c>
      <c r="B3339" s="14" t="s">
        <v>1</v>
      </c>
      <c r="C3339" s="14" t="s">
        <v>38</v>
      </c>
      <c r="D3339" s="14" t="s">
        <v>39</v>
      </c>
      <c r="E3339" s="15">
        <v>45430</v>
      </c>
      <c r="F3339" s="14" t="s">
        <v>15</v>
      </c>
      <c r="G3339" s="16">
        <v>0.60565539953810998</v>
      </c>
    </row>
    <row r="3340" spans="1:7" x14ac:dyDescent="0.3">
      <c r="A3340" s="13" t="s">
        <v>37</v>
      </c>
      <c r="B3340" s="14" t="s">
        <v>1</v>
      </c>
      <c r="C3340" s="14" t="s">
        <v>38</v>
      </c>
      <c r="D3340" s="14" t="s">
        <v>39</v>
      </c>
      <c r="E3340" s="15">
        <v>45431</v>
      </c>
      <c r="F3340" s="14" t="s">
        <v>15</v>
      </c>
      <c r="G3340" s="16">
        <v>0.60565539953810998</v>
      </c>
    </row>
    <row r="3341" spans="1:7" x14ac:dyDescent="0.3">
      <c r="A3341" s="13" t="s">
        <v>37</v>
      </c>
      <c r="B3341" s="14" t="s">
        <v>1</v>
      </c>
      <c r="C3341" s="14" t="s">
        <v>38</v>
      </c>
      <c r="D3341" s="14" t="s">
        <v>39</v>
      </c>
      <c r="E3341" s="15">
        <v>45432</v>
      </c>
      <c r="F3341" s="14" t="s">
        <v>15</v>
      </c>
      <c r="G3341" s="16">
        <v>0.60316551467955348</v>
      </c>
    </row>
    <row r="3342" spans="1:7" x14ac:dyDescent="0.3">
      <c r="A3342" s="13" t="s">
        <v>37</v>
      </c>
      <c r="B3342" s="14" t="s">
        <v>1</v>
      </c>
      <c r="C3342" s="14" t="s">
        <v>38</v>
      </c>
      <c r="D3342" s="14" t="s">
        <v>39</v>
      </c>
      <c r="E3342" s="15">
        <v>45433</v>
      </c>
      <c r="F3342" s="14" t="s">
        <v>15</v>
      </c>
      <c r="G3342" s="16">
        <v>0.59562186699556896</v>
      </c>
    </row>
    <row r="3343" spans="1:7" x14ac:dyDescent="0.3">
      <c r="A3343" s="13" t="s">
        <v>37</v>
      </c>
      <c r="B3343" s="14" t="s">
        <v>1</v>
      </c>
      <c r="C3343" s="14" t="s">
        <v>38</v>
      </c>
      <c r="D3343" s="14" t="s">
        <v>39</v>
      </c>
      <c r="E3343" s="15">
        <v>45434</v>
      </c>
      <c r="F3343" s="14" t="s">
        <v>15</v>
      </c>
      <c r="G3343" s="16">
        <v>0.59562186699556896</v>
      </c>
    </row>
    <row r="3344" spans="1:7" x14ac:dyDescent="0.3">
      <c r="A3344" s="13" t="s">
        <v>37</v>
      </c>
      <c r="B3344" s="14" t="s">
        <v>1</v>
      </c>
      <c r="C3344" s="14" t="s">
        <v>38</v>
      </c>
      <c r="D3344" s="14" t="s">
        <v>39</v>
      </c>
      <c r="E3344" s="15">
        <v>45435</v>
      </c>
      <c r="F3344" s="14" t="s">
        <v>15</v>
      </c>
      <c r="G3344" s="16">
        <v>0.59312646297454075</v>
      </c>
    </row>
    <row r="3345" spans="1:7" x14ac:dyDescent="0.3">
      <c r="A3345" s="13" t="s">
        <v>37</v>
      </c>
      <c r="B3345" s="14" t="s">
        <v>1</v>
      </c>
      <c r="C3345" s="14" t="s">
        <v>38</v>
      </c>
      <c r="D3345" s="14" t="s">
        <v>39</v>
      </c>
      <c r="E3345" s="15">
        <v>45436</v>
      </c>
      <c r="F3345" s="14" t="s">
        <v>15</v>
      </c>
      <c r="G3345" s="16">
        <v>0.63871743323759489</v>
      </c>
    </row>
    <row r="3346" spans="1:7" x14ac:dyDescent="0.3">
      <c r="A3346" s="13" t="s">
        <v>37</v>
      </c>
      <c r="B3346" s="14" t="s">
        <v>1</v>
      </c>
      <c r="C3346" s="14" t="s">
        <v>38</v>
      </c>
      <c r="D3346" s="14" t="s">
        <v>39</v>
      </c>
      <c r="E3346" s="15">
        <v>45437</v>
      </c>
      <c r="F3346" s="14" t="s">
        <v>15</v>
      </c>
      <c r="G3346" s="16">
        <v>0.63871743323759489</v>
      </c>
    </row>
    <row r="3347" spans="1:7" x14ac:dyDescent="0.3">
      <c r="A3347" s="13" t="s">
        <v>37</v>
      </c>
      <c r="B3347" s="14" t="s">
        <v>1</v>
      </c>
      <c r="C3347" s="14" t="s">
        <v>38</v>
      </c>
      <c r="D3347" s="14" t="s">
        <v>39</v>
      </c>
      <c r="E3347" s="15">
        <v>45438</v>
      </c>
      <c r="F3347" s="14" t="s">
        <v>15</v>
      </c>
      <c r="G3347" s="16">
        <v>0.63871743323759489</v>
      </c>
    </row>
    <row r="3348" spans="1:7" x14ac:dyDescent="0.3">
      <c r="A3348" s="13" t="s">
        <v>37</v>
      </c>
      <c r="B3348" s="14" t="s">
        <v>1</v>
      </c>
      <c r="C3348" s="14" t="s">
        <v>38</v>
      </c>
      <c r="D3348" s="14" t="s">
        <v>39</v>
      </c>
      <c r="E3348" s="15">
        <v>45439</v>
      </c>
      <c r="F3348" s="14" t="s">
        <v>15</v>
      </c>
      <c r="G3348" s="16">
        <v>0.6362369458718955</v>
      </c>
    </row>
    <row r="3349" spans="1:7" x14ac:dyDescent="0.3">
      <c r="A3349" s="13" t="s">
        <v>37</v>
      </c>
      <c r="B3349" s="14" t="s">
        <v>1</v>
      </c>
      <c r="C3349" s="14" t="s">
        <v>38</v>
      </c>
      <c r="D3349" s="14" t="s">
        <v>39</v>
      </c>
      <c r="E3349" s="15">
        <v>45440</v>
      </c>
      <c r="F3349" s="14" t="s">
        <v>15</v>
      </c>
      <c r="G3349" s="16">
        <v>0.62886055409905461</v>
      </c>
    </row>
    <row r="3350" spans="1:7" x14ac:dyDescent="0.3">
      <c r="A3350" s="13" t="s">
        <v>37</v>
      </c>
      <c r="B3350" s="14" t="s">
        <v>1</v>
      </c>
      <c r="C3350" s="14" t="s">
        <v>38</v>
      </c>
      <c r="D3350" s="14" t="s">
        <v>39</v>
      </c>
      <c r="E3350" s="15">
        <v>45441</v>
      </c>
      <c r="F3350" s="14" t="s">
        <v>15</v>
      </c>
      <c r="G3350" s="16">
        <v>0.70883595793247323</v>
      </c>
    </row>
    <row r="3351" spans="1:7" x14ac:dyDescent="0.3">
      <c r="A3351" s="13" t="s">
        <v>37</v>
      </c>
      <c r="B3351" s="14" t="s">
        <v>1</v>
      </c>
      <c r="C3351" s="14" t="s">
        <v>38</v>
      </c>
      <c r="D3351" s="14" t="s">
        <v>39</v>
      </c>
      <c r="E3351" s="15">
        <v>45442</v>
      </c>
      <c r="F3351" s="14" t="s">
        <v>15</v>
      </c>
      <c r="G3351" s="16">
        <v>0.74770446103626254</v>
      </c>
    </row>
    <row r="3352" spans="1:7" x14ac:dyDescent="0.3">
      <c r="A3352" s="13" t="s">
        <v>37</v>
      </c>
      <c r="B3352" s="14" t="s">
        <v>1</v>
      </c>
      <c r="C3352" s="14" t="s">
        <v>38</v>
      </c>
      <c r="D3352" s="14" t="s">
        <v>39</v>
      </c>
      <c r="E3352" s="15">
        <v>45443</v>
      </c>
      <c r="F3352" s="14" t="s">
        <v>15</v>
      </c>
      <c r="G3352" s="16">
        <v>0.74530590632620286</v>
      </c>
    </row>
    <row r="3353" spans="1:7" x14ac:dyDescent="0.3">
      <c r="A3353" s="13" t="s">
        <v>37</v>
      </c>
      <c r="B3353" s="14" t="s">
        <v>1</v>
      </c>
      <c r="C3353" s="14" t="s">
        <v>38</v>
      </c>
      <c r="D3353" s="14" t="s">
        <v>39</v>
      </c>
      <c r="E3353" s="15">
        <v>45444</v>
      </c>
      <c r="F3353" s="14" t="s">
        <v>15</v>
      </c>
      <c r="G3353" s="16">
        <v>0.74530590632620286</v>
      </c>
    </row>
    <row r="3354" spans="1:7" x14ac:dyDescent="0.3">
      <c r="A3354" s="13" t="s">
        <v>37</v>
      </c>
      <c r="B3354" s="14" t="s">
        <v>1</v>
      </c>
      <c r="C3354" s="14" t="s">
        <v>38</v>
      </c>
      <c r="D3354" s="14" t="s">
        <v>39</v>
      </c>
      <c r="E3354" s="15">
        <v>45445</v>
      </c>
      <c r="F3354" s="14" t="s">
        <v>15</v>
      </c>
      <c r="G3354" s="16">
        <v>0.74530590632620286</v>
      </c>
    </row>
    <row r="3355" spans="1:7" x14ac:dyDescent="0.3">
      <c r="A3355" s="13" t="s">
        <v>37</v>
      </c>
      <c r="B3355" s="14" t="s">
        <v>1</v>
      </c>
      <c r="C3355" s="14" t="s">
        <v>38</v>
      </c>
      <c r="D3355" s="14" t="s">
        <v>39</v>
      </c>
      <c r="E3355" s="15">
        <v>45446</v>
      </c>
      <c r="F3355" s="14" t="s">
        <v>15</v>
      </c>
      <c r="G3355" s="16">
        <v>0.74530590632620286</v>
      </c>
    </row>
    <row r="3356" spans="1:7" x14ac:dyDescent="0.3">
      <c r="A3356" s="13" t="s">
        <v>37</v>
      </c>
      <c r="B3356" s="14" t="s">
        <v>1</v>
      </c>
      <c r="C3356" s="14" t="s">
        <v>38</v>
      </c>
      <c r="D3356" s="14" t="s">
        <v>39</v>
      </c>
      <c r="E3356" s="15">
        <v>45447</v>
      </c>
      <c r="F3356" s="14" t="s">
        <v>15</v>
      </c>
      <c r="G3356" s="16">
        <v>0.74287799733162296</v>
      </c>
    </row>
    <row r="3357" spans="1:7" x14ac:dyDescent="0.3">
      <c r="A3357" s="13" t="s">
        <v>37</v>
      </c>
      <c r="B3357" s="14" t="s">
        <v>1</v>
      </c>
      <c r="C3357" s="14" t="s">
        <v>38</v>
      </c>
      <c r="D3357" s="14" t="s">
        <v>39</v>
      </c>
      <c r="E3357" s="15">
        <v>45448</v>
      </c>
      <c r="F3357" s="14" t="s">
        <v>15</v>
      </c>
      <c r="G3357" s="16">
        <v>0.73412789068266815</v>
      </c>
    </row>
    <row r="3358" spans="1:7" x14ac:dyDescent="0.3">
      <c r="A3358" s="13" t="s">
        <v>37</v>
      </c>
      <c r="B3358" s="14" t="s">
        <v>1</v>
      </c>
      <c r="C3358" s="14" t="s">
        <v>38</v>
      </c>
      <c r="D3358" s="14" t="s">
        <v>39</v>
      </c>
      <c r="E3358" s="15">
        <v>45449</v>
      </c>
      <c r="F3358" s="14" t="s">
        <v>15</v>
      </c>
      <c r="G3358" s="16">
        <v>0.78998876049502631</v>
      </c>
    </row>
    <row r="3359" spans="1:7" x14ac:dyDescent="0.3">
      <c r="A3359" s="13" t="s">
        <v>37</v>
      </c>
      <c r="B3359" s="14" t="s">
        <v>1</v>
      </c>
      <c r="C3359" s="14" t="s">
        <v>38</v>
      </c>
      <c r="D3359" s="14" t="s">
        <v>39</v>
      </c>
      <c r="E3359" s="15">
        <v>45450</v>
      </c>
      <c r="F3359" s="14" t="s">
        <v>15</v>
      </c>
      <c r="G3359" s="16">
        <v>0.7875323473286997</v>
      </c>
    </row>
    <row r="3360" spans="1:7" x14ac:dyDescent="0.3">
      <c r="A3360" s="13" t="s">
        <v>37</v>
      </c>
      <c r="B3360" s="14" t="s">
        <v>1</v>
      </c>
      <c r="C3360" s="14" t="s">
        <v>38</v>
      </c>
      <c r="D3360" s="14" t="s">
        <v>39</v>
      </c>
      <c r="E3360" s="15">
        <v>45451</v>
      </c>
      <c r="F3360" s="14" t="s">
        <v>15</v>
      </c>
      <c r="G3360" s="16">
        <v>0.7875323473286997</v>
      </c>
    </row>
    <row r="3361" spans="1:7" x14ac:dyDescent="0.3">
      <c r="A3361" s="13" t="s">
        <v>37</v>
      </c>
      <c r="B3361" s="14" t="s">
        <v>1</v>
      </c>
      <c r="C3361" s="14" t="s">
        <v>38</v>
      </c>
      <c r="D3361" s="14" t="s">
        <v>39</v>
      </c>
      <c r="E3361" s="15">
        <v>45452</v>
      </c>
      <c r="F3361" s="14" t="s">
        <v>15</v>
      </c>
      <c r="G3361" s="16">
        <v>0.7875323473286997</v>
      </c>
    </row>
    <row r="3362" spans="1:7" x14ac:dyDescent="0.3">
      <c r="A3362" s="13" t="s">
        <v>37</v>
      </c>
      <c r="B3362" s="14" t="s">
        <v>1</v>
      </c>
      <c r="C3362" s="14" t="s">
        <v>38</v>
      </c>
      <c r="D3362" s="14" t="s">
        <v>39</v>
      </c>
      <c r="E3362" s="15">
        <v>45453</v>
      </c>
      <c r="F3362" s="14" t="s">
        <v>15</v>
      </c>
      <c r="G3362" s="16">
        <v>0.79074193317884589</v>
      </c>
    </row>
    <row r="3363" spans="1:7" x14ac:dyDescent="0.3">
      <c r="A3363" s="13" t="s">
        <v>37</v>
      </c>
      <c r="B3363" s="14" t="s">
        <v>1</v>
      </c>
      <c r="C3363" s="14" t="s">
        <v>38</v>
      </c>
      <c r="D3363" s="14" t="s">
        <v>39</v>
      </c>
      <c r="E3363" s="15">
        <v>45454</v>
      </c>
      <c r="F3363" s="14" t="s">
        <v>15</v>
      </c>
      <c r="G3363" s="16">
        <v>0.78332985308610004</v>
      </c>
    </row>
    <row r="3364" spans="1:7" x14ac:dyDescent="0.3">
      <c r="A3364" s="13" t="s">
        <v>37</v>
      </c>
      <c r="B3364" s="14" t="s">
        <v>1</v>
      </c>
      <c r="C3364" s="14" t="s">
        <v>38</v>
      </c>
      <c r="D3364" s="14" t="s">
        <v>39</v>
      </c>
      <c r="E3364" s="15">
        <v>45455</v>
      </c>
      <c r="F3364" s="14" t="s">
        <v>15</v>
      </c>
      <c r="G3364" s="16">
        <v>0.82312439493684098</v>
      </c>
    </row>
    <row r="3365" spans="1:7" x14ac:dyDescent="0.3">
      <c r="A3365" s="13" t="s">
        <v>37</v>
      </c>
      <c r="B3365" s="14" t="s">
        <v>1</v>
      </c>
      <c r="C3365" s="14" t="s">
        <v>38</v>
      </c>
      <c r="D3365" s="14" t="s">
        <v>39</v>
      </c>
      <c r="E3365" s="15">
        <v>45456</v>
      </c>
      <c r="F3365" s="14" t="s">
        <v>15</v>
      </c>
      <c r="G3365" s="16">
        <v>0.82067381278890517</v>
      </c>
    </row>
    <row r="3366" spans="1:7" x14ac:dyDescent="0.3">
      <c r="A3366" s="13" t="s">
        <v>37</v>
      </c>
      <c r="B3366" s="14" t="s">
        <v>1</v>
      </c>
      <c r="C3366" s="14" t="s">
        <v>38</v>
      </c>
      <c r="D3366" s="14" t="s">
        <v>39</v>
      </c>
      <c r="E3366" s="15">
        <v>45457</v>
      </c>
      <c r="F3366" s="14" t="s">
        <v>15</v>
      </c>
      <c r="G3366" s="16">
        <v>0.83776367127145157</v>
      </c>
    </row>
    <row r="3367" spans="1:7" x14ac:dyDescent="0.3">
      <c r="A3367" s="13" t="s">
        <v>37</v>
      </c>
      <c r="B3367" s="14" t="s">
        <v>1</v>
      </c>
      <c r="C3367" s="14" t="s">
        <v>38</v>
      </c>
      <c r="D3367" s="14" t="s">
        <v>39</v>
      </c>
      <c r="E3367" s="15">
        <v>45458</v>
      </c>
      <c r="F3367" s="14" t="s">
        <v>15</v>
      </c>
      <c r="G3367" s="16">
        <v>0.83776367127145157</v>
      </c>
    </row>
    <row r="3368" spans="1:7" x14ac:dyDescent="0.3">
      <c r="A3368" s="13" t="s">
        <v>37</v>
      </c>
      <c r="B3368" s="14" t="s">
        <v>1</v>
      </c>
      <c r="C3368" s="14" t="s">
        <v>38</v>
      </c>
      <c r="D3368" s="14" t="s">
        <v>39</v>
      </c>
      <c r="E3368" s="15">
        <v>45459</v>
      </c>
      <c r="F3368" s="14" t="s">
        <v>15</v>
      </c>
      <c r="G3368" s="16">
        <v>0.83776367127145157</v>
      </c>
    </row>
    <row r="3369" spans="1:7" x14ac:dyDescent="0.3">
      <c r="A3369" s="13" t="s">
        <v>37</v>
      </c>
      <c r="B3369" s="14" t="s">
        <v>1</v>
      </c>
      <c r="C3369" s="14" t="s">
        <v>38</v>
      </c>
      <c r="D3369" s="14" t="s">
        <v>39</v>
      </c>
      <c r="E3369" s="15">
        <v>45460</v>
      </c>
      <c r="F3369" s="14" t="s">
        <v>15</v>
      </c>
      <c r="G3369" s="16">
        <v>0.83776367127145157</v>
      </c>
    </row>
    <row r="3370" spans="1:7" x14ac:dyDescent="0.3">
      <c r="A3370" s="13" t="s">
        <v>37</v>
      </c>
      <c r="B3370" s="14" t="s">
        <v>1</v>
      </c>
      <c r="C3370" s="14" t="s">
        <v>38</v>
      </c>
      <c r="D3370" s="14" t="s">
        <v>39</v>
      </c>
      <c r="E3370" s="15">
        <v>45461</v>
      </c>
      <c r="F3370" s="14" t="s">
        <v>15</v>
      </c>
      <c r="G3370" s="16">
        <v>0.83526386624795501</v>
      </c>
    </row>
    <row r="3371" spans="1:7" x14ac:dyDescent="0.3">
      <c r="A3371" s="13" t="s">
        <v>37</v>
      </c>
      <c r="B3371" s="14" t="s">
        <v>1</v>
      </c>
      <c r="C3371" s="14" t="s">
        <v>38</v>
      </c>
      <c r="D3371" s="14" t="s">
        <v>39</v>
      </c>
      <c r="E3371" s="15">
        <v>45462</v>
      </c>
      <c r="F3371" s="14" t="s">
        <v>15</v>
      </c>
      <c r="G3371" s="16">
        <v>0.86818714363437</v>
      </c>
    </row>
    <row r="3372" spans="1:7" x14ac:dyDescent="0.3">
      <c r="A3372" s="13" t="s">
        <v>37</v>
      </c>
      <c r="B3372" s="14" t="s">
        <v>1</v>
      </c>
      <c r="C3372" s="14" t="s">
        <v>38</v>
      </c>
      <c r="D3372" s="14" t="s">
        <v>39</v>
      </c>
      <c r="E3372" s="15">
        <v>45463</v>
      </c>
      <c r="F3372" s="14" t="s">
        <v>15</v>
      </c>
      <c r="G3372" s="16">
        <v>0.86567917617769763</v>
      </c>
    </row>
    <row r="3373" spans="1:7" x14ac:dyDescent="0.3">
      <c r="A3373" s="13" t="s">
        <v>37</v>
      </c>
      <c r="B3373" s="14" t="s">
        <v>1</v>
      </c>
      <c r="C3373" s="14" t="s">
        <v>38</v>
      </c>
      <c r="D3373" s="14" t="s">
        <v>39</v>
      </c>
      <c r="E3373" s="15">
        <v>45464</v>
      </c>
      <c r="F3373" s="14" t="s">
        <v>15</v>
      </c>
      <c r="G3373" s="16">
        <v>0.86312956365071059</v>
      </c>
    </row>
    <row r="3374" spans="1:7" x14ac:dyDescent="0.3">
      <c r="A3374" s="13" t="s">
        <v>37</v>
      </c>
      <c r="B3374" s="14" t="s">
        <v>1</v>
      </c>
      <c r="C3374" s="14" t="s">
        <v>38</v>
      </c>
      <c r="D3374" s="14" t="s">
        <v>39</v>
      </c>
      <c r="E3374" s="15">
        <v>45465</v>
      </c>
      <c r="F3374" s="14" t="s">
        <v>15</v>
      </c>
      <c r="G3374" s="16">
        <v>0.86312956365071059</v>
      </c>
    </row>
    <row r="3375" spans="1:7" x14ac:dyDescent="0.3">
      <c r="A3375" s="13" t="s">
        <v>37</v>
      </c>
      <c r="B3375" s="14" t="s">
        <v>1</v>
      </c>
      <c r="C3375" s="14" t="s">
        <v>38</v>
      </c>
      <c r="D3375" s="14" t="s">
        <v>39</v>
      </c>
      <c r="E3375" s="15">
        <v>45466</v>
      </c>
      <c r="F3375" s="14" t="s">
        <v>15</v>
      </c>
      <c r="G3375" s="16">
        <v>0.86312956365071059</v>
      </c>
    </row>
    <row r="3376" spans="1:7" x14ac:dyDescent="0.3">
      <c r="A3376" s="13" t="s">
        <v>37</v>
      </c>
      <c r="B3376" s="14" t="s">
        <v>1</v>
      </c>
      <c r="C3376" s="14" t="s">
        <v>38</v>
      </c>
      <c r="D3376" s="14" t="s">
        <v>39</v>
      </c>
      <c r="E3376" s="15">
        <v>45467</v>
      </c>
      <c r="F3376" s="14" t="s">
        <v>15</v>
      </c>
      <c r="G3376" s="16">
        <v>0.86057873419571618</v>
      </c>
    </row>
    <row r="3377" spans="1:7" x14ac:dyDescent="0.3">
      <c r="A3377" s="13" t="s">
        <v>37</v>
      </c>
      <c r="B3377" s="14" t="s">
        <v>1</v>
      </c>
      <c r="C3377" s="14" t="s">
        <v>38</v>
      </c>
      <c r="D3377" s="14" t="s">
        <v>39</v>
      </c>
      <c r="E3377" s="15">
        <v>45468</v>
      </c>
      <c r="F3377" s="14" t="s">
        <v>15</v>
      </c>
      <c r="G3377" s="16">
        <v>0.85300832315509412</v>
      </c>
    </row>
    <row r="3378" spans="1:7" x14ac:dyDescent="0.3">
      <c r="A3378" s="13" t="s">
        <v>37</v>
      </c>
      <c r="B3378" s="14" t="s">
        <v>1</v>
      </c>
      <c r="C3378" s="14" t="s">
        <v>38</v>
      </c>
      <c r="D3378" s="14" t="s">
        <v>39</v>
      </c>
      <c r="E3378" s="15">
        <v>45469</v>
      </c>
      <c r="F3378" s="14" t="s">
        <v>15</v>
      </c>
      <c r="G3378" s="16">
        <v>0.85049935199643434</v>
      </c>
    </row>
    <row r="3379" spans="1:7" x14ac:dyDescent="0.3">
      <c r="A3379" s="13" t="s">
        <v>37</v>
      </c>
      <c r="B3379" s="14" t="s">
        <v>1</v>
      </c>
      <c r="C3379" s="14" t="s">
        <v>38</v>
      </c>
      <c r="D3379" s="14" t="s">
        <v>39</v>
      </c>
      <c r="E3379" s="15">
        <v>45470</v>
      </c>
      <c r="F3379" s="14" t="s">
        <v>15</v>
      </c>
      <c r="G3379" s="16">
        <v>0.84798488879180145</v>
      </c>
    </row>
    <row r="3380" spans="1:7" x14ac:dyDescent="0.3">
      <c r="A3380" s="13" t="s">
        <v>37</v>
      </c>
      <c r="B3380" s="14" t="s">
        <v>1</v>
      </c>
      <c r="C3380" s="14" t="s">
        <v>38</v>
      </c>
      <c r="D3380" s="14" t="s">
        <v>39</v>
      </c>
      <c r="E3380" s="15">
        <v>45471</v>
      </c>
      <c r="F3380" s="14" t="s">
        <v>15</v>
      </c>
      <c r="G3380" s="16">
        <v>0.86322205407491037</v>
      </c>
    </row>
    <row r="3381" spans="1:7" x14ac:dyDescent="0.3">
      <c r="A3381" s="13" t="s">
        <v>37</v>
      </c>
      <c r="B3381" s="14" t="s">
        <v>1</v>
      </c>
      <c r="C3381" s="14" t="s">
        <v>38</v>
      </c>
      <c r="D3381" s="14" t="s">
        <v>39</v>
      </c>
      <c r="E3381" s="15">
        <v>45472</v>
      </c>
      <c r="F3381" s="14" t="s">
        <v>15</v>
      </c>
      <c r="G3381" s="16">
        <v>0.86322205407491037</v>
      </c>
    </row>
    <row r="3382" spans="1:7" x14ac:dyDescent="0.3">
      <c r="A3382" s="13" t="s">
        <v>37</v>
      </c>
      <c r="B3382" s="14" t="s">
        <v>1</v>
      </c>
      <c r="C3382" s="14" t="s">
        <v>38</v>
      </c>
      <c r="D3382" s="14" t="s">
        <v>39</v>
      </c>
      <c r="E3382" s="15">
        <v>45473</v>
      </c>
      <c r="F3382" s="14" t="s">
        <v>15</v>
      </c>
      <c r="G3382" s="16">
        <v>0.86322205407491037</v>
      </c>
    </row>
    <row r="3383" spans="1:7" x14ac:dyDescent="0.3">
      <c r="A3383" s="13" t="s">
        <v>37</v>
      </c>
      <c r="B3383" s="14" t="s">
        <v>1</v>
      </c>
      <c r="C3383" s="14" t="s">
        <v>38</v>
      </c>
      <c r="D3383" s="14" t="s">
        <v>39</v>
      </c>
      <c r="E3383" s="15">
        <v>45474</v>
      </c>
      <c r="F3383" s="14" t="s">
        <v>15</v>
      </c>
      <c r="G3383" s="16">
        <v>0.86068612330757677</v>
      </c>
    </row>
    <row r="3384" spans="1:7" x14ac:dyDescent="0.3">
      <c r="A3384" s="13" t="s">
        <v>37</v>
      </c>
      <c r="B3384" s="14" t="s">
        <v>1</v>
      </c>
      <c r="C3384" s="14" t="s">
        <v>38</v>
      </c>
      <c r="D3384" s="14" t="s">
        <v>39</v>
      </c>
      <c r="E3384" s="15">
        <v>45475</v>
      </c>
      <c r="F3384" s="14" t="s">
        <v>15</v>
      </c>
      <c r="G3384" s="16">
        <v>0.85303104891751891</v>
      </c>
    </row>
    <row r="3385" spans="1:7" x14ac:dyDescent="0.3">
      <c r="A3385" s="13" t="s">
        <v>37</v>
      </c>
      <c r="B3385" s="14" t="s">
        <v>1</v>
      </c>
      <c r="C3385" s="14" t="s">
        <v>38</v>
      </c>
      <c r="D3385" s="14" t="s">
        <v>39</v>
      </c>
      <c r="E3385" s="15">
        <v>45476</v>
      </c>
      <c r="F3385" s="14" t="s">
        <v>15</v>
      </c>
      <c r="G3385" s="16">
        <v>0.85044353126405292</v>
      </c>
    </row>
    <row r="3386" spans="1:7" x14ac:dyDescent="0.3">
      <c r="A3386" s="13" t="s">
        <v>37</v>
      </c>
      <c r="B3386" s="14" t="s">
        <v>1</v>
      </c>
      <c r="C3386" s="14" t="s">
        <v>38</v>
      </c>
      <c r="D3386" s="14" t="s">
        <v>39</v>
      </c>
      <c r="E3386" s="15">
        <v>45477</v>
      </c>
      <c r="F3386" s="14" t="s">
        <v>15</v>
      </c>
      <c r="G3386" s="16">
        <v>0.84787177214064446</v>
      </c>
    </row>
    <row r="3387" spans="1:7" x14ac:dyDescent="0.3">
      <c r="A3387" s="13" t="s">
        <v>37</v>
      </c>
      <c r="B3387" s="14" t="s">
        <v>1</v>
      </c>
      <c r="C3387" s="14" t="s">
        <v>38</v>
      </c>
      <c r="D3387" s="14" t="s">
        <v>39</v>
      </c>
      <c r="E3387" s="15">
        <v>45478</v>
      </c>
      <c r="F3387" s="14" t="s">
        <v>15</v>
      </c>
      <c r="G3387" s="16">
        <v>0.93393394235317639</v>
      </c>
    </row>
    <row r="3388" spans="1:7" x14ac:dyDescent="0.3">
      <c r="A3388" s="13" t="s">
        <v>37</v>
      </c>
      <c r="B3388" s="14" t="s">
        <v>1</v>
      </c>
      <c r="C3388" s="14" t="s">
        <v>38</v>
      </c>
      <c r="D3388" s="14" t="s">
        <v>39</v>
      </c>
      <c r="E3388" s="15">
        <v>45479</v>
      </c>
      <c r="F3388" s="14" t="s">
        <v>15</v>
      </c>
      <c r="G3388" s="16">
        <v>0.93393394235317639</v>
      </c>
    </row>
    <row r="3389" spans="1:7" x14ac:dyDescent="0.3">
      <c r="A3389" s="13" t="s">
        <v>37</v>
      </c>
      <c r="B3389" s="14" t="s">
        <v>1</v>
      </c>
      <c r="C3389" s="14" t="s">
        <v>38</v>
      </c>
      <c r="D3389" s="14" t="s">
        <v>39</v>
      </c>
      <c r="E3389" s="15">
        <v>45480</v>
      </c>
      <c r="F3389" s="14" t="s">
        <v>15</v>
      </c>
      <c r="G3389" s="16">
        <v>0.93393394235317639</v>
      </c>
    </row>
    <row r="3390" spans="1:7" x14ac:dyDescent="0.3">
      <c r="A3390" s="13" t="s">
        <v>37</v>
      </c>
      <c r="B3390" s="14" t="s">
        <v>1</v>
      </c>
      <c r="C3390" s="14" t="s">
        <v>38</v>
      </c>
      <c r="D3390" s="14" t="s">
        <v>39</v>
      </c>
      <c r="E3390" s="15">
        <v>45481</v>
      </c>
      <c r="F3390" s="14" t="s">
        <v>15</v>
      </c>
      <c r="G3390" s="16">
        <v>0.94289579600352946</v>
      </c>
    </row>
    <row r="3391" spans="1:7" x14ac:dyDescent="0.3">
      <c r="A3391" s="13" t="s">
        <v>37</v>
      </c>
      <c r="B3391" s="14" t="s">
        <v>1</v>
      </c>
      <c r="C3391" s="14" t="s">
        <v>38</v>
      </c>
      <c r="D3391" s="14" t="s">
        <v>39</v>
      </c>
      <c r="E3391" s="15">
        <v>45482</v>
      </c>
      <c r="F3391" s="14" t="s">
        <v>15</v>
      </c>
      <c r="G3391" s="16">
        <v>0.93501847179103326</v>
      </c>
    </row>
    <row r="3392" spans="1:7" x14ac:dyDescent="0.3">
      <c r="A3392" s="13" t="s">
        <v>37</v>
      </c>
      <c r="B3392" s="14" t="s">
        <v>1</v>
      </c>
      <c r="C3392" s="14" t="s">
        <v>38</v>
      </c>
      <c r="D3392" s="14" t="s">
        <v>39</v>
      </c>
      <c r="E3392" s="15">
        <v>45483</v>
      </c>
      <c r="F3392" s="14" t="s">
        <v>15</v>
      </c>
      <c r="G3392" s="16">
        <v>0.93238694920070886</v>
      </c>
    </row>
    <row r="3393" spans="1:7" x14ac:dyDescent="0.3">
      <c r="A3393" s="13" t="s">
        <v>37</v>
      </c>
      <c r="B3393" s="14" t="s">
        <v>1</v>
      </c>
      <c r="C3393" s="14" t="s">
        <v>38</v>
      </c>
      <c r="D3393" s="14" t="s">
        <v>39</v>
      </c>
      <c r="E3393" s="15">
        <v>45484</v>
      </c>
      <c r="F3393" s="14" t="s">
        <v>15</v>
      </c>
      <c r="G3393" s="16">
        <v>1.0306337562064114</v>
      </c>
    </row>
    <row r="3394" spans="1:7" x14ac:dyDescent="0.3">
      <c r="A3394" s="13" t="s">
        <v>37</v>
      </c>
      <c r="B3394" s="14" t="s">
        <v>1</v>
      </c>
      <c r="C3394" s="14" t="s">
        <v>38</v>
      </c>
      <c r="D3394" s="14" t="s">
        <v>39</v>
      </c>
      <c r="E3394" s="15">
        <v>45485</v>
      </c>
      <c r="F3394" s="14" t="s">
        <v>15</v>
      </c>
      <c r="G3394" s="16">
        <v>1.0516156356630237</v>
      </c>
    </row>
    <row r="3395" spans="1:7" x14ac:dyDescent="0.3">
      <c r="A3395" s="13" t="s">
        <v>37</v>
      </c>
      <c r="B3395" s="14" t="s">
        <v>1</v>
      </c>
      <c r="C3395" s="14" t="s">
        <v>38</v>
      </c>
      <c r="D3395" s="14" t="s">
        <v>39</v>
      </c>
      <c r="E3395" s="15">
        <v>45486</v>
      </c>
      <c r="F3395" s="14" t="s">
        <v>15</v>
      </c>
      <c r="G3395" s="16">
        <v>1.0516156356630237</v>
      </c>
    </row>
    <row r="3396" spans="1:7" x14ac:dyDescent="0.3">
      <c r="A3396" s="13" t="s">
        <v>37</v>
      </c>
      <c r="B3396" s="14" t="s">
        <v>1</v>
      </c>
      <c r="C3396" s="14" t="s">
        <v>38</v>
      </c>
      <c r="D3396" s="14" t="s">
        <v>39</v>
      </c>
      <c r="E3396" s="15">
        <v>45487</v>
      </c>
      <c r="F3396" s="14" t="s">
        <v>15</v>
      </c>
      <c r="G3396" s="16">
        <v>1.0516156356630237</v>
      </c>
    </row>
    <row r="3397" spans="1:7" x14ac:dyDescent="0.3">
      <c r="A3397" s="13" t="s">
        <v>37</v>
      </c>
      <c r="B3397" s="14" t="s">
        <v>1</v>
      </c>
      <c r="C3397" s="14" t="s">
        <v>38</v>
      </c>
      <c r="D3397" s="14" t="s">
        <v>39</v>
      </c>
      <c r="E3397" s="15">
        <v>45488</v>
      </c>
      <c r="F3397" s="14" t="s">
        <v>15</v>
      </c>
      <c r="G3397" s="16">
        <v>1.0489530314188866</v>
      </c>
    </row>
    <row r="3398" spans="1:7" x14ac:dyDescent="0.3">
      <c r="A3398" s="13" t="s">
        <v>37</v>
      </c>
      <c r="B3398" s="14" t="s">
        <v>1</v>
      </c>
      <c r="C3398" s="14" t="s">
        <v>38</v>
      </c>
      <c r="D3398" s="14" t="s">
        <v>39</v>
      </c>
      <c r="E3398" s="15">
        <v>45489</v>
      </c>
      <c r="F3398" s="14" t="s">
        <v>15</v>
      </c>
      <c r="G3398" s="16">
        <v>1.0410078110120593</v>
      </c>
    </row>
    <row r="3399" spans="1:7" x14ac:dyDescent="0.3">
      <c r="A3399" s="13" t="s">
        <v>37</v>
      </c>
      <c r="B3399" s="14" t="s">
        <v>1</v>
      </c>
      <c r="C3399" s="14" t="s">
        <v>38</v>
      </c>
      <c r="D3399" s="14" t="s">
        <v>39</v>
      </c>
      <c r="E3399" s="15">
        <v>45490</v>
      </c>
      <c r="F3399" s="14" t="s">
        <v>15</v>
      </c>
      <c r="G3399" s="16">
        <v>1.0940036891355727</v>
      </c>
    </row>
    <row r="3400" spans="1:7" x14ac:dyDescent="0.3">
      <c r="A3400" s="13" t="s">
        <v>37</v>
      </c>
      <c r="B3400" s="14" t="s">
        <v>1</v>
      </c>
      <c r="C3400" s="14" t="s">
        <v>38</v>
      </c>
      <c r="D3400" s="14" t="s">
        <v>39</v>
      </c>
      <c r="E3400" s="15">
        <v>45491</v>
      </c>
      <c r="F3400" s="14" t="s">
        <v>15</v>
      </c>
      <c r="G3400" s="16">
        <v>1.0913641918122388</v>
      </c>
    </row>
    <row r="3401" spans="1:7" x14ac:dyDescent="0.3">
      <c r="A3401" s="13" t="s">
        <v>37</v>
      </c>
      <c r="B3401" s="14" t="s">
        <v>1</v>
      </c>
      <c r="C3401" s="14" t="s">
        <v>38</v>
      </c>
      <c r="D3401" s="14" t="s">
        <v>39</v>
      </c>
      <c r="E3401" s="15">
        <v>45492</v>
      </c>
      <c r="F3401" s="14" t="s">
        <v>15</v>
      </c>
      <c r="G3401" s="16">
        <v>1.0887303673027586</v>
      </c>
    </row>
    <row r="3402" spans="1:7" x14ac:dyDescent="0.3">
      <c r="A3402" s="13" t="s">
        <v>37</v>
      </c>
      <c r="B3402" s="14" t="s">
        <v>1</v>
      </c>
      <c r="C3402" s="14" t="s">
        <v>38</v>
      </c>
      <c r="D3402" s="14" t="s">
        <v>39</v>
      </c>
      <c r="E3402" s="15">
        <v>45493</v>
      </c>
      <c r="F3402" s="14" t="s">
        <v>15</v>
      </c>
      <c r="G3402" s="16">
        <v>1.0887303673027586</v>
      </c>
    </row>
    <row r="3403" spans="1:7" x14ac:dyDescent="0.3">
      <c r="A3403" s="13" t="s">
        <v>37</v>
      </c>
      <c r="B3403" s="14" t="s">
        <v>1</v>
      </c>
      <c r="C3403" s="14" t="s">
        <v>38</v>
      </c>
      <c r="D3403" s="14" t="s">
        <v>39</v>
      </c>
      <c r="E3403" s="15">
        <v>45494</v>
      </c>
      <c r="F3403" s="14" t="s">
        <v>15</v>
      </c>
      <c r="G3403" s="16">
        <v>1.0887303673027586</v>
      </c>
    </row>
    <row r="3404" spans="1:7" x14ac:dyDescent="0.3">
      <c r="A3404" s="13" t="s">
        <v>37</v>
      </c>
      <c r="B3404" s="14" t="s">
        <v>1</v>
      </c>
      <c r="C3404" s="14" t="s">
        <v>38</v>
      </c>
      <c r="D3404" s="14" t="s">
        <v>39</v>
      </c>
      <c r="E3404" s="15">
        <v>45495</v>
      </c>
      <c r="F3404" s="14" t="s">
        <v>15</v>
      </c>
      <c r="G3404" s="16">
        <v>1.0861177412029421</v>
      </c>
    </row>
    <row r="3405" spans="1:7" x14ac:dyDescent="0.3">
      <c r="A3405" s="13" t="s">
        <v>37</v>
      </c>
      <c r="B3405" s="14" t="s">
        <v>1</v>
      </c>
      <c r="C3405" s="14" t="s">
        <v>38</v>
      </c>
      <c r="D3405" s="14" t="s">
        <v>39</v>
      </c>
      <c r="E3405" s="15">
        <v>45496</v>
      </c>
      <c r="F3405" s="14" t="s">
        <v>15</v>
      </c>
      <c r="G3405" s="16">
        <v>1.0784131675311694</v>
      </c>
    </row>
    <row r="3406" spans="1:7" x14ac:dyDescent="0.3">
      <c r="A3406" s="13" t="s">
        <v>37</v>
      </c>
      <c r="B3406" s="14" t="s">
        <v>1</v>
      </c>
      <c r="C3406" s="14" t="s">
        <v>38</v>
      </c>
      <c r="D3406" s="14" t="s">
        <v>39</v>
      </c>
      <c r="E3406" s="15">
        <v>45497</v>
      </c>
      <c r="F3406" s="14" t="s">
        <v>15</v>
      </c>
      <c r="G3406" s="16">
        <v>1.07588160295563</v>
      </c>
    </row>
    <row r="3407" spans="1:7" x14ac:dyDescent="0.3">
      <c r="A3407" s="13" t="s">
        <v>37</v>
      </c>
      <c r="B3407" s="14" t="s">
        <v>1</v>
      </c>
      <c r="C3407" s="14" t="s">
        <v>38</v>
      </c>
      <c r="D3407" s="14" t="s">
        <v>39</v>
      </c>
      <c r="E3407" s="15">
        <v>45498</v>
      </c>
      <c r="F3407" s="14" t="s">
        <v>15</v>
      </c>
      <c r="G3407" s="16">
        <v>1.0733201814650712</v>
      </c>
    </row>
    <row r="3408" spans="1:7" x14ac:dyDescent="0.3">
      <c r="A3408" s="13" t="s">
        <v>37</v>
      </c>
      <c r="B3408" s="14" t="s">
        <v>1</v>
      </c>
      <c r="C3408" s="14" t="s">
        <v>38</v>
      </c>
      <c r="D3408" s="14" t="s">
        <v>39</v>
      </c>
      <c r="E3408" s="15">
        <v>45499</v>
      </c>
      <c r="F3408" s="14" t="s">
        <v>15</v>
      </c>
      <c r="G3408" s="16">
        <v>1.0707929461422099</v>
      </c>
    </row>
    <row r="3409" spans="1:7" x14ac:dyDescent="0.3">
      <c r="A3409" s="13" t="s">
        <v>37</v>
      </c>
      <c r="B3409" s="14" t="s">
        <v>1</v>
      </c>
      <c r="C3409" s="14" t="s">
        <v>38</v>
      </c>
      <c r="D3409" s="14" t="s">
        <v>39</v>
      </c>
      <c r="E3409" s="15">
        <v>45500</v>
      </c>
      <c r="F3409" s="14" t="s">
        <v>15</v>
      </c>
      <c r="G3409" s="16">
        <v>1.0707929461422099</v>
      </c>
    </row>
    <row r="3410" spans="1:7" x14ac:dyDescent="0.3">
      <c r="A3410" s="13" t="s">
        <v>37</v>
      </c>
      <c r="B3410" s="14" t="s">
        <v>1</v>
      </c>
      <c r="C3410" s="14" t="s">
        <v>38</v>
      </c>
      <c r="D3410" s="14" t="s">
        <v>39</v>
      </c>
      <c r="E3410" s="15">
        <v>45501</v>
      </c>
      <c r="F3410" s="14" t="s">
        <v>15</v>
      </c>
      <c r="G3410" s="16">
        <v>1.0707929461422099</v>
      </c>
    </row>
    <row r="3411" spans="1:7" x14ac:dyDescent="0.3">
      <c r="A3411" s="13" t="s">
        <v>37</v>
      </c>
      <c r="B3411" s="14" t="s">
        <v>1</v>
      </c>
      <c r="C3411" s="14" t="s">
        <v>38</v>
      </c>
      <c r="D3411" s="14" t="s">
        <v>39</v>
      </c>
      <c r="E3411" s="15">
        <v>45502</v>
      </c>
      <c r="F3411" s="14" t="s">
        <v>15</v>
      </c>
      <c r="G3411" s="16">
        <v>1.0999956994023177</v>
      </c>
    </row>
    <row r="3412" spans="1:7" x14ac:dyDescent="0.3">
      <c r="A3412" s="13" t="s">
        <v>37</v>
      </c>
      <c r="B3412" s="14" t="s">
        <v>1</v>
      </c>
      <c r="C3412" s="14" t="s">
        <v>38</v>
      </c>
      <c r="D3412" s="14" t="s">
        <v>39</v>
      </c>
      <c r="E3412" s="15">
        <v>45503</v>
      </c>
      <c r="F3412" s="14" t="s">
        <v>15</v>
      </c>
      <c r="G3412" s="16">
        <v>1.0925820813674076</v>
      </c>
    </row>
    <row r="3413" spans="1:7" x14ac:dyDescent="0.3">
      <c r="A3413" s="13" t="s">
        <v>37</v>
      </c>
      <c r="B3413" s="14" t="s">
        <v>1</v>
      </c>
      <c r="C3413" s="14" t="s">
        <v>38</v>
      </c>
      <c r="D3413" s="14" t="s">
        <v>39</v>
      </c>
      <c r="E3413" s="15">
        <v>45504</v>
      </c>
      <c r="F3413" s="14" t="s">
        <v>15</v>
      </c>
      <c r="G3413" s="16">
        <v>1.0901129177442586</v>
      </c>
    </row>
    <row r="3414" spans="1:7" x14ac:dyDescent="0.3">
      <c r="A3414" s="13" t="s">
        <v>37</v>
      </c>
      <c r="B3414" s="14" t="s">
        <v>1</v>
      </c>
      <c r="C3414" s="14" t="s">
        <v>38</v>
      </c>
      <c r="D3414" s="14" t="s">
        <v>39</v>
      </c>
      <c r="E3414" s="15">
        <v>45505</v>
      </c>
      <c r="F3414" s="14" t="s">
        <v>15</v>
      </c>
      <c r="G3414" s="16">
        <v>1.0876497255041133</v>
      </c>
    </row>
    <row r="3415" spans="1:7" x14ac:dyDescent="0.3">
      <c r="A3415" s="13" t="s">
        <v>37</v>
      </c>
      <c r="B3415" s="14" t="s">
        <v>1</v>
      </c>
      <c r="C3415" s="14" t="s">
        <v>38</v>
      </c>
      <c r="D3415" s="14" t="s">
        <v>39</v>
      </c>
      <c r="E3415" s="15">
        <v>45506</v>
      </c>
      <c r="F3415" s="14" t="s">
        <v>15</v>
      </c>
      <c r="G3415" s="16">
        <v>1.0851924883908974</v>
      </c>
    </row>
    <row r="3416" spans="1:7" x14ac:dyDescent="0.3">
      <c r="A3416" s="13" t="s">
        <v>37</v>
      </c>
      <c r="B3416" s="14" t="s">
        <v>1</v>
      </c>
      <c r="C3416" s="14" t="s">
        <v>38</v>
      </c>
      <c r="D3416" s="14" t="s">
        <v>39</v>
      </c>
      <c r="E3416" s="15">
        <v>45507</v>
      </c>
      <c r="F3416" s="14" t="s">
        <v>15</v>
      </c>
      <c r="G3416" s="16">
        <v>1.0851924883908974</v>
      </c>
    </row>
    <row r="3417" spans="1:7" x14ac:dyDescent="0.3">
      <c r="A3417" s="13" t="s">
        <v>37</v>
      </c>
      <c r="B3417" s="14" t="s">
        <v>1</v>
      </c>
      <c r="C3417" s="14" t="s">
        <v>38</v>
      </c>
      <c r="D3417" s="14" t="s">
        <v>39</v>
      </c>
      <c r="E3417" s="15">
        <v>45508</v>
      </c>
      <c r="F3417" s="14" t="s">
        <v>15</v>
      </c>
      <c r="G3417" s="16">
        <v>1.0851924883908974</v>
      </c>
    </row>
    <row r="3418" spans="1:7" x14ac:dyDescent="0.3">
      <c r="A3418" s="13" t="s">
        <v>37</v>
      </c>
      <c r="B3418" s="14" t="s">
        <v>1</v>
      </c>
      <c r="C3418" s="14" t="s">
        <v>38</v>
      </c>
      <c r="D3418" s="14" t="s">
        <v>39</v>
      </c>
      <c r="E3418" s="15">
        <v>45509</v>
      </c>
      <c r="F3418" s="14" t="s">
        <v>15</v>
      </c>
      <c r="G3418" s="16">
        <v>1.0851924883908974</v>
      </c>
    </row>
    <row r="3419" spans="1:7" x14ac:dyDescent="0.3">
      <c r="A3419" s="13" t="s">
        <v>37</v>
      </c>
      <c r="B3419" s="14" t="s">
        <v>1</v>
      </c>
      <c r="C3419" s="14" t="s">
        <v>38</v>
      </c>
      <c r="D3419" s="14" t="s">
        <v>39</v>
      </c>
      <c r="E3419" s="15">
        <v>45510</v>
      </c>
      <c r="F3419" s="14" t="s">
        <v>15</v>
      </c>
      <c r="G3419" s="16">
        <v>1.0826787938951814</v>
      </c>
    </row>
    <row r="3420" spans="1:7" x14ac:dyDescent="0.3">
      <c r="A3420" s="13" t="s">
        <v>37</v>
      </c>
      <c r="B3420" s="14" t="s">
        <v>1</v>
      </c>
      <c r="C3420" s="14" t="s">
        <v>38</v>
      </c>
      <c r="D3420" s="14" t="s">
        <v>39</v>
      </c>
      <c r="E3420" s="15">
        <v>45511</v>
      </c>
      <c r="F3420" s="14" t="s">
        <v>15</v>
      </c>
      <c r="G3420" s="16">
        <v>1.082835772564779</v>
      </c>
    </row>
    <row r="3421" spans="1:7" x14ac:dyDescent="0.3">
      <c r="A3421" s="13" t="s">
        <v>37</v>
      </c>
      <c r="B3421" s="14" t="s">
        <v>1</v>
      </c>
      <c r="C3421" s="14" t="s">
        <v>38</v>
      </c>
      <c r="D3421" s="14" t="s">
        <v>39</v>
      </c>
      <c r="E3421" s="15">
        <v>45512</v>
      </c>
      <c r="F3421" s="14" t="s">
        <v>15</v>
      </c>
      <c r="G3421" s="16">
        <v>1.0805026520781711</v>
      </c>
    </row>
    <row r="3422" spans="1:7" x14ac:dyDescent="0.3">
      <c r="A3422" s="13" t="s">
        <v>37</v>
      </c>
      <c r="B3422" s="14" t="s">
        <v>1</v>
      </c>
      <c r="C3422" s="14" t="s">
        <v>38</v>
      </c>
      <c r="D3422" s="14" t="s">
        <v>39</v>
      </c>
      <c r="E3422" s="15">
        <v>45513</v>
      </c>
      <c r="F3422" s="14" t="s">
        <v>15</v>
      </c>
      <c r="G3422" s="16">
        <v>1.0805026520781711</v>
      </c>
    </row>
    <row r="3423" spans="1:7" x14ac:dyDescent="0.3">
      <c r="A3423" s="13" t="s">
        <v>37</v>
      </c>
      <c r="B3423" s="14" t="s">
        <v>1</v>
      </c>
      <c r="C3423" s="14" t="s">
        <v>38</v>
      </c>
      <c r="D3423" s="14" t="s">
        <v>39</v>
      </c>
      <c r="E3423" s="15">
        <v>45514</v>
      </c>
      <c r="F3423" s="14" t="s">
        <v>15</v>
      </c>
      <c r="G3423" s="16">
        <v>1.0805026520781711</v>
      </c>
    </row>
    <row r="3424" spans="1:7" x14ac:dyDescent="0.3">
      <c r="A3424" s="13" t="s">
        <v>37</v>
      </c>
      <c r="B3424" s="14" t="s">
        <v>1</v>
      </c>
      <c r="C3424" s="14" t="s">
        <v>38</v>
      </c>
      <c r="D3424" s="14" t="s">
        <v>39</v>
      </c>
      <c r="E3424" s="15">
        <v>45515</v>
      </c>
      <c r="F3424" s="14" t="s">
        <v>15</v>
      </c>
      <c r="G3424" s="16">
        <v>1.0805026520781711</v>
      </c>
    </row>
    <row r="3425" spans="1:7" x14ac:dyDescent="0.3">
      <c r="A3425" s="13" t="s">
        <v>37</v>
      </c>
      <c r="B3425" s="14" t="s">
        <v>1</v>
      </c>
      <c r="C3425" s="14" t="s">
        <v>38</v>
      </c>
      <c r="D3425" s="14" t="s">
        <v>39</v>
      </c>
      <c r="E3425" s="15">
        <v>45516</v>
      </c>
      <c r="F3425" s="14" t="s">
        <v>15</v>
      </c>
      <c r="G3425" s="16">
        <v>1.0781080484516232</v>
      </c>
    </row>
    <row r="3426" spans="1:7" x14ac:dyDescent="0.3">
      <c r="A3426" s="13" t="s">
        <v>37</v>
      </c>
      <c r="B3426" s="14" t="s">
        <v>1</v>
      </c>
      <c r="C3426" s="14" t="s">
        <v>38</v>
      </c>
      <c r="D3426" s="14" t="s">
        <v>39</v>
      </c>
      <c r="E3426" s="15">
        <v>45517</v>
      </c>
      <c r="F3426" s="14" t="s">
        <v>15</v>
      </c>
      <c r="G3426" s="16">
        <v>1.1719111885147795</v>
      </c>
    </row>
    <row r="3427" spans="1:7" x14ac:dyDescent="0.3">
      <c r="A3427" s="13" t="s">
        <v>37</v>
      </c>
      <c r="B3427" s="14" t="s">
        <v>1</v>
      </c>
      <c r="C3427" s="14" t="s">
        <v>38</v>
      </c>
      <c r="D3427" s="14" t="s">
        <v>39</v>
      </c>
      <c r="E3427" s="15">
        <v>45518</v>
      </c>
      <c r="F3427" s="14" t="s">
        <v>15</v>
      </c>
      <c r="G3427" s="16">
        <v>1.2288838386657204</v>
      </c>
    </row>
    <row r="3428" spans="1:7" x14ac:dyDescent="0.3">
      <c r="A3428" s="13" t="s">
        <v>37</v>
      </c>
      <c r="B3428" s="14" t="s">
        <v>1</v>
      </c>
      <c r="C3428" s="14" t="s">
        <v>38</v>
      </c>
      <c r="D3428" s="14" t="s">
        <v>39</v>
      </c>
      <c r="E3428" s="15">
        <v>45519</v>
      </c>
      <c r="F3428" s="14" t="s">
        <v>15</v>
      </c>
      <c r="G3428" s="16">
        <v>1.2264344570242778</v>
      </c>
    </row>
    <row r="3429" spans="1:7" x14ac:dyDescent="0.3">
      <c r="A3429" s="13" t="s">
        <v>37</v>
      </c>
      <c r="B3429" s="14" t="s">
        <v>1</v>
      </c>
      <c r="C3429" s="14" t="s">
        <v>38</v>
      </c>
      <c r="D3429" s="14" t="s">
        <v>39</v>
      </c>
      <c r="E3429" s="15">
        <v>45520</v>
      </c>
      <c r="F3429" s="14" t="s">
        <v>15</v>
      </c>
      <c r="G3429" s="16">
        <v>1.3538767409203341</v>
      </c>
    </row>
    <row r="3430" spans="1:7" x14ac:dyDescent="0.3">
      <c r="A3430" s="13" t="s">
        <v>37</v>
      </c>
      <c r="B3430" s="14" t="s">
        <v>1</v>
      </c>
      <c r="C3430" s="14" t="s">
        <v>38</v>
      </c>
      <c r="D3430" s="14" t="s">
        <v>39</v>
      </c>
      <c r="E3430" s="15">
        <v>45521</v>
      </c>
      <c r="F3430" s="14" t="s">
        <v>15</v>
      </c>
      <c r="G3430" s="16">
        <v>1.3538767409203341</v>
      </c>
    </row>
    <row r="3431" spans="1:7" x14ac:dyDescent="0.3">
      <c r="A3431" s="13" t="s">
        <v>37</v>
      </c>
      <c r="B3431" s="14" t="s">
        <v>1</v>
      </c>
      <c r="C3431" s="14" t="s">
        <v>38</v>
      </c>
      <c r="D3431" s="14" t="s">
        <v>39</v>
      </c>
      <c r="E3431" s="15">
        <v>45522</v>
      </c>
      <c r="F3431" s="14" t="s">
        <v>15</v>
      </c>
      <c r="G3431" s="16">
        <v>1.3538767409203341</v>
      </c>
    </row>
    <row r="3432" spans="1:7" x14ac:dyDescent="0.3">
      <c r="A3432" s="13" t="s">
        <v>37</v>
      </c>
      <c r="B3432" s="14" t="s">
        <v>1</v>
      </c>
      <c r="C3432" s="14" t="s">
        <v>38</v>
      </c>
      <c r="D3432" s="14" t="s">
        <v>39</v>
      </c>
      <c r="E3432" s="15">
        <v>45523</v>
      </c>
      <c r="F3432" s="14" t="s">
        <v>15</v>
      </c>
      <c r="G3432" s="16">
        <v>1.3514026038298523</v>
      </c>
    </row>
    <row r="3433" spans="1:7" x14ac:dyDescent="0.3">
      <c r="A3433" s="13" t="s">
        <v>37</v>
      </c>
      <c r="B3433" s="14" t="s">
        <v>1</v>
      </c>
      <c r="C3433" s="14" t="s">
        <v>38</v>
      </c>
      <c r="D3433" s="14" t="s">
        <v>39</v>
      </c>
      <c r="E3433" s="15">
        <v>45524</v>
      </c>
      <c r="F3433" s="14" t="s">
        <v>15</v>
      </c>
      <c r="G3433" s="16">
        <v>1.3438383048630591</v>
      </c>
    </row>
    <row r="3434" spans="1:7" x14ac:dyDescent="0.3">
      <c r="A3434" s="13" t="s">
        <v>37</v>
      </c>
      <c r="B3434" s="14" t="s">
        <v>1</v>
      </c>
      <c r="C3434" s="14" t="s">
        <v>38</v>
      </c>
      <c r="D3434" s="14" t="s">
        <v>39</v>
      </c>
      <c r="E3434" s="15">
        <v>45525</v>
      </c>
      <c r="F3434" s="14" t="s">
        <v>15</v>
      </c>
      <c r="G3434" s="16">
        <v>1.3412990894471</v>
      </c>
    </row>
    <row r="3435" spans="1:7" x14ac:dyDescent="0.3">
      <c r="A3435" s="13" t="s">
        <v>37</v>
      </c>
      <c r="B3435" s="14" t="s">
        <v>1</v>
      </c>
      <c r="C3435" s="14" t="s">
        <v>38</v>
      </c>
      <c r="D3435" s="14" t="s">
        <v>39</v>
      </c>
      <c r="E3435" s="15">
        <v>45526</v>
      </c>
      <c r="F3435" s="14" t="s">
        <v>15</v>
      </c>
      <c r="G3435" s="16">
        <v>1.3387502212092874</v>
      </c>
    </row>
    <row r="3436" spans="1:7" x14ac:dyDescent="0.3">
      <c r="A3436" s="13" t="s">
        <v>37</v>
      </c>
      <c r="B3436" s="14" t="s">
        <v>1</v>
      </c>
      <c r="C3436" s="14" t="s">
        <v>38</v>
      </c>
      <c r="D3436" s="14" t="s">
        <v>39</v>
      </c>
      <c r="E3436" s="15">
        <v>45527</v>
      </c>
      <c r="F3436" s="14" t="s">
        <v>15</v>
      </c>
      <c r="G3436" s="16">
        <v>1.3362197810859213</v>
      </c>
    </row>
    <row r="3437" spans="1:7" x14ac:dyDescent="0.3">
      <c r="A3437" s="13" t="s">
        <v>37</v>
      </c>
      <c r="B3437" s="14" t="s">
        <v>1</v>
      </c>
      <c r="C3437" s="14" t="s">
        <v>38</v>
      </c>
      <c r="D3437" s="14" t="s">
        <v>39</v>
      </c>
      <c r="E3437" s="15">
        <v>45528</v>
      </c>
      <c r="F3437" s="14" t="s">
        <v>15</v>
      </c>
      <c r="G3437" s="16">
        <v>1.3362197810859213</v>
      </c>
    </row>
    <row r="3438" spans="1:7" x14ac:dyDescent="0.3">
      <c r="A3438" s="13" t="s">
        <v>37</v>
      </c>
      <c r="B3438" s="14" t="s">
        <v>1</v>
      </c>
      <c r="C3438" s="14" t="s">
        <v>38</v>
      </c>
      <c r="D3438" s="14" t="s">
        <v>39</v>
      </c>
      <c r="E3438" s="15">
        <v>45529</v>
      </c>
      <c r="F3438" s="14" t="s">
        <v>15</v>
      </c>
      <c r="G3438" s="16">
        <v>1.3362197810859213</v>
      </c>
    </row>
    <row r="3439" spans="1:7" x14ac:dyDescent="0.3">
      <c r="A3439" s="13" t="s">
        <v>37</v>
      </c>
      <c r="B3439" s="14" t="s">
        <v>1</v>
      </c>
      <c r="C3439" s="14" t="s">
        <v>38</v>
      </c>
      <c r="D3439" s="14" t="s">
        <v>39</v>
      </c>
      <c r="E3439" s="15">
        <v>45530</v>
      </c>
      <c r="F3439" s="14" t="s">
        <v>15</v>
      </c>
      <c r="G3439" s="16">
        <v>1.3336784595997393</v>
      </c>
    </row>
    <row r="3440" spans="1:7" x14ac:dyDescent="0.3">
      <c r="A3440" s="13" t="s">
        <v>37</v>
      </c>
      <c r="B3440" s="14" t="s">
        <v>1</v>
      </c>
      <c r="C3440" s="14" t="s">
        <v>38</v>
      </c>
      <c r="D3440" s="14" t="s">
        <v>39</v>
      </c>
      <c r="E3440" s="15">
        <v>45531</v>
      </c>
      <c r="F3440" s="14" t="s">
        <v>15</v>
      </c>
      <c r="G3440" s="16">
        <v>1.3668095800360427</v>
      </c>
    </row>
    <row r="3441" spans="1:7" x14ac:dyDescent="0.3">
      <c r="A3441" s="13" t="s">
        <v>37</v>
      </c>
      <c r="B3441" s="14" t="s">
        <v>1</v>
      </c>
      <c r="C3441" s="14" t="s">
        <v>38</v>
      </c>
      <c r="D3441" s="14" t="s">
        <v>39</v>
      </c>
      <c r="E3441" s="15">
        <v>45532</v>
      </c>
      <c r="F3441" s="14" t="s">
        <v>15</v>
      </c>
      <c r="G3441" s="16">
        <v>1.3642931803808269</v>
      </c>
    </row>
    <row r="3442" spans="1:7" x14ac:dyDescent="0.3">
      <c r="A3442" s="13" t="s">
        <v>37</v>
      </c>
      <c r="B3442" s="14" t="s">
        <v>1</v>
      </c>
      <c r="C3442" s="14" t="s">
        <v>38</v>
      </c>
      <c r="D3442" s="14" t="s">
        <v>39</v>
      </c>
      <c r="E3442" s="15">
        <v>45533</v>
      </c>
      <c r="F3442" s="14" t="s">
        <v>15</v>
      </c>
      <c r="G3442" s="16">
        <v>1.3617558955292379</v>
      </c>
    </row>
    <row r="3443" spans="1:7" x14ac:dyDescent="0.3">
      <c r="A3443" s="13" t="s">
        <v>37</v>
      </c>
      <c r="B3443" s="14" t="s">
        <v>1</v>
      </c>
      <c r="C3443" s="14" t="s">
        <v>38</v>
      </c>
      <c r="D3443" s="14" t="s">
        <v>39</v>
      </c>
      <c r="E3443" s="15">
        <v>45534</v>
      </c>
      <c r="F3443" s="14" t="s">
        <v>15</v>
      </c>
      <c r="G3443" s="16">
        <v>1.3592184351717971</v>
      </c>
    </row>
    <row r="3444" spans="1:7" x14ac:dyDescent="0.3">
      <c r="A3444" s="13" t="s">
        <v>37</v>
      </c>
      <c r="B3444" s="14" t="s">
        <v>1</v>
      </c>
      <c r="C3444" s="14" t="s">
        <v>38</v>
      </c>
      <c r="D3444" s="14" t="s">
        <v>39</v>
      </c>
      <c r="E3444" s="15">
        <v>45535</v>
      </c>
      <c r="F3444" s="14" t="s">
        <v>15</v>
      </c>
      <c r="G3444" s="16">
        <v>1.3592184351717971</v>
      </c>
    </row>
    <row r="3445" spans="1:7" x14ac:dyDescent="0.3">
      <c r="A3445" s="13" t="s">
        <v>37</v>
      </c>
      <c r="B3445" s="14" t="s">
        <v>1</v>
      </c>
      <c r="C3445" s="14" t="s">
        <v>38</v>
      </c>
      <c r="D3445" s="14" t="s">
        <v>39</v>
      </c>
      <c r="E3445" s="15">
        <v>45536</v>
      </c>
      <c r="F3445" s="14" t="s">
        <v>15</v>
      </c>
      <c r="G3445" s="16">
        <v>1.3592184351717971</v>
      </c>
    </row>
    <row r="3446" spans="1:7" x14ac:dyDescent="0.3">
      <c r="A3446" s="13" t="s">
        <v>37</v>
      </c>
      <c r="B3446" s="14" t="s">
        <v>1</v>
      </c>
      <c r="C3446" s="14" t="s">
        <v>38</v>
      </c>
      <c r="D3446" s="14" t="s">
        <v>39</v>
      </c>
      <c r="E3446" s="15">
        <v>45537</v>
      </c>
      <c r="F3446" s="14" t="s">
        <v>15</v>
      </c>
      <c r="G3446" s="16">
        <v>1.3566797462733931</v>
      </c>
    </row>
    <row r="3447" spans="1:7" x14ac:dyDescent="0.3">
      <c r="A3447" s="13" t="s">
        <v>37</v>
      </c>
      <c r="B3447" s="14" t="s">
        <v>1</v>
      </c>
      <c r="C3447" s="14" t="s">
        <v>38</v>
      </c>
      <c r="D3447" s="14" t="s">
        <v>39</v>
      </c>
      <c r="E3447" s="15">
        <v>45538</v>
      </c>
      <c r="F3447" s="14" t="s">
        <v>15</v>
      </c>
      <c r="G3447" s="16">
        <v>1.349055073293556</v>
      </c>
    </row>
    <row r="3448" spans="1:7" x14ac:dyDescent="0.3">
      <c r="A3448" s="13" t="s">
        <v>37</v>
      </c>
      <c r="B3448" s="14" t="s">
        <v>1</v>
      </c>
      <c r="C3448" s="14" t="s">
        <v>38</v>
      </c>
      <c r="D3448" s="14" t="s">
        <v>39</v>
      </c>
      <c r="E3448" s="15">
        <v>45539</v>
      </c>
      <c r="F3448" s="14" t="s">
        <v>15</v>
      </c>
      <c r="G3448" s="16">
        <v>1.3465004811936025</v>
      </c>
    </row>
    <row r="3449" spans="1:7" x14ac:dyDescent="0.3">
      <c r="A3449" s="13" t="s">
        <v>37</v>
      </c>
      <c r="B3449" s="14" t="s">
        <v>1</v>
      </c>
      <c r="C3449" s="14" t="s">
        <v>38</v>
      </c>
      <c r="D3449" s="14" t="s">
        <v>39</v>
      </c>
      <c r="E3449" s="15">
        <v>45540</v>
      </c>
      <c r="F3449" s="14" t="s">
        <v>15</v>
      </c>
      <c r="G3449" s="16">
        <v>1.3439650108415568</v>
      </c>
    </row>
    <row r="3450" spans="1:7" x14ac:dyDescent="0.3">
      <c r="A3450" s="13" t="s">
        <v>37</v>
      </c>
      <c r="B3450" s="14" t="s">
        <v>1</v>
      </c>
      <c r="C3450" s="14" t="s">
        <v>38</v>
      </c>
      <c r="D3450" s="14" t="s">
        <v>39</v>
      </c>
      <c r="E3450" s="15">
        <v>45541</v>
      </c>
      <c r="F3450" s="14" t="s">
        <v>15</v>
      </c>
      <c r="G3450" s="16">
        <v>1.3576551330190167</v>
      </c>
    </row>
    <row r="3451" spans="1:7" x14ac:dyDescent="0.3">
      <c r="A3451" s="13" t="s">
        <v>37</v>
      </c>
      <c r="B3451" s="14" t="s">
        <v>1</v>
      </c>
      <c r="C3451" s="14" t="s">
        <v>38</v>
      </c>
      <c r="D3451" s="14" t="s">
        <v>39</v>
      </c>
      <c r="E3451" s="15">
        <v>45542</v>
      </c>
      <c r="F3451" s="14" t="s">
        <v>15</v>
      </c>
      <c r="G3451" s="16">
        <v>1.3576551330190167</v>
      </c>
    </row>
    <row r="3452" spans="1:7" x14ac:dyDescent="0.3">
      <c r="A3452" s="13" t="s">
        <v>37</v>
      </c>
      <c r="B3452" s="14" t="s">
        <v>1</v>
      </c>
      <c r="C3452" s="14" t="s">
        <v>38</v>
      </c>
      <c r="D3452" s="14" t="s">
        <v>39</v>
      </c>
      <c r="E3452" s="15">
        <v>45543</v>
      </c>
      <c r="F3452" s="14" t="s">
        <v>15</v>
      </c>
      <c r="G3452" s="16">
        <v>1.3576551330190167</v>
      </c>
    </row>
    <row r="3453" spans="1:7" x14ac:dyDescent="0.3">
      <c r="A3453" s="13" t="s">
        <v>37</v>
      </c>
      <c r="B3453" s="14" t="s">
        <v>1</v>
      </c>
      <c r="C3453" s="14" t="s">
        <v>38</v>
      </c>
      <c r="D3453" s="14" t="s">
        <v>39</v>
      </c>
      <c r="E3453" s="15">
        <v>45544</v>
      </c>
      <c r="F3453" s="14" t="s">
        <v>15</v>
      </c>
      <c r="G3453" s="16">
        <v>1.3666544623772134</v>
      </c>
    </row>
    <row r="3454" spans="1:7" x14ac:dyDescent="0.3">
      <c r="A3454" s="13" t="s">
        <v>37</v>
      </c>
      <c r="B3454" s="14" t="s">
        <v>1</v>
      </c>
      <c r="C3454" s="14" t="s">
        <v>38</v>
      </c>
      <c r="D3454" s="14" t="s">
        <v>39</v>
      </c>
      <c r="E3454" s="15">
        <v>45545</v>
      </c>
      <c r="F3454" s="14" t="s">
        <v>15</v>
      </c>
      <c r="G3454" s="16">
        <v>1.4224282185504473</v>
      </c>
    </row>
    <row r="3455" spans="1:7" x14ac:dyDescent="0.3">
      <c r="A3455" s="13" t="s">
        <v>37</v>
      </c>
      <c r="B3455" s="14" t="s">
        <v>1</v>
      </c>
      <c r="C3455" s="14" t="s">
        <v>38</v>
      </c>
      <c r="D3455" s="14" t="s">
        <v>39</v>
      </c>
      <c r="E3455" s="15">
        <v>45546</v>
      </c>
      <c r="F3455" s="14" t="s">
        <v>15</v>
      </c>
      <c r="G3455" s="16">
        <v>1.419964323181395</v>
      </c>
    </row>
    <row r="3456" spans="1:7" x14ac:dyDescent="0.3">
      <c r="A3456" s="13" t="s">
        <v>37</v>
      </c>
      <c r="B3456" s="14" t="s">
        <v>1</v>
      </c>
      <c r="C3456" s="14" t="s">
        <v>38</v>
      </c>
      <c r="D3456" s="14" t="s">
        <v>39</v>
      </c>
      <c r="E3456" s="15">
        <v>45547</v>
      </c>
      <c r="F3456" s="14" t="s">
        <v>15</v>
      </c>
      <c r="G3456" s="16">
        <v>1.4783635479709978</v>
      </c>
    </row>
    <row r="3457" spans="1:7" x14ac:dyDescent="0.3">
      <c r="A3457" s="13" t="s">
        <v>37</v>
      </c>
      <c r="B3457" s="14" t="s">
        <v>1</v>
      </c>
      <c r="C3457" s="14" t="s">
        <v>38</v>
      </c>
      <c r="D3457" s="14" t="s">
        <v>39</v>
      </c>
      <c r="E3457" s="15">
        <v>45548</v>
      </c>
      <c r="F3457" s="14" t="s">
        <v>15</v>
      </c>
      <c r="G3457" s="16">
        <v>1.5428596280521469</v>
      </c>
    </row>
    <row r="3458" spans="1:7" x14ac:dyDescent="0.3">
      <c r="A3458" s="13" t="s">
        <v>37</v>
      </c>
      <c r="B3458" s="14" t="s">
        <v>1</v>
      </c>
      <c r="C3458" s="14" t="s">
        <v>38</v>
      </c>
      <c r="D3458" s="14" t="s">
        <v>39</v>
      </c>
      <c r="E3458" s="15">
        <v>45549</v>
      </c>
      <c r="F3458" s="14" t="s">
        <v>15</v>
      </c>
      <c r="G3458" s="16">
        <v>1.5428596280521469</v>
      </c>
    </row>
    <row r="3459" spans="1:7" x14ac:dyDescent="0.3">
      <c r="A3459" s="13" t="s">
        <v>37</v>
      </c>
      <c r="B3459" s="14" t="s">
        <v>1</v>
      </c>
      <c r="C3459" s="14" t="s">
        <v>38</v>
      </c>
      <c r="D3459" s="14" t="s">
        <v>39</v>
      </c>
      <c r="E3459" s="15">
        <v>45550</v>
      </c>
      <c r="F3459" s="14" t="s">
        <v>15</v>
      </c>
      <c r="G3459" s="16">
        <v>1.5428596280521469</v>
      </c>
    </row>
    <row r="3460" spans="1:7" x14ac:dyDescent="0.3">
      <c r="A3460" s="13" t="s">
        <v>37</v>
      </c>
      <c r="B3460" s="14" t="s">
        <v>1</v>
      </c>
      <c r="C3460" s="14" t="s">
        <v>38</v>
      </c>
      <c r="D3460" s="14" t="s">
        <v>39</v>
      </c>
      <c r="E3460" s="15">
        <v>45551</v>
      </c>
      <c r="F3460" s="14" t="s">
        <v>15</v>
      </c>
      <c r="G3460" s="16">
        <v>1.5602393704313624</v>
      </c>
    </row>
    <row r="3461" spans="1:7" x14ac:dyDescent="0.3">
      <c r="A3461" s="13" t="s">
        <v>37</v>
      </c>
      <c r="B3461" s="14" t="s">
        <v>1</v>
      </c>
      <c r="C3461" s="14" t="s">
        <v>38</v>
      </c>
      <c r="D3461" s="14" t="s">
        <v>39</v>
      </c>
      <c r="E3461" s="15">
        <v>45552</v>
      </c>
      <c r="F3461" s="14" t="s">
        <v>15</v>
      </c>
      <c r="G3461" s="16">
        <v>1.5527331564070286</v>
      </c>
    </row>
    <row r="3462" spans="1:7" x14ac:dyDescent="0.3">
      <c r="A3462" s="13" t="s">
        <v>37</v>
      </c>
      <c r="B3462" s="14" t="s">
        <v>1</v>
      </c>
      <c r="C3462" s="14" t="s">
        <v>38</v>
      </c>
      <c r="D3462" s="14" t="s">
        <v>39</v>
      </c>
      <c r="E3462" s="15">
        <v>45553</v>
      </c>
      <c r="F3462" s="14" t="s">
        <v>15</v>
      </c>
      <c r="G3462" s="16">
        <v>1.550221452828495</v>
      </c>
    </row>
    <row r="3463" spans="1:7" x14ac:dyDescent="0.3">
      <c r="A3463" s="13" t="s">
        <v>37</v>
      </c>
      <c r="B3463" s="14" t="s">
        <v>1</v>
      </c>
      <c r="C3463" s="14" t="s">
        <v>38</v>
      </c>
      <c r="D3463" s="14" t="s">
        <v>39</v>
      </c>
      <c r="E3463" s="15">
        <v>45554</v>
      </c>
      <c r="F3463" s="14" t="s">
        <v>15</v>
      </c>
      <c r="G3463" s="16">
        <v>1.5476999265015845</v>
      </c>
    </row>
    <row r="3464" spans="1:7" x14ac:dyDescent="0.3">
      <c r="A3464" s="13" t="s">
        <v>37</v>
      </c>
      <c r="B3464" s="14" t="s">
        <v>1</v>
      </c>
      <c r="C3464" s="14" t="s">
        <v>38</v>
      </c>
      <c r="D3464" s="14" t="s">
        <v>39</v>
      </c>
      <c r="E3464" s="15">
        <v>45555</v>
      </c>
      <c r="F3464" s="14" t="s">
        <v>15</v>
      </c>
      <c r="G3464" s="16">
        <v>1.5451943399525172</v>
      </c>
    </row>
    <row r="3465" spans="1:7" x14ac:dyDescent="0.3">
      <c r="A3465" s="13" t="s">
        <v>37</v>
      </c>
      <c r="B3465" s="14" t="s">
        <v>1</v>
      </c>
      <c r="C3465" s="14" t="s">
        <v>38</v>
      </c>
      <c r="D3465" s="14" t="s">
        <v>39</v>
      </c>
      <c r="E3465" s="15">
        <v>45556</v>
      </c>
      <c r="F3465" s="14" t="s">
        <v>15</v>
      </c>
      <c r="G3465" s="16">
        <v>1.5451943399525172</v>
      </c>
    </row>
    <row r="3466" spans="1:7" x14ac:dyDescent="0.3">
      <c r="A3466" s="13" t="s">
        <v>37</v>
      </c>
      <c r="B3466" s="14" t="s">
        <v>1</v>
      </c>
      <c r="C3466" s="14" t="s">
        <v>38</v>
      </c>
      <c r="D3466" s="14" t="s">
        <v>39</v>
      </c>
      <c r="E3466" s="15">
        <v>45557</v>
      </c>
      <c r="F3466" s="14" t="s">
        <v>15</v>
      </c>
      <c r="G3466" s="16">
        <v>1.5451943399525172</v>
      </c>
    </row>
    <row r="3467" spans="1:7" x14ac:dyDescent="0.3">
      <c r="A3467" s="13" t="s">
        <v>37</v>
      </c>
      <c r="B3467" s="14" t="s">
        <v>1</v>
      </c>
      <c r="C3467" s="14" t="s">
        <v>38</v>
      </c>
      <c r="D3467" s="14" t="s">
        <v>39</v>
      </c>
      <c r="E3467" s="15">
        <v>45558</v>
      </c>
      <c r="F3467" s="14" t="s">
        <v>15</v>
      </c>
      <c r="G3467" s="16">
        <v>1.5426502471985482</v>
      </c>
    </row>
    <row r="3468" spans="1:7" x14ac:dyDescent="0.3">
      <c r="A3468" s="13" t="s">
        <v>37</v>
      </c>
      <c r="B3468" s="14" t="s">
        <v>1</v>
      </c>
      <c r="C3468" s="14" t="s">
        <v>38</v>
      </c>
      <c r="D3468" s="14" t="s">
        <v>39</v>
      </c>
      <c r="E3468" s="15">
        <v>45559</v>
      </c>
      <c r="F3468" s="14" t="s">
        <v>15</v>
      </c>
      <c r="G3468" s="16">
        <v>1.5349692476120917</v>
      </c>
    </row>
    <row r="3469" spans="1:7" x14ac:dyDescent="0.3">
      <c r="A3469" s="13" t="s">
        <v>37</v>
      </c>
      <c r="B3469" s="14" t="s">
        <v>1</v>
      </c>
      <c r="C3469" s="14" t="s">
        <v>38</v>
      </c>
      <c r="D3469" s="14" t="s">
        <v>39</v>
      </c>
      <c r="E3469" s="15">
        <v>45560</v>
      </c>
      <c r="F3469" s="14" t="s">
        <v>15</v>
      </c>
      <c r="G3469" s="16">
        <v>1.5324058122063584</v>
      </c>
    </row>
    <row r="3470" spans="1:7" x14ac:dyDescent="0.3">
      <c r="A3470" s="13" t="s">
        <v>37</v>
      </c>
      <c r="B3470" s="14" t="s">
        <v>1</v>
      </c>
      <c r="C3470" s="14" t="s">
        <v>38</v>
      </c>
      <c r="D3470" s="14" t="s">
        <v>39</v>
      </c>
      <c r="E3470" s="15">
        <v>45561</v>
      </c>
      <c r="F3470" s="14" t="s">
        <v>15</v>
      </c>
      <c r="G3470" s="16">
        <v>1.5298124673298412</v>
      </c>
    </row>
    <row r="3471" spans="1:7" x14ac:dyDescent="0.3">
      <c r="A3471" s="13" t="s">
        <v>37</v>
      </c>
      <c r="B3471" s="14" t="s">
        <v>1</v>
      </c>
      <c r="C3471" s="14" t="s">
        <v>38</v>
      </c>
      <c r="D3471" s="14" t="s">
        <v>39</v>
      </c>
      <c r="E3471" s="15">
        <v>45562</v>
      </c>
      <c r="F3471" s="14" t="s">
        <v>15</v>
      </c>
      <c r="G3471" s="16">
        <v>1.5272151822835198</v>
      </c>
    </row>
    <row r="3472" spans="1:7" x14ac:dyDescent="0.3">
      <c r="A3472" s="13" t="s">
        <v>37</v>
      </c>
      <c r="B3472" s="14" t="s">
        <v>1</v>
      </c>
      <c r="C3472" s="14" t="s">
        <v>38</v>
      </c>
      <c r="D3472" s="14" t="s">
        <v>39</v>
      </c>
      <c r="E3472" s="15">
        <v>45563</v>
      </c>
      <c r="F3472" s="14" t="s">
        <v>15</v>
      </c>
      <c r="G3472" s="16">
        <v>1.5272151822835198</v>
      </c>
    </row>
    <row r="3473" spans="1:7" x14ac:dyDescent="0.3">
      <c r="A3473" s="13" t="s">
        <v>37</v>
      </c>
      <c r="B3473" s="14" t="s">
        <v>1</v>
      </c>
      <c r="C3473" s="14" t="s">
        <v>38</v>
      </c>
      <c r="D3473" s="14" t="s">
        <v>39</v>
      </c>
      <c r="E3473" s="15">
        <v>45564</v>
      </c>
      <c r="F3473" s="14" t="s">
        <v>15</v>
      </c>
      <c r="G3473" s="16">
        <v>1.5272151822835198</v>
      </c>
    </row>
    <row r="3474" spans="1:7" x14ac:dyDescent="0.3">
      <c r="A3474" s="13" t="s">
        <v>37</v>
      </c>
      <c r="B3474" s="14" t="s">
        <v>1</v>
      </c>
      <c r="C3474" s="14" t="s">
        <v>38</v>
      </c>
      <c r="D3474" s="14" t="s">
        <v>39</v>
      </c>
      <c r="E3474" s="15">
        <v>45565</v>
      </c>
      <c r="F3474" s="14" t="s">
        <v>15</v>
      </c>
      <c r="G3474" s="16">
        <v>1.5430611156946248</v>
      </c>
    </row>
    <row r="3475" spans="1:7" x14ac:dyDescent="0.3">
      <c r="A3475" s="13" t="s">
        <v>37</v>
      </c>
      <c r="B3475" s="14" t="s">
        <v>1</v>
      </c>
      <c r="C3475" s="14" t="s">
        <v>38</v>
      </c>
      <c r="D3475" s="14" t="s">
        <v>39</v>
      </c>
      <c r="E3475" s="15">
        <v>45566</v>
      </c>
      <c r="F3475" s="14" t="s">
        <v>15</v>
      </c>
      <c r="G3475" s="16">
        <v>1.5350914091207208</v>
      </c>
    </row>
    <row r="3476" spans="1:7" x14ac:dyDescent="0.3">
      <c r="A3476" s="13" t="s">
        <v>37</v>
      </c>
      <c r="B3476" s="14" t="s">
        <v>1</v>
      </c>
      <c r="C3476" s="14" t="s">
        <v>38</v>
      </c>
      <c r="D3476" s="14" t="s">
        <v>39</v>
      </c>
      <c r="E3476" s="15">
        <v>45567</v>
      </c>
      <c r="F3476" s="14" t="s">
        <v>15</v>
      </c>
      <c r="G3476" s="16">
        <v>1.5324847964542714</v>
      </c>
    </row>
    <row r="3477" spans="1:7" x14ac:dyDescent="0.3">
      <c r="A3477" s="13" t="s">
        <v>37</v>
      </c>
      <c r="B3477" s="14" t="s">
        <v>1</v>
      </c>
      <c r="C3477" s="14" t="s">
        <v>38</v>
      </c>
      <c r="D3477" s="14" t="s">
        <v>39</v>
      </c>
      <c r="E3477" s="15">
        <v>45568</v>
      </c>
      <c r="F3477" s="14" t="s">
        <v>15</v>
      </c>
      <c r="G3477" s="16">
        <v>1.5298390872269376</v>
      </c>
    </row>
    <row r="3478" spans="1:7" x14ac:dyDescent="0.3">
      <c r="A3478" s="13" t="s">
        <v>37</v>
      </c>
      <c r="B3478" s="14" t="s">
        <v>1</v>
      </c>
      <c r="C3478" s="14" t="s">
        <v>38</v>
      </c>
      <c r="D3478" s="14" t="s">
        <v>39</v>
      </c>
      <c r="E3478" s="15">
        <v>45569</v>
      </c>
      <c r="F3478" s="14" t="s">
        <v>15</v>
      </c>
      <c r="G3478" s="16">
        <v>1.5271753471655889</v>
      </c>
    </row>
    <row r="3479" spans="1:7" x14ac:dyDescent="0.3">
      <c r="A3479" s="13" t="s">
        <v>37</v>
      </c>
      <c r="B3479" s="14" t="s">
        <v>1</v>
      </c>
      <c r="C3479" s="14" t="s">
        <v>38</v>
      </c>
      <c r="D3479" s="14" t="s">
        <v>39</v>
      </c>
      <c r="E3479" s="15">
        <v>45570</v>
      </c>
      <c r="F3479" s="14" t="s">
        <v>15</v>
      </c>
      <c r="G3479" s="16">
        <v>1.5271753471655889</v>
      </c>
    </row>
    <row r="3480" spans="1:7" x14ac:dyDescent="0.3">
      <c r="A3480" s="13" t="s">
        <v>37</v>
      </c>
      <c r="B3480" s="14" t="s">
        <v>1</v>
      </c>
      <c r="C3480" s="14" t="s">
        <v>38</v>
      </c>
      <c r="D3480" s="14" t="s">
        <v>39</v>
      </c>
      <c r="E3480" s="15">
        <v>45571</v>
      </c>
      <c r="F3480" s="14" t="s">
        <v>15</v>
      </c>
      <c r="G3480" s="16">
        <v>1.5271753471655889</v>
      </c>
    </row>
    <row r="3481" spans="1:7" x14ac:dyDescent="0.3">
      <c r="A3481" s="13" t="s">
        <v>37</v>
      </c>
      <c r="B3481" s="14" t="s">
        <v>1</v>
      </c>
      <c r="C3481" s="14" t="s">
        <v>38</v>
      </c>
      <c r="D3481" s="14" t="s">
        <v>39</v>
      </c>
      <c r="E3481" s="15">
        <v>45572</v>
      </c>
      <c r="F3481" s="14" t="s">
        <v>15</v>
      </c>
      <c r="G3481" s="16">
        <v>1.5245255319067468</v>
      </c>
    </row>
    <row r="3482" spans="1:7" x14ac:dyDescent="0.3">
      <c r="A3482" s="13" t="s">
        <v>37</v>
      </c>
      <c r="B3482" s="14" t="s">
        <v>1</v>
      </c>
      <c r="C3482" s="14" t="s">
        <v>38</v>
      </c>
      <c r="D3482" s="14" t="s">
        <v>39</v>
      </c>
      <c r="E3482" s="15">
        <v>45573</v>
      </c>
      <c r="F3482" s="14" t="s">
        <v>15</v>
      </c>
      <c r="G3482" s="16">
        <v>1.5165716165546106</v>
      </c>
    </row>
    <row r="3483" spans="1:7" x14ac:dyDescent="0.3">
      <c r="A3483" s="13" t="s">
        <v>37</v>
      </c>
      <c r="B3483" s="14" t="s">
        <v>1</v>
      </c>
      <c r="C3483" s="14" t="s">
        <v>38</v>
      </c>
      <c r="D3483" s="14" t="s">
        <v>39</v>
      </c>
      <c r="E3483" s="15">
        <v>45574</v>
      </c>
      <c r="F3483" s="14" t="s">
        <v>15</v>
      </c>
      <c r="G3483" s="16">
        <v>1.566729674381216</v>
      </c>
    </row>
    <row r="3484" spans="1:7" x14ac:dyDescent="0.3">
      <c r="A3484" s="13" t="s">
        <v>37</v>
      </c>
      <c r="B3484" s="14" t="s">
        <v>1</v>
      </c>
      <c r="C3484" s="14" t="s">
        <v>38</v>
      </c>
      <c r="D3484" s="14" t="s">
        <v>39</v>
      </c>
      <c r="E3484" s="15">
        <v>45575</v>
      </c>
      <c r="F3484" s="14" t="s">
        <v>15</v>
      </c>
      <c r="G3484" s="16">
        <v>1.5641402431161604</v>
      </c>
    </row>
    <row r="3485" spans="1:7" x14ac:dyDescent="0.3">
      <c r="A3485" s="13" t="s">
        <v>37</v>
      </c>
      <c r="B3485" s="14" t="s">
        <v>1</v>
      </c>
      <c r="C3485" s="14" t="s">
        <v>38</v>
      </c>
      <c r="D3485" s="14" t="s">
        <v>39</v>
      </c>
      <c r="E3485" s="15">
        <v>45576</v>
      </c>
      <c r="F3485" s="14" t="s">
        <v>15</v>
      </c>
      <c r="G3485" s="16">
        <v>1.5615484933271926</v>
      </c>
    </row>
    <row r="3486" spans="1:7" x14ac:dyDescent="0.3">
      <c r="A3486" s="13" t="s">
        <v>37</v>
      </c>
      <c r="B3486" s="14" t="s">
        <v>1</v>
      </c>
      <c r="C3486" s="14" t="s">
        <v>38</v>
      </c>
      <c r="D3486" s="14" t="s">
        <v>39</v>
      </c>
      <c r="E3486" s="15">
        <v>45577</v>
      </c>
      <c r="F3486" s="14" t="s">
        <v>15</v>
      </c>
      <c r="G3486" s="16">
        <v>1.5615484933271926</v>
      </c>
    </row>
    <row r="3487" spans="1:7" x14ac:dyDescent="0.3">
      <c r="A3487" s="13" t="s">
        <v>37</v>
      </c>
      <c r="B3487" s="14" t="s">
        <v>1</v>
      </c>
      <c r="C3487" s="14" t="s">
        <v>38</v>
      </c>
      <c r="D3487" s="14" t="s">
        <v>39</v>
      </c>
      <c r="E3487" s="15">
        <v>45578</v>
      </c>
      <c r="F3487" s="14" t="s">
        <v>15</v>
      </c>
      <c r="G3487" s="16">
        <v>1.5615484933271926</v>
      </c>
    </row>
    <row r="3488" spans="1:7" x14ac:dyDescent="0.3">
      <c r="A3488" s="13" t="s">
        <v>37</v>
      </c>
      <c r="B3488" s="14" t="s">
        <v>1</v>
      </c>
      <c r="C3488" s="14" t="s">
        <v>38</v>
      </c>
      <c r="D3488" s="14" t="s">
        <v>39</v>
      </c>
      <c r="E3488" s="15">
        <v>45579</v>
      </c>
      <c r="F3488" s="14" t="s">
        <v>15</v>
      </c>
      <c r="G3488" s="16">
        <v>1.5589415839587983</v>
      </c>
    </row>
    <row r="3489" spans="1:7" x14ac:dyDescent="0.3">
      <c r="A3489" s="13" t="s">
        <v>37</v>
      </c>
      <c r="B3489" s="14" t="s">
        <v>1</v>
      </c>
      <c r="C3489" s="14" t="s">
        <v>38</v>
      </c>
      <c r="D3489" s="14" t="s">
        <v>39</v>
      </c>
      <c r="E3489" s="15">
        <v>45580</v>
      </c>
      <c r="F3489" s="14" t="s">
        <v>15</v>
      </c>
      <c r="G3489" s="16">
        <v>1.5510814344492239</v>
      </c>
    </row>
    <row r="3490" spans="1:7" x14ac:dyDescent="0.3">
      <c r="A3490" s="13" t="s">
        <v>37</v>
      </c>
      <c r="B3490" s="14" t="s">
        <v>1</v>
      </c>
      <c r="C3490" s="14" t="s">
        <v>38</v>
      </c>
      <c r="D3490" s="14" t="s">
        <v>39</v>
      </c>
      <c r="E3490" s="15">
        <v>45581</v>
      </c>
      <c r="F3490" s="14" t="s">
        <v>15</v>
      </c>
      <c r="G3490" s="16">
        <v>1.5484536583656194</v>
      </c>
    </row>
    <row r="3491" spans="1:7" x14ac:dyDescent="0.3">
      <c r="A3491" s="13" t="s">
        <v>37</v>
      </c>
      <c r="B3491" s="14" t="s">
        <v>1</v>
      </c>
      <c r="C3491" s="14" t="s">
        <v>38</v>
      </c>
      <c r="D3491" s="14" t="s">
        <v>39</v>
      </c>
      <c r="E3491" s="15">
        <v>45582</v>
      </c>
      <c r="F3491" s="14" t="s">
        <v>15</v>
      </c>
      <c r="G3491" s="16">
        <v>1.5458335512457246</v>
      </c>
    </row>
    <row r="3492" spans="1:7" x14ac:dyDescent="0.3">
      <c r="A3492" s="13" t="s">
        <v>37</v>
      </c>
      <c r="B3492" s="14" t="s">
        <v>1</v>
      </c>
      <c r="C3492" s="14" t="s">
        <v>38</v>
      </c>
      <c r="D3492" s="14" t="s">
        <v>39</v>
      </c>
      <c r="E3492" s="15">
        <v>45583</v>
      </c>
      <c r="F3492" s="14" t="s">
        <v>15</v>
      </c>
      <c r="G3492" s="16">
        <v>1.5432360943209729</v>
      </c>
    </row>
    <row r="3493" spans="1:7" x14ac:dyDescent="0.3">
      <c r="A3493" s="13" t="s">
        <v>37</v>
      </c>
      <c r="B3493" s="14" t="s">
        <v>1</v>
      </c>
      <c r="C3493" s="14" t="s">
        <v>38</v>
      </c>
      <c r="D3493" s="14" t="s">
        <v>39</v>
      </c>
      <c r="E3493" s="15">
        <v>45584</v>
      </c>
      <c r="F3493" s="14" t="s">
        <v>15</v>
      </c>
      <c r="G3493" s="16">
        <v>1.5432360943209729</v>
      </c>
    </row>
    <row r="3494" spans="1:7" x14ac:dyDescent="0.3">
      <c r="A3494" s="13" t="s">
        <v>37</v>
      </c>
      <c r="B3494" s="14" t="s">
        <v>1</v>
      </c>
      <c r="C3494" s="14" t="s">
        <v>38</v>
      </c>
      <c r="D3494" s="14" t="s">
        <v>39</v>
      </c>
      <c r="E3494" s="15">
        <v>45585</v>
      </c>
      <c r="F3494" s="14" t="s">
        <v>15</v>
      </c>
      <c r="G3494" s="16">
        <v>1.5432360943209729</v>
      </c>
    </row>
    <row r="3495" spans="1:7" x14ac:dyDescent="0.3">
      <c r="A3495" s="13" t="s">
        <v>37</v>
      </c>
      <c r="B3495" s="14" t="s">
        <v>1</v>
      </c>
      <c r="C3495" s="14" t="s">
        <v>38</v>
      </c>
      <c r="D3495" s="14" t="s">
        <v>39</v>
      </c>
      <c r="E3495" s="15">
        <v>45586</v>
      </c>
      <c r="F3495" s="14" t="s">
        <v>15</v>
      </c>
      <c r="G3495" s="16">
        <v>1.5406434527920387</v>
      </c>
    </row>
    <row r="3496" spans="1:7" x14ac:dyDescent="0.3">
      <c r="A3496" s="13" t="s">
        <v>37</v>
      </c>
      <c r="B3496" s="14" t="s">
        <v>1</v>
      </c>
      <c r="C3496" s="14" t="s">
        <v>38</v>
      </c>
      <c r="D3496" s="14" t="s">
        <v>39</v>
      </c>
      <c r="E3496" s="15">
        <v>45587</v>
      </c>
      <c r="F3496" s="14" t="s">
        <v>15</v>
      </c>
      <c r="G3496" s="16">
        <v>1.5327406781120774</v>
      </c>
    </row>
    <row r="3497" spans="1:7" x14ac:dyDescent="0.3">
      <c r="A3497" s="13" t="s">
        <v>37</v>
      </c>
      <c r="B3497" s="14" t="s">
        <v>1</v>
      </c>
      <c r="C3497" s="14" t="s">
        <v>38</v>
      </c>
      <c r="D3497" s="14" t="s">
        <v>39</v>
      </c>
      <c r="E3497" s="15">
        <v>45588</v>
      </c>
      <c r="F3497" s="14" t="s">
        <v>15</v>
      </c>
      <c r="G3497" s="16">
        <v>1.5301214627321489</v>
      </c>
    </row>
    <row r="3498" spans="1:7" x14ac:dyDescent="0.3">
      <c r="A3498" s="13" t="s">
        <v>37</v>
      </c>
      <c r="B3498" s="14" t="s">
        <v>1</v>
      </c>
      <c r="C3498" s="14" t="s">
        <v>38</v>
      </c>
      <c r="D3498" s="14" t="s">
        <v>39</v>
      </c>
      <c r="E3498" s="15">
        <v>45589</v>
      </c>
      <c r="F3498" s="14" t="s">
        <v>15</v>
      </c>
      <c r="G3498" s="16">
        <v>1.5275150557103703</v>
      </c>
    </row>
    <row r="3499" spans="1:7" x14ac:dyDescent="0.3">
      <c r="A3499" s="13" t="s">
        <v>37</v>
      </c>
      <c r="B3499" s="14" t="s">
        <v>1</v>
      </c>
      <c r="C3499" s="14" t="s">
        <v>38</v>
      </c>
      <c r="D3499" s="14" t="s">
        <v>39</v>
      </c>
      <c r="E3499" s="15">
        <v>45590</v>
      </c>
      <c r="F3499" s="14" t="s">
        <v>15</v>
      </c>
      <c r="G3499" s="16">
        <v>1.5249057480442061</v>
      </c>
    </row>
    <row r="3500" spans="1:7" x14ac:dyDescent="0.3">
      <c r="A3500" s="13" t="s">
        <v>37</v>
      </c>
      <c r="B3500" s="14" t="s">
        <v>1</v>
      </c>
      <c r="C3500" s="14" t="s">
        <v>38</v>
      </c>
      <c r="D3500" s="14" t="s">
        <v>39</v>
      </c>
      <c r="E3500" s="15">
        <v>45591</v>
      </c>
      <c r="F3500" s="14" t="s">
        <v>15</v>
      </c>
      <c r="G3500" s="16">
        <v>1.5249057480442061</v>
      </c>
    </row>
    <row r="3501" spans="1:7" x14ac:dyDescent="0.3">
      <c r="A3501" s="13" t="s">
        <v>37</v>
      </c>
      <c r="B3501" s="14" t="s">
        <v>1</v>
      </c>
      <c r="C3501" s="14" t="s">
        <v>38</v>
      </c>
      <c r="D3501" s="14" t="s">
        <v>39</v>
      </c>
      <c r="E3501" s="15">
        <v>45592</v>
      </c>
      <c r="F3501" s="14" t="s">
        <v>15</v>
      </c>
      <c r="G3501" s="16">
        <v>1.5249057480442061</v>
      </c>
    </row>
    <row r="3502" spans="1:7" x14ac:dyDescent="0.3">
      <c r="A3502" s="13" t="s">
        <v>37</v>
      </c>
      <c r="B3502" s="14" t="s">
        <v>1</v>
      </c>
      <c r="C3502" s="14" t="s">
        <v>38</v>
      </c>
      <c r="D3502" s="14" t="s">
        <v>39</v>
      </c>
      <c r="E3502" s="15">
        <v>45593</v>
      </c>
      <c r="F3502" s="14" t="s">
        <v>15</v>
      </c>
      <c r="G3502" s="16">
        <v>1.5249057480442061</v>
      </c>
    </row>
    <row r="3503" spans="1:7" x14ac:dyDescent="0.3">
      <c r="A3503" s="13" t="s">
        <v>37</v>
      </c>
      <c r="B3503" s="14" t="s">
        <v>1</v>
      </c>
      <c r="C3503" s="14" t="s">
        <v>38</v>
      </c>
      <c r="D3503" s="14" t="s">
        <v>39</v>
      </c>
      <c r="E3503" s="15">
        <v>45594</v>
      </c>
      <c r="F3503" s="14" t="s">
        <v>15</v>
      </c>
      <c r="G3503" s="16">
        <v>1.5224163986005335</v>
      </c>
    </row>
    <row r="3504" spans="1:7" x14ac:dyDescent="0.3">
      <c r="A3504" s="13" t="s">
        <v>37</v>
      </c>
      <c r="B3504" s="14" t="s">
        <v>1</v>
      </c>
      <c r="C3504" s="14" t="s">
        <v>38</v>
      </c>
      <c r="D3504" s="14" t="s">
        <v>39</v>
      </c>
      <c r="E3504" s="15">
        <v>45595</v>
      </c>
      <c r="F3504" s="14" t="s">
        <v>15</v>
      </c>
      <c r="G3504" s="16">
        <v>1.5120328399778384</v>
      </c>
    </row>
    <row r="3505" spans="1:7" x14ac:dyDescent="0.3">
      <c r="A3505" s="13" t="s">
        <v>37</v>
      </c>
      <c r="B3505" s="14" t="s">
        <v>1</v>
      </c>
      <c r="C3505" s="14" t="s">
        <v>38</v>
      </c>
      <c r="D3505" s="14" t="s">
        <v>39</v>
      </c>
      <c r="E3505" s="15">
        <v>45596</v>
      </c>
      <c r="F3505" s="14" t="s">
        <v>15</v>
      </c>
      <c r="G3505" s="16">
        <v>1.5120328399778384</v>
      </c>
    </row>
    <row r="3506" spans="1:7" x14ac:dyDescent="0.3">
      <c r="A3506" s="13" t="s">
        <v>37</v>
      </c>
      <c r="B3506" s="14" t="s">
        <v>1</v>
      </c>
      <c r="C3506" s="14" t="s">
        <v>38</v>
      </c>
      <c r="D3506" s="14" t="s">
        <v>39</v>
      </c>
      <c r="E3506" s="15">
        <v>45597</v>
      </c>
      <c r="F3506" s="14" t="s">
        <v>15</v>
      </c>
      <c r="G3506" s="16">
        <v>1.5094380145942194</v>
      </c>
    </row>
    <row r="3507" spans="1:7" x14ac:dyDescent="0.3">
      <c r="A3507" s="13" t="s">
        <v>37</v>
      </c>
      <c r="B3507" s="14" t="s">
        <v>1</v>
      </c>
      <c r="C3507" s="14" t="s">
        <v>38</v>
      </c>
      <c r="D3507" s="14" t="s">
        <v>39</v>
      </c>
      <c r="E3507" s="15">
        <v>45598</v>
      </c>
      <c r="F3507" s="14" t="s">
        <v>15</v>
      </c>
      <c r="G3507" s="16">
        <v>1.5094380145942194</v>
      </c>
    </row>
    <row r="3508" spans="1:7" x14ac:dyDescent="0.3">
      <c r="A3508" s="13" t="s">
        <v>37</v>
      </c>
      <c r="B3508" s="14" t="s">
        <v>1</v>
      </c>
      <c r="C3508" s="14" t="s">
        <v>38</v>
      </c>
      <c r="D3508" s="14" t="s">
        <v>39</v>
      </c>
      <c r="E3508" s="15">
        <v>45599</v>
      </c>
      <c r="F3508" s="14" t="s">
        <v>15</v>
      </c>
      <c r="G3508" s="16">
        <v>1.5094380145942194</v>
      </c>
    </row>
    <row r="3509" spans="1:7" x14ac:dyDescent="0.3">
      <c r="A3509" s="13" t="s">
        <v>37</v>
      </c>
      <c r="B3509" s="14" t="s">
        <v>1</v>
      </c>
      <c r="C3509" s="14" t="s">
        <v>38</v>
      </c>
      <c r="D3509" s="14" t="s">
        <v>39</v>
      </c>
      <c r="E3509" s="15">
        <v>45600</v>
      </c>
      <c r="F3509" s="14" t="s">
        <v>15</v>
      </c>
      <c r="G3509" s="16">
        <v>1.5043252055483434</v>
      </c>
    </row>
    <row r="3510" spans="1:7" x14ac:dyDescent="0.3">
      <c r="A3510" s="13" t="s">
        <v>37</v>
      </c>
      <c r="B3510" s="14" t="s">
        <v>1</v>
      </c>
      <c r="C3510" s="14" t="s">
        <v>38</v>
      </c>
      <c r="D3510" s="14" t="s">
        <v>39</v>
      </c>
      <c r="E3510" s="15">
        <v>45601</v>
      </c>
      <c r="F3510" s="14" t="s">
        <v>15</v>
      </c>
      <c r="G3510" s="16">
        <v>1.4966340217341361</v>
      </c>
    </row>
    <row r="3511" spans="1:7" x14ac:dyDescent="0.3">
      <c r="A3511" s="13" t="s">
        <v>37</v>
      </c>
      <c r="B3511" s="14" t="s">
        <v>1</v>
      </c>
      <c r="C3511" s="14" t="s">
        <v>38</v>
      </c>
      <c r="D3511" s="14" t="s">
        <v>39</v>
      </c>
      <c r="E3511" s="15">
        <v>45602</v>
      </c>
      <c r="F3511" s="14" t="s">
        <v>15</v>
      </c>
      <c r="G3511" s="16">
        <v>1.4940534220602277</v>
      </c>
    </row>
    <row r="3512" spans="1:7" x14ac:dyDescent="0.3">
      <c r="A3512" s="13" t="s">
        <v>37</v>
      </c>
      <c r="B3512" s="14" t="s">
        <v>1</v>
      </c>
      <c r="C3512" s="14" t="s">
        <v>38</v>
      </c>
      <c r="D3512" s="14" t="s">
        <v>39</v>
      </c>
      <c r="E3512" s="15">
        <v>45603</v>
      </c>
      <c r="F3512" s="14" t="s">
        <v>15</v>
      </c>
      <c r="G3512" s="16">
        <v>1.4914605527038445</v>
      </c>
    </row>
    <row r="3513" spans="1:7" x14ac:dyDescent="0.3">
      <c r="A3513" s="13" t="s">
        <v>37</v>
      </c>
      <c r="B3513" s="14" t="s">
        <v>1</v>
      </c>
      <c r="C3513" s="14" t="s">
        <v>38</v>
      </c>
      <c r="D3513" s="14" t="s">
        <v>39</v>
      </c>
      <c r="E3513" s="15">
        <v>45604</v>
      </c>
      <c r="F3513" s="14" t="s">
        <v>15</v>
      </c>
      <c r="G3513" s="16">
        <v>1.5219099382519514</v>
      </c>
    </row>
    <row r="3514" spans="1:7" x14ac:dyDescent="0.3">
      <c r="A3514" s="13" t="s">
        <v>37</v>
      </c>
      <c r="B3514" s="14" t="s">
        <v>1</v>
      </c>
      <c r="C3514" s="14" t="s">
        <v>38</v>
      </c>
      <c r="D3514" s="14" t="s">
        <v>39</v>
      </c>
      <c r="E3514" s="15">
        <v>45605</v>
      </c>
      <c r="F3514" s="14" t="s">
        <v>15</v>
      </c>
      <c r="G3514" s="16">
        <v>1.5219099382519514</v>
      </c>
    </row>
    <row r="3515" spans="1:7" x14ac:dyDescent="0.3">
      <c r="A3515" s="13" t="s">
        <v>37</v>
      </c>
      <c r="B3515" s="14" t="s">
        <v>1</v>
      </c>
      <c r="C3515" s="14" t="s">
        <v>38</v>
      </c>
      <c r="D3515" s="14" t="s">
        <v>39</v>
      </c>
      <c r="E3515" s="15">
        <v>45606</v>
      </c>
      <c r="F3515" s="14" t="s">
        <v>15</v>
      </c>
      <c r="G3515" s="16">
        <v>1.5219099382519514</v>
      </c>
    </row>
    <row r="3516" spans="1:7" x14ac:dyDescent="0.3">
      <c r="A3516" s="13" t="s">
        <v>37</v>
      </c>
      <c r="B3516" s="14" t="s">
        <v>1</v>
      </c>
      <c r="C3516" s="14" t="s">
        <v>38</v>
      </c>
      <c r="D3516" s="14" t="s">
        <v>39</v>
      </c>
      <c r="E3516" s="15">
        <v>45607</v>
      </c>
      <c r="F3516" s="14" t="s">
        <v>15</v>
      </c>
      <c r="G3516" s="16">
        <v>1.5193203167526939</v>
      </c>
    </row>
    <row r="3517" spans="1:7" x14ac:dyDescent="0.3">
      <c r="A3517" s="13" t="s">
        <v>37</v>
      </c>
      <c r="B3517" s="14" t="s">
        <v>1</v>
      </c>
      <c r="C3517" s="14" t="s">
        <v>38</v>
      </c>
      <c r="D3517" s="14" t="s">
        <v>39</v>
      </c>
      <c r="E3517" s="15">
        <v>45608</v>
      </c>
      <c r="F3517" s="14" t="s">
        <v>15</v>
      </c>
      <c r="G3517" s="16">
        <v>1.5115543327411496</v>
      </c>
    </row>
    <row r="3518" spans="1:7" x14ac:dyDescent="0.3">
      <c r="A3518" s="13" t="s">
        <v>37</v>
      </c>
      <c r="B3518" s="14" t="s">
        <v>1</v>
      </c>
      <c r="C3518" s="14" t="s">
        <v>38</v>
      </c>
      <c r="D3518" s="14" t="s">
        <v>39</v>
      </c>
      <c r="E3518" s="15">
        <v>45609</v>
      </c>
      <c r="F3518" s="14" t="s">
        <v>15</v>
      </c>
      <c r="G3518" s="16">
        <v>1.5216789892698404</v>
      </c>
    </row>
    <row r="3519" spans="1:7" x14ac:dyDescent="0.3">
      <c r="A3519" s="13" t="s">
        <v>37</v>
      </c>
      <c r="B3519" s="14" t="s">
        <v>1</v>
      </c>
      <c r="C3519" s="14" t="s">
        <v>38</v>
      </c>
      <c r="D3519" s="14" t="s">
        <v>39</v>
      </c>
      <c r="E3519" s="15">
        <v>45610</v>
      </c>
      <c r="F3519" s="14" t="s">
        <v>15</v>
      </c>
      <c r="G3519" s="16">
        <v>1.5191561292781659</v>
      </c>
    </row>
    <row r="3520" spans="1:7" x14ac:dyDescent="0.3">
      <c r="A3520" s="13" t="s">
        <v>37</v>
      </c>
      <c r="B3520" s="14" t="s">
        <v>1</v>
      </c>
      <c r="C3520" s="14" t="s">
        <v>38</v>
      </c>
      <c r="D3520" s="14" t="s">
        <v>39</v>
      </c>
      <c r="E3520" s="15">
        <v>45611</v>
      </c>
      <c r="F3520" s="14" t="s">
        <v>15</v>
      </c>
      <c r="G3520" s="16">
        <v>1.6094469214936917</v>
      </c>
    </row>
    <row r="3521" spans="1:7" x14ac:dyDescent="0.3">
      <c r="A3521" s="13" t="s">
        <v>37</v>
      </c>
      <c r="B3521" s="14" t="s">
        <v>1</v>
      </c>
      <c r="C3521" s="14" t="s">
        <v>38</v>
      </c>
      <c r="D3521" s="14" t="s">
        <v>39</v>
      </c>
      <c r="E3521" s="15">
        <v>45612</v>
      </c>
      <c r="F3521" s="14" t="s">
        <v>15</v>
      </c>
      <c r="G3521" s="16">
        <v>1.6094469214936917</v>
      </c>
    </row>
    <row r="3522" spans="1:7" x14ac:dyDescent="0.3">
      <c r="A3522" s="13" t="s">
        <v>37</v>
      </c>
      <c r="B3522" s="14" t="s">
        <v>1</v>
      </c>
      <c r="C3522" s="14" t="s">
        <v>38</v>
      </c>
      <c r="D3522" s="14" t="s">
        <v>39</v>
      </c>
      <c r="E3522" s="15">
        <v>45613</v>
      </c>
      <c r="F3522" s="14" t="s">
        <v>15</v>
      </c>
      <c r="G3522" s="16">
        <v>1.6094469214936917</v>
      </c>
    </row>
    <row r="3523" spans="1:7" x14ac:dyDescent="0.3">
      <c r="A3523" s="13" t="s">
        <v>37</v>
      </c>
      <c r="B3523" s="14" t="s">
        <v>1</v>
      </c>
      <c r="C3523" s="14" t="s">
        <v>38</v>
      </c>
      <c r="D3523" s="14" t="s">
        <v>39</v>
      </c>
      <c r="E3523" s="15">
        <v>45614</v>
      </c>
      <c r="F3523" s="14" t="s">
        <v>15</v>
      </c>
      <c r="G3523" s="16">
        <v>1.6069556087822792</v>
      </c>
    </row>
    <row r="3524" spans="1:7" x14ac:dyDescent="0.3">
      <c r="A3524" s="13" t="s">
        <v>37</v>
      </c>
      <c r="B3524" s="14" t="s">
        <v>1</v>
      </c>
      <c r="C3524" s="14" t="s">
        <v>38</v>
      </c>
      <c r="D3524" s="14" t="s">
        <v>39</v>
      </c>
      <c r="E3524" s="15">
        <v>45615</v>
      </c>
      <c r="F3524" s="14" t="s">
        <v>15</v>
      </c>
      <c r="G3524" s="16">
        <v>1.5994287850148943</v>
      </c>
    </row>
    <row r="3525" spans="1:7" x14ac:dyDescent="0.3">
      <c r="A3525" s="13" t="s">
        <v>37</v>
      </c>
      <c r="B3525" s="14" t="s">
        <v>1</v>
      </c>
      <c r="C3525" s="14" t="s">
        <v>38</v>
      </c>
      <c r="D3525" s="14" t="s">
        <v>39</v>
      </c>
      <c r="E3525" s="15">
        <v>45616</v>
      </c>
      <c r="F3525" s="14" t="s">
        <v>15</v>
      </c>
      <c r="G3525" s="16">
        <v>1.5969110557656125</v>
      </c>
    </row>
    <row r="3526" spans="1:7" x14ac:dyDescent="0.3">
      <c r="A3526" s="13" t="s">
        <v>37</v>
      </c>
      <c r="B3526" s="14" t="s">
        <v>1</v>
      </c>
      <c r="C3526" s="14" t="s">
        <v>38</v>
      </c>
      <c r="D3526" s="14" t="s">
        <v>39</v>
      </c>
      <c r="E3526" s="15">
        <v>45617</v>
      </c>
      <c r="F3526" s="14" t="s">
        <v>15</v>
      </c>
      <c r="G3526" s="16">
        <v>1.6337362450919233</v>
      </c>
    </row>
    <row r="3527" spans="1:7" x14ac:dyDescent="0.3">
      <c r="A3527" s="13" t="s">
        <v>37</v>
      </c>
      <c r="B3527" s="14" t="s">
        <v>1</v>
      </c>
      <c r="C3527" s="14" t="s">
        <v>38</v>
      </c>
      <c r="D3527" s="14" t="s">
        <v>39</v>
      </c>
      <c r="E3527" s="15">
        <v>45618</v>
      </c>
      <c r="F3527" s="14" t="s">
        <v>15</v>
      </c>
      <c r="G3527" s="16">
        <v>1.6312075826480339</v>
      </c>
    </row>
    <row r="3528" spans="1:7" x14ac:dyDescent="0.3">
      <c r="A3528" s="13" t="s">
        <v>37</v>
      </c>
      <c r="B3528" s="14" t="s">
        <v>1</v>
      </c>
      <c r="C3528" s="14" t="s">
        <v>38</v>
      </c>
      <c r="D3528" s="14" t="s">
        <v>39</v>
      </c>
      <c r="E3528" s="15">
        <v>45619</v>
      </c>
      <c r="F3528" s="14" t="s">
        <v>15</v>
      </c>
      <c r="G3528" s="16">
        <v>1.6312075826480339</v>
      </c>
    </row>
    <row r="3529" spans="1:7" x14ac:dyDescent="0.3">
      <c r="A3529" s="13" t="s">
        <v>37</v>
      </c>
      <c r="B3529" s="14" t="s">
        <v>1</v>
      </c>
      <c r="C3529" s="14" t="s">
        <v>38</v>
      </c>
      <c r="D3529" s="14" t="s">
        <v>39</v>
      </c>
      <c r="E3529" s="15">
        <v>45620</v>
      </c>
      <c r="F3529" s="14" t="s">
        <v>15</v>
      </c>
      <c r="G3529" s="16">
        <v>1.6312075826480339</v>
      </c>
    </row>
    <row r="3530" spans="1:7" x14ac:dyDescent="0.3">
      <c r="A3530" s="13" t="s">
        <v>37</v>
      </c>
      <c r="B3530" s="14" t="s">
        <v>1</v>
      </c>
      <c r="C3530" s="14" t="s">
        <v>38</v>
      </c>
      <c r="D3530" s="14" t="s">
        <v>39</v>
      </c>
      <c r="E3530" s="15">
        <v>45621</v>
      </c>
      <c r="F3530" s="14" t="s">
        <v>15</v>
      </c>
      <c r="G3530" s="16">
        <v>1.6286891245191115</v>
      </c>
    </row>
    <row r="3531" spans="1:7" x14ac:dyDescent="0.3">
      <c r="A3531" s="13" t="s">
        <v>37</v>
      </c>
      <c r="B3531" s="14" t="s">
        <v>1</v>
      </c>
      <c r="C3531" s="14" t="s">
        <v>38</v>
      </c>
      <c r="D3531" s="14" t="s">
        <v>39</v>
      </c>
      <c r="E3531" s="15">
        <v>45622</v>
      </c>
      <c r="F3531" s="14" t="s">
        <v>15</v>
      </c>
      <c r="G3531" s="16">
        <v>1.6358048152585094</v>
      </c>
    </row>
    <row r="3532" spans="1:7" x14ac:dyDescent="0.3">
      <c r="A3532" s="13" t="s">
        <v>37</v>
      </c>
      <c r="B3532" s="14" t="s">
        <v>1</v>
      </c>
      <c r="C3532" s="14" t="s">
        <v>38</v>
      </c>
      <c r="D3532" s="14" t="s">
        <v>39</v>
      </c>
      <c r="E3532" s="15">
        <v>45623</v>
      </c>
      <c r="F3532" s="14" t="s">
        <v>15</v>
      </c>
      <c r="G3532" s="16">
        <v>1.6318612152124845</v>
      </c>
    </row>
    <row r="3533" spans="1:7" x14ac:dyDescent="0.3">
      <c r="A3533" s="13" t="s">
        <v>37</v>
      </c>
      <c r="B3533" s="14" t="s">
        <v>1</v>
      </c>
      <c r="C3533" s="14" t="s">
        <v>38</v>
      </c>
      <c r="D3533" s="14" t="s">
        <v>39</v>
      </c>
      <c r="E3533" s="15">
        <v>45624</v>
      </c>
      <c r="F3533" s="14" t="s">
        <v>15</v>
      </c>
      <c r="G3533" s="16">
        <v>1.6370262418139738</v>
      </c>
    </row>
    <row r="3534" spans="1:7" x14ac:dyDescent="0.3">
      <c r="A3534" s="13" t="s">
        <v>37</v>
      </c>
      <c r="B3534" s="14" t="s">
        <v>1</v>
      </c>
      <c r="C3534" s="14" t="s">
        <v>38</v>
      </c>
      <c r="D3534" s="14" t="s">
        <v>39</v>
      </c>
      <c r="E3534" s="15">
        <v>45625</v>
      </c>
      <c r="F3534" s="14" t="s">
        <v>15</v>
      </c>
      <c r="G3534" s="16">
        <v>1.6504330749505036</v>
      </c>
    </row>
    <row r="3535" spans="1:7" x14ac:dyDescent="0.3">
      <c r="A3535" s="13" t="s">
        <v>37</v>
      </c>
      <c r="B3535" s="14" t="s">
        <v>1</v>
      </c>
      <c r="C3535" s="14" t="s">
        <v>38</v>
      </c>
      <c r="D3535" s="14" t="s">
        <v>39</v>
      </c>
      <c r="E3535" s="15">
        <v>45626</v>
      </c>
      <c r="F3535" s="14" t="s">
        <v>15</v>
      </c>
      <c r="G3535" s="16">
        <v>1.6504330749505036</v>
      </c>
    </row>
    <row r="3536" spans="1:7" x14ac:dyDescent="0.3">
      <c r="A3536" s="13" t="s">
        <v>37</v>
      </c>
      <c r="B3536" s="14" t="s">
        <v>1</v>
      </c>
      <c r="C3536" s="14" t="s">
        <v>38</v>
      </c>
      <c r="D3536" s="14" t="s">
        <v>39</v>
      </c>
      <c r="E3536" s="15">
        <v>45627</v>
      </c>
      <c r="F3536" s="14" t="s">
        <v>15</v>
      </c>
      <c r="G3536" s="16">
        <v>1.6504330749505036</v>
      </c>
    </row>
    <row r="3537" spans="1:7" x14ac:dyDescent="0.3">
      <c r="A3537" s="13" t="s">
        <v>37</v>
      </c>
      <c r="B3537" s="14" t="s">
        <v>1</v>
      </c>
      <c r="C3537" s="14" t="s">
        <v>38</v>
      </c>
      <c r="D3537" s="14" t="s">
        <v>39</v>
      </c>
      <c r="E3537" s="15">
        <v>45628</v>
      </c>
      <c r="F3537" s="14" t="s">
        <v>15</v>
      </c>
      <c r="G3537" s="16">
        <v>1.6479229989374471</v>
      </c>
    </row>
    <row r="3538" spans="1:7" x14ac:dyDescent="0.3">
      <c r="A3538" s="13" t="s">
        <v>37</v>
      </c>
      <c r="B3538" s="14" t="s">
        <v>1</v>
      </c>
      <c r="C3538" s="14" t="s">
        <v>38</v>
      </c>
      <c r="D3538" s="14" t="s">
        <v>39</v>
      </c>
      <c r="E3538" s="15">
        <v>45629</v>
      </c>
      <c r="F3538" s="14" t="s">
        <v>15</v>
      </c>
      <c r="G3538" s="16">
        <v>1.640373800201731</v>
      </c>
    </row>
    <row r="3539" spans="1:7" x14ac:dyDescent="0.3">
      <c r="A3539" s="13" t="s">
        <v>37</v>
      </c>
      <c r="B3539" s="14" t="s">
        <v>1</v>
      </c>
      <c r="C3539" s="14" t="s">
        <v>38</v>
      </c>
      <c r="D3539" s="14" t="s">
        <v>39</v>
      </c>
      <c r="E3539" s="15">
        <v>45630</v>
      </c>
      <c r="F3539" s="14" t="s">
        <v>15</v>
      </c>
      <c r="G3539" s="16">
        <v>1.6378609676094962</v>
      </c>
    </row>
    <row r="3540" spans="1:7" x14ac:dyDescent="0.3">
      <c r="A3540" s="13" t="s">
        <v>37</v>
      </c>
      <c r="B3540" s="14" t="s">
        <v>1</v>
      </c>
      <c r="C3540" s="14" t="s">
        <v>38</v>
      </c>
      <c r="D3540" s="14" t="s">
        <v>39</v>
      </c>
      <c r="E3540" s="15">
        <v>45631</v>
      </c>
      <c r="F3540" s="14" t="s">
        <v>15</v>
      </c>
      <c r="G3540" s="16">
        <v>1.6352962940700946</v>
      </c>
    </row>
    <row r="3541" spans="1:7" x14ac:dyDescent="0.3">
      <c r="A3541" s="13" t="s">
        <v>37</v>
      </c>
      <c r="B3541" s="14" t="s">
        <v>1</v>
      </c>
      <c r="C3541" s="14" t="s">
        <v>38</v>
      </c>
      <c r="D3541" s="14" t="s">
        <v>39</v>
      </c>
      <c r="E3541" s="15">
        <v>45632</v>
      </c>
      <c r="F3541" s="14" t="s">
        <v>15</v>
      </c>
      <c r="G3541" s="16">
        <v>1.632725095096784</v>
      </c>
    </row>
    <row r="3542" spans="1:7" x14ac:dyDescent="0.3">
      <c r="A3542" s="13" t="s">
        <v>37</v>
      </c>
      <c r="B3542" s="14" t="s">
        <v>1</v>
      </c>
      <c r="C3542" s="14" t="s">
        <v>38</v>
      </c>
      <c r="D3542" s="14" t="s">
        <v>39</v>
      </c>
      <c r="E3542" s="15">
        <v>45633</v>
      </c>
      <c r="F3542" s="14" t="s">
        <v>15</v>
      </c>
      <c r="G3542" s="16">
        <v>1.632725095096784</v>
      </c>
    </row>
    <row r="3543" spans="1:7" x14ac:dyDescent="0.3">
      <c r="A3543" s="13" t="s">
        <v>37</v>
      </c>
      <c r="B3543" s="14" t="s">
        <v>1</v>
      </c>
      <c r="C3543" s="14" t="s">
        <v>38</v>
      </c>
      <c r="D3543" s="14" t="s">
        <v>39</v>
      </c>
      <c r="E3543" s="15">
        <v>45634</v>
      </c>
      <c r="F3543" s="14" t="s">
        <v>15</v>
      </c>
      <c r="G3543" s="16">
        <v>1.632725095096784</v>
      </c>
    </row>
    <row r="3544" spans="1:7" x14ac:dyDescent="0.3">
      <c r="A3544" s="13" t="s">
        <v>37</v>
      </c>
      <c r="B3544" s="14" t="s">
        <v>1</v>
      </c>
      <c r="C3544" s="14" t="s">
        <v>38</v>
      </c>
      <c r="D3544" s="14" t="s">
        <v>39</v>
      </c>
      <c r="E3544" s="15">
        <v>45635</v>
      </c>
      <c r="F3544" s="14" t="s">
        <v>15</v>
      </c>
      <c r="G3544" s="16">
        <v>1.6421645956856734</v>
      </c>
    </row>
    <row r="3545" spans="1:7" x14ac:dyDescent="0.3">
      <c r="A3545" s="13" t="s">
        <v>37</v>
      </c>
      <c r="B3545" s="14" t="s">
        <v>1</v>
      </c>
      <c r="C3545" s="14" t="s">
        <v>38</v>
      </c>
      <c r="D3545" s="14" t="s">
        <v>39</v>
      </c>
      <c r="E3545" s="15">
        <v>45636</v>
      </c>
      <c r="F3545" s="14" t="s">
        <v>15</v>
      </c>
      <c r="G3545" s="16">
        <v>1.6344516644247626</v>
      </c>
    </row>
    <row r="3546" spans="1:7" x14ac:dyDescent="0.3">
      <c r="A3546" s="13" t="s">
        <v>37</v>
      </c>
      <c r="B3546" s="14" t="s">
        <v>1</v>
      </c>
      <c r="C3546" s="14" t="s">
        <v>38</v>
      </c>
      <c r="D3546" s="14" t="s">
        <v>39</v>
      </c>
      <c r="E3546" s="15">
        <v>45637</v>
      </c>
      <c r="F3546" s="14" t="s">
        <v>15</v>
      </c>
      <c r="G3546" s="16">
        <v>1.6318675285296997</v>
      </c>
    </row>
    <row r="3547" spans="1:7" x14ac:dyDescent="0.3">
      <c r="A3547" s="13" t="s">
        <v>37</v>
      </c>
      <c r="B3547" s="14" t="s">
        <v>1</v>
      </c>
      <c r="C3547" s="14" t="s">
        <v>38</v>
      </c>
      <c r="D3547" s="14" t="s">
        <v>39</v>
      </c>
      <c r="E3547" s="15">
        <v>45638</v>
      </c>
      <c r="F3547" s="14" t="s">
        <v>15</v>
      </c>
      <c r="G3547" s="16">
        <v>1.6292799514625218</v>
      </c>
    </row>
    <row r="3548" spans="1:7" x14ac:dyDescent="0.3">
      <c r="A3548" s="13" t="s">
        <v>37</v>
      </c>
      <c r="B3548" s="14" t="s">
        <v>1</v>
      </c>
      <c r="C3548" s="14" t="s">
        <v>38</v>
      </c>
      <c r="D3548" s="14" t="s">
        <v>39</v>
      </c>
      <c r="E3548" s="15">
        <v>45639</v>
      </c>
      <c r="F3548" s="14" t="s">
        <v>15</v>
      </c>
      <c r="G3548" s="16">
        <v>1.6465694901028967</v>
      </c>
    </row>
    <row r="3549" spans="1:7" x14ac:dyDescent="0.3">
      <c r="A3549" s="13" t="s">
        <v>37</v>
      </c>
      <c r="B3549" s="14" t="s">
        <v>1</v>
      </c>
      <c r="C3549" s="14" t="s">
        <v>38</v>
      </c>
      <c r="D3549" s="14" t="s">
        <v>39</v>
      </c>
      <c r="E3549" s="15">
        <v>45640</v>
      </c>
      <c r="F3549" s="14" t="s">
        <v>15</v>
      </c>
      <c r="G3549" s="16">
        <v>1.6465694901028967</v>
      </c>
    </row>
    <row r="3550" spans="1:7" x14ac:dyDescent="0.3">
      <c r="A3550" s="13" t="s">
        <v>37</v>
      </c>
      <c r="B3550" s="14" t="s">
        <v>1</v>
      </c>
      <c r="C3550" s="14" t="s">
        <v>38</v>
      </c>
      <c r="D3550" s="14" t="s">
        <v>39</v>
      </c>
      <c r="E3550" s="15">
        <v>45641</v>
      </c>
      <c r="F3550" s="14" t="s">
        <v>15</v>
      </c>
      <c r="G3550" s="16">
        <v>1.6465694901028967</v>
      </c>
    </row>
    <row r="3551" spans="1:7" x14ac:dyDescent="0.3">
      <c r="A3551" s="13" t="s">
        <v>37</v>
      </c>
      <c r="B3551" s="14" t="s">
        <v>1</v>
      </c>
      <c r="C3551" s="14" t="s">
        <v>38</v>
      </c>
      <c r="D3551" s="14" t="s">
        <v>39</v>
      </c>
      <c r="E3551" s="15">
        <v>45642</v>
      </c>
      <c r="F3551" s="14" t="s">
        <v>15</v>
      </c>
      <c r="G3551" s="16">
        <v>1.6439810074641099</v>
      </c>
    </row>
    <row r="3552" spans="1:7" x14ac:dyDescent="0.3">
      <c r="A3552" s="13" t="s">
        <v>37</v>
      </c>
      <c r="B3552" s="14" t="s">
        <v>1</v>
      </c>
      <c r="C3552" s="14" t="s">
        <v>38</v>
      </c>
      <c r="D3552" s="14" t="s">
        <v>39</v>
      </c>
      <c r="E3552" s="15">
        <v>45643</v>
      </c>
      <c r="F3552" s="14" t="s">
        <v>15</v>
      </c>
      <c r="G3552" s="16">
        <v>1.6362410901692446</v>
      </c>
    </row>
    <row r="3553" spans="1:7" x14ac:dyDescent="0.3">
      <c r="A3553" s="13" t="s">
        <v>37</v>
      </c>
      <c r="B3553" s="14" t="s">
        <v>1</v>
      </c>
      <c r="C3553" s="14" t="s">
        <v>38</v>
      </c>
      <c r="D3553" s="14" t="s">
        <v>39</v>
      </c>
      <c r="E3553" s="15">
        <v>45644</v>
      </c>
      <c r="F3553" s="14" t="s">
        <v>15</v>
      </c>
      <c r="G3553" s="16">
        <v>1.6336689078194231</v>
      </c>
    </row>
    <row r="3554" spans="1:7" x14ac:dyDescent="0.3">
      <c r="A3554" s="13" t="s">
        <v>37</v>
      </c>
      <c r="B3554" s="14" t="s">
        <v>1</v>
      </c>
      <c r="C3554" s="14" t="s">
        <v>38</v>
      </c>
      <c r="D3554" s="14" t="s">
        <v>39</v>
      </c>
      <c r="E3554" s="15">
        <v>45645</v>
      </c>
      <c r="F3554" s="14" t="s">
        <v>15</v>
      </c>
      <c r="G3554" s="16">
        <v>1.6311088601291652</v>
      </c>
    </row>
    <row r="3555" spans="1:7" x14ac:dyDescent="0.3">
      <c r="A3555" s="13" t="s">
        <v>37</v>
      </c>
      <c r="B3555" s="14" t="s">
        <v>1</v>
      </c>
      <c r="C3555" s="14" t="s">
        <v>38</v>
      </c>
      <c r="D3555" s="14" t="s">
        <v>39</v>
      </c>
      <c r="E3555" s="15">
        <v>45646</v>
      </c>
      <c r="F3555" s="14" t="s">
        <v>15</v>
      </c>
      <c r="G3555" s="16">
        <v>1.6285330554929069</v>
      </c>
    </row>
    <row r="3556" spans="1:7" x14ac:dyDescent="0.3">
      <c r="A3556" s="13" t="s">
        <v>37</v>
      </c>
      <c r="B3556" s="14" t="s">
        <v>1</v>
      </c>
      <c r="C3556" s="14" t="s">
        <v>38</v>
      </c>
      <c r="D3556" s="14" t="s">
        <v>39</v>
      </c>
      <c r="E3556" s="15">
        <v>45647</v>
      </c>
      <c r="F3556" s="14" t="s">
        <v>15</v>
      </c>
      <c r="G3556" s="16">
        <v>1.6285330554929069</v>
      </c>
    </row>
    <row r="3557" spans="1:7" x14ac:dyDescent="0.3">
      <c r="A3557" s="13" t="s">
        <v>37</v>
      </c>
      <c r="B3557" s="14" t="s">
        <v>1</v>
      </c>
      <c r="C3557" s="14" t="s">
        <v>38</v>
      </c>
      <c r="D3557" s="14" t="s">
        <v>39</v>
      </c>
      <c r="E3557" s="15">
        <v>45648</v>
      </c>
      <c r="F3557" s="14" t="s">
        <v>15</v>
      </c>
      <c r="G3557" s="16">
        <v>1.6285330554929069</v>
      </c>
    </row>
    <row r="3558" spans="1:7" x14ac:dyDescent="0.3">
      <c r="A3558" s="13" t="s">
        <v>37</v>
      </c>
      <c r="B3558" s="14" t="s">
        <v>1</v>
      </c>
      <c r="C3558" s="14" t="s">
        <v>38</v>
      </c>
      <c r="D3558" s="14" t="s">
        <v>39</v>
      </c>
      <c r="E3558" s="15">
        <v>45649</v>
      </c>
      <c r="F3558" s="14" t="s">
        <v>15</v>
      </c>
      <c r="G3558" s="16">
        <v>1.6259873158340743</v>
      </c>
    </row>
    <row r="3559" spans="1:7" x14ac:dyDescent="0.3">
      <c r="A3559" s="13" t="s">
        <v>37</v>
      </c>
      <c r="B3559" s="14" t="s">
        <v>1</v>
      </c>
      <c r="C3559" s="14" t="s">
        <v>38</v>
      </c>
      <c r="D3559" s="14" t="s">
        <v>39</v>
      </c>
      <c r="E3559" s="15">
        <v>45650</v>
      </c>
      <c r="F3559" s="14" t="s">
        <v>15</v>
      </c>
      <c r="G3559" s="16">
        <v>1.6184069602567495</v>
      </c>
    </row>
    <row r="3560" spans="1:7" x14ac:dyDescent="0.3">
      <c r="A3560" s="13" t="s">
        <v>37</v>
      </c>
      <c r="B3560" s="14" t="s">
        <v>1</v>
      </c>
      <c r="C3560" s="14" t="s">
        <v>38</v>
      </c>
      <c r="D3560" s="14" t="s">
        <v>39</v>
      </c>
      <c r="E3560" s="15">
        <v>45651</v>
      </c>
      <c r="F3560" s="14" t="s">
        <v>15</v>
      </c>
      <c r="G3560" s="16">
        <v>1.6184069602567495</v>
      </c>
    </row>
    <row r="3561" spans="1:7" x14ac:dyDescent="0.3">
      <c r="A3561" s="13" t="s">
        <v>37</v>
      </c>
      <c r="B3561" s="14" t="s">
        <v>1</v>
      </c>
      <c r="C3561" s="14" t="s">
        <v>38</v>
      </c>
      <c r="D3561" s="14" t="s">
        <v>39</v>
      </c>
      <c r="E3561" s="15">
        <v>45652</v>
      </c>
      <c r="F3561" s="14" t="s">
        <v>15</v>
      </c>
      <c r="G3561" s="16">
        <v>1.6184069602567495</v>
      </c>
    </row>
    <row r="3562" spans="1:7" x14ac:dyDescent="0.3">
      <c r="A3562" s="13" t="s">
        <v>37</v>
      </c>
      <c r="B3562" s="14" t="s">
        <v>1</v>
      </c>
      <c r="C3562" s="14" t="s">
        <v>38</v>
      </c>
      <c r="D3562" s="14" t="s">
        <v>39</v>
      </c>
      <c r="E3562" s="15">
        <v>45653</v>
      </c>
      <c r="F3562" s="14" t="s">
        <v>15</v>
      </c>
      <c r="G3562" s="16">
        <v>1.6184069602567495</v>
      </c>
    </row>
    <row r="3563" spans="1:7" x14ac:dyDescent="0.3">
      <c r="A3563" s="13" t="s">
        <v>37</v>
      </c>
      <c r="B3563" s="14" t="s">
        <v>1</v>
      </c>
      <c r="C3563" s="14" t="s">
        <v>38</v>
      </c>
      <c r="D3563" s="14" t="s">
        <v>39</v>
      </c>
      <c r="E3563" s="15">
        <v>45654</v>
      </c>
      <c r="F3563" s="14" t="s">
        <v>15</v>
      </c>
      <c r="G3563" s="16">
        <v>1.6184069602567495</v>
      </c>
    </row>
    <row r="3564" spans="1:7" x14ac:dyDescent="0.3">
      <c r="A3564" s="13" t="s">
        <v>37</v>
      </c>
      <c r="B3564" s="14" t="s">
        <v>1</v>
      </c>
      <c r="C3564" s="14" t="s">
        <v>38</v>
      </c>
      <c r="D3564" s="14" t="s">
        <v>39</v>
      </c>
      <c r="E3564" s="15">
        <v>45655</v>
      </c>
      <c r="F3564" s="14" t="s">
        <v>15</v>
      </c>
      <c r="G3564" s="16">
        <v>1.6184069602567495</v>
      </c>
    </row>
    <row r="3565" spans="1:7" x14ac:dyDescent="0.3">
      <c r="A3565" s="13" t="s">
        <v>37</v>
      </c>
      <c r="B3565" s="14" t="s">
        <v>1</v>
      </c>
      <c r="C3565" s="14" t="s">
        <v>38</v>
      </c>
      <c r="D3565" s="14" t="s">
        <v>39</v>
      </c>
      <c r="E3565" s="15">
        <v>45656</v>
      </c>
      <c r="F3565" s="14" t="s">
        <v>15</v>
      </c>
      <c r="G3565" s="16">
        <v>1.6158456447662386</v>
      </c>
    </row>
    <row r="3566" spans="1:7" x14ac:dyDescent="0.3">
      <c r="A3566" s="13" t="s">
        <v>37</v>
      </c>
      <c r="B3566" s="14" t="s">
        <v>1</v>
      </c>
      <c r="C3566" s="14" t="s">
        <v>38</v>
      </c>
      <c r="D3566" s="14" t="s">
        <v>39</v>
      </c>
      <c r="E3566" s="15">
        <v>45657</v>
      </c>
      <c r="F3566" s="14" t="s">
        <v>15</v>
      </c>
      <c r="G3566" s="16">
        <v>1.6549083849495023</v>
      </c>
    </row>
    <row r="3567" spans="1:7" x14ac:dyDescent="0.3">
      <c r="A3567" s="13" t="s">
        <v>37</v>
      </c>
      <c r="B3567" s="14" t="s">
        <v>1</v>
      </c>
      <c r="C3567" s="14" t="s">
        <v>38</v>
      </c>
      <c r="D3567" s="14" t="s">
        <v>39</v>
      </c>
      <c r="E3567" s="15">
        <v>45658</v>
      </c>
      <c r="F3567" s="14" t="s">
        <v>15</v>
      </c>
      <c r="G3567" s="16">
        <v>1.6549083849495023</v>
      </c>
    </row>
    <row r="3568" spans="1:7" x14ac:dyDescent="0.3">
      <c r="A3568" s="13" t="s">
        <v>37</v>
      </c>
      <c r="B3568" s="14" t="s">
        <v>1</v>
      </c>
      <c r="C3568" s="14" t="s">
        <v>38</v>
      </c>
      <c r="D3568" s="14" t="s">
        <v>39</v>
      </c>
      <c r="E3568" s="15">
        <v>45659</v>
      </c>
      <c r="F3568" s="14" t="s">
        <v>15</v>
      </c>
      <c r="G3568" s="16">
        <v>1.6523391004288304</v>
      </c>
    </row>
    <row r="3569" spans="1:7" x14ac:dyDescent="0.3">
      <c r="A3569" s="13" t="s">
        <v>37</v>
      </c>
      <c r="B3569" s="14" t="s">
        <v>1</v>
      </c>
      <c r="C3569" s="14" t="s">
        <v>38</v>
      </c>
      <c r="D3569" s="14" t="s">
        <v>39</v>
      </c>
      <c r="E3569" s="15">
        <v>45660</v>
      </c>
      <c r="F3569" s="14" t="s">
        <v>15</v>
      </c>
      <c r="G3569" s="16">
        <v>1.8089347119695198</v>
      </c>
    </row>
    <row r="3570" spans="1:7" x14ac:dyDescent="0.3">
      <c r="A3570" s="13" t="s">
        <v>37</v>
      </c>
      <c r="B3570" s="14" t="s">
        <v>1</v>
      </c>
      <c r="C3570" s="14" t="s">
        <v>38</v>
      </c>
      <c r="D3570" s="14" t="s">
        <v>39</v>
      </c>
      <c r="E3570" s="15">
        <v>45661</v>
      </c>
      <c r="F3570" s="14" t="s">
        <v>15</v>
      </c>
      <c r="G3570" s="16">
        <v>1.8089347119695198</v>
      </c>
    </row>
    <row r="3571" spans="1:7" x14ac:dyDescent="0.3">
      <c r="A3571" s="13" t="s">
        <v>37</v>
      </c>
      <c r="B3571" s="14" t="s">
        <v>1</v>
      </c>
      <c r="C3571" s="14" t="s">
        <v>38</v>
      </c>
      <c r="D3571" s="14" t="s">
        <v>39</v>
      </c>
      <c r="E3571" s="15">
        <v>45662</v>
      </c>
      <c r="F3571" s="14" t="s">
        <v>15</v>
      </c>
      <c r="G3571" s="16">
        <v>1.8089347119695198</v>
      </c>
    </row>
    <row r="3572" spans="1:7" x14ac:dyDescent="0.3">
      <c r="A3572" s="13" t="s">
        <v>37</v>
      </c>
      <c r="B3572" s="14" t="s">
        <v>1</v>
      </c>
      <c r="C3572" s="14" t="s">
        <v>38</v>
      </c>
      <c r="D3572" s="14" t="s">
        <v>39</v>
      </c>
      <c r="E3572" s="15">
        <v>45663</v>
      </c>
      <c r="F3572" s="14" t="s">
        <v>15</v>
      </c>
      <c r="G3572" s="16">
        <v>1.8063887878691249</v>
      </c>
    </row>
    <row r="3573" spans="1:7" x14ac:dyDescent="0.3">
      <c r="A3573" s="13" t="s">
        <v>37</v>
      </c>
      <c r="B3573" s="14" t="s">
        <v>1</v>
      </c>
      <c r="C3573" s="14" t="s">
        <v>38</v>
      </c>
      <c r="D3573" s="14" t="s">
        <v>39</v>
      </c>
      <c r="E3573" s="15">
        <v>45664</v>
      </c>
      <c r="F3573" s="14" t="s">
        <v>15</v>
      </c>
      <c r="G3573" s="16">
        <v>1.7987801705885</v>
      </c>
    </row>
    <row r="3574" spans="1:7" x14ac:dyDescent="0.3">
      <c r="A3574" s="13" t="s">
        <v>37</v>
      </c>
      <c r="B3574" s="14" t="s">
        <v>1</v>
      </c>
      <c r="C3574" s="14" t="s">
        <v>38</v>
      </c>
      <c r="D3574" s="14" t="s">
        <v>39</v>
      </c>
      <c r="E3574" s="15">
        <v>45665</v>
      </c>
      <c r="F3574" s="14" t="s">
        <v>15</v>
      </c>
      <c r="G3574" s="16">
        <v>1.7962145035967363</v>
      </c>
    </row>
    <row r="3575" spans="1:7" x14ac:dyDescent="0.3">
      <c r="A3575" s="13" t="s">
        <v>37</v>
      </c>
      <c r="B3575" s="14" t="s">
        <v>1</v>
      </c>
      <c r="C3575" s="14" t="s">
        <v>38</v>
      </c>
      <c r="D3575" s="14" t="s">
        <v>39</v>
      </c>
      <c r="E3575" s="15">
        <v>45666</v>
      </c>
      <c r="F3575" s="14" t="s">
        <v>15</v>
      </c>
      <c r="G3575" s="16">
        <v>1.7936394179778978</v>
      </c>
    </row>
    <row r="3576" spans="1:7" x14ac:dyDescent="0.3">
      <c r="A3576" s="13" t="s">
        <v>37</v>
      </c>
      <c r="B3576" s="14" t="s">
        <v>1</v>
      </c>
      <c r="C3576" s="14" t="s">
        <v>38</v>
      </c>
      <c r="D3576" s="14" t="s">
        <v>39</v>
      </c>
      <c r="E3576" s="15">
        <v>45667</v>
      </c>
      <c r="F3576" s="14" t="s">
        <v>15</v>
      </c>
      <c r="G3576" s="16">
        <v>1.8021332115740076</v>
      </c>
    </row>
    <row r="3577" spans="1:7" x14ac:dyDescent="0.3">
      <c r="A3577" s="13" t="s">
        <v>37</v>
      </c>
      <c r="B3577" s="14" t="s">
        <v>1</v>
      </c>
      <c r="C3577" s="14" t="s">
        <v>38</v>
      </c>
      <c r="D3577" s="14" t="s">
        <v>39</v>
      </c>
      <c r="E3577" s="15">
        <v>45668</v>
      </c>
      <c r="F3577" s="14" t="s">
        <v>15</v>
      </c>
      <c r="G3577" s="16">
        <v>1.8021332115740076</v>
      </c>
    </row>
    <row r="3578" spans="1:7" x14ac:dyDescent="0.3">
      <c r="A3578" s="13" t="s">
        <v>37</v>
      </c>
      <c r="B3578" s="14" t="s">
        <v>1</v>
      </c>
      <c r="C3578" s="14" t="s">
        <v>38</v>
      </c>
      <c r="D3578" s="14" t="s">
        <v>39</v>
      </c>
      <c r="E3578" s="15">
        <v>45669</v>
      </c>
      <c r="F3578" s="14" t="s">
        <v>15</v>
      </c>
      <c r="G3578" s="16">
        <v>1.8021332115740076</v>
      </c>
    </row>
    <row r="3579" spans="1:7" x14ac:dyDescent="0.3">
      <c r="A3579" s="13" t="s">
        <v>37</v>
      </c>
      <c r="B3579" s="14" t="s">
        <v>1</v>
      </c>
      <c r="C3579" s="14" t="s">
        <v>38</v>
      </c>
      <c r="D3579" s="14" t="s">
        <v>39</v>
      </c>
      <c r="E3579" s="15">
        <v>45670</v>
      </c>
      <c r="F3579" s="14" t="s">
        <v>15</v>
      </c>
      <c r="G3579" s="16">
        <v>1.7995818536503003</v>
      </c>
    </row>
    <row r="3580" spans="1:7" x14ac:dyDescent="0.3">
      <c r="A3580" s="13" t="s">
        <v>37</v>
      </c>
      <c r="B3580" s="14" t="s">
        <v>1</v>
      </c>
      <c r="C3580" s="14" t="s">
        <v>38</v>
      </c>
      <c r="D3580" s="14" t="s">
        <v>39</v>
      </c>
      <c r="E3580" s="15">
        <v>45671</v>
      </c>
      <c r="F3580" s="14" t="s">
        <v>15</v>
      </c>
      <c r="G3580" s="16">
        <v>1.7920607209250063</v>
      </c>
    </row>
    <row r="3581" spans="1:7" x14ac:dyDescent="0.3">
      <c r="A3581" s="13" t="s">
        <v>37</v>
      </c>
      <c r="B3581" s="14" t="s">
        <v>1</v>
      </c>
      <c r="C3581" s="14" t="s">
        <v>38</v>
      </c>
      <c r="D3581" s="14" t="s">
        <v>39</v>
      </c>
      <c r="E3581" s="15">
        <v>45672</v>
      </c>
      <c r="F3581" s="14" t="s">
        <v>15</v>
      </c>
      <c r="G3581" s="16">
        <v>1.7895593541757735</v>
      </c>
    </row>
    <row r="3582" spans="1:7" x14ac:dyDescent="0.3">
      <c r="A3582" s="13" t="s">
        <v>37</v>
      </c>
      <c r="B3582" s="14" t="s">
        <v>1</v>
      </c>
      <c r="C3582" s="14" t="s">
        <v>38</v>
      </c>
      <c r="D3582" s="14" t="s">
        <v>39</v>
      </c>
      <c r="E3582" s="15">
        <v>45673</v>
      </c>
      <c r="F3582" s="14" t="s">
        <v>15</v>
      </c>
      <c r="G3582" s="16">
        <v>1.7870357087509599</v>
      </c>
    </row>
    <row r="3583" spans="1:7" x14ac:dyDescent="0.3">
      <c r="A3583" s="13" t="s">
        <v>37</v>
      </c>
      <c r="B3583" s="14" t="s">
        <v>1</v>
      </c>
      <c r="C3583" s="14" t="s">
        <v>38</v>
      </c>
      <c r="D3583" s="14" t="s">
        <v>39</v>
      </c>
      <c r="E3583" s="15">
        <v>45674</v>
      </c>
      <c r="F3583" s="14" t="s">
        <v>15</v>
      </c>
      <c r="G3583" s="16">
        <v>1.7845136934731396</v>
      </c>
    </row>
    <row r="3584" spans="1:7" x14ac:dyDescent="0.3">
      <c r="A3584" s="13" t="s">
        <v>37</v>
      </c>
      <c r="B3584" s="14" t="s">
        <v>1</v>
      </c>
      <c r="C3584" s="14" t="s">
        <v>38</v>
      </c>
      <c r="D3584" s="14" t="s">
        <v>39</v>
      </c>
      <c r="E3584" s="15">
        <v>45675</v>
      </c>
      <c r="F3584" s="14" t="s">
        <v>15</v>
      </c>
      <c r="G3584" s="16">
        <v>1.7845136934731396</v>
      </c>
    </row>
    <row r="3585" spans="1:7" x14ac:dyDescent="0.3">
      <c r="A3585" s="13" t="s">
        <v>37</v>
      </c>
      <c r="B3585" s="14" t="s">
        <v>1</v>
      </c>
      <c r="C3585" s="14" t="s">
        <v>38</v>
      </c>
      <c r="D3585" s="14" t="s">
        <v>39</v>
      </c>
      <c r="E3585" s="15">
        <v>45676</v>
      </c>
      <c r="F3585" s="14" t="s">
        <v>15</v>
      </c>
      <c r="G3585" s="16">
        <v>1.7845136934731396</v>
      </c>
    </row>
    <row r="3586" spans="1:7" x14ac:dyDescent="0.3">
      <c r="A3586" s="13" t="s">
        <v>37</v>
      </c>
      <c r="B3586" s="14" t="s">
        <v>1</v>
      </c>
      <c r="C3586" s="14" t="s">
        <v>38</v>
      </c>
      <c r="D3586" s="14" t="s">
        <v>39</v>
      </c>
      <c r="E3586" s="15">
        <v>45677</v>
      </c>
      <c r="F3586" s="14" t="s">
        <v>15</v>
      </c>
      <c r="G3586" s="16">
        <v>1.7952442298721067</v>
      </c>
    </row>
    <row r="3587" spans="1:7" x14ac:dyDescent="0.3">
      <c r="A3587" s="13" t="s">
        <v>37</v>
      </c>
      <c r="B3587" s="14" t="s">
        <v>1</v>
      </c>
      <c r="C3587" s="14" t="s">
        <v>38</v>
      </c>
      <c r="D3587" s="14" t="s">
        <v>39</v>
      </c>
      <c r="E3587" s="15">
        <v>45678</v>
      </c>
      <c r="F3587" s="14" t="s">
        <v>15</v>
      </c>
      <c r="G3587" s="16">
        <v>1.787574210388051</v>
      </c>
    </row>
    <row r="3588" spans="1:7" x14ac:dyDescent="0.3">
      <c r="A3588" s="13" t="s">
        <v>37</v>
      </c>
      <c r="B3588" s="14" t="s">
        <v>1</v>
      </c>
      <c r="C3588" s="14" t="s">
        <v>38</v>
      </c>
      <c r="D3588" s="14" t="s">
        <v>39</v>
      </c>
      <c r="E3588" s="15">
        <v>45679</v>
      </c>
      <c r="F3588" s="14" t="s">
        <v>15</v>
      </c>
      <c r="G3588" s="16">
        <v>1.785000211533875</v>
      </c>
    </row>
    <row r="3589" spans="1:7" x14ac:dyDescent="0.3">
      <c r="A3589" s="13" t="s">
        <v>37</v>
      </c>
      <c r="B3589" s="14" t="s">
        <v>1</v>
      </c>
      <c r="C3589" s="14" t="s">
        <v>38</v>
      </c>
      <c r="D3589" s="14" t="s">
        <v>39</v>
      </c>
      <c r="E3589" s="15">
        <v>45680</v>
      </c>
      <c r="F3589" s="14" t="s">
        <v>15</v>
      </c>
      <c r="G3589" s="16">
        <v>1.7824189675819488</v>
      </c>
    </row>
    <row r="3590" spans="1:7" x14ac:dyDescent="0.3">
      <c r="A3590" s="13" t="s">
        <v>37</v>
      </c>
      <c r="B3590" s="14" t="s">
        <v>1</v>
      </c>
      <c r="C3590" s="14" t="s">
        <v>38</v>
      </c>
      <c r="D3590" s="14" t="s">
        <v>39</v>
      </c>
      <c r="E3590" s="15">
        <v>45681</v>
      </c>
      <c r="F3590" s="14" t="s">
        <v>15</v>
      </c>
      <c r="G3590" s="16">
        <v>1.7798386292672415</v>
      </c>
    </row>
    <row r="3591" spans="1:7" x14ac:dyDescent="0.3">
      <c r="A3591" s="13" t="s">
        <v>37</v>
      </c>
      <c r="B3591" s="14" t="s">
        <v>1</v>
      </c>
      <c r="C3591" s="14" t="s">
        <v>38</v>
      </c>
      <c r="D3591" s="14" t="s">
        <v>39</v>
      </c>
      <c r="E3591" s="15">
        <v>45682</v>
      </c>
      <c r="F3591" s="14" t="s">
        <v>15</v>
      </c>
      <c r="G3591" s="16">
        <v>1.7798386292672415</v>
      </c>
    </row>
    <row r="3592" spans="1:7" x14ac:dyDescent="0.3">
      <c r="A3592" s="13" t="s">
        <v>37</v>
      </c>
      <c r="B3592" s="14" t="s">
        <v>1</v>
      </c>
      <c r="C3592" s="14" t="s">
        <v>38</v>
      </c>
      <c r="D3592" s="14" t="s">
        <v>39</v>
      </c>
      <c r="E3592" s="15">
        <v>45683</v>
      </c>
      <c r="F3592" s="14" t="s">
        <v>15</v>
      </c>
      <c r="G3592" s="16">
        <v>1.7798386292672415</v>
      </c>
    </row>
    <row r="3593" spans="1:7" x14ac:dyDescent="0.3">
      <c r="A3593" s="13" t="s">
        <v>37</v>
      </c>
      <c r="B3593" s="14" t="s">
        <v>1</v>
      </c>
      <c r="C3593" s="14" t="s">
        <v>38</v>
      </c>
      <c r="D3593" s="14" t="s">
        <v>39</v>
      </c>
      <c r="E3593" s="15">
        <v>45684</v>
      </c>
      <c r="F3593" s="14" t="s">
        <v>15</v>
      </c>
      <c r="G3593" s="16">
        <v>1.7773834175689565</v>
      </c>
    </row>
    <row r="3594" spans="1:7" x14ac:dyDescent="0.3">
      <c r="A3594" s="13" t="s">
        <v>37</v>
      </c>
      <c r="B3594" s="14" t="s">
        <v>1</v>
      </c>
      <c r="C3594" s="14" t="s">
        <v>38</v>
      </c>
      <c r="D3594" s="14" t="s">
        <v>39</v>
      </c>
      <c r="E3594" s="15">
        <v>45685</v>
      </c>
      <c r="F3594" s="14" t="s">
        <v>15</v>
      </c>
      <c r="G3594" s="16">
        <v>1.7695839979450427</v>
      </c>
    </row>
    <row r="3595" spans="1:7" x14ac:dyDescent="0.3">
      <c r="A3595" s="13" t="s">
        <v>37</v>
      </c>
      <c r="B3595" s="14" t="s">
        <v>1</v>
      </c>
      <c r="C3595" s="14" t="s">
        <v>38</v>
      </c>
      <c r="D3595" s="14" t="s">
        <v>39</v>
      </c>
      <c r="E3595" s="15">
        <v>45686</v>
      </c>
      <c r="F3595" s="14" t="s">
        <v>15</v>
      </c>
      <c r="G3595" s="16">
        <v>1.7695839979450427</v>
      </c>
    </row>
    <row r="3596" spans="1:7" x14ac:dyDescent="0.3">
      <c r="A3596" s="13" t="s">
        <v>37</v>
      </c>
      <c r="B3596" s="14" t="s">
        <v>1</v>
      </c>
      <c r="C3596" s="14" t="s">
        <v>38</v>
      </c>
      <c r="D3596" s="14" t="s">
        <v>39</v>
      </c>
      <c r="E3596" s="15">
        <v>45687</v>
      </c>
      <c r="F3596" s="14" t="s">
        <v>15</v>
      </c>
      <c r="G3596" s="16">
        <v>1.7695839979450427</v>
      </c>
    </row>
    <row r="3597" spans="1:7" x14ac:dyDescent="0.3">
      <c r="A3597" s="13" t="s">
        <v>37</v>
      </c>
      <c r="B3597" s="14" t="s">
        <v>1</v>
      </c>
      <c r="C3597" s="14" t="s">
        <v>38</v>
      </c>
      <c r="D3597" s="14" t="s">
        <v>39</v>
      </c>
      <c r="E3597" s="15">
        <v>45688</v>
      </c>
      <c r="F3597" s="14" t="s">
        <v>15</v>
      </c>
      <c r="G3597" s="16">
        <v>1.7669804715831219</v>
      </c>
    </row>
    <row r="3598" spans="1:7" x14ac:dyDescent="0.3">
      <c r="A3598" s="13" t="s">
        <v>37</v>
      </c>
      <c r="B3598" s="14" t="s">
        <v>1</v>
      </c>
      <c r="C3598" s="14" t="s">
        <v>38</v>
      </c>
      <c r="D3598" s="14" t="s">
        <v>39</v>
      </c>
      <c r="E3598" s="15">
        <v>45689</v>
      </c>
      <c r="F3598" s="14" t="s">
        <v>15</v>
      </c>
      <c r="G3598" s="16">
        <v>1.7669804715831219</v>
      </c>
    </row>
    <row r="3599" spans="1:7" x14ac:dyDescent="0.3">
      <c r="A3599" s="13" t="s">
        <v>37</v>
      </c>
      <c r="B3599" s="14" t="s">
        <v>1</v>
      </c>
      <c r="C3599" s="14" t="s">
        <v>38</v>
      </c>
      <c r="D3599" s="14" t="s">
        <v>39</v>
      </c>
      <c r="E3599" s="15">
        <v>45690</v>
      </c>
      <c r="F3599" s="14" t="s">
        <v>15</v>
      </c>
      <c r="G3599" s="16">
        <v>1.7669804715831219</v>
      </c>
    </row>
    <row r="3600" spans="1:7" x14ac:dyDescent="0.3">
      <c r="A3600" s="13" t="s">
        <v>37</v>
      </c>
      <c r="B3600" s="14" t="s">
        <v>1</v>
      </c>
      <c r="C3600" s="14" t="s">
        <v>38</v>
      </c>
      <c r="D3600" s="14" t="s">
        <v>39</v>
      </c>
      <c r="E3600" s="15">
        <v>45691</v>
      </c>
      <c r="F3600" s="14" t="s">
        <v>15</v>
      </c>
      <c r="G3600" s="16">
        <v>1.7669804715831219</v>
      </c>
    </row>
    <row r="3601" spans="1:7" x14ac:dyDescent="0.3">
      <c r="A3601" s="13" t="s">
        <v>37</v>
      </c>
      <c r="B3601" s="14" t="s">
        <v>1</v>
      </c>
      <c r="C3601" s="14" t="s">
        <v>38</v>
      </c>
      <c r="D3601" s="14" t="s">
        <v>39</v>
      </c>
      <c r="E3601" s="15">
        <v>45692</v>
      </c>
      <c r="F3601" s="14" t="s">
        <v>15</v>
      </c>
      <c r="G3601" s="16">
        <v>1.7592817316961258</v>
      </c>
    </row>
    <row r="3602" spans="1:7" x14ac:dyDescent="0.3">
      <c r="A3602" s="13" t="s">
        <v>37</v>
      </c>
      <c r="B3602" s="14" t="s">
        <v>1</v>
      </c>
      <c r="C3602" s="14" t="s">
        <v>38</v>
      </c>
      <c r="D3602" s="14" t="s">
        <v>39</v>
      </c>
      <c r="E3602" s="15">
        <v>45693</v>
      </c>
      <c r="F3602" s="14" t="s">
        <v>15</v>
      </c>
      <c r="G3602" s="16">
        <v>1.748852914654637</v>
      </c>
    </row>
    <row r="3603" spans="1:7" x14ac:dyDescent="0.3">
      <c r="A3603" s="13" t="s">
        <v>37</v>
      </c>
      <c r="B3603" s="14" t="s">
        <v>1</v>
      </c>
      <c r="C3603" s="14" t="s">
        <v>38</v>
      </c>
      <c r="D3603" s="14" t="s">
        <v>39</v>
      </c>
      <c r="E3603" s="15">
        <v>45694</v>
      </c>
      <c r="F3603" s="14" t="s">
        <v>15</v>
      </c>
      <c r="G3603" s="16">
        <v>1.7462793872306899</v>
      </c>
    </row>
    <row r="3604" spans="1:7" x14ac:dyDescent="0.3">
      <c r="A3604" s="13" t="s">
        <v>37</v>
      </c>
      <c r="B3604" s="14" t="s">
        <v>1</v>
      </c>
      <c r="C3604" s="14" t="s">
        <v>38</v>
      </c>
      <c r="D3604" s="14" t="s">
        <v>39</v>
      </c>
      <c r="E3604" s="15">
        <v>45695</v>
      </c>
      <c r="F3604" s="14" t="s">
        <v>15</v>
      </c>
      <c r="G3604" s="16">
        <v>1.7437012067173652</v>
      </c>
    </row>
    <row r="3605" spans="1:7" x14ac:dyDescent="0.3">
      <c r="A3605" s="13" t="s">
        <v>37</v>
      </c>
      <c r="B3605" s="14" t="s">
        <v>1</v>
      </c>
      <c r="C3605" s="14" t="s">
        <v>38</v>
      </c>
      <c r="D3605" s="14" t="s">
        <v>39</v>
      </c>
      <c r="E3605" s="15">
        <v>45696</v>
      </c>
      <c r="F3605" s="14" t="s">
        <v>15</v>
      </c>
      <c r="G3605" s="16">
        <v>1.7437012067173652</v>
      </c>
    </row>
    <row r="3606" spans="1:7" x14ac:dyDescent="0.3">
      <c r="A3606" s="13" t="s">
        <v>37</v>
      </c>
      <c r="B3606" s="14" t="s">
        <v>1</v>
      </c>
      <c r="C3606" s="14" t="s">
        <v>38</v>
      </c>
      <c r="D3606" s="14" t="s">
        <v>39</v>
      </c>
      <c r="E3606" s="15">
        <v>45697</v>
      </c>
      <c r="F3606" s="14" t="s">
        <v>15</v>
      </c>
      <c r="G3606" s="16">
        <v>1.7437012067173652</v>
      </c>
    </row>
    <row r="3607" spans="1:7" x14ac:dyDescent="0.3">
      <c r="A3607" s="13" t="s">
        <v>37</v>
      </c>
      <c r="B3607" s="14" t="s">
        <v>1</v>
      </c>
      <c r="C3607" s="14" t="s">
        <v>38</v>
      </c>
      <c r="D3607" s="14" t="s">
        <v>39</v>
      </c>
      <c r="E3607" s="15">
        <v>45698</v>
      </c>
      <c r="F3607" s="14" t="s">
        <v>15</v>
      </c>
      <c r="G3607" s="16">
        <v>1.7507184409946757</v>
      </c>
    </row>
    <row r="3608" spans="1:7" x14ac:dyDescent="0.3">
      <c r="A3608" s="13" t="s">
        <v>37</v>
      </c>
      <c r="B3608" s="14" t="s">
        <v>1</v>
      </c>
      <c r="C3608" s="14" t="s">
        <v>38</v>
      </c>
      <c r="D3608" s="14" t="s">
        <v>39</v>
      </c>
      <c r="E3608" s="15">
        <v>45699</v>
      </c>
      <c r="F3608" s="14" t="s">
        <v>15</v>
      </c>
      <c r="G3608" s="16">
        <v>1.7429191219526845</v>
      </c>
    </row>
    <row r="3609" spans="1:7" x14ac:dyDescent="0.3">
      <c r="A3609" s="13" t="s">
        <v>37</v>
      </c>
      <c r="B3609" s="14" t="s">
        <v>1</v>
      </c>
      <c r="C3609" s="14" t="s">
        <v>38</v>
      </c>
      <c r="D3609" s="14" t="s">
        <v>39</v>
      </c>
      <c r="E3609" s="15">
        <v>45700</v>
      </c>
      <c r="F3609" s="14" t="s">
        <v>15</v>
      </c>
      <c r="G3609" s="16">
        <v>1.7408684540997847</v>
      </c>
    </row>
    <row r="3610" spans="1:7" x14ac:dyDescent="0.3">
      <c r="A3610" s="13" t="s">
        <v>37</v>
      </c>
      <c r="B3610" s="14" t="s">
        <v>1</v>
      </c>
      <c r="C3610" s="14" t="s">
        <v>38</v>
      </c>
      <c r="D3610" s="14" t="s">
        <v>39</v>
      </c>
      <c r="E3610" s="15">
        <v>45701</v>
      </c>
      <c r="F3610" s="14" t="s">
        <v>15</v>
      </c>
      <c r="G3610" s="16">
        <v>1.7614102138808794</v>
      </c>
    </row>
    <row r="3611" spans="1:7" x14ac:dyDescent="0.3">
      <c r="A3611" s="13" t="s">
        <v>37</v>
      </c>
      <c r="B3611" s="14" t="s">
        <v>1</v>
      </c>
      <c r="C3611" s="14" t="s">
        <v>38</v>
      </c>
      <c r="D3611" s="14" t="s">
        <v>39</v>
      </c>
      <c r="E3611" s="15">
        <v>45702</v>
      </c>
      <c r="F3611" s="14" t="s">
        <v>15</v>
      </c>
      <c r="G3611" s="16">
        <v>1.7588165236550191</v>
      </c>
    </row>
    <row r="3612" spans="1:7" x14ac:dyDescent="0.3">
      <c r="A3612" s="13" t="s">
        <v>37</v>
      </c>
      <c r="B3612" s="14" t="s">
        <v>1</v>
      </c>
      <c r="C3612" s="14" t="s">
        <v>38</v>
      </c>
      <c r="D3612" s="14" t="s">
        <v>39</v>
      </c>
      <c r="E3612" s="15">
        <v>45703</v>
      </c>
      <c r="F3612" s="14" t="s">
        <v>15</v>
      </c>
      <c r="G3612" s="16">
        <v>1.7588165236550191</v>
      </c>
    </row>
    <row r="3613" spans="1:7" x14ac:dyDescent="0.3">
      <c r="A3613" s="13" t="s">
        <v>37</v>
      </c>
      <c r="B3613" s="14" t="s">
        <v>1</v>
      </c>
      <c r="C3613" s="14" t="s">
        <v>38</v>
      </c>
      <c r="D3613" s="14" t="s">
        <v>39</v>
      </c>
      <c r="E3613" s="15">
        <v>45704</v>
      </c>
      <c r="F3613" s="14" t="s">
        <v>15</v>
      </c>
      <c r="G3613" s="16">
        <v>1.7588165236550191</v>
      </c>
    </row>
    <row r="3614" spans="1:7" x14ac:dyDescent="0.3">
      <c r="A3614" s="13" t="s">
        <v>37</v>
      </c>
      <c r="B3614" s="14" t="s">
        <v>1</v>
      </c>
      <c r="C3614" s="14" t="s">
        <v>38</v>
      </c>
      <c r="D3614" s="14" t="s">
        <v>39</v>
      </c>
      <c r="E3614" s="15">
        <v>45705</v>
      </c>
      <c r="F3614" s="14" t="s">
        <v>15</v>
      </c>
      <c r="G3614" s="16">
        <v>1.7562183966049683</v>
      </c>
    </row>
    <row r="3615" spans="1:7" x14ac:dyDescent="0.3">
      <c r="A3615" s="13" t="s">
        <v>37</v>
      </c>
      <c r="B3615" s="14" t="s">
        <v>1</v>
      </c>
      <c r="C3615" s="14" t="s">
        <v>38</v>
      </c>
      <c r="D3615" s="14" t="s">
        <v>39</v>
      </c>
      <c r="E3615" s="15">
        <v>45706</v>
      </c>
      <c r="F3615" s="14" t="s">
        <v>15</v>
      </c>
      <c r="G3615" s="16">
        <v>1.7483491375487141</v>
      </c>
    </row>
    <row r="3616" spans="1:7" x14ac:dyDescent="0.3">
      <c r="A3616" s="13" t="s">
        <v>37</v>
      </c>
      <c r="B3616" s="14" t="s">
        <v>1</v>
      </c>
      <c r="C3616" s="14" t="s">
        <v>38</v>
      </c>
      <c r="D3616" s="14" t="s">
        <v>39</v>
      </c>
      <c r="E3616" s="15">
        <v>45707</v>
      </c>
      <c r="F3616" s="14" t="s">
        <v>15</v>
      </c>
      <c r="G3616" s="16">
        <v>1.7510393351986053</v>
      </c>
    </row>
    <row r="3617" spans="1:7" x14ac:dyDescent="0.3">
      <c r="A3617" s="13" t="s">
        <v>37</v>
      </c>
      <c r="B3617" s="14" t="s">
        <v>1</v>
      </c>
      <c r="C3617" s="14" t="s">
        <v>38</v>
      </c>
      <c r="D3617" s="14" t="s">
        <v>39</v>
      </c>
      <c r="E3617" s="15">
        <v>45708</v>
      </c>
      <c r="F3617" s="14" t="s">
        <v>15</v>
      </c>
      <c r="G3617" s="16">
        <v>1.7483946214945523</v>
      </c>
    </row>
    <row r="3618" spans="1:7" x14ac:dyDescent="0.3">
      <c r="A3618" s="13" t="s">
        <v>37</v>
      </c>
      <c r="B3618" s="14" t="s">
        <v>1</v>
      </c>
      <c r="C3618" s="14" t="s">
        <v>38</v>
      </c>
      <c r="D3618" s="14" t="s">
        <v>39</v>
      </c>
      <c r="E3618" s="15">
        <v>45709</v>
      </c>
      <c r="F3618" s="14" t="s">
        <v>15</v>
      </c>
      <c r="G3618" s="16">
        <v>1.7457506472611977</v>
      </c>
    </row>
    <row r="3619" spans="1:7" x14ac:dyDescent="0.3">
      <c r="A3619" s="13" t="s">
        <v>37</v>
      </c>
      <c r="B3619" s="14" t="s">
        <v>1</v>
      </c>
      <c r="C3619" s="14" t="s">
        <v>38</v>
      </c>
      <c r="D3619" s="14" t="s">
        <v>39</v>
      </c>
      <c r="E3619" s="15">
        <v>45710</v>
      </c>
      <c r="F3619" s="14" t="s">
        <v>15</v>
      </c>
      <c r="G3619" s="16">
        <v>1.7457506472611977</v>
      </c>
    </row>
    <row r="3620" spans="1:7" x14ac:dyDescent="0.3">
      <c r="A3620" s="13" t="s">
        <v>37</v>
      </c>
      <c r="B3620" s="14" t="s">
        <v>1</v>
      </c>
      <c r="C3620" s="14" t="s">
        <v>38</v>
      </c>
      <c r="D3620" s="14" t="s">
        <v>39</v>
      </c>
      <c r="E3620" s="15">
        <v>45711</v>
      </c>
      <c r="F3620" s="14" t="s">
        <v>15</v>
      </c>
      <c r="G3620" s="16">
        <v>1.7457506472611977</v>
      </c>
    </row>
    <row r="3621" spans="1:7" x14ac:dyDescent="0.3">
      <c r="A3621" s="13" t="s">
        <v>37</v>
      </c>
      <c r="B3621" s="14" t="s">
        <v>1</v>
      </c>
      <c r="C3621" s="14" t="s">
        <v>38</v>
      </c>
      <c r="D3621" s="14" t="s">
        <v>39</v>
      </c>
      <c r="E3621" s="15">
        <v>45712</v>
      </c>
      <c r="F3621" s="14" t="s">
        <v>15</v>
      </c>
      <c r="G3621" s="16">
        <v>1.7431266754794352</v>
      </c>
    </row>
    <row r="3622" spans="1:7" x14ac:dyDescent="0.3">
      <c r="A3622" s="13" t="s">
        <v>37</v>
      </c>
      <c r="B3622" s="14" t="s">
        <v>1</v>
      </c>
      <c r="C3622" s="14" t="s">
        <v>38</v>
      </c>
      <c r="D3622" s="14" t="s">
        <v>39</v>
      </c>
      <c r="E3622" s="15">
        <v>45713</v>
      </c>
      <c r="F3622" s="14" t="s">
        <v>15</v>
      </c>
      <c r="G3622" s="16">
        <v>1.7351792857331125</v>
      </c>
    </row>
    <row r="3623" spans="1:7" x14ac:dyDescent="0.3">
      <c r="A3623" s="13" t="s">
        <v>37</v>
      </c>
      <c r="B3623" s="14" t="s">
        <v>1</v>
      </c>
      <c r="C3623" s="14" t="s">
        <v>38</v>
      </c>
      <c r="D3623" s="14" t="s">
        <v>39</v>
      </c>
      <c r="E3623" s="15">
        <v>45714</v>
      </c>
      <c r="F3623" s="14" t="s">
        <v>15</v>
      </c>
      <c r="G3623" s="16">
        <v>1.7325368133246064</v>
      </c>
    </row>
    <row r="3624" spans="1:7" x14ac:dyDescent="0.3">
      <c r="A3624" s="13" t="s">
        <v>37</v>
      </c>
      <c r="B3624" s="14" t="s">
        <v>1</v>
      </c>
      <c r="C3624" s="14" t="s">
        <v>38</v>
      </c>
      <c r="D3624" s="14" t="s">
        <v>39</v>
      </c>
      <c r="E3624" s="15">
        <v>45715</v>
      </c>
      <c r="F3624" s="14" t="s">
        <v>15</v>
      </c>
      <c r="G3624" s="16">
        <v>1.729919802174688</v>
      </c>
    </row>
    <row r="3625" spans="1:7" x14ac:dyDescent="0.3">
      <c r="A3625" s="13" t="s">
        <v>37</v>
      </c>
      <c r="B3625" s="14" t="s">
        <v>1</v>
      </c>
      <c r="C3625" s="14" t="s">
        <v>38</v>
      </c>
      <c r="D3625" s="14" t="s">
        <v>39</v>
      </c>
      <c r="E3625" s="15">
        <v>45716</v>
      </c>
      <c r="F3625" s="14" t="s">
        <v>15</v>
      </c>
      <c r="G3625" s="16">
        <v>1.7559463405868156</v>
      </c>
    </row>
    <row r="3626" spans="1:7" x14ac:dyDescent="0.3">
      <c r="A3626" s="13" t="s">
        <v>37</v>
      </c>
      <c r="B3626" s="14" t="s">
        <v>1</v>
      </c>
      <c r="C3626" s="14" t="s">
        <v>38</v>
      </c>
      <c r="D3626" s="14" t="s">
        <v>39</v>
      </c>
      <c r="E3626" s="15">
        <v>45717</v>
      </c>
      <c r="F3626" s="14" t="s">
        <v>15</v>
      </c>
      <c r="G3626" s="16">
        <v>1.7559463405868156</v>
      </c>
    </row>
    <row r="3627" spans="1:7" x14ac:dyDescent="0.3">
      <c r="A3627" s="13" t="s">
        <v>37</v>
      </c>
      <c r="B3627" s="14" t="s">
        <v>1</v>
      </c>
      <c r="C3627" s="14" t="s">
        <v>38</v>
      </c>
      <c r="D3627" s="14" t="s">
        <v>39</v>
      </c>
      <c r="E3627" s="15">
        <v>45718</v>
      </c>
      <c r="F3627" s="14" t="s">
        <v>15</v>
      </c>
      <c r="G3627" s="16">
        <v>1.7559463405868156</v>
      </c>
    </row>
    <row r="3628" spans="1:7" x14ac:dyDescent="0.3">
      <c r="A3628" s="13" t="s">
        <v>37</v>
      </c>
      <c r="B3628" s="14" t="s">
        <v>1</v>
      </c>
      <c r="C3628" s="14" t="s">
        <v>38</v>
      </c>
      <c r="D3628" s="14" t="s">
        <v>39</v>
      </c>
      <c r="E3628" s="15">
        <v>45719</v>
      </c>
      <c r="F3628" s="14" t="s">
        <v>15</v>
      </c>
      <c r="G3628" s="16">
        <v>1.7533210865833977</v>
      </c>
    </row>
    <row r="3629" spans="1:7" x14ac:dyDescent="0.3">
      <c r="A3629" s="13" t="s">
        <v>37</v>
      </c>
      <c r="B3629" s="14" t="s">
        <v>1</v>
      </c>
      <c r="C3629" s="14" t="s">
        <v>38</v>
      </c>
      <c r="D3629" s="14" t="s">
        <v>39</v>
      </c>
      <c r="E3629" s="15">
        <v>45720</v>
      </c>
      <c r="F3629" s="14" t="s">
        <v>15</v>
      </c>
      <c r="G3629" s="16">
        <v>1.7457954287126474</v>
      </c>
    </row>
    <row r="3630" spans="1:7" x14ac:dyDescent="0.3">
      <c r="A3630" s="13" t="s">
        <v>37</v>
      </c>
      <c r="B3630" s="14" t="s">
        <v>1</v>
      </c>
      <c r="C3630" s="14" t="s">
        <v>38</v>
      </c>
      <c r="D3630" s="14" t="s">
        <v>39</v>
      </c>
      <c r="E3630" s="15">
        <v>45721</v>
      </c>
      <c r="F3630" s="14" t="s">
        <v>15</v>
      </c>
      <c r="G3630" s="16">
        <v>1.7432869786215619</v>
      </c>
    </row>
    <row r="3631" spans="1:7" x14ac:dyDescent="0.3">
      <c r="A3631" s="13" t="s">
        <v>37</v>
      </c>
      <c r="B3631" s="14" t="s">
        <v>1</v>
      </c>
      <c r="C3631" s="14" t="s">
        <v>38</v>
      </c>
      <c r="D3631" s="14" t="s">
        <v>39</v>
      </c>
      <c r="E3631" s="15">
        <v>45722</v>
      </c>
      <c r="F3631" s="14" t="s">
        <v>15</v>
      </c>
      <c r="G3631" s="16">
        <v>1.7853359196645695</v>
      </c>
    </row>
    <row r="3632" spans="1:7" x14ac:dyDescent="0.3">
      <c r="A3632" s="13" t="s">
        <v>37</v>
      </c>
      <c r="B3632" s="14" t="s">
        <v>1</v>
      </c>
      <c r="C3632" s="14" t="s">
        <v>38</v>
      </c>
      <c r="D3632" s="14" t="s">
        <v>39</v>
      </c>
      <c r="E3632" s="15">
        <v>45723</v>
      </c>
      <c r="F3632" s="14" t="s">
        <v>15</v>
      </c>
      <c r="G3632" s="16">
        <v>1.8769316314165227</v>
      </c>
    </row>
    <row r="3633" spans="1:7" x14ac:dyDescent="0.3">
      <c r="A3633" s="13" t="s">
        <v>37</v>
      </c>
      <c r="B3633" s="14" t="s">
        <v>1</v>
      </c>
      <c r="C3633" s="14" t="s">
        <v>38</v>
      </c>
      <c r="D3633" s="14" t="s">
        <v>39</v>
      </c>
      <c r="E3633" s="15">
        <v>45724</v>
      </c>
      <c r="F3633" s="14" t="s">
        <v>15</v>
      </c>
      <c r="G3633" s="16">
        <v>1.8769316314165227</v>
      </c>
    </row>
    <row r="3634" spans="1:7" x14ac:dyDescent="0.3">
      <c r="A3634" s="13" t="s">
        <v>37</v>
      </c>
      <c r="B3634" s="14" t="s">
        <v>1</v>
      </c>
      <c r="C3634" s="14" t="s">
        <v>38</v>
      </c>
      <c r="D3634" s="14" t="s">
        <v>39</v>
      </c>
      <c r="E3634" s="15">
        <v>45725</v>
      </c>
      <c r="F3634" s="14" t="s">
        <v>15</v>
      </c>
      <c r="G3634" s="16">
        <v>1.8769316314165227</v>
      </c>
    </row>
    <row r="3635" spans="1:7" x14ac:dyDescent="0.3">
      <c r="A3635" s="13" t="s">
        <v>37</v>
      </c>
      <c r="B3635" s="14" t="s">
        <v>1</v>
      </c>
      <c r="C3635" s="14" t="s">
        <v>38</v>
      </c>
      <c r="D3635" s="14" t="s">
        <v>39</v>
      </c>
      <c r="E3635" s="15">
        <v>45726</v>
      </c>
      <c r="F3635" s="14" t="s">
        <v>15</v>
      </c>
      <c r="G3635" s="16">
        <v>1.8815794686317706</v>
      </c>
    </row>
    <row r="3636" spans="1:7" x14ac:dyDescent="0.3">
      <c r="A3636" s="13" t="s">
        <v>37</v>
      </c>
      <c r="B3636" s="14" t="s">
        <v>1</v>
      </c>
      <c r="C3636" s="14" t="s">
        <v>38</v>
      </c>
      <c r="D3636" s="14" t="s">
        <v>39</v>
      </c>
      <c r="E3636" s="15">
        <v>45727</v>
      </c>
      <c r="F3636" s="14" t="s">
        <v>15</v>
      </c>
      <c r="G3636" s="16">
        <v>1.873869024646454</v>
      </c>
    </row>
    <row r="3637" spans="1:7" x14ac:dyDescent="0.3">
      <c r="A3637" s="13" t="s">
        <v>37</v>
      </c>
      <c r="B3637" s="14" t="s">
        <v>1</v>
      </c>
      <c r="C3637" s="14" t="s">
        <v>38</v>
      </c>
      <c r="D3637" s="14" t="s">
        <v>39</v>
      </c>
      <c r="E3637" s="15">
        <v>45728</v>
      </c>
      <c r="F3637" s="14" t="s">
        <v>15</v>
      </c>
      <c r="G3637" s="16">
        <v>1.8713107779395957</v>
      </c>
    </row>
    <row r="3638" spans="1:7" x14ac:dyDescent="0.3">
      <c r="A3638" s="13" t="s">
        <v>37</v>
      </c>
      <c r="B3638" s="14" t="s">
        <v>1</v>
      </c>
      <c r="C3638" s="14" t="s">
        <v>38</v>
      </c>
      <c r="D3638" s="14" t="s">
        <v>39</v>
      </c>
      <c r="E3638" s="15">
        <v>45729</v>
      </c>
      <c r="F3638" s="14" t="s">
        <v>15</v>
      </c>
      <c r="G3638" s="16">
        <v>1.8687733240288968</v>
      </c>
    </row>
    <row r="3639" spans="1:7" x14ac:dyDescent="0.3">
      <c r="A3639" s="13" t="s">
        <v>37</v>
      </c>
      <c r="B3639" s="14" t="s">
        <v>1</v>
      </c>
      <c r="C3639" s="14" t="s">
        <v>38</v>
      </c>
      <c r="D3639" s="14" t="s">
        <v>39</v>
      </c>
      <c r="E3639" s="15">
        <v>45730</v>
      </c>
      <c r="F3639" s="14" t="s">
        <v>15</v>
      </c>
      <c r="G3639" s="16">
        <v>1.9234326201909098</v>
      </c>
    </row>
    <row r="3640" spans="1:7" x14ac:dyDescent="0.3">
      <c r="A3640" s="13" t="s">
        <v>37</v>
      </c>
      <c r="B3640" s="14" t="s">
        <v>1</v>
      </c>
      <c r="C3640" s="14" t="s">
        <v>38</v>
      </c>
      <c r="D3640" s="14" t="s">
        <v>39</v>
      </c>
      <c r="E3640" s="15">
        <v>45731</v>
      </c>
      <c r="F3640" s="14" t="s">
        <v>15</v>
      </c>
      <c r="G3640" s="16">
        <v>1.9234326201909098</v>
      </c>
    </row>
    <row r="3641" spans="1:7" x14ac:dyDescent="0.3">
      <c r="A3641" s="13" t="s">
        <v>37</v>
      </c>
      <c r="B3641" s="14" t="s">
        <v>1</v>
      </c>
      <c r="C3641" s="14" t="s">
        <v>38</v>
      </c>
      <c r="D3641" s="14" t="s">
        <v>39</v>
      </c>
      <c r="E3641" s="15">
        <v>45732</v>
      </c>
      <c r="F3641" s="14" t="s">
        <v>15</v>
      </c>
      <c r="G3641" s="16">
        <v>1.9234326201909098</v>
      </c>
    </row>
    <row r="3642" spans="1:7" x14ac:dyDescent="0.3">
      <c r="A3642" s="13" t="s">
        <v>37</v>
      </c>
      <c r="B3642" s="14" t="s">
        <v>1</v>
      </c>
      <c r="C3642" s="14" t="s">
        <v>38</v>
      </c>
      <c r="D3642" s="14" t="s">
        <v>39</v>
      </c>
      <c r="E3642" s="15">
        <v>45733</v>
      </c>
      <c r="F3642" s="14" t="s">
        <v>15</v>
      </c>
      <c r="G3642" s="16">
        <v>1.9234326201909098</v>
      </c>
    </row>
    <row r="3643" spans="1:7" x14ac:dyDescent="0.3">
      <c r="A3643" s="13" t="s">
        <v>37</v>
      </c>
      <c r="B3643" s="14" t="s">
        <v>1</v>
      </c>
      <c r="C3643" s="14" t="s">
        <v>38</v>
      </c>
      <c r="D3643" s="14" t="s">
        <v>39</v>
      </c>
      <c r="E3643" s="15">
        <v>45734</v>
      </c>
      <c r="F3643" s="14" t="s">
        <v>15</v>
      </c>
      <c r="G3643" s="16">
        <v>1.9212885733438301</v>
      </c>
    </row>
    <row r="3644" spans="1:7" x14ac:dyDescent="0.3">
      <c r="A3644" s="13" t="s">
        <v>37</v>
      </c>
      <c r="B3644" s="14" t="s">
        <v>1</v>
      </c>
      <c r="C3644" s="14" t="s">
        <v>38</v>
      </c>
      <c r="D3644" s="14" t="s">
        <v>39</v>
      </c>
      <c r="E3644" s="15">
        <v>45735</v>
      </c>
      <c r="F3644" s="14" t="s">
        <v>15</v>
      </c>
      <c r="G3644" s="16">
        <v>2.0601654497079354</v>
      </c>
    </row>
    <row r="3645" spans="1:7" x14ac:dyDescent="0.3">
      <c r="A3645" s="13" t="s">
        <v>37</v>
      </c>
      <c r="B3645" s="14" t="s">
        <v>1</v>
      </c>
      <c r="C3645" s="14" t="s">
        <v>38</v>
      </c>
      <c r="D3645" s="14" t="s">
        <v>39</v>
      </c>
      <c r="E3645" s="15">
        <v>45736</v>
      </c>
      <c r="F3645" s="14" t="s">
        <v>15</v>
      </c>
      <c r="G3645" s="16">
        <v>2.0575878131155383</v>
      </c>
    </row>
    <row r="3646" spans="1:7" x14ac:dyDescent="0.3">
      <c r="A3646" s="13" t="s">
        <v>37</v>
      </c>
      <c r="B3646" s="14" t="s">
        <v>1</v>
      </c>
      <c r="C3646" s="14" t="s">
        <v>38</v>
      </c>
      <c r="D3646" s="14" t="s">
        <v>39</v>
      </c>
      <c r="E3646" s="15">
        <v>45737</v>
      </c>
      <c r="F3646" s="14" t="s">
        <v>15</v>
      </c>
      <c r="G3646" s="16">
        <v>2.0550142355079322</v>
      </c>
    </row>
    <row r="3647" spans="1:7" x14ac:dyDescent="0.3">
      <c r="A3647" s="13" t="s">
        <v>37</v>
      </c>
      <c r="B3647" s="14" t="s">
        <v>1</v>
      </c>
      <c r="C3647" s="14" t="s">
        <v>38</v>
      </c>
      <c r="D3647" s="14" t="s">
        <v>39</v>
      </c>
      <c r="E3647" s="15">
        <v>45738</v>
      </c>
      <c r="F3647" s="14" t="s">
        <v>15</v>
      </c>
      <c r="G3647" s="16">
        <v>2.0550142355079322</v>
      </c>
    </row>
    <row r="3648" spans="1:7" x14ac:dyDescent="0.3">
      <c r="A3648" s="13" t="s">
        <v>37</v>
      </c>
      <c r="B3648" s="14" t="s">
        <v>1</v>
      </c>
      <c r="C3648" s="14" t="s">
        <v>38</v>
      </c>
      <c r="D3648" s="14" t="s">
        <v>39</v>
      </c>
      <c r="E3648" s="15">
        <v>45739</v>
      </c>
      <c r="F3648" s="14" t="s">
        <v>15</v>
      </c>
      <c r="G3648" s="16">
        <v>2.0550142355079322</v>
      </c>
    </row>
    <row r="3649" spans="1:7" x14ac:dyDescent="0.3">
      <c r="A3649" s="13" t="s">
        <v>37</v>
      </c>
      <c r="B3649" s="14" t="s">
        <v>1</v>
      </c>
      <c r="C3649" s="14" t="s">
        <v>38</v>
      </c>
      <c r="D3649" s="14" t="s">
        <v>39</v>
      </c>
      <c r="E3649" s="15">
        <v>45740</v>
      </c>
      <c r="F3649" s="14" t="s">
        <v>15</v>
      </c>
      <c r="G3649" s="16">
        <v>2.052445454882351</v>
      </c>
    </row>
    <row r="3650" spans="1:7" x14ac:dyDescent="0.3">
      <c r="A3650" s="13" t="s">
        <v>37</v>
      </c>
      <c r="B3650" s="14" t="s">
        <v>1</v>
      </c>
      <c r="C3650" s="14" t="s">
        <v>38</v>
      </c>
      <c r="D3650" s="14" t="s">
        <v>39</v>
      </c>
      <c r="E3650" s="15">
        <v>45741</v>
      </c>
      <c r="F3650" s="14" t="s">
        <v>15</v>
      </c>
      <c r="G3650" s="16">
        <v>2.0447948194627705</v>
      </c>
    </row>
    <row r="3651" spans="1:7" x14ac:dyDescent="0.3">
      <c r="A3651" s="13" t="s">
        <v>37</v>
      </c>
      <c r="B3651" s="14" t="s">
        <v>1</v>
      </c>
      <c r="C3651" s="14" t="s">
        <v>38</v>
      </c>
      <c r="D3651" s="14" t="s">
        <v>39</v>
      </c>
      <c r="E3651" s="15">
        <v>45742</v>
      </c>
      <c r="F3651" s="14" t="s">
        <v>15</v>
      </c>
      <c r="G3651" s="16">
        <v>2.1405588865645289</v>
      </c>
    </row>
    <row r="3652" spans="1:7" x14ac:dyDescent="0.3">
      <c r="A3652" s="13" t="s">
        <v>37</v>
      </c>
      <c r="B3652" s="14" t="s">
        <v>1</v>
      </c>
      <c r="C3652" s="14" t="s">
        <v>38</v>
      </c>
      <c r="D3652" s="14" t="s">
        <v>39</v>
      </c>
      <c r="E3652" s="15">
        <v>45743</v>
      </c>
      <c r="F3652" s="14" t="s">
        <v>15</v>
      </c>
      <c r="G3652" s="16">
        <v>2.1380250387447766</v>
      </c>
    </row>
    <row r="3653" spans="1:7" x14ac:dyDescent="0.3">
      <c r="A3653" s="13" t="s">
        <v>37</v>
      </c>
      <c r="B3653" s="14" t="s">
        <v>1</v>
      </c>
      <c r="C3653" s="14" t="s">
        <v>38</v>
      </c>
      <c r="D3653" s="14" t="s">
        <v>39</v>
      </c>
      <c r="E3653" s="15">
        <v>45744</v>
      </c>
      <c r="F3653" s="14" t="s">
        <v>15</v>
      </c>
      <c r="G3653" s="16">
        <v>2.1354542887497527</v>
      </c>
    </row>
    <row r="3654" spans="1:7" x14ac:dyDescent="0.3">
      <c r="A3654" s="13" t="s">
        <v>37</v>
      </c>
      <c r="B3654" s="14" t="s">
        <v>1</v>
      </c>
      <c r="C3654" s="14" t="s">
        <v>38</v>
      </c>
      <c r="D3654" s="14" t="s">
        <v>39</v>
      </c>
      <c r="E3654" s="15">
        <v>45745</v>
      </c>
      <c r="F3654" s="14" t="s">
        <v>15</v>
      </c>
      <c r="G3654" s="16">
        <v>2.1354542887497527</v>
      </c>
    </row>
    <row r="3655" spans="1:7" x14ac:dyDescent="0.3">
      <c r="A3655" s="13" t="s">
        <v>37</v>
      </c>
      <c r="B3655" s="14" t="s">
        <v>1</v>
      </c>
      <c r="C3655" s="14" t="s">
        <v>38</v>
      </c>
      <c r="D3655" s="14" t="s">
        <v>39</v>
      </c>
      <c r="E3655" s="15">
        <v>45746</v>
      </c>
      <c r="F3655" s="14" t="s">
        <v>15</v>
      </c>
      <c r="G3655" s="16">
        <v>2.1354542887497527</v>
      </c>
    </row>
    <row r="3656" spans="1:7" x14ac:dyDescent="0.3">
      <c r="A3656" s="13" t="s">
        <v>37</v>
      </c>
      <c r="B3656" s="14" t="s">
        <v>1</v>
      </c>
      <c r="C3656" s="14" t="s">
        <v>38</v>
      </c>
      <c r="D3656" s="14" t="s">
        <v>39</v>
      </c>
      <c r="E3656" s="15">
        <v>45747</v>
      </c>
      <c r="F3656" s="14" t="s">
        <v>15</v>
      </c>
      <c r="G3656" s="16">
        <v>2.1354542887497527</v>
      </c>
    </row>
    <row r="3657" spans="1:7" x14ac:dyDescent="0.3">
      <c r="A3657" s="13" t="s">
        <v>40</v>
      </c>
      <c r="B3657" s="14" t="s">
        <v>1</v>
      </c>
      <c r="C3657" s="14" t="s">
        <v>41</v>
      </c>
      <c r="D3657" s="14" t="s">
        <v>42</v>
      </c>
      <c r="E3657" s="15">
        <v>45383</v>
      </c>
      <c r="F3657" s="14" t="s">
        <v>43</v>
      </c>
      <c r="G3657" s="16">
        <v>0</v>
      </c>
    </row>
    <row r="3658" spans="1:7" x14ac:dyDescent="0.3">
      <c r="A3658" s="13" t="s">
        <v>40</v>
      </c>
      <c r="B3658" s="14" t="s">
        <v>1</v>
      </c>
      <c r="C3658" s="14" t="s">
        <v>41</v>
      </c>
      <c r="D3658" s="14" t="s">
        <v>42</v>
      </c>
      <c r="E3658" s="15">
        <v>45384</v>
      </c>
      <c r="F3658" s="14" t="s">
        <v>43</v>
      </c>
      <c r="G3658" s="16">
        <v>0</v>
      </c>
    </row>
    <row r="3659" spans="1:7" x14ac:dyDescent="0.3">
      <c r="A3659" s="13" t="s">
        <v>40</v>
      </c>
      <c r="B3659" s="14" t="s">
        <v>1</v>
      </c>
      <c r="C3659" s="14" t="s">
        <v>41</v>
      </c>
      <c r="D3659" s="14" t="s">
        <v>42</v>
      </c>
      <c r="E3659" s="15">
        <v>45385</v>
      </c>
      <c r="F3659" s="14" t="s">
        <v>43</v>
      </c>
      <c r="G3659" s="16">
        <v>0</v>
      </c>
    </row>
    <row r="3660" spans="1:7" x14ac:dyDescent="0.3">
      <c r="A3660" s="13" t="s">
        <v>40</v>
      </c>
      <c r="B3660" s="14" t="s">
        <v>1</v>
      </c>
      <c r="C3660" s="14" t="s">
        <v>41</v>
      </c>
      <c r="D3660" s="14" t="s">
        <v>42</v>
      </c>
      <c r="E3660" s="15">
        <v>45386</v>
      </c>
      <c r="F3660" s="14" t="s">
        <v>43</v>
      </c>
      <c r="G3660" s="16">
        <v>0</v>
      </c>
    </row>
    <row r="3661" spans="1:7" x14ac:dyDescent="0.3">
      <c r="A3661" s="13" t="s">
        <v>40</v>
      </c>
      <c r="B3661" s="14" t="s">
        <v>1</v>
      </c>
      <c r="C3661" s="14" t="s">
        <v>41</v>
      </c>
      <c r="D3661" s="14" t="s">
        <v>42</v>
      </c>
      <c r="E3661" s="15">
        <v>45387</v>
      </c>
      <c r="F3661" s="14" t="s">
        <v>43</v>
      </c>
      <c r="G3661" s="16">
        <v>0</v>
      </c>
    </row>
    <row r="3662" spans="1:7" x14ac:dyDescent="0.3">
      <c r="A3662" s="13" t="s">
        <v>40</v>
      </c>
      <c r="B3662" s="14" t="s">
        <v>1</v>
      </c>
      <c r="C3662" s="14" t="s">
        <v>41</v>
      </c>
      <c r="D3662" s="14" t="s">
        <v>42</v>
      </c>
      <c r="E3662" s="15">
        <v>45388</v>
      </c>
      <c r="F3662" s="14" t="s">
        <v>43</v>
      </c>
      <c r="G3662" s="16">
        <v>0</v>
      </c>
    </row>
    <row r="3663" spans="1:7" x14ac:dyDescent="0.3">
      <c r="A3663" s="13" t="s">
        <v>40</v>
      </c>
      <c r="B3663" s="14" t="s">
        <v>1</v>
      </c>
      <c r="C3663" s="14" t="s">
        <v>41</v>
      </c>
      <c r="D3663" s="14" t="s">
        <v>42</v>
      </c>
      <c r="E3663" s="15">
        <v>45389</v>
      </c>
      <c r="F3663" s="14" t="s">
        <v>43</v>
      </c>
      <c r="G3663" s="16">
        <v>0</v>
      </c>
    </row>
    <row r="3664" spans="1:7" x14ac:dyDescent="0.3">
      <c r="A3664" s="13" t="s">
        <v>40</v>
      </c>
      <c r="B3664" s="14" t="s">
        <v>1</v>
      </c>
      <c r="C3664" s="14" t="s">
        <v>41</v>
      </c>
      <c r="D3664" s="14" t="s">
        <v>42</v>
      </c>
      <c r="E3664" s="15">
        <v>45390</v>
      </c>
      <c r="F3664" s="14" t="s">
        <v>43</v>
      </c>
      <c r="G3664" s="16">
        <v>0</v>
      </c>
    </row>
    <row r="3665" spans="1:7" x14ac:dyDescent="0.3">
      <c r="A3665" s="13" t="s">
        <v>40</v>
      </c>
      <c r="B3665" s="14" t="s">
        <v>1</v>
      </c>
      <c r="C3665" s="14" t="s">
        <v>41</v>
      </c>
      <c r="D3665" s="14" t="s">
        <v>42</v>
      </c>
      <c r="E3665" s="15">
        <v>45391</v>
      </c>
      <c r="F3665" s="14" t="s">
        <v>43</v>
      </c>
      <c r="G3665" s="16">
        <v>0</v>
      </c>
    </row>
    <row r="3666" spans="1:7" x14ac:dyDescent="0.3">
      <c r="A3666" s="13" t="s">
        <v>40</v>
      </c>
      <c r="B3666" s="14" t="s">
        <v>1</v>
      </c>
      <c r="C3666" s="14" t="s">
        <v>41</v>
      </c>
      <c r="D3666" s="14" t="s">
        <v>42</v>
      </c>
      <c r="E3666" s="15">
        <v>45392</v>
      </c>
      <c r="F3666" s="14" t="s">
        <v>43</v>
      </c>
      <c r="G3666" s="16">
        <v>0</v>
      </c>
    </row>
    <row r="3667" spans="1:7" x14ac:dyDescent="0.3">
      <c r="A3667" s="13" t="s">
        <v>40</v>
      </c>
      <c r="B3667" s="14" t="s">
        <v>1</v>
      </c>
      <c r="C3667" s="14" t="s">
        <v>41</v>
      </c>
      <c r="D3667" s="14" t="s">
        <v>42</v>
      </c>
      <c r="E3667" s="15">
        <v>45393</v>
      </c>
      <c r="F3667" s="14" t="s">
        <v>43</v>
      </c>
      <c r="G3667" s="16">
        <v>0</v>
      </c>
    </row>
    <row r="3668" spans="1:7" x14ac:dyDescent="0.3">
      <c r="A3668" s="13" t="s">
        <v>40</v>
      </c>
      <c r="B3668" s="14" t="s">
        <v>1</v>
      </c>
      <c r="C3668" s="14" t="s">
        <v>41</v>
      </c>
      <c r="D3668" s="14" t="s">
        <v>42</v>
      </c>
      <c r="E3668" s="15">
        <v>45394</v>
      </c>
      <c r="F3668" s="14" t="s">
        <v>43</v>
      </c>
      <c r="G3668" s="16">
        <v>0</v>
      </c>
    </row>
    <row r="3669" spans="1:7" x14ac:dyDescent="0.3">
      <c r="A3669" s="13" t="s">
        <v>40</v>
      </c>
      <c r="B3669" s="14" t="s">
        <v>1</v>
      </c>
      <c r="C3669" s="14" t="s">
        <v>41</v>
      </c>
      <c r="D3669" s="14" t="s">
        <v>42</v>
      </c>
      <c r="E3669" s="15">
        <v>45395</v>
      </c>
      <c r="F3669" s="14" t="s">
        <v>43</v>
      </c>
      <c r="G3669" s="16">
        <v>0</v>
      </c>
    </row>
    <row r="3670" spans="1:7" x14ac:dyDescent="0.3">
      <c r="A3670" s="13" t="s">
        <v>40</v>
      </c>
      <c r="B3670" s="14" t="s">
        <v>1</v>
      </c>
      <c r="C3670" s="14" t="s">
        <v>41</v>
      </c>
      <c r="D3670" s="14" t="s">
        <v>42</v>
      </c>
      <c r="E3670" s="15">
        <v>45396</v>
      </c>
      <c r="F3670" s="14" t="s">
        <v>43</v>
      </c>
      <c r="G3670" s="16">
        <v>0</v>
      </c>
    </row>
    <row r="3671" spans="1:7" x14ac:dyDescent="0.3">
      <c r="A3671" s="13" t="s">
        <v>40</v>
      </c>
      <c r="B3671" s="14" t="s">
        <v>1</v>
      </c>
      <c r="C3671" s="14" t="s">
        <v>41</v>
      </c>
      <c r="D3671" s="14" t="s">
        <v>42</v>
      </c>
      <c r="E3671" s="15">
        <v>45397</v>
      </c>
      <c r="F3671" s="14" t="s">
        <v>43</v>
      </c>
      <c r="G3671" s="16">
        <v>0</v>
      </c>
    </row>
    <row r="3672" spans="1:7" x14ac:dyDescent="0.3">
      <c r="A3672" s="13" t="s">
        <v>40</v>
      </c>
      <c r="B3672" s="14" t="s">
        <v>1</v>
      </c>
      <c r="C3672" s="14" t="s">
        <v>41</v>
      </c>
      <c r="D3672" s="14" t="s">
        <v>42</v>
      </c>
      <c r="E3672" s="15">
        <v>45398</v>
      </c>
      <c r="F3672" s="14" t="s">
        <v>43</v>
      </c>
      <c r="G3672" s="16">
        <v>0</v>
      </c>
    </row>
    <row r="3673" spans="1:7" x14ac:dyDescent="0.3">
      <c r="A3673" s="13" t="s">
        <v>40</v>
      </c>
      <c r="B3673" s="14" t="s">
        <v>1</v>
      </c>
      <c r="C3673" s="14" t="s">
        <v>41</v>
      </c>
      <c r="D3673" s="14" t="s">
        <v>42</v>
      </c>
      <c r="E3673" s="15">
        <v>45399</v>
      </c>
      <c r="F3673" s="14" t="s">
        <v>43</v>
      </c>
      <c r="G3673" s="16">
        <v>0</v>
      </c>
    </row>
    <row r="3674" spans="1:7" x14ac:dyDescent="0.3">
      <c r="A3674" s="13" t="s">
        <v>40</v>
      </c>
      <c r="B3674" s="14" t="s">
        <v>1</v>
      </c>
      <c r="C3674" s="14" t="s">
        <v>41</v>
      </c>
      <c r="D3674" s="14" t="s">
        <v>42</v>
      </c>
      <c r="E3674" s="15">
        <v>45400</v>
      </c>
      <c r="F3674" s="14" t="s">
        <v>43</v>
      </c>
      <c r="G3674" s="16">
        <v>0</v>
      </c>
    </row>
    <row r="3675" spans="1:7" x14ac:dyDescent="0.3">
      <c r="A3675" s="13" t="s">
        <v>40</v>
      </c>
      <c r="B3675" s="14" t="s">
        <v>1</v>
      </c>
      <c r="C3675" s="14" t="s">
        <v>41</v>
      </c>
      <c r="D3675" s="14" t="s">
        <v>42</v>
      </c>
      <c r="E3675" s="15">
        <v>45401</v>
      </c>
      <c r="F3675" s="14" t="s">
        <v>43</v>
      </c>
      <c r="G3675" s="16">
        <v>0</v>
      </c>
    </row>
    <row r="3676" spans="1:7" x14ac:dyDescent="0.3">
      <c r="A3676" s="13" t="s">
        <v>40</v>
      </c>
      <c r="B3676" s="14" t="s">
        <v>1</v>
      </c>
      <c r="C3676" s="14" t="s">
        <v>41</v>
      </c>
      <c r="D3676" s="14" t="s">
        <v>42</v>
      </c>
      <c r="E3676" s="15">
        <v>45402</v>
      </c>
      <c r="F3676" s="14" t="s">
        <v>43</v>
      </c>
      <c r="G3676" s="16">
        <v>0</v>
      </c>
    </row>
    <row r="3677" spans="1:7" x14ac:dyDescent="0.3">
      <c r="A3677" s="13" t="s">
        <v>40</v>
      </c>
      <c r="B3677" s="14" t="s">
        <v>1</v>
      </c>
      <c r="C3677" s="14" t="s">
        <v>41</v>
      </c>
      <c r="D3677" s="14" t="s">
        <v>42</v>
      </c>
      <c r="E3677" s="15">
        <v>45403</v>
      </c>
      <c r="F3677" s="14" t="s">
        <v>43</v>
      </c>
      <c r="G3677" s="16">
        <v>0</v>
      </c>
    </row>
    <row r="3678" spans="1:7" x14ac:dyDescent="0.3">
      <c r="A3678" s="13" t="s">
        <v>40</v>
      </c>
      <c r="B3678" s="14" t="s">
        <v>1</v>
      </c>
      <c r="C3678" s="14" t="s">
        <v>41</v>
      </c>
      <c r="D3678" s="14" t="s">
        <v>42</v>
      </c>
      <c r="E3678" s="15">
        <v>45404</v>
      </c>
      <c r="F3678" s="14" t="s">
        <v>43</v>
      </c>
      <c r="G3678" s="16">
        <v>0</v>
      </c>
    </row>
    <row r="3679" spans="1:7" x14ac:dyDescent="0.3">
      <c r="A3679" s="13" t="s">
        <v>40</v>
      </c>
      <c r="B3679" s="14" t="s">
        <v>1</v>
      </c>
      <c r="C3679" s="14" t="s">
        <v>41</v>
      </c>
      <c r="D3679" s="14" t="s">
        <v>42</v>
      </c>
      <c r="E3679" s="15">
        <v>45405</v>
      </c>
      <c r="F3679" s="14" t="s">
        <v>43</v>
      </c>
      <c r="G3679" s="16">
        <v>0</v>
      </c>
    </row>
    <row r="3680" spans="1:7" x14ac:dyDescent="0.3">
      <c r="A3680" s="13" t="s">
        <v>40</v>
      </c>
      <c r="B3680" s="14" t="s">
        <v>1</v>
      </c>
      <c r="C3680" s="14" t="s">
        <v>41</v>
      </c>
      <c r="D3680" s="14" t="s">
        <v>42</v>
      </c>
      <c r="E3680" s="15">
        <v>45406</v>
      </c>
      <c r="F3680" s="14" t="s">
        <v>43</v>
      </c>
      <c r="G3680" s="16">
        <v>0</v>
      </c>
    </row>
    <row r="3681" spans="1:7" x14ac:dyDescent="0.3">
      <c r="A3681" s="13" t="s">
        <v>40</v>
      </c>
      <c r="B3681" s="14" t="s">
        <v>1</v>
      </c>
      <c r="C3681" s="14" t="s">
        <v>41</v>
      </c>
      <c r="D3681" s="14" t="s">
        <v>42</v>
      </c>
      <c r="E3681" s="15">
        <v>45407</v>
      </c>
      <c r="F3681" s="14" t="s">
        <v>43</v>
      </c>
      <c r="G3681" s="16">
        <v>0</v>
      </c>
    </row>
    <row r="3682" spans="1:7" x14ac:dyDescent="0.3">
      <c r="A3682" s="13" t="s">
        <v>40</v>
      </c>
      <c r="B3682" s="14" t="s">
        <v>1</v>
      </c>
      <c r="C3682" s="14" t="s">
        <v>41</v>
      </c>
      <c r="D3682" s="14" t="s">
        <v>42</v>
      </c>
      <c r="E3682" s="15">
        <v>45408</v>
      </c>
      <c r="F3682" s="14" t="s">
        <v>43</v>
      </c>
      <c r="G3682" s="16">
        <v>0</v>
      </c>
    </row>
    <row r="3683" spans="1:7" x14ac:dyDescent="0.3">
      <c r="A3683" s="13" t="s">
        <v>40</v>
      </c>
      <c r="B3683" s="14" t="s">
        <v>1</v>
      </c>
      <c r="C3683" s="14" t="s">
        <v>41</v>
      </c>
      <c r="D3683" s="14" t="s">
        <v>42</v>
      </c>
      <c r="E3683" s="15">
        <v>45409</v>
      </c>
      <c r="F3683" s="14" t="s">
        <v>43</v>
      </c>
      <c r="G3683" s="16">
        <v>0</v>
      </c>
    </row>
    <row r="3684" spans="1:7" x14ac:dyDescent="0.3">
      <c r="A3684" s="13" t="s">
        <v>40</v>
      </c>
      <c r="B3684" s="14" t="s">
        <v>1</v>
      </c>
      <c r="C3684" s="14" t="s">
        <v>41</v>
      </c>
      <c r="D3684" s="14" t="s">
        <v>42</v>
      </c>
      <c r="E3684" s="15">
        <v>45410</v>
      </c>
      <c r="F3684" s="14" t="s">
        <v>43</v>
      </c>
      <c r="G3684" s="16">
        <v>0</v>
      </c>
    </row>
    <row r="3685" spans="1:7" x14ac:dyDescent="0.3">
      <c r="A3685" s="13" t="s">
        <v>40</v>
      </c>
      <c r="B3685" s="14" t="s">
        <v>1</v>
      </c>
      <c r="C3685" s="14" t="s">
        <v>41</v>
      </c>
      <c r="D3685" s="14" t="s">
        <v>42</v>
      </c>
      <c r="E3685" s="15">
        <v>45411</v>
      </c>
      <c r="F3685" s="14" t="s">
        <v>43</v>
      </c>
      <c r="G3685" s="16">
        <v>0</v>
      </c>
    </row>
    <row r="3686" spans="1:7" x14ac:dyDescent="0.3">
      <c r="A3686" s="13" t="s">
        <v>40</v>
      </c>
      <c r="B3686" s="14" t="s">
        <v>1</v>
      </c>
      <c r="C3686" s="14" t="s">
        <v>41</v>
      </c>
      <c r="D3686" s="14" t="s">
        <v>42</v>
      </c>
      <c r="E3686" s="15">
        <v>45412</v>
      </c>
      <c r="F3686" s="14" t="s">
        <v>43</v>
      </c>
      <c r="G3686" s="16">
        <v>0</v>
      </c>
    </row>
    <row r="3687" spans="1:7" x14ac:dyDescent="0.3">
      <c r="A3687" s="13" t="s">
        <v>40</v>
      </c>
      <c r="B3687" s="14" t="s">
        <v>1</v>
      </c>
      <c r="C3687" s="14" t="s">
        <v>41</v>
      </c>
      <c r="D3687" s="14" t="s">
        <v>42</v>
      </c>
      <c r="E3687" s="15">
        <v>45413</v>
      </c>
      <c r="F3687" s="14" t="s">
        <v>43</v>
      </c>
      <c r="G3687" s="16">
        <v>0</v>
      </c>
    </row>
    <row r="3688" spans="1:7" x14ac:dyDescent="0.3">
      <c r="A3688" s="13" t="s">
        <v>40</v>
      </c>
      <c r="B3688" s="14" t="s">
        <v>1</v>
      </c>
      <c r="C3688" s="14" t="s">
        <v>41</v>
      </c>
      <c r="D3688" s="14" t="s">
        <v>42</v>
      </c>
      <c r="E3688" s="15">
        <v>45414</v>
      </c>
      <c r="F3688" s="14" t="s">
        <v>43</v>
      </c>
      <c r="G3688" s="16">
        <v>0</v>
      </c>
    </row>
    <row r="3689" spans="1:7" x14ac:dyDescent="0.3">
      <c r="A3689" s="13" t="s">
        <v>40</v>
      </c>
      <c r="B3689" s="14" t="s">
        <v>1</v>
      </c>
      <c r="C3689" s="14" t="s">
        <v>41</v>
      </c>
      <c r="D3689" s="14" t="s">
        <v>42</v>
      </c>
      <c r="E3689" s="15">
        <v>45415</v>
      </c>
      <c r="F3689" s="14" t="s">
        <v>43</v>
      </c>
      <c r="G3689" s="16">
        <v>0</v>
      </c>
    </row>
    <row r="3690" spans="1:7" x14ac:dyDescent="0.3">
      <c r="A3690" s="13" t="s">
        <v>40</v>
      </c>
      <c r="B3690" s="14" t="s">
        <v>1</v>
      </c>
      <c r="C3690" s="14" t="s">
        <v>41</v>
      </c>
      <c r="D3690" s="14" t="s">
        <v>42</v>
      </c>
      <c r="E3690" s="15">
        <v>45416</v>
      </c>
      <c r="F3690" s="14" t="s">
        <v>43</v>
      </c>
      <c r="G3690" s="16">
        <v>0</v>
      </c>
    </row>
    <row r="3691" spans="1:7" x14ac:dyDescent="0.3">
      <c r="A3691" s="13" t="s">
        <v>40</v>
      </c>
      <c r="B3691" s="14" t="s">
        <v>1</v>
      </c>
      <c r="C3691" s="14" t="s">
        <v>41</v>
      </c>
      <c r="D3691" s="14" t="s">
        <v>42</v>
      </c>
      <c r="E3691" s="15">
        <v>45417</v>
      </c>
      <c r="F3691" s="14" t="s">
        <v>43</v>
      </c>
      <c r="G3691" s="16">
        <v>0</v>
      </c>
    </row>
    <row r="3692" spans="1:7" x14ac:dyDescent="0.3">
      <c r="A3692" s="13" t="s">
        <v>40</v>
      </c>
      <c r="B3692" s="14" t="s">
        <v>1</v>
      </c>
      <c r="C3692" s="14" t="s">
        <v>41</v>
      </c>
      <c r="D3692" s="14" t="s">
        <v>42</v>
      </c>
      <c r="E3692" s="15">
        <v>45418</v>
      </c>
      <c r="F3692" s="14" t="s">
        <v>43</v>
      </c>
      <c r="G3692" s="16">
        <v>0</v>
      </c>
    </row>
    <row r="3693" spans="1:7" x14ac:dyDescent="0.3">
      <c r="A3693" s="13" t="s">
        <v>40</v>
      </c>
      <c r="B3693" s="14" t="s">
        <v>1</v>
      </c>
      <c r="C3693" s="14" t="s">
        <v>41</v>
      </c>
      <c r="D3693" s="14" t="s">
        <v>42</v>
      </c>
      <c r="E3693" s="15">
        <v>45419</v>
      </c>
      <c r="F3693" s="14" t="s">
        <v>43</v>
      </c>
      <c r="G3693" s="16">
        <v>0</v>
      </c>
    </row>
    <row r="3694" spans="1:7" x14ac:dyDescent="0.3">
      <c r="A3694" s="13" t="s">
        <v>40</v>
      </c>
      <c r="B3694" s="14" t="s">
        <v>1</v>
      </c>
      <c r="C3694" s="14" t="s">
        <v>41</v>
      </c>
      <c r="D3694" s="14" t="s">
        <v>42</v>
      </c>
      <c r="E3694" s="15">
        <v>45420</v>
      </c>
      <c r="F3694" s="14" t="s">
        <v>43</v>
      </c>
      <c r="G3694" s="16">
        <v>0</v>
      </c>
    </row>
    <row r="3695" spans="1:7" x14ac:dyDescent="0.3">
      <c r="A3695" s="13" t="s">
        <v>40</v>
      </c>
      <c r="B3695" s="14" t="s">
        <v>1</v>
      </c>
      <c r="C3695" s="14" t="s">
        <v>41</v>
      </c>
      <c r="D3695" s="14" t="s">
        <v>42</v>
      </c>
      <c r="E3695" s="15">
        <v>45421</v>
      </c>
      <c r="F3695" s="14" t="s">
        <v>43</v>
      </c>
      <c r="G3695" s="16">
        <v>0</v>
      </c>
    </row>
    <row r="3696" spans="1:7" x14ac:dyDescent="0.3">
      <c r="A3696" s="13" t="s">
        <v>40</v>
      </c>
      <c r="B3696" s="14" t="s">
        <v>1</v>
      </c>
      <c r="C3696" s="14" t="s">
        <v>41</v>
      </c>
      <c r="D3696" s="14" t="s">
        <v>42</v>
      </c>
      <c r="E3696" s="15">
        <v>45422</v>
      </c>
      <c r="F3696" s="14" t="s">
        <v>43</v>
      </c>
      <c r="G3696" s="16">
        <v>0</v>
      </c>
    </row>
    <row r="3697" spans="1:7" x14ac:dyDescent="0.3">
      <c r="A3697" s="13" t="s">
        <v>40</v>
      </c>
      <c r="B3697" s="14" t="s">
        <v>1</v>
      </c>
      <c r="C3697" s="14" t="s">
        <v>41</v>
      </c>
      <c r="D3697" s="14" t="s">
        <v>42</v>
      </c>
      <c r="E3697" s="15">
        <v>45423</v>
      </c>
      <c r="F3697" s="14" t="s">
        <v>43</v>
      </c>
      <c r="G3697" s="16">
        <v>0</v>
      </c>
    </row>
    <row r="3698" spans="1:7" x14ac:dyDescent="0.3">
      <c r="A3698" s="13" t="s">
        <v>40</v>
      </c>
      <c r="B3698" s="14" t="s">
        <v>1</v>
      </c>
      <c r="C3698" s="14" t="s">
        <v>41</v>
      </c>
      <c r="D3698" s="14" t="s">
        <v>42</v>
      </c>
      <c r="E3698" s="15">
        <v>45424</v>
      </c>
      <c r="F3698" s="14" t="s">
        <v>43</v>
      </c>
      <c r="G3698" s="16">
        <v>0</v>
      </c>
    </row>
    <row r="3699" spans="1:7" x14ac:dyDescent="0.3">
      <c r="A3699" s="13" t="s">
        <v>40</v>
      </c>
      <c r="B3699" s="14" t="s">
        <v>1</v>
      </c>
      <c r="C3699" s="14" t="s">
        <v>41</v>
      </c>
      <c r="D3699" s="14" t="s">
        <v>42</v>
      </c>
      <c r="E3699" s="15">
        <v>45425</v>
      </c>
      <c r="F3699" s="14" t="s">
        <v>43</v>
      </c>
      <c r="G3699" s="16">
        <v>0</v>
      </c>
    </row>
    <row r="3700" spans="1:7" x14ac:dyDescent="0.3">
      <c r="A3700" s="13" t="s">
        <v>40</v>
      </c>
      <c r="B3700" s="14" t="s">
        <v>1</v>
      </c>
      <c r="C3700" s="14" t="s">
        <v>41</v>
      </c>
      <c r="D3700" s="14" t="s">
        <v>42</v>
      </c>
      <c r="E3700" s="15">
        <v>45426</v>
      </c>
      <c r="F3700" s="14" t="s">
        <v>43</v>
      </c>
      <c r="G3700" s="16">
        <v>0</v>
      </c>
    </row>
    <row r="3701" spans="1:7" x14ac:dyDescent="0.3">
      <c r="A3701" s="13" t="s">
        <v>40</v>
      </c>
      <c r="B3701" s="14" t="s">
        <v>1</v>
      </c>
      <c r="C3701" s="14" t="s">
        <v>41</v>
      </c>
      <c r="D3701" s="14" t="s">
        <v>42</v>
      </c>
      <c r="E3701" s="15">
        <v>45427</v>
      </c>
      <c r="F3701" s="14" t="s">
        <v>43</v>
      </c>
      <c r="G3701" s="16">
        <v>0</v>
      </c>
    </row>
    <row r="3702" spans="1:7" x14ac:dyDescent="0.3">
      <c r="A3702" s="13" t="s">
        <v>40</v>
      </c>
      <c r="B3702" s="14" t="s">
        <v>1</v>
      </c>
      <c r="C3702" s="14" t="s">
        <v>41</v>
      </c>
      <c r="D3702" s="14" t="s">
        <v>42</v>
      </c>
      <c r="E3702" s="15">
        <v>45428</v>
      </c>
      <c r="F3702" s="14" t="s">
        <v>43</v>
      </c>
      <c r="G3702" s="16">
        <v>0</v>
      </c>
    </row>
    <row r="3703" spans="1:7" x14ac:dyDescent="0.3">
      <c r="A3703" s="13" t="s">
        <v>40</v>
      </c>
      <c r="B3703" s="14" t="s">
        <v>1</v>
      </c>
      <c r="C3703" s="14" t="s">
        <v>41</v>
      </c>
      <c r="D3703" s="14" t="s">
        <v>42</v>
      </c>
      <c r="E3703" s="15">
        <v>45429</v>
      </c>
      <c r="F3703" s="14" t="s">
        <v>43</v>
      </c>
      <c r="G3703" s="16">
        <v>0</v>
      </c>
    </row>
    <row r="3704" spans="1:7" x14ac:dyDescent="0.3">
      <c r="A3704" s="13" t="s">
        <v>40</v>
      </c>
      <c r="B3704" s="14" t="s">
        <v>1</v>
      </c>
      <c r="C3704" s="14" t="s">
        <v>41</v>
      </c>
      <c r="D3704" s="14" t="s">
        <v>42</v>
      </c>
      <c r="E3704" s="15">
        <v>45430</v>
      </c>
      <c r="F3704" s="14" t="s">
        <v>43</v>
      </c>
      <c r="G3704" s="16">
        <v>0</v>
      </c>
    </row>
    <row r="3705" spans="1:7" x14ac:dyDescent="0.3">
      <c r="A3705" s="13" t="s">
        <v>40</v>
      </c>
      <c r="B3705" s="14" t="s">
        <v>1</v>
      </c>
      <c r="C3705" s="14" t="s">
        <v>41</v>
      </c>
      <c r="D3705" s="14" t="s">
        <v>42</v>
      </c>
      <c r="E3705" s="15">
        <v>45431</v>
      </c>
      <c r="F3705" s="14" t="s">
        <v>43</v>
      </c>
      <c r="G3705" s="16">
        <v>0</v>
      </c>
    </row>
    <row r="3706" spans="1:7" x14ac:dyDescent="0.3">
      <c r="A3706" s="13" t="s">
        <v>40</v>
      </c>
      <c r="B3706" s="14" t="s">
        <v>1</v>
      </c>
      <c r="C3706" s="14" t="s">
        <v>41</v>
      </c>
      <c r="D3706" s="14" t="s">
        <v>42</v>
      </c>
      <c r="E3706" s="15">
        <v>45432</v>
      </c>
      <c r="F3706" s="14" t="s">
        <v>43</v>
      </c>
      <c r="G3706" s="16">
        <v>0</v>
      </c>
    </row>
    <row r="3707" spans="1:7" x14ac:dyDescent="0.3">
      <c r="A3707" s="13" t="s">
        <v>40</v>
      </c>
      <c r="B3707" s="14" t="s">
        <v>1</v>
      </c>
      <c r="C3707" s="14" t="s">
        <v>41</v>
      </c>
      <c r="D3707" s="14" t="s">
        <v>42</v>
      </c>
      <c r="E3707" s="15">
        <v>45433</v>
      </c>
      <c r="F3707" s="14" t="s">
        <v>43</v>
      </c>
      <c r="G3707" s="16">
        <v>0</v>
      </c>
    </row>
    <row r="3708" spans="1:7" x14ac:dyDescent="0.3">
      <c r="A3708" s="13" t="s">
        <v>40</v>
      </c>
      <c r="B3708" s="14" t="s">
        <v>1</v>
      </c>
      <c r="C3708" s="14" t="s">
        <v>41</v>
      </c>
      <c r="D3708" s="14" t="s">
        <v>42</v>
      </c>
      <c r="E3708" s="15">
        <v>45434</v>
      </c>
      <c r="F3708" s="14" t="s">
        <v>43</v>
      </c>
      <c r="G3708" s="16">
        <v>0</v>
      </c>
    </row>
    <row r="3709" spans="1:7" x14ac:dyDescent="0.3">
      <c r="A3709" s="13" t="s">
        <v>40</v>
      </c>
      <c r="B3709" s="14" t="s">
        <v>1</v>
      </c>
      <c r="C3709" s="14" t="s">
        <v>41</v>
      </c>
      <c r="D3709" s="14" t="s">
        <v>42</v>
      </c>
      <c r="E3709" s="15">
        <v>45435</v>
      </c>
      <c r="F3709" s="14" t="s">
        <v>43</v>
      </c>
      <c r="G3709" s="16">
        <v>0</v>
      </c>
    </row>
    <row r="3710" spans="1:7" x14ac:dyDescent="0.3">
      <c r="A3710" s="13" t="s">
        <v>40</v>
      </c>
      <c r="B3710" s="14" t="s">
        <v>1</v>
      </c>
      <c r="C3710" s="14" t="s">
        <v>41</v>
      </c>
      <c r="D3710" s="14" t="s">
        <v>42</v>
      </c>
      <c r="E3710" s="15">
        <v>45436</v>
      </c>
      <c r="F3710" s="14" t="s">
        <v>43</v>
      </c>
      <c r="G3710" s="16">
        <v>0</v>
      </c>
    </row>
    <row r="3711" spans="1:7" x14ac:dyDescent="0.3">
      <c r="A3711" s="13" t="s">
        <v>40</v>
      </c>
      <c r="B3711" s="14" t="s">
        <v>1</v>
      </c>
      <c r="C3711" s="14" t="s">
        <v>41</v>
      </c>
      <c r="D3711" s="14" t="s">
        <v>42</v>
      </c>
      <c r="E3711" s="15">
        <v>45437</v>
      </c>
      <c r="F3711" s="14" t="s">
        <v>43</v>
      </c>
      <c r="G3711" s="16">
        <v>0</v>
      </c>
    </row>
    <row r="3712" spans="1:7" x14ac:dyDescent="0.3">
      <c r="A3712" s="13" t="s">
        <v>40</v>
      </c>
      <c r="B3712" s="14" t="s">
        <v>1</v>
      </c>
      <c r="C3712" s="14" t="s">
        <v>41</v>
      </c>
      <c r="D3712" s="14" t="s">
        <v>42</v>
      </c>
      <c r="E3712" s="15">
        <v>45438</v>
      </c>
      <c r="F3712" s="14" t="s">
        <v>43</v>
      </c>
      <c r="G3712" s="16">
        <v>0</v>
      </c>
    </row>
    <row r="3713" spans="1:7" x14ac:dyDescent="0.3">
      <c r="A3713" s="13" t="s">
        <v>40</v>
      </c>
      <c r="B3713" s="14" t="s">
        <v>1</v>
      </c>
      <c r="C3713" s="14" t="s">
        <v>41</v>
      </c>
      <c r="D3713" s="14" t="s">
        <v>42</v>
      </c>
      <c r="E3713" s="15">
        <v>45439</v>
      </c>
      <c r="F3713" s="14" t="s">
        <v>43</v>
      </c>
      <c r="G3713" s="16">
        <v>0</v>
      </c>
    </row>
    <row r="3714" spans="1:7" x14ac:dyDescent="0.3">
      <c r="A3714" s="13" t="s">
        <v>40</v>
      </c>
      <c r="B3714" s="14" t="s">
        <v>1</v>
      </c>
      <c r="C3714" s="14" t="s">
        <v>41</v>
      </c>
      <c r="D3714" s="14" t="s">
        <v>42</v>
      </c>
      <c r="E3714" s="15">
        <v>45440</v>
      </c>
      <c r="F3714" s="14" t="s">
        <v>43</v>
      </c>
      <c r="G3714" s="16">
        <v>0</v>
      </c>
    </row>
    <row r="3715" spans="1:7" x14ac:dyDescent="0.3">
      <c r="A3715" s="13" t="s">
        <v>40</v>
      </c>
      <c r="B3715" s="14" t="s">
        <v>1</v>
      </c>
      <c r="C3715" s="14" t="s">
        <v>41</v>
      </c>
      <c r="D3715" s="14" t="s">
        <v>42</v>
      </c>
      <c r="E3715" s="15">
        <v>45441</v>
      </c>
      <c r="F3715" s="14" t="s">
        <v>43</v>
      </c>
      <c r="G3715" s="16">
        <v>0</v>
      </c>
    </row>
    <row r="3716" spans="1:7" x14ac:dyDescent="0.3">
      <c r="A3716" s="13" t="s">
        <v>40</v>
      </c>
      <c r="B3716" s="14" t="s">
        <v>1</v>
      </c>
      <c r="C3716" s="14" t="s">
        <v>41</v>
      </c>
      <c r="D3716" s="14" t="s">
        <v>42</v>
      </c>
      <c r="E3716" s="15">
        <v>45442</v>
      </c>
      <c r="F3716" s="14" t="s">
        <v>43</v>
      </c>
      <c r="G3716" s="16">
        <v>0</v>
      </c>
    </row>
    <row r="3717" spans="1:7" x14ac:dyDescent="0.3">
      <c r="A3717" s="13" t="s">
        <v>40</v>
      </c>
      <c r="B3717" s="14" t="s">
        <v>1</v>
      </c>
      <c r="C3717" s="14" t="s">
        <v>41</v>
      </c>
      <c r="D3717" s="14" t="s">
        <v>42</v>
      </c>
      <c r="E3717" s="15">
        <v>45443</v>
      </c>
      <c r="F3717" s="14" t="s">
        <v>43</v>
      </c>
      <c r="G3717" s="16">
        <v>0</v>
      </c>
    </row>
    <row r="3718" spans="1:7" x14ac:dyDescent="0.3">
      <c r="A3718" s="13" t="s">
        <v>40</v>
      </c>
      <c r="B3718" s="14" t="s">
        <v>1</v>
      </c>
      <c r="C3718" s="14" t="s">
        <v>41</v>
      </c>
      <c r="D3718" s="14" t="s">
        <v>42</v>
      </c>
      <c r="E3718" s="15">
        <v>45444</v>
      </c>
      <c r="F3718" s="14" t="s">
        <v>43</v>
      </c>
      <c r="G3718" s="16">
        <v>0</v>
      </c>
    </row>
    <row r="3719" spans="1:7" x14ac:dyDescent="0.3">
      <c r="A3719" s="13" t="s">
        <v>40</v>
      </c>
      <c r="B3719" s="14" t="s">
        <v>1</v>
      </c>
      <c r="C3719" s="14" t="s">
        <v>41</v>
      </c>
      <c r="D3719" s="14" t="s">
        <v>42</v>
      </c>
      <c r="E3719" s="15">
        <v>45445</v>
      </c>
      <c r="F3719" s="14" t="s">
        <v>43</v>
      </c>
      <c r="G3719" s="16">
        <v>0</v>
      </c>
    </row>
    <row r="3720" spans="1:7" x14ac:dyDescent="0.3">
      <c r="A3720" s="13" t="s">
        <v>40</v>
      </c>
      <c r="B3720" s="14" t="s">
        <v>1</v>
      </c>
      <c r="C3720" s="14" t="s">
        <v>41</v>
      </c>
      <c r="D3720" s="14" t="s">
        <v>42</v>
      </c>
      <c r="E3720" s="15">
        <v>45446</v>
      </c>
      <c r="F3720" s="14" t="s">
        <v>43</v>
      </c>
      <c r="G3720" s="16">
        <v>0</v>
      </c>
    </row>
    <row r="3721" spans="1:7" x14ac:dyDescent="0.3">
      <c r="A3721" s="13" t="s">
        <v>40</v>
      </c>
      <c r="B3721" s="14" t="s">
        <v>1</v>
      </c>
      <c r="C3721" s="14" t="s">
        <v>41</v>
      </c>
      <c r="D3721" s="14" t="s">
        <v>42</v>
      </c>
      <c r="E3721" s="15">
        <v>45447</v>
      </c>
      <c r="F3721" s="14" t="s">
        <v>43</v>
      </c>
      <c r="G3721" s="16">
        <v>0</v>
      </c>
    </row>
    <row r="3722" spans="1:7" x14ac:dyDescent="0.3">
      <c r="A3722" s="13" t="s">
        <v>40</v>
      </c>
      <c r="B3722" s="14" t="s">
        <v>1</v>
      </c>
      <c r="C3722" s="14" t="s">
        <v>41</v>
      </c>
      <c r="D3722" s="14" t="s">
        <v>42</v>
      </c>
      <c r="E3722" s="15">
        <v>45448</v>
      </c>
      <c r="F3722" s="14" t="s">
        <v>43</v>
      </c>
      <c r="G3722" s="16">
        <v>0</v>
      </c>
    </row>
    <row r="3723" spans="1:7" x14ac:dyDescent="0.3">
      <c r="A3723" s="13" t="s">
        <v>40</v>
      </c>
      <c r="B3723" s="14" t="s">
        <v>1</v>
      </c>
      <c r="C3723" s="14" t="s">
        <v>41</v>
      </c>
      <c r="D3723" s="14" t="s">
        <v>42</v>
      </c>
      <c r="E3723" s="15">
        <v>45449</v>
      </c>
      <c r="F3723" s="14" t="s">
        <v>43</v>
      </c>
      <c r="G3723" s="16">
        <v>0</v>
      </c>
    </row>
    <row r="3724" spans="1:7" x14ac:dyDescent="0.3">
      <c r="A3724" s="13" t="s">
        <v>40</v>
      </c>
      <c r="B3724" s="14" t="s">
        <v>1</v>
      </c>
      <c r="C3724" s="14" t="s">
        <v>41</v>
      </c>
      <c r="D3724" s="14" t="s">
        <v>42</v>
      </c>
      <c r="E3724" s="15">
        <v>45450</v>
      </c>
      <c r="F3724" s="14" t="s">
        <v>43</v>
      </c>
      <c r="G3724" s="16">
        <v>0</v>
      </c>
    </row>
    <row r="3725" spans="1:7" x14ac:dyDescent="0.3">
      <c r="A3725" s="13" t="s">
        <v>40</v>
      </c>
      <c r="B3725" s="14" t="s">
        <v>1</v>
      </c>
      <c r="C3725" s="14" t="s">
        <v>41</v>
      </c>
      <c r="D3725" s="14" t="s">
        <v>42</v>
      </c>
      <c r="E3725" s="15">
        <v>45451</v>
      </c>
      <c r="F3725" s="14" t="s">
        <v>43</v>
      </c>
      <c r="G3725" s="16">
        <v>0</v>
      </c>
    </row>
    <row r="3726" spans="1:7" x14ac:dyDescent="0.3">
      <c r="A3726" s="13" t="s">
        <v>40</v>
      </c>
      <c r="B3726" s="14" t="s">
        <v>1</v>
      </c>
      <c r="C3726" s="14" t="s">
        <v>41</v>
      </c>
      <c r="D3726" s="14" t="s">
        <v>42</v>
      </c>
      <c r="E3726" s="15">
        <v>45452</v>
      </c>
      <c r="F3726" s="14" t="s">
        <v>43</v>
      </c>
      <c r="G3726" s="16">
        <v>0</v>
      </c>
    </row>
    <row r="3727" spans="1:7" x14ac:dyDescent="0.3">
      <c r="A3727" s="13" t="s">
        <v>40</v>
      </c>
      <c r="B3727" s="14" t="s">
        <v>1</v>
      </c>
      <c r="C3727" s="14" t="s">
        <v>41</v>
      </c>
      <c r="D3727" s="14" t="s">
        <v>42</v>
      </c>
      <c r="E3727" s="15">
        <v>45453</v>
      </c>
      <c r="F3727" s="14" t="s">
        <v>43</v>
      </c>
      <c r="G3727" s="16">
        <v>0</v>
      </c>
    </row>
    <row r="3728" spans="1:7" x14ac:dyDescent="0.3">
      <c r="A3728" s="13" t="s">
        <v>40</v>
      </c>
      <c r="B3728" s="14" t="s">
        <v>1</v>
      </c>
      <c r="C3728" s="14" t="s">
        <v>41</v>
      </c>
      <c r="D3728" s="14" t="s">
        <v>42</v>
      </c>
      <c r="E3728" s="15">
        <v>45454</v>
      </c>
      <c r="F3728" s="14" t="s">
        <v>43</v>
      </c>
      <c r="G3728" s="16">
        <v>0</v>
      </c>
    </row>
    <row r="3729" spans="1:7" x14ac:dyDescent="0.3">
      <c r="A3729" s="13" t="s">
        <v>40</v>
      </c>
      <c r="B3729" s="14" t="s">
        <v>1</v>
      </c>
      <c r="C3729" s="14" t="s">
        <v>41</v>
      </c>
      <c r="D3729" s="14" t="s">
        <v>42</v>
      </c>
      <c r="E3729" s="15">
        <v>45455</v>
      </c>
      <c r="F3729" s="14" t="s">
        <v>43</v>
      </c>
      <c r="G3729" s="16">
        <v>0</v>
      </c>
    </row>
    <row r="3730" spans="1:7" x14ac:dyDescent="0.3">
      <c r="A3730" s="13" t="s">
        <v>40</v>
      </c>
      <c r="B3730" s="14" t="s">
        <v>1</v>
      </c>
      <c r="C3730" s="14" t="s">
        <v>41</v>
      </c>
      <c r="D3730" s="14" t="s">
        <v>42</v>
      </c>
      <c r="E3730" s="15">
        <v>45456</v>
      </c>
      <c r="F3730" s="14" t="s">
        <v>43</v>
      </c>
      <c r="G3730" s="16">
        <v>0</v>
      </c>
    </row>
    <row r="3731" spans="1:7" x14ac:dyDescent="0.3">
      <c r="A3731" s="13" t="s">
        <v>40</v>
      </c>
      <c r="B3731" s="14" t="s">
        <v>1</v>
      </c>
      <c r="C3731" s="14" t="s">
        <v>41</v>
      </c>
      <c r="D3731" s="14" t="s">
        <v>42</v>
      </c>
      <c r="E3731" s="15">
        <v>45457</v>
      </c>
      <c r="F3731" s="14" t="s">
        <v>43</v>
      </c>
      <c r="G3731" s="16">
        <v>0</v>
      </c>
    </row>
    <row r="3732" spans="1:7" x14ac:dyDescent="0.3">
      <c r="A3732" s="13" t="s">
        <v>40</v>
      </c>
      <c r="B3732" s="14" t="s">
        <v>1</v>
      </c>
      <c r="C3732" s="14" t="s">
        <v>41</v>
      </c>
      <c r="D3732" s="14" t="s">
        <v>42</v>
      </c>
      <c r="E3732" s="15">
        <v>45458</v>
      </c>
      <c r="F3732" s="14" t="s">
        <v>43</v>
      </c>
      <c r="G3732" s="16">
        <v>0</v>
      </c>
    </row>
    <row r="3733" spans="1:7" x14ac:dyDescent="0.3">
      <c r="A3733" s="13" t="s">
        <v>40</v>
      </c>
      <c r="B3733" s="14" t="s">
        <v>1</v>
      </c>
      <c r="C3733" s="14" t="s">
        <v>41</v>
      </c>
      <c r="D3733" s="14" t="s">
        <v>42</v>
      </c>
      <c r="E3733" s="15">
        <v>45459</v>
      </c>
      <c r="F3733" s="14" t="s">
        <v>43</v>
      </c>
      <c r="G3733" s="16">
        <v>0</v>
      </c>
    </row>
    <row r="3734" spans="1:7" x14ac:dyDescent="0.3">
      <c r="A3734" s="13" t="s">
        <v>40</v>
      </c>
      <c r="B3734" s="14" t="s">
        <v>1</v>
      </c>
      <c r="C3734" s="14" t="s">
        <v>41</v>
      </c>
      <c r="D3734" s="14" t="s">
        <v>42</v>
      </c>
      <c r="E3734" s="15">
        <v>45460</v>
      </c>
      <c r="F3734" s="14" t="s">
        <v>43</v>
      </c>
      <c r="G3734" s="16">
        <v>0</v>
      </c>
    </row>
    <row r="3735" spans="1:7" x14ac:dyDescent="0.3">
      <c r="A3735" s="13" t="s">
        <v>40</v>
      </c>
      <c r="B3735" s="14" t="s">
        <v>1</v>
      </c>
      <c r="C3735" s="14" t="s">
        <v>41</v>
      </c>
      <c r="D3735" s="14" t="s">
        <v>42</v>
      </c>
      <c r="E3735" s="15">
        <v>45461</v>
      </c>
      <c r="F3735" s="14" t="s">
        <v>43</v>
      </c>
      <c r="G3735" s="16">
        <v>0</v>
      </c>
    </row>
    <row r="3736" spans="1:7" x14ac:dyDescent="0.3">
      <c r="A3736" s="13" t="s">
        <v>40</v>
      </c>
      <c r="B3736" s="14" t="s">
        <v>1</v>
      </c>
      <c r="C3736" s="14" t="s">
        <v>41</v>
      </c>
      <c r="D3736" s="14" t="s">
        <v>42</v>
      </c>
      <c r="E3736" s="15">
        <v>45462</v>
      </c>
      <c r="F3736" s="14" t="s">
        <v>43</v>
      </c>
      <c r="G3736" s="16">
        <v>0</v>
      </c>
    </row>
    <row r="3737" spans="1:7" x14ac:dyDescent="0.3">
      <c r="A3737" s="13" t="s">
        <v>40</v>
      </c>
      <c r="B3737" s="14" t="s">
        <v>1</v>
      </c>
      <c r="C3737" s="14" t="s">
        <v>41</v>
      </c>
      <c r="D3737" s="14" t="s">
        <v>42</v>
      </c>
      <c r="E3737" s="15">
        <v>45463</v>
      </c>
      <c r="F3737" s="14" t="s">
        <v>43</v>
      </c>
      <c r="G3737" s="16">
        <v>0</v>
      </c>
    </row>
    <row r="3738" spans="1:7" x14ac:dyDescent="0.3">
      <c r="A3738" s="13" t="s">
        <v>40</v>
      </c>
      <c r="B3738" s="14" t="s">
        <v>1</v>
      </c>
      <c r="C3738" s="14" t="s">
        <v>41</v>
      </c>
      <c r="D3738" s="14" t="s">
        <v>42</v>
      </c>
      <c r="E3738" s="15">
        <v>45464</v>
      </c>
      <c r="F3738" s="14" t="s">
        <v>43</v>
      </c>
      <c r="G3738" s="16">
        <v>0</v>
      </c>
    </row>
    <row r="3739" spans="1:7" x14ac:dyDescent="0.3">
      <c r="A3739" s="13" t="s">
        <v>40</v>
      </c>
      <c r="B3739" s="14" t="s">
        <v>1</v>
      </c>
      <c r="C3739" s="14" t="s">
        <v>41</v>
      </c>
      <c r="D3739" s="14" t="s">
        <v>42</v>
      </c>
      <c r="E3739" s="15">
        <v>45465</v>
      </c>
      <c r="F3739" s="14" t="s">
        <v>43</v>
      </c>
      <c r="G3739" s="16">
        <v>0</v>
      </c>
    </row>
    <row r="3740" spans="1:7" x14ac:dyDescent="0.3">
      <c r="A3740" s="13" t="s">
        <v>40</v>
      </c>
      <c r="B3740" s="14" t="s">
        <v>1</v>
      </c>
      <c r="C3740" s="14" t="s">
        <v>41</v>
      </c>
      <c r="D3740" s="14" t="s">
        <v>42</v>
      </c>
      <c r="E3740" s="15">
        <v>45466</v>
      </c>
      <c r="F3740" s="14" t="s">
        <v>43</v>
      </c>
      <c r="G3740" s="16">
        <v>0</v>
      </c>
    </row>
    <row r="3741" spans="1:7" x14ac:dyDescent="0.3">
      <c r="A3741" s="13" t="s">
        <v>40</v>
      </c>
      <c r="B3741" s="14" t="s">
        <v>1</v>
      </c>
      <c r="C3741" s="14" t="s">
        <v>41</v>
      </c>
      <c r="D3741" s="14" t="s">
        <v>42</v>
      </c>
      <c r="E3741" s="15">
        <v>45467</v>
      </c>
      <c r="F3741" s="14" t="s">
        <v>43</v>
      </c>
      <c r="G3741" s="16">
        <v>0</v>
      </c>
    </row>
    <row r="3742" spans="1:7" x14ac:dyDescent="0.3">
      <c r="A3742" s="13" t="s">
        <v>40</v>
      </c>
      <c r="B3742" s="14" t="s">
        <v>1</v>
      </c>
      <c r="C3742" s="14" t="s">
        <v>41</v>
      </c>
      <c r="D3742" s="14" t="s">
        <v>42</v>
      </c>
      <c r="E3742" s="15">
        <v>45468</v>
      </c>
      <c r="F3742" s="14" t="s">
        <v>43</v>
      </c>
      <c r="G3742" s="16">
        <v>0</v>
      </c>
    </row>
    <row r="3743" spans="1:7" x14ac:dyDescent="0.3">
      <c r="A3743" s="13" t="s">
        <v>40</v>
      </c>
      <c r="B3743" s="14" t="s">
        <v>1</v>
      </c>
      <c r="C3743" s="14" t="s">
        <v>41</v>
      </c>
      <c r="D3743" s="14" t="s">
        <v>42</v>
      </c>
      <c r="E3743" s="15">
        <v>45469</v>
      </c>
      <c r="F3743" s="14" t="s">
        <v>43</v>
      </c>
      <c r="G3743" s="16">
        <v>0</v>
      </c>
    </row>
    <row r="3744" spans="1:7" x14ac:dyDescent="0.3">
      <c r="A3744" s="13" t="s">
        <v>40</v>
      </c>
      <c r="B3744" s="14" t="s">
        <v>1</v>
      </c>
      <c r="C3744" s="14" t="s">
        <v>41</v>
      </c>
      <c r="D3744" s="14" t="s">
        <v>42</v>
      </c>
      <c r="E3744" s="15">
        <v>45470</v>
      </c>
      <c r="F3744" s="14" t="s">
        <v>43</v>
      </c>
      <c r="G3744" s="16">
        <v>0</v>
      </c>
    </row>
    <row r="3745" spans="1:7" x14ac:dyDescent="0.3">
      <c r="A3745" s="13" t="s">
        <v>40</v>
      </c>
      <c r="B3745" s="14" t="s">
        <v>1</v>
      </c>
      <c r="C3745" s="14" t="s">
        <v>41</v>
      </c>
      <c r="D3745" s="14" t="s">
        <v>42</v>
      </c>
      <c r="E3745" s="15">
        <v>45471</v>
      </c>
      <c r="F3745" s="14" t="s">
        <v>43</v>
      </c>
      <c r="G3745" s="16">
        <v>0</v>
      </c>
    </row>
    <row r="3746" spans="1:7" x14ac:dyDescent="0.3">
      <c r="A3746" s="13" t="s">
        <v>40</v>
      </c>
      <c r="B3746" s="14" t="s">
        <v>1</v>
      </c>
      <c r="C3746" s="14" t="s">
        <v>41</v>
      </c>
      <c r="D3746" s="14" t="s">
        <v>42</v>
      </c>
      <c r="E3746" s="15">
        <v>45472</v>
      </c>
      <c r="F3746" s="14" t="s">
        <v>43</v>
      </c>
      <c r="G3746" s="16">
        <v>0</v>
      </c>
    </row>
    <row r="3747" spans="1:7" x14ac:dyDescent="0.3">
      <c r="A3747" s="13" t="s">
        <v>40</v>
      </c>
      <c r="B3747" s="14" t="s">
        <v>1</v>
      </c>
      <c r="C3747" s="14" t="s">
        <v>41</v>
      </c>
      <c r="D3747" s="14" t="s">
        <v>42</v>
      </c>
      <c r="E3747" s="15">
        <v>45473</v>
      </c>
      <c r="F3747" s="14" t="s">
        <v>43</v>
      </c>
      <c r="G3747" s="16">
        <v>0</v>
      </c>
    </row>
    <row r="3748" spans="1:7" x14ac:dyDescent="0.3">
      <c r="A3748" s="13" t="s">
        <v>40</v>
      </c>
      <c r="B3748" s="14" t="s">
        <v>1</v>
      </c>
      <c r="C3748" s="14" t="s">
        <v>41</v>
      </c>
      <c r="D3748" s="14" t="s">
        <v>42</v>
      </c>
      <c r="E3748" s="15">
        <v>45474</v>
      </c>
      <c r="F3748" s="14" t="s">
        <v>43</v>
      </c>
      <c r="G3748" s="16">
        <v>0</v>
      </c>
    </row>
    <row r="3749" spans="1:7" x14ac:dyDescent="0.3">
      <c r="A3749" s="13" t="s">
        <v>40</v>
      </c>
      <c r="B3749" s="14" t="s">
        <v>1</v>
      </c>
      <c r="C3749" s="14" t="s">
        <v>41</v>
      </c>
      <c r="D3749" s="14" t="s">
        <v>42</v>
      </c>
      <c r="E3749" s="15">
        <v>45475</v>
      </c>
      <c r="F3749" s="14" t="s">
        <v>43</v>
      </c>
      <c r="G3749" s="16">
        <v>0</v>
      </c>
    </row>
    <row r="3750" spans="1:7" x14ac:dyDescent="0.3">
      <c r="A3750" s="13" t="s">
        <v>40</v>
      </c>
      <c r="B3750" s="14" t="s">
        <v>1</v>
      </c>
      <c r="C3750" s="14" t="s">
        <v>41</v>
      </c>
      <c r="D3750" s="14" t="s">
        <v>42</v>
      </c>
      <c r="E3750" s="15">
        <v>45476</v>
      </c>
      <c r="F3750" s="14" t="s">
        <v>43</v>
      </c>
      <c r="G3750" s="16">
        <v>0</v>
      </c>
    </row>
    <row r="3751" spans="1:7" x14ac:dyDescent="0.3">
      <c r="A3751" s="13" t="s">
        <v>40</v>
      </c>
      <c r="B3751" s="14" t="s">
        <v>1</v>
      </c>
      <c r="C3751" s="14" t="s">
        <v>41</v>
      </c>
      <c r="D3751" s="14" t="s">
        <v>42</v>
      </c>
      <c r="E3751" s="15">
        <v>45477</v>
      </c>
      <c r="F3751" s="14" t="s">
        <v>43</v>
      </c>
      <c r="G3751" s="16">
        <v>0</v>
      </c>
    </row>
    <row r="3752" spans="1:7" x14ac:dyDescent="0.3">
      <c r="A3752" s="13" t="s">
        <v>40</v>
      </c>
      <c r="B3752" s="14" t="s">
        <v>1</v>
      </c>
      <c r="C3752" s="14" t="s">
        <v>41</v>
      </c>
      <c r="D3752" s="14" t="s">
        <v>42</v>
      </c>
      <c r="E3752" s="15">
        <v>45478</v>
      </c>
      <c r="F3752" s="14" t="s">
        <v>43</v>
      </c>
      <c r="G3752" s="16">
        <v>0</v>
      </c>
    </row>
    <row r="3753" spans="1:7" x14ac:dyDescent="0.3">
      <c r="A3753" s="13" t="s">
        <v>40</v>
      </c>
      <c r="B3753" s="14" t="s">
        <v>1</v>
      </c>
      <c r="C3753" s="14" t="s">
        <v>41</v>
      </c>
      <c r="D3753" s="14" t="s">
        <v>42</v>
      </c>
      <c r="E3753" s="15">
        <v>45479</v>
      </c>
      <c r="F3753" s="14" t="s">
        <v>43</v>
      </c>
      <c r="G3753" s="16">
        <v>0</v>
      </c>
    </row>
    <row r="3754" spans="1:7" x14ac:dyDescent="0.3">
      <c r="A3754" s="13" t="s">
        <v>40</v>
      </c>
      <c r="B3754" s="14" t="s">
        <v>1</v>
      </c>
      <c r="C3754" s="14" t="s">
        <v>41</v>
      </c>
      <c r="D3754" s="14" t="s">
        <v>42</v>
      </c>
      <c r="E3754" s="15">
        <v>45480</v>
      </c>
      <c r="F3754" s="14" t="s">
        <v>43</v>
      </c>
      <c r="G3754" s="16">
        <v>0</v>
      </c>
    </row>
    <row r="3755" spans="1:7" x14ac:dyDescent="0.3">
      <c r="A3755" s="13" t="s">
        <v>40</v>
      </c>
      <c r="B3755" s="14" t="s">
        <v>1</v>
      </c>
      <c r="C3755" s="14" t="s">
        <v>41</v>
      </c>
      <c r="D3755" s="14" t="s">
        <v>42</v>
      </c>
      <c r="E3755" s="15">
        <v>45481</v>
      </c>
      <c r="F3755" s="14" t="s">
        <v>43</v>
      </c>
      <c r="G3755" s="16">
        <v>0</v>
      </c>
    </row>
    <row r="3756" spans="1:7" x14ac:dyDescent="0.3">
      <c r="A3756" s="13" t="s">
        <v>40</v>
      </c>
      <c r="B3756" s="14" t="s">
        <v>1</v>
      </c>
      <c r="C3756" s="14" t="s">
        <v>41</v>
      </c>
      <c r="D3756" s="14" t="s">
        <v>42</v>
      </c>
      <c r="E3756" s="15">
        <v>45482</v>
      </c>
      <c r="F3756" s="14" t="s">
        <v>43</v>
      </c>
      <c r="G3756" s="16">
        <v>0</v>
      </c>
    </row>
    <row r="3757" spans="1:7" x14ac:dyDescent="0.3">
      <c r="A3757" s="13" t="s">
        <v>40</v>
      </c>
      <c r="B3757" s="14" t="s">
        <v>1</v>
      </c>
      <c r="C3757" s="14" t="s">
        <v>41</v>
      </c>
      <c r="D3757" s="14" t="s">
        <v>42</v>
      </c>
      <c r="E3757" s="15">
        <v>45483</v>
      </c>
      <c r="F3757" s="14" t="s">
        <v>43</v>
      </c>
      <c r="G3757" s="16">
        <v>0</v>
      </c>
    </row>
    <row r="3758" spans="1:7" x14ac:dyDescent="0.3">
      <c r="A3758" s="13" t="s">
        <v>40</v>
      </c>
      <c r="B3758" s="14" t="s">
        <v>1</v>
      </c>
      <c r="C3758" s="14" t="s">
        <v>41</v>
      </c>
      <c r="D3758" s="14" t="s">
        <v>42</v>
      </c>
      <c r="E3758" s="15">
        <v>45484</v>
      </c>
      <c r="F3758" s="14" t="s">
        <v>43</v>
      </c>
      <c r="G3758" s="16">
        <v>0</v>
      </c>
    </row>
    <row r="3759" spans="1:7" x14ac:dyDescent="0.3">
      <c r="A3759" s="13" t="s">
        <v>40</v>
      </c>
      <c r="B3759" s="14" t="s">
        <v>1</v>
      </c>
      <c r="C3759" s="14" t="s">
        <v>41</v>
      </c>
      <c r="D3759" s="14" t="s">
        <v>42</v>
      </c>
      <c r="E3759" s="15">
        <v>45485</v>
      </c>
      <c r="F3759" s="14" t="s">
        <v>43</v>
      </c>
      <c r="G3759" s="16">
        <v>0</v>
      </c>
    </row>
    <row r="3760" spans="1:7" x14ac:dyDescent="0.3">
      <c r="A3760" s="13" t="s">
        <v>40</v>
      </c>
      <c r="B3760" s="14" t="s">
        <v>1</v>
      </c>
      <c r="C3760" s="14" t="s">
        <v>41</v>
      </c>
      <c r="D3760" s="14" t="s">
        <v>42</v>
      </c>
      <c r="E3760" s="15">
        <v>45486</v>
      </c>
      <c r="F3760" s="14" t="s">
        <v>43</v>
      </c>
      <c r="G3760" s="16">
        <v>0</v>
      </c>
    </row>
    <row r="3761" spans="1:7" x14ac:dyDescent="0.3">
      <c r="A3761" s="13" t="s">
        <v>40</v>
      </c>
      <c r="B3761" s="14" t="s">
        <v>1</v>
      </c>
      <c r="C3761" s="14" t="s">
        <v>41</v>
      </c>
      <c r="D3761" s="14" t="s">
        <v>42</v>
      </c>
      <c r="E3761" s="15">
        <v>45487</v>
      </c>
      <c r="F3761" s="14" t="s">
        <v>43</v>
      </c>
      <c r="G3761" s="16">
        <v>0</v>
      </c>
    </row>
    <row r="3762" spans="1:7" x14ac:dyDescent="0.3">
      <c r="A3762" s="13" t="s">
        <v>40</v>
      </c>
      <c r="B3762" s="14" t="s">
        <v>1</v>
      </c>
      <c r="C3762" s="14" t="s">
        <v>41</v>
      </c>
      <c r="D3762" s="14" t="s">
        <v>42</v>
      </c>
      <c r="E3762" s="15">
        <v>45488</v>
      </c>
      <c r="F3762" s="14" t="s">
        <v>43</v>
      </c>
      <c r="G3762" s="16">
        <v>0</v>
      </c>
    </row>
    <row r="3763" spans="1:7" x14ac:dyDescent="0.3">
      <c r="A3763" s="13" t="s">
        <v>40</v>
      </c>
      <c r="B3763" s="14" t="s">
        <v>1</v>
      </c>
      <c r="C3763" s="14" t="s">
        <v>41</v>
      </c>
      <c r="D3763" s="14" t="s">
        <v>42</v>
      </c>
      <c r="E3763" s="15">
        <v>45489</v>
      </c>
      <c r="F3763" s="14" t="s">
        <v>43</v>
      </c>
      <c r="G3763" s="16">
        <v>0</v>
      </c>
    </row>
    <row r="3764" spans="1:7" x14ac:dyDescent="0.3">
      <c r="A3764" s="13" t="s">
        <v>40</v>
      </c>
      <c r="B3764" s="14" t="s">
        <v>1</v>
      </c>
      <c r="C3764" s="14" t="s">
        <v>41</v>
      </c>
      <c r="D3764" s="14" t="s">
        <v>42</v>
      </c>
      <c r="E3764" s="15">
        <v>45490</v>
      </c>
      <c r="F3764" s="14" t="s">
        <v>43</v>
      </c>
      <c r="G3764" s="16">
        <v>0</v>
      </c>
    </row>
    <row r="3765" spans="1:7" x14ac:dyDescent="0.3">
      <c r="A3765" s="13" t="s">
        <v>40</v>
      </c>
      <c r="B3765" s="14" t="s">
        <v>1</v>
      </c>
      <c r="C3765" s="14" t="s">
        <v>41</v>
      </c>
      <c r="D3765" s="14" t="s">
        <v>42</v>
      </c>
      <c r="E3765" s="15">
        <v>45491</v>
      </c>
      <c r="F3765" s="14" t="s">
        <v>43</v>
      </c>
      <c r="G3765" s="16">
        <v>0</v>
      </c>
    </row>
    <row r="3766" spans="1:7" x14ac:dyDescent="0.3">
      <c r="A3766" s="13" t="s">
        <v>40</v>
      </c>
      <c r="B3766" s="14" t="s">
        <v>1</v>
      </c>
      <c r="C3766" s="14" t="s">
        <v>41</v>
      </c>
      <c r="D3766" s="14" t="s">
        <v>42</v>
      </c>
      <c r="E3766" s="15">
        <v>45492</v>
      </c>
      <c r="F3766" s="14" t="s">
        <v>43</v>
      </c>
      <c r="G3766" s="16">
        <v>0</v>
      </c>
    </row>
    <row r="3767" spans="1:7" x14ac:dyDescent="0.3">
      <c r="A3767" s="13" t="s">
        <v>40</v>
      </c>
      <c r="B3767" s="14" t="s">
        <v>1</v>
      </c>
      <c r="C3767" s="14" t="s">
        <v>41</v>
      </c>
      <c r="D3767" s="14" t="s">
        <v>42</v>
      </c>
      <c r="E3767" s="15">
        <v>45493</v>
      </c>
      <c r="F3767" s="14" t="s">
        <v>43</v>
      </c>
      <c r="G3767" s="16">
        <v>0</v>
      </c>
    </row>
    <row r="3768" spans="1:7" x14ac:dyDescent="0.3">
      <c r="A3768" s="13" t="s">
        <v>40</v>
      </c>
      <c r="B3768" s="14" t="s">
        <v>1</v>
      </c>
      <c r="C3768" s="14" t="s">
        <v>41</v>
      </c>
      <c r="D3768" s="14" t="s">
        <v>42</v>
      </c>
      <c r="E3768" s="15">
        <v>45494</v>
      </c>
      <c r="F3768" s="14" t="s">
        <v>43</v>
      </c>
      <c r="G3768" s="16">
        <v>0</v>
      </c>
    </row>
    <row r="3769" spans="1:7" x14ac:dyDescent="0.3">
      <c r="A3769" s="13" t="s">
        <v>40</v>
      </c>
      <c r="B3769" s="14" t="s">
        <v>1</v>
      </c>
      <c r="C3769" s="14" t="s">
        <v>41</v>
      </c>
      <c r="D3769" s="14" t="s">
        <v>42</v>
      </c>
      <c r="E3769" s="15">
        <v>45495</v>
      </c>
      <c r="F3769" s="14" t="s">
        <v>43</v>
      </c>
      <c r="G3769" s="16">
        <v>0</v>
      </c>
    </row>
    <row r="3770" spans="1:7" x14ac:dyDescent="0.3">
      <c r="A3770" s="13" t="s">
        <v>40</v>
      </c>
      <c r="B3770" s="14" t="s">
        <v>1</v>
      </c>
      <c r="C3770" s="14" t="s">
        <v>41</v>
      </c>
      <c r="D3770" s="14" t="s">
        <v>42</v>
      </c>
      <c r="E3770" s="15">
        <v>45496</v>
      </c>
      <c r="F3770" s="14" t="s">
        <v>43</v>
      </c>
      <c r="G3770" s="16">
        <v>0</v>
      </c>
    </row>
    <row r="3771" spans="1:7" x14ac:dyDescent="0.3">
      <c r="A3771" s="13" t="s">
        <v>40</v>
      </c>
      <c r="B3771" s="14" t="s">
        <v>1</v>
      </c>
      <c r="C3771" s="14" t="s">
        <v>41</v>
      </c>
      <c r="D3771" s="14" t="s">
        <v>42</v>
      </c>
      <c r="E3771" s="15">
        <v>45497</v>
      </c>
      <c r="F3771" s="14" t="s">
        <v>43</v>
      </c>
      <c r="G3771" s="16">
        <v>0</v>
      </c>
    </row>
    <row r="3772" spans="1:7" x14ac:dyDescent="0.3">
      <c r="A3772" s="13" t="s">
        <v>40</v>
      </c>
      <c r="B3772" s="14" t="s">
        <v>1</v>
      </c>
      <c r="C3772" s="14" t="s">
        <v>41</v>
      </c>
      <c r="D3772" s="14" t="s">
        <v>42</v>
      </c>
      <c r="E3772" s="15">
        <v>45498</v>
      </c>
      <c r="F3772" s="14" t="s">
        <v>43</v>
      </c>
      <c r="G3772" s="16">
        <v>0</v>
      </c>
    </row>
    <row r="3773" spans="1:7" x14ac:dyDescent="0.3">
      <c r="A3773" s="13" t="s">
        <v>40</v>
      </c>
      <c r="B3773" s="14" t="s">
        <v>1</v>
      </c>
      <c r="C3773" s="14" t="s">
        <v>41</v>
      </c>
      <c r="D3773" s="14" t="s">
        <v>42</v>
      </c>
      <c r="E3773" s="15">
        <v>45499</v>
      </c>
      <c r="F3773" s="14" t="s">
        <v>43</v>
      </c>
      <c r="G3773" s="16">
        <v>0</v>
      </c>
    </row>
    <row r="3774" spans="1:7" x14ac:dyDescent="0.3">
      <c r="A3774" s="13" t="s">
        <v>40</v>
      </c>
      <c r="B3774" s="14" t="s">
        <v>1</v>
      </c>
      <c r="C3774" s="14" t="s">
        <v>41</v>
      </c>
      <c r="D3774" s="14" t="s">
        <v>42</v>
      </c>
      <c r="E3774" s="15">
        <v>45500</v>
      </c>
      <c r="F3774" s="14" t="s">
        <v>43</v>
      </c>
      <c r="G3774" s="16">
        <v>0</v>
      </c>
    </row>
    <row r="3775" spans="1:7" x14ac:dyDescent="0.3">
      <c r="A3775" s="13" t="s">
        <v>40</v>
      </c>
      <c r="B3775" s="14" t="s">
        <v>1</v>
      </c>
      <c r="C3775" s="14" t="s">
        <v>41</v>
      </c>
      <c r="D3775" s="14" t="s">
        <v>42</v>
      </c>
      <c r="E3775" s="15">
        <v>45501</v>
      </c>
      <c r="F3775" s="14" t="s">
        <v>43</v>
      </c>
      <c r="G3775" s="16">
        <v>0</v>
      </c>
    </row>
    <row r="3776" spans="1:7" x14ac:dyDescent="0.3">
      <c r="A3776" s="13" t="s">
        <v>40</v>
      </c>
      <c r="B3776" s="14" t="s">
        <v>1</v>
      </c>
      <c r="C3776" s="14" t="s">
        <v>41</v>
      </c>
      <c r="D3776" s="14" t="s">
        <v>42</v>
      </c>
      <c r="E3776" s="15">
        <v>45502</v>
      </c>
      <c r="F3776" s="14" t="s">
        <v>43</v>
      </c>
      <c r="G3776" s="16">
        <v>0</v>
      </c>
    </row>
    <row r="3777" spans="1:7" x14ac:dyDescent="0.3">
      <c r="A3777" s="13" t="s">
        <v>40</v>
      </c>
      <c r="B3777" s="14" t="s">
        <v>1</v>
      </c>
      <c r="C3777" s="14" t="s">
        <v>41</v>
      </c>
      <c r="D3777" s="14" t="s">
        <v>42</v>
      </c>
      <c r="E3777" s="15">
        <v>45503</v>
      </c>
      <c r="F3777" s="14" t="s">
        <v>43</v>
      </c>
      <c r="G3777" s="16">
        <v>0</v>
      </c>
    </row>
    <row r="3778" spans="1:7" x14ac:dyDescent="0.3">
      <c r="A3778" s="13" t="s">
        <v>40</v>
      </c>
      <c r="B3778" s="14" t="s">
        <v>1</v>
      </c>
      <c r="C3778" s="14" t="s">
        <v>41</v>
      </c>
      <c r="D3778" s="14" t="s">
        <v>42</v>
      </c>
      <c r="E3778" s="15">
        <v>45504</v>
      </c>
      <c r="F3778" s="14" t="s">
        <v>43</v>
      </c>
      <c r="G3778" s="16">
        <v>0</v>
      </c>
    </row>
    <row r="3779" spans="1:7" x14ac:dyDescent="0.3">
      <c r="A3779" s="13" t="s">
        <v>40</v>
      </c>
      <c r="B3779" s="14" t="s">
        <v>1</v>
      </c>
      <c r="C3779" s="14" t="s">
        <v>41</v>
      </c>
      <c r="D3779" s="14" t="s">
        <v>42</v>
      </c>
      <c r="E3779" s="15">
        <v>45505</v>
      </c>
      <c r="F3779" s="14" t="s">
        <v>43</v>
      </c>
      <c r="G3779" s="16">
        <v>0</v>
      </c>
    </row>
    <row r="3780" spans="1:7" x14ac:dyDescent="0.3">
      <c r="A3780" s="13" t="s">
        <v>40</v>
      </c>
      <c r="B3780" s="14" t="s">
        <v>1</v>
      </c>
      <c r="C3780" s="14" t="s">
        <v>41</v>
      </c>
      <c r="D3780" s="14" t="s">
        <v>42</v>
      </c>
      <c r="E3780" s="15">
        <v>45506</v>
      </c>
      <c r="F3780" s="14" t="s">
        <v>43</v>
      </c>
      <c r="G3780" s="16">
        <v>0</v>
      </c>
    </row>
    <row r="3781" spans="1:7" x14ac:dyDescent="0.3">
      <c r="A3781" s="13" t="s">
        <v>40</v>
      </c>
      <c r="B3781" s="14" t="s">
        <v>1</v>
      </c>
      <c r="C3781" s="14" t="s">
        <v>41</v>
      </c>
      <c r="D3781" s="14" t="s">
        <v>42</v>
      </c>
      <c r="E3781" s="15">
        <v>45507</v>
      </c>
      <c r="F3781" s="14" t="s">
        <v>43</v>
      </c>
      <c r="G3781" s="16">
        <v>0</v>
      </c>
    </row>
    <row r="3782" spans="1:7" x14ac:dyDescent="0.3">
      <c r="A3782" s="13" t="s">
        <v>40</v>
      </c>
      <c r="B3782" s="14" t="s">
        <v>1</v>
      </c>
      <c r="C3782" s="14" t="s">
        <v>41</v>
      </c>
      <c r="D3782" s="14" t="s">
        <v>42</v>
      </c>
      <c r="E3782" s="15">
        <v>45508</v>
      </c>
      <c r="F3782" s="14" t="s">
        <v>43</v>
      </c>
      <c r="G3782" s="16">
        <v>0</v>
      </c>
    </row>
    <row r="3783" spans="1:7" x14ac:dyDescent="0.3">
      <c r="A3783" s="13" t="s">
        <v>40</v>
      </c>
      <c r="B3783" s="14" t="s">
        <v>1</v>
      </c>
      <c r="C3783" s="14" t="s">
        <v>41</v>
      </c>
      <c r="D3783" s="14" t="s">
        <v>42</v>
      </c>
      <c r="E3783" s="15">
        <v>45509</v>
      </c>
      <c r="F3783" s="14" t="s">
        <v>43</v>
      </c>
      <c r="G3783" s="16">
        <v>0</v>
      </c>
    </row>
    <row r="3784" spans="1:7" x14ac:dyDescent="0.3">
      <c r="A3784" s="13" t="s">
        <v>40</v>
      </c>
      <c r="B3784" s="14" t="s">
        <v>1</v>
      </c>
      <c r="C3784" s="14" t="s">
        <v>41</v>
      </c>
      <c r="D3784" s="14" t="s">
        <v>42</v>
      </c>
      <c r="E3784" s="15">
        <v>45510</v>
      </c>
      <c r="F3784" s="14" t="s">
        <v>43</v>
      </c>
      <c r="G3784" s="16">
        <v>0</v>
      </c>
    </row>
    <row r="3785" spans="1:7" x14ac:dyDescent="0.3">
      <c r="A3785" s="13" t="s">
        <v>40</v>
      </c>
      <c r="B3785" s="14" t="s">
        <v>1</v>
      </c>
      <c r="C3785" s="14" t="s">
        <v>41</v>
      </c>
      <c r="D3785" s="14" t="s">
        <v>42</v>
      </c>
      <c r="E3785" s="15">
        <v>45511</v>
      </c>
      <c r="F3785" s="14" t="s">
        <v>43</v>
      </c>
      <c r="G3785" s="16">
        <v>0</v>
      </c>
    </row>
    <row r="3786" spans="1:7" x14ac:dyDescent="0.3">
      <c r="A3786" s="13" t="s">
        <v>40</v>
      </c>
      <c r="B3786" s="14" t="s">
        <v>1</v>
      </c>
      <c r="C3786" s="14" t="s">
        <v>41</v>
      </c>
      <c r="D3786" s="14" t="s">
        <v>42</v>
      </c>
      <c r="E3786" s="15">
        <v>45512</v>
      </c>
      <c r="F3786" s="14" t="s">
        <v>43</v>
      </c>
      <c r="G3786" s="16">
        <v>0</v>
      </c>
    </row>
    <row r="3787" spans="1:7" x14ac:dyDescent="0.3">
      <c r="A3787" s="13" t="s">
        <v>40</v>
      </c>
      <c r="B3787" s="14" t="s">
        <v>1</v>
      </c>
      <c r="C3787" s="14" t="s">
        <v>41</v>
      </c>
      <c r="D3787" s="14" t="s">
        <v>42</v>
      </c>
      <c r="E3787" s="15">
        <v>45513</v>
      </c>
      <c r="F3787" s="14" t="s">
        <v>43</v>
      </c>
      <c r="G3787" s="16">
        <v>0</v>
      </c>
    </row>
    <row r="3788" spans="1:7" x14ac:dyDescent="0.3">
      <c r="A3788" s="13" t="s">
        <v>40</v>
      </c>
      <c r="B3788" s="14" t="s">
        <v>1</v>
      </c>
      <c r="C3788" s="14" t="s">
        <v>41</v>
      </c>
      <c r="D3788" s="14" t="s">
        <v>42</v>
      </c>
      <c r="E3788" s="15">
        <v>45514</v>
      </c>
      <c r="F3788" s="14" t="s">
        <v>43</v>
      </c>
      <c r="G3788" s="16">
        <v>0</v>
      </c>
    </row>
    <row r="3789" spans="1:7" x14ac:dyDescent="0.3">
      <c r="A3789" s="13" t="s">
        <v>40</v>
      </c>
      <c r="B3789" s="14" t="s">
        <v>1</v>
      </c>
      <c r="C3789" s="14" t="s">
        <v>41</v>
      </c>
      <c r="D3789" s="14" t="s">
        <v>42</v>
      </c>
      <c r="E3789" s="15">
        <v>45515</v>
      </c>
      <c r="F3789" s="14" t="s">
        <v>43</v>
      </c>
      <c r="G3789" s="16">
        <v>0</v>
      </c>
    </row>
    <row r="3790" spans="1:7" x14ac:dyDescent="0.3">
      <c r="A3790" s="13" t="s">
        <v>40</v>
      </c>
      <c r="B3790" s="14" t="s">
        <v>1</v>
      </c>
      <c r="C3790" s="14" t="s">
        <v>41</v>
      </c>
      <c r="D3790" s="14" t="s">
        <v>42</v>
      </c>
      <c r="E3790" s="15">
        <v>45516</v>
      </c>
      <c r="F3790" s="14" t="s">
        <v>43</v>
      </c>
      <c r="G3790" s="16">
        <v>0</v>
      </c>
    </row>
    <row r="3791" spans="1:7" x14ac:dyDescent="0.3">
      <c r="A3791" s="13" t="s">
        <v>40</v>
      </c>
      <c r="B3791" s="14" t="s">
        <v>1</v>
      </c>
      <c r="C3791" s="14" t="s">
        <v>41</v>
      </c>
      <c r="D3791" s="14" t="s">
        <v>42</v>
      </c>
      <c r="E3791" s="15">
        <v>45517</v>
      </c>
      <c r="F3791" s="14" t="s">
        <v>43</v>
      </c>
      <c r="G3791" s="16">
        <v>0</v>
      </c>
    </row>
    <row r="3792" spans="1:7" x14ac:dyDescent="0.3">
      <c r="A3792" s="13" t="s">
        <v>40</v>
      </c>
      <c r="B3792" s="14" t="s">
        <v>1</v>
      </c>
      <c r="C3792" s="14" t="s">
        <v>41</v>
      </c>
      <c r="D3792" s="14" t="s">
        <v>42</v>
      </c>
      <c r="E3792" s="15">
        <v>45518</v>
      </c>
      <c r="F3792" s="14" t="s">
        <v>43</v>
      </c>
      <c r="G3792" s="16">
        <v>0</v>
      </c>
    </row>
    <row r="3793" spans="1:7" x14ac:dyDescent="0.3">
      <c r="A3793" s="13" t="s">
        <v>40</v>
      </c>
      <c r="B3793" s="14" t="s">
        <v>1</v>
      </c>
      <c r="C3793" s="14" t="s">
        <v>41</v>
      </c>
      <c r="D3793" s="14" t="s">
        <v>42</v>
      </c>
      <c r="E3793" s="15">
        <v>45519</v>
      </c>
      <c r="F3793" s="14" t="s">
        <v>43</v>
      </c>
      <c r="G3793" s="16">
        <v>0</v>
      </c>
    </row>
    <row r="3794" spans="1:7" x14ac:dyDescent="0.3">
      <c r="A3794" s="13" t="s">
        <v>40</v>
      </c>
      <c r="B3794" s="14" t="s">
        <v>1</v>
      </c>
      <c r="C3794" s="14" t="s">
        <v>41</v>
      </c>
      <c r="D3794" s="14" t="s">
        <v>42</v>
      </c>
      <c r="E3794" s="15">
        <v>45520</v>
      </c>
      <c r="F3794" s="14" t="s">
        <v>43</v>
      </c>
      <c r="G3794" s="16">
        <v>0</v>
      </c>
    </row>
    <row r="3795" spans="1:7" x14ac:dyDescent="0.3">
      <c r="A3795" s="13" t="s">
        <v>40</v>
      </c>
      <c r="B3795" s="14" t="s">
        <v>1</v>
      </c>
      <c r="C3795" s="14" t="s">
        <v>41</v>
      </c>
      <c r="D3795" s="14" t="s">
        <v>42</v>
      </c>
      <c r="E3795" s="15">
        <v>45521</v>
      </c>
      <c r="F3795" s="14" t="s">
        <v>43</v>
      </c>
      <c r="G3795" s="16">
        <v>0</v>
      </c>
    </row>
    <row r="3796" spans="1:7" x14ac:dyDescent="0.3">
      <c r="A3796" s="13" t="s">
        <v>40</v>
      </c>
      <c r="B3796" s="14" t="s">
        <v>1</v>
      </c>
      <c r="C3796" s="14" t="s">
        <v>41</v>
      </c>
      <c r="D3796" s="14" t="s">
        <v>42</v>
      </c>
      <c r="E3796" s="15">
        <v>45522</v>
      </c>
      <c r="F3796" s="14" t="s">
        <v>43</v>
      </c>
      <c r="G3796" s="16">
        <v>0</v>
      </c>
    </row>
    <row r="3797" spans="1:7" x14ac:dyDescent="0.3">
      <c r="A3797" s="13" t="s">
        <v>40</v>
      </c>
      <c r="B3797" s="14" t="s">
        <v>1</v>
      </c>
      <c r="C3797" s="14" t="s">
        <v>41</v>
      </c>
      <c r="D3797" s="14" t="s">
        <v>42</v>
      </c>
      <c r="E3797" s="15">
        <v>45523</v>
      </c>
      <c r="F3797" s="14" t="s">
        <v>43</v>
      </c>
      <c r="G3797" s="16">
        <v>0</v>
      </c>
    </row>
    <row r="3798" spans="1:7" x14ac:dyDescent="0.3">
      <c r="A3798" s="13" t="s">
        <v>40</v>
      </c>
      <c r="B3798" s="14" t="s">
        <v>1</v>
      </c>
      <c r="C3798" s="14" t="s">
        <v>41</v>
      </c>
      <c r="D3798" s="14" t="s">
        <v>42</v>
      </c>
      <c r="E3798" s="15">
        <v>45524</v>
      </c>
      <c r="F3798" s="14" t="s">
        <v>43</v>
      </c>
      <c r="G3798" s="16">
        <v>0</v>
      </c>
    </row>
    <row r="3799" spans="1:7" x14ac:dyDescent="0.3">
      <c r="A3799" s="13" t="s">
        <v>40</v>
      </c>
      <c r="B3799" s="14" t="s">
        <v>1</v>
      </c>
      <c r="C3799" s="14" t="s">
        <v>41</v>
      </c>
      <c r="D3799" s="14" t="s">
        <v>42</v>
      </c>
      <c r="E3799" s="15">
        <v>45525</v>
      </c>
      <c r="F3799" s="14" t="s">
        <v>43</v>
      </c>
      <c r="G3799" s="16">
        <v>0</v>
      </c>
    </row>
    <row r="3800" spans="1:7" x14ac:dyDescent="0.3">
      <c r="A3800" s="13" t="s">
        <v>40</v>
      </c>
      <c r="B3800" s="14" t="s">
        <v>1</v>
      </c>
      <c r="C3800" s="14" t="s">
        <v>41</v>
      </c>
      <c r="D3800" s="14" t="s">
        <v>42</v>
      </c>
      <c r="E3800" s="15">
        <v>45526</v>
      </c>
      <c r="F3800" s="14" t="s">
        <v>43</v>
      </c>
      <c r="G3800" s="16">
        <v>0</v>
      </c>
    </row>
    <row r="3801" spans="1:7" x14ac:dyDescent="0.3">
      <c r="A3801" s="13" t="s">
        <v>40</v>
      </c>
      <c r="B3801" s="14" t="s">
        <v>1</v>
      </c>
      <c r="C3801" s="14" t="s">
        <v>41</v>
      </c>
      <c r="D3801" s="14" t="s">
        <v>42</v>
      </c>
      <c r="E3801" s="15">
        <v>45527</v>
      </c>
      <c r="F3801" s="14" t="s">
        <v>43</v>
      </c>
      <c r="G3801" s="16">
        <v>0</v>
      </c>
    </row>
    <row r="3802" spans="1:7" x14ac:dyDescent="0.3">
      <c r="A3802" s="13" t="s">
        <v>40</v>
      </c>
      <c r="B3802" s="14" t="s">
        <v>1</v>
      </c>
      <c r="C3802" s="14" t="s">
        <v>41</v>
      </c>
      <c r="D3802" s="14" t="s">
        <v>42</v>
      </c>
      <c r="E3802" s="15">
        <v>45528</v>
      </c>
      <c r="F3802" s="14" t="s">
        <v>43</v>
      </c>
      <c r="G3802" s="16">
        <v>0</v>
      </c>
    </row>
    <row r="3803" spans="1:7" x14ac:dyDescent="0.3">
      <c r="A3803" s="13" t="s">
        <v>40</v>
      </c>
      <c r="B3803" s="14" t="s">
        <v>1</v>
      </c>
      <c r="C3803" s="14" t="s">
        <v>41</v>
      </c>
      <c r="D3803" s="14" t="s">
        <v>42</v>
      </c>
      <c r="E3803" s="15">
        <v>45529</v>
      </c>
      <c r="F3803" s="14" t="s">
        <v>43</v>
      </c>
      <c r="G3803" s="16">
        <v>0</v>
      </c>
    </row>
    <row r="3804" spans="1:7" x14ac:dyDescent="0.3">
      <c r="A3804" s="13" t="s">
        <v>40</v>
      </c>
      <c r="B3804" s="14" t="s">
        <v>1</v>
      </c>
      <c r="C3804" s="14" t="s">
        <v>41</v>
      </c>
      <c r="D3804" s="14" t="s">
        <v>42</v>
      </c>
      <c r="E3804" s="15">
        <v>45530</v>
      </c>
      <c r="F3804" s="14" t="s">
        <v>43</v>
      </c>
      <c r="G3804" s="16">
        <v>0</v>
      </c>
    </row>
    <row r="3805" spans="1:7" x14ac:dyDescent="0.3">
      <c r="A3805" s="13" t="s">
        <v>40</v>
      </c>
      <c r="B3805" s="14" t="s">
        <v>1</v>
      </c>
      <c r="C3805" s="14" t="s">
        <v>41</v>
      </c>
      <c r="D3805" s="14" t="s">
        <v>42</v>
      </c>
      <c r="E3805" s="15">
        <v>45531</v>
      </c>
      <c r="F3805" s="14" t="s">
        <v>43</v>
      </c>
      <c r="G3805" s="16">
        <v>0</v>
      </c>
    </row>
    <row r="3806" spans="1:7" x14ac:dyDescent="0.3">
      <c r="A3806" s="13" t="s">
        <v>40</v>
      </c>
      <c r="B3806" s="14" t="s">
        <v>1</v>
      </c>
      <c r="C3806" s="14" t="s">
        <v>41</v>
      </c>
      <c r="D3806" s="14" t="s">
        <v>42</v>
      </c>
      <c r="E3806" s="15">
        <v>45532</v>
      </c>
      <c r="F3806" s="14" t="s">
        <v>43</v>
      </c>
      <c r="G3806" s="16">
        <v>0</v>
      </c>
    </row>
    <row r="3807" spans="1:7" x14ac:dyDescent="0.3">
      <c r="A3807" s="13" t="s">
        <v>40</v>
      </c>
      <c r="B3807" s="14" t="s">
        <v>1</v>
      </c>
      <c r="C3807" s="14" t="s">
        <v>41</v>
      </c>
      <c r="D3807" s="14" t="s">
        <v>42</v>
      </c>
      <c r="E3807" s="15">
        <v>45533</v>
      </c>
      <c r="F3807" s="14" t="s">
        <v>43</v>
      </c>
      <c r="G3807" s="16">
        <v>0</v>
      </c>
    </row>
    <row r="3808" spans="1:7" x14ac:dyDescent="0.3">
      <c r="A3808" s="13" t="s">
        <v>40</v>
      </c>
      <c r="B3808" s="14" t="s">
        <v>1</v>
      </c>
      <c r="C3808" s="14" t="s">
        <v>41</v>
      </c>
      <c r="D3808" s="14" t="s">
        <v>42</v>
      </c>
      <c r="E3808" s="15">
        <v>45534</v>
      </c>
      <c r="F3808" s="14" t="s">
        <v>43</v>
      </c>
      <c r="G3808" s="16">
        <v>0</v>
      </c>
    </row>
    <row r="3809" spans="1:7" x14ac:dyDescent="0.3">
      <c r="A3809" s="13" t="s">
        <v>40</v>
      </c>
      <c r="B3809" s="14" t="s">
        <v>1</v>
      </c>
      <c r="C3809" s="14" t="s">
        <v>41</v>
      </c>
      <c r="D3809" s="14" t="s">
        <v>42</v>
      </c>
      <c r="E3809" s="15">
        <v>45535</v>
      </c>
      <c r="F3809" s="14" t="s">
        <v>43</v>
      </c>
      <c r="G3809" s="16">
        <v>0</v>
      </c>
    </row>
    <row r="3810" spans="1:7" x14ac:dyDescent="0.3">
      <c r="A3810" s="13" t="s">
        <v>40</v>
      </c>
      <c r="B3810" s="14" t="s">
        <v>1</v>
      </c>
      <c r="C3810" s="14" t="s">
        <v>41</v>
      </c>
      <c r="D3810" s="14" t="s">
        <v>42</v>
      </c>
      <c r="E3810" s="15">
        <v>45536</v>
      </c>
      <c r="F3810" s="14" t="s">
        <v>43</v>
      </c>
      <c r="G3810" s="16">
        <v>0</v>
      </c>
    </row>
    <row r="3811" spans="1:7" x14ac:dyDescent="0.3">
      <c r="A3811" s="13" t="s">
        <v>40</v>
      </c>
      <c r="B3811" s="14" t="s">
        <v>1</v>
      </c>
      <c r="C3811" s="14" t="s">
        <v>41</v>
      </c>
      <c r="D3811" s="14" t="s">
        <v>42</v>
      </c>
      <c r="E3811" s="15">
        <v>45537</v>
      </c>
      <c r="F3811" s="14" t="s">
        <v>43</v>
      </c>
      <c r="G3811" s="16">
        <v>0</v>
      </c>
    </row>
    <row r="3812" spans="1:7" x14ac:dyDescent="0.3">
      <c r="A3812" s="13" t="s">
        <v>40</v>
      </c>
      <c r="B3812" s="14" t="s">
        <v>1</v>
      </c>
      <c r="C3812" s="14" t="s">
        <v>41</v>
      </c>
      <c r="D3812" s="14" t="s">
        <v>42</v>
      </c>
      <c r="E3812" s="15">
        <v>45538</v>
      </c>
      <c r="F3812" s="14" t="s">
        <v>43</v>
      </c>
      <c r="G3812" s="16">
        <v>0</v>
      </c>
    </row>
    <row r="3813" spans="1:7" x14ac:dyDescent="0.3">
      <c r="A3813" s="13" t="s">
        <v>40</v>
      </c>
      <c r="B3813" s="14" t="s">
        <v>1</v>
      </c>
      <c r="C3813" s="14" t="s">
        <v>41</v>
      </c>
      <c r="D3813" s="14" t="s">
        <v>42</v>
      </c>
      <c r="E3813" s="15">
        <v>45539</v>
      </c>
      <c r="F3813" s="14" t="s">
        <v>43</v>
      </c>
      <c r="G3813" s="16">
        <v>0</v>
      </c>
    </row>
    <row r="3814" spans="1:7" x14ac:dyDescent="0.3">
      <c r="A3814" s="13" t="s">
        <v>40</v>
      </c>
      <c r="B3814" s="14" t="s">
        <v>1</v>
      </c>
      <c r="C3814" s="14" t="s">
        <v>41</v>
      </c>
      <c r="D3814" s="14" t="s">
        <v>42</v>
      </c>
      <c r="E3814" s="15">
        <v>45540</v>
      </c>
      <c r="F3814" s="14" t="s">
        <v>43</v>
      </c>
      <c r="G3814" s="16">
        <v>0</v>
      </c>
    </row>
    <row r="3815" spans="1:7" x14ac:dyDescent="0.3">
      <c r="A3815" s="13" t="s">
        <v>40</v>
      </c>
      <c r="B3815" s="14" t="s">
        <v>1</v>
      </c>
      <c r="C3815" s="14" t="s">
        <v>41</v>
      </c>
      <c r="D3815" s="14" t="s">
        <v>42</v>
      </c>
      <c r="E3815" s="15">
        <v>45541</v>
      </c>
      <c r="F3815" s="14" t="s">
        <v>43</v>
      </c>
      <c r="G3815" s="16">
        <v>0</v>
      </c>
    </row>
    <row r="3816" spans="1:7" x14ac:dyDescent="0.3">
      <c r="A3816" s="13" t="s">
        <v>40</v>
      </c>
      <c r="B3816" s="14" t="s">
        <v>1</v>
      </c>
      <c r="C3816" s="14" t="s">
        <v>41</v>
      </c>
      <c r="D3816" s="14" t="s">
        <v>42</v>
      </c>
      <c r="E3816" s="15">
        <v>45542</v>
      </c>
      <c r="F3816" s="14" t="s">
        <v>43</v>
      </c>
      <c r="G3816" s="16">
        <v>0</v>
      </c>
    </row>
    <row r="3817" spans="1:7" x14ac:dyDescent="0.3">
      <c r="A3817" s="13" t="s">
        <v>40</v>
      </c>
      <c r="B3817" s="14" t="s">
        <v>1</v>
      </c>
      <c r="C3817" s="14" t="s">
        <v>41</v>
      </c>
      <c r="D3817" s="14" t="s">
        <v>42</v>
      </c>
      <c r="E3817" s="15">
        <v>45543</v>
      </c>
      <c r="F3817" s="14" t="s">
        <v>43</v>
      </c>
      <c r="G3817" s="16">
        <v>0</v>
      </c>
    </row>
    <row r="3818" spans="1:7" x14ac:dyDescent="0.3">
      <c r="A3818" s="13" t="s">
        <v>40</v>
      </c>
      <c r="B3818" s="14" t="s">
        <v>1</v>
      </c>
      <c r="C3818" s="14" t="s">
        <v>41</v>
      </c>
      <c r="D3818" s="14" t="s">
        <v>42</v>
      </c>
      <c r="E3818" s="15">
        <v>45544</v>
      </c>
      <c r="F3818" s="14" t="s">
        <v>43</v>
      </c>
      <c r="G3818" s="16">
        <v>0</v>
      </c>
    </row>
    <row r="3819" spans="1:7" x14ac:dyDescent="0.3">
      <c r="A3819" s="13" t="s">
        <v>40</v>
      </c>
      <c r="B3819" s="14" t="s">
        <v>1</v>
      </c>
      <c r="C3819" s="14" t="s">
        <v>41</v>
      </c>
      <c r="D3819" s="14" t="s">
        <v>42</v>
      </c>
      <c r="E3819" s="15">
        <v>45545</v>
      </c>
      <c r="F3819" s="14" t="s">
        <v>43</v>
      </c>
      <c r="G3819" s="16">
        <v>0</v>
      </c>
    </row>
    <row r="3820" spans="1:7" x14ac:dyDescent="0.3">
      <c r="A3820" s="13" t="s">
        <v>40</v>
      </c>
      <c r="B3820" s="14" t="s">
        <v>1</v>
      </c>
      <c r="C3820" s="14" t="s">
        <v>41</v>
      </c>
      <c r="D3820" s="14" t="s">
        <v>42</v>
      </c>
      <c r="E3820" s="15">
        <v>45546</v>
      </c>
      <c r="F3820" s="14" t="s">
        <v>43</v>
      </c>
      <c r="G3820" s="16">
        <v>0</v>
      </c>
    </row>
    <row r="3821" spans="1:7" x14ac:dyDescent="0.3">
      <c r="A3821" s="13" t="s">
        <v>40</v>
      </c>
      <c r="B3821" s="14" t="s">
        <v>1</v>
      </c>
      <c r="C3821" s="14" t="s">
        <v>41</v>
      </c>
      <c r="D3821" s="14" t="s">
        <v>42</v>
      </c>
      <c r="E3821" s="15">
        <v>45547</v>
      </c>
      <c r="F3821" s="14" t="s">
        <v>43</v>
      </c>
      <c r="G3821" s="16">
        <v>0</v>
      </c>
    </row>
    <row r="3822" spans="1:7" x14ac:dyDescent="0.3">
      <c r="A3822" s="13" t="s">
        <v>40</v>
      </c>
      <c r="B3822" s="14" t="s">
        <v>1</v>
      </c>
      <c r="C3822" s="14" t="s">
        <v>41</v>
      </c>
      <c r="D3822" s="14" t="s">
        <v>42</v>
      </c>
      <c r="E3822" s="15">
        <v>45548</v>
      </c>
      <c r="F3822" s="14" t="s">
        <v>43</v>
      </c>
      <c r="G3822" s="16">
        <v>0</v>
      </c>
    </row>
    <row r="3823" spans="1:7" x14ac:dyDescent="0.3">
      <c r="A3823" s="13" t="s">
        <v>40</v>
      </c>
      <c r="B3823" s="14" t="s">
        <v>1</v>
      </c>
      <c r="C3823" s="14" t="s">
        <v>41</v>
      </c>
      <c r="D3823" s="14" t="s">
        <v>42</v>
      </c>
      <c r="E3823" s="15">
        <v>45549</v>
      </c>
      <c r="F3823" s="14" t="s">
        <v>43</v>
      </c>
      <c r="G3823" s="16">
        <v>0</v>
      </c>
    </row>
    <row r="3824" spans="1:7" x14ac:dyDescent="0.3">
      <c r="A3824" s="13" t="s">
        <v>40</v>
      </c>
      <c r="B3824" s="14" t="s">
        <v>1</v>
      </c>
      <c r="C3824" s="14" t="s">
        <v>41</v>
      </c>
      <c r="D3824" s="14" t="s">
        <v>42</v>
      </c>
      <c r="E3824" s="15">
        <v>45550</v>
      </c>
      <c r="F3824" s="14" t="s">
        <v>43</v>
      </c>
      <c r="G3824" s="16">
        <v>0</v>
      </c>
    </row>
    <row r="3825" spans="1:7" x14ac:dyDescent="0.3">
      <c r="A3825" s="13" t="s">
        <v>40</v>
      </c>
      <c r="B3825" s="14" t="s">
        <v>1</v>
      </c>
      <c r="C3825" s="14" t="s">
        <v>41</v>
      </c>
      <c r="D3825" s="14" t="s">
        <v>42</v>
      </c>
      <c r="E3825" s="15">
        <v>45551</v>
      </c>
      <c r="F3825" s="14" t="s">
        <v>43</v>
      </c>
      <c r="G3825" s="16">
        <v>0</v>
      </c>
    </row>
    <row r="3826" spans="1:7" x14ac:dyDescent="0.3">
      <c r="A3826" s="13" t="s">
        <v>40</v>
      </c>
      <c r="B3826" s="14" t="s">
        <v>1</v>
      </c>
      <c r="C3826" s="14" t="s">
        <v>41</v>
      </c>
      <c r="D3826" s="14" t="s">
        <v>42</v>
      </c>
      <c r="E3826" s="15">
        <v>45552</v>
      </c>
      <c r="F3826" s="14" t="s">
        <v>43</v>
      </c>
      <c r="G3826" s="16">
        <v>0</v>
      </c>
    </row>
    <row r="3827" spans="1:7" x14ac:dyDescent="0.3">
      <c r="A3827" s="13" t="s">
        <v>40</v>
      </c>
      <c r="B3827" s="14" t="s">
        <v>1</v>
      </c>
      <c r="C3827" s="14" t="s">
        <v>41</v>
      </c>
      <c r="D3827" s="14" t="s">
        <v>42</v>
      </c>
      <c r="E3827" s="15">
        <v>45553</v>
      </c>
      <c r="F3827" s="14" t="s">
        <v>43</v>
      </c>
      <c r="G3827" s="16">
        <v>0</v>
      </c>
    </row>
    <row r="3828" spans="1:7" x14ac:dyDescent="0.3">
      <c r="A3828" s="13" t="s">
        <v>40</v>
      </c>
      <c r="B3828" s="14" t="s">
        <v>1</v>
      </c>
      <c r="C3828" s="14" t="s">
        <v>41</v>
      </c>
      <c r="D3828" s="14" t="s">
        <v>42</v>
      </c>
      <c r="E3828" s="15">
        <v>45554</v>
      </c>
      <c r="F3828" s="14" t="s">
        <v>43</v>
      </c>
      <c r="G3828" s="16">
        <v>0</v>
      </c>
    </row>
    <row r="3829" spans="1:7" x14ac:dyDescent="0.3">
      <c r="A3829" s="13" t="s">
        <v>40</v>
      </c>
      <c r="B3829" s="14" t="s">
        <v>1</v>
      </c>
      <c r="C3829" s="14" t="s">
        <v>41</v>
      </c>
      <c r="D3829" s="14" t="s">
        <v>42</v>
      </c>
      <c r="E3829" s="15">
        <v>45555</v>
      </c>
      <c r="F3829" s="14" t="s">
        <v>43</v>
      </c>
      <c r="G3829" s="16">
        <v>0</v>
      </c>
    </row>
    <row r="3830" spans="1:7" x14ac:dyDescent="0.3">
      <c r="A3830" s="13" t="s">
        <v>40</v>
      </c>
      <c r="B3830" s="14" t="s">
        <v>1</v>
      </c>
      <c r="C3830" s="14" t="s">
        <v>41</v>
      </c>
      <c r="D3830" s="14" t="s">
        <v>42</v>
      </c>
      <c r="E3830" s="15">
        <v>45556</v>
      </c>
      <c r="F3830" s="14" t="s">
        <v>43</v>
      </c>
      <c r="G3830" s="16">
        <v>0</v>
      </c>
    </row>
    <row r="3831" spans="1:7" x14ac:dyDescent="0.3">
      <c r="A3831" s="13" t="s">
        <v>40</v>
      </c>
      <c r="B3831" s="14" t="s">
        <v>1</v>
      </c>
      <c r="C3831" s="14" t="s">
        <v>41</v>
      </c>
      <c r="D3831" s="14" t="s">
        <v>42</v>
      </c>
      <c r="E3831" s="15">
        <v>45557</v>
      </c>
      <c r="F3831" s="14" t="s">
        <v>43</v>
      </c>
      <c r="G3831" s="16">
        <v>0</v>
      </c>
    </row>
    <row r="3832" spans="1:7" x14ac:dyDescent="0.3">
      <c r="A3832" s="13" t="s">
        <v>40</v>
      </c>
      <c r="B3832" s="14" t="s">
        <v>1</v>
      </c>
      <c r="C3832" s="14" t="s">
        <v>41</v>
      </c>
      <c r="D3832" s="14" t="s">
        <v>42</v>
      </c>
      <c r="E3832" s="15">
        <v>45558</v>
      </c>
      <c r="F3832" s="14" t="s">
        <v>43</v>
      </c>
      <c r="G3832" s="16">
        <v>0</v>
      </c>
    </row>
    <row r="3833" spans="1:7" x14ac:dyDescent="0.3">
      <c r="A3833" s="13" t="s">
        <v>40</v>
      </c>
      <c r="B3833" s="14" t="s">
        <v>1</v>
      </c>
      <c r="C3833" s="14" t="s">
        <v>41</v>
      </c>
      <c r="D3833" s="14" t="s">
        <v>42</v>
      </c>
      <c r="E3833" s="15">
        <v>45559</v>
      </c>
      <c r="F3833" s="14" t="s">
        <v>43</v>
      </c>
      <c r="G3833" s="16">
        <v>0</v>
      </c>
    </row>
    <row r="3834" spans="1:7" x14ac:dyDescent="0.3">
      <c r="A3834" s="13" t="s">
        <v>40</v>
      </c>
      <c r="B3834" s="14" t="s">
        <v>1</v>
      </c>
      <c r="C3834" s="14" t="s">
        <v>41</v>
      </c>
      <c r="D3834" s="14" t="s">
        <v>42</v>
      </c>
      <c r="E3834" s="15">
        <v>45560</v>
      </c>
      <c r="F3834" s="14" t="s">
        <v>43</v>
      </c>
      <c r="G3834" s="16">
        <v>0</v>
      </c>
    </row>
    <row r="3835" spans="1:7" x14ac:dyDescent="0.3">
      <c r="A3835" s="13" t="s">
        <v>40</v>
      </c>
      <c r="B3835" s="14" t="s">
        <v>1</v>
      </c>
      <c r="C3835" s="14" t="s">
        <v>41</v>
      </c>
      <c r="D3835" s="14" t="s">
        <v>42</v>
      </c>
      <c r="E3835" s="15">
        <v>45561</v>
      </c>
      <c r="F3835" s="14" t="s">
        <v>43</v>
      </c>
      <c r="G3835" s="16">
        <v>0</v>
      </c>
    </row>
    <row r="3836" spans="1:7" x14ac:dyDescent="0.3">
      <c r="A3836" s="13" t="s">
        <v>40</v>
      </c>
      <c r="B3836" s="14" t="s">
        <v>1</v>
      </c>
      <c r="C3836" s="14" t="s">
        <v>41</v>
      </c>
      <c r="D3836" s="14" t="s">
        <v>42</v>
      </c>
      <c r="E3836" s="15">
        <v>45562</v>
      </c>
      <c r="F3836" s="14" t="s">
        <v>43</v>
      </c>
      <c r="G3836" s="16">
        <v>0</v>
      </c>
    </row>
    <row r="3837" spans="1:7" x14ac:dyDescent="0.3">
      <c r="A3837" s="13" t="s">
        <v>40</v>
      </c>
      <c r="B3837" s="14" t="s">
        <v>1</v>
      </c>
      <c r="C3837" s="14" t="s">
        <v>41</v>
      </c>
      <c r="D3837" s="14" t="s">
        <v>42</v>
      </c>
      <c r="E3837" s="15">
        <v>45563</v>
      </c>
      <c r="F3837" s="14" t="s">
        <v>43</v>
      </c>
      <c r="G3837" s="16">
        <v>0</v>
      </c>
    </row>
    <row r="3838" spans="1:7" x14ac:dyDescent="0.3">
      <c r="A3838" s="13" t="s">
        <v>40</v>
      </c>
      <c r="B3838" s="14" t="s">
        <v>1</v>
      </c>
      <c r="C3838" s="14" t="s">
        <v>41</v>
      </c>
      <c r="D3838" s="14" t="s">
        <v>42</v>
      </c>
      <c r="E3838" s="15">
        <v>45564</v>
      </c>
      <c r="F3838" s="14" t="s">
        <v>43</v>
      </c>
      <c r="G3838" s="16">
        <v>0</v>
      </c>
    </row>
    <row r="3839" spans="1:7" x14ac:dyDescent="0.3">
      <c r="A3839" s="13" t="s">
        <v>40</v>
      </c>
      <c r="B3839" s="14" t="s">
        <v>1</v>
      </c>
      <c r="C3839" s="14" t="s">
        <v>41</v>
      </c>
      <c r="D3839" s="14" t="s">
        <v>42</v>
      </c>
      <c r="E3839" s="15">
        <v>45565</v>
      </c>
      <c r="F3839" s="14" t="s">
        <v>43</v>
      </c>
      <c r="G3839" s="16">
        <v>23.645365817542928</v>
      </c>
    </row>
    <row r="3840" spans="1:7" x14ac:dyDescent="0.3">
      <c r="A3840" s="13" t="s">
        <v>40</v>
      </c>
      <c r="B3840" s="14" t="s">
        <v>1</v>
      </c>
      <c r="C3840" s="14" t="s">
        <v>41</v>
      </c>
      <c r="D3840" s="14" t="s">
        <v>42</v>
      </c>
      <c r="E3840" s="15">
        <v>45566</v>
      </c>
      <c r="F3840" s="14" t="s">
        <v>43</v>
      </c>
      <c r="G3840" s="16">
        <v>22.486524057690431</v>
      </c>
    </row>
    <row r="3841" spans="1:7" x14ac:dyDescent="0.3">
      <c r="A3841" s="13" t="s">
        <v>40</v>
      </c>
      <c r="B3841" s="14" t="s">
        <v>1</v>
      </c>
      <c r="C3841" s="14" t="s">
        <v>41</v>
      </c>
      <c r="D3841" s="14" t="s">
        <v>42</v>
      </c>
      <c r="E3841" s="15">
        <v>45567</v>
      </c>
      <c r="F3841" s="14" t="s">
        <v>43</v>
      </c>
      <c r="G3841" s="16">
        <v>22.111562192450716</v>
      </c>
    </row>
    <row r="3842" spans="1:7" x14ac:dyDescent="0.3">
      <c r="A3842" s="13" t="s">
        <v>40</v>
      </c>
      <c r="B3842" s="14" t="s">
        <v>1</v>
      </c>
      <c r="C3842" s="14" t="s">
        <v>41</v>
      </c>
      <c r="D3842" s="14" t="s">
        <v>42</v>
      </c>
      <c r="E3842" s="15">
        <v>45568</v>
      </c>
      <c r="F3842" s="14" t="s">
        <v>43</v>
      </c>
      <c r="G3842" s="16">
        <v>21.730921518716883</v>
      </c>
    </row>
    <row r="3843" spans="1:7" x14ac:dyDescent="0.3">
      <c r="A3843" s="13" t="s">
        <v>40</v>
      </c>
      <c r="B3843" s="14" t="s">
        <v>1</v>
      </c>
      <c r="C3843" s="14" t="s">
        <v>41</v>
      </c>
      <c r="D3843" s="14" t="s">
        <v>42</v>
      </c>
      <c r="E3843" s="15">
        <v>45569</v>
      </c>
      <c r="F3843" s="14" t="s">
        <v>43</v>
      </c>
      <c r="G3843" s="16">
        <v>21.355597857468506</v>
      </c>
    </row>
    <row r="3844" spans="1:7" x14ac:dyDescent="0.3">
      <c r="A3844" s="13" t="s">
        <v>40</v>
      </c>
      <c r="B3844" s="14" t="s">
        <v>1</v>
      </c>
      <c r="C3844" s="14" t="s">
        <v>41</v>
      </c>
      <c r="D3844" s="14" t="s">
        <v>42</v>
      </c>
      <c r="E3844" s="15">
        <v>45570</v>
      </c>
      <c r="F3844" s="14" t="s">
        <v>43</v>
      </c>
      <c r="G3844" s="16">
        <v>21.355597857468506</v>
      </c>
    </row>
    <row r="3845" spans="1:7" x14ac:dyDescent="0.3">
      <c r="A3845" s="13" t="s">
        <v>40</v>
      </c>
      <c r="B3845" s="14" t="s">
        <v>1</v>
      </c>
      <c r="C3845" s="14" t="s">
        <v>41</v>
      </c>
      <c r="D3845" s="14" t="s">
        <v>42</v>
      </c>
      <c r="E3845" s="15">
        <v>45571</v>
      </c>
      <c r="F3845" s="14" t="s">
        <v>43</v>
      </c>
      <c r="G3845" s="16">
        <v>21.355597857468506</v>
      </c>
    </row>
    <row r="3846" spans="1:7" x14ac:dyDescent="0.3">
      <c r="A3846" s="13" t="s">
        <v>40</v>
      </c>
      <c r="B3846" s="14" t="s">
        <v>1</v>
      </c>
      <c r="C3846" s="14" t="s">
        <v>41</v>
      </c>
      <c r="D3846" s="14" t="s">
        <v>42</v>
      </c>
      <c r="E3846" s="15">
        <v>45572</v>
      </c>
      <c r="F3846" s="14" t="s">
        <v>43</v>
      </c>
      <c r="G3846" s="16">
        <v>20.976281087937721</v>
      </c>
    </row>
    <row r="3847" spans="1:7" x14ac:dyDescent="0.3">
      <c r="A3847" s="13" t="s">
        <v>40</v>
      </c>
      <c r="B3847" s="14" t="s">
        <v>1</v>
      </c>
      <c r="C3847" s="14" t="s">
        <v>41</v>
      </c>
      <c r="D3847" s="14" t="s">
        <v>42</v>
      </c>
      <c r="E3847" s="15">
        <v>45573</v>
      </c>
      <c r="F3847" s="14" t="s">
        <v>43</v>
      </c>
      <c r="G3847" s="16">
        <v>19.834771789608087</v>
      </c>
    </row>
    <row r="3848" spans="1:7" x14ac:dyDescent="0.3">
      <c r="A3848" s="13" t="s">
        <v>40</v>
      </c>
      <c r="B3848" s="14" t="s">
        <v>1</v>
      </c>
      <c r="C3848" s="14" t="s">
        <v>41</v>
      </c>
      <c r="D3848" s="14" t="s">
        <v>42</v>
      </c>
      <c r="E3848" s="15">
        <v>45574</v>
      </c>
      <c r="F3848" s="14" t="s">
        <v>43</v>
      </c>
      <c r="G3848" s="16">
        <v>19.44655122048275</v>
      </c>
    </row>
    <row r="3849" spans="1:7" x14ac:dyDescent="0.3">
      <c r="A3849" s="13" t="s">
        <v>40</v>
      </c>
      <c r="B3849" s="14" t="s">
        <v>1</v>
      </c>
      <c r="C3849" s="14" t="s">
        <v>41</v>
      </c>
      <c r="D3849" s="14" t="s">
        <v>42</v>
      </c>
      <c r="E3849" s="15">
        <v>45575</v>
      </c>
      <c r="F3849" s="14" t="s">
        <v>43</v>
      </c>
      <c r="G3849" s="16">
        <v>19.064489280614179</v>
      </c>
    </row>
    <row r="3850" spans="1:7" x14ac:dyDescent="0.3">
      <c r="A3850" s="13" t="s">
        <v>40</v>
      </c>
      <c r="B3850" s="14" t="s">
        <v>1</v>
      </c>
      <c r="C3850" s="14" t="s">
        <v>41</v>
      </c>
      <c r="D3850" s="14" t="s">
        <v>42</v>
      </c>
      <c r="E3850" s="15">
        <v>45576</v>
      </c>
      <c r="F3850" s="14" t="s">
        <v>43</v>
      </c>
      <c r="G3850" s="16">
        <v>18.681069064044923</v>
      </c>
    </row>
    <row r="3851" spans="1:7" x14ac:dyDescent="0.3">
      <c r="A3851" s="13" t="s">
        <v>40</v>
      </c>
      <c r="B3851" s="14" t="s">
        <v>1</v>
      </c>
      <c r="C3851" s="14" t="s">
        <v>41</v>
      </c>
      <c r="D3851" s="14" t="s">
        <v>42</v>
      </c>
      <c r="E3851" s="15">
        <v>45577</v>
      </c>
      <c r="F3851" s="14" t="s">
        <v>43</v>
      </c>
      <c r="G3851" s="16">
        <v>18.681069064044923</v>
      </c>
    </row>
    <row r="3852" spans="1:7" x14ac:dyDescent="0.3">
      <c r="A3852" s="13" t="s">
        <v>40</v>
      </c>
      <c r="B3852" s="14" t="s">
        <v>1</v>
      </c>
      <c r="C3852" s="14" t="s">
        <v>41</v>
      </c>
      <c r="D3852" s="14" t="s">
        <v>42</v>
      </c>
      <c r="E3852" s="15">
        <v>45578</v>
      </c>
      <c r="F3852" s="14" t="s">
        <v>43</v>
      </c>
      <c r="G3852" s="16">
        <v>18.681069064044923</v>
      </c>
    </row>
    <row r="3853" spans="1:7" x14ac:dyDescent="0.3">
      <c r="A3853" s="13" t="s">
        <v>40</v>
      </c>
      <c r="B3853" s="14" t="s">
        <v>1</v>
      </c>
      <c r="C3853" s="14" t="s">
        <v>41</v>
      </c>
      <c r="D3853" s="14" t="s">
        <v>42</v>
      </c>
      <c r="E3853" s="15">
        <v>45579</v>
      </c>
      <c r="F3853" s="14" t="s">
        <v>43</v>
      </c>
      <c r="G3853" s="16">
        <v>18.681069064044923</v>
      </c>
    </row>
    <row r="3854" spans="1:7" x14ac:dyDescent="0.3">
      <c r="A3854" s="13" t="s">
        <v>40</v>
      </c>
      <c r="B3854" s="14" t="s">
        <v>1</v>
      </c>
      <c r="C3854" s="14" t="s">
        <v>41</v>
      </c>
      <c r="D3854" s="14" t="s">
        <v>42</v>
      </c>
      <c r="E3854" s="15">
        <v>45580</v>
      </c>
      <c r="F3854" s="14" t="s">
        <v>43</v>
      </c>
      <c r="G3854" s="16">
        <v>18.296541134306892</v>
      </c>
    </row>
    <row r="3855" spans="1:7" x14ac:dyDescent="0.3">
      <c r="A3855" s="13" t="s">
        <v>40</v>
      </c>
      <c r="B3855" s="14" t="s">
        <v>1</v>
      </c>
      <c r="C3855" s="14" t="s">
        <v>41</v>
      </c>
      <c r="D3855" s="14" t="s">
        <v>42</v>
      </c>
      <c r="E3855" s="15">
        <v>45581</v>
      </c>
      <c r="F3855" s="14" t="s">
        <v>43</v>
      </c>
      <c r="G3855" s="16">
        <v>16.765239490545447</v>
      </c>
    </row>
    <row r="3856" spans="1:7" x14ac:dyDescent="0.3">
      <c r="A3856" s="13" t="s">
        <v>40</v>
      </c>
      <c r="B3856" s="14" t="s">
        <v>1</v>
      </c>
      <c r="C3856" s="14" t="s">
        <v>41</v>
      </c>
      <c r="D3856" s="14" t="s">
        <v>42</v>
      </c>
      <c r="E3856" s="15">
        <v>45582</v>
      </c>
      <c r="F3856" s="14" t="s">
        <v>43</v>
      </c>
      <c r="G3856" s="16">
        <v>16.379381060945693</v>
      </c>
    </row>
    <row r="3857" spans="1:7" x14ac:dyDescent="0.3">
      <c r="A3857" s="13" t="s">
        <v>40</v>
      </c>
      <c r="B3857" s="14" t="s">
        <v>1</v>
      </c>
      <c r="C3857" s="14" t="s">
        <v>41</v>
      </c>
      <c r="D3857" s="14" t="s">
        <v>42</v>
      </c>
      <c r="E3857" s="15">
        <v>45583</v>
      </c>
      <c r="F3857" s="14" t="s">
        <v>43</v>
      </c>
      <c r="G3857" s="16">
        <v>15.997903489285774</v>
      </c>
    </row>
    <row r="3858" spans="1:7" x14ac:dyDescent="0.3">
      <c r="A3858" s="13" t="s">
        <v>40</v>
      </c>
      <c r="B3858" s="14" t="s">
        <v>1</v>
      </c>
      <c r="C3858" s="14" t="s">
        <v>41</v>
      </c>
      <c r="D3858" s="14" t="s">
        <v>42</v>
      </c>
      <c r="E3858" s="15">
        <v>45584</v>
      </c>
      <c r="F3858" s="14" t="s">
        <v>43</v>
      </c>
      <c r="G3858" s="16">
        <v>15.997903489285774</v>
      </c>
    </row>
    <row r="3859" spans="1:7" x14ac:dyDescent="0.3">
      <c r="A3859" s="13" t="s">
        <v>40</v>
      </c>
      <c r="B3859" s="14" t="s">
        <v>1</v>
      </c>
      <c r="C3859" s="14" t="s">
        <v>41</v>
      </c>
      <c r="D3859" s="14" t="s">
        <v>42</v>
      </c>
      <c r="E3859" s="15">
        <v>45585</v>
      </c>
      <c r="F3859" s="14" t="s">
        <v>43</v>
      </c>
      <c r="G3859" s="16">
        <v>15.997903489285774</v>
      </c>
    </row>
    <row r="3860" spans="1:7" x14ac:dyDescent="0.3">
      <c r="A3860" s="13" t="s">
        <v>40</v>
      </c>
      <c r="B3860" s="14" t="s">
        <v>1</v>
      </c>
      <c r="C3860" s="14" t="s">
        <v>41</v>
      </c>
      <c r="D3860" s="14" t="s">
        <v>42</v>
      </c>
      <c r="E3860" s="15">
        <v>45586</v>
      </c>
      <c r="F3860" s="14" t="s">
        <v>43</v>
      </c>
      <c r="G3860" s="16">
        <v>15.617327324311153</v>
      </c>
    </row>
    <row r="3861" spans="1:7" x14ac:dyDescent="0.3">
      <c r="A3861" s="13" t="s">
        <v>40</v>
      </c>
      <c r="B3861" s="14" t="s">
        <v>1</v>
      </c>
      <c r="C3861" s="14" t="s">
        <v>41</v>
      </c>
      <c r="D3861" s="14" t="s">
        <v>42</v>
      </c>
      <c r="E3861" s="15">
        <v>45587</v>
      </c>
      <c r="F3861" s="14" t="s">
        <v>43</v>
      </c>
      <c r="G3861" s="16">
        <v>14.477757900356732</v>
      </c>
    </row>
    <row r="3862" spans="1:7" x14ac:dyDescent="0.3">
      <c r="A3862" s="13" t="s">
        <v>40</v>
      </c>
      <c r="B3862" s="14" t="s">
        <v>1</v>
      </c>
      <c r="C3862" s="14" t="s">
        <v>41</v>
      </c>
      <c r="D3862" s="14" t="s">
        <v>42</v>
      </c>
      <c r="E3862" s="15">
        <v>45588</v>
      </c>
      <c r="F3862" s="14" t="s">
        <v>43</v>
      </c>
      <c r="G3862" s="16">
        <v>15.243573723425534</v>
      </c>
    </row>
    <row r="3863" spans="1:7" x14ac:dyDescent="0.3">
      <c r="A3863" s="13" t="s">
        <v>40</v>
      </c>
      <c r="B3863" s="14" t="s">
        <v>1</v>
      </c>
      <c r="C3863" s="14" t="s">
        <v>41</v>
      </c>
      <c r="D3863" s="14" t="s">
        <v>42</v>
      </c>
      <c r="E3863" s="15">
        <v>45589</v>
      </c>
      <c r="F3863" s="14" t="s">
        <v>43</v>
      </c>
      <c r="G3863" s="16">
        <v>14.868932078308113</v>
      </c>
    </row>
    <row r="3864" spans="1:7" x14ac:dyDescent="0.3">
      <c r="A3864" s="13" t="s">
        <v>40</v>
      </c>
      <c r="B3864" s="14" t="s">
        <v>1</v>
      </c>
      <c r="C3864" s="14" t="s">
        <v>41</v>
      </c>
      <c r="D3864" s="14" t="s">
        <v>42</v>
      </c>
      <c r="E3864" s="15">
        <v>45590</v>
      </c>
      <c r="F3864" s="14" t="s">
        <v>43</v>
      </c>
      <c r="G3864" s="16">
        <v>14.496662832629768</v>
      </c>
    </row>
    <row r="3865" spans="1:7" x14ac:dyDescent="0.3">
      <c r="A3865" s="13" t="s">
        <v>40</v>
      </c>
      <c r="B3865" s="14" t="s">
        <v>1</v>
      </c>
      <c r="C3865" s="14" t="s">
        <v>41</v>
      </c>
      <c r="D3865" s="14" t="s">
        <v>42</v>
      </c>
      <c r="E3865" s="15">
        <v>45591</v>
      </c>
      <c r="F3865" s="14" t="s">
        <v>43</v>
      </c>
      <c r="G3865" s="16">
        <v>14.496662832629768</v>
      </c>
    </row>
    <row r="3866" spans="1:7" x14ac:dyDescent="0.3">
      <c r="A3866" s="13" t="s">
        <v>40</v>
      </c>
      <c r="B3866" s="14" t="s">
        <v>1</v>
      </c>
      <c r="C3866" s="14" t="s">
        <v>41</v>
      </c>
      <c r="D3866" s="14" t="s">
        <v>42</v>
      </c>
      <c r="E3866" s="15">
        <v>45592</v>
      </c>
      <c r="F3866" s="14" t="s">
        <v>43</v>
      </c>
      <c r="G3866" s="16">
        <v>14.496662832629768</v>
      </c>
    </row>
    <row r="3867" spans="1:7" x14ac:dyDescent="0.3">
      <c r="A3867" s="13" t="s">
        <v>40</v>
      </c>
      <c r="B3867" s="14" t="s">
        <v>1</v>
      </c>
      <c r="C3867" s="14" t="s">
        <v>41</v>
      </c>
      <c r="D3867" s="14" t="s">
        <v>42</v>
      </c>
      <c r="E3867" s="15">
        <v>45593</v>
      </c>
      <c r="F3867" s="14" t="s">
        <v>43</v>
      </c>
      <c r="G3867" s="16">
        <v>14.496662832629768</v>
      </c>
    </row>
    <row r="3868" spans="1:7" x14ac:dyDescent="0.3">
      <c r="A3868" s="13" t="s">
        <v>40</v>
      </c>
      <c r="B3868" s="14" t="s">
        <v>1</v>
      </c>
      <c r="C3868" s="14" t="s">
        <v>41</v>
      </c>
      <c r="D3868" s="14" t="s">
        <v>42</v>
      </c>
      <c r="E3868" s="15">
        <v>45594</v>
      </c>
      <c r="F3868" s="14" t="s">
        <v>43</v>
      </c>
      <c r="G3868" s="16">
        <v>14.258207972427678</v>
      </c>
    </row>
    <row r="3869" spans="1:7" x14ac:dyDescent="0.3">
      <c r="A3869" s="13" t="s">
        <v>40</v>
      </c>
      <c r="B3869" s="14" t="s">
        <v>1</v>
      </c>
      <c r="C3869" s="14" t="s">
        <v>41</v>
      </c>
      <c r="D3869" s="14" t="s">
        <v>42</v>
      </c>
      <c r="E3869" s="15">
        <v>45595</v>
      </c>
      <c r="F3869" s="14" t="s">
        <v>43</v>
      </c>
      <c r="G3869" s="16">
        <v>12.83816708274068</v>
      </c>
    </row>
    <row r="3870" spans="1:7" x14ac:dyDescent="0.3">
      <c r="A3870" s="13" t="s">
        <v>40</v>
      </c>
      <c r="B3870" s="14" t="s">
        <v>1</v>
      </c>
      <c r="C3870" s="14" t="s">
        <v>41</v>
      </c>
      <c r="D3870" s="14" t="s">
        <v>42</v>
      </c>
      <c r="E3870" s="15">
        <v>45596</v>
      </c>
      <c r="F3870" s="14" t="s">
        <v>43</v>
      </c>
      <c r="G3870" s="16">
        <v>12.849625072170111</v>
      </c>
    </row>
    <row r="3871" spans="1:7" x14ac:dyDescent="0.3">
      <c r="A3871" s="13" t="s">
        <v>40</v>
      </c>
      <c r="B3871" s="14" t="s">
        <v>1</v>
      </c>
      <c r="C3871" s="14" t="s">
        <v>41</v>
      </c>
      <c r="D3871" s="14" t="s">
        <v>42</v>
      </c>
      <c r="E3871" s="15">
        <v>45597</v>
      </c>
      <c r="F3871" s="14" t="s">
        <v>43</v>
      </c>
      <c r="G3871" s="16">
        <v>12.554302746755319</v>
      </c>
    </row>
    <row r="3872" spans="1:7" x14ac:dyDescent="0.3">
      <c r="A3872" s="13" t="s">
        <v>40</v>
      </c>
      <c r="B3872" s="14" t="s">
        <v>1</v>
      </c>
      <c r="C3872" s="14" t="s">
        <v>41</v>
      </c>
      <c r="D3872" s="14" t="s">
        <v>42</v>
      </c>
      <c r="E3872" s="15">
        <v>45598</v>
      </c>
      <c r="F3872" s="14" t="s">
        <v>43</v>
      </c>
      <c r="G3872" s="16">
        <v>12.554302746755319</v>
      </c>
    </row>
    <row r="3873" spans="1:7" x14ac:dyDescent="0.3">
      <c r="A3873" s="13" t="s">
        <v>40</v>
      </c>
      <c r="B3873" s="14" t="s">
        <v>1</v>
      </c>
      <c r="C3873" s="14" t="s">
        <v>41</v>
      </c>
      <c r="D3873" s="14" t="s">
        <v>42</v>
      </c>
      <c r="E3873" s="15">
        <v>45599</v>
      </c>
      <c r="F3873" s="14" t="s">
        <v>43</v>
      </c>
      <c r="G3873" s="16">
        <v>12.554302746755319</v>
      </c>
    </row>
    <row r="3874" spans="1:7" x14ac:dyDescent="0.3">
      <c r="A3874" s="13" t="s">
        <v>40</v>
      </c>
      <c r="B3874" s="14" t="s">
        <v>1</v>
      </c>
      <c r="C3874" s="14" t="s">
        <v>41</v>
      </c>
      <c r="D3874" s="14" t="s">
        <v>42</v>
      </c>
      <c r="E3874" s="15">
        <v>45600</v>
      </c>
      <c r="F3874" s="14" t="s">
        <v>43</v>
      </c>
      <c r="G3874" s="16">
        <v>12.554302746755319</v>
      </c>
    </row>
    <row r="3875" spans="1:7" x14ac:dyDescent="0.3">
      <c r="A3875" s="13" t="s">
        <v>40</v>
      </c>
      <c r="B3875" s="14" t="s">
        <v>1</v>
      </c>
      <c r="C3875" s="14" t="s">
        <v>41</v>
      </c>
      <c r="D3875" s="14" t="s">
        <v>42</v>
      </c>
      <c r="E3875" s="15">
        <v>45601</v>
      </c>
      <c r="F3875" s="14" t="s">
        <v>43</v>
      </c>
      <c r="G3875" s="16">
        <v>12.17574077796827</v>
      </c>
    </row>
    <row r="3876" spans="1:7" x14ac:dyDescent="0.3">
      <c r="A3876" s="13" t="s">
        <v>40</v>
      </c>
      <c r="B3876" s="14" t="s">
        <v>1</v>
      </c>
      <c r="C3876" s="14" t="s">
        <v>41</v>
      </c>
      <c r="D3876" s="14" t="s">
        <v>42</v>
      </c>
      <c r="E3876" s="15">
        <v>45602</v>
      </c>
      <c r="F3876" s="14" t="s">
        <v>43</v>
      </c>
      <c r="G3876" s="16">
        <v>10.688302802548355</v>
      </c>
    </row>
    <row r="3877" spans="1:7" x14ac:dyDescent="0.3">
      <c r="A3877" s="13" t="s">
        <v>40</v>
      </c>
      <c r="B3877" s="14" t="s">
        <v>1</v>
      </c>
      <c r="C3877" s="14" t="s">
        <v>41</v>
      </c>
      <c r="D3877" s="14" t="s">
        <v>42</v>
      </c>
      <c r="E3877" s="15">
        <v>45603</v>
      </c>
      <c r="F3877" s="14" t="s">
        <v>43</v>
      </c>
      <c r="G3877" s="16">
        <v>10.311694399937448</v>
      </c>
    </row>
    <row r="3878" spans="1:7" x14ac:dyDescent="0.3">
      <c r="A3878" s="13" t="s">
        <v>40</v>
      </c>
      <c r="B3878" s="14" t="s">
        <v>1</v>
      </c>
      <c r="C3878" s="14" t="s">
        <v>41</v>
      </c>
      <c r="D3878" s="14" t="s">
        <v>42</v>
      </c>
      <c r="E3878" s="15">
        <v>45604</v>
      </c>
      <c r="F3878" s="14" t="s">
        <v>43</v>
      </c>
      <c r="G3878" s="16">
        <v>10.992508412680262</v>
      </c>
    </row>
    <row r="3879" spans="1:7" x14ac:dyDescent="0.3">
      <c r="A3879" s="13" t="s">
        <v>40</v>
      </c>
      <c r="B3879" s="14" t="s">
        <v>1</v>
      </c>
      <c r="C3879" s="14" t="s">
        <v>41</v>
      </c>
      <c r="D3879" s="14" t="s">
        <v>42</v>
      </c>
      <c r="E3879" s="15">
        <v>45605</v>
      </c>
      <c r="F3879" s="14" t="s">
        <v>43</v>
      </c>
      <c r="G3879" s="16">
        <v>10.992508412680262</v>
      </c>
    </row>
    <row r="3880" spans="1:7" x14ac:dyDescent="0.3">
      <c r="A3880" s="13" t="s">
        <v>40</v>
      </c>
      <c r="B3880" s="14" t="s">
        <v>1</v>
      </c>
      <c r="C3880" s="14" t="s">
        <v>41</v>
      </c>
      <c r="D3880" s="14" t="s">
        <v>42</v>
      </c>
      <c r="E3880" s="15">
        <v>45606</v>
      </c>
      <c r="F3880" s="14" t="s">
        <v>43</v>
      </c>
      <c r="G3880" s="16">
        <v>10.992508412680262</v>
      </c>
    </row>
    <row r="3881" spans="1:7" x14ac:dyDescent="0.3">
      <c r="A3881" s="13" t="s">
        <v>40</v>
      </c>
      <c r="B3881" s="14" t="s">
        <v>1</v>
      </c>
      <c r="C3881" s="14" t="s">
        <v>41</v>
      </c>
      <c r="D3881" s="14" t="s">
        <v>42</v>
      </c>
      <c r="E3881" s="15">
        <v>45607</v>
      </c>
      <c r="F3881" s="14" t="s">
        <v>43</v>
      </c>
      <c r="G3881" s="16">
        <v>11.332056718144811</v>
      </c>
    </row>
    <row r="3882" spans="1:7" x14ac:dyDescent="0.3">
      <c r="A3882" s="13" t="s">
        <v>40</v>
      </c>
      <c r="B3882" s="14" t="s">
        <v>1</v>
      </c>
      <c r="C3882" s="14" t="s">
        <v>41</v>
      </c>
      <c r="D3882" s="14" t="s">
        <v>42</v>
      </c>
      <c r="E3882" s="15">
        <v>45608</v>
      </c>
      <c r="F3882" s="14" t="s">
        <v>43</v>
      </c>
      <c r="G3882" s="16">
        <v>10.165713138340061</v>
      </c>
    </row>
    <row r="3883" spans="1:7" x14ac:dyDescent="0.3">
      <c r="A3883" s="13" t="s">
        <v>40</v>
      </c>
      <c r="B3883" s="14" t="s">
        <v>1</v>
      </c>
      <c r="C3883" s="14" t="s">
        <v>41</v>
      </c>
      <c r="D3883" s="14" t="s">
        <v>42</v>
      </c>
      <c r="E3883" s="15">
        <v>45609</v>
      </c>
      <c r="F3883" s="14" t="s">
        <v>43</v>
      </c>
      <c r="G3883" s="16">
        <v>9.9362890218189612</v>
      </c>
    </row>
    <row r="3884" spans="1:7" x14ac:dyDescent="0.3">
      <c r="A3884" s="13" t="s">
        <v>40</v>
      </c>
      <c r="B3884" s="14" t="s">
        <v>1</v>
      </c>
      <c r="C3884" s="14" t="s">
        <v>41</v>
      </c>
      <c r="D3884" s="14" t="s">
        <v>42</v>
      </c>
      <c r="E3884" s="15">
        <v>45610</v>
      </c>
      <c r="F3884" s="14" t="s">
        <v>43</v>
      </c>
      <c r="G3884" s="16">
        <v>9.5466045382076867</v>
      </c>
    </row>
    <row r="3885" spans="1:7" x14ac:dyDescent="0.3">
      <c r="A3885" s="13" t="s">
        <v>40</v>
      </c>
      <c r="B3885" s="14" t="s">
        <v>1</v>
      </c>
      <c r="C3885" s="14" t="s">
        <v>41</v>
      </c>
      <c r="D3885" s="14" t="s">
        <v>42</v>
      </c>
      <c r="E3885" s="15">
        <v>45611</v>
      </c>
      <c r="F3885" s="14" t="s">
        <v>43</v>
      </c>
      <c r="G3885" s="16">
        <v>9.1619831610345841</v>
      </c>
    </row>
    <row r="3886" spans="1:7" x14ac:dyDescent="0.3">
      <c r="A3886" s="13" t="s">
        <v>40</v>
      </c>
      <c r="B3886" s="14" t="s">
        <v>1</v>
      </c>
      <c r="C3886" s="14" t="s">
        <v>41</v>
      </c>
      <c r="D3886" s="14" t="s">
        <v>42</v>
      </c>
      <c r="E3886" s="15">
        <v>45612</v>
      </c>
      <c r="F3886" s="14" t="s">
        <v>43</v>
      </c>
      <c r="G3886" s="16">
        <v>9.1619831610345841</v>
      </c>
    </row>
    <row r="3887" spans="1:7" x14ac:dyDescent="0.3">
      <c r="A3887" s="13" t="s">
        <v>40</v>
      </c>
      <c r="B3887" s="14" t="s">
        <v>1</v>
      </c>
      <c r="C3887" s="14" t="s">
        <v>41</v>
      </c>
      <c r="D3887" s="14" t="s">
        <v>42</v>
      </c>
      <c r="E3887" s="15">
        <v>45613</v>
      </c>
      <c r="F3887" s="14" t="s">
        <v>43</v>
      </c>
      <c r="G3887" s="16">
        <v>9.1619831610345841</v>
      </c>
    </row>
    <row r="3888" spans="1:7" x14ac:dyDescent="0.3">
      <c r="A3888" s="13" t="s">
        <v>40</v>
      </c>
      <c r="B3888" s="14" t="s">
        <v>1</v>
      </c>
      <c r="C3888" s="14" t="s">
        <v>41</v>
      </c>
      <c r="D3888" s="14" t="s">
        <v>42</v>
      </c>
      <c r="E3888" s="15">
        <v>45614</v>
      </c>
      <c r="F3888" s="14" t="s">
        <v>43</v>
      </c>
      <c r="G3888" s="16">
        <v>9.4963164360132062</v>
      </c>
    </row>
    <row r="3889" spans="1:7" x14ac:dyDescent="0.3">
      <c r="A3889" s="13" t="s">
        <v>40</v>
      </c>
      <c r="B3889" s="14" t="s">
        <v>1</v>
      </c>
      <c r="C3889" s="14" t="s">
        <v>41</v>
      </c>
      <c r="D3889" s="14" t="s">
        <v>42</v>
      </c>
      <c r="E3889" s="15">
        <v>45615</v>
      </c>
      <c r="F3889" s="14" t="s">
        <v>43</v>
      </c>
      <c r="G3889" s="16">
        <v>8.3406436332508846</v>
      </c>
    </row>
    <row r="3890" spans="1:7" x14ac:dyDescent="0.3">
      <c r="A3890" s="13" t="s">
        <v>40</v>
      </c>
      <c r="B3890" s="14" t="s">
        <v>1</v>
      </c>
      <c r="C3890" s="14" t="s">
        <v>41</v>
      </c>
      <c r="D3890" s="14" t="s">
        <v>42</v>
      </c>
      <c r="E3890" s="15">
        <v>45616</v>
      </c>
      <c r="F3890" s="14" t="s">
        <v>43</v>
      </c>
      <c r="G3890" s="16">
        <v>8.0481746316764706</v>
      </c>
    </row>
    <row r="3891" spans="1:7" x14ac:dyDescent="0.3">
      <c r="A3891" s="13" t="s">
        <v>40</v>
      </c>
      <c r="B3891" s="14" t="s">
        <v>1</v>
      </c>
      <c r="C3891" s="14" t="s">
        <v>41</v>
      </c>
      <c r="D3891" s="14" t="s">
        <v>42</v>
      </c>
      <c r="E3891" s="15">
        <v>45617</v>
      </c>
      <c r="F3891" s="14" t="s">
        <v>43</v>
      </c>
      <c r="G3891" s="16">
        <v>7.6621542655412673</v>
      </c>
    </row>
    <row r="3892" spans="1:7" x14ac:dyDescent="0.3">
      <c r="A3892" s="13" t="s">
        <v>40</v>
      </c>
      <c r="B3892" s="14" t="s">
        <v>1</v>
      </c>
      <c r="C3892" s="14" t="s">
        <v>41</v>
      </c>
      <c r="D3892" s="14" t="s">
        <v>42</v>
      </c>
      <c r="E3892" s="15">
        <v>45618</v>
      </c>
      <c r="F3892" s="14" t="s">
        <v>43</v>
      </c>
      <c r="G3892" s="16">
        <v>7.2785796806336824</v>
      </c>
    </row>
    <row r="3893" spans="1:7" x14ac:dyDescent="0.3">
      <c r="A3893" s="13" t="s">
        <v>40</v>
      </c>
      <c r="B3893" s="14" t="s">
        <v>1</v>
      </c>
      <c r="C3893" s="14" t="s">
        <v>41</v>
      </c>
      <c r="D3893" s="14" t="s">
        <v>42</v>
      </c>
      <c r="E3893" s="15">
        <v>45619</v>
      </c>
      <c r="F3893" s="14" t="s">
        <v>43</v>
      </c>
      <c r="G3893" s="16">
        <v>7.2785796806336824</v>
      </c>
    </row>
    <row r="3894" spans="1:7" x14ac:dyDescent="0.3">
      <c r="A3894" s="13" t="s">
        <v>40</v>
      </c>
      <c r="B3894" s="14" t="s">
        <v>1</v>
      </c>
      <c r="C3894" s="14" t="s">
        <v>41</v>
      </c>
      <c r="D3894" s="14" t="s">
        <v>42</v>
      </c>
      <c r="E3894" s="15">
        <v>45620</v>
      </c>
      <c r="F3894" s="14" t="s">
        <v>43</v>
      </c>
      <c r="G3894" s="16">
        <v>7.2785796806336824</v>
      </c>
    </row>
    <row r="3895" spans="1:7" x14ac:dyDescent="0.3">
      <c r="A3895" s="13" t="s">
        <v>40</v>
      </c>
      <c r="B3895" s="14" t="s">
        <v>1</v>
      </c>
      <c r="C3895" s="14" t="s">
        <v>41</v>
      </c>
      <c r="D3895" s="14" t="s">
        <v>42</v>
      </c>
      <c r="E3895" s="15">
        <v>45621</v>
      </c>
      <c r="F3895" s="14" t="s">
        <v>43</v>
      </c>
      <c r="G3895" s="16">
        <v>6.8972516960460855</v>
      </c>
    </row>
    <row r="3896" spans="1:7" x14ac:dyDescent="0.3">
      <c r="A3896" s="13" t="s">
        <v>40</v>
      </c>
      <c r="B3896" s="14" t="s">
        <v>1</v>
      </c>
      <c r="C3896" s="14" t="s">
        <v>41</v>
      </c>
      <c r="D3896" s="14" t="s">
        <v>42</v>
      </c>
      <c r="E3896" s="15">
        <v>45622</v>
      </c>
      <c r="F3896" s="14" t="s">
        <v>43</v>
      </c>
      <c r="G3896" s="16">
        <v>5.7473254199241719</v>
      </c>
    </row>
    <row r="3897" spans="1:7" x14ac:dyDescent="0.3">
      <c r="A3897" s="13" t="s">
        <v>40</v>
      </c>
      <c r="B3897" s="14" t="s">
        <v>1</v>
      </c>
      <c r="C3897" s="14" t="s">
        <v>41</v>
      </c>
      <c r="D3897" s="14" t="s">
        <v>42</v>
      </c>
      <c r="E3897" s="15">
        <v>45623</v>
      </c>
      <c r="F3897" s="14" t="s">
        <v>43</v>
      </c>
      <c r="G3897" s="16">
        <v>5.3611134593621887</v>
      </c>
    </row>
    <row r="3898" spans="1:7" x14ac:dyDescent="0.3">
      <c r="A3898" s="13" t="s">
        <v>40</v>
      </c>
      <c r="B3898" s="14" t="s">
        <v>1</v>
      </c>
      <c r="C3898" s="14" t="s">
        <v>41</v>
      </c>
      <c r="D3898" s="14" t="s">
        <v>42</v>
      </c>
      <c r="E3898" s="15">
        <v>45624</v>
      </c>
      <c r="F3898" s="14" t="s">
        <v>43</v>
      </c>
      <c r="G3898" s="16">
        <v>4.9832117848218749</v>
      </c>
    </row>
    <row r="3899" spans="1:7" x14ac:dyDescent="0.3">
      <c r="A3899" s="13" t="s">
        <v>40</v>
      </c>
      <c r="B3899" s="14" t="s">
        <v>1</v>
      </c>
      <c r="C3899" s="14" t="s">
        <v>41</v>
      </c>
      <c r="D3899" s="14" t="s">
        <v>42</v>
      </c>
      <c r="E3899" s="15">
        <v>45625</v>
      </c>
      <c r="F3899" s="14" t="s">
        <v>43</v>
      </c>
      <c r="G3899" s="16">
        <v>5.0808856385563548</v>
      </c>
    </row>
    <row r="3900" spans="1:7" x14ac:dyDescent="0.3">
      <c r="A3900" s="13" t="s">
        <v>40</v>
      </c>
      <c r="B3900" s="14" t="s">
        <v>1</v>
      </c>
      <c r="C3900" s="14" t="s">
        <v>41</v>
      </c>
      <c r="D3900" s="14" t="s">
        <v>42</v>
      </c>
      <c r="E3900" s="15">
        <v>45626</v>
      </c>
      <c r="F3900" s="14" t="s">
        <v>43</v>
      </c>
      <c r="G3900" s="16">
        <v>5.0808856385563548</v>
      </c>
    </row>
    <row r="3901" spans="1:7" x14ac:dyDescent="0.3">
      <c r="A3901" s="13" t="s">
        <v>40</v>
      </c>
      <c r="B3901" s="14" t="s">
        <v>1</v>
      </c>
      <c r="C3901" s="14" t="s">
        <v>41</v>
      </c>
      <c r="D3901" s="14" t="s">
        <v>42</v>
      </c>
      <c r="E3901" s="15">
        <v>45627</v>
      </c>
      <c r="F3901" s="14" t="s">
        <v>43</v>
      </c>
      <c r="G3901" s="16">
        <v>5.0808856385563548</v>
      </c>
    </row>
    <row r="3902" spans="1:7" x14ac:dyDescent="0.3">
      <c r="A3902" s="13" t="s">
        <v>40</v>
      </c>
      <c r="B3902" s="14" t="s">
        <v>1</v>
      </c>
      <c r="C3902" s="14" t="s">
        <v>41</v>
      </c>
      <c r="D3902" s="14" t="s">
        <v>42</v>
      </c>
      <c r="E3902" s="15">
        <v>45628</v>
      </c>
      <c r="F3902" s="14" t="s">
        <v>43</v>
      </c>
      <c r="G3902" s="16">
        <v>4.6974947892290331</v>
      </c>
    </row>
    <row r="3903" spans="1:7" x14ac:dyDescent="0.3">
      <c r="A3903" s="13" t="s">
        <v>40</v>
      </c>
      <c r="B3903" s="14" t="s">
        <v>1</v>
      </c>
      <c r="C3903" s="14" t="s">
        <v>41</v>
      </c>
      <c r="D3903" s="14" t="s">
        <v>42</v>
      </c>
      <c r="E3903" s="15">
        <v>45629</v>
      </c>
      <c r="F3903" s="14" t="s">
        <v>43</v>
      </c>
      <c r="G3903" s="16">
        <v>4.2471647345561276</v>
      </c>
    </row>
    <row r="3904" spans="1:7" x14ac:dyDescent="0.3">
      <c r="A3904" s="13" t="s">
        <v>40</v>
      </c>
      <c r="B3904" s="14" t="s">
        <v>1</v>
      </c>
      <c r="C3904" s="14" t="s">
        <v>41</v>
      </c>
      <c r="D3904" s="14" t="s">
        <v>42</v>
      </c>
      <c r="E3904" s="15">
        <v>45630</v>
      </c>
      <c r="F3904" s="14" t="s">
        <v>43</v>
      </c>
      <c r="G3904" s="16">
        <v>3.8604243201031276</v>
      </c>
    </row>
    <row r="3905" spans="1:7" x14ac:dyDescent="0.3">
      <c r="A3905" s="13" t="s">
        <v>40</v>
      </c>
      <c r="B3905" s="14" t="s">
        <v>1</v>
      </c>
      <c r="C3905" s="14" t="s">
        <v>41</v>
      </c>
      <c r="D3905" s="14" t="s">
        <v>42</v>
      </c>
      <c r="E3905" s="15">
        <v>45631</v>
      </c>
      <c r="F3905" s="14" t="s">
        <v>43</v>
      </c>
      <c r="G3905" s="16">
        <v>3.4661909745896344</v>
      </c>
    </row>
    <row r="3906" spans="1:7" x14ac:dyDescent="0.3">
      <c r="A3906" s="13" t="s">
        <v>40</v>
      </c>
      <c r="B3906" s="14" t="s">
        <v>1</v>
      </c>
      <c r="C3906" s="14" t="s">
        <v>41</v>
      </c>
      <c r="D3906" s="14" t="s">
        <v>42</v>
      </c>
      <c r="E3906" s="15">
        <v>45632</v>
      </c>
      <c r="F3906" s="14" t="s">
        <v>43</v>
      </c>
      <c r="G3906" s="16">
        <v>3.0689366473821762</v>
      </c>
    </row>
    <row r="3907" spans="1:7" x14ac:dyDescent="0.3">
      <c r="A3907" s="13" t="s">
        <v>40</v>
      </c>
      <c r="B3907" s="14" t="s">
        <v>1</v>
      </c>
      <c r="C3907" s="14" t="s">
        <v>41</v>
      </c>
      <c r="D3907" s="14" t="s">
        <v>42</v>
      </c>
      <c r="E3907" s="15">
        <v>45633</v>
      </c>
      <c r="F3907" s="14" t="s">
        <v>43</v>
      </c>
      <c r="G3907" s="16">
        <v>3.0689366473821762</v>
      </c>
    </row>
    <row r="3908" spans="1:7" x14ac:dyDescent="0.3">
      <c r="A3908" s="13" t="s">
        <v>40</v>
      </c>
      <c r="B3908" s="14" t="s">
        <v>1</v>
      </c>
      <c r="C3908" s="14" t="s">
        <v>41</v>
      </c>
      <c r="D3908" s="14" t="s">
        <v>42</v>
      </c>
      <c r="E3908" s="15">
        <v>45634</v>
      </c>
      <c r="F3908" s="14" t="s">
        <v>43</v>
      </c>
      <c r="G3908" s="16">
        <v>3.0689366473821762</v>
      </c>
    </row>
    <row r="3909" spans="1:7" x14ac:dyDescent="0.3">
      <c r="A3909" s="13" t="s">
        <v>40</v>
      </c>
      <c r="B3909" s="14" t="s">
        <v>1</v>
      </c>
      <c r="C3909" s="14" t="s">
        <v>41</v>
      </c>
      <c r="D3909" s="14" t="s">
        <v>42</v>
      </c>
      <c r="E3909" s="15">
        <v>45635</v>
      </c>
      <c r="F3909" s="14" t="s">
        <v>43</v>
      </c>
      <c r="G3909" s="16">
        <v>2.6765538838627152</v>
      </c>
    </row>
    <row r="3910" spans="1:7" x14ac:dyDescent="0.3">
      <c r="A3910" s="13" t="s">
        <v>40</v>
      </c>
      <c r="B3910" s="14" t="s">
        <v>1</v>
      </c>
      <c r="C3910" s="14" t="s">
        <v>41</v>
      </c>
      <c r="D3910" s="14" t="s">
        <v>42</v>
      </c>
      <c r="E3910" s="15">
        <v>45636</v>
      </c>
      <c r="F3910" s="14" t="s">
        <v>43</v>
      </c>
      <c r="G3910" s="16">
        <v>1.5095559962770626</v>
      </c>
    </row>
    <row r="3911" spans="1:7" x14ac:dyDescent="0.3">
      <c r="A3911" s="13" t="s">
        <v>40</v>
      </c>
      <c r="B3911" s="14" t="s">
        <v>1</v>
      </c>
      <c r="C3911" s="14" t="s">
        <v>41</v>
      </c>
      <c r="D3911" s="14" t="s">
        <v>42</v>
      </c>
      <c r="E3911" s="15">
        <v>45637</v>
      </c>
      <c r="F3911" s="14" t="s">
        <v>43</v>
      </c>
      <c r="G3911" s="16">
        <v>1.1197951057881321</v>
      </c>
    </row>
    <row r="3912" spans="1:7" x14ac:dyDescent="0.3">
      <c r="A3912" s="13" t="s">
        <v>40</v>
      </c>
      <c r="B3912" s="14" t="s">
        <v>1</v>
      </c>
      <c r="C3912" s="14" t="s">
        <v>41</v>
      </c>
      <c r="D3912" s="14" t="s">
        <v>42</v>
      </c>
      <c r="E3912" s="15">
        <v>45638</v>
      </c>
      <c r="F3912" s="14" t="s">
        <v>43</v>
      </c>
      <c r="G3912" s="16">
        <v>0.72910243201419911</v>
      </c>
    </row>
    <row r="3913" spans="1:7" x14ac:dyDescent="0.3">
      <c r="A3913" s="13" t="s">
        <v>40</v>
      </c>
      <c r="B3913" s="14" t="s">
        <v>1</v>
      </c>
      <c r="C3913" s="14" t="s">
        <v>41</v>
      </c>
      <c r="D3913" s="14" t="s">
        <v>42</v>
      </c>
      <c r="E3913" s="15">
        <v>45639</v>
      </c>
      <c r="F3913" s="14" t="s">
        <v>43</v>
      </c>
      <c r="G3913" s="16">
        <v>0.33669704029766639</v>
      </c>
    </row>
    <row r="3914" spans="1:7" x14ac:dyDescent="0.3">
      <c r="A3914" s="13" t="s">
        <v>40</v>
      </c>
      <c r="B3914" s="14" t="s">
        <v>1</v>
      </c>
      <c r="C3914" s="14" t="s">
        <v>41</v>
      </c>
      <c r="D3914" s="14" t="s">
        <v>42</v>
      </c>
      <c r="E3914" s="15">
        <v>45640</v>
      </c>
      <c r="F3914" s="14" t="s">
        <v>43</v>
      </c>
      <c r="G3914" s="16">
        <v>0.33669704029766639</v>
      </c>
    </row>
    <row r="3915" spans="1:7" x14ac:dyDescent="0.3">
      <c r="A3915" s="13" t="s">
        <v>40</v>
      </c>
      <c r="B3915" s="14" t="s">
        <v>1</v>
      </c>
      <c r="C3915" s="14" t="s">
        <v>41</v>
      </c>
      <c r="D3915" s="14" t="s">
        <v>42</v>
      </c>
      <c r="E3915" s="15">
        <v>45641</v>
      </c>
      <c r="F3915" s="14" t="s">
        <v>43</v>
      </c>
      <c r="G3915" s="16">
        <v>0.33669704029766639</v>
      </c>
    </row>
    <row r="3916" spans="1:7" x14ac:dyDescent="0.3">
      <c r="A3916" s="13" t="s">
        <v>40</v>
      </c>
      <c r="B3916" s="14" t="s">
        <v>1</v>
      </c>
      <c r="C3916" s="14" t="s">
        <v>41</v>
      </c>
      <c r="D3916" s="14" t="s">
        <v>42</v>
      </c>
      <c r="E3916" s="15">
        <v>45642</v>
      </c>
      <c r="F3916" s="14" t="s">
        <v>43</v>
      </c>
      <c r="G3916" s="16">
        <v>0</v>
      </c>
    </row>
    <row r="3917" spans="1:7" x14ac:dyDescent="0.3">
      <c r="A3917" s="13" t="s">
        <v>40</v>
      </c>
      <c r="B3917" s="14" t="s">
        <v>1</v>
      </c>
      <c r="C3917" s="14" t="s">
        <v>41</v>
      </c>
      <c r="D3917" s="14" t="s">
        <v>42</v>
      </c>
      <c r="E3917" s="15">
        <v>45643</v>
      </c>
      <c r="F3917" s="14" t="s">
        <v>43</v>
      </c>
      <c r="G3917" s="16">
        <v>0</v>
      </c>
    </row>
    <row r="3918" spans="1:7" x14ac:dyDescent="0.3">
      <c r="A3918" s="13" t="s">
        <v>40</v>
      </c>
      <c r="B3918" s="14" t="s">
        <v>1</v>
      </c>
      <c r="C3918" s="14" t="s">
        <v>41</v>
      </c>
      <c r="D3918" s="14" t="s">
        <v>42</v>
      </c>
      <c r="E3918" s="15">
        <v>45644</v>
      </c>
      <c r="F3918" s="14" t="s">
        <v>43</v>
      </c>
      <c r="G3918" s="16">
        <v>0</v>
      </c>
    </row>
    <row r="3919" spans="1:7" x14ac:dyDescent="0.3">
      <c r="A3919" s="13" t="s">
        <v>40</v>
      </c>
      <c r="B3919" s="14" t="s">
        <v>1</v>
      </c>
      <c r="C3919" s="14" t="s">
        <v>41</v>
      </c>
      <c r="D3919" s="14" t="s">
        <v>42</v>
      </c>
      <c r="E3919" s="15">
        <v>45645</v>
      </c>
      <c r="F3919" s="14" t="s">
        <v>43</v>
      </c>
      <c r="G3919" s="16">
        <v>0</v>
      </c>
    </row>
    <row r="3920" spans="1:7" x14ac:dyDescent="0.3">
      <c r="A3920" s="13" t="s">
        <v>40</v>
      </c>
      <c r="B3920" s="14" t="s">
        <v>1</v>
      </c>
      <c r="C3920" s="14" t="s">
        <v>41</v>
      </c>
      <c r="D3920" s="14" t="s">
        <v>42</v>
      </c>
      <c r="E3920" s="15">
        <v>45646</v>
      </c>
      <c r="F3920" s="14" t="s">
        <v>43</v>
      </c>
      <c r="G3920" s="16">
        <v>0</v>
      </c>
    </row>
    <row r="3921" spans="1:7" x14ac:dyDescent="0.3">
      <c r="A3921" s="13" t="s">
        <v>40</v>
      </c>
      <c r="B3921" s="14" t="s">
        <v>1</v>
      </c>
      <c r="C3921" s="14" t="s">
        <v>41</v>
      </c>
      <c r="D3921" s="14" t="s">
        <v>42</v>
      </c>
      <c r="E3921" s="15">
        <v>45647</v>
      </c>
      <c r="F3921" s="14" t="s">
        <v>43</v>
      </c>
      <c r="G3921" s="16">
        <v>0</v>
      </c>
    </row>
    <row r="3922" spans="1:7" x14ac:dyDescent="0.3">
      <c r="A3922" s="13" t="s">
        <v>40</v>
      </c>
      <c r="B3922" s="14" t="s">
        <v>1</v>
      </c>
      <c r="C3922" s="14" t="s">
        <v>41</v>
      </c>
      <c r="D3922" s="14" t="s">
        <v>42</v>
      </c>
      <c r="E3922" s="15">
        <v>45648</v>
      </c>
      <c r="F3922" s="14" t="s">
        <v>43</v>
      </c>
      <c r="G3922" s="16">
        <v>0</v>
      </c>
    </row>
    <row r="3923" spans="1:7" x14ac:dyDescent="0.3">
      <c r="A3923" s="13" t="s">
        <v>40</v>
      </c>
      <c r="B3923" s="14" t="s">
        <v>1</v>
      </c>
      <c r="C3923" s="14" t="s">
        <v>41</v>
      </c>
      <c r="D3923" s="14" t="s">
        <v>42</v>
      </c>
      <c r="E3923" s="15">
        <v>45649</v>
      </c>
      <c r="F3923" s="14" t="s">
        <v>43</v>
      </c>
      <c r="G3923" s="16">
        <v>0</v>
      </c>
    </row>
    <row r="3924" spans="1:7" x14ac:dyDescent="0.3">
      <c r="A3924" s="13" t="s">
        <v>40</v>
      </c>
      <c r="B3924" s="14" t="s">
        <v>1</v>
      </c>
      <c r="C3924" s="14" t="s">
        <v>41</v>
      </c>
      <c r="D3924" s="14" t="s">
        <v>42</v>
      </c>
      <c r="E3924" s="15">
        <v>45650</v>
      </c>
      <c r="F3924" s="14" t="s">
        <v>43</v>
      </c>
      <c r="G3924" s="16">
        <v>0</v>
      </c>
    </row>
    <row r="3925" spans="1:7" x14ac:dyDescent="0.3">
      <c r="A3925" s="13" t="s">
        <v>40</v>
      </c>
      <c r="B3925" s="14" t="s">
        <v>1</v>
      </c>
      <c r="C3925" s="14" t="s">
        <v>41</v>
      </c>
      <c r="D3925" s="14" t="s">
        <v>42</v>
      </c>
      <c r="E3925" s="15">
        <v>45651</v>
      </c>
      <c r="F3925" s="14" t="s">
        <v>43</v>
      </c>
      <c r="G3925" s="16">
        <v>0</v>
      </c>
    </row>
    <row r="3926" spans="1:7" x14ac:dyDescent="0.3">
      <c r="A3926" s="13" t="s">
        <v>40</v>
      </c>
      <c r="B3926" s="14" t="s">
        <v>1</v>
      </c>
      <c r="C3926" s="14" t="s">
        <v>41</v>
      </c>
      <c r="D3926" s="14" t="s">
        <v>42</v>
      </c>
      <c r="E3926" s="15">
        <v>45652</v>
      </c>
      <c r="F3926" s="14" t="s">
        <v>43</v>
      </c>
      <c r="G3926" s="16">
        <v>0</v>
      </c>
    </row>
    <row r="3927" spans="1:7" x14ac:dyDescent="0.3">
      <c r="A3927" s="13" t="s">
        <v>40</v>
      </c>
      <c r="B3927" s="14" t="s">
        <v>1</v>
      </c>
      <c r="C3927" s="14" t="s">
        <v>41</v>
      </c>
      <c r="D3927" s="14" t="s">
        <v>42</v>
      </c>
      <c r="E3927" s="15">
        <v>45653</v>
      </c>
      <c r="F3927" s="14" t="s">
        <v>43</v>
      </c>
      <c r="G3927" s="16">
        <v>0</v>
      </c>
    </row>
    <row r="3928" spans="1:7" x14ac:dyDescent="0.3">
      <c r="A3928" s="13" t="s">
        <v>40</v>
      </c>
      <c r="B3928" s="14" t="s">
        <v>1</v>
      </c>
      <c r="C3928" s="14" t="s">
        <v>41</v>
      </c>
      <c r="D3928" s="14" t="s">
        <v>42</v>
      </c>
      <c r="E3928" s="15">
        <v>45654</v>
      </c>
      <c r="F3928" s="14" t="s">
        <v>43</v>
      </c>
      <c r="G3928" s="16">
        <v>0</v>
      </c>
    </row>
    <row r="3929" spans="1:7" x14ac:dyDescent="0.3">
      <c r="A3929" s="13" t="s">
        <v>40</v>
      </c>
      <c r="B3929" s="14" t="s">
        <v>1</v>
      </c>
      <c r="C3929" s="14" t="s">
        <v>41</v>
      </c>
      <c r="D3929" s="14" t="s">
        <v>42</v>
      </c>
      <c r="E3929" s="15">
        <v>45655</v>
      </c>
      <c r="F3929" s="14" t="s">
        <v>43</v>
      </c>
      <c r="G3929" s="16">
        <v>0</v>
      </c>
    </row>
    <row r="3930" spans="1:7" x14ac:dyDescent="0.3">
      <c r="A3930" s="13" t="s">
        <v>40</v>
      </c>
      <c r="B3930" s="14" t="s">
        <v>1</v>
      </c>
      <c r="C3930" s="14" t="s">
        <v>41</v>
      </c>
      <c r="D3930" s="14" t="s">
        <v>42</v>
      </c>
      <c r="E3930" s="15">
        <v>45656</v>
      </c>
      <c r="F3930" s="14" t="s">
        <v>43</v>
      </c>
      <c r="G3930" s="16">
        <v>0</v>
      </c>
    </row>
    <row r="3931" spans="1:7" x14ac:dyDescent="0.3">
      <c r="A3931" s="13" t="s">
        <v>40</v>
      </c>
      <c r="B3931" s="14" t="s">
        <v>1</v>
      </c>
      <c r="C3931" s="14" t="s">
        <v>41</v>
      </c>
      <c r="D3931" s="14" t="s">
        <v>42</v>
      </c>
      <c r="E3931" s="15">
        <v>45657</v>
      </c>
      <c r="F3931" s="14" t="s">
        <v>43</v>
      </c>
      <c r="G3931" s="16">
        <v>0</v>
      </c>
    </row>
    <row r="3932" spans="1:7" x14ac:dyDescent="0.3">
      <c r="A3932" s="13" t="s">
        <v>40</v>
      </c>
      <c r="B3932" s="14" t="s">
        <v>1</v>
      </c>
      <c r="C3932" s="14" t="s">
        <v>41</v>
      </c>
      <c r="D3932" s="14" t="s">
        <v>42</v>
      </c>
      <c r="E3932" s="15">
        <v>45658</v>
      </c>
      <c r="F3932" s="14" t="s">
        <v>43</v>
      </c>
      <c r="G3932" s="16">
        <v>0</v>
      </c>
    </row>
    <row r="3933" spans="1:7" x14ac:dyDescent="0.3">
      <c r="A3933" s="13" t="s">
        <v>40</v>
      </c>
      <c r="B3933" s="14" t="s">
        <v>1</v>
      </c>
      <c r="C3933" s="14" t="s">
        <v>41</v>
      </c>
      <c r="D3933" s="14" t="s">
        <v>42</v>
      </c>
      <c r="E3933" s="15">
        <v>45659</v>
      </c>
      <c r="F3933" s="14" t="s">
        <v>43</v>
      </c>
      <c r="G3933" s="16">
        <v>0</v>
      </c>
    </row>
    <row r="3934" spans="1:7" x14ac:dyDescent="0.3">
      <c r="A3934" s="13" t="s">
        <v>40</v>
      </c>
      <c r="B3934" s="14" t="s">
        <v>1</v>
      </c>
      <c r="C3934" s="14" t="s">
        <v>41</v>
      </c>
      <c r="D3934" s="14" t="s">
        <v>42</v>
      </c>
      <c r="E3934" s="15">
        <v>45660</v>
      </c>
      <c r="F3934" s="14" t="s">
        <v>43</v>
      </c>
      <c r="G3934" s="16">
        <v>0</v>
      </c>
    </row>
    <row r="3935" spans="1:7" x14ac:dyDescent="0.3">
      <c r="A3935" s="13" t="s">
        <v>40</v>
      </c>
      <c r="B3935" s="14" t="s">
        <v>1</v>
      </c>
      <c r="C3935" s="14" t="s">
        <v>41</v>
      </c>
      <c r="D3935" s="14" t="s">
        <v>42</v>
      </c>
      <c r="E3935" s="15">
        <v>45661</v>
      </c>
      <c r="F3935" s="14" t="s">
        <v>43</v>
      </c>
      <c r="G3935" s="16">
        <v>0</v>
      </c>
    </row>
    <row r="3936" spans="1:7" x14ac:dyDescent="0.3">
      <c r="A3936" s="13" t="s">
        <v>40</v>
      </c>
      <c r="B3936" s="14" t="s">
        <v>1</v>
      </c>
      <c r="C3936" s="14" t="s">
        <v>41</v>
      </c>
      <c r="D3936" s="14" t="s">
        <v>42</v>
      </c>
      <c r="E3936" s="15">
        <v>45662</v>
      </c>
      <c r="F3936" s="14" t="s">
        <v>43</v>
      </c>
      <c r="G3936" s="16">
        <v>0</v>
      </c>
    </row>
    <row r="3937" spans="1:7" x14ac:dyDescent="0.3">
      <c r="A3937" s="13" t="s">
        <v>40</v>
      </c>
      <c r="B3937" s="14" t="s">
        <v>1</v>
      </c>
      <c r="C3937" s="14" t="s">
        <v>41</v>
      </c>
      <c r="D3937" s="14" t="s">
        <v>42</v>
      </c>
      <c r="E3937" s="15">
        <v>45663</v>
      </c>
      <c r="F3937" s="14" t="s">
        <v>43</v>
      </c>
      <c r="G3937" s="16">
        <v>4.2131054525899829</v>
      </c>
    </row>
    <row r="3938" spans="1:7" x14ac:dyDescent="0.3">
      <c r="A3938" s="13" t="s">
        <v>40</v>
      </c>
      <c r="B3938" s="14" t="s">
        <v>1</v>
      </c>
      <c r="C3938" s="14" t="s">
        <v>41</v>
      </c>
      <c r="D3938" s="14" t="s">
        <v>42</v>
      </c>
      <c r="E3938" s="15">
        <v>45664</v>
      </c>
      <c r="F3938" s="14" t="s">
        <v>43</v>
      </c>
      <c r="G3938" s="16">
        <v>1.5098211047839372</v>
      </c>
    </row>
    <row r="3939" spans="1:7" x14ac:dyDescent="0.3">
      <c r="A3939" s="13" t="s">
        <v>40</v>
      </c>
      <c r="B3939" s="14" t="s">
        <v>1</v>
      </c>
      <c r="C3939" s="14" t="s">
        <v>41</v>
      </c>
      <c r="D3939" s="14" t="s">
        <v>42</v>
      </c>
      <c r="E3939" s="15">
        <v>45665</v>
      </c>
      <c r="F3939" s="14" t="s">
        <v>43</v>
      </c>
      <c r="G3939" s="16">
        <v>1.1167887271488202</v>
      </c>
    </row>
    <row r="3940" spans="1:7" x14ac:dyDescent="0.3">
      <c r="A3940" s="13" t="s">
        <v>40</v>
      </c>
      <c r="B3940" s="14" t="s">
        <v>1</v>
      </c>
      <c r="C3940" s="14" t="s">
        <v>41</v>
      </c>
      <c r="D3940" s="14" t="s">
        <v>42</v>
      </c>
      <c r="E3940" s="15">
        <v>45666</v>
      </c>
      <c r="F3940" s="14" t="s">
        <v>43</v>
      </c>
      <c r="G3940" s="16">
        <v>0.71924170532940035</v>
      </c>
    </row>
    <row r="3941" spans="1:7" x14ac:dyDescent="0.3">
      <c r="A3941" s="13" t="s">
        <v>40</v>
      </c>
      <c r="B3941" s="14" t="s">
        <v>1</v>
      </c>
      <c r="C3941" s="14" t="s">
        <v>41</v>
      </c>
      <c r="D3941" s="14" t="s">
        <v>42</v>
      </c>
      <c r="E3941" s="15">
        <v>45667</v>
      </c>
      <c r="F3941" s="14" t="s">
        <v>43</v>
      </c>
      <c r="G3941" s="16">
        <v>0.32397952077603887</v>
      </c>
    </row>
    <row r="3942" spans="1:7" x14ac:dyDescent="0.3">
      <c r="A3942" s="13" t="s">
        <v>40</v>
      </c>
      <c r="B3942" s="14" t="s">
        <v>1</v>
      </c>
      <c r="C3942" s="14" t="s">
        <v>41</v>
      </c>
      <c r="D3942" s="14" t="s">
        <v>42</v>
      </c>
      <c r="E3942" s="15">
        <v>45668</v>
      </c>
      <c r="F3942" s="14" t="s">
        <v>43</v>
      </c>
      <c r="G3942" s="16">
        <v>0.32397952077603887</v>
      </c>
    </row>
    <row r="3943" spans="1:7" x14ac:dyDescent="0.3">
      <c r="A3943" s="13" t="s">
        <v>40</v>
      </c>
      <c r="B3943" s="14" t="s">
        <v>1</v>
      </c>
      <c r="C3943" s="14" t="s">
        <v>41</v>
      </c>
      <c r="D3943" s="14" t="s">
        <v>42</v>
      </c>
      <c r="E3943" s="15">
        <v>45669</v>
      </c>
      <c r="F3943" s="14" t="s">
        <v>43</v>
      </c>
      <c r="G3943" s="16">
        <v>0.32397952077603887</v>
      </c>
    </row>
    <row r="3944" spans="1:7" x14ac:dyDescent="0.3">
      <c r="A3944" s="13" t="s">
        <v>40</v>
      </c>
      <c r="B3944" s="14" t="s">
        <v>1</v>
      </c>
      <c r="C3944" s="14" t="s">
        <v>41</v>
      </c>
      <c r="D3944" s="14" t="s">
        <v>42</v>
      </c>
      <c r="E3944" s="15">
        <v>45670</v>
      </c>
      <c r="F3944" s="14" t="s">
        <v>43</v>
      </c>
      <c r="G3944" s="16">
        <v>0.32397952077603887</v>
      </c>
    </row>
    <row r="3945" spans="1:7" x14ac:dyDescent="0.3">
      <c r="A3945" s="13" t="s">
        <v>40</v>
      </c>
      <c r="B3945" s="14" t="s">
        <v>1</v>
      </c>
      <c r="C3945" s="14" t="s">
        <v>41</v>
      </c>
      <c r="D3945" s="14" t="s">
        <v>42</v>
      </c>
      <c r="E3945" s="15">
        <v>45671</v>
      </c>
      <c r="F3945" s="14" t="s">
        <v>43</v>
      </c>
      <c r="G3945" s="16">
        <v>0</v>
      </c>
    </row>
    <row r="3946" spans="1:7" x14ac:dyDescent="0.3">
      <c r="A3946" s="13" t="s">
        <v>40</v>
      </c>
      <c r="B3946" s="14" t="s">
        <v>1</v>
      </c>
      <c r="C3946" s="14" t="s">
        <v>41</v>
      </c>
      <c r="D3946" s="14" t="s">
        <v>42</v>
      </c>
      <c r="E3946" s="15">
        <v>45672</v>
      </c>
      <c r="F3946" s="14" t="s">
        <v>43</v>
      </c>
      <c r="G3946" s="16">
        <v>0</v>
      </c>
    </row>
    <row r="3947" spans="1:7" x14ac:dyDescent="0.3">
      <c r="A3947" s="13" t="s">
        <v>40</v>
      </c>
      <c r="B3947" s="14" t="s">
        <v>1</v>
      </c>
      <c r="C3947" s="14" t="s">
        <v>41</v>
      </c>
      <c r="D3947" s="14" t="s">
        <v>42</v>
      </c>
      <c r="E3947" s="15">
        <v>45673</v>
      </c>
      <c r="F3947" s="14" t="s">
        <v>43</v>
      </c>
      <c r="G3947" s="16">
        <v>0</v>
      </c>
    </row>
    <row r="3948" spans="1:7" x14ac:dyDescent="0.3">
      <c r="A3948" s="13" t="s">
        <v>40</v>
      </c>
      <c r="B3948" s="14" t="s">
        <v>1</v>
      </c>
      <c r="C3948" s="14" t="s">
        <v>41</v>
      </c>
      <c r="D3948" s="14" t="s">
        <v>42</v>
      </c>
      <c r="E3948" s="15">
        <v>45674</v>
      </c>
      <c r="F3948" s="14" t="s">
        <v>43</v>
      </c>
      <c r="G3948" s="16">
        <v>0</v>
      </c>
    </row>
    <row r="3949" spans="1:7" x14ac:dyDescent="0.3">
      <c r="A3949" s="13" t="s">
        <v>40</v>
      </c>
      <c r="B3949" s="14" t="s">
        <v>1</v>
      </c>
      <c r="C3949" s="14" t="s">
        <v>41</v>
      </c>
      <c r="D3949" s="14" t="s">
        <v>42</v>
      </c>
      <c r="E3949" s="15">
        <v>45675</v>
      </c>
      <c r="F3949" s="14" t="s">
        <v>43</v>
      </c>
      <c r="G3949" s="16">
        <v>0</v>
      </c>
    </row>
    <row r="3950" spans="1:7" x14ac:dyDescent="0.3">
      <c r="A3950" s="13" t="s">
        <v>40</v>
      </c>
      <c r="B3950" s="14" t="s">
        <v>1</v>
      </c>
      <c r="C3950" s="14" t="s">
        <v>41</v>
      </c>
      <c r="D3950" s="14" t="s">
        <v>42</v>
      </c>
      <c r="E3950" s="15">
        <v>45676</v>
      </c>
      <c r="F3950" s="14" t="s">
        <v>43</v>
      </c>
      <c r="G3950" s="16">
        <v>0</v>
      </c>
    </row>
    <row r="3951" spans="1:7" x14ac:dyDescent="0.3">
      <c r="A3951" s="13" t="s">
        <v>40</v>
      </c>
      <c r="B3951" s="14" t="s">
        <v>1</v>
      </c>
      <c r="C3951" s="14" t="s">
        <v>41</v>
      </c>
      <c r="D3951" s="14" t="s">
        <v>42</v>
      </c>
      <c r="E3951" s="15">
        <v>45677</v>
      </c>
      <c r="F3951" s="14" t="s">
        <v>43</v>
      </c>
      <c r="G3951" s="16">
        <v>0</v>
      </c>
    </row>
    <row r="3952" spans="1:7" x14ac:dyDescent="0.3">
      <c r="A3952" s="13" t="s">
        <v>40</v>
      </c>
      <c r="B3952" s="14" t="s">
        <v>1</v>
      </c>
      <c r="C3952" s="14" t="s">
        <v>41</v>
      </c>
      <c r="D3952" s="14" t="s">
        <v>42</v>
      </c>
      <c r="E3952" s="15">
        <v>45678</v>
      </c>
      <c r="F3952" s="14" t="s">
        <v>43</v>
      </c>
      <c r="G3952" s="16">
        <v>0</v>
      </c>
    </row>
    <row r="3953" spans="1:7" x14ac:dyDescent="0.3">
      <c r="A3953" s="13" t="s">
        <v>40</v>
      </c>
      <c r="B3953" s="14" t="s">
        <v>1</v>
      </c>
      <c r="C3953" s="14" t="s">
        <v>41</v>
      </c>
      <c r="D3953" s="14" t="s">
        <v>42</v>
      </c>
      <c r="E3953" s="15">
        <v>45679</v>
      </c>
      <c r="F3953" s="14" t="s">
        <v>43</v>
      </c>
      <c r="G3953" s="16">
        <v>0</v>
      </c>
    </row>
    <row r="3954" spans="1:7" x14ac:dyDescent="0.3">
      <c r="A3954" s="13" t="s">
        <v>40</v>
      </c>
      <c r="B3954" s="14" t="s">
        <v>1</v>
      </c>
      <c r="C3954" s="14" t="s">
        <v>41</v>
      </c>
      <c r="D3954" s="14" t="s">
        <v>42</v>
      </c>
      <c r="E3954" s="15">
        <v>45680</v>
      </c>
      <c r="F3954" s="14" t="s">
        <v>43</v>
      </c>
      <c r="G3954" s="16">
        <v>0</v>
      </c>
    </row>
    <row r="3955" spans="1:7" x14ac:dyDescent="0.3">
      <c r="A3955" s="13" t="s">
        <v>40</v>
      </c>
      <c r="B3955" s="14" t="s">
        <v>1</v>
      </c>
      <c r="C3955" s="14" t="s">
        <v>41</v>
      </c>
      <c r="D3955" s="14" t="s">
        <v>42</v>
      </c>
      <c r="E3955" s="15">
        <v>45681</v>
      </c>
      <c r="F3955" s="14" t="s">
        <v>43</v>
      </c>
      <c r="G3955" s="16">
        <v>0</v>
      </c>
    </row>
    <row r="3956" spans="1:7" x14ac:dyDescent="0.3">
      <c r="A3956" s="13" t="s">
        <v>40</v>
      </c>
      <c r="B3956" s="14" t="s">
        <v>1</v>
      </c>
      <c r="C3956" s="14" t="s">
        <v>41</v>
      </c>
      <c r="D3956" s="14" t="s">
        <v>42</v>
      </c>
      <c r="E3956" s="15">
        <v>45682</v>
      </c>
      <c r="F3956" s="14" t="s">
        <v>43</v>
      </c>
      <c r="G3956" s="16">
        <v>0</v>
      </c>
    </row>
    <row r="3957" spans="1:7" x14ac:dyDescent="0.3">
      <c r="A3957" s="13" t="s">
        <v>40</v>
      </c>
      <c r="B3957" s="14" t="s">
        <v>1</v>
      </c>
      <c r="C3957" s="14" t="s">
        <v>41</v>
      </c>
      <c r="D3957" s="14" t="s">
        <v>42</v>
      </c>
      <c r="E3957" s="15">
        <v>45683</v>
      </c>
      <c r="F3957" s="14" t="s">
        <v>43</v>
      </c>
      <c r="G3957" s="16">
        <v>0</v>
      </c>
    </row>
    <row r="3958" spans="1:7" x14ac:dyDescent="0.3">
      <c r="A3958" s="13" t="s">
        <v>40</v>
      </c>
      <c r="B3958" s="14" t="s">
        <v>1</v>
      </c>
      <c r="C3958" s="14" t="s">
        <v>41</v>
      </c>
      <c r="D3958" s="14" t="s">
        <v>42</v>
      </c>
      <c r="E3958" s="15">
        <v>45684</v>
      </c>
      <c r="F3958" s="14" t="s">
        <v>43</v>
      </c>
      <c r="G3958" s="16">
        <v>0</v>
      </c>
    </row>
    <row r="3959" spans="1:7" x14ac:dyDescent="0.3">
      <c r="A3959" s="13" t="s">
        <v>40</v>
      </c>
      <c r="B3959" s="14" t="s">
        <v>1</v>
      </c>
      <c r="C3959" s="14" t="s">
        <v>41</v>
      </c>
      <c r="D3959" s="14" t="s">
        <v>42</v>
      </c>
      <c r="E3959" s="15">
        <v>45685</v>
      </c>
      <c r="F3959" s="14" t="s">
        <v>43</v>
      </c>
      <c r="G3959" s="16">
        <v>0</v>
      </c>
    </row>
    <row r="3960" spans="1:7" x14ac:dyDescent="0.3">
      <c r="A3960" s="13" t="s">
        <v>40</v>
      </c>
      <c r="B3960" s="14" t="s">
        <v>1</v>
      </c>
      <c r="C3960" s="14" t="s">
        <v>41</v>
      </c>
      <c r="D3960" s="14" t="s">
        <v>42</v>
      </c>
      <c r="E3960" s="15">
        <v>45686</v>
      </c>
      <c r="F3960" s="14" t="s">
        <v>43</v>
      </c>
      <c r="G3960" s="16">
        <v>0</v>
      </c>
    </row>
    <row r="3961" spans="1:7" x14ac:dyDescent="0.3">
      <c r="A3961" s="13" t="s">
        <v>40</v>
      </c>
      <c r="B3961" s="14" t="s">
        <v>1</v>
      </c>
      <c r="C3961" s="14" t="s">
        <v>41</v>
      </c>
      <c r="D3961" s="14" t="s">
        <v>42</v>
      </c>
      <c r="E3961" s="15">
        <v>45687</v>
      </c>
      <c r="F3961" s="14" t="s">
        <v>43</v>
      </c>
      <c r="G3961" s="16">
        <v>0</v>
      </c>
    </row>
    <row r="3962" spans="1:7" x14ac:dyDescent="0.3">
      <c r="A3962" s="13" t="s">
        <v>40</v>
      </c>
      <c r="B3962" s="14" t="s">
        <v>1</v>
      </c>
      <c r="C3962" s="14" t="s">
        <v>41</v>
      </c>
      <c r="D3962" s="14" t="s">
        <v>42</v>
      </c>
      <c r="E3962" s="15">
        <v>45688</v>
      </c>
      <c r="F3962" s="14" t="s">
        <v>43</v>
      </c>
      <c r="G3962" s="16">
        <v>0</v>
      </c>
    </row>
    <row r="3963" spans="1:7" x14ac:dyDescent="0.3">
      <c r="A3963" s="13" t="s">
        <v>40</v>
      </c>
      <c r="B3963" s="14" t="s">
        <v>1</v>
      </c>
      <c r="C3963" s="14" t="s">
        <v>41</v>
      </c>
      <c r="D3963" s="14" t="s">
        <v>42</v>
      </c>
      <c r="E3963" s="15">
        <v>45689</v>
      </c>
      <c r="F3963" s="14" t="s">
        <v>43</v>
      </c>
      <c r="G3963" s="16">
        <v>0</v>
      </c>
    </row>
    <row r="3964" spans="1:7" x14ac:dyDescent="0.3">
      <c r="A3964" s="13" t="s">
        <v>40</v>
      </c>
      <c r="B3964" s="14" t="s">
        <v>1</v>
      </c>
      <c r="C3964" s="14" t="s">
        <v>41</v>
      </c>
      <c r="D3964" s="14" t="s">
        <v>42</v>
      </c>
      <c r="E3964" s="15">
        <v>45690</v>
      </c>
      <c r="F3964" s="14" t="s">
        <v>43</v>
      </c>
      <c r="G3964" s="16">
        <v>0</v>
      </c>
    </row>
    <row r="3965" spans="1:7" x14ac:dyDescent="0.3">
      <c r="A3965" s="13" t="s">
        <v>40</v>
      </c>
      <c r="B3965" s="14" t="s">
        <v>1</v>
      </c>
      <c r="C3965" s="14" t="s">
        <v>41</v>
      </c>
      <c r="D3965" s="14" t="s">
        <v>42</v>
      </c>
      <c r="E3965" s="15">
        <v>45691</v>
      </c>
      <c r="F3965" s="14" t="s">
        <v>43</v>
      </c>
      <c r="G3965" s="16">
        <v>0</v>
      </c>
    </row>
    <row r="3966" spans="1:7" x14ac:dyDescent="0.3">
      <c r="A3966" s="13" t="s">
        <v>40</v>
      </c>
      <c r="B3966" s="14" t="s">
        <v>1</v>
      </c>
      <c r="C3966" s="14" t="s">
        <v>41</v>
      </c>
      <c r="D3966" s="14" t="s">
        <v>42</v>
      </c>
      <c r="E3966" s="15">
        <v>45692</v>
      </c>
      <c r="F3966" s="14" t="s">
        <v>43</v>
      </c>
      <c r="G3966" s="16">
        <v>0</v>
      </c>
    </row>
    <row r="3967" spans="1:7" x14ac:dyDescent="0.3">
      <c r="A3967" s="13" t="s">
        <v>40</v>
      </c>
      <c r="B3967" s="14" t="s">
        <v>1</v>
      </c>
      <c r="C3967" s="14" t="s">
        <v>41</v>
      </c>
      <c r="D3967" s="14" t="s">
        <v>42</v>
      </c>
      <c r="E3967" s="15">
        <v>45693</v>
      </c>
      <c r="F3967" s="14" t="s">
        <v>43</v>
      </c>
      <c r="G3967" s="16">
        <v>0</v>
      </c>
    </row>
    <row r="3968" spans="1:7" x14ac:dyDescent="0.3">
      <c r="A3968" s="13" t="s">
        <v>40</v>
      </c>
      <c r="B3968" s="14" t="s">
        <v>1</v>
      </c>
      <c r="C3968" s="14" t="s">
        <v>41</v>
      </c>
      <c r="D3968" s="14" t="s">
        <v>42</v>
      </c>
      <c r="E3968" s="15">
        <v>45694</v>
      </c>
      <c r="F3968" s="14" t="s">
        <v>43</v>
      </c>
      <c r="G3968" s="16">
        <v>0</v>
      </c>
    </row>
    <row r="3969" spans="1:7" x14ac:dyDescent="0.3">
      <c r="A3969" s="13" t="s">
        <v>40</v>
      </c>
      <c r="B3969" s="14" t="s">
        <v>1</v>
      </c>
      <c r="C3969" s="14" t="s">
        <v>41</v>
      </c>
      <c r="D3969" s="14" t="s">
        <v>42</v>
      </c>
      <c r="E3969" s="15">
        <v>45695</v>
      </c>
      <c r="F3969" s="14" t="s">
        <v>43</v>
      </c>
      <c r="G3969" s="16">
        <v>0</v>
      </c>
    </row>
    <row r="3970" spans="1:7" x14ac:dyDescent="0.3">
      <c r="A3970" s="13" t="s">
        <v>40</v>
      </c>
      <c r="B3970" s="14" t="s">
        <v>1</v>
      </c>
      <c r="C3970" s="14" t="s">
        <v>41</v>
      </c>
      <c r="D3970" s="14" t="s">
        <v>42</v>
      </c>
      <c r="E3970" s="15">
        <v>45696</v>
      </c>
      <c r="F3970" s="14" t="s">
        <v>43</v>
      </c>
      <c r="G3970" s="16">
        <v>0</v>
      </c>
    </row>
    <row r="3971" spans="1:7" x14ac:dyDescent="0.3">
      <c r="A3971" s="13" t="s">
        <v>40</v>
      </c>
      <c r="B3971" s="14" t="s">
        <v>1</v>
      </c>
      <c r="C3971" s="14" t="s">
        <v>41</v>
      </c>
      <c r="D3971" s="14" t="s">
        <v>42</v>
      </c>
      <c r="E3971" s="15">
        <v>45697</v>
      </c>
      <c r="F3971" s="14" t="s">
        <v>43</v>
      </c>
      <c r="G3971" s="16">
        <v>0</v>
      </c>
    </row>
    <row r="3972" spans="1:7" x14ac:dyDescent="0.3">
      <c r="A3972" s="13" t="s">
        <v>40</v>
      </c>
      <c r="B3972" s="14" t="s">
        <v>1</v>
      </c>
      <c r="C3972" s="14" t="s">
        <v>41</v>
      </c>
      <c r="D3972" s="14" t="s">
        <v>42</v>
      </c>
      <c r="E3972" s="15">
        <v>45698</v>
      </c>
      <c r="F3972" s="14" t="s">
        <v>43</v>
      </c>
      <c r="G3972" s="16">
        <v>0</v>
      </c>
    </row>
    <row r="3973" spans="1:7" x14ac:dyDescent="0.3">
      <c r="A3973" s="13" t="s">
        <v>40</v>
      </c>
      <c r="B3973" s="14" t="s">
        <v>1</v>
      </c>
      <c r="C3973" s="14" t="s">
        <v>41</v>
      </c>
      <c r="D3973" s="14" t="s">
        <v>42</v>
      </c>
      <c r="E3973" s="15">
        <v>45699</v>
      </c>
      <c r="F3973" s="14" t="s">
        <v>43</v>
      </c>
      <c r="G3973" s="16">
        <v>0</v>
      </c>
    </row>
    <row r="3974" spans="1:7" x14ac:dyDescent="0.3">
      <c r="A3974" s="13" t="s">
        <v>40</v>
      </c>
      <c r="B3974" s="14" t="s">
        <v>1</v>
      </c>
      <c r="C3974" s="14" t="s">
        <v>41</v>
      </c>
      <c r="D3974" s="14" t="s">
        <v>42</v>
      </c>
      <c r="E3974" s="15">
        <v>45700</v>
      </c>
      <c r="F3974" s="14" t="s">
        <v>43</v>
      </c>
      <c r="G3974" s="16">
        <v>0</v>
      </c>
    </row>
    <row r="3975" spans="1:7" x14ac:dyDescent="0.3">
      <c r="A3975" s="13" t="s">
        <v>40</v>
      </c>
      <c r="B3975" s="14" t="s">
        <v>1</v>
      </c>
      <c r="C3975" s="14" t="s">
        <v>41</v>
      </c>
      <c r="D3975" s="14" t="s">
        <v>42</v>
      </c>
      <c r="E3975" s="15">
        <v>45701</v>
      </c>
      <c r="F3975" s="14" t="s">
        <v>43</v>
      </c>
      <c r="G3975" s="16">
        <v>0</v>
      </c>
    </row>
    <row r="3976" spans="1:7" x14ac:dyDescent="0.3">
      <c r="A3976" s="13" t="s">
        <v>40</v>
      </c>
      <c r="B3976" s="14" t="s">
        <v>1</v>
      </c>
      <c r="C3976" s="14" t="s">
        <v>41</v>
      </c>
      <c r="D3976" s="14" t="s">
        <v>42</v>
      </c>
      <c r="E3976" s="15">
        <v>45702</v>
      </c>
      <c r="F3976" s="14" t="s">
        <v>43</v>
      </c>
      <c r="G3976" s="16">
        <v>0</v>
      </c>
    </row>
    <row r="3977" spans="1:7" x14ac:dyDescent="0.3">
      <c r="A3977" s="13" t="s">
        <v>40</v>
      </c>
      <c r="B3977" s="14" t="s">
        <v>1</v>
      </c>
      <c r="C3977" s="14" t="s">
        <v>41</v>
      </c>
      <c r="D3977" s="14" t="s">
        <v>42</v>
      </c>
      <c r="E3977" s="15">
        <v>45703</v>
      </c>
      <c r="F3977" s="14" t="s">
        <v>43</v>
      </c>
      <c r="G3977" s="16">
        <v>0</v>
      </c>
    </row>
    <row r="3978" spans="1:7" x14ac:dyDescent="0.3">
      <c r="A3978" s="13" t="s">
        <v>40</v>
      </c>
      <c r="B3978" s="14" t="s">
        <v>1</v>
      </c>
      <c r="C3978" s="14" t="s">
        <v>41</v>
      </c>
      <c r="D3978" s="14" t="s">
        <v>42</v>
      </c>
      <c r="E3978" s="15">
        <v>45704</v>
      </c>
      <c r="F3978" s="14" t="s">
        <v>43</v>
      </c>
      <c r="G3978" s="16">
        <v>0</v>
      </c>
    </row>
    <row r="3979" spans="1:7" x14ac:dyDescent="0.3">
      <c r="A3979" s="13" t="s">
        <v>40</v>
      </c>
      <c r="B3979" s="14" t="s">
        <v>1</v>
      </c>
      <c r="C3979" s="14" t="s">
        <v>41</v>
      </c>
      <c r="D3979" s="14" t="s">
        <v>42</v>
      </c>
      <c r="E3979" s="15">
        <v>45705</v>
      </c>
      <c r="F3979" s="14" t="s">
        <v>43</v>
      </c>
      <c r="G3979" s="16">
        <v>0</v>
      </c>
    </row>
    <row r="3980" spans="1:7" x14ac:dyDescent="0.3">
      <c r="A3980" s="13" t="s">
        <v>40</v>
      </c>
      <c r="B3980" s="14" t="s">
        <v>1</v>
      </c>
      <c r="C3980" s="14" t="s">
        <v>41</v>
      </c>
      <c r="D3980" s="14" t="s">
        <v>42</v>
      </c>
      <c r="E3980" s="15">
        <v>45706</v>
      </c>
      <c r="F3980" s="14" t="s">
        <v>43</v>
      </c>
      <c r="G3980" s="16">
        <v>0</v>
      </c>
    </row>
    <row r="3981" spans="1:7" x14ac:dyDescent="0.3">
      <c r="A3981" s="13" t="s">
        <v>40</v>
      </c>
      <c r="B3981" s="14" t="s">
        <v>1</v>
      </c>
      <c r="C3981" s="14" t="s">
        <v>41</v>
      </c>
      <c r="D3981" s="14" t="s">
        <v>42</v>
      </c>
      <c r="E3981" s="15">
        <v>45707</v>
      </c>
      <c r="F3981" s="14" t="s">
        <v>43</v>
      </c>
      <c r="G3981" s="16">
        <v>0</v>
      </c>
    </row>
    <row r="3982" spans="1:7" x14ac:dyDescent="0.3">
      <c r="A3982" s="13" t="s">
        <v>40</v>
      </c>
      <c r="B3982" s="14" t="s">
        <v>1</v>
      </c>
      <c r="C3982" s="14" t="s">
        <v>41</v>
      </c>
      <c r="D3982" s="14" t="s">
        <v>42</v>
      </c>
      <c r="E3982" s="15">
        <v>45708</v>
      </c>
      <c r="F3982" s="14" t="s">
        <v>43</v>
      </c>
      <c r="G3982" s="16">
        <v>0</v>
      </c>
    </row>
    <row r="3983" spans="1:7" x14ac:dyDescent="0.3">
      <c r="A3983" s="13" t="s">
        <v>40</v>
      </c>
      <c r="B3983" s="14" t="s">
        <v>1</v>
      </c>
      <c r="C3983" s="14" t="s">
        <v>41</v>
      </c>
      <c r="D3983" s="14" t="s">
        <v>42</v>
      </c>
      <c r="E3983" s="15">
        <v>45709</v>
      </c>
      <c r="F3983" s="14" t="s">
        <v>43</v>
      </c>
      <c r="G3983" s="16">
        <v>0</v>
      </c>
    </row>
    <row r="3984" spans="1:7" x14ac:dyDescent="0.3">
      <c r="A3984" s="13" t="s">
        <v>40</v>
      </c>
      <c r="B3984" s="14" t="s">
        <v>1</v>
      </c>
      <c r="C3984" s="14" t="s">
        <v>41</v>
      </c>
      <c r="D3984" s="14" t="s">
        <v>42</v>
      </c>
      <c r="E3984" s="15">
        <v>45710</v>
      </c>
      <c r="F3984" s="14" t="s">
        <v>43</v>
      </c>
      <c r="G3984" s="16">
        <v>0</v>
      </c>
    </row>
    <row r="3985" spans="1:7" x14ac:dyDescent="0.3">
      <c r="A3985" s="13" t="s">
        <v>40</v>
      </c>
      <c r="B3985" s="14" t="s">
        <v>1</v>
      </c>
      <c r="C3985" s="14" t="s">
        <v>41</v>
      </c>
      <c r="D3985" s="14" t="s">
        <v>42</v>
      </c>
      <c r="E3985" s="15">
        <v>45711</v>
      </c>
      <c r="F3985" s="14" t="s">
        <v>43</v>
      </c>
      <c r="G3985" s="16">
        <v>0</v>
      </c>
    </row>
    <row r="3986" spans="1:7" x14ac:dyDescent="0.3">
      <c r="A3986" s="13" t="s">
        <v>40</v>
      </c>
      <c r="B3986" s="14" t="s">
        <v>1</v>
      </c>
      <c r="C3986" s="14" t="s">
        <v>41</v>
      </c>
      <c r="D3986" s="14" t="s">
        <v>42</v>
      </c>
      <c r="E3986" s="15">
        <v>45712</v>
      </c>
      <c r="F3986" s="14" t="s">
        <v>43</v>
      </c>
      <c r="G3986" s="16">
        <v>0</v>
      </c>
    </row>
    <row r="3987" spans="1:7" x14ac:dyDescent="0.3">
      <c r="A3987" s="13" t="s">
        <v>40</v>
      </c>
      <c r="B3987" s="14" t="s">
        <v>1</v>
      </c>
      <c r="C3987" s="14" t="s">
        <v>41</v>
      </c>
      <c r="D3987" s="14" t="s">
        <v>42</v>
      </c>
      <c r="E3987" s="15">
        <v>45713</v>
      </c>
      <c r="F3987" s="14" t="s">
        <v>43</v>
      </c>
      <c r="G3987" s="16">
        <v>0</v>
      </c>
    </row>
    <row r="3988" spans="1:7" x14ac:dyDescent="0.3">
      <c r="A3988" s="13" t="s">
        <v>40</v>
      </c>
      <c r="B3988" s="14" t="s">
        <v>1</v>
      </c>
      <c r="C3988" s="14" t="s">
        <v>41</v>
      </c>
      <c r="D3988" s="14" t="s">
        <v>42</v>
      </c>
      <c r="E3988" s="15">
        <v>45714</v>
      </c>
      <c r="F3988" s="14" t="s">
        <v>43</v>
      </c>
      <c r="G3988" s="16">
        <v>0</v>
      </c>
    </row>
    <row r="3989" spans="1:7" x14ac:dyDescent="0.3">
      <c r="A3989" s="13" t="s">
        <v>40</v>
      </c>
      <c r="B3989" s="14" t="s">
        <v>1</v>
      </c>
      <c r="C3989" s="14" t="s">
        <v>41</v>
      </c>
      <c r="D3989" s="14" t="s">
        <v>42</v>
      </c>
      <c r="E3989" s="15">
        <v>45715</v>
      </c>
      <c r="F3989" s="14" t="s">
        <v>43</v>
      </c>
      <c r="G3989" s="16">
        <v>0</v>
      </c>
    </row>
    <row r="3990" spans="1:7" x14ac:dyDescent="0.3">
      <c r="A3990" s="13" t="s">
        <v>40</v>
      </c>
      <c r="B3990" s="14" t="s">
        <v>1</v>
      </c>
      <c r="C3990" s="14" t="s">
        <v>41</v>
      </c>
      <c r="D3990" s="14" t="s">
        <v>42</v>
      </c>
      <c r="E3990" s="15">
        <v>45716</v>
      </c>
      <c r="F3990" s="14" t="s">
        <v>43</v>
      </c>
      <c r="G3990" s="16">
        <v>0</v>
      </c>
    </row>
    <row r="3991" spans="1:7" x14ac:dyDescent="0.3">
      <c r="A3991" s="13" t="s">
        <v>40</v>
      </c>
      <c r="B3991" s="14" t="s">
        <v>1</v>
      </c>
      <c r="C3991" s="14" t="s">
        <v>41</v>
      </c>
      <c r="D3991" s="14" t="s">
        <v>42</v>
      </c>
      <c r="E3991" s="15">
        <v>45717</v>
      </c>
      <c r="F3991" s="14" t="s">
        <v>43</v>
      </c>
      <c r="G3991" s="16">
        <v>0</v>
      </c>
    </row>
    <row r="3992" spans="1:7" x14ac:dyDescent="0.3">
      <c r="A3992" s="13" t="s">
        <v>40</v>
      </c>
      <c r="B3992" s="14" t="s">
        <v>1</v>
      </c>
      <c r="C3992" s="14" t="s">
        <v>41</v>
      </c>
      <c r="D3992" s="14" t="s">
        <v>42</v>
      </c>
      <c r="E3992" s="15">
        <v>45718</v>
      </c>
      <c r="F3992" s="14" t="s">
        <v>43</v>
      </c>
      <c r="G3992" s="16">
        <v>0</v>
      </c>
    </row>
    <row r="3993" spans="1:7" x14ac:dyDescent="0.3">
      <c r="A3993" s="13" t="s">
        <v>40</v>
      </c>
      <c r="B3993" s="14" t="s">
        <v>1</v>
      </c>
      <c r="C3993" s="14" t="s">
        <v>41</v>
      </c>
      <c r="D3993" s="14" t="s">
        <v>42</v>
      </c>
      <c r="E3993" s="15">
        <v>45719</v>
      </c>
      <c r="F3993" s="14" t="s">
        <v>43</v>
      </c>
      <c r="G3993" s="16">
        <v>0</v>
      </c>
    </row>
    <row r="3994" spans="1:7" x14ac:dyDescent="0.3">
      <c r="A3994" s="13" t="s">
        <v>40</v>
      </c>
      <c r="B3994" s="14" t="s">
        <v>1</v>
      </c>
      <c r="C3994" s="14" t="s">
        <v>41</v>
      </c>
      <c r="D3994" s="14" t="s">
        <v>42</v>
      </c>
      <c r="E3994" s="15">
        <v>45720</v>
      </c>
      <c r="F3994" s="14" t="s">
        <v>43</v>
      </c>
      <c r="G3994" s="16">
        <v>0</v>
      </c>
    </row>
    <row r="3995" spans="1:7" x14ac:dyDescent="0.3">
      <c r="A3995" s="13" t="s">
        <v>40</v>
      </c>
      <c r="B3995" s="14" t="s">
        <v>1</v>
      </c>
      <c r="C3995" s="14" t="s">
        <v>41</v>
      </c>
      <c r="D3995" s="14" t="s">
        <v>42</v>
      </c>
      <c r="E3995" s="15">
        <v>45721</v>
      </c>
      <c r="F3995" s="14" t="s">
        <v>43</v>
      </c>
      <c r="G3995" s="16">
        <v>0</v>
      </c>
    </row>
    <row r="3996" spans="1:7" x14ac:dyDescent="0.3">
      <c r="A3996" s="13" t="s">
        <v>40</v>
      </c>
      <c r="B3996" s="14" t="s">
        <v>1</v>
      </c>
      <c r="C3996" s="14" t="s">
        <v>41</v>
      </c>
      <c r="D3996" s="14" t="s">
        <v>42</v>
      </c>
      <c r="E3996" s="15">
        <v>45722</v>
      </c>
      <c r="F3996" s="14" t="s">
        <v>43</v>
      </c>
      <c r="G3996" s="16">
        <v>0</v>
      </c>
    </row>
    <row r="3997" spans="1:7" x14ac:dyDescent="0.3">
      <c r="A3997" s="13" t="s">
        <v>40</v>
      </c>
      <c r="B3997" s="14" t="s">
        <v>1</v>
      </c>
      <c r="C3997" s="14" t="s">
        <v>41</v>
      </c>
      <c r="D3997" s="14" t="s">
        <v>42</v>
      </c>
      <c r="E3997" s="15">
        <v>45723</v>
      </c>
      <c r="F3997" s="14" t="s">
        <v>43</v>
      </c>
      <c r="G3997" s="16">
        <v>0</v>
      </c>
    </row>
    <row r="3998" spans="1:7" x14ac:dyDescent="0.3">
      <c r="A3998" s="13" t="s">
        <v>40</v>
      </c>
      <c r="B3998" s="14" t="s">
        <v>1</v>
      </c>
      <c r="C3998" s="14" t="s">
        <v>41</v>
      </c>
      <c r="D3998" s="14" t="s">
        <v>42</v>
      </c>
      <c r="E3998" s="15">
        <v>45724</v>
      </c>
      <c r="F3998" s="14" t="s">
        <v>43</v>
      </c>
      <c r="G3998" s="16">
        <v>0</v>
      </c>
    </row>
    <row r="3999" spans="1:7" x14ac:dyDescent="0.3">
      <c r="A3999" s="13" t="s">
        <v>40</v>
      </c>
      <c r="B3999" s="14" t="s">
        <v>1</v>
      </c>
      <c r="C3999" s="14" t="s">
        <v>41</v>
      </c>
      <c r="D3999" s="14" t="s">
        <v>42</v>
      </c>
      <c r="E3999" s="15">
        <v>45725</v>
      </c>
      <c r="F3999" s="14" t="s">
        <v>43</v>
      </c>
      <c r="G3999" s="16">
        <v>0</v>
      </c>
    </row>
    <row r="4000" spans="1:7" x14ac:dyDescent="0.3">
      <c r="A4000" s="13" t="s">
        <v>40</v>
      </c>
      <c r="B4000" s="14" t="s">
        <v>1</v>
      </c>
      <c r="C4000" s="14" t="s">
        <v>41</v>
      </c>
      <c r="D4000" s="14" t="s">
        <v>42</v>
      </c>
      <c r="E4000" s="15">
        <v>45726</v>
      </c>
      <c r="F4000" s="14" t="s">
        <v>43</v>
      </c>
      <c r="G4000" s="16">
        <v>0</v>
      </c>
    </row>
    <row r="4001" spans="1:7" x14ac:dyDescent="0.3">
      <c r="A4001" s="13" t="s">
        <v>40</v>
      </c>
      <c r="B4001" s="14" t="s">
        <v>1</v>
      </c>
      <c r="C4001" s="14" t="s">
        <v>41</v>
      </c>
      <c r="D4001" s="14" t="s">
        <v>42</v>
      </c>
      <c r="E4001" s="15">
        <v>45727</v>
      </c>
      <c r="F4001" s="14" t="s">
        <v>43</v>
      </c>
      <c r="G4001" s="16">
        <v>0</v>
      </c>
    </row>
    <row r="4002" spans="1:7" x14ac:dyDescent="0.3">
      <c r="A4002" s="13" t="s">
        <v>40</v>
      </c>
      <c r="B4002" s="14" t="s">
        <v>1</v>
      </c>
      <c r="C4002" s="14" t="s">
        <v>41</v>
      </c>
      <c r="D4002" s="14" t="s">
        <v>42</v>
      </c>
      <c r="E4002" s="15">
        <v>45728</v>
      </c>
      <c r="F4002" s="14" t="s">
        <v>43</v>
      </c>
      <c r="G4002" s="16">
        <v>0</v>
      </c>
    </row>
    <row r="4003" spans="1:7" x14ac:dyDescent="0.3">
      <c r="A4003" s="13" t="s">
        <v>40</v>
      </c>
      <c r="B4003" s="14" t="s">
        <v>1</v>
      </c>
      <c r="C4003" s="14" t="s">
        <v>41</v>
      </c>
      <c r="D4003" s="14" t="s">
        <v>42</v>
      </c>
      <c r="E4003" s="15">
        <v>45729</v>
      </c>
      <c r="F4003" s="14" t="s">
        <v>43</v>
      </c>
      <c r="G4003" s="16">
        <v>0</v>
      </c>
    </row>
    <row r="4004" spans="1:7" x14ac:dyDescent="0.3">
      <c r="A4004" s="13" t="s">
        <v>40</v>
      </c>
      <c r="B4004" s="14" t="s">
        <v>1</v>
      </c>
      <c r="C4004" s="14" t="s">
        <v>41</v>
      </c>
      <c r="D4004" s="14" t="s">
        <v>42</v>
      </c>
      <c r="E4004" s="15">
        <v>45730</v>
      </c>
      <c r="F4004" s="14" t="s">
        <v>43</v>
      </c>
      <c r="G4004" s="16">
        <v>0</v>
      </c>
    </row>
    <row r="4005" spans="1:7" x14ac:dyDescent="0.3">
      <c r="A4005" s="13" t="s">
        <v>40</v>
      </c>
      <c r="B4005" s="14" t="s">
        <v>1</v>
      </c>
      <c r="C4005" s="14" t="s">
        <v>41</v>
      </c>
      <c r="D4005" s="14" t="s">
        <v>42</v>
      </c>
      <c r="E4005" s="15">
        <v>45731</v>
      </c>
      <c r="F4005" s="14" t="s">
        <v>43</v>
      </c>
      <c r="G4005" s="16">
        <v>0</v>
      </c>
    </row>
    <row r="4006" spans="1:7" x14ac:dyDescent="0.3">
      <c r="A4006" s="13" t="s">
        <v>40</v>
      </c>
      <c r="B4006" s="14" t="s">
        <v>1</v>
      </c>
      <c r="C4006" s="14" t="s">
        <v>41</v>
      </c>
      <c r="D4006" s="14" t="s">
        <v>42</v>
      </c>
      <c r="E4006" s="15">
        <v>45732</v>
      </c>
      <c r="F4006" s="14" t="s">
        <v>43</v>
      </c>
      <c r="G4006" s="16">
        <v>0</v>
      </c>
    </row>
    <row r="4007" spans="1:7" x14ac:dyDescent="0.3">
      <c r="A4007" s="13" t="s">
        <v>40</v>
      </c>
      <c r="B4007" s="14" t="s">
        <v>1</v>
      </c>
      <c r="C4007" s="14" t="s">
        <v>41</v>
      </c>
      <c r="D4007" s="14" t="s">
        <v>42</v>
      </c>
      <c r="E4007" s="15">
        <v>45733</v>
      </c>
      <c r="F4007" s="14" t="s">
        <v>43</v>
      </c>
      <c r="G4007" s="16">
        <v>0</v>
      </c>
    </row>
    <row r="4008" spans="1:7" x14ac:dyDescent="0.3">
      <c r="A4008" s="13" t="s">
        <v>40</v>
      </c>
      <c r="B4008" s="14" t="s">
        <v>1</v>
      </c>
      <c r="C4008" s="14" t="s">
        <v>41</v>
      </c>
      <c r="D4008" s="14" t="s">
        <v>42</v>
      </c>
      <c r="E4008" s="15">
        <v>45734</v>
      </c>
      <c r="F4008" s="14" t="s">
        <v>43</v>
      </c>
      <c r="G4008" s="16">
        <v>0</v>
      </c>
    </row>
    <row r="4009" spans="1:7" x14ac:dyDescent="0.3">
      <c r="A4009" s="13" t="s">
        <v>40</v>
      </c>
      <c r="B4009" s="14" t="s">
        <v>1</v>
      </c>
      <c r="C4009" s="14" t="s">
        <v>41</v>
      </c>
      <c r="D4009" s="14" t="s">
        <v>42</v>
      </c>
      <c r="E4009" s="15">
        <v>45735</v>
      </c>
      <c r="F4009" s="14" t="s">
        <v>43</v>
      </c>
      <c r="G4009" s="16">
        <v>0</v>
      </c>
    </row>
    <row r="4010" spans="1:7" x14ac:dyDescent="0.3">
      <c r="A4010" s="13" t="s">
        <v>40</v>
      </c>
      <c r="B4010" s="14" t="s">
        <v>1</v>
      </c>
      <c r="C4010" s="14" t="s">
        <v>41</v>
      </c>
      <c r="D4010" s="14" t="s">
        <v>42</v>
      </c>
      <c r="E4010" s="15">
        <v>45736</v>
      </c>
      <c r="F4010" s="14" t="s">
        <v>43</v>
      </c>
      <c r="G4010" s="16">
        <v>0</v>
      </c>
    </row>
    <row r="4011" spans="1:7" x14ac:dyDescent="0.3">
      <c r="A4011" s="13" t="s">
        <v>40</v>
      </c>
      <c r="B4011" s="14" t="s">
        <v>1</v>
      </c>
      <c r="C4011" s="14" t="s">
        <v>41</v>
      </c>
      <c r="D4011" s="14" t="s">
        <v>42</v>
      </c>
      <c r="E4011" s="15">
        <v>45737</v>
      </c>
      <c r="F4011" s="14" t="s">
        <v>43</v>
      </c>
      <c r="G4011" s="16">
        <v>0</v>
      </c>
    </row>
    <row r="4012" spans="1:7" x14ac:dyDescent="0.3">
      <c r="A4012" s="13" t="s">
        <v>40</v>
      </c>
      <c r="B4012" s="14" t="s">
        <v>1</v>
      </c>
      <c r="C4012" s="14" t="s">
        <v>41</v>
      </c>
      <c r="D4012" s="14" t="s">
        <v>42</v>
      </c>
      <c r="E4012" s="15">
        <v>45738</v>
      </c>
      <c r="F4012" s="14" t="s">
        <v>43</v>
      </c>
      <c r="G4012" s="16">
        <v>0</v>
      </c>
    </row>
    <row r="4013" spans="1:7" x14ac:dyDescent="0.3">
      <c r="A4013" s="13" t="s">
        <v>40</v>
      </c>
      <c r="B4013" s="14" t="s">
        <v>1</v>
      </c>
      <c r="C4013" s="14" t="s">
        <v>41</v>
      </c>
      <c r="D4013" s="14" t="s">
        <v>42</v>
      </c>
      <c r="E4013" s="15">
        <v>45739</v>
      </c>
      <c r="F4013" s="14" t="s">
        <v>43</v>
      </c>
      <c r="G4013" s="16">
        <v>0</v>
      </c>
    </row>
    <row r="4014" spans="1:7" x14ac:dyDescent="0.3">
      <c r="A4014" s="13" t="s">
        <v>40</v>
      </c>
      <c r="B4014" s="14" t="s">
        <v>1</v>
      </c>
      <c r="C4014" s="14" t="s">
        <v>41</v>
      </c>
      <c r="D4014" s="14" t="s">
        <v>42</v>
      </c>
      <c r="E4014" s="15">
        <v>45740</v>
      </c>
      <c r="F4014" s="14" t="s">
        <v>43</v>
      </c>
      <c r="G4014" s="16">
        <v>0</v>
      </c>
    </row>
    <row r="4015" spans="1:7" x14ac:dyDescent="0.3">
      <c r="A4015" s="13" t="s">
        <v>40</v>
      </c>
      <c r="B4015" s="14" t="s">
        <v>1</v>
      </c>
      <c r="C4015" s="14" t="s">
        <v>41</v>
      </c>
      <c r="D4015" s="14" t="s">
        <v>42</v>
      </c>
      <c r="E4015" s="15">
        <v>45741</v>
      </c>
      <c r="F4015" s="14" t="s">
        <v>43</v>
      </c>
      <c r="G4015" s="16">
        <v>0</v>
      </c>
    </row>
    <row r="4016" spans="1:7" x14ac:dyDescent="0.3">
      <c r="A4016" s="13" t="s">
        <v>40</v>
      </c>
      <c r="B4016" s="14" t="s">
        <v>1</v>
      </c>
      <c r="C4016" s="14" t="s">
        <v>41</v>
      </c>
      <c r="D4016" s="14" t="s">
        <v>42</v>
      </c>
      <c r="E4016" s="15">
        <v>45742</v>
      </c>
      <c r="F4016" s="14" t="s">
        <v>43</v>
      </c>
      <c r="G4016" s="16">
        <v>0</v>
      </c>
    </row>
    <row r="4017" spans="1:7" x14ac:dyDescent="0.3">
      <c r="A4017" s="13" t="s">
        <v>40</v>
      </c>
      <c r="B4017" s="14" t="s">
        <v>1</v>
      </c>
      <c r="C4017" s="14" t="s">
        <v>41</v>
      </c>
      <c r="D4017" s="14" t="s">
        <v>42</v>
      </c>
      <c r="E4017" s="15">
        <v>45743</v>
      </c>
      <c r="F4017" s="14" t="s">
        <v>43</v>
      </c>
      <c r="G4017" s="16">
        <v>0</v>
      </c>
    </row>
    <row r="4018" spans="1:7" x14ac:dyDescent="0.3">
      <c r="A4018" s="13" t="s">
        <v>40</v>
      </c>
      <c r="B4018" s="14" t="s">
        <v>1</v>
      </c>
      <c r="C4018" s="14" t="s">
        <v>41</v>
      </c>
      <c r="D4018" s="14" t="s">
        <v>42</v>
      </c>
      <c r="E4018" s="15">
        <v>45744</v>
      </c>
      <c r="F4018" s="14" t="s">
        <v>43</v>
      </c>
      <c r="G4018" s="16">
        <v>0</v>
      </c>
    </row>
    <row r="4019" spans="1:7" x14ac:dyDescent="0.3">
      <c r="A4019" s="13" t="s">
        <v>40</v>
      </c>
      <c r="B4019" s="14" t="s">
        <v>1</v>
      </c>
      <c r="C4019" s="14" t="s">
        <v>41</v>
      </c>
      <c r="D4019" s="14" t="s">
        <v>42</v>
      </c>
      <c r="E4019" s="15">
        <v>45745</v>
      </c>
      <c r="F4019" s="14" t="s">
        <v>43</v>
      </c>
      <c r="G4019" s="16">
        <v>0</v>
      </c>
    </row>
    <row r="4020" spans="1:7" x14ac:dyDescent="0.3">
      <c r="A4020" s="13" t="s">
        <v>40</v>
      </c>
      <c r="B4020" s="14" t="s">
        <v>1</v>
      </c>
      <c r="C4020" s="14" t="s">
        <v>41</v>
      </c>
      <c r="D4020" s="14" t="s">
        <v>42</v>
      </c>
      <c r="E4020" s="15">
        <v>45746</v>
      </c>
      <c r="F4020" s="14" t="s">
        <v>43</v>
      </c>
      <c r="G4020" s="16">
        <v>0</v>
      </c>
    </row>
    <row r="4021" spans="1:7" x14ac:dyDescent="0.3">
      <c r="A4021" s="13" t="s">
        <v>40</v>
      </c>
      <c r="B4021" s="14" t="s">
        <v>1</v>
      </c>
      <c r="C4021" s="14" t="s">
        <v>41</v>
      </c>
      <c r="D4021" s="14" t="s">
        <v>42</v>
      </c>
      <c r="E4021" s="15">
        <v>45747</v>
      </c>
      <c r="F4021" s="14" t="s">
        <v>43</v>
      </c>
      <c r="G4021" s="16">
        <v>59.516772450284016</v>
      </c>
    </row>
    <row r="4022" spans="1:7" x14ac:dyDescent="0.3">
      <c r="A4022" s="13" t="s">
        <v>44</v>
      </c>
      <c r="B4022" s="14" t="s">
        <v>1</v>
      </c>
      <c r="C4022" s="14" t="s">
        <v>38</v>
      </c>
      <c r="D4022" s="14" t="s">
        <v>45</v>
      </c>
      <c r="E4022" s="15">
        <v>45383</v>
      </c>
      <c r="F4022" s="14" t="s">
        <v>15</v>
      </c>
      <c r="G4022" s="16">
        <v>0</v>
      </c>
    </row>
    <row r="4023" spans="1:7" x14ac:dyDescent="0.3">
      <c r="A4023" s="13" t="s">
        <v>44</v>
      </c>
      <c r="B4023" s="14" t="s">
        <v>1</v>
      </c>
      <c r="C4023" s="14" t="s">
        <v>38</v>
      </c>
      <c r="D4023" s="14" t="s">
        <v>45</v>
      </c>
      <c r="E4023" s="15">
        <v>45384</v>
      </c>
      <c r="F4023" s="14" t="s">
        <v>15</v>
      </c>
      <c r="G4023" s="16">
        <v>0</v>
      </c>
    </row>
    <row r="4024" spans="1:7" x14ac:dyDescent="0.3">
      <c r="A4024" s="13" t="s">
        <v>44</v>
      </c>
      <c r="B4024" s="14" t="s">
        <v>1</v>
      </c>
      <c r="C4024" s="14" t="s">
        <v>38</v>
      </c>
      <c r="D4024" s="14" t="s">
        <v>45</v>
      </c>
      <c r="E4024" s="15">
        <v>45385</v>
      </c>
      <c r="F4024" s="14" t="s">
        <v>15</v>
      </c>
      <c r="G4024" s="16">
        <v>0</v>
      </c>
    </row>
    <row r="4025" spans="1:7" x14ac:dyDescent="0.3">
      <c r="A4025" s="13" t="s">
        <v>44</v>
      </c>
      <c r="B4025" s="14" t="s">
        <v>1</v>
      </c>
      <c r="C4025" s="14" t="s">
        <v>38</v>
      </c>
      <c r="D4025" s="14" t="s">
        <v>45</v>
      </c>
      <c r="E4025" s="15">
        <v>45386</v>
      </c>
      <c r="F4025" s="14" t="s">
        <v>15</v>
      </c>
      <c r="G4025" s="16">
        <v>1.4813303098801142E-4</v>
      </c>
    </row>
    <row r="4026" spans="1:7" x14ac:dyDescent="0.3">
      <c r="A4026" s="13" t="s">
        <v>44</v>
      </c>
      <c r="B4026" s="14" t="s">
        <v>1</v>
      </c>
      <c r="C4026" s="14" t="s">
        <v>38</v>
      </c>
      <c r="D4026" s="14" t="s">
        <v>45</v>
      </c>
      <c r="E4026" s="15">
        <v>45387</v>
      </c>
      <c r="F4026" s="14" t="s">
        <v>15</v>
      </c>
      <c r="G4026" s="16">
        <v>0</v>
      </c>
    </row>
    <row r="4027" spans="1:7" x14ac:dyDescent="0.3">
      <c r="A4027" s="13" t="s">
        <v>44</v>
      </c>
      <c r="B4027" s="14" t="s">
        <v>1</v>
      </c>
      <c r="C4027" s="14" t="s">
        <v>38</v>
      </c>
      <c r="D4027" s="14" t="s">
        <v>45</v>
      </c>
      <c r="E4027" s="15">
        <v>45388</v>
      </c>
      <c r="F4027" s="14" t="s">
        <v>15</v>
      </c>
      <c r="G4027" s="16">
        <v>0</v>
      </c>
    </row>
    <row r="4028" spans="1:7" x14ac:dyDescent="0.3">
      <c r="A4028" s="13" t="s">
        <v>44</v>
      </c>
      <c r="B4028" s="14" t="s">
        <v>1</v>
      </c>
      <c r="C4028" s="14" t="s">
        <v>38</v>
      </c>
      <c r="D4028" s="14" t="s">
        <v>45</v>
      </c>
      <c r="E4028" s="15">
        <v>45389</v>
      </c>
      <c r="F4028" s="14" t="s">
        <v>15</v>
      </c>
      <c r="G4028" s="16">
        <v>0</v>
      </c>
    </row>
    <row r="4029" spans="1:7" x14ac:dyDescent="0.3">
      <c r="A4029" s="13" t="s">
        <v>44</v>
      </c>
      <c r="B4029" s="14" t="s">
        <v>1</v>
      </c>
      <c r="C4029" s="14" t="s">
        <v>38</v>
      </c>
      <c r="D4029" s="14" t="s">
        <v>45</v>
      </c>
      <c r="E4029" s="15">
        <v>45390</v>
      </c>
      <c r="F4029" s="14" t="s">
        <v>15</v>
      </c>
      <c r="G4029" s="16">
        <v>0.10229907856197602</v>
      </c>
    </row>
    <row r="4030" spans="1:7" x14ac:dyDescent="0.3">
      <c r="A4030" s="13" t="s">
        <v>44</v>
      </c>
      <c r="B4030" s="14" t="s">
        <v>1</v>
      </c>
      <c r="C4030" s="14" t="s">
        <v>38</v>
      </c>
      <c r="D4030" s="14" t="s">
        <v>45</v>
      </c>
      <c r="E4030" s="15">
        <v>45391</v>
      </c>
      <c r="F4030" s="14" t="s">
        <v>15</v>
      </c>
      <c r="G4030" s="16">
        <v>0.10041233257747004</v>
      </c>
    </row>
    <row r="4031" spans="1:7" x14ac:dyDescent="0.3">
      <c r="A4031" s="13" t="s">
        <v>44</v>
      </c>
      <c r="B4031" s="14" t="s">
        <v>1</v>
      </c>
      <c r="C4031" s="14" t="s">
        <v>38</v>
      </c>
      <c r="D4031" s="14" t="s">
        <v>45</v>
      </c>
      <c r="E4031" s="15">
        <v>45392</v>
      </c>
      <c r="F4031" s="14" t="s">
        <v>15</v>
      </c>
      <c r="G4031" s="16">
        <v>0.10041233257747004</v>
      </c>
    </row>
    <row r="4032" spans="1:7" x14ac:dyDescent="0.3">
      <c r="A4032" s="13" t="s">
        <v>44</v>
      </c>
      <c r="B4032" s="14" t="s">
        <v>1</v>
      </c>
      <c r="C4032" s="14" t="s">
        <v>38</v>
      </c>
      <c r="D4032" s="14" t="s">
        <v>45</v>
      </c>
      <c r="E4032" s="15">
        <v>45393</v>
      </c>
      <c r="F4032" s="14" t="s">
        <v>15</v>
      </c>
      <c r="G4032" s="16">
        <v>9.9780149092964038E-2</v>
      </c>
    </row>
    <row r="4033" spans="1:7" x14ac:dyDescent="0.3">
      <c r="A4033" s="13" t="s">
        <v>44</v>
      </c>
      <c r="B4033" s="14" t="s">
        <v>1</v>
      </c>
      <c r="C4033" s="14" t="s">
        <v>38</v>
      </c>
      <c r="D4033" s="14" t="s">
        <v>45</v>
      </c>
      <c r="E4033" s="15">
        <v>45394</v>
      </c>
      <c r="F4033" s="14" t="s">
        <v>15</v>
      </c>
      <c r="G4033" s="16">
        <v>0.21684046560845804</v>
      </c>
    </row>
    <row r="4034" spans="1:7" x14ac:dyDescent="0.3">
      <c r="A4034" s="13" t="s">
        <v>44</v>
      </c>
      <c r="B4034" s="14" t="s">
        <v>1</v>
      </c>
      <c r="C4034" s="14" t="s">
        <v>38</v>
      </c>
      <c r="D4034" s="14" t="s">
        <v>45</v>
      </c>
      <c r="E4034" s="15">
        <v>45395</v>
      </c>
      <c r="F4034" s="14" t="s">
        <v>15</v>
      </c>
      <c r="G4034" s="16">
        <v>0.21684046560845804</v>
      </c>
    </row>
    <row r="4035" spans="1:7" x14ac:dyDescent="0.3">
      <c r="A4035" s="13" t="s">
        <v>44</v>
      </c>
      <c r="B4035" s="14" t="s">
        <v>1</v>
      </c>
      <c r="C4035" s="14" t="s">
        <v>38</v>
      </c>
      <c r="D4035" s="14" t="s">
        <v>45</v>
      </c>
      <c r="E4035" s="15">
        <v>45396</v>
      </c>
      <c r="F4035" s="14" t="s">
        <v>15</v>
      </c>
      <c r="G4035" s="16">
        <v>0.21684046560845804</v>
      </c>
    </row>
    <row r="4036" spans="1:7" x14ac:dyDescent="0.3">
      <c r="A4036" s="13" t="s">
        <v>44</v>
      </c>
      <c r="B4036" s="14" t="s">
        <v>1</v>
      </c>
      <c r="C4036" s="14" t="s">
        <v>38</v>
      </c>
      <c r="D4036" s="14" t="s">
        <v>45</v>
      </c>
      <c r="E4036" s="15">
        <v>45397</v>
      </c>
      <c r="F4036" s="14" t="s">
        <v>15</v>
      </c>
      <c r="G4036" s="16">
        <v>0.21620503212395206</v>
      </c>
    </row>
    <row r="4037" spans="1:7" x14ac:dyDescent="0.3">
      <c r="A4037" s="13" t="s">
        <v>44</v>
      </c>
      <c r="B4037" s="14" t="s">
        <v>1</v>
      </c>
      <c r="C4037" s="14" t="s">
        <v>38</v>
      </c>
      <c r="D4037" s="14" t="s">
        <v>45</v>
      </c>
      <c r="E4037" s="15">
        <v>45398</v>
      </c>
      <c r="F4037" s="14" t="s">
        <v>15</v>
      </c>
      <c r="G4037" s="16">
        <v>0.21431284863944605</v>
      </c>
    </row>
    <row r="4038" spans="1:7" x14ac:dyDescent="0.3">
      <c r="A4038" s="13" t="s">
        <v>44</v>
      </c>
      <c r="B4038" s="14" t="s">
        <v>1</v>
      </c>
      <c r="C4038" s="14" t="s">
        <v>38</v>
      </c>
      <c r="D4038" s="14" t="s">
        <v>45</v>
      </c>
      <c r="E4038" s="15">
        <v>45399</v>
      </c>
      <c r="F4038" s="14" t="s">
        <v>15</v>
      </c>
      <c r="G4038" s="16">
        <v>0.21368929015494009</v>
      </c>
    </row>
    <row r="4039" spans="1:7" x14ac:dyDescent="0.3">
      <c r="A4039" s="13" t="s">
        <v>44</v>
      </c>
      <c r="B4039" s="14" t="s">
        <v>1</v>
      </c>
      <c r="C4039" s="14" t="s">
        <v>38</v>
      </c>
      <c r="D4039" s="14" t="s">
        <v>45</v>
      </c>
      <c r="E4039" s="15">
        <v>45400</v>
      </c>
      <c r="F4039" s="14" t="s">
        <v>15</v>
      </c>
      <c r="G4039" s="16">
        <v>0.21307829417043408</v>
      </c>
    </row>
    <row r="4040" spans="1:7" x14ac:dyDescent="0.3">
      <c r="A4040" s="13" t="s">
        <v>44</v>
      </c>
      <c r="B4040" s="14" t="s">
        <v>1</v>
      </c>
      <c r="C4040" s="14" t="s">
        <v>38</v>
      </c>
      <c r="D4040" s="14" t="s">
        <v>45</v>
      </c>
      <c r="E4040" s="15">
        <v>45401</v>
      </c>
      <c r="F4040" s="14" t="s">
        <v>15</v>
      </c>
      <c r="G4040" s="16">
        <v>0.1949441731859281</v>
      </c>
    </row>
    <row r="4041" spans="1:7" x14ac:dyDescent="0.3">
      <c r="A4041" s="13" t="s">
        <v>44</v>
      </c>
      <c r="B4041" s="14" t="s">
        <v>1</v>
      </c>
      <c r="C4041" s="14" t="s">
        <v>38</v>
      </c>
      <c r="D4041" s="14" t="s">
        <v>45</v>
      </c>
      <c r="E4041" s="15">
        <v>45402</v>
      </c>
      <c r="F4041" s="14" t="s">
        <v>15</v>
      </c>
      <c r="G4041" s="16">
        <v>0.1949441731859281</v>
      </c>
    </row>
    <row r="4042" spans="1:7" x14ac:dyDescent="0.3">
      <c r="A4042" s="13" t="s">
        <v>44</v>
      </c>
      <c r="B4042" s="14" t="s">
        <v>1</v>
      </c>
      <c r="C4042" s="14" t="s">
        <v>38</v>
      </c>
      <c r="D4042" s="14" t="s">
        <v>45</v>
      </c>
      <c r="E4042" s="15">
        <v>45403</v>
      </c>
      <c r="F4042" s="14" t="s">
        <v>15</v>
      </c>
      <c r="G4042" s="16">
        <v>0.1949441731859281</v>
      </c>
    </row>
    <row r="4043" spans="1:7" x14ac:dyDescent="0.3">
      <c r="A4043" s="13" t="s">
        <v>44</v>
      </c>
      <c r="B4043" s="14" t="s">
        <v>1</v>
      </c>
      <c r="C4043" s="14" t="s">
        <v>38</v>
      </c>
      <c r="D4043" s="14" t="s">
        <v>45</v>
      </c>
      <c r="E4043" s="15">
        <v>45404</v>
      </c>
      <c r="F4043" s="14" t="s">
        <v>15</v>
      </c>
      <c r="G4043" s="16">
        <v>0.19432692720142211</v>
      </c>
    </row>
    <row r="4044" spans="1:7" x14ac:dyDescent="0.3">
      <c r="A4044" s="13" t="s">
        <v>44</v>
      </c>
      <c r="B4044" s="14" t="s">
        <v>1</v>
      </c>
      <c r="C4044" s="14" t="s">
        <v>38</v>
      </c>
      <c r="D4044" s="14" t="s">
        <v>45</v>
      </c>
      <c r="E4044" s="15">
        <v>45405</v>
      </c>
      <c r="F4044" s="14" t="s">
        <v>15</v>
      </c>
      <c r="G4044" s="16">
        <v>0.19250655621691612</v>
      </c>
    </row>
    <row r="4045" spans="1:7" x14ac:dyDescent="0.3">
      <c r="A4045" s="13" t="s">
        <v>44</v>
      </c>
      <c r="B4045" s="14" t="s">
        <v>1</v>
      </c>
      <c r="C4045" s="14" t="s">
        <v>38</v>
      </c>
      <c r="D4045" s="14" t="s">
        <v>45</v>
      </c>
      <c r="E4045" s="15">
        <v>45406</v>
      </c>
      <c r="F4045" s="14" t="s">
        <v>15</v>
      </c>
      <c r="G4045" s="16">
        <v>0.19189981023241012</v>
      </c>
    </row>
    <row r="4046" spans="1:7" x14ac:dyDescent="0.3">
      <c r="A4046" s="13" t="s">
        <v>44</v>
      </c>
      <c r="B4046" s="14" t="s">
        <v>1</v>
      </c>
      <c r="C4046" s="14" t="s">
        <v>38</v>
      </c>
      <c r="D4046" s="14" t="s">
        <v>45</v>
      </c>
      <c r="E4046" s="15">
        <v>45407</v>
      </c>
      <c r="F4046" s="14" t="s">
        <v>15</v>
      </c>
      <c r="G4046" s="16">
        <v>0.18969018924790412</v>
      </c>
    </row>
    <row r="4047" spans="1:7" x14ac:dyDescent="0.3">
      <c r="A4047" s="13" t="s">
        <v>44</v>
      </c>
      <c r="B4047" s="14" t="s">
        <v>1</v>
      </c>
      <c r="C4047" s="14" t="s">
        <v>38</v>
      </c>
      <c r="D4047" s="14" t="s">
        <v>45</v>
      </c>
      <c r="E4047" s="15">
        <v>45408</v>
      </c>
      <c r="F4047" s="14" t="s">
        <v>15</v>
      </c>
      <c r="G4047" s="16">
        <v>0.27762294326339809</v>
      </c>
    </row>
    <row r="4048" spans="1:7" x14ac:dyDescent="0.3">
      <c r="A4048" s="13" t="s">
        <v>44</v>
      </c>
      <c r="B4048" s="14" t="s">
        <v>1</v>
      </c>
      <c r="C4048" s="14" t="s">
        <v>38</v>
      </c>
      <c r="D4048" s="14" t="s">
        <v>45</v>
      </c>
      <c r="E4048" s="15">
        <v>45409</v>
      </c>
      <c r="F4048" s="14" t="s">
        <v>15</v>
      </c>
      <c r="G4048" s="16">
        <v>0.27762294326339809</v>
      </c>
    </row>
    <row r="4049" spans="1:7" x14ac:dyDescent="0.3">
      <c r="A4049" s="13" t="s">
        <v>44</v>
      </c>
      <c r="B4049" s="14" t="s">
        <v>1</v>
      </c>
      <c r="C4049" s="14" t="s">
        <v>38</v>
      </c>
      <c r="D4049" s="14" t="s">
        <v>45</v>
      </c>
      <c r="E4049" s="15">
        <v>45410</v>
      </c>
      <c r="F4049" s="14" t="s">
        <v>15</v>
      </c>
      <c r="G4049" s="16">
        <v>0.27762294326339809</v>
      </c>
    </row>
    <row r="4050" spans="1:7" x14ac:dyDescent="0.3">
      <c r="A4050" s="13" t="s">
        <v>44</v>
      </c>
      <c r="B4050" s="14" t="s">
        <v>1</v>
      </c>
      <c r="C4050" s="14" t="s">
        <v>38</v>
      </c>
      <c r="D4050" s="14" t="s">
        <v>45</v>
      </c>
      <c r="E4050" s="15">
        <v>45411</v>
      </c>
      <c r="F4050" s="14" t="s">
        <v>15</v>
      </c>
      <c r="G4050" s="16">
        <v>0.27465032227889208</v>
      </c>
    </row>
    <row r="4051" spans="1:7" x14ac:dyDescent="0.3">
      <c r="A4051" s="13" t="s">
        <v>44</v>
      </c>
      <c r="B4051" s="14" t="s">
        <v>1</v>
      </c>
      <c r="C4051" s="14" t="s">
        <v>38</v>
      </c>
      <c r="D4051" s="14" t="s">
        <v>45</v>
      </c>
      <c r="E4051" s="15">
        <v>45412</v>
      </c>
      <c r="F4051" s="14" t="s">
        <v>15</v>
      </c>
      <c r="G4051" s="16">
        <v>0.36089926379438614</v>
      </c>
    </row>
    <row r="4052" spans="1:7" x14ac:dyDescent="0.3">
      <c r="A4052" s="13" t="s">
        <v>44</v>
      </c>
      <c r="B4052" s="14" t="s">
        <v>1</v>
      </c>
      <c r="C4052" s="14" t="s">
        <v>38</v>
      </c>
      <c r="D4052" s="14" t="s">
        <v>45</v>
      </c>
      <c r="E4052" s="15">
        <v>45413</v>
      </c>
      <c r="F4052" s="14" t="s">
        <v>15</v>
      </c>
      <c r="G4052" s="16">
        <v>0.36089926379438614</v>
      </c>
    </row>
    <row r="4053" spans="1:7" x14ac:dyDescent="0.3">
      <c r="A4053" s="13" t="s">
        <v>44</v>
      </c>
      <c r="B4053" s="14" t="s">
        <v>1</v>
      </c>
      <c r="C4053" s="14" t="s">
        <v>38</v>
      </c>
      <c r="D4053" s="14" t="s">
        <v>45</v>
      </c>
      <c r="E4053" s="15">
        <v>45414</v>
      </c>
      <c r="F4053" s="14" t="s">
        <v>15</v>
      </c>
      <c r="G4053" s="16">
        <v>0.36027270530988015</v>
      </c>
    </row>
    <row r="4054" spans="1:7" x14ac:dyDescent="0.3">
      <c r="A4054" s="13" t="s">
        <v>44</v>
      </c>
      <c r="B4054" s="14" t="s">
        <v>1</v>
      </c>
      <c r="C4054" s="14" t="s">
        <v>38</v>
      </c>
      <c r="D4054" s="14" t="s">
        <v>45</v>
      </c>
      <c r="E4054" s="15">
        <v>45415</v>
      </c>
      <c r="F4054" s="14" t="s">
        <v>15</v>
      </c>
      <c r="G4054" s="16">
        <v>0.3627720218253741</v>
      </c>
    </row>
    <row r="4055" spans="1:7" x14ac:dyDescent="0.3">
      <c r="A4055" s="13" t="s">
        <v>44</v>
      </c>
      <c r="B4055" s="14" t="s">
        <v>1</v>
      </c>
      <c r="C4055" s="14" t="s">
        <v>38</v>
      </c>
      <c r="D4055" s="14" t="s">
        <v>45</v>
      </c>
      <c r="E4055" s="15">
        <v>45416</v>
      </c>
      <c r="F4055" s="14" t="s">
        <v>15</v>
      </c>
      <c r="G4055" s="16">
        <v>0.3627720218253741</v>
      </c>
    </row>
    <row r="4056" spans="1:7" x14ac:dyDescent="0.3">
      <c r="A4056" s="13" t="s">
        <v>44</v>
      </c>
      <c r="B4056" s="14" t="s">
        <v>1</v>
      </c>
      <c r="C4056" s="14" t="s">
        <v>38</v>
      </c>
      <c r="D4056" s="14" t="s">
        <v>45</v>
      </c>
      <c r="E4056" s="15">
        <v>45417</v>
      </c>
      <c r="F4056" s="14" t="s">
        <v>15</v>
      </c>
      <c r="G4056" s="16">
        <v>0.3627720218253741</v>
      </c>
    </row>
    <row r="4057" spans="1:7" x14ac:dyDescent="0.3">
      <c r="A4057" s="13" t="s">
        <v>44</v>
      </c>
      <c r="B4057" s="14" t="s">
        <v>1</v>
      </c>
      <c r="C4057" s="14" t="s">
        <v>38</v>
      </c>
      <c r="D4057" s="14" t="s">
        <v>45</v>
      </c>
      <c r="E4057" s="15">
        <v>45418</v>
      </c>
      <c r="F4057" s="14" t="s">
        <v>15</v>
      </c>
      <c r="G4057" s="16">
        <v>0.3627720218253741</v>
      </c>
    </row>
    <row r="4058" spans="1:7" x14ac:dyDescent="0.3">
      <c r="A4058" s="13" t="s">
        <v>44</v>
      </c>
      <c r="B4058" s="14" t="s">
        <v>1</v>
      </c>
      <c r="C4058" s="14" t="s">
        <v>38</v>
      </c>
      <c r="D4058" s="14" t="s">
        <v>45</v>
      </c>
      <c r="E4058" s="15">
        <v>45419</v>
      </c>
      <c r="F4058" s="14" t="s">
        <v>15</v>
      </c>
      <c r="G4058" s="16">
        <v>0.36212452584086813</v>
      </c>
    </row>
    <row r="4059" spans="1:7" x14ac:dyDescent="0.3">
      <c r="A4059" s="13" t="s">
        <v>44</v>
      </c>
      <c r="B4059" s="14" t="s">
        <v>1</v>
      </c>
      <c r="C4059" s="14" t="s">
        <v>38</v>
      </c>
      <c r="D4059" s="14" t="s">
        <v>45</v>
      </c>
      <c r="E4059" s="15">
        <v>45420</v>
      </c>
      <c r="F4059" s="14" t="s">
        <v>15</v>
      </c>
      <c r="G4059" s="16">
        <v>0.35952459235636214</v>
      </c>
    </row>
    <row r="4060" spans="1:7" x14ac:dyDescent="0.3">
      <c r="A4060" s="13" t="s">
        <v>44</v>
      </c>
      <c r="B4060" s="14" t="s">
        <v>1</v>
      </c>
      <c r="C4060" s="14" t="s">
        <v>38</v>
      </c>
      <c r="D4060" s="14" t="s">
        <v>45</v>
      </c>
      <c r="E4060" s="15">
        <v>45421</v>
      </c>
      <c r="F4060" s="14" t="s">
        <v>15</v>
      </c>
      <c r="G4060" s="16">
        <v>0.4608294713718562</v>
      </c>
    </row>
    <row r="4061" spans="1:7" x14ac:dyDescent="0.3">
      <c r="A4061" s="13" t="s">
        <v>44</v>
      </c>
      <c r="B4061" s="14" t="s">
        <v>1</v>
      </c>
      <c r="C4061" s="14" t="s">
        <v>38</v>
      </c>
      <c r="D4061" s="14" t="s">
        <v>45</v>
      </c>
      <c r="E4061" s="15">
        <v>45422</v>
      </c>
      <c r="F4061" s="14" t="s">
        <v>15</v>
      </c>
      <c r="G4061" s="16">
        <v>0.69648860038735017</v>
      </c>
    </row>
    <row r="4062" spans="1:7" x14ac:dyDescent="0.3">
      <c r="A4062" s="13" t="s">
        <v>44</v>
      </c>
      <c r="B4062" s="14" t="s">
        <v>1</v>
      </c>
      <c r="C4062" s="14" t="s">
        <v>38</v>
      </c>
      <c r="D4062" s="14" t="s">
        <v>45</v>
      </c>
      <c r="E4062" s="15">
        <v>45423</v>
      </c>
      <c r="F4062" s="14" t="s">
        <v>15</v>
      </c>
      <c r="G4062" s="16">
        <v>0.69648860038735017</v>
      </c>
    </row>
    <row r="4063" spans="1:7" x14ac:dyDescent="0.3">
      <c r="A4063" s="13" t="s">
        <v>44</v>
      </c>
      <c r="B4063" s="14" t="s">
        <v>1</v>
      </c>
      <c r="C4063" s="14" t="s">
        <v>38</v>
      </c>
      <c r="D4063" s="14" t="s">
        <v>45</v>
      </c>
      <c r="E4063" s="15">
        <v>45424</v>
      </c>
      <c r="F4063" s="14" t="s">
        <v>15</v>
      </c>
      <c r="G4063" s="16">
        <v>0.69648860038735017</v>
      </c>
    </row>
    <row r="4064" spans="1:7" x14ac:dyDescent="0.3">
      <c r="A4064" s="13" t="s">
        <v>44</v>
      </c>
      <c r="B4064" s="14" t="s">
        <v>1</v>
      </c>
      <c r="C4064" s="14" t="s">
        <v>38</v>
      </c>
      <c r="D4064" s="14" t="s">
        <v>45</v>
      </c>
      <c r="E4064" s="15">
        <v>45425</v>
      </c>
      <c r="F4064" s="14" t="s">
        <v>15</v>
      </c>
      <c r="G4064" s="16">
        <v>0.69583879190284426</v>
      </c>
    </row>
    <row r="4065" spans="1:7" x14ac:dyDescent="0.3">
      <c r="A4065" s="13" t="s">
        <v>44</v>
      </c>
      <c r="B4065" s="14" t="s">
        <v>1</v>
      </c>
      <c r="C4065" s="14" t="s">
        <v>38</v>
      </c>
      <c r="D4065" s="14" t="s">
        <v>45</v>
      </c>
      <c r="E4065" s="15">
        <v>45426</v>
      </c>
      <c r="F4065" s="14" t="s">
        <v>15</v>
      </c>
      <c r="G4065" s="16">
        <v>0.72777992091833821</v>
      </c>
    </row>
    <row r="4066" spans="1:7" x14ac:dyDescent="0.3">
      <c r="A4066" s="13" t="s">
        <v>44</v>
      </c>
      <c r="B4066" s="14" t="s">
        <v>1</v>
      </c>
      <c r="C4066" s="14" t="s">
        <v>38</v>
      </c>
      <c r="D4066" s="14" t="s">
        <v>45</v>
      </c>
      <c r="E4066" s="15">
        <v>45427</v>
      </c>
      <c r="F4066" s="14" t="s">
        <v>15</v>
      </c>
      <c r="G4066" s="16">
        <v>0.85499142493383229</v>
      </c>
    </row>
    <row r="4067" spans="1:7" x14ac:dyDescent="0.3">
      <c r="A4067" s="13" t="s">
        <v>44</v>
      </c>
      <c r="B4067" s="14" t="s">
        <v>1</v>
      </c>
      <c r="C4067" s="14" t="s">
        <v>38</v>
      </c>
      <c r="D4067" s="14" t="s">
        <v>45</v>
      </c>
      <c r="E4067" s="15">
        <v>45428</v>
      </c>
      <c r="F4067" s="14" t="s">
        <v>15</v>
      </c>
      <c r="G4067" s="16">
        <v>0.85433492894932628</v>
      </c>
    </row>
    <row r="4068" spans="1:7" x14ac:dyDescent="0.3">
      <c r="A4068" s="13" t="s">
        <v>44</v>
      </c>
      <c r="B4068" s="14" t="s">
        <v>1</v>
      </c>
      <c r="C4068" s="14" t="s">
        <v>38</v>
      </c>
      <c r="D4068" s="14" t="s">
        <v>45</v>
      </c>
      <c r="E4068" s="15">
        <v>45429</v>
      </c>
      <c r="F4068" s="14" t="s">
        <v>15</v>
      </c>
      <c r="G4068" s="16">
        <v>0.85367580796482012</v>
      </c>
    </row>
    <row r="4069" spans="1:7" x14ac:dyDescent="0.3">
      <c r="A4069" s="13" t="s">
        <v>44</v>
      </c>
      <c r="B4069" s="14" t="s">
        <v>1</v>
      </c>
      <c r="C4069" s="14" t="s">
        <v>38</v>
      </c>
      <c r="D4069" s="14" t="s">
        <v>45</v>
      </c>
      <c r="E4069" s="15">
        <v>45430</v>
      </c>
      <c r="F4069" s="14" t="s">
        <v>15</v>
      </c>
      <c r="G4069" s="16">
        <v>0.85367580796482012</v>
      </c>
    </row>
    <row r="4070" spans="1:7" x14ac:dyDescent="0.3">
      <c r="A4070" s="13" t="s">
        <v>44</v>
      </c>
      <c r="B4070" s="14" t="s">
        <v>1</v>
      </c>
      <c r="C4070" s="14" t="s">
        <v>38</v>
      </c>
      <c r="D4070" s="14" t="s">
        <v>45</v>
      </c>
      <c r="E4070" s="15">
        <v>45431</v>
      </c>
      <c r="F4070" s="14" t="s">
        <v>15</v>
      </c>
      <c r="G4070" s="16">
        <v>0.85367580796482012</v>
      </c>
    </row>
    <row r="4071" spans="1:7" x14ac:dyDescent="0.3">
      <c r="A4071" s="13" t="s">
        <v>44</v>
      </c>
      <c r="B4071" s="14" t="s">
        <v>1</v>
      </c>
      <c r="C4071" s="14" t="s">
        <v>38</v>
      </c>
      <c r="D4071" s="14" t="s">
        <v>45</v>
      </c>
      <c r="E4071" s="15">
        <v>45432</v>
      </c>
      <c r="F4071" s="14" t="s">
        <v>15</v>
      </c>
      <c r="G4071" s="16">
        <v>0.85301112448031413</v>
      </c>
    </row>
    <row r="4072" spans="1:7" x14ac:dyDescent="0.3">
      <c r="A4072" s="13" t="s">
        <v>44</v>
      </c>
      <c r="B4072" s="14" t="s">
        <v>1</v>
      </c>
      <c r="C4072" s="14" t="s">
        <v>38</v>
      </c>
      <c r="D4072" s="14" t="s">
        <v>45</v>
      </c>
      <c r="E4072" s="15">
        <v>45433</v>
      </c>
      <c r="F4072" s="14" t="s">
        <v>15</v>
      </c>
      <c r="G4072" s="16">
        <v>0.85091525349580821</v>
      </c>
    </row>
    <row r="4073" spans="1:7" x14ac:dyDescent="0.3">
      <c r="A4073" s="13" t="s">
        <v>44</v>
      </c>
      <c r="B4073" s="14" t="s">
        <v>1</v>
      </c>
      <c r="C4073" s="14" t="s">
        <v>38</v>
      </c>
      <c r="D4073" s="14" t="s">
        <v>45</v>
      </c>
      <c r="E4073" s="15">
        <v>45434</v>
      </c>
      <c r="F4073" s="14" t="s">
        <v>15</v>
      </c>
      <c r="G4073" s="16">
        <v>0.85091525349580821</v>
      </c>
    </row>
    <row r="4074" spans="1:7" x14ac:dyDescent="0.3">
      <c r="A4074" s="13" t="s">
        <v>44</v>
      </c>
      <c r="B4074" s="14" t="s">
        <v>1</v>
      </c>
      <c r="C4074" s="14" t="s">
        <v>38</v>
      </c>
      <c r="D4074" s="14" t="s">
        <v>45</v>
      </c>
      <c r="E4074" s="15">
        <v>45435</v>
      </c>
      <c r="F4074" s="14" t="s">
        <v>15</v>
      </c>
      <c r="G4074" s="16">
        <v>0.85024938251130222</v>
      </c>
    </row>
    <row r="4075" spans="1:7" x14ac:dyDescent="0.3">
      <c r="A4075" s="13" t="s">
        <v>44</v>
      </c>
      <c r="B4075" s="14" t="s">
        <v>1</v>
      </c>
      <c r="C4075" s="14" t="s">
        <v>38</v>
      </c>
      <c r="D4075" s="14" t="s">
        <v>45</v>
      </c>
      <c r="E4075" s="15">
        <v>45436</v>
      </c>
      <c r="F4075" s="14" t="s">
        <v>15</v>
      </c>
      <c r="G4075" s="16">
        <v>0.91065376152679622</v>
      </c>
    </row>
    <row r="4076" spans="1:7" x14ac:dyDescent="0.3">
      <c r="A4076" s="13" t="s">
        <v>44</v>
      </c>
      <c r="B4076" s="14" t="s">
        <v>1</v>
      </c>
      <c r="C4076" s="14" t="s">
        <v>38</v>
      </c>
      <c r="D4076" s="14" t="s">
        <v>45</v>
      </c>
      <c r="E4076" s="15">
        <v>45437</v>
      </c>
      <c r="F4076" s="14" t="s">
        <v>15</v>
      </c>
      <c r="G4076" s="16">
        <v>0.91065376152679622</v>
      </c>
    </row>
    <row r="4077" spans="1:7" x14ac:dyDescent="0.3">
      <c r="A4077" s="13" t="s">
        <v>44</v>
      </c>
      <c r="B4077" s="14" t="s">
        <v>1</v>
      </c>
      <c r="C4077" s="14" t="s">
        <v>38</v>
      </c>
      <c r="D4077" s="14" t="s">
        <v>45</v>
      </c>
      <c r="E4077" s="15">
        <v>45438</v>
      </c>
      <c r="F4077" s="14" t="s">
        <v>15</v>
      </c>
      <c r="G4077" s="16">
        <v>0.91065376152679622</v>
      </c>
    </row>
    <row r="4078" spans="1:7" x14ac:dyDescent="0.3">
      <c r="A4078" s="13" t="s">
        <v>44</v>
      </c>
      <c r="B4078" s="14" t="s">
        <v>1</v>
      </c>
      <c r="C4078" s="14" t="s">
        <v>38</v>
      </c>
      <c r="D4078" s="14" t="s">
        <v>45</v>
      </c>
      <c r="E4078" s="15">
        <v>45439</v>
      </c>
      <c r="F4078" s="14" t="s">
        <v>15</v>
      </c>
      <c r="G4078" s="16">
        <v>0.90999101554229023</v>
      </c>
    </row>
    <row r="4079" spans="1:7" x14ac:dyDescent="0.3">
      <c r="A4079" s="13" t="s">
        <v>44</v>
      </c>
      <c r="B4079" s="14" t="s">
        <v>1</v>
      </c>
      <c r="C4079" s="14" t="s">
        <v>38</v>
      </c>
      <c r="D4079" s="14" t="s">
        <v>45</v>
      </c>
      <c r="E4079" s="15">
        <v>45440</v>
      </c>
      <c r="F4079" s="14" t="s">
        <v>15</v>
      </c>
      <c r="G4079" s="16">
        <v>0.90801714455778415</v>
      </c>
    </row>
    <row r="4080" spans="1:7" x14ac:dyDescent="0.3">
      <c r="A4080" s="13" t="s">
        <v>44</v>
      </c>
      <c r="B4080" s="14" t="s">
        <v>1</v>
      </c>
      <c r="C4080" s="14" t="s">
        <v>38</v>
      </c>
      <c r="D4080" s="14" t="s">
        <v>45</v>
      </c>
      <c r="E4080" s="15">
        <v>45441</v>
      </c>
      <c r="F4080" s="14" t="s">
        <v>15</v>
      </c>
      <c r="G4080" s="16">
        <v>1.0081218360732782</v>
      </c>
    </row>
    <row r="4081" spans="1:7" x14ac:dyDescent="0.3">
      <c r="A4081" s="13" t="s">
        <v>44</v>
      </c>
      <c r="B4081" s="14" t="s">
        <v>1</v>
      </c>
      <c r="C4081" s="14" t="s">
        <v>38</v>
      </c>
      <c r="D4081" s="14" t="s">
        <v>45</v>
      </c>
      <c r="E4081" s="15">
        <v>45442</v>
      </c>
      <c r="F4081" s="14" t="s">
        <v>15</v>
      </c>
      <c r="G4081" s="16">
        <v>1.0579948400887722</v>
      </c>
    </row>
    <row r="4082" spans="1:7" x14ac:dyDescent="0.3">
      <c r="A4082" s="13" t="s">
        <v>44</v>
      </c>
      <c r="B4082" s="14" t="s">
        <v>1</v>
      </c>
      <c r="C4082" s="14" t="s">
        <v>38</v>
      </c>
      <c r="D4082" s="14" t="s">
        <v>45</v>
      </c>
      <c r="E4082" s="15">
        <v>45443</v>
      </c>
      <c r="F4082" s="14" t="s">
        <v>15</v>
      </c>
      <c r="G4082" s="16">
        <v>1.0574033441042663</v>
      </c>
    </row>
    <row r="4083" spans="1:7" x14ac:dyDescent="0.3">
      <c r="A4083" s="13" t="s">
        <v>44</v>
      </c>
      <c r="B4083" s="14" t="s">
        <v>1</v>
      </c>
      <c r="C4083" s="14" t="s">
        <v>38</v>
      </c>
      <c r="D4083" s="14" t="s">
        <v>45</v>
      </c>
      <c r="E4083" s="15">
        <v>45444</v>
      </c>
      <c r="F4083" s="14" t="s">
        <v>15</v>
      </c>
      <c r="G4083" s="16">
        <v>1.0574033441042663</v>
      </c>
    </row>
    <row r="4084" spans="1:7" x14ac:dyDescent="0.3">
      <c r="A4084" s="13" t="s">
        <v>44</v>
      </c>
      <c r="B4084" s="14" t="s">
        <v>1</v>
      </c>
      <c r="C4084" s="14" t="s">
        <v>38</v>
      </c>
      <c r="D4084" s="14" t="s">
        <v>45</v>
      </c>
      <c r="E4084" s="15">
        <v>45445</v>
      </c>
      <c r="F4084" s="14" t="s">
        <v>15</v>
      </c>
      <c r="G4084" s="16">
        <v>1.0574033441042663</v>
      </c>
    </row>
    <row r="4085" spans="1:7" x14ac:dyDescent="0.3">
      <c r="A4085" s="13" t="s">
        <v>44</v>
      </c>
      <c r="B4085" s="14" t="s">
        <v>1</v>
      </c>
      <c r="C4085" s="14" t="s">
        <v>38</v>
      </c>
      <c r="D4085" s="14" t="s">
        <v>45</v>
      </c>
      <c r="E4085" s="15">
        <v>45446</v>
      </c>
      <c r="F4085" s="14" t="s">
        <v>15</v>
      </c>
      <c r="G4085" s="16">
        <v>1.0574033441042663</v>
      </c>
    </row>
    <row r="4086" spans="1:7" x14ac:dyDescent="0.3">
      <c r="A4086" s="13" t="s">
        <v>44</v>
      </c>
      <c r="B4086" s="14" t="s">
        <v>1</v>
      </c>
      <c r="C4086" s="14" t="s">
        <v>38</v>
      </c>
      <c r="D4086" s="14" t="s">
        <v>45</v>
      </c>
      <c r="E4086" s="15">
        <v>45447</v>
      </c>
      <c r="F4086" s="14" t="s">
        <v>15</v>
      </c>
      <c r="G4086" s="16">
        <v>1.0567555356197602</v>
      </c>
    </row>
    <row r="4087" spans="1:7" x14ac:dyDescent="0.3">
      <c r="A4087" s="13" t="s">
        <v>44</v>
      </c>
      <c r="B4087" s="14" t="s">
        <v>1</v>
      </c>
      <c r="C4087" s="14" t="s">
        <v>38</v>
      </c>
      <c r="D4087" s="14" t="s">
        <v>45</v>
      </c>
      <c r="E4087" s="15">
        <v>45448</v>
      </c>
      <c r="F4087" s="14" t="s">
        <v>15</v>
      </c>
      <c r="G4087" s="16">
        <v>1.0552294146352543</v>
      </c>
    </row>
    <row r="4088" spans="1:7" x14ac:dyDescent="0.3">
      <c r="A4088" s="13" t="s">
        <v>44</v>
      </c>
      <c r="B4088" s="14" t="s">
        <v>1</v>
      </c>
      <c r="C4088" s="14" t="s">
        <v>38</v>
      </c>
      <c r="D4088" s="14" t="s">
        <v>45</v>
      </c>
      <c r="E4088" s="15">
        <v>45449</v>
      </c>
      <c r="F4088" s="14" t="s">
        <v>15</v>
      </c>
      <c r="G4088" s="16">
        <v>1.1258314811507484</v>
      </c>
    </row>
    <row r="4089" spans="1:7" x14ac:dyDescent="0.3">
      <c r="A4089" s="13" t="s">
        <v>44</v>
      </c>
      <c r="B4089" s="14" t="s">
        <v>1</v>
      </c>
      <c r="C4089" s="14" t="s">
        <v>38</v>
      </c>
      <c r="D4089" s="14" t="s">
        <v>45</v>
      </c>
      <c r="E4089" s="15">
        <v>45450</v>
      </c>
      <c r="F4089" s="14" t="s">
        <v>15</v>
      </c>
      <c r="G4089" s="16">
        <v>1.1251662976662424</v>
      </c>
    </row>
    <row r="4090" spans="1:7" x14ac:dyDescent="0.3">
      <c r="A4090" s="13" t="s">
        <v>44</v>
      </c>
      <c r="B4090" s="14" t="s">
        <v>1</v>
      </c>
      <c r="C4090" s="14" t="s">
        <v>38</v>
      </c>
      <c r="D4090" s="14" t="s">
        <v>45</v>
      </c>
      <c r="E4090" s="15">
        <v>45451</v>
      </c>
      <c r="F4090" s="14" t="s">
        <v>15</v>
      </c>
      <c r="G4090" s="16">
        <v>1.1251662976662424</v>
      </c>
    </row>
    <row r="4091" spans="1:7" x14ac:dyDescent="0.3">
      <c r="A4091" s="13" t="s">
        <v>44</v>
      </c>
      <c r="B4091" s="14" t="s">
        <v>1</v>
      </c>
      <c r="C4091" s="14" t="s">
        <v>38</v>
      </c>
      <c r="D4091" s="14" t="s">
        <v>45</v>
      </c>
      <c r="E4091" s="15">
        <v>45452</v>
      </c>
      <c r="F4091" s="14" t="s">
        <v>15</v>
      </c>
      <c r="G4091" s="16">
        <v>1.1251662976662424</v>
      </c>
    </row>
    <row r="4092" spans="1:7" x14ac:dyDescent="0.3">
      <c r="A4092" s="13" t="s">
        <v>44</v>
      </c>
      <c r="B4092" s="14" t="s">
        <v>1</v>
      </c>
      <c r="C4092" s="14" t="s">
        <v>38</v>
      </c>
      <c r="D4092" s="14" t="s">
        <v>45</v>
      </c>
      <c r="E4092" s="15">
        <v>45453</v>
      </c>
      <c r="F4092" s="14" t="s">
        <v>15</v>
      </c>
      <c r="G4092" s="16">
        <v>1.1314537391817365</v>
      </c>
    </row>
    <row r="4093" spans="1:7" x14ac:dyDescent="0.3">
      <c r="A4093" s="13" t="s">
        <v>44</v>
      </c>
      <c r="B4093" s="14" t="s">
        <v>1</v>
      </c>
      <c r="C4093" s="14" t="s">
        <v>38</v>
      </c>
      <c r="D4093" s="14" t="s">
        <v>45</v>
      </c>
      <c r="E4093" s="15">
        <v>45454</v>
      </c>
      <c r="F4093" s="14" t="s">
        <v>15</v>
      </c>
      <c r="G4093" s="16">
        <v>1.1294502431972304</v>
      </c>
    </row>
    <row r="4094" spans="1:7" x14ac:dyDescent="0.3">
      <c r="A4094" s="13" t="s">
        <v>44</v>
      </c>
      <c r="B4094" s="14" t="s">
        <v>1</v>
      </c>
      <c r="C4094" s="14" t="s">
        <v>38</v>
      </c>
      <c r="D4094" s="14" t="s">
        <v>45</v>
      </c>
      <c r="E4094" s="15">
        <v>45455</v>
      </c>
      <c r="F4094" s="14" t="s">
        <v>15</v>
      </c>
      <c r="G4094" s="16">
        <v>1.1804318097127244</v>
      </c>
    </row>
    <row r="4095" spans="1:7" x14ac:dyDescent="0.3">
      <c r="A4095" s="13" t="s">
        <v>44</v>
      </c>
      <c r="B4095" s="14" t="s">
        <v>1</v>
      </c>
      <c r="C4095" s="14" t="s">
        <v>38</v>
      </c>
      <c r="D4095" s="14" t="s">
        <v>45</v>
      </c>
      <c r="E4095" s="15">
        <v>45456</v>
      </c>
      <c r="F4095" s="14" t="s">
        <v>15</v>
      </c>
      <c r="G4095" s="16">
        <v>1.1797678137282184</v>
      </c>
    </row>
    <row r="4096" spans="1:7" x14ac:dyDescent="0.3">
      <c r="A4096" s="13" t="s">
        <v>44</v>
      </c>
      <c r="B4096" s="14" t="s">
        <v>1</v>
      </c>
      <c r="C4096" s="14" t="s">
        <v>38</v>
      </c>
      <c r="D4096" s="14" t="s">
        <v>45</v>
      </c>
      <c r="E4096" s="15">
        <v>45457</v>
      </c>
      <c r="F4096" s="14" t="s">
        <v>15</v>
      </c>
      <c r="G4096" s="16">
        <v>1.2030066927437124</v>
      </c>
    </row>
    <row r="4097" spans="1:7" x14ac:dyDescent="0.3">
      <c r="A4097" s="13" t="s">
        <v>44</v>
      </c>
      <c r="B4097" s="14" t="s">
        <v>1</v>
      </c>
      <c r="C4097" s="14" t="s">
        <v>38</v>
      </c>
      <c r="D4097" s="14" t="s">
        <v>45</v>
      </c>
      <c r="E4097" s="15">
        <v>45458</v>
      </c>
      <c r="F4097" s="14" t="s">
        <v>15</v>
      </c>
      <c r="G4097" s="16">
        <v>1.2030066927437124</v>
      </c>
    </row>
    <row r="4098" spans="1:7" x14ac:dyDescent="0.3">
      <c r="A4098" s="13" t="s">
        <v>44</v>
      </c>
      <c r="B4098" s="14" t="s">
        <v>1</v>
      </c>
      <c r="C4098" s="14" t="s">
        <v>38</v>
      </c>
      <c r="D4098" s="14" t="s">
        <v>45</v>
      </c>
      <c r="E4098" s="15">
        <v>45459</v>
      </c>
      <c r="F4098" s="14" t="s">
        <v>15</v>
      </c>
      <c r="G4098" s="16">
        <v>1.2030066927437124</v>
      </c>
    </row>
    <row r="4099" spans="1:7" x14ac:dyDescent="0.3">
      <c r="A4099" s="13" t="s">
        <v>44</v>
      </c>
      <c r="B4099" s="14" t="s">
        <v>1</v>
      </c>
      <c r="C4099" s="14" t="s">
        <v>38</v>
      </c>
      <c r="D4099" s="14" t="s">
        <v>45</v>
      </c>
      <c r="E4099" s="15">
        <v>45460</v>
      </c>
      <c r="F4099" s="14" t="s">
        <v>15</v>
      </c>
      <c r="G4099" s="16">
        <v>1.2030066927437124</v>
      </c>
    </row>
    <row r="4100" spans="1:7" x14ac:dyDescent="0.3">
      <c r="A4100" s="13" t="s">
        <v>44</v>
      </c>
      <c r="B4100" s="14" t="s">
        <v>1</v>
      </c>
      <c r="C4100" s="14" t="s">
        <v>38</v>
      </c>
      <c r="D4100" s="14" t="s">
        <v>45</v>
      </c>
      <c r="E4100" s="15">
        <v>45461</v>
      </c>
      <c r="F4100" s="14" t="s">
        <v>15</v>
      </c>
      <c r="G4100" s="16">
        <v>1.2023331342592065</v>
      </c>
    </row>
    <row r="4101" spans="1:7" x14ac:dyDescent="0.3">
      <c r="A4101" s="13" t="s">
        <v>44</v>
      </c>
      <c r="B4101" s="14" t="s">
        <v>1</v>
      </c>
      <c r="C4101" s="14" t="s">
        <v>38</v>
      </c>
      <c r="D4101" s="14" t="s">
        <v>45</v>
      </c>
      <c r="E4101" s="15">
        <v>45462</v>
      </c>
      <c r="F4101" s="14" t="s">
        <v>15</v>
      </c>
      <c r="G4101" s="16">
        <v>1.2520808882747003</v>
      </c>
    </row>
    <row r="4102" spans="1:7" x14ac:dyDescent="0.3">
      <c r="A4102" s="13" t="s">
        <v>44</v>
      </c>
      <c r="B4102" s="14" t="s">
        <v>1</v>
      </c>
      <c r="C4102" s="14" t="s">
        <v>38</v>
      </c>
      <c r="D4102" s="14" t="s">
        <v>45</v>
      </c>
      <c r="E4102" s="15">
        <v>45463</v>
      </c>
      <c r="F4102" s="14" t="s">
        <v>15</v>
      </c>
      <c r="G4102" s="16">
        <v>1.2514055797901944</v>
      </c>
    </row>
    <row r="4103" spans="1:7" x14ac:dyDescent="0.3">
      <c r="A4103" s="13" t="s">
        <v>44</v>
      </c>
      <c r="B4103" s="14" t="s">
        <v>1</v>
      </c>
      <c r="C4103" s="14" t="s">
        <v>38</v>
      </c>
      <c r="D4103" s="14" t="s">
        <v>45</v>
      </c>
      <c r="E4103" s="15">
        <v>45464</v>
      </c>
      <c r="F4103" s="14" t="s">
        <v>15</v>
      </c>
      <c r="G4103" s="16">
        <v>1.2507216463056885</v>
      </c>
    </row>
    <row r="4104" spans="1:7" x14ac:dyDescent="0.3">
      <c r="A4104" s="13" t="s">
        <v>44</v>
      </c>
      <c r="B4104" s="14" t="s">
        <v>1</v>
      </c>
      <c r="C4104" s="14" t="s">
        <v>38</v>
      </c>
      <c r="D4104" s="14" t="s">
        <v>45</v>
      </c>
      <c r="E4104" s="15">
        <v>45465</v>
      </c>
      <c r="F4104" s="14" t="s">
        <v>15</v>
      </c>
      <c r="G4104" s="16">
        <v>1.2507216463056885</v>
      </c>
    </row>
    <row r="4105" spans="1:7" x14ac:dyDescent="0.3">
      <c r="A4105" s="13" t="s">
        <v>44</v>
      </c>
      <c r="B4105" s="14" t="s">
        <v>1</v>
      </c>
      <c r="C4105" s="14" t="s">
        <v>38</v>
      </c>
      <c r="D4105" s="14" t="s">
        <v>45</v>
      </c>
      <c r="E4105" s="15">
        <v>45466</v>
      </c>
      <c r="F4105" s="14" t="s">
        <v>15</v>
      </c>
      <c r="G4105" s="16">
        <v>1.2507216463056885</v>
      </c>
    </row>
    <row r="4106" spans="1:7" x14ac:dyDescent="0.3">
      <c r="A4106" s="13" t="s">
        <v>44</v>
      </c>
      <c r="B4106" s="14" t="s">
        <v>1</v>
      </c>
      <c r="C4106" s="14" t="s">
        <v>38</v>
      </c>
      <c r="D4106" s="14" t="s">
        <v>45</v>
      </c>
      <c r="E4106" s="15">
        <v>45467</v>
      </c>
      <c r="F4106" s="14" t="s">
        <v>15</v>
      </c>
      <c r="G4106" s="16">
        <v>1.2500374003211825</v>
      </c>
    </row>
    <row r="4107" spans="1:7" x14ac:dyDescent="0.3">
      <c r="A4107" s="13" t="s">
        <v>44</v>
      </c>
      <c r="B4107" s="14" t="s">
        <v>1</v>
      </c>
      <c r="C4107" s="14" t="s">
        <v>38</v>
      </c>
      <c r="D4107" s="14" t="s">
        <v>45</v>
      </c>
      <c r="E4107" s="15">
        <v>45468</v>
      </c>
      <c r="F4107" s="14" t="s">
        <v>15</v>
      </c>
      <c r="G4107" s="16">
        <v>1.2480013418366764</v>
      </c>
    </row>
    <row r="4108" spans="1:7" x14ac:dyDescent="0.3">
      <c r="A4108" s="13" t="s">
        <v>44</v>
      </c>
      <c r="B4108" s="14" t="s">
        <v>1</v>
      </c>
      <c r="C4108" s="14" t="s">
        <v>38</v>
      </c>
      <c r="D4108" s="14" t="s">
        <v>45</v>
      </c>
      <c r="E4108" s="15">
        <v>45469</v>
      </c>
      <c r="F4108" s="14" t="s">
        <v>15</v>
      </c>
      <c r="G4108" s="16">
        <v>1.2473255958521705</v>
      </c>
    </row>
    <row r="4109" spans="1:7" x14ac:dyDescent="0.3">
      <c r="A4109" s="13" t="s">
        <v>44</v>
      </c>
      <c r="B4109" s="14" t="s">
        <v>1</v>
      </c>
      <c r="C4109" s="14" t="s">
        <v>38</v>
      </c>
      <c r="D4109" s="14" t="s">
        <v>45</v>
      </c>
      <c r="E4109" s="15">
        <v>45470</v>
      </c>
      <c r="F4109" s="14" t="s">
        <v>15</v>
      </c>
      <c r="G4109" s="16">
        <v>1.2466487248676643</v>
      </c>
    </row>
    <row r="4110" spans="1:7" x14ac:dyDescent="0.3">
      <c r="A4110" s="13" t="s">
        <v>44</v>
      </c>
      <c r="B4110" s="14" t="s">
        <v>1</v>
      </c>
      <c r="C4110" s="14" t="s">
        <v>38</v>
      </c>
      <c r="D4110" s="14" t="s">
        <v>45</v>
      </c>
      <c r="E4110" s="15">
        <v>45471</v>
      </c>
      <c r="F4110" s="14" t="s">
        <v>15</v>
      </c>
      <c r="G4110" s="16">
        <v>1.2676845413831583</v>
      </c>
    </row>
    <row r="4111" spans="1:7" x14ac:dyDescent="0.3">
      <c r="A4111" s="13" t="s">
        <v>44</v>
      </c>
      <c r="B4111" s="14" t="s">
        <v>1</v>
      </c>
      <c r="C4111" s="14" t="s">
        <v>38</v>
      </c>
      <c r="D4111" s="14" t="s">
        <v>45</v>
      </c>
      <c r="E4111" s="15">
        <v>45472</v>
      </c>
      <c r="F4111" s="14" t="s">
        <v>15</v>
      </c>
      <c r="G4111" s="16">
        <v>1.2676845413831583</v>
      </c>
    </row>
    <row r="4112" spans="1:7" x14ac:dyDescent="0.3">
      <c r="A4112" s="13" t="s">
        <v>44</v>
      </c>
      <c r="B4112" s="14" t="s">
        <v>1</v>
      </c>
      <c r="C4112" s="14" t="s">
        <v>38</v>
      </c>
      <c r="D4112" s="14" t="s">
        <v>45</v>
      </c>
      <c r="E4112" s="15">
        <v>45473</v>
      </c>
      <c r="F4112" s="14" t="s">
        <v>15</v>
      </c>
      <c r="G4112" s="16">
        <v>1.2676845413831583</v>
      </c>
    </row>
    <row r="4113" spans="1:7" x14ac:dyDescent="0.3">
      <c r="A4113" s="13" t="s">
        <v>44</v>
      </c>
      <c r="B4113" s="14" t="s">
        <v>1</v>
      </c>
      <c r="C4113" s="14" t="s">
        <v>38</v>
      </c>
      <c r="D4113" s="14" t="s">
        <v>45</v>
      </c>
      <c r="E4113" s="15">
        <v>45474</v>
      </c>
      <c r="F4113" s="14" t="s">
        <v>15</v>
      </c>
      <c r="G4113" s="16">
        <v>1.2670032328986522</v>
      </c>
    </row>
    <row r="4114" spans="1:7" x14ac:dyDescent="0.3">
      <c r="A4114" s="13" t="s">
        <v>44</v>
      </c>
      <c r="B4114" s="14" t="s">
        <v>1</v>
      </c>
      <c r="C4114" s="14" t="s">
        <v>38</v>
      </c>
      <c r="D4114" s="14" t="s">
        <v>45</v>
      </c>
      <c r="E4114" s="15">
        <v>45475</v>
      </c>
      <c r="F4114" s="14" t="s">
        <v>15</v>
      </c>
      <c r="G4114" s="16">
        <v>1.2649422369141463</v>
      </c>
    </row>
    <row r="4115" spans="1:7" x14ac:dyDescent="0.3">
      <c r="A4115" s="13" t="s">
        <v>44</v>
      </c>
      <c r="B4115" s="14" t="s">
        <v>1</v>
      </c>
      <c r="C4115" s="14" t="s">
        <v>38</v>
      </c>
      <c r="D4115" s="14" t="s">
        <v>45</v>
      </c>
      <c r="E4115" s="15">
        <v>45476</v>
      </c>
      <c r="F4115" s="14" t="s">
        <v>15</v>
      </c>
      <c r="G4115" s="16">
        <v>1.2642013034296402</v>
      </c>
    </row>
    <row r="4116" spans="1:7" x14ac:dyDescent="0.3">
      <c r="A4116" s="13" t="s">
        <v>44</v>
      </c>
      <c r="B4116" s="14" t="s">
        <v>1</v>
      </c>
      <c r="C4116" s="14" t="s">
        <v>38</v>
      </c>
      <c r="D4116" s="14" t="s">
        <v>45</v>
      </c>
      <c r="E4116" s="15">
        <v>45477</v>
      </c>
      <c r="F4116" s="14" t="s">
        <v>15</v>
      </c>
      <c r="G4116" s="16">
        <v>1.2634635574451343</v>
      </c>
    </row>
    <row r="4117" spans="1:7" x14ac:dyDescent="0.3">
      <c r="A4117" s="13" t="s">
        <v>44</v>
      </c>
      <c r="B4117" s="14" t="s">
        <v>1</v>
      </c>
      <c r="C4117" s="14" t="s">
        <v>38</v>
      </c>
      <c r="D4117" s="14" t="s">
        <v>45</v>
      </c>
      <c r="E4117" s="15">
        <v>45478</v>
      </c>
      <c r="F4117" s="14" t="s">
        <v>15</v>
      </c>
      <c r="G4117" s="16">
        <v>1.3711456864606282</v>
      </c>
    </row>
    <row r="4118" spans="1:7" x14ac:dyDescent="0.3">
      <c r="A4118" s="13" t="s">
        <v>44</v>
      </c>
      <c r="B4118" s="14" t="s">
        <v>1</v>
      </c>
      <c r="C4118" s="14" t="s">
        <v>38</v>
      </c>
      <c r="D4118" s="14" t="s">
        <v>45</v>
      </c>
      <c r="E4118" s="15">
        <v>45479</v>
      </c>
      <c r="F4118" s="14" t="s">
        <v>15</v>
      </c>
      <c r="G4118" s="16">
        <v>1.3711456864606282</v>
      </c>
    </row>
    <row r="4119" spans="1:7" x14ac:dyDescent="0.3">
      <c r="A4119" s="13" t="s">
        <v>44</v>
      </c>
      <c r="B4119" s="14" t="s">
        <v>1</v>
      </c>
      <c r="C4119" s="14" t="s">
        <v>38</v>
      </c>
      <c r="D4119" s="14" t="s">
        <v>45</v>
      </c>
      <c r="E4119" s="15">
        <v>45480</v>
      </c>
      <c r="F4119" s="14" t="s">
        <v>15</v>
      </c>
      <c r="G4119" s="16">
        <v>1.3711456864606282</v>
      </c>
    </row>
    <row r="4120" spans="1:7" x14ac:dyDescent="0.3">
      <c r="A4120" s="13" t="s">
        <v>44</v>
      </c>
      <c r="B4120" s="14" t="s">
        <v>1</v>
      </c>
      <c r="C4120" s="14" t="s">
        <v>38</v>
      </c>
      <c r="D4120" s="14" t="s">
        <v>45</v>
      </c>
      <c r="E4120" s="15">
        <v>45481</v>
      </c>
      <c r="F4120" s="14" t="s">
        <v>15</v>
      </c>
      <c r="G4120" s="16">
        <v>1.3845740029761222</v>
      </c>
    </row>
    <row r="4121" spans="1:7" x14ac:dyDescent="0.3">
      <c r="A4121" s="13" t="s">
        <v>44</v>
      </c>
      <c r="B4121" s="14" t="s">
        <v>1</v>
      </c>
      <c r="C4121" s="14" t="s">
        <v>38</v>
      </c>
      <c r="D4121" s="14" t="s">
        <v>45</v>
      </c>
      <c r="E4121" s="15">
        <v>45482</v>
      </c>
      <c r="F4121" s="14" t="s">
        <v>15</v>
      </c>
      <c r="G4121" s="16">
        <v>1.3823281944916161</v>
      </c>
    </row>
    <row r="4122" spans="1:7" x14ac:dyDescent="0.3">
      <c r="A4122" s="13" t="s">
        <v>44</v>
      </c>
      <c r="B4122" s="14" t="s">
        <v>1</v>
      </c>
      <c r="C4122" s="14" t="s">
        <v>38</v>
      </c>
      <c r="D4122" s="14" t="s">
        <v>45</v>
      </c>
      <c r="E4122" s="15">
        <v>45483</v>
      </c>
      <c r="F4122" s="14" t="s">
        <v>15</v>
      </c>
      <c r="G4122" s="16">
        <v>1.3815783860071102</v>
      </c>
    </row>
    <row r="4123" spans="1:7" x14ac:dyDescent="0.3">
      <c r="A4123" s="13" t="s">
        <v>44</v>
      </c>
      <c r="B4123" s="14" t="s">
        <v>1</v>
      </c>
      <c r="C4123" s="14" t="s">
        <v>38</v>
      </c>
      <c r="D4123" s="14" t="s">
        <v>45</v>
      </c>
      <c r="E4123" s="15">
        <v>45484</v>
      </c>
      <c r="F4123" s="14" t="s">
        <v>15</v>
      </c>
      <c r="G4123" s="16">
        <v>1.5042177025226042</v>
      </c>
    </row>
    <row r="4124" spans="1:7" x14ac:dyDescent="0.3">
      <c r="A4124" s="13" t="s">
        <v>44</v>
      </c>
      <c r="B4124" s="14" t="s">
        <v>1</v>
      </c>
      <c r="C4124" s="14" t="s">
        <v>38</v>
      </c>
      <c r="D4124" s="14" t="s">
        <v>45</v>
      </c>
      <c r="E4124" s="15">
        <v>45485</v>
      </c>
      <c r="F4124" s="14" t="s">
        <v>15</v>
      </c>
      <c r="G4124" s="16">
        <v>1.5323524565380984</v>
      </c>
    </row>
    <row r="4125" spans="1:7" x14ac:dyDescent="0.3">
      <c r="A4125" s="13" t="s">
        <v>44</v>
      </c>
      <c r="B4125" s="14" t="s">
        <v>1</v>
      </c>
      <c r="C4125" s="14" t="s">
        <v>38</v>
      </c>
      <c r="D4125" s="14" t="s">
        <v>45</v>
      </c>
      <c r="E4125" s="15">
        <v>45486</v>
      </c>
      <c r="F4125" s="14" t="s">
        <v>15</v>
      </c>
      <c r="G4125" s="16">
        <v>1.5323524565380984</v>
      </c>
    </row>
    <row r="4126" spans="1:7" x14ac:dyDescent="0.3">
      <c r="A4126" s="13" t="s">
        <v>44</v>
      </c>
      <c r="B4126" s="14" t="s">
        <v>1</v>
      </c>
      <c r="C4126" s="14" t="s">
        <v>38</v>
      </c>
      <c r="D4126" s="14" t="s">
        <v>45</v>
      </c>
      <c r="E4126" s="15">
        <v>45487</v>
      </c>
      <c r="F4126" s="14" t="s">
        <v>15</v>
      </c>
      <c r="G4126" s="16">
        <v>1.5323524565380984</v>
      </c>
    </row>
    <row r="4127" spans="1:7" x14ac:dyDescent="0.3">
      <c r="A4127" s="13" t="s">
        <v>44</v>
      </c>
      <c r="B4127" s="14" t="s">
        <v>1</v>
      </c>
      <c r="C4127" s="14" t="s">
        <v>38</v>
      </c>
      <c r="D4127" s="14" t="s">
        <v>45</v>
      </c>
      <c r="E4127" s="15">
        <v>45488</v>
      </c>
      <c r="F4127" s="14" t="s">
        <v>15</v>
      </c>
      <c r="G4127" s="16">
        <v>1.5315965230535924</v>
      </c>
    </row>
    <row r="4128" spans="1:7" x14ac:dyDescent="0.3">
      <c r="A4128" s="13" t="s">
        <v>44</v>
      </c>
      <c r="B4128" s="14" t="s">
        <v>1</v>
      </c>
      <c r="C4128" s="14" t="s">
        <v>38</v>
      </c>
      <c r="D4128" s="14" t="s">
        <v>45</v>
      </c>
      <c r="E4128" s="15">
        <v>45489</v>
      </c>
      <c r="F4128" s="14" t="s">
        <v>15</v>
      </c>
      <c r="G4128" s="16">
        <v>1.5293354645690862</v>
      </c>
    </row>
    <row r="4129" spans="1:7" x14ac:dyDescent="0.3">
      <c r="A4129" s="13" t="s">
        <v>44</v>
      </c>
      <c r="B4129" s="14" t="s">
        <v>1</v>
      </c>
      <c r="C4129" s="14" t="s">
        <v>38</v>
      </c>
      <c r="D4129" s="14" t="s">
        <v>45</v>
      </c>
      <c r="E4129" s="15">
        <v>45490</v>
      </c>
      <c r="F4129" s="14" t="s">
        <v>15</v>
      </c>
      <c r="G4129" s="16">
        <v>1.5966374060845803</v>
      </c>
    </row>
    <row r="4130" spans="1:7" x14ac:dyDescent="0.3">
      <c r="A4130" s="13" t="s">
        <v>44</v>
      </c>
      <c r="B4130" s="14" t="s">
        <v>1</v>
      </c>
      <c r="C4130" s="14" t="s">
        <v>38</v>
      </c>
      <c r="D4130" s="14" t="s">
        <v>45</v>
      </c>
      <c r="E4130" s="15">
        <v>45491</v>
      </c>
      <c r="F4130" s="14" t="s">
        <v>15</v>
      </c>
      <c r="G4130" s="16">
        <v>1.5958859726000743</v>
      </c>
    </row>
    <row r="4131" spans="1:7" x14ac:dyDescent="0.3">
      <c r="A4131" s="13" t="s">
        <v>44</v>
      </c>
      <c r="B4131" s="14" t="s">
        <v>1</v>
      </c>
      <c r="C4131" s="14" t="s">
        <v>38</v>
      </c>
      <c r="D4131" s="14" t="s">
        <v>45</v>
      </c>
      <c r="E4131" s="15">
        <v>45492</v>
      </c>
      <c r="F4131" s="14" t="s">
        <v>15</v>
      </c>
      <c r="G4131" s="16">
        <v>1.5951356641155683</v>
      </c>
    </row>
    <row r="4132" spans="1:7" x14ac:dyDescent="0.3">
      <c r="A4132" s="13" t="s">
        <v>44</v>
      </c>
      <c r="B4132" s="14" t="s">
        <v>1</v>
      </c>
      <c r="C4132" s="14" t="s">
        <v>38</v>
      </c>
      <c r="D4132" s="14" t="s">
        <v>45</v>
      </c>
      <c r="E4132" s="15">
        <v>45493</v>
      </c>
      <c r="F4132" s="14" t="s">
        <v>15</v>
      </c>
      <c r="G4132" s="16">
        <v>1.5951356641155683</v>
      </c>
    </row>
    <row r="4133" spans="1:7" x14ac:dyDescent="0.3">
      <c r="A4133" s="13" t="s">
        <v>44</v>
      </c>
      <c r="B4133" s="14" t="s">
        <v>1</v>
      </c>
      <c r="C4133" s="14" t="s">
        <v>38</v>
      </c>
      <c r="D4133" s="14" t="s">
        <v>45</v>
      </c>
      <c r="E4133" s="15">
        <v>45494</v>
      </c>
      <c r="F4133" s="14" t="s">
        <v>15</v>
      </c>
      <c r="G4133" s="16">
        <v>1.5951356641155683</v>
      </c>
    </row>
    <row r="4134" spans="1:7" x14ac:dyDescent="0.3">
      <c r="A4134" s="13" t="s">
        <v>44</v>
      </c>
      <c r="B4134" s="14" t="s">
        <v>1</v>
      </c>
      <c r="C4134" s="14" t="s">
        <v>38</v>
      </c>
      <c r="D4134" s="14" t="s">
        <v>45</v>
      </c>
      <c r="E4134" s="15">
        <v>45495</v>
      </c>
      <c r="F4134" s="14" t="s">
        <v>15</v>
      </c>
      <c r="G4134" s="16">
        <v>1.5943897931310622</v>
      </c>
    </row>
    <row r="4135" spans="1:7" x14ac:dyDescent="0.3">
      <c r="A4135" s="13" t="s">
        <v>44</v>
      </c>
      <c r="B4135" s="14" t="s">
        <v>1</v>
      </c>
      <c r="C4135" s="14" t="s">
        <v>38</v>
      </c>
      <c r="D4135" s="14" t="s">
        <v>45</v>
      </c>
      <c r="E4135" s="15">
        <v>45496</v>
      </c>
      <c r="F4135" s="14" t="s">
        <v>15</v>
      </c>
      <c r="G4135" s="16">
        <v>1.5921796721465564</v>
      </c>
    </row>
    <row r="4136" spans="1:7" x14ac:dyDescent="0.3">
      <c r="A4136" s="13" t="s">
        <v>44</v>
      </c>
      <c r="B4136" s="14" t="s">
        <v>1</v>
      </c>
      <c r="C4136" s="14" t="s">
        <v>38</v>
      </c>
      <c r="D4136" s="14" t="s">
        <v>45</v>
      </c>
      <c r="E4136" s="15">
        <v>45497</v>
      </c>
      <c r="F4136" s="14" t="s">
        <v>15</v>
      </c>
      <c r="G4136" s="16">
        <v>1.5914503636620505</v>
      </c>
    </row>
    <row r="4137" spans="1:7" x14ac:dyDescent="0.3">
      <c r="A4137" s="13" t="s">
        <v>44</v>
      </c>
      <c r="B4137" s="14" t="s">
        <v>1</v>
      </c>
      <c r="C4137" s="14" t="s">
        <v>38</v>
      </c>
      <c r="D4137" s="14" t="s">
        <v>45</v>
      </c>
      <c r="E4137" s="15">
        <v>45498</v>
      </c>
      <c r="F4137" s="14" t="s">
        <v>15</v>
      </c>
      <c r="G4137" s="16">
        <v>1.5907149926775443</v>
      </c>
    </row>
    <row r="4138" spans="1:7" x14ac:dyDescent="0.3">
      <c r="A4138" s="13" t="s">
        <v>44</v>
      </c>
      <c r="B4138" s="14" t="s">
        <v>1</v>
      </c>
      <c r="C4138" s="14" t="s">
        <v>38</v>
      </c>
      <c r="D4138" s="14" t="s">
        <v>45</v>
      </c>
      <c r="E4138" s="15">
        <v>45499</v>
      </c>
      <c r="F4138" s="14" t="s">
        <v>15</v>
      </c>
      <c r="G4138" s="16">
        <v>1.5899864966930386</v>
      </c>
    </row>
    <row r="4139" spans="1:7" x14ac:dyDescent="0.3">
      <c r="A4139" s="13" t="s">
        <v>44</v>
      </c>
      <c r="B4139" s="14" t="s">
        <v>1</v>
      </c>
      <c r="C4139" s="14" t="s">
        <v>38</v>
      </c>
      <c r="D4139" s="14" t="s">
        <v>45</v>
      </c>
      <c r="E4139" s="15">
        <v>45500</v>
      </c>
      <c r="F4139" s="14" t="s">
        <v>15</v>
      </c>
      <c r="G4139" s="16">
        <v>1.5899864966930386</v>
      </c>
    </row>
    <row r="4140" spans="1:7" x14ac:dyDescent="0.3">
      <c r="A4140" s="13" t="s">
        <v>44</v>
      </c>
      <c r="B4140" s="14" t="s">
        <v>1</v>
      </c>
      <c r="C4140" s="14" t="s">
        <v>38</v>
      </c>
      <c r="D4140" s="14" t="s">
        <v>45</v>
      </c>
      <c r="E4140" s="15">
        <v>45501</v>
      </c>
      <c r="F4140" s="14" t="s">
        <v>15</v>
      </c>
      <c r="G4140" s="16">
        <v>1.5899864966930386</v>
      </c>
    </row>
    <row r="4141" spans="1:7" x14ac:dyDescent="0.3">
      <c r="A4141" s="13" t="s">
        <v>44</v>
      </c>
      <c r="B4141" s="14" t="s">
        <v>1</v>
      </c>
      <c r="C4141" s="14" t="s">
        <v>38</v>
      </c>
      <c r="D4141" s="14" t="s">
        <v>45</v>
      </c>
      <c r="E4141" s="15">
        <v>45502</v>
      </c>
      <c r="F4141" s="14" t="s">
        <v>15</v>
      </c>
      <c r="G4141" s="16">
        <v>1.6280540007085325</v>
      </c>
    </row>
    <row r="4142" spans="1:7" x14ac:dyDescent="0.3">
      <c r="A4142" s="13" t="s">
        <v>44</v>
      </c>
      <c r="B4142" s="14" t="s">
        <v>1</v>
      </c>
      <c r="C4142" s="14" t="s">
        <v>38</v>
      </c>
      <c r="D4142" s="14" t="s">
        <v>45</v>
      </c>
      <c r="E4142" s="15">
        <v>45503</v>
      </c>
      <c r="F4142" s="14" t="s">
        <v>15</v>
      </c>
      <c r="G4142" s="16">
        <v>1.6259022547240265</v>
      </c>
    </row>
    <row r="4143" spans="1:7" x14ac:dyDescent="0.3">
      <c r="A4143" s="13" t="s">
        <v>44</v>
      </c>
      <c r="B4143" s="14" t="s">
        <v>1</v>
      </c>
      <c r="C4143" s="14" t="s">
        <v>38</v>
      </c>
      <c r="D4143" s="14" t="s">
        <v>45</v>
      </c>
      <c r="E4143" s="15">
        <v>45504</v>
      </c>
      <c r="F4143" s="14" t="s">
        <v>15</v>
      </c>
      <c r="G4143" s="16">
        <v>1.6251853212395204</v>
      </c>
    </row>
    <row r="4144" spans="1:7" x14ac:dyDescent="0.3">
      <c r="A4144" s="13" t="s">
        <v>44</v>
      </c>
      <c r="B4144" s="14" t="s">
        <v>1</v>
      </c>
      <c r="C4144" s="14" t="s">
        <v>38</v>
      </c>
      <c r="D4144" s="14" t="s">
        <v>45</v>
      </c>
      <c r="E4144" s="15">
        <v>45505</v>
      </c>
      <c r="F4144" s="14" t="s">
        <v>15</v>
      </c>
      <c r="G4144" s="16">
        <v>1.6244695127550146</v>
      </c>
    </row>
    <row r="4145" spans="1:7" x14ac:dyDescent="0.3">
      <c r="A4145" s="13" t="s">
        <v>44</v>
      </c>
      <c r="B4145" s="14" t="s">
        <v>1</v>
      </c>
      <c r="C4145" s="14" t="s">
        <v>38</v>
      </c>
      <c r="D4145" s="14" t="s">
        <v>45</v>
      </c>
      <c r="E4145" s="15">
        <v>45506</v>
      </c>
      <c r="F4145" s="14" t="s">
        <v>15</v>
      </c>
      <c r="G4145" s="16">
        <v>1.6237884542705086</v>
      </c>
    </row>
    <row r="4146" spans="1:7" x14ac:dyDescent="0.3">
      <c r="A4146" s="13" t="s">
        <v>44</v>
      </c>
      <c r="B4146" s="14" t="s">
        <v>1</v>
      </c>
      <c r="C4146" s="14" t="s">
        <v>38</v>
      </c>
      <c r="D4146" s="14" t="s">
        <v>45</v>
      </c>
      <c r="E4146" s="15">
        <v>45507</v>
      </c>
      <c r="F4146" s="14" t="s">
        <v>15</v>
      </c>
      <c r="G4146" s="16">
        <v>1.6237884542705086</v>
      </c>
    </row>
    <row r="4147" spans="1:7" x14ac:dyDescent="0.3">
      <c r="A4147" s="13" t="s">
        <v>44</v>
      </c>
      <c r="B4147" s="14" t="s">
        <v>1</v>
      </c>
      <c r="C4147" s="14" t="s">
        <v>38</v>
      </c>
      <c r="D4147" s="14" t="s">
        <v>45</v>
      </c>
      <c r="E4147" s="15">
        <v>45508</v>
      </c>
      <c r="F4147" s="14" t="s">
        <v>15</v>
      </c>
      <c r="G4147" s="16">
        <v>1.6237884542705086</v>
      </c>
    </row>
    <row r="4148" spans="1:7" x14ac:dyDescent="0.3">
      <c r="A4148" s="13" t="s">
        <v>44</v>
      </c>
      <c r="B4148" s="14" t="s">
        <v>1</v>
      </c>
      <c r="C4148" s="14" t="s">
        <v>38</v>
      </c>
      <c r="D4148" s="14" t="s">
        <v>45</v>
      </c>
      <c r="E4148" s="15">
        <v>45509</v>
      </c>
      <c r="F4148" s="14" t="s">
        <v>15</v>
      </c>
      <c r="G4148" s="16">
        <v>1.6237884542705086</v>
      </c>
    </row>
    <row r="4149" spans="1:7" x14ac:dyDescent="0.3">
      <c r="A4149" s="13" t="s">
        <v>44</v>
      </c>
      <c r="B4149" s="14" t="s">
        <v>1</v>
      </c>
      <c r="C4149" s="14" t="s">
        <v>38</v>
      </c>
      <c r="D4149" s="14" t="s">
        <v>45</v>
      </c>
      <c r="E4149" s="15">
        <v>45510</v>
      </c>
      <c r="F4149" s="14" t="s">
        <v>15</v>
      </c>
      <c r="G4149" s="16">
        <v>1.6230482082860025</v>
      </c>
    </row>
    <row r="4150" spans="1:7" x14ac:dyDescent="0.3">
      <c r="A4150" s="13" t="s">
        <v>44</v>
      </c>
      <c r="B4150" s="14" t="s">
        <v>1</v>
      </c>
      <c r="C4150" s="14" t="s">
        <v>38</v>
      </c>
      <c r="D4150" s="14" t="s">
        <v>45</v>
      </c>
      <c r="E4150" s="15">
        <v>45511</v>
      </c>
      <c r="F4150" s="14" t="s">
        <v>15</v>
      </c>
      <c r="G4150" s="16">
        <v>1.6322502123014966</v>
      </c>
    </row>
    <row r="4151" spans="1:7" x14ac:dyDescent="0.3">
      <c r="A4151" s="13" t="s">
        <v>44</v>
      </c>
      <c r="B4151" s="14" t="s">
        <v>1</v>
      </c>
      <c r="C4151" s="14" t="s">
        <v>38</v>
      </c>
      <c r="D4151" s="14" t="s">
        <v>45</v>
      </c>
      <c r="E4151" s="15">
        <v>45512</v>
      </c>
      <c r="F4151" s="14" t="s">
        <v>15</v>
      </c>
      <c r="G4151" s="16">
        <v>1.6315472788169907</v>
      </c>
    </row>
    <row r="4152" spans="1:7" x14ac:dyDescent="0.3">
      <c r="A4152" s="13" t="s">
        <v>44</v>
      </c>
      <c r="B4152" s="14" t="s">
        <v>1</v>
      </c>
      <c r="C4152" s="14" t="s">
        <v>38</v>
      </c>
      <c r="D4152" s="14" t="s">
        <v>45</v>
      </c>
      <c r="E4152" s="15">
        <v>45513</v>
      </c>
      <c r="F4152" s="14" t="s">
        <v>15</v>
      </c>
      <c r="G4152" s="16">
        <v>1.6315472788169907</v>
      </c>
    </row>
    <row r="4153" spans="1:7" x14ac:dyDescent="0.3">
      <c r="A4153" s="13" t="s">
        <v>44</v>
      </c>
      <c r="B4153" s="14" t="s">
        <v>1</v>
      </c>
      <c r="C4153" s="14" t="s">
        <v>38</v>
      </c>
      <c r="D4153" s="14" t="s">
        <v>45</v>
      </c>
      <c r="E4153" s="15">
        <v>45514</v>
      </c>
      <c r="F4153" s="14" t="s">
        <v>15</v>
      </c>
      <c r="G4153" s="16">
        <v>1.6315472788169907</v>
      </c>
    </row>
    <row r="4154" spans="1:7" x14ac:dyDescent="0.3">
      <c r="A4154" s="13" t="s">
        <v>44</v>
      </c>
      <c r="B4154" s="14" t="s">
        <v>1</v>
      </c>
      <c r="C4154" s="14" t="s">
        <v>38</v>
      </c>
      <c r="D4154" s="14" t="s">
        <v>45</v>
      </c>
      <c r="E4154" s="15">
        <v>45515</v>
      </c>
      <c r="F4154" s="14" t="s">
        <v>15</v>
      </c>
      <c r="G4154" s="16">
        <v>1.6315472788169907</v>
      </c>
    </row>
    <row r="4155" spans="1:7" x14ac:dyDescent="0.3">
      <c r="A4155" s="13" t="s">
        <v>44</v>
      </c>
      <c r="B4155" s="14" t="s">
        <v>1</v>
      </c>
      <c r="C4155" s="14" t="s">
        <v>38</v>
      </c>
      <c r="D4155" s="14" t="s">
        <v>45</v>
      </c>
      <c r="E4155" s="15">
        <v>45516</v>
      </c>
      <c r="F4155" s="14" t="s">
        <v>15</v>
      </c>
      <c r="G4155" s="16">
        <v>1.6308299078324848</v>
      </c>
    </row>
    <row r="4156" spans="1:7" x14ac:dyDescent="0.3">
      <c r="A4156" s="13" t="s">
        <v>44</v>
      </c>
      <c r="B4156" s="14" t="s">
        <v>1</v>
      </c>
      <c r="C4156" s="14" t="s">
        <v>38</v>
      </c>
      <c r="D4156" s="14" t="s">
        <v>45</v>
      </c>
      <c r="E4156" s="15">
        <v>45517</v>
      </c>
      <c r="F4156" s="14" t="s">
        <v>15</v>
      </c>
      <c r="G4156" s="16">
        <v>1.7544490368479786</v>
      </c>
    </row>
    <row r="4157" spans="1:7" x14ac:dyDescent="0.3">
      <c r="A4157" s="13" t="s">
        <v>44</v>
      </c>
      <c r="B4157" s="14" t="s">
        <v>1</v>
      </c>
      <c r="C4157" s="14" t="s">
        <v>38</v>
      </c>
      <c r="D4157" s="14" t="s">
        <v>45</v>
      </c>
      <c r="E4157" s="15">
        <v>45518</v>
      </c>
      <c r="F4157" s="14" t="s">
        <v>15</v>
      </c>
      <c r="G4157" s="16">
        <v>1.8264482283634726</v>
      </c>
    </row>
    <row r="4158" spans="1:7" x14ac:dyDescent="0.3">
      <c r="A4158" s="13" t="s">
        <v>44</v>
      </c>
      <c r="B4158" s="14" t="s">
        <v>1</v>
      </c>
      <c r="C4158" s="14" t="s">
        <v>38</v>
      </c>
      <c r="D4158" s="14" t="s">
        <v>45</v>
      </c>
      <c r="E4158" s="15">
        <v>45519</v>
      </c>
      <c r="F4158" s="14" t="s">
        <v>15</v>
      </c>
      <c r="G4158" s="16">
        <v>1.8257197323789667</v>
      </c>
    </row>
    <row r="4159" spans="1:7" x14ac:dyDescent="0.3">
      <c r="A4159" s="13" t="s">
        <v>44</v>
      </c>
      <c r="B4159" s="14" t="s">
        <v>1</v>
      </c>
      <c r="C4159" s="14" t="s">
        <v>38</v>
      </c>
      <c r="D4159" s="14" t="s">
        <v>45</v>
      </c>
      <c r="E4159" s="15">
        <v>45520</v>
      </c>
      <c r="F4159" s="14" t="s">
        <v>15</v>
      </c>
      <c r="G4159" s="16">
        <v>1.9840065488944609</v>
      </c>
    </row>
    <row r="4160" spans="1:7" x14ac:dyDescent="0.3">
      <c r="A4160" s="13" t="s">
        <v>44</v>
      </c>
      <c r="B4160" s="14" t="s">
        <v>1</v>
      </c>
      <c r="C4160" s="14" t="s">
        <v>38</v>
      </c>
      <c r="D4160" s="14" t="s">
        <v>45</v>
      </c>
      <c r="E4160" s="15">
        <v>45521</v>
      </c>
      <c r="F4160" s="14" t="s">
        <v>15</v>
      </c>
      <c r="G4160" s="16">
        <v>1.9840065488944609</v>
      </c>
    </row>
    <row r="4161" spans="1:7" x14ac:dyDescent="0.3">
      <c r="A4161" s="13" t="s">
        <v>44</v>
      </c>
      <c r="B4161" s="14" t="s">
        <v>1</v>
      </c>
      <c r="C4161" s="14" t="s">
        <v>38</v>
      </c>
      <c r="D4161" s="14" t="s">
        <v>45</v>
      </c>
      <c r="E4161" s="15">
        <v>45522</v>
      </c>
      <c r="F4161" s="14" t="s">
        <v>15</v>
      </c>
      <c r="G4161" s="16">
        <v>1.9840065488944609</v>
      </c>
    </row>
    <row r="4162" spans="1:7" x14ac:dyDescent="0.3">
      <c r="A4162" s="13" t="s">
        <v>44</v>
      </c>
      <c r="B4162" s="14" t="s">
        <v>1</v>
      </c>
      <c r="C4162" s="14" t="s">
        <v>38</v>
      </c>
      <c r="D4162" s="14" t="s">
        <v>45</v>
      </c>
      <c r="E4162" s="15">
        <v>45523</v>
      </c>
      <c r="F4162" s="14" t="s">
        <v>15</v>
      </c>
      <c r="G4162" s="16">
        <v>1.983273302909955</v>
      </c>
    </row>
    <row r="4163" spans="1:7" x14ac:dyDescent="0.3">
      <c r="A4163" s="13" t="s">
        <v>44</v>
      </c>
      <c r="B4163" s="14" t="s">
        <v>1</v>
      </c>
      <c r="C4163" s="14" t="s">
        <v>38</v>
      </c>
      <c r="D4163" s="14" t="s">
        <v>45</v>
      </c>
      <c r="E4163" s="15">
        <v>45524</v>
      </c>
      <c r="F4163" s="14" t="s">
        <v>15</v>
      </c>
      <c r="G4163" s="16">
        <v>1.9810448069254489</v>
      </c>
    </row>
    <row r="4164" spans="1:7" x14ac:dyDescent="0.3">
      <c r="A4164" s="13" t="s">
        <v>44</v>
      </c>
      <c r="B4164" s="14" t="s">
        <v>1</v>
      </c>
      <c r="C4164" s="14" t="s">
        <v>38</v>
      </c>
      <c r="D4164" s="14" t="s">
        <v>45</v>
      </c>
      <c r="E4164" s="15">
        <v>45525</v>
      </c>
      <c r="F4164" s="14" t="s">
        <v>15</v>
      </c>
      <c r="G4164" s="16">
        <v>1.9802984984409429</v>
      </c>
    </row>
    <row r="4165" spans="1:7" x14ac:dyDescent="0.3">
      <c r="A4165" s="13" t="s">
        <v>44</v>
      </c>
      <c r="B4165" s="14" t="s">
        <v>1</v>
      </c>
      <c r="C4165" s="14" t="s">
        <v>38</v>
      </c>
      <c r="D4165" s="14" t="s">
        <v>45</v>
      </c>
      <c r="E4165" s="15">
        <v>45526</v>
      </c>
      <c r="F4165" s="14" t="s">
        <v>15</v>
      </c>
      <c r="G4165" s="16">
        <v>1.9795502524564366</v>
      </c>
    </row>
    <row r="4166" spans="1:7" x14ac:dyDescent="0.3">
      <c r="A4166" s="13" t="s">
        <v>44</v>
      </c>
      <c r="B4166" s="14" t="s">
        <v>1</v>
      </c>
      <c r="C4166" s="14" t="s">
        <v>38</v>
      </c>
      <c r="D4166" s="14" t="s">
        <v>45</v>
      </c>
      <c r="E4166" s="15">
        <v>45527</v>
      </c>
      <c r="F4166" s="14" t="s">
        <v>15</v>
      </c>
      <c r="G4166" s="16">
        <v>1.9788058814719305</v>
      </c>
    </row>
    <row r="4167" spans="1:7" x14ac:dyDescent="0.3">
      <c r="A4167" s="13" t="s">
        <v>44</v>
      </c>
      <c r="B4167" s="14" t="s">
        <v>1</v>
      </c>
      <c r="C4167" s="14" t="s">
        <v>38</v>
      </c>
      <c r="D4167" s="14" t="s">
        <v>45</v>
      </c>
      <c r="E4167" s="15">
        <v>45528</v>
      </c>
      <c r="F4167" s="14" t="s">
        <v>15</v>
      </c>
      <c r="G4167" s="16">
        <v>1.9788058814719305</v>
      </c>
    </row>
    <row r="4168" spans="1:7" x14ac:dyDescent="0.3">
      <c r="A4168" s="13" t="s">
        <v>44</v>
      </c>
      <c r="B4168" s="14" t="s">
        <v>1</v>
      </c>
      <c r="C4168" s="14" t="s">
        <v>38</v>
      </c>
      <c r="D4168" s="14" t="s">
        <v>45</v>
      </c>
      <c r="E4168" s="15">
        <v>45529</v>
      </c>
      <c r="F4168" s="14" t="s">
        <v>15</v>
      </c>
      <c r="G4168" s="16">
        <v>1.9788058814719305</v>
      </c>
    </row>
    <row r="4169" spans="1:7" x14ac:dyDescent="0.3">
      <c r="A4169" s="13" t="s">
        <v>44</v>
      </c>
      <c r="B4169" s="14" t="s">
        <v>1</v>
      </c>
      <c r="C4169" s="14" t="s">
        <v>38</v>
      </c>
      <c r="D4169" s="14" t="s">
        <v>45</v>
      </c>
      <c r="E4169" s="15">
        <v>45530</v>
      </c>
      <c r="F4169" s="14" t="s">
        <v>15</v>
      </c>
      <c r="G4169" s="16">
        <v>1.9780593854874244</v>
      </c>
    </row>
    <row r="4170" spans="1:7" x14ac:dyDescent="0.3">
      <c r="A4170" s="13" t="s">
        <v>44</v>
      </c>
      <c r="B4170" s="14" t="s">
        <v>1</v>
      </c>
      <c r="C4170" s="14" t="s">
        <v>38</v>
      </c>
      <c r="D4170" s="14" t="s">
        <v>45</v>
      </c>
      <c r="E4170" s="15">
        <v>45531</v>
      </c>
      <c r="F4170" s="14" t="s">
        <v>15</v>
      </c>
      <c r="G4170" s="16">
        <v>2.0257070145029186</v>
      </c>
    </row>
    <row r="4171" spans="1:7" x14ac:dyDescent="0.3">
      <c r="A4171" s="13" t="s">
        <v>44</v>
      </c>
      <c r="B4171" s="14" t="s">
        <v>1</v>
      </c>
      <c r="C4171" s="14" t="s">
        <v>38</v>
      </c>
      <c r="D4171" s="14" t="s">
        <v>45</v>
      </c>
      <c r="E4171" s="15">
        <v>45532</v>
      </c>
      <c r="F4171" s="14" t="s">
        <v>15</v>
      </c>
      <c r="G4171" s="16">
        <v>2.0249942060184125</v>
      </c>
    </row>
    <row r="4172" spans="1:7" x14ac:dyDescent="0.3">
      <c r="A4172" s="13" t="s">
        <v>44</v>
      </c>
      <c r="B4172" s="14" t="s">
        <v>1</v>
      </c>
      <c r="C4172" s="14" t="s">
        <v>38</v>
      </c>
      <c r="D4172" s="14" t="s">
        <v>45</v>
      </c>
      <c r="E4172" s="15">
        <v>45533</v>
      </c>
      <c r="F4172" s="14" t="s">
        <v>15</v>
      </c>
      <c r="G4172" s="16">
        <v>2.0242488975339068</v>
      </c>
    </row>
    <row r="4173" spans="1:7" x14ac:dyDescent="0.3">
      <c r="A4173" s="13" t="s">
        <v>44</v>
      </c>
      <c r="B4173" s="14" t="s">
        <v>1</v>
      </c>
      <c r="C4173" s="14" t="s">
        <v>38</v>
      </c>
      <c r="D4173" s="14" t="s">
        <v>45</v>
      </c>
      <c r="E4173" s="15">
        <v>45534</v>
      </c>
      <c r="F4173" s="14" t="s">
        <v>15</v>
      </c>
      <c r="G4173" s="16">
        <v>2.0235035890494006</v>
      </c>
    </row>
    <row r="4174" spans="1:7" x14ac:dyDescent="0.3">
      <c r="A4174" s="13" t="s">
        <v>44</v>
      </c>
      <c r="B4174" s="14" t="s">
        <v>1</v>
      </c>
      <c r="C4174" s="14" t="s">
        <v>38</v>
      </c>
      <c r="D4174" s="14" t="s">
        <v>45</v>
      </c>
      <c r="E4174" s="15">
        <v>45535</v>
      </c>
      <c r="F4174" s="14" t="s">
        <v>15</v>
      </c>
      <c r="G4174" s="16">
        <v>2.0235035890494006</v>
      </c>
    </row>
    <row r="4175" spans="1:7" x14ac:dyDescent="0.3">
      <c r="A4175" s="13" t="s">
        <v>44</v>
      </c>
      <c r="B4175" s="14" t="s">
        <v>1</v>
      </c>
      <c r="C4175" s="14" t="s">
        <v>38</v>
      </c>
      <c r="D4175" s="14" t="s">
        <v>45</v>
      </c>
      <c r="E4175" s="15">
        <v>45536</v>
      </c>
      <c r="F4175" s="14" t="s">
        <v>15</v>
      </c>
      <c r="G4175" s="16">
        <v>2.0235035890494006</v>
      </c>
    </row>
    <row r="4176" spans="1:7" x14ac:dyDescent="0.3">
      <c r="A4176" s="13" t="s">
        <v>44</v>
      </c>
      <c r="B4176" s="14" t="s">
        <v>1</v>
      </c>
      <c r="C4176" s="14" t="s">
        <v>38</v>
      </c>
      <c r="D4176" s="14" t="s">
        <v>45</v>
      </c>
      <c r="E4176" s="15">
        <v>45537</v>
      </c>
      <c r="F4176" s="14" t="s">
        <v>15</v>
      </c>
      <c r="G4176" s="16">
        <v>2.0227580305648951</v>
      </c>
    </row>
    <row r="4177" spans="1:7" x14ac:dyDescent="0.3">
      <c r="A4177" s="13" t="s">
        <v>44</v>
      </c>
      <c r="B4177" s="14" t="s">
        <v>1</v>
      </c>
      <c r="C4177" s="14" t="s">
        <v>38</v>
      </c>
      <c r="D4177" s="14" t="s">
        <v>45</v>
      </c>
      <c r="E4177" s="15">
        <v>45538</v>
      </c>
      <c r="F4177" s="14" t="s">
        <v>15</v>
      </c>
      <c r="G4177" s="16">
        <v>2.0205308470803889</v>
      </c>
    </row>
    <row r="4178" spans="1:7" x14ac:dyDescent="0.3">
      <c r="A4178" s="13" t="s">
        <v>44</v>
      </c>
      <c r="B4178" s="14" t="s">
        <v>1</v>
      </c>
      <c r="C4178" s="14" t="s">
        <v>38</v>
      </c>
      <c r="D4178" s="14" t="s">
        <v>45</v>
      </c>
      <c r="E4178" s="15">
        <v>45539</v>
      </c>
      <c r="F4178" s="14" t="s">
        <v>15</v>
      </c>
      <c r="G4178" s="16">
        <v>2.0197665385958832</v>
      </c>
    </row>
    <row r="4179" spans="1:7" x14ac:dyDescent="0.3">
      <c r="A4179" s="13" t="s">
        <v>44</v>
      </c>
      <c r="B4179" s="14" t="s">
        <v>1</v>
      </c>
      <c r="C4179" s="14" t="s">
        <v>38</v>
      </c>
      <c r="D4179" s="14" t="s">
        <v>45</v>
      </c>
      <c r="E4179" s="15">
        <v>45540</v>
      </c>
      <c r="F4179" s="14" t="s">
        <v>15</v>
      </c>
      <c r="G4179" s="16">
        <v>2.0190061676113769</v>
      </c>
    </row>
    <row r="4180" spans="1:7" x14ac:dyDescent="0.3">
      <c r="A4180" s="13" t="s">
        <v>44</v>
      </c>
      <c r="B4180" s="14" t="s">
        <v>1</v>
      </c>
      <c r="C4180" s="14" t="s">
        <v>38</v>
      </c>
      <c r="D4180" s="14" t="s">
        <v>45</v>
      </c>
      <c r="E4180" s="15">
        <v>45541</v>
      </c>
      <c r="F4180" s="14" t="s">
        <v>15</v>
      </c>
      <c r="G4180" s="16">
        <v>2.0380529841268706</v>
      </c>
    </row>
    <row r="4181" spans="1:7" x14ac:dyDescent="0.3">
      <c r="A4181" s="13" t="s">
        <v>44</v>
      </c>
      <c r="B4181" s="14" t="s">
        <v>1</v>
      </c>
      <c r="C4181" s="14" t="s">
        <v>38</v>
      </c>
      <c r="D4181" s="14" t="s">
        <v>45</v>
      </c>
      <c r="E4181" s="15">
        <v>45542</v>
      </c>
      <c r="F4181" s="14" t="s">
        <v>15</v>
      </c>
      <c r="G4181" s="16">
        <v>2.0380529841268706</v>
      </c>
    </row>
    <row r="4182" spans="1:7" x14ac:dyDescent="0.3">
      <c r="A4182" s="13" t="s">
        <v>44</v>
      </c>
      <c r="B4182" s="14" t="s">
        <v>1</v>
      </c>
      <c r="C4182" s="14" t="s">
        <v>38</v>
      </c>
      <c r="D4182" s="14" t="s">
        <v>45</v>
      </c>
      <c r="E4182" s="15">
        <v>45543</v>
      </c>
      <c r="F4182" s="14" t="s">
        <v>15</v>
      </c>
      <c r="G4182" s="16">
        <v>2.0380529841268706</v>
      </c>
    </row>
    <row r="4183" spans="1:7" x14ac:dyDescent="0.3">
      <c r="A4183" s="13" t="s">
        <v>44</v>
      </c>
      <c r="B4183" s="14" t="s">
        <v>1</v>
      </c>
      <c r="C4183" s="14" t="s">
        <v>38</v>
      </c>
      <c r="D4183" s="14" t="s">
        <v>45</v>
      </c>
      <c r="E4183" s="15">
        <v>45544</v>
      </c>
      <c r="F4183" s="14" t="s">
        <v>15</v>
      </c>
      <c r="G4183" s="16">
        <v>2.0513611756423646</v>
      </c>
    </row>
    <row r="4184" spans="1:7" x14ac:dyDescent="0.3">
      <c r="A4184" s="13" t="s">
        <v>44</v>
      </c>
      <c r="B4184" s="14" t="s">
        <v>1</v>
      </c>
      <c r="C4184" s="14" t="s">
        <v>38</v>
      </c>
      <c r="D4184" s="14" t="s">
        <v>45</v>
      </c>
      <c r="E4184" s="15">
        <v>45545</v>
      </c>
      <c r="F4184" s="14" t="s">
        <v>15</v>
      </c>
      <c r="G4184" s="16">
        <v>2.126576304657859</v>
      </c>
    </row>
    <row r="4185" spans="1:7" x14ac:dyDescent="0.3">
      <c r="A4185" s="13" t="s">
        <v>44</v>
      </c>
      <c r="B4185" s="14" t="s">
        <v>1</v>
      </c>
      <c r="C4185" s="14" t="s">
        <v>38</v>
      </c>
      <c r="D4185" s="14" t="s">
        <v>45</v>
      </c>
      <c r="E4185" s="15">
        <v>45546</v>
      </c>
      <c r="F4185" s="14" t="s">
        <v>15</v>
      </c>
      <c r="G4185" s="16">
        <v>2.1258304961733527</v>
      </c>
    </row>
    <row r="4186" spans="1:7" x14ac:dyDescent="0.3">
      <c r="A4186" s="13" t="s">
        <v>44</v>
      </c>
      <c r="B4186" s="14" t="s">
        <v>1</v>
      </c>
      <c r="C4186" s="14" t="s">
        <v>38</v>
      </c>
      <c r="D4186" s="14" t="s">
        <v>45</v>
      </c>
      <c r="E4186" s="15">
        <v>45547</v>
      </c>
      <c r="F4186" s="14" t="s">
        <v>15</v>
      </c>
      <c r="G4186" s="16">
        <v>2.199616000188847</v>
      </c>
    </row>
    <row r="4187" spans="1:7" x14ac:dyDescent="0.3">
      <c r="A4187" s="13" t="s">
        <v>44</v>
      </c>
      <c r="B4187" s="14" t="s">
        <v>1</v>
      </c>
      <c r="C4187" s="14" t="s">
        <v>38</v>
      </c>
      <c r="D4187" s="14" t="s">
        <v>45</v>
      </c>
      <c r="E4187" s="15">
        <v>45548</v>
      </c>
      <c r="F4187" s="14" t="s">
        <v>15</v>
      </c>
      <c r="G4187" s="16">
        <v>2.2808604417043408</v>
      </c>
    </row>
    <row r="4188" spans="1:7" x14ac:dyDescent="0.3">
      <c r="A4188" s="13" t="s">
        <v>44</v>
      </c>
      <c r="B4188" s="14" t="s">
        <v>1</v>
      </c>
      <c r="C4188" s="14" t="s">
        <v>38</v>
      </c>
      <c r="D4188" s="14" t="s">
        <v>45</v>
      </c>
      <c r="E4188" s="15">
        <v>45549</v>
      </c>
      <c r="F4188" s="14" t="s">
        <v>15</v>
      </c>
      <c r="G4188" s="16">
        <v>2.2808604417043408</v>
      </c>
    </row>
    <row r="4189" spans="1:7" x14ac:dyDescent="0.3">
      <c r="A4189" s="13" t="s">
        <v>44</v>
      </c>
      <c r="B4189" s="14" t="s">
        <v>1</v>
      </c>
      <c r="C4189" s="14" t="s">
        <v>38</v>
      </c>
      <c r="D4189" s="14" t="s">
        <v>45</v>
      </c>
      <c r="E4189" s="15">
        <v>45550</v>
      </c>
      <c r="F4189" s="14" t="s">
        <v>15</v>
      </c>
      <c r="G4189" s="16">
        <v>2.2808604417043408</v>
      </c>
    </row>
    <row r="4190" spans="1:7" x14ac:dyDescent="0.3">
      <c r="A4190" s="13" t="s">
        <v>44</v>
      </c>
      <c r="B4190" s="14" t="s">
        <v>1</v>
      </c>
      <c r="C4190" s="14" t="s">
        <v>38</v>
      </c>
      <c r="D4190" s="14" t="s">
        <v>45</v>
      </c>
      <c r="E4190" s="15">
        <v>45551</v>
      </c>
      <c r="F4190" s="14" t="s">
        <v>15</v>
      </c>
      <c r="G4190" s="16">
        <v>2.3044474457198345</v>
      </c>
    </row>
    <row r="4191" spans="1:7" x14ac:dyDescent="0.3">
      <c r="A4191" s="13" t="s">
        <v>44</v>
      </c>
      <c r="B4191" s="14" t="s">
        <v>1</v>
      </c>
      <c r="C4191" s="14" t="s">
        <v>38</v>
      </c>
      <c r="D4191" s="14" t="s">
        <v>45</v>
      </c>
      <c r="E4191" s="15">
        <v>45552</v>
      </c>
      <c r="F4191" s="14" t="s">
        <v>15</v>
      </c>
      <c r="G4191" s="16">
        <v>2.3021861372353287</v>
      </c>
    </row>
    <row r="4192" spans="1:7" x14ac:dyDescent="0.3">
      <c r="A4192" s="13" t="s">
        <v>44</v>
      </c>
      <c r="B4192" s="14" t="s">
        <v>1</v>
      </c>
      <c r="C4192" s="14" t="s">
        <v>38</v>
      </c>
      <c r="D4192" s="14" t="s">
        <v>45</v>
      </c>
      <c r="E4192" s="15">
        <v>45553</v>
      </c>
      <c r="F4192" s="14" t="s">
        <v>15</v>
      </c>
      <c r="G4192" s="16">
        <v>2.3014305162508224</v>
      </c>
    </row>
    <row r="4193" spans="1:7" x14ac:dyDescent="0.3">
      <c r="A4193" s="13" t="s">
        <v>44</v>
      </c>
      <c r="B4193" s="14" t="s">
        <v>1</v>
      </c>
      <c r="C4193" s="14" t="s">
        <v>38</v>
      </c>
      <c r="D4193" s="14" t="s">
        <v>45</v>
      </c>
      <c r="E4193" s="15">
        <v>45554</v>
      </c>
      <c r="F4193" s="14" t="s">
        <v>15</v>
      </c>
      <c r="G4193" s="16">
        <v>2.3006728952663167</v>
      </c>
    </row>
    <row r="4194" spans="1:7" x14ac:dyDescent="0.3">
      <c r="A4194" s="13" t="s">
        <v>44</v>
      </c>
      <c r="B4194" s="14" t="s">
        <v>1</v>
      </c>
      <c r="C4194" s="14" t="s">
        <v>38</v>
      </c>
      <c r="D4194" s="14" t="s">
        <v>45</v>
      </c>
      <c r="E4194" s="15">
        <v>45555</v>
      </c>
      <c r="F4194" s="14" t="s">
        <v>15</v>
      </c>
      <c r="G4194" s="16">
        <v>2.2999184617818105</v>
      </c>
    </row>
    <row r="4195" spans="1:7" x14ac:dyDescent="0.3">
      <c r="A4195" s="13" t="s">
        <v>44</v>
      </c>
      <c r="B4195" s="14" t="s">
        <v>1</v>
      </c>
      <c r="C4195" s="14" t="s">
        <v>38</v>
      </c>
      <c r="D4195" s="14" t="s">
        <v>45</v>
      </c>
      <c r="E4195" s="15">
        <v>45556</v>
      </c>
      <c r="F4195" s="14" t="s">
        <v>15</v>
      </c>
      <c r="G4195" s="16">
        <v>2.2999184617818105</v>
      </c>
    </row>
    <row r="4196" spans="1:7" x14ac:dyDescent="0.3">
      <c r="A4196" s="13" t="s">
        <v>44</v>
      </c>
      <c r="B4196" s="14" t="s">
        <v>1</v>
      </c>
      <c r="C4196" s="14" t="s">
        <v>38</v>
      </c>
      <c r="D4196" s="14" t="s">
        <v>45</v>
      </c>
      <c r="E4196" s="15">
        <v>45557</v>
      </c>
      <c r="F4196" s="14" t="s">
        <v>15</v>
      </c>
      <c r="G4196" s="16">
        <v>2.2999184617818105</v>
      </c>
    </row>
    <row r="4197" spans="1:7" x14ac:dyDescent="0.3">
      <c r="A4197" s="13" t="s">
        <v>44</v>
      </c>
      <c r="B4197" s="14" t="s">
        <v>1</v>
      </c>
      <c r="C4197" s="14" t="s">
        <v>38</v>
      </c>
      <c r="D4197" s="14" t="s">
        <v>45</v>
      </c>
      <c r="E4197" s="15">
        <v>45558</v>
      </c>
      <c r="F4197" s="14" t="s">
        <v>15</v>
      </c>
      <c r="G4197" s="16">
        <v>2.2991561532973042</v>
      </c>
    </row>
    <row r="4198" spans="1:7" x14ac:dyDescent="0.3">
      <c r="A4198" s="13" t="s">
        <v>44</v>
      </c>
      <c r="B4198" s="14" t="s">
        <v>1</v>
      </c>
      <c r="C4198" s="14" t="s">
        <v>38</v>
      </c>
      <c r="D4198" s="14" t="s">
        <v>45</v>
      </c>
      <c r="E4198" s="15">
        <v>45559</v>
      </c>
      <c r="F4198" s="14" t="s">
        <v>15</v>
      </c>
      <c r="G4198" s="16">
        <v>2.2968598448127979</v>
      </c>
    </row>
    <row r="4199" spans="1:7" x14ac:dyDescent="0.3">
      <c r="A4199" s="13" t="s">
        <v>44</v>
      </c>
      <c r="B4199" s="14" t="s">
        <v>1</v>
      </c>
      <c r="C4199" s="14" t="s">
        <v>38</v>
      </c>
      <c r="D4199" s="14" t="s">
        <v>45</v>
      </c>
      <c r="E4199" s="15">
        <v>45560</v>
      </c>
      <c r="F4199" s="14" t="s">
        <v>15</v>
      </c>
      <c r="G4199" s="16">
        <v>2.2960935988282918</v>
      </c>
    </row>
    <row r="4200" spans="1:7" x14ac:dyDescent="0.3">
      <c r="A4200" s="13" t="s">
        <v>44</v>
      </c>
      <c r="B4200" s="14" t="s">
        <v>1</v>
      </c>
      <c r="C4200" s="14" t="s">
        <v>38</v>
      </c>
      <c r="D4200" s="14" t="s">
        <v>45</v>
      </c>
      <c r="E4200" s="15">
        <v>45561</v>
      </c>
      <c r="F4200" s="14" t="s">
        <v>15</v>
      </c>
      <c r="G4200" s="16">
        <v>2.2953213528437861</v>
      </c>
    </row>
    <row r="4201" spans="1:7" x14ac:dyDescent="0.3">
      <c r="A4201" s="13" t="s">
        <v>44</v>
      </c>
      <c r="B4201" s="14" t="s">
        <v>1</v>
      </c>
      <c r="C4201" s="14" t="s">
        <v>38</v>
      </c>
      <c r="D4201" s="14" t="s">
        <v>45</v>
      </c>
      <c r="E4201" s="15">
        <v>45562</v>
      </c>
      <c r="F4201" s="14" t="s">
        <v>15</v>
      </c>
      <c r="G4201" s="16">
        <v>2.2945482943592799</v>
      </c>
    </row>
    <row r="4202" spans="1:7" x14ac:dyDescent="0.3">
      <c r="A4202" s="13" t="s">
        <v>44</v>
      </c>
      <c r="B4202" s="14" t="s">
        <v>1</v>
      </c>
      <c r="C4202" s="14" t="s">
        <v>38</v>
      </c>
      <c r="D4202" s="14" t="s">
        <v>45</v>
      </c>
      <c r="E4202" s="15">
        <v>45563</v>
      </c>
      <c r="F4202" s="14" t="s">
        <v>15</v>
      </c>
      <c r="G4202" s="16">
        <v>2.2945482943592799</v>
      </c>
    </row>
    <row r="4203" spans="1:7" x14ac:dyDescent="0.3">
      <c r="A4203" s="13" t="s">
        <v>44</v>
      </c>
      <c r="B4203" s="14" t="s">
        <v>1</v>
      </c>
      <c r="C4203" s="14" t="s">
        <v>38</v>
      </c>
      <c r="D4203" s="14" t="s">
        <v>45</v>
      </c>
      <c r="E4203" s="15">
        <v>45564</v>
      </c>
      <c r="F4203" s="14" t="s">
        <v>15</v>
      </c>
      <c r="G4203" s="16">
        <v>2.2945482943592799</v>
      </c>
    </row>
    <row r="4204" spans="1:7" x14ac:dyDescent="0.3">
      <c r="A4204" s="13" t="s">
        <v>44</v>
      </c>
      <c r="B4204" s="14" t="s">
        <v>1</v>
      </c>
      <c r="C4204" s="14" t="s">
        <v>38</v>
      </c>
      <c r="D4204" s="14" t="s">
        <v>45</v>
      </c>
      <c r="E4204" s="15">
        <v>45565</v>
      </c>
      <c r="F4204" s="14" t="s">
        <v>15</v>
      </c>
      <c r="G4204" s="16">
        <v>2.3164072983747741</v>
      </c>
    </row>
    <row r="4205" spans="1:7" x14ac:dyDescent="0.3">
      <c r="A4205" s="13" t="s">
        <v>44</v>
      </c>
      <c r="B4205" s="14" t="s">
        <v>1</v>
      </c>
      <c r="C4205" s="14" t="s">
        <v>38</v>
      </c>
      <c r="D4205" s="14" t="s">
        <v>45</v>
      </c>
      <c r="E4205" s="15">
        <v>45566</v>
      </c>
      <c r="F4205" s="14" t="s">
        <v>15</v>
      </c>
      <c r="G4205" s="16">
        <v>2.3140526773902681</v>
      </c>
    </row>
    <row r="4206" spans="1:7" x14ac:dyDescent="0.3">
      <c r="A4206" s="13" t="s">
        <v>44</v>
      </c>
      <c r="B4206" s="14" t="s">
        <v>1</v>
      </c>
      <c r="C4206" s="14" t="s">
        <v>38</v>
      </c>
      <c r="D4206" s="14" t="s">
        <v>45</v>
      </c>
      <c r="E4206" s="15">
        <v>45567</v>
      </c>
      <c r="F4206" s="14" t="s">
        <v>15</v>
      </c>
      <c r="G4206" s="16">
        <v>2.3133058064057623</v>
      </c>
    </row>
    <row r="4207" spans="1:7" x14ac:dyDescent="0.3">
      <c r="A4207" s="13" t="s">
        <v>44</v>
      </c>
      <c r="B4207" s="14" t="s">
        <v>1</v>
      </c>
      <c r="C4207" s="14" t="s">
        <v>38</v>
      </c>
      <c r="D4207" s="14" t="s">
        <v>45</v>
      </c>
      <c r="E4207" s="15">
        <v>45568</v>
      </c>
      <c r="F4207" s="14" t="s">
        <v>15</v>
      </c>
      <c r="G4207" s="16">
        <v>2.3125132479212565</v>
      </c>
    </row>
    <row r="4208" spans="1:7" x14ac:dyDescent="0.3">
      <c r="A4208" s="13" t="s">
        <v>44</v>
      </c>
      <c r="B4208" s="14" t="s">
        <v>1</v>
      </c>
      <c r="C4208" s="14" t="s">
        <v>38</v>
      </c>
      <c r="D4208" s="14" t="s">
        <v>45</v>
      </c>
      <c r="E4208" s="15">
        <v>45569</v>
      </c>
      <c r="F4208" s="14" t="s">
        <v>15</v>
      </c>
      <c r="G4208" s="16">
        <v>2.3117168769367504</v>
      </c>
    </row>
    <row r="4209" spans="1:7" x14ac:dyDescent="0.3">
      <c r="A4209" s="13" t="s">
        <v>44</v>
      </c>
      <c r="B4209" s="14" t="s">
        <v>1</v>
      </c>
      <c r="C4209" s="14" t="s">
        <v>38</v>
      </c>
      <c r="D4209" s="14" t="s">
        <v>45</v>
      </c>
      <c r="E4209" s="15">
        <v>45570</v>
      </c>
      <c r="F4209" s="14" t="s">
        <v>15</v>
      </c>
      <c r="G4209" s="16">
        <v>2.3117168769367504</v>
      </c>
    </row>
    <row r="4210" spans="1:7" x14ac:dyDescent="0.3">
      <c r="A4210" s="13" t="s">
        <v>44</v>
      </c>
      <c r="B4210" s="14" t="s">
        <v>1</v>
      </c>
      <c r="C4210" s="14" t="s">
        <v>38</v>
      </c>
      <c r="D4210" s="14" t="s">
        <v>45</v>
      </c>
      <c r="E4210" s="15">
        <v>45571</v>
      </c>
      <c r="F4210" s="14" t="s">
        <v>15</v>
      </c>
      <c r="G4210" s="16">
        <v>2.3117168769367504</v>
      </c>
    </row>
    <row r="4211" spans="1:7" x14ac:dyDescent="0.3">
      <c r="A4211" s="13" t="s">
        <v>44</v>
      </c>
      <c r="B4211" s="14" t="s">
        <v>1</v>
      </c>
      <c r="C4211" s="14" t="s">
        <v>38</v>
      </c>
      <c r="D4211" s="14" t="s">
        <v>45</v>
      </c>
      <c r="E4211" s="15">
        <v>45572</v>
      </c>
      <c r="F4211" s="14" t="s">
        <v>15</v>
      </c>
      <c r="G4211" s="16">
        <v>2.3109234434522445</v>
      </c>
    </row>
    <row r="4212" spans="1:7" x14ac:dyDescent="0.3">
      <c r="A4212" s="13" t="s">
        <v>44</v>
      </c>
      <c r="B4212" s="14" t="s">
        <v>1</v>
      </c>
      <c r="C4212" s="14" t="s">
        <v>38</v>
      </c>
      <c r="D4212" s="14" t="s">
        <v>45</v>
      </c>
      <c r="E4212" s="15">
        <v>45573</v>
      </c>
      <c r="F4212" s="14" t="s">
        <v>15</v>
      </c>
      <c r="G4212" s="16">
        <v>2.3085425724677386</v>
      </c>
    </row>
    <row r="4213" spans="1:7" x14ac:dyDescent="0.3">
      <c r="A4213" s="13" t="s">
        <v>44</v>
      </c>
      <c r="B4213" s="14" t="s">
        <v>1</v>
      </c>
      <c r="C4213" s="14" t="s">
        <v>38</v>
      </c>
      <c r="D4213" s="14" t="s">
        <v>45</v>
      </c>
      <c r="E4213" s="15">
        <v>45574</v>
      </c>
      <c r="F4213" s="14" t="s">
        <v>15</v>
      </c>
      <c r="G4213" s="16">
        <v>2.3724702014832326</v>
      </c>
    </row>
    <row r="4214" spans="1:7" x14ac:dyDescent="0.3">
      <c r="A4214" s="13" t="s">
        <v>44</v>
      </c>
      <c r="B4214" s="14" t="s">
        <v>1</v>
      </c>
      <c r="C4214" s="14" t="s">
        <v>38</v>
      </c>
      <c r="D4214" s="14" t="s">
        <v>45</v>
      </c>
      <c r="E4214" s="15">
        <v>45575</v>
      </c>
      <c r="F4214" s="14" t="s">
        <v>15</v>
      </c>
      <c r="G4214" s="16">
        <v>2.3716892054987264</v>
      </c>
    </row>
    <row r="4215" spans="1:7" x14ac:dyDescent="0.3">
      <c r="A4215" s="13" t="s">
        <v>44</v>
      </c>
      <c r="B4215" s="14" t="s">
        <v>1</v>
      </c>
      <c r="C4215" s="14" t="s">
        <v>38</v>
      </c>
      <c r="D4215" s="14" t="s">
        <v>45</v>
      </c>
      <c r="E4215" s="15">
        <v>45576</v>
      </c>
      <c r="F4215" s="14" t="s">
        <v>15</v>
      </c>
      <c r="G4215" s="16">
        <v>2.3709077095142206</v>
      </c>
    </row>
    <row r="4216" spans="1:7" x14ac:dyDescent="0.3">
      <c r="A4216" s="13" t="s">
        <v>44</v>
      </c>
      <c r="B4216" s="14" t="s">
        <v>1</v>
      </c>
      <c r="C4216" s="14" t="s">
        <v>38</v>
      </c>
      <c r="D4216" s="14" t="s">
        <v>45</v>
      </c>
      <c r="E4216" s="15">
        <v>45577</v>
      </c>
      <c r="F4216" s="14" t="s">
        <v>15</v>
      </c>
      <c r="G4216" s="16">
        <v>2.3709077095142206</v>
      </c>
    </row>
    <row r="4217" spans="1:7" x14ac:dyDescent="0.3">
      <c r="A4217" s="13" t="s">
        <v>44</v>
      </c>
      <c r="B4217" s="14" t="s">
        <v>1</v>
      </c>
      <c r="C4217" s="14" t="s">
        <v>38</v>
      </c>
      <c r="D4217" s="14" t="s">
        <v>45</v>
      </c>
      <c r="E4217" s="15">
        <v>45578</v>
      </c>
      <c r="F4217" s="14" t="s">
        <v>15</v>
      </c>
      <c r="G4217" s="16">
        <v>2.3709077095142206</v>
      </c>
    </row>
    <row r="4218" spans="1:7" x14ac:dyDescent="0.3">
      <c r="A4218" s="13" t="s">
        <v>44</v>
      </c>
      <c r="B4218" s="14" t="s">
        <v>1</v>
      </c>
      <c r="C4218" s="14" t="s">
        <v>38</v>
      </c>
      <c r="D4218" s="14" t="s">
        <v>45</v>
      </c>
      <c r="E4218" s="15">
        <v>45579</v>
      </c>
      <c r="F4218" s="14" t="s">
        <v>15</v>
      </c>
      <c r="G4218" s="16">
        <v>2.3701232135297143</v>
      </c>
    </row>
    <row r="4219" spans="1:7" x14ac:dyDescent="0.3">
      <c r="A4219" s="13" t="s">
        <v>44</v>
      </c>
      <c r="B4219" s="14" t="s">
        <v>1</v>
      </c>
      <c r="C4219" s="14" t="s">
        <v>38</v>
      </c>
      <c r="D4219" s="14" t="s">
        <v>45</v>
      </c>
      <c r="E4219" s="15">
        <v>45580</v>
      </c>
      <c r="F4219" s="14" t="s">
        <v>15</v>
      </c>
      <c r="G4219" s="16">
        <v>2.3677612175452087</v>
      </c>
    </row>
    <row r="4220" spans="1:7" x14ac:dyDescent="0.3">
      <c r="A4220" s="13" t="s">
        <v>44</v>
      </c>
      <c r="B4220" s="14" t="s">
        <v>1</v>
      </c>
      <c r="C4220" s="14" t="s">
        <v>38</v>
      </c>
      <c r="D4220" s="14" t="s">
        <v>45</v>
      </c>
      <c r="E4220" s="15">
        <v>45581</v>
      </c>
      <c r="F4220" s="14" t="s">
        <v>15</v>
      </c>
      <c r="G4220" s="16">
        <v>2.3669724715607026</v>
      </c>
    </row>
    <row r="4221" spans="1:7" x14ac:dyDescent="0.3">
      <c r="A4221" s="13" t="s">
        <v>44</v>
      </c>
      <c r="B4221" s="14" t="s">
        <v>1</v>
      </c>
      <c r="C4221" s="14" t="s">
        <v>38</v>
      </c>
      <c r="D4221" s="14" t="s">
        <v>45</v>
      </c>
      <c r="E4221" s="15">
        <v>45582</v>
      </c>
      <c r="F4221" s="14" t="s">
        <v>15</v>
      </c>
      <c r="G4221" s="16">
        <v>2.3661854130761966</v>
      </c>
    </row>
    <row r="4222" spans="1:7" x14ac:dyDescent="0.3">
      <c r="A4222" s="13" t="s">
        <v>44</v>
      </c>
      <c r="B4222" s="14" t="s">
        <v>1</v>
      </c>
      <c r="C4222" s="14" t="s">
        <v>38</v>
      </c>
      <c r="D4222" s="14" t="s">
        <v>45</v>
      </c>
      <c r="E4222" s="15">
        <v>45583</v>
      </c>
      <c r="F4222" s="14" t="s">
        <v>15</v>
      </c>
      <c r="G4222" s="16">
        <v>2.365402229591691</v>
      </c>
    </row>
    <row r="4223" spans="1:7" x14ac:dyDescent="0.3">
      <c r="A4223" s="13" t="s">
        <v>44</v>
      </c>
      <c r="B4223" s="14" t="s">
        <v>1</v>
      </c>
      <c r="C4223" s="14" t="s">
        <v>38</v>
      </c>
      <c r="D4223" s="14" t="s">
        <v>45</v>
      </c>
      <c r="E4223" s="15">
        <v>45584</v>
      </c>
      <c r="F4223" s="14" t="s">
        <v>15</v>
      </c>
      <c r="G4223" s="16">
        <v>2.365402229591691</v>
      </c>
    </row>
    <row r="4224" spans="1:7" x14ac:dyDescent="0.3">
      <c r="A4224" s="13" t="s">
        <v>44</v>
      </c>
      <c r="B4224" s="14" t="s">
        <v>1</v>
      </c>
      <c r="C4224" s="14" t="s">
        <v>38</v>
      </c>
      <c r="D4224" s="14" t="s">
        <v>45</v>
      </c>
      <c r="E4224" s="15">
        <v>45585</v>
      </c>
      <c r="F4224" s="14" t="s">
        <v>15</v>
      </c>
      <c r="G4224" s="16">
        <v>2.365402229591691</v>
      </c>
    </row>
    <row r="4225" spans="1:7" x14ac:dyDescent="0.3">
      <c r="A4225" s="13" t="s">
        <v>44</v>
      </c>
      <c r="B4225" s="14" t="s">
        <v>1</v>
      </c>
      <c r="C4225" s="14" t="s">
        <v>38</v>
      </c>
      <c r="D4225" s="14" t="s">
        <v>45</v>
      </c>
      <c r="E4225" s="15">
        <v>45586</v>
      </c>
      <c r="F4225" s="14" t="s">
        <v>15</v>
      </c>
      <c r="G4225" s="16">
        <v>2.3646200461071847</v>
      </c>
    </row>
    <row r="4226" spans="1:7" x14ac:dyDescent="0.3">
      <c r="A4226" s="13" t="s">
        <v>44</v>
      </c>
      <c r="B4226" s="14" t="s">
        <v>1</v>
      </c>
      <c r="C4226" s="14" t="s">
        <v>38</v>
      </c>
      <c r="D4226" s="14" t="s">
        <v>45</v>
      </c>
      <c r="E4226" s="15">
        <v>45587</v>
      </c>
      <c r="F4226" s="14" t="s">
        <v>15</v>
      </c>
      <c r="G4226" s="16">
        <v>2.3622481751226787</v>
      </c>
    </row>
    <row r="4227" spans="1:7" x14ac:dyDescent="0.3">
      <c r="A4227" s="13" t="s">
        <v>44</v>
      </c>
      <c r="B4227" s="14" t="s">
        <v>1</v>
      </c>
      <c r="C4227" s="14" t="s">
        <v>38</v>
      </c>
      <c r="D4227" s="14" t="s">
        <v>45</v>
      </c>
      <c r="E4227" s="15">
        <v>45588</v>
      </c>
      <c r="F4227" s="14" t="s">
        <v>15</v>
      </c>
      <c r="G4227" s="16">
        <v>2.3614606166381726</v>
      </c>
    </row>
    <row r="4228" spans="1:7" x14ac:dyDescent="0.3">
      <c r="A4228" s="13" t="s">
        <v>44</v>
      </c>
      <c r="B4228" s="14" t="s">
        <v>1</v>
      </c>
      <c r="C4228" s="14" t="s">
        <v>38</v>
      </c>
      <c r="D4228" s="14" t="s">
        <v>45</v>
      </c>
      <c r="E4228" s="15">
        <v>45589</v>
      </c>
      <c r="F4228" s="14" t="s">
        <v>15</v>
      </c>
      <c r="G4228" s="16">
        <v>2.3606755581536669</v>
      </c>
    </row>
    <row r="4229" spans="1:7" x14ac:dyDescent="0.3">
      <c r="A4229" s="13" t="s">
        <v>44</v>
      </c>
      <c r="B4229" s="14" t="s">
        <v>1</v>
      </c>
      <c r="C4229" s="14" t="s">
        <v>38</v>
      </c>
      <c r="D4229" s="14" t="s">
        <v>45</v>
      </c>
      <c r="E4229" s="15">
        <v>45590</v>
      </c>
      <c r="F4229" s="14" t="s">
        <v>15</v>
      </c>
      <c r="G4229" s="16">
        <v>2.3598893746691609</v>
      </c>
    </row>
    <row r="4230" spans="1:7" x14ac:dyDescent="0.3">
      <c r="A4230" s="13" t="s">
        <v>44</v>
      </c>
      <c r="B4230" s="14" t="s">
        <v>1</v>
      </c>
      <c r="C4230" s="14" t="s">
        <v>38</v>
      </c>
      <c r="D4230" s="14" t="s">
        <v>45</v>
      </c>
      <c r="E4230" s="15">
        <v>45591</v>
      </c>
      <c r="F4230" s="14" t="s">
        <v>15</v>
      </c>
      <c r="G4230" s="16">
        <v>2.3598893746691609</v>
      </c>
    </row>
    <row r="4231" spans="1:7" x14ac:dyDescent="0.3">
      <c r="A4231" s="13" t="s">
        <v>44</v>
      </c>
      <c r="B4231" s="14" t="s">
        <v>1</v>
      </c>
      <c r="C4231" s="14" t="s">
        <v>38</v>
      </c>
      <c r="D4231" s="14" t="s">
        <v>45</v>
      </c>
      <c r="E4231" s="15">
        <v>45592</v>
      </c>
      <c r="F4231" s="14" t="s">
        <v>15</v>
      </c>
      <c r="G4231" s="16">
        <v>2.3598893746691609</v>
      </c>
    </row>
    <row r="4232" spans="1:7" x14ac:dyDescent="0.3">
      <c r="A4232" s="13" t="s">
        <v>44</v>
      </c>
      <c r="B4232" s="14" t="s">
        <v>1</v>
      </c>
      <c r="C4232" s="14" t="s">
        <v>38</v>
      </c>
      <c r="D4232" s="14" t="s">
        <v>45</v>
      </c>
      <c r="E4232" s="15">
        <v>45593</v>
      </c>
      <c r="F4232" s="14" t="s">
        <v>15</v>
      </c>
      <c r="G4232" s="16">
        <v>2.3598893746691609</v>
      </c>
    </row>
    <row r="4233" spans="1:7" x14ac:dyDescent="0.3">
      <c r="A4233" s="13" t="s">
        <v>44</v>
      </c>
      <c r="B4233" s="14" t="s">
        <v>1</v>
      </c>
      <c r="C4233" s="14" t="s">
        <v>38</v>
      </c>
      <c r="D4233" s="14" t="s">
        <v>45</v>
      </c>
      <c r="E4233" s="15">
        <v>45594</v>
      </c>
      <c r="F4233" s="14" t="s">
        <v>15</v>
      </c>
      <c r="G4233" s="16">
        <v>2.3592255661846551</v>
      </c>
    </row>
    <row r="4234" spans="1:7" x14ac:dyDescent="0.3">
      <c r="A4234" s="13" t="s">
        <v>44</v>
      </c>
      <c r="B4234" s="14" t="s">
        <v>1</v>
      </c>
      <c r="C4234" s="14" t="s">
        <v>38</v>
      </c>
      <c r="D4234" s="14" t="s">
        <v>45</v>
      </c>
      <c r="E4234" s="15">
        <v>45595</v>
      </c>
      <c r="F4234" s="14" t="s">
        <v>15</v>
      </c>
      <c r="G4234" s="16">
        <v>2.3560908202001491</v>
      </c>
    </row>
    <row r="4235" spans="1:7" x14ac:dyDescent="0.3">
      <c r="A4235" s="13" t="s">
        <v>44</v>
      </c>
      <c r="B4235" s="14" t="s">
        <v>1</v>
      </c>
      <c r="C4235" s="14" t="s">
        <v>38</v>
      </c>
      <c r="D4235" s="14" t="s">
        <v>45</v>
      </c>
      <c r="E4235" s="15">
        <v>45596</v>
      </c>
      <c r="F4235" s="14" t="s">
        <v>15</v>
      </c>
      <c r="G4235" s="16">
        <v>2.3560908202001491</v>
      </c>
    </row>
    <row r="4236" spans="1:7" x14ac:dyDescent="0.3">
      <c r="A4236" s="13" t="s">
        <v>44</v>
      </c>
      <c r="B4236" s="14" t="s">
        <v>1</v>
      </c>
      <c r="C4236" s="14" t="s">
        <v>38</v>
      </c>
      <c r="D4236" s="14" t="s">
        <v>45</v>
      </c>
      <c r="E4236" s="15">
        <v>45597</v>
      </c>
      <c r="F4236" s="14" t="s">
        <v>15</v>
      </c>
      <c r="G4236" s="16">
        <v>2.355307324215643</v>
      </c>
    </row>
    <row r="4237" spans="1:7" x14ac:dyDescent="0.3">
      <c r="A4237" s="13" t="s">
        <v>44</v>
      </c>
      <c r="B4237" s="14" t="s">
        <v>1</v>
      </c>
      <c r="C4237" s="14" t="s">
        <v>38</v>
      </c>
      <c r="D4237" s="14" t="s">
        <v>45</v>
      </c>
      <c r="E4237" s="15">
        <v>45598</v>
      </c>
      <c r="F4237" s="14" t="s">
        <v>15</v>
      </c>
      <c r="G4237" s="16">
        <v>2.355307324215643</v>
      </c>
    </row>
    <row r="4238" spans="1:7" x14ac:dyDescent="0.3">
      <c r="A4238" s="13" t="s">
        <v>44</v>
      </c>
      <c r="B4238" s="14" t="s">
        <v>1</v>
      </c>
      <c r="C4238" s="14" t="s">
        <v>38</v>
      </c>
      <c r="D4238" s="14" t="s">
        <v>45</v>
      </c>
      <c r="E4238" s="15">
        <v>45599</v>
      </c>
      <c r="F4238" s="14" t="s">
        <v>15</v>
      </c>
      <c r="G4238" s="16">
        <v>2.355307324215643</v>
      </c>
    </row>
    <row r="4239" spans="1:7" x14ac:dyDescent="0.3">
      <c r="A4239" s="13" t="s">
        <v>44</v>
      </c>
      <c r="B4239" s="14" t="s">
        <v>1</v>
      </c>
      <c r="C4239" s="14" t="s">
        <v>38</v>
      </c>
      <c r="D4239" s="14" t="s">
        <v>45</v>
      </c>
      <c r="E4239" s="15">
        <v>45600</v>
      </c>
      <c r="F4239" s="14" t="s">
        <v>15</v>
      </c>
      <c r="G4239" s="16">
        <v>2.3537935782311372</v>
      </c>
    </row>
    <row r="4240" spans="1:7" x14ac:dyDescent="0.3">
      <c r="A4240" s="13" t="s">
        <v>44</v>
      </c>
      <c r="B4240" s="14" t="s">
        <v>1</v>
      </c>
      <c r="C4240" s="14" t="s">
        <v>38</v>
      </c>
      <c r="D4240" s="14" t="s">
        <v>45</v>
      </c>
      <c r="E4240" s="15">
        <v>45601</v>
      </c>
      <c r="F4240" s="14" t="s">
        <v>15</v>
      </c>
      <c r="G4240" s="16">
        <v>2.3514831447466311</v>
      </c>
    </row>
    <row r="4241" spans="1:7" x14ac:dyDescent="0.3">
      <c r="A4241" s="13" t="s">
        <v>44</v>
      </c>
      <c r="B4241" s="14" t="s">
        <v>1</v>
      </c>
      <c r="C4241" s="14" t="s">
        <v>38</v>
      </c>
      <c r="D4241" s="14" t="s">
        <v>45</v>
      </c>
      <c r="E4241" s="15">
        <v>45602</v>
      </c>
      <c r="F4241" s="14" t="s">
        <v>15</v>
      </c>
      <c r="G4241" s="16">
        <v>2.3507092112621253</v>
      </c>
    </row>
    <row r="4242" spans="1:7" x14ac:dyDescent="0.3">
      <c r="A4242" s="13" t="s">
        <v>44</v>
      </c>
      <c r="B4242" s="14" t="s">
        <v>1</v>
      </c>
      <c r="C4242" s="14" t="s">
        <v>38</v>
      </c>
      <c r="D4242" s="14" t="s">
        <v>45</v>
      </c>
      <c r="E4242" s="15">
        <v>45603</v>
      </c>
      <c r="F4242" s="14" t="s">
        <v>15</v>
      </c>
      <c r="G4242" s="16">
        <v>2.3499329027776192</v>
      </c>
    </row>
    <row r="4243" spans="1:7" x14ac:dyDescent="0.3">
      <c r="A4243" s="13" t="s">
        <v>44</v>
      </c>
      <c r="B4243" s="14" t="s">
        <v>1</v>
      </c>
      <c r="C4243" s="14" t="s">
        <v>38</v>
      </c>
      <c r="D4243" s="14" t="s">
        <v>45</v>
      </c>
      <c r="E4243" s="15">
        <v>45604</v>
      </c>
      <c r="F4243" s="14" t="s">
        <v>15</v>
      </c>
      <c r="G4243" s="16">
        <v>2.3896419067931132</v>
      </c>
    </row>
    <row r="4244" spans="1:7" x14ac:dyDescent="0.3">
      <c r="A4244" s="13" t="s">
        <v>44</v>
      </c>
      <c r="B4244" s="14" t="s">
        <v>1</v>
      </c>
      <c r="C4244" s="14" t="s">
        <v>38</v>
      </c>
      <c r="D4244" s="14" t="s">
        <v>45</v>
      </c>
      <c r="E4244" s="15">
        <v>45605</v>
      </c>
      <c r="F4244" s="14" t="s">
        <v>15</v>
      </c>
      <c r="G4244" s="16">
        <v>2.3896419067931132</v>
      </c>
    </row>
    <row r="4245" spans="1:7" x14ac:dyDescent="0.3">
      <c r="A4245" s="13" t="s">
        <v>44</v>
      </c>
      <c r="B4245" s="14" t="s">
        <v>1</v>
      </c>
      <c r="C4245" s="14" t="s">
        <v>38</v>
      </c>
      <c r="D4245" s="14" t="s">
        <v>45</v>
      </c>
      <c r="E4245" s="15">
        <v>45606</v>
      </c>
      <c r="F4245" s="14" t="s">
        <v>15</v>
      </c>
      <c r="G4245" s="16">
        <v>2.3896419067931132</v>
      </c>
    </row>
    <row r="4246" spans="1:7" x14ac:dyDescent="0.3">
      <c r="A4246" s="13" t="s">
        <v>44</v>
      </c>
      <c r="B4246" s="14" t="s">
        <v>1</v>
      </c>
      <c r="C4246" s="14" t="s">
        <v>38</v>
      </c>
      <c r="D4246" s="14" t="s">
        <v>45</v>
      </c>
      <c r="E4246" s="15">
        <v>45607</v>
      </c>
      <c r="F4246" s="14" t="s">
        <v>15</v>
      </c>
      <c r="G4246" s="16">
        <v>2.3888666608086075</v>
      </c>
    </row>
    <row r="4247" spans="1:7" x14ac:dyDescent="0.3">
      <c r="A4247" s="13" t="s">
        <v>44</v>
      </c>
      <c r="B4247" s="14" t="s">
        <v>1</v>
      </c>
      <c r="C4247" s="14" t="s">
        <v>38</v>
      </c>
      <c r="D4247" s="14" t="s">
        <v>45</v>
      </c>
      <c r="E4247" s="15">
        <v>45608</v>
      </c>
      <c r="F4247" s="14" t="s">
        <v>15</v>
      </c>
      <c r="G4247" s="16">
        <v>2.3865419773241014</v>
      </c>
    </row>
    <row r="4248" spans="1:7" x14ac:dyDescent="0.3">
      <c r="A4248" s="13" t="s">
        <v>44</v>
      </c>
      <c r="B4248" s="14" t="s">
        <v>1</v>
      </c>
      <c r="C4248" s="14" t="s">
        <v>38</v>
      </c>
      <c r="D4248" s="14" t="s">
        <v>45</v>
      </c>
      <c r="E4248" s="15">
        <v>45609</v>
      </c>
      <c r="F4248" s="14" t="s">
        <v>15</v>
      </c>
      <c r="G4248" s="16">
        <v>2.4013382938395953</v>
      </c>
    </row>
    <row r="4249" spans="1:7" x14ac:dyDescent="0.3">
      <c r="A4249" s="13" t="s">
        <v>44</v>
      </c>
      <c r="B4249" s="14" t="s">
        <v>1</v>
      </c>
      <c r="C4249" s="14" t="s">
        <v>38</v>
      </c>
      <c r="D4249" s="14" t="s">
        <v>45</v>
      </c>
      <c r="E4249" s="15">
        <v>45610</v>
      </c>
      <c r="F4249" s="14" t="s">
        <v>15</v>
      </c>
      <c r="G4249" s="16">
        <v>2.4005787353550891</v>
      </c>
    </row>
    <row r="4250" spans="1:7" x14ac:dyDescent="0.3">
      <c r="A4250" s="13" t="s">
        <v>44</v>
      </c>
      <c r="B4250" s="14" t="s">
        <v>1</v>
      </c>
      <c r="C4250" s="14" t="s">
        <v>38</v>
      </c>
      <c r="D4250" s="14" t="s">
        <v>45</v>
      </c>
      <c r="E4250" s="15">
        <v>45611</v>
      </c>
      <c r="F4250" s="14" t="s">
        <v>15</v>
      </c>
      <c r="G4250" s="16">
        <v>2.5136292393705832</v>
      </c>
    </row>
    <row r="4251" spans="1:7" x14ac:dyDescent="0.3">
      <c r="A4251" s="13" t="s">
        <v>44</v>
      </c>
      <c r="B4251" s="14" t="s">
        <v>1</v>
      </c>
      <c r="C4251" s="14" t="s">
        <v>38</v>
      </c>
      <c r="D4251" s="14" t="s">
        <v>45</v>
      </c>
      <c r="E4251" s="15">
        <v>45612</v>
      </c>
      <c r="F4251" s="14" t="s">
        <v>15</v>
      </c>
      <c r="G4251" s="16">
        <v>2.5136292393705832</v>
      </c>
    </row>
    <row r="4252" spans="1:7" x14ac:dyDescent="0.3">
      <c r="A4252" s="13" t="s">
        <v>44</v>
      </c>
      <c r="B4252" s="14" t="s">
        <v>1</v>
      </c>
      <c r="C4252" s="14" t="s">
        <v>38</v>
      </c>
      <c r="D4252" s="14" t="s">
        <v>45</v>
      </c>
      <c r="E4252" s="15">
        <v>45613</v>
      </c>
      <c r="F4252" s="14" t="s">
        <v>15</v>
      </c>
      <c r="G4252" s="16">
        <v>2.5136292393705832</v>
      </c>
    </row>
    <row r="4253" spans="1:7" x14ac:dyDescent="0.3">
      <c r="A4253" s="13" t="s">
        <v>44</v>
      </c>
      <c r="B4253" s="14" t="s">
        <v>1</v>
      </c>
      <c r="C4253" s="14" t="s">
        <v>38</v>
      </c>
      <c r="D4253" s="14" t="s">
        <v>45</v>
      </c>
      <c r="E4253" s="15">
        <v>45614</v>
      </c>
      <c r="F4253" s="14" t="s">
        <v>15</v>
      </c>
      <c r="G4253" s="16">
        <v>2.5128769308860774</v>
      </c>
    </row>
    <row r="4254" spans="1:7" x14ac:dyDescent="0.3">
      <c r="A4254" s="13" t="s">
        <v>44</v>
      </c>
      <c r="B4254" s="14" t="s">
        <v>1</v>
      </c>
      <c r="C4254" s="14" t="s">
        <v>38</v>
      </c>
      <c r="D4254" s="14" t="s">
        <v>45</v>
      </c>
      <c r="E4254" s="15">
        <v>45615</v>
      </c>
      <c r="F4254" s="14" t="s">
        <v>15</v>
      </c>
      <c r="G4254" s="16">
        <v>2.5106101849015716</v>
      </c>
    </row>
    <row r="4255" spans="1:7" x14ac:dyDescent="0.3">
      <c r="A4255" s="13" t="s">
        <v>44</v>
      </c>
      <c r="B4255" s="14" t="s">
        <v>1</v>
      </c>
      <c r="C4255" s="14" t="s">
        <v>38</v>
      </c>
      <c r="D4255" s="14" t="s">
        <v>45</v>
      </c>
      <c r="E4255" s="15">
        <v>45616</v>
      </c>
      <c r="F4255" s="14" t="s">
        <v>15</v>
      </c>
      <c r="G4255" s="16">
        <v>2.5098530014170652</v>
      </c>
    </row>
    <row r="4256" spans="1:7" x14ac:dyDescent="0.3">
      <c r="A4256" s="13" t="s">
        <v>44</v>
      </c>
      <c r="B4256" s="14" t="s">
        <v>1</v>
      </c>
      <c r="C4256" s="14" t="s">
        <v>38</v>
      </c>
      <c r="D4256" s="14" t="s">
        <v>45</v>
      </c>
      <c r="E4256" s="15">
        <v>45617</v>
      </c>
      <c r="F4256" s="14" t="s">
        <v>15</v>
      </c>
      <c r="G4256" s="16">
        <v>2.5573614429325593</v>
      </c>
    </row>
    <row r="4257" spans="1:7" x14ac:dyDescent="0.3">
      <c r="A4257" s="13" t="s">
        <v>44</v>
      </c>
      <c r="B4257" s="14" t="s">
        <v>1</v>
      </c>
      <c r="C4257" s="14" t="s">
        <v>38</v>
      </c>
      <c r="D4257" s="14" t="s">
        <v>45</v>
      </c>
      <c r="E4257" s="15">
        <v>45618</v>
      </c>
      <c r="F4257" s="14" t="s">
        <v>15</v>
      </c>
      <c r="G4257" s="16">
        <v>2.5566013844480535</v>
      </c>
    </row>
    <row r="4258" spans="1:7" x14ac:dyDescent="0.3">
      <c r="A4258" s="13" t="s">
        <v>44</v>
      </c>
      <c r="B4258" s="14" t="s">
        <v>1</v>
      </c>
      <c r="C4258" s="14" t="s">
        <v>38</v>
      </c>
      <c r="D4258" s="14" t="s">
        <v>45</v>
      </c>
      <c r="E4258" s="15">
        <v>45619</v>
      </c>
      <c r="F4258" s="14" t="s">
        <v>15</v>
      </c>
      <c r="G4258" s="16">
        <v>2.5566013844480535</v>
      </c>
    </row>
    <row r="4259" spans="1:7" x14ac:dyDescent="0.3">
      <c r="A4259" s="13" t="s">
        <v>44</v>
      </c>
      <c r="B4259" s="14" t="s">
        <v>1</v>
      </c>
      <c r="C4259" s="14" t="s">
        <v>38</v>
      </c>
      <c r="D4259" s="14" t="s">
        <v>45</v>
      </c>
      <c r="E4259" s="15">
        <v>45620</v>
      </c>
      <c r="F4259" s="14" t="s">
        <v>15</v>
      </c>
      <c r="G4259" s="16">
        <v>2.5566013844480535</v>
      </c>
    </row>
    <row r="4260" spans="1:7" x14ac:dyDescent="0.3">
      <c r="A4260" s="13" t="s">
        <v>44</v>
      </c>
      <c r="B4260" s="14" t="s">
        <v>1</v>
      </c>
      <c r="C4260" s="14" t="s">
        <v>38</v>
      </c>
      <c r="D4260" s="14" t="s">
        <v>45</v>
      </c>
      <c r="E4260" s="15">
        <v>45621</v>
      </c>
      <c r="F4260" s="14" t="s">
        <v>15</v>
      </c>
      <c r="G4260" s="16">
        <v>2.5558434509635473</v>
      </c>
    </row>
    <row r="4261" spans="1:7" x14ac:dyDescent="0.3">
      <c r="A4261" s="13" t="s">
        <v>44</v>
      </c>
      <c r="B4261" s="14" t="s">
        <v>1</v>
      </c>
      <c r="C4261" s="14" t="s">
        <v>38</v>
      </c>
      <c r="D4261" s="14" t="s">
        <v>45</v>
      </c>
      <c r="E4261" s="15">
        <v>45622</v>
      </c>
      <c r="F4261" s="14" t="s">
        <v>15</v>
      </c>
      <c r="G4261" s="16">
        <v>2.5715843299790411</v>
      </c>
    </row>
    <row r="4262" spans="1:7" x14ac:dyDescent="0.3">
      <c r="A4262" s="13" t="s">
        <v>44</v>
      </c>
      <c r="B4262" s="14" t="s">
        <v>1</v>
      </c>
      <c r="C4262" s="14" t="s">
        <v>38</v>
      </c>
      <c r="D4262" s="14" t="s">
        <v>45</v>
      </c>
      <c r="E4262" s="15">
        <v>45623</v>
      </c>
      <c r="F4262" s="14" t="s">
        <v>15</v>
      </c>
      <c r="G4262" s="16">
        <v>2.5690850839945352</v>
      </c>
    </row>
    <row r="4263" spans="1:7" x14ac:dyDescent="0.3">
      <c r="A4263" s="13" t="s">
        <v>44</v>
      </c>
      <c r="B4263" s="14" t="s">
        <v>1</v>
      </c>
      <c r="C4263" s="14" t="s">
        <v>38</v>
      </c>
      <c r="D4263" s="14" t="s">
        <v>45</v>
      </c>
      <c r="E4263" s="15">
        <v>45624</v>
      </c>
      <c r="F4263" s="14" t="s">
        <v>15</v>
      </c>
      <c r="G4263" s="16">
        <v>2.5777461505100296</v>
      </c>
    </row>
    <row r="4264" spans="1:7" x14ac:dyDescent="0.3">
      <c r="A4264" s="13" t="s">
        <v>44</v>
      </c>
      <c r="B4264" s="14" t="s">
        <v>1</v>
      </c>
      <c r="C4264" s="14" t="s">
        <v>38</v>
      </c>
      <c r="D4264" s="14" t="s">
        <v>45</v>
      </c>
      <c r="E4264" s="15">
        <v>45625</v>
      </c>
      <c r="F4264" s="14" t="s">
        <v>15</v>
      </c>
      <c r="G4264" s="16">
        <v>2.5965200920255236</v>
      </c>
    </row>
    <row r="4265" spans="1:7" x14ac:dyDescent="0.3">
      <c r="A4265" s="13" t="s">
        <v>44</v>
      </c>
      <c r="B4265" s="14" t="s">
        <v>1</v>
      </c>
      <c r="C4265" s="14" t="s">
        <v>38</v>
      </c>
      <c r="D4265" s="14" t="s">
        <v>45</v>
      </c>
      <c r="E4265" s="15">
        <v>45626</v>
      </c>
      <c r="F4265" s="14" t="s">
        <v>15</v>
      </c>
      <c r="G4265" s="16">
        <v>2.5965200920255236</v>
      </c>
    </row>
    <row r="4266" spans="1:7" x14ac:dyDescent="0.3">
      <c r="A4266" s="13" t="s">
        <v>44</v>
      </c>
      <c r="B4266" s="14" t="s">
        <v>1</v>
      </c>
      <c r="C4266" s="14" t="s">
        <v>38</v>
      </c>
      <c r="D4266" s="14" t="s">
        <v>45</v>
      </c>
      <c r="E4266" s="15">
        <v>45627</v>
      </c>
      <c r="F4266" s="14" t="s">
        <v>15</v>
      </c>
      <c r="G4266" s="16">
        <v>2.5965200920255236</v>
      </c>
    </row>
    <row r="4267" spans="1:7" x14ac:dyDescent="0.3">
      <c r="A4267" s="13" t="s">
        <v>44</v>
      </c>
      <c r="B4267" s="14" t="s">
        <v>1</v>
      </c>
      <c r="C4267" s="14" t="s">
        <v>38</v>
      </c>
      <c r="D4267" s="14" t="s">
        <v>45</v>
      </c>
      <c r="E4267" s="15">
        <v>45628</v>
      </c>
      <c r="F4267" s="14" t="s">
        <v>15</v>
      </c>
      <c r="G4267" s="16">
        <v>2.5957642210410174</v>
      </c>
    </row>
    <row r="4268" spans="1:7" x14ac:dyDescent="0.3">
      <c r="A4268" s="13" t="s">
        <v>44</v>
      </c>
      <c r="B4268" s="14" t="s">
        <v>1</v>
      </c>
      <c r="C4268" s="14" t="s">
        <v>38</v>
      </c>
      <c r="D4268" s="14" t="s">
        <v>45</v>
      </c>
      <c r="E4268" s="15">
        <v>45629</v>
      </c>
      <c r="F4268" s="14" t="s">
        <v>15</v>
      </c>
      <c r="G4268" s="16">
        <v>2.5934739125565116</v>
      </c>
    </row>
    <row r="4269" spans="1:7" x14ac:dyDescent="0.3">
      <c r="A4269" s="13" t="s">
        <v>44</v>
      </c>
      <c r="B4269" s="14" t="s">
        <v>1</v>
      </c>
      <c r="C4269" s="14" t="s">
        <v>38</v>
      </c>
      <c r="D4269" s="14" t="s">
        <v>45</v>
      </c>
      <c r="E4269" s="15">
        <v>45630</v>
      </c>
      <c r="F4269" s="14" t="s">
        <v>15</v>
      </c>
      <c r="G4269" s="16">
        <v>2.5927297915720056</v>
      </c>
    </row>
    <row r="4270" spans="1:7" x14ac:dyDescent="0.3">
      <c r="A4270" s="13" t="s">
        <v>44</v>
      </c>
      <c r="B4270" s="14" t="s">
        <v>1</v>
      </c>
      <c r="C4270" s="14" t="s">
        <v>38</v>
      </c>
      <c r="D4270" s="14" t="s">
        <v>45</v>
      </c>
      <c r="E4270" s="15">
        <v>45631</v>
      </c>
      <c r="F4270" s="14" t="s">
        <v>15</v>
      </c>
      <c r="G4270" s="16">
        <v>2.5919528580874998</v>
      </c>
    </row>
    <row r="4271" spans="1:7" x14ac:dyDescent="0.3">
      <c r="A4271" s="13" t="s">
        <v>44</v>
      </c>
      <c r="B4271" s="14" t="s">
        <v>1</v>
      </c>
      <c r="C4271" s="14" t="s">
        <v>38</v>
      </c>
      <c r="D4271" s="14" t="s">
        <v>45</v>
      </c>
      <c r="E4271" s="15">
        <v>45632</v>
      </c>
      <c r="F4271" s="14" t="s">
        <v>15</v>
      </c>
      <c r="G4271" s="16">
        <v>2.5911745496029934</v>
      </c>
    </row>
    <row r="4272" spans="1:7" x14ac:dyDescent="0.3">
      <c r="A4272" s="13" t="s">
        <v>44</v>
      </c>
      <c r="B4272" s="14" t="s">
        <v>1</v>
      </c>
      <c r="C4272" s="14" t="s">
        <v>38</v>
      </c>
      <c r="D4272" s="14" t="s">
        <v>45</v>
      </c>
      <c r="E4272" s="15">
        <v>45633</v>
      </c>
      <c r="F4272" s="14" t="s">
        <v>15</v>
      </c>
      <c r="G4272" s="16">
        <v>2.5911745496029934</v>
      </c>
    </row>
    <row r="4273" spans="1:7" x14ac:dyDescent="0.3">
      <c r="A4273" s="13" t="s">
        <v>44</v>
      </c>
      <c r="B4273" s="14" t="s">
        <v>1</v>
      </c>
      <c r="C4273" s="14" t="s">
        <v>38</v>
      </c>
      <c r="D4273" s="14" t="s">
        <v>45</v>
      </c>
      <c r="E4273" s="15">
        <v>45634</v>
      </c>
      <c r="F4273" s="14" t="s">
        <v>15</v>
      </c>
      <c r="G4273" s="16">
        <v>2.5911745496029934</v>
      </c>
    </row>
    <row r="4274" spans="1:7" x14ac:dyDescent="0.3">
      <c r="A4274" s="13" t="s">
        <v>44</v>
      </c>
      <c r="B4274" s="14" t="s">
        <v>1</v>
      </c>
      <c r="C4274" s="14" t="s">
        <v>38</v>
      </c>
      <c r="D4274" s="14" t="s">
        <v>45</v>
      </c>
      <c r="E4274" s="15">
        <v>45635</v>
      </c>
      <c r="F4274" s="14" t="s">
        <v>15</v>
      </c>
      <c r="G4274" s="16">
        <v>2.6051255536184876</v>
      </c>
    </row>
    <row r="4275" spans="1:7" x14ac:dyDescent="0.3">
      <c r="A4275" s="13" t="s">
        <v>44</v>
      </c>
      <c r="B4275" s="14" t="s">
        <v>1</v>
      </c>
      <c r="C4275" s="14" t="s">
        <v>38</v>
      </c>
      <c r="D4275" s="14" t="s">
        <v>45</v>
      </c>
      <c r="E4275" s="15">
        <v>45636</v>
      </c>
      <c r="F4275" s="14" t="s">
        <v>15</v>
      </c>
      <c r="G4275" s="16">
        <v>2.6027921826339813</v>
      </c>
    </row>
    <row r="4276" spans="1:7" x14ac:dyDescent="0.3">
      <c r="A4276" s="13" t="s">
        <v>44</v>
      </c>
      <c r="B4276" s="14" t="s">
        <v>1</v>
      </c>
      <c r="C4276" s="14" t="s">
        <v>38</v>
      </c>
      <c r="D4276" s="14" t="s">
        <v>45</v>
      </c>
      <c r="E4276" s="15">
        <v>45637</v>
      </c>
      <c r="F4276" s="14" t="s">
        <v>15</v>
      </c>
      <c r="G4276" s="16">
        <v>2.6020113116494756</v>
      </c>
    </row>
    <row r="4277" spans="1:7" x14ac:dyDescent="0.3">
      <c r="A4277" s="13" t="s">
        <v>44</v>
      </c>
      <c r="B4277" s="14" t="s">
        <v>1</v>
      </c>
      <c r="C4277" s="14" t="s">
        <v>38</v>
      </c>
      <c r="D4277" s="14" t="s">
        <v>45</v>
      </c>
      <c r="E4277" s="15">
        <v>45638</v>
      </c>
      <c r="F4277" s="14" t="s">
        <v>15</v>
      </c>
      <c r="G4277" s="16">
        <v>2.6012299406649695</v>
      </c>
    </row>
    <row r="4278" spans="1:7" x14ac:dyDescent="0.3">
      <c r="A4278" s="13" t="s">
        <v>44</v>
      </c>
      <c r="B4278" s="14" t="s">
        <v>1</v>
      </c>
      <c r="C4278" s="14" t="s">
        <v>38</v>
      </c>
      <c r="D4278" s="14" t="s">
        <v>45</v>
      </c>
      <c r="E4278" s="15">
        <v>45639</v>
      </c>
      <c r="F4278" s="14" t="s">
        <v>15</v>
      </c>
      <c r="G4278" s="16">
        <v>2.6248263821804634</v>
      </c>
    </row>
    <row r="4279" spans="1:7" x14ac:dyDescent="0.3">
      <c r="A4279" s="13" t="s">
        <v>44</v>
      </c>
      <c r="B4279" s="14" t="s">
        <v>1</v>
      </c>
      <c r="C4279" s="14" t="s">
        <v>38</v>
      </c>
      <c r="D4279" s="14" t="s">
        <v>45</v>
      </c>
      <c r="E4279" s="15">
        <v>45640</v>
      </c>
      <c r="F4279" s="14" t="s">
        <v>15</v>
      </c>
      <c r="G4279" s="16">
        <v>2.6248263821804634</v>
      </c>
    </row>
    <row r="4280" spans="1:7" x14ac:dyDescent="0.3">
      <c r="A4280" s="13" t="s">
        <v>44</v>
      </c>
      <c r="B4280" s="14" t="s">
        <v>1</v>
      </c>
      <c r="C4280" s="14" t="s">
        <v>38</v>
      </c>
      <c r="D4280" s="14" t="s">
        <v>45</v>
      </c>
      <c r="E4280" s="15">
        <v>45641</v>
      </c>
      <c r="F4280" s="14" t="s">
        <v>15</v>
      </c>
      <c r="G4280" s="16">
        <v>2.6248263821804634</v>
      </c>
    </row>
    <row r="4281" spans="1:7" x14ac:dyDescent="0.3">
      <c r="A4281" s="13" t="s">
        <v>44</v>
      </c>
      <c r="B4281" s="14" t="s">
        <v>1</v>
      </c>
      <c r="C4281" s="14" t="s">
        <v>38</v>
      </c>
      <c r="D4281" s="14" t="s">
        <v>45</v>
      </c>
      <c r="E4281" s="15">
        <v>45642</v>
      </c>
      <c r="F4281" s="14" t="s">
        <v>15</v>
      </c>
      <c r="G4281" s="16">
        <v>2.6240449486959574</v>
      </c>
    </row>
    <row r="4282" spans="1:7" x14ac:dyDescent="0.3">
      <c r="A4282" s="13" t="s">
        <v>44</v>
      </c>
      <c r="B4282" s="14" t="s">
        <v>1</v>
      </c>
      <c r="C4282" s="14" t="s">
        <v>38</v>
      </c>
      <c r="D4282" s="14" t="s">
        <v>45</v>
      </c>
      <c r="E4282" s="15">
        <v>45643</v>
      </c>
      <c r="F4282" s="14" t="s">
        <v>15</v>
      </c>
      <c r="G4282" s="16">
        <v>2.6217047652114513</v>
      </c>
    </row>
    <row r="4283" spans="1:7" x14ac:dyDescent="0.3">
      <c r="A4283" s="13" t="s">
        <v>44</v>
      </c>
      <c r="B4283" s="14" t="s">
        <v>1</v>
      </c>
      <c r="C4283" s="14" t="s">
        <v>38</v>
      </c>
      <c r="D4283" s="14" t="s">
        <v>45</v>
      </c>
      <c r="E4283" s="15">
        <v>45644</v>
      </c>
      <c r="F4283" s="14" t="s">
        <v>15</v>
      </c>
      <c r="G4283" s="16">
        <v>2.6209256442269453</v>
      </c>
    </row>
    <row r="4284" spans="1:7" x14ac:dyDescent="0.3">
      <c r="A4284" s="13" t="s">
        <v>44</v>
      </c>
      <c r="B4284" s="14" t="s">
        <v>1</v>
      </c>
      <c r="C4284" s="14" t="s">
        <v>38</v>
      </c>
      <c r="D4284" s="14" t="s">
        <v>45</v>
      </c>
      <c r="E4284" s="15">
        <v>45645</v>
      </c>
      <c r="F4284" s="14" t="s">
        <v>15</v>
      </c>
      <c r="G4284" s="16">
        <v>2.6201490857424394</v>
      </c>
    </row>
    <row r="4285" spans="1:7" x14ac:dyDescent="0.3">
      <c r="A4285" s="13" t="s">
        <v>44</v>
      </c>
      <c r="B4285" s="14" t="s">
        <v>1</v>
      </c>
      <c r="C4285" s="14" t="s">
        <v>38</v>
      </c>
      <c r="D4285" s="14" t="s">
        <v>45</v>
      </c>
      <c r="E4285" s="15">
        <v>45646</v>
      </c>
      <c r="F4285" s="14" t="s">
        <v>15</v>
      </c>
      <c r="G4285" s="16">
        <v>2.6193692147579331</v>
      </c>
    </row>
    <row r="4286" spans="1:7" x14ac:dyDescent="0.3">
      <c r="A4286" s="13" t="s">
        <v>44</v>
      </c>
      <c r="B4286" s="14" t="s">
        <v>1</v>
      </c>
      <c r="C4286" s="14" t="s">
        <v>38</v>
      </c>
      <c r="D4286" s="14" t="s">
        <v>45</v>
      </c>
      <c r="E4286" s="15">
        <v>45647</v>
      </c>
      <c r="F4286" s="14" t="s">
        <v>15</v>
      </c>
      <c r="G4286" s="16">
        <v>2.6193692147579331</v>
      </c>
    </row>
    <row r="4287" spans="1:7" x14ac:dyDescent="0.3">
      <c r="A4287" s="13" t="s">
        <v>44</v>
      </c>
      <c r="B4287" s="14" t="s">
        <v>1</v>
      </c>
      <c r="C4287" s="14" t="s">
        <v>38</v>
      </c>
      <c r="D4287" s="14" t="s">
        <v>45</v>
      </c>
      <c r="E4287" s="15">
        <v>45648</v>
      </c>
      <c r="F4287" s="14" t="s">
        <v>15</v>
      </c>
      <c r="G4287" s="16">
        <v>2.6193692147579331</v>
      </c>
    </row>
    <row r="4288" spans="1:7" x14ac:dyDescent="0.3">
      <c r="A4288" s="13" t="s">
        <v>44</v>
      </c>
      <c r="B4288" s="14" t="s">
        <v>1</v>
      </c>
      <c r="C4288" s="14" t="s">
        <v>38</v>
      </c>
      <c r="D4288" s="14" t="s">
        <v>45</v>
      </c>
      <c r="E4288" s="15">
        <v>45649</v>
      </c>
      <c r="F4288" s="14" t="s">
        <v>15</v>
      </c>
      <c r="G4288" s="16">
        <v>2.6185951562734271</v>
      </c>
    </row>
    <row r="4289" spans="1:7" x14ac:dyDescent="0.3">
      <c r="A4289" s="13" t="s">
        <v>44</v>
      </c>
      <c r="B4289" s="14" t="s">
        <v>1</v>
      </c>
      <c r="C4289" s="14" t="s">
        <v>38</v>
      </c>
      <c r="D4289" s="14" t="s">
        <v>45</v>
      </c>
      <c r="E4289" s="15">
        <v>45650</v>
      </c>
      <c r="F4289" s="14" t="s">
        <v>15</v>
      </c>
      <c r="G4289" s="16">
        <v>2.6162827227889212</v>
      </c>
    </row>
    <row r="4290" spans="1:7" x14ac:dyDescent="0.3">
      <c r="A4290" s="13" t="s">
        <v>44</v>
      </c>
      <c r="B4290" s="14" t="s">
        <v>1</v>
      </c>
      <c r="C4290" s="14" t="s">
        <v>38</v>
      </c>
      <c r="D4290" s="14" t="s">
        <v>45</v>
      </c>
      <c r="E4290" s="15">
        <v>45651</v>
      </c>
      <c r="F4290" s="14" t="s">
        <v>15</v>
      </c>
      <c r="G4290" s="16">
        <v>2.6162827227889212</v>
      </c>
    </row>
    <row r="4291" spans="1:7" x14ac:dyDescent="0.3">
      <c r="A4291" s="13" t="s">
        <v>44</v>
      </c>
      <c r="B4291" s="14" t="s">
        <v>1</v>
      </c>
      <c r="C4291" s="14" t="s">
        <v>38</v>
      </c>
      <c r="D4291" s="14" t="s">
        <v>45</v>
      </c>
      <c r="E4291" s="15">
        <v>45652</v>
      </c>
      <c r="F4291" s="14" t="s">
        <v>15</v>
      </c>
      <c r="G4291" s="16">
        <v>2.6162827227889212</v>
      </c>
    </row>
    <row r="4292" spans="1:7" x14ac:dyDescent="0.3">
      <c r="A4292" s="13" t="s">
        <v>44</v>
      </c>
      <c r="B4292" s="14" t="s">
        <v>1</v>
      </c>
      <c r="C4292" s="14" t="s">
        <v>38</v>
      </c>
      <c r="D4292" s="14" t="s">
        <v>45</v>
      </c>
      <c r="E4292" s="15">
        <v>45653</v>
      </c>
      <c r="F4292" s="14" t="s">
        <v>15</v>
      </c>
      <c r="G4292" s="16">
        <v>2.6162827227889212</v>
      </c>
    </row>
    <row r="4293" spans="1:7" x14ac:dyDescent="0.3">
      <c r="A4293" s="13" t="s">
        <v>44</v>
      </c>
      <c r="B4293" s="14" t="s">
        <v>1</v>
      </c>
      <c r="C4293" s="14" t="s">
        <v>38</v>
      </c>
      <c r="D4293" s="14" t="s">
        <v>45</v>
      </c>
      <c r="E4293" s="15">
        <v>45654</v>
      </c>
      <c r="F4293" s="14" t="s">
        <v>15</v>
      </c>
      <c r="G4293" s="16">
        <v>2.6162827227889212</v>
      </c>
    </row>
    <row r="4294" spans="1:7" x14ac:dyDescent="0.3">
      <c r="A4294" s="13" t="s">
        <v>44</v>
      </c>
      <c r="B4294" s="14" t="s">
        <v>1</v>
      </c>
      <c r="C4294" s="14" t="s">
        <v>38</v>
      </c>
      <c r="D4294" s="14" t="s">
        <v>45</v>
      </c>
      <c r="E4294" s="15">
        <v>45655</v>
      </c>
      <c r="F4294" s="14" t="s">
        <v>15</v>
      </c>
      <c r="G4294" s="16">
        <v>2.6162827227889212</v>
      </c>
    </row>
    <row r="4295" spans="1:7" x14ac:dyDescent="0.3">
      <c r="A4295" s="13" t="s">
        <v>44</v>
      </c>
      <c r="B4295" s="14" t="s">
        <v>1</v>
      </c>
      <c r="C4295" s="14" t="s">
        <v>38</v>
      </c>
      <c r="D4295" s="14" t="s">
        <v>45</v>
      </c>
      <c r="E4295" s="15">
        <v>45656</v>
      </c>
      <c r="F4295" s="14" t="s">
        <v>15</v>
      </c>
      <c r="G4295" s="16">
        <v>2.615504539304415</v>
      </c>
    </row>
    <row r="4296" spans="1:7" x14ac:dyDescent="0.3">
      <c r="A4296" s="13" t="s">
        <v>44</v>
      </c>
      <c r="B4296" s="14" t="s">
        <v>1</v>
      </c>
      <c r="C4296" s="14" t="s">
        <v>38</v>
      </c>
      <c r="D4296" s="14" t="s">
        <v>45</v>
      </c>
      <c r="E4296" s="15">
        <v>45657</v>
      </c>
      <c r="F4296" s="14" t="s">
        <v>15</v>
      </c>
      <c r="G4296" s="16">
        <v>2.6776859808199092</v>
      </c>
    </row>
    <row r="4297" spans="1:7" x14ac:dyDescent="0.3">
      <c r="A4297" s="13" t="s">
        <v>44</v>
      </c>
      <c r="B4297" s="14" t="s">
        <v>1</v>
      </c>
      <c r="C4297" s="14" t="s">
        <v>38</v>
      </c>
      <c r="D4297" s="14" t="s">
        <v>45</v>
      </c>
      <c r="E4297" s="15">
        <v>45658</v>
      </c>
      <c r="F4297" s="14" t="s">
        <v>15</v>
      </c>
      <c r="G4297" s="16">
        <v>2.6776859808199092</v>
      </c>
    </row>
    <row r="4298" spans="1:7" x14ac:dyDescent="0.3">
      <c r="A4298" s="13" t="s">
        <v>44</v>
      </c>
      <c r="B4298" s="14" t="s">
        <v>1</v>
      </c>
      <c r="C4298" s="14" t="s">
        <v>38</v>
      </c>
      <c r="D4298" s="14" t="s">
        <v>45</v>
      </c>
      <c r="E4298" s="15">
        <v>45659</v>
      </c>
      <c r="F4298" s="14" t="s">
        <v>15</v>
      </c>
      <c r="G4298" s="16">
        <v>2.6769060473354029</v>
      </c>
    </row>
    <row r="4299" spans="1:7" x14ac:dyDescent="0.3">
      <c r="A4299" s="13" t="s">
        <v>44</v>
      </c>
      <c r="B4299" s="14" t="s">
        <v>1</v>
      </c>
      <c r="C4299" s="14" t="s">
        <v>38</v>
      </c>
      <c r="D4299" s="14" t="s">
        <v>45</v>
      </c>
      <c r="E4299" s="15">
        <v>45660</v>
      </c>
      <c r="F4299" s="14" t="s">
        <v>15</v>
      </c>
      <c r="G4299" s="16">
        <v>2.8738721138508971</v>
      </c>
    </row>
    <row r="4300" spans="1:7" x14ac:dyDescent="0.3">
      <c r="A4300" s="13" t="s">
        <v>44</v>
      </c>
      <c r="B4300" s="14" t="s">
        <v>1</v>
      </c>
      <c r="C4300" s="14" t="s">
        <v>38</v>
      </c>
      <c r="D4300" s="14" t="s">
        <v>45</v>
      </c>
      <c r="E4300" s="15">
        <v>45661</v>
      </c>
      <c r="F4300" s="14" t="s">
        <v>15</v>
      </c>
      <c r="G4300" s="16">
        <v>2.8738721138508971</v>
      </c>
    </row>
    <row r="4301" spans="1:7" x14ac:dyDescent="0.3">
      <c r="A4301" s="13" t="s">
        <v>44</v>
      </c>
      <c r="B4301" s="14" t="s">
        <v>1</v>
      </c>
      <c r="C4301" s="14" t="s">
        <v>38</v>
      </c>
      <c r="D4301" s="14" t="s">
        <v>45</v>
      </c>
      <c r="E4301" s="15">
        <v>45662</v>
      </c>
      <c r="F4301" s="14" t="s">
        <v>15</v>
      </c>
      <c r="G4301" s="16">
        <v>2.8738721138508971</v>
      </c>
    </row>
    <row r="4302" spans="1:7" x14ac:dyDescent="0.3">
      <c r="A4302" s="13" t="s">
        <v>44</v>
      </c>
      <c r="B4302" s="14" t="s">
        <v>1</v>
      </c>
      <c r="C4302" s="14" t="s">
        <v>38</v>
      </c>
      <c r="D4302" s="14" t="s">
        <v>45</v>
      </c>
      <c r="E4302" s="15">
        <v>45663</v>
      </c>
      <c r="F4302" s="14" t="s">
        <v>15</v>
      </c>
      <c r="G4302" s="16">
        <v>2.8730969928663912</v>
      </c>
    </row>
    <row r="4303" spans="1:7" x14ac:dyDescent="0.3">
      <c r="A4303" s="13" t="s">
        <v>44</v>
      </c>
      <c r="B4303" s="14" t="s">
        <v>1</v>
      </c>
      <c r="C4303" s="14" t="s">
        <v>38</v>
      </c>
      <c r="D4303" s="14" t="s">
        <v>45</v>
      </c>
      <c r="E4303" s="15">
        <v>45664</v>
      </c>
      <c r="F4303" s="14" t="s">
        <v>15</v>
      </c>
      <c r="G4303" s="16">
        <v>2.8707975593818849</v>
      </c>
    </row>
    <row r="4304" spans="1:7" x14ac:dyDescent="0.3">
      <c r="A4304" s="13" t="s">
        <v>44</v>
      </c>
      <c r="B4304" s="14" t="s">
        <v>1</v>
      </c>
      <c r="C4304" s="14" t="s">
        <v>38</v>
      </c>
      <c r="D4304" s="14" t="s">
        <v>45</v>
      </c>
      <c r="E4304" s="15">
        <v>45665</v>
      </c>
      <c r="F4304" s="14" t="s">
        <v>15</v>
      </c>
      <c r="G4304" s="16">
        <v>2.870018188397379</v>
      </c>
    </row>
    <row r="4305" spans="1:7" x14ac:dyDescent="0.3">
      <c r="A4305" s="13" t="s">
        <v>44</v>
      </c>
      <c r="B4305" s="14" t="s">
        <v>1</v>
      </c>
      <c r="C4305" s="14" t="s">
        <v>38</v>
      </c>
      <c r="D4305" s="14" t="s">
        <v>45</v>
      </c>
      <c r="E4305" s="15">
        <v>45666</v>
      </c>
      <c r="F4305" s="14" t="s">
        <v>15</v>
      </c>
      <c r="G4305" s="16">
        <v>2.8692371924128728</v>
      </c>
    </row>
    <row r="4306" spans="1:7" x14ac:dyDescent="0.3">
      <c r="A4306" s="13" t="s">
        <v>44</v>
      </c>
      <c r="B4306" s="14" t="s">
        <v>1</v>
      </c>
      <c r="C4306" s="14" t="s">
        <v>38</v>
      </c>
      <c r="D4306" s="14" t="s">
        <v>45</v>
      </c>
      <c r="E4306" s="15">
        <v>45667</v>
      </c>
      <c r="F4306" s="14" t="s">
        <v>15</v>
      </c>
      <c r="G4306" s="16">
        <v>2.8820435714283672</v>
      </c>
    </row>
    <row r="4307" spans="1:7" x14ac:dyDescent="0.3">
      <c r="A4307" s="13" t="s">
        <v>44</v>
      </c>
      <c r="B4307" s="14" t="s">
        <v>1</v>
      </c>
      <c r="C4307" s="14" t="s">
        <v>38</v>
      </c>
      <c r="D4307" s="14" t="s">
        <v>45</v>
      </c>
      <c r="E4307" s="15">
        <v>45668</v>
      </c>
      <c r="F4307" s="14" t="s">
        <v>15</v>
      </c>
      <c r="G4307" s="16">
        <v>2.8820435714283672</v>
      </c>
    </row>
    <row r="4308" spans="1:7" x14ac:dyDescent="0.3">
      <c r="A4308" s="13" t="s">
        <v>44</v>
      </c>
      <c r="B4308" s="14" t="s">
        <v>1</v>
      </c>
      <c r="C4308" s="14" t="s">
        <v>38</v>
      </c>
      <c r="D4308" s="14" t="s">
        <v>45</v>
      </c>
      <c r="E4308" s="15">
        <v>45669</v>
      </c>
      <c r="F4308" s="14" t="s">
        <v>15</v>
      </c>
      <c r="G4308" s="16">
        <v>2.8820435714283672</v>
      </c>
    </row>
    <row r="4309" spans="1:7" x14ac:dyDescent="0.3">
      <c r="A4309" s="13" t="s">
        <v>44</v>
      </c>
      <c r="B4309" s="14" t="s">
        <v>1</v>
      </c>
      <c r="C4309" s="14" t="s">
        <v>38</v>
      </c>
      <c r="D4309" s="14" t="s">
        <v>45</v>
      </c>
      <c r="E4309" s="15">
        <v>45670</v>
      </c>
      <c r="F4309" s="14" t="s">
        <v>15</v>
      </c>
      <c r="G4309" s="16">
        <v>2.8812676379438611</v>
      </c>
    </row>
    <row r="4310" spans="1:7" x14ac:dyDescent="0.3">
      <c r="A4310" s="13" t="s">
        <v>44</v>
      </c>
      <c r="B4310" s="14" t="s">
        <v>1</v>
      </c>
      <c r="C4310" s="14" t="s">
        <v>38</v>
      </c>
      <c r="D4310" s="14" t="s">
        <v>45</v>
      </c>
      <c r="E4310" s="15">
        <v>45671</v>
      </c>
      <c r="F4310" s="14" t="s">
        <v>15</v>
      </c>
      <c r="G4310" s="16">
        <v>2.8790655794593549</v>
      </c>
    </row>
    <row r="4311" spans="1:7" x14ac:dyDescent="0.3">
      <c r="A4311" s="13" t="s">
        <v>44</v>
      </c>
      <c r="B4311" s="14" t="s">
        <v>1</v>
      </c>
      <c r="C4311" s="14" t="s">
        <v>38</v>
      </c>
      <c r="D4311" s="14" t="s">
        <v>45</v>
      </c>
      <c r="E4311" s="15">
        <v>45672</v>
      </c>
      <c r="F4311" s="14" t="s">
        <v>15</v>
      </c>
      <c r="G4311" s="16">
        <v>2.878299770974849</v>
      </c>
    </row>
    <row r="4312" spans="1:7" x14ac:dyDescent="0.3">
      <c r="A4312" s="13" t="s">
        <v>44</v>
      </c>
      <c r="B4312" s="14" t="s">
        <v>1</v>
      </c>
      <c r="C4312" s="14" t="s">
        <v>38</v>
      </c>
      <c r="D4312" s="14" t="s">
        <v>45</v>
      </c>
      <c r="E4312" s="15">
        <v>45673</v>
      </c>
      <c r="F4312" s="14" t="s">
        <v>15</v>
      </c>
      <c r="G4312" s="16">
        <v>2.8775293999903426</v>
      </c>
    </row>
    <row r="4313" spans="1:7" x14ac:dyDescent="0.3">
      <c r="A4313" s="13" t="s">
        <v>44</v>
      </c>
      <c r="B4313" s="14" t="s">
        <v>1</v>
      </c>
      <c r="C4313" s="14" t="s">
        <v>38</v>
      </c>
      <c r="D4313" s="14" t="s">
        <v>45</v>
      </c>
      <c r="E4313" s="15">
        <v>45674</v>
      </c>
      <c r="F4313" s="14" t="s">
        <v>15</v>
      </c>
      <c r="G4313" s="16">
        <v>2.8767593415058368</v>
      </c>
    </row>
    <row r="4314" spans="1:7" x14ac:dyDescent="0.3">
      <c r="A4314" s="13" t="s">
        <v>44</v>
      </c>
      <c r="B4314" s="14" t="s">
        <v>1</v>
      </c>
      <c r="C4314" s="14" t="s">
        <v>38</v>
      </c>
      <c r="D4314" s="14" t="s">
        <v>45</v>
      </c>
      <c r="E4314" s="15">
        <v>45675</v>
      </c>
      <c r="F4314" s="14" t="s">
        <v>15</v>
      </c>
      <c r="G4314" s="16">
        <v>2.8767593415058368</v>
      </c>
    </row>
    <row r="4315" spans="1:7" x14ac:dyDescent="0.3">
      <c r="A4315" s="13" t="s">
        <v>44</v>
      </c>
      <c r="B4315" s="14" t="s">
        <v>1</v>
      </c>
      <c r="C4315" s="14" t="s">
        <v>38</v>
      </c>
      <c r="D4315" s="14" t="s">
        <v>45</v>
      </c>
      <c r="E4315" s="15">
        <v>45676</v>
      </c>
      <c r="F4315" s="14" t="s">
        <v>15</v>
      </c>
      <c r="G4315" s="16">
        <v>2.8767593415058368</v>
      </c>
    </row>
    <row r="4316" spans="1:7" x14ac:dyDescent="0.3">
      <c r="A4316" s="13" t="s">
        <v>44</v>
      </c>
      <c r="B4316" s="14" t="s">
        <v>1</v>
      </c>
      <c r="C4316" s="14" t="s">
        <v>38</v>
      </c>
      <c r="D4316" s="14" t="s">
        <v>45</v>
      </c>
      <c r="E4316" s="15">
        <v>45677</v>
      </c>
      <c r="F4316" s="14" t="s">
        <v>15</v>
      </c>
      <c r="G4316" s="16">
        <v>2.8922971580213308</v>
      </c>
    </row>
    <row r="4317" spans="1:7" x14ac:dyDescent="0.3">
      <c r="A4317" s="13" t="s">
        <v>44</v>
      </c>
      <c r="B4317" s="14" t="s">
        <v>1</v>
      </c>
      <c r="C4317" s="14" t="s">
        <v>38</v>
      </c>
      <c r="D4317" s="14" t="s">
        <v>45</v>
      </c>
      <c r="E4317" s="15">
        <v>45678</v>
      </c>
      <c r="F4317" s="14" t="s">
        <v>15</v>
      </c>
      <c r="G4317" s="16">
        <v>2.8899650370368248</v>
      </c>
    </row>
    <row r="4318" spans="1:7" x14ac:dyDescent="0.3">
      <c r="A4318" s="13" t="s">
        <v>44</v>
      </c>
      <c r="B4318" s="14" t="s">
        <v>1</v>
      </c>
      <c r="C4318" s="14" t="s">
        <v>38</v>
      </c>
      <c r="D4318" s="14" t="s">
        <v>45</v>
      </c>
      <c r="E4318" s="15">
        <v>45679</v>
      </c>
      <c r="F4318" s="14" t="s">
        <v>15</v>
      </c>
      <c r="G4318" s="16">
        <v>2.8891842285523186</v>
      </c>
    </row>
    <row r="4319" spans="1:7" x14ac:dyDescent="0.3">
      <c r="A4319" s="13" t="s">
        <v>44</v>
      </c>
      <c r="B4319" s="14" t="s">
        <v>1</v>
      </c>
      <c r="C4319" s="14" t="s">
        <v>38</v>
      </c>
      <c r="D4319" s="14" t="s">
        <v>45</v>
      </c>
      <c r="E4319" s="15">
        <v>45680</v>
      </c>
      <c r="F4319" s="14" t="s">
        <v>15</v>
      </c>
      <c r="G4319" s="16">
        <v>2.888401920067813</v>
      </c>
    </row>
    <row r="4320" spans="1:7" x14ac:dyDescent="0.3">
      <c r="A4320" s="13" t="s">
        <v>44</v>
      </c>
      <c r="B4320" s="14" t="s">
        <v>1</v>
      </c>
      <c r="C4320" s="14" t="s">
        <v>38</v>
      </c>
      <c r="D4320" s="14" t="s">
        <v>45</v>
      </c>
      <c r="E4320" s="15">
        <v>45681</v>
      </c>
      <c r="F4320" s="14" t="s">
        <v>15</v>
      </c>
      <c r="G4320" s="16">
        <v>2.887619799083307</v>
      </c>
    </row>
    <row r="4321" spans="1:7" x14ac:dyDescent="0.3">
      <c r="A4321" s="13" t="s">
        <v>44</v>
      </c>
      <c r="B4321" s="14" t="s">
        <v>1</v>
      </c>
      <c r="C4321" s="14" t="s">
        <v>38</v>
      </c>
      <c r="D4321" s="14" t="s">
        <v>45</v>
      </c>
      <c r="E4321" s="15">
        <v>45682</v>
      </c>
      <c r="F4321" s="14" t="s">
        <v>15</v>
      </c>
      <c r="G4321" s="16">
        <v>2.887619799083307</v>
      </c>
    </row>
    <row r="4322" spans="1:7" x14ac:dyDescent="0.3">
      <c r="A4322" s="13" t="s">
        <v>44</v>
      </c>
      <c r="B4322" s="14" t="s">
        <v>1</v>
      </c>
      <c r="C4322" s="14" t="s">
        <v>38</v>
      </c>
      <c r="D4322" s="14" t="s">
        <v>45</v>
      </c>
      <c r="E4322" s="15">
        <v>45683</v>
      </c>
      <c r="F4322" s="14" t="s">
        <v>15</v>
      </c>
      <c r="G4322" s="16">
        <v>2.887619799083307</v>
      </c>
    </row>
    <row r="4323" spans="1:7" x14ac:dyDescent="0.3">
      <c r="A4323" s="13" t="s">
        <v>44</v>
      </c>
      <c r="B4323" s="14" t="s">
        <v>1</v>
      </c>
      <c r="C4323" s="14" t="s">
        <v>38</v>
      </c>
      <c r="D4323" s="14" t="s">
        <v>45</v>
      </c>
      <c r="E4323" s="15">
        <v>45684</v>
      </c>
      <c r="F4323" s="14" t="s">
        <v>15</v>
      </c>
      <c r="G4323" s="16">
        <v>2.8869928655988009</v>
      </c>
    </row>
    <row r="4324" spans="1:7" x14ac:dyDescent="0.3">
      <c r="A4324" s="13" t="s">
        <v>44</v>
      </c>
      <c r="B4324" s="14" t="s">
        <v>1</v>
      </c>
      <c r="C4324" s="14" t="s">
        <v>38</v>
      </c>
      <c r="D4324" s="14" t="s">
        <v>45</v>
      </c>
      <c r="E4324" s="15">
        <v>45685</v>
      </c>
      <c r="F4324" s="14" t="s">
        <v>15</v>
      </c>
      <c r="G4324" s="16">
        <v>2.8846342446142947</v>
      </c>
    </row>
    <row r="4325" spans="1:7" x14ac:dyDescent="0.3">
      <c r="A4325" s="13" t="s">
        <v>44</v>
      </c>
      <c r="B4325" s="14" t="s">
        <v>1</v>
      </c>
      <c r="C4325" s="14" t="s">
        <v>38</v>
      </c>
      <c r="D4325" s="14" t="s">
        <v>45</v>
      </c>
      <c r="E4325" s="15">
        <v>45686</v>
      </c>
      <c r="F4325" s="14" t="s">
        <v>15</v>
      </c>
      <c r="G4325" s="16">
        <v>2.8846342446142947</v>
      </c>
    </row>
    <row r="4326" spans="1:7" x14ac:dyDescent="0.3">
      <c r="A4326" s="13" t="s">
        <v>44</v>
      </c>
      <c r="B4326" s="14" t="s">
        <v>1</v>
      </c>
      <c r="C4326" s="14" t="s">
        <v>38</v>
      </c>
      <c r="D4326" s="14" t="s">
        <v>45</v>
      </c>
      <c r="E4326" s="15">
        <v>45687</v>
      </c>
      <c r="F4326" s="14" t="s">
        <v>15</v>
      </c>
      <c r="G4326" s="16">
        <v>2.8846342446142947</v>
      </c>
    </row>
    <row r="4327" spans="1:7" x14ac:dyDescent="0.3">
      <c r="A4327" s="13" t="s">
        <v>44</v>
      </c>
      <c r="B4327" s="14" t="s">
        <v>1</v>
      </c>
      <c r="C4327" s="14" t="s">
        <v>38</v>
      </c>
      <c r="D4327" s="14" t="s">
        <v>45</v>
      </c>
      <c r="E4327" s="15">
        <v>45688</v>
      </c>
      <c r="F4327" s="14" t="s">
        <v>15</v>
      </c>
      <c r="G4327" s="16">
        <v>2.8838470611297891</v>
      </c>
    </row>
    <row r="4328" spans="1:7" x14ac:dyDescent="0.3">
      <c r="A4328" s="13" t="s">
        <v>44</v>
      </c>
      <c r="B4328" s="14" t="s">
        <v>1</v>
      </c>
      <c r="C4328" s="14" t="s">
        <v>38</v>
      </c>
      <c r="D4328" s="14" t="s">
        <v>45</v>
      </c>
      <c r="E4328" s="15">
        <v>45689</v>
      </c>
      <c r="F4328" s="14" t="s">
        <v>15</v>
      </c>
      <c r="G4328" s="16">
        <v>2.8838470611297891</v>
      </c>
    </row>
    <row r="4329" spans="1:7" x14ac:dyDescent="0.3">
      <c r="A4329" s="13" t="s">
        <v>44</v>
      </c>
      <c r="B4329" s="14" t="s">
        <v>1</v>
      </c>
      <c r="C4329" s="14" t="s">
        <v>38</v>
      </c>
      <c r="D4329" s="14" t="s">
        <v>45</v>
      </c>
      <c r="E4329" s="15">
        <v>45690</v>
      </c>
      <c r="F4329" s="14" t="s">
        <v>15</v>
      </c>
      <c r="G4329" s="16">
        <v>2.8838470611297891</v>
      </c>
    </row>
    <row r="4330" spans="1:7" x14ac:dyDescent="0.3">
      <c r="A4330" s="13" t="s">
        <v>44</v>
      </c>
      <c r="B4330" s="14" t="s">
        <v>1</v>
      </c>
      <c r="C4330" s="14" t="s">
        <v>38</v>
      </c>
      <c r="D4330" s="14" t="s">
        <v>45</v>
      </c>
      <c r="E4330" s="15">
        <v>45691</v>
      </c>
      <c r="F4330" s="14" t="s">
        <v>15</v>
      </c>
      <c r="G4330" s="16">
        <v>2.8838470611297891</v>
      </c>
    </row>
    <row r="4331" spans="1:7" x14ac:dyDescent="0.3">
      <c r="A4331" s="13" t="s">
        <v>44</v>
      </c>
      <c r="B4331" s="14" t="s">
        <v>1</v>
      </c>
      <c r="C4331" s="14" t="s">
        <v>38</v>
      </c>
      <c r="D4331" s="14" t="s">
        <v>45</v>
      </c>
      <c r="E4331" s="15">
        <v>45692</v>
      </c>
      <c r="F4331" s="14" t="s">
        <v>15</v>
      </c>
      <c r="G4331" s="16">
        <v>2.8816061901452832</v>
      </c>
    </row>
    <row r="4332" spans="1:7" x14ac:dyDescent="0.3">
      <c r="A4332" s="13" t="s">
        <v>44</v>
      </c>
      <c r="B4332" s="14" t="s">
        <v>1</v>
      </c>
      <c r="C4332" s="14" t="s">
        <v>38</v>
      </c>
      <c r="D4332" s="14" t="s">
        <v>45</v>
      </c>
      <c r="E4332" s="15">
        <v>45693</v>
      </c>
      <c r="F4332" s="14" t="s">
        <v>15</v>
      </c>
      <c r="G4332" s="16">
        <v>2.8784395066607771</v>
      </c>
    </row>
    <row r="4333" spans="1:7" x14ac:dyDescent="0.3">
      <c r="A4333" s="13" t="s">
        <v>44</v>
      </c>
      <c r="B4333" s="14" t="s">
        <v>1</v>
      </c>
      <c r="C4333" s="14" t="s">
        <v>38</v>
      </c>
      <c r="D4333" s="14" t="s">
        <v>45</v>
      </c>
      <c r="E4333" s="15">
        <v>45694</v>
      </c>
      <c r="F4333" s="14" t="s">
        <v>15</v>
      </c>
      <c r="G4333" s="16">
        <v>2.8776512606762714</v>
      </c>
    </row>
    <row r="4334" spans="1:7" x14ac:dyDescent="0.3">
      <c r="A4334" s="13" t="s">
        <v>44</v>
      </c>
      <c r="B4334" s="14" t="s">
        <v>1</v>
      </c>
      <c r="C4334" s="14" t="s">
        <v>38</v>
      </c>
      <c r="D4334" s="14" t="s">
        <v>45</v>
      </c>
      <c r="E4334" s="15">
        <v>45695</v>
      </c>
      <c r="F4334" s="14" t="s">
        <v>15</v>
      </c>
      <c r="G4334" s="16">
        <v>2.8768622021917656</v>
      </c>
    </row>
    <row r="4335" spans="1:7" x14ac:dyDescent="0.3">
      <c r="A4335" s="13" t="s">
        <v>44</v>
      </c>
      <c r="B4335" s="14" t="s">
        <v>1</v>
      </c>
      <c r="C4335" s="14" t="s">
        <v>38</v>
      </c>
      <c r="D4335" s="14" t="s">
        <v>45</v>
      </c>
      <c r="E4335" s="15">
        <v>45696</v>
      </c>
      <c r="F4335" s="14" t="s">
        <v>15</v>
      </c>
      <c r="G4335" s="16">
        <v>2.8768622021917656</v>
      </c>
    </row>
    <row r="4336" spans="1:7" x14ac:dyDescent="0.3">
      <c r="A4336" s="13" t="s">
        <v>44</v>
      </c>
      <c r="B4336" s="14" t="s">
        <v>1</v>
      </c>
      <c r="C4336" s="14" t="s">
        <v>38</v>
      </c>
      <c r="D4336" s="14" t="s">
        <v>45</v>
      </c>
      <c r="E4336" s="15">
        <v>45697</v>
      </c>
      <c r="F4336" s="14" t="s">
        <v>15</v>
      </c>
      <c r="G4336" s="16">
        <v>2.8768622021917656</v>
      </c>
    </row>
    <row r="4337" spans="1:7" x14ac:dyDescent="0.3">
      <c r="A4337" s="13" t="s">
        <v>44</v>
      </c>
      <c r="B4337" s="14" t="s">
        <v>1</v>
      </c>
      <c r="C4337" s="14" t="s">
        <v>38</v>
      </c>
      <c r="D4337" s="14" t="s">
        <v>45</v>
      </c>
      <c r="E4337" s="15">
        <v>45698</v>
      </c>
      <c r="F4337" s="14" t="s">
        <v>15</v>
      </c>
      <c r="G4337" s="16">
        <v>2.8878718312072591</v>
      </c>
    </row>
    <row r="4338" spans="1:7" x14ac:dyDescent="0.3">
      <c r="A4338" s="13" t="s">
        <v>44</v>
      </c>
      <c r="B4338" s="14" t="s">
        <v>1</v>
      </c>
      <c r="C4338" s="14" t="s">
        <v>38</v>
      </c>
      <c r="D4338" s="14" t="s">
        <v>45</v>
      </c>
      <c r="E4338" s="15">
        <v>45699</v>
      </c>
      <c r="F4338" s="14" t="s">
        <v>15</v>
      </c>
      <c r="G4338" s="16">
        <v>2.8854918977227535</v>
      </c>
    </row>
    <row r="4339" spans="1:7" x14ac:dyDescent="0.3">
      <c r="A4339" s="13" t="s">
        <v>44</v>
      </c>
      <c r="B4339" s="14" t="s">
        <v>1</v>
      </c>
      <c r="C4339" s="14" t="s">
        <v>38</v>
      </c>
      <c r="D4339" s="14" t="s">
        <v>45</v>
      </c>
      <c r="E4339" s="15">
        <v>45700</v>
      </c>
      <c r="F4339" s="14" t="s">
        <v>15</v>
      </c>
      <c r="G4339" s="16">
        <v>2.8853652767382476</v>
      </c>
    </row>
    <row r="4340" spans="1:7" x14ac:dyDescent="0.3">
      <c r="A4340" s="13" t="s">
        <v>44</v>
      </c>
      <c r="B4340" s="14" t="s">
        <v>1</v>
      </c>
      <c r="C4340" s="14" t="s">
        <v>38</v>
      </c>
      <c r="D4340" s="14" t="s">
        <v>45</v>
      </c>
      <c r="E4340" s="15">
        <v>45701</v>
      </c>
      <c r="F4340" s="14" t="s">
        <v>15</v>
      </c>
      <c r="G4340" s="16">
        <v>2.9129875307537416</v>
      </c>
    </row>
    <row r="4341" spans="1:7" x14ac:dyDescent="0.3">
      <c r="A4341" s="13" t="s">
        <v>44</v>
      </c>
      <c r="B4341" s="14" t="s">
        <v>1</v>
      </c>
      <c r="C4341" s="14" t="s">
        <v>38</v>
      </c>
      <c r="D4341" s="14" t="s">
        <v>45</v>
      </c>
      <c r="E4341" s="15">
        <v>45702</v>
      </c>
      <c r="F4341" s="14" t="s">
        <v>15</v>
      </c>
      <c r="G4341" s="16">
        <v>2.9121955347692352</v>
      </c>
    </row>
    <row r="4342" spans="1:7" x14ac:dyDescent="0.3">
      <c r="A4342" s="13" t="s">
        <v>44</v>
      </c>
      <c r="B4342" s="14" t="s">
        <v>1</v>
      </c>
      <c r="C4342" s="14" t="s">
        <v>38</v>
      </c>
      <c r="D4342" s="14" t="s">
        <v>45</v>
      </c>
      <c r="E4342" s="15">
        <v>45703</v>
      </c>
      <c r="F4342" s="14" t="s">
        <v>15</v>
      </c>
      <c r="G4342" s="16">
        <v>2.9121955347692352</v>
      </c>
    </row>
    <row r="4343" spans="1:7" x14ac:dyDescent="0.3">
      <c r="A4343" s="13" t="s">
        <v>44</v>
      </c>
      <c r="B4343" s="14" t="s">
        <v>1</v>
      </c>
      <c r="C4343" s="14" t="s">
        <v>38</v>
      </c>
      <c r="D4343" s="14" t="s">
        <v>45</v>
      </c>
      <c r="E4343" s="15">
        <v>45704</v>
      </c>
      <c r="F4343" s="14" t="s">
        <v>15</v>
      </c>
      <c r="G4343" s="16">
        <v>2.9121955347692352</v>
      </c>
    </row>
    <row r="4344" spans="1:7" x14ac:dyDescent="0.3">
      <c r="A4344" s="13" t="s">
        <v>44</v>
      </c>
      <c r="B4344" s="14" t="s">
        <v>1</v>
      </c>
      <c r="C4344" s="14" t="s">
        <v>38</v>
      </c>
      <c r="D4344" s="14" t="s">
        <v>45</v>
      </c>
      <c r="E4344" s="15">
        <v>45705</v>
      </c>
      <c r="F4344" s="14" t="s">
        <v>15</v>
      </c>
      <c r="G4344" s="16">
        <v>2.9114027262847291</v>
      </c>
    </row>
    <row r="4345" spans="1:7" x14ac:dyDescent="0.3">
      <c r="A4345" s="13" t="s">
        <v>44</v>
      </c>
      <c r="B4345" s="14" t="s">
        <v>1</v>
      </c>
      <c r="C4345" s="14" t="s">
        <v>38</v>
      </c>
      <c r="D4345" s="14" t="s">
        <v>45</v>
      </c>
      <c r="E4345" s="15">
        <v>45706</v>
      </c>
      <c r="F4345" s="14" t="s">
        <v>15</v>
      </c>
      <c r="G4345" s="16">
        <v>2.9090087928002233</v>
      </c>
    </row>
    <row r="4346" spans="1:7" x14ac:dyDescent="0.3">
      <c r="A4346" s="13" t="s">
        <v>44</v>
      </c>
      <c r="B4346" s="14" t="s">
        <v>1</v>
      </c>
      <c r="C4346" s="14" t="s">
        <v>38</v>
      </c>
      <c r="D4346" s="14" t="s">
        <v>45</v>
      </c>
      <c r="E4346" s="15">
        <v>45707</v>
      </c>
      <c r="F4346" s="14" t="s">
        <v>15</v>
      </c>
      <c r="G4346" s="16">
        <v>2.914756296815717</v>
      </c>
    </row>
    <row r="4347" spans="1:7" x14ac:dyDescent="0.3">
      <c r="A4347" s="13" t="s">
        <v>44</v>
      </c>
      <c r="B4347" s="14" t="s">
        <v>1</v>
      </c>
      <c r="C4347" s="14" t="s">
        <v>38</v>
      </c>
      <c r="D4347" s="14" t="s">
        <v>45</v>
      </c>
      <c r="E4347" s="15">
        <v>45708</v>
      </c>
      <c r="F4347" s="14" t="s">
        <v>15</v>
      </c>
      <c r="G4347" s="16">
        <v>2.9139538008312109</v>
      </c>
    </row>
    <row r="4348" spans="1:7" x14ac:dyDescent="0.3">
      <c r="A4348" s="13" t="s">
        <v>44</v>
      </c>
      <c r="B4348" s="14" t="s">
        <v>1</v>
      </c>
      <c r="C4348" s="14" t="s">
        <v>38</v>
      </c>
      <c r="D4348" s="14" t="s">
        <v>45</v>
      </c>
      <c r="E4348" s="15">
        <v>45709</v>
      </c>
      <c r="F4348" s="14" t="s">
        <v>15</v>
      </c>
      <c r="G4348" s="16">
        <v>2.9131515548467051</v>
      </c>
    </row>
    <row r="4349" spans="1:7" x14ac:dyDescent="0.3">
      <c r="A4349" s="13" t="s">
        <v>44</v>
      </c>
      <c r="B4349" s="14" t="s">
        <v>1</v>
      </c>
      <c r="C4349" s="14" t="s">
        <v>38</v>
      </c>
      <c r="D4349" s="14" t="s">
        <v>45</v>
      </c>
      <c r="E4349" s="15">
        <v>45710</v>
      </c>
      <c r="F4349" s="14" t="s">
        <v>15</v>
      </c>
      <c r="G4349" s="16">
        <v>2.9131515548467051</v>
      </c>
    </row>
    <row r="4350" spans="1:7" x14ac:dyDescent="0.3">
      <c r="A4350" s="13" t="s">
        <v>44</v>
      </c>
      <c r="B4350" s="14" t="s">
        <v>1</v>
      </c>
      <c r="C4350" s="14" t="s">
        <v>38</v>
      </c>
      <c r="D4350" s="14" t="s">
        <v>45</v>
      </c>
      <c r="E4350" s="15">
        <v>45711</v>
      </c>
      <c r="F4350" s="14" t="s">
        <v>15</v>
      </c>
      <c r="G4350" s="16">
        <v>2.9131515548467051</v>
      </c>
    </row>
    <row r="4351" spans="1:7" x14ac:dyDescent="0.3">
      <c r="A4351" s="13" t="s">
        <v>44</v>
      </c>
      <c r="B4351" s="14" t="s">
        <v>1</v>
      </c>
      <c r="C4351" s="14" t="s">
        <v>38</v>
      </c>
      <c r="D4351" s="14" t="s">
        <v>45</v>
      </c>
      <c r="E4351" s="15">
        <v>45712</v>
      </c>
      <c r="F4351" s="14" t="s">
        <v>15</v>
      </c>
      <c r="G4351" s="16">
        <v>2.9123537463621991</v>
      </c>
    </row>
    <row r="4352" spans="1:7" x14ac:dyDescent="0.3">
      <c r="A4352" s="13" t="s">
        <v>44</v>
      </c>
      <c r="B4352" s="14" t="s">
        <v>1</v>
      </c>
      <c r="C4352" s="14" t="s">
        <v>38</v>
      </c>
      <c r="D4352" s="14" t="s">
        <v>45</v>
      </c>
      <c r="E4352" s="15">
        <v>45713</v>
      </c>
      <c r="F4352" s="14" t="s">
        <v>15</v>
      </c>
      <c r="G4352" s="16">
        <v>2.9099443753776928</v>
      </c>
    </row>
    <row r="4353" spans="1:7" x14ac:dyDescent="0.3">
      <c r="A4353" s="13" t="s">
        <v>44</v>
      </c>
      <c r="B4353" s="14" t="s">
        <v>1</v>
      </c>
      <c r="C4353" s="14" t="s">
        <v>38</v>
      </c>
      <c r="D4353" s="14" t="s">
        <v>45</v>
      </c>
      <c r="E4353" s="15">
        <v>45714</v>
      </c>
      <c r="F4353" s="14" t="s">
        <v>15</v>
      </c>
      <c r="G4353" s="16">
        <v>2.9091425668931872</v>
      </c>
    </row>
    <row r="4354" spans="1:7" x14ac:dyDescent="0.3">
      <c r="A4354" s="13" t="s">
        <v>44</v>
      </c>
      <c r="B4354" s="14" t="s">
        <v>1</v>
      </c>
      <c r="C4354" s="14" t="s">
        <v>38</v>
      </c>
      <c r="D4354" s="14" t="s">
        <v>45</v>
      </c>
      <c r="E4354" s="15">
        <v>45715</v>
      </c>
      <c r="F4354" s="14" t="s">
        <v>15</v>
      </c>
      <c r="G4354" s="16">
        <v>2.9083464459086814</v>
      </c>
    </row>
    <row r="4355" spans="1:7" x14ac:dyDescent="0.3">
      <c r="A4355" s="13" t="s">
        <v>44</v>
      </c>
      <c r="B4355" s="14" t="s">
        <v>1</v>
      </c>
      <c r="C4355" s="14" t="s">
        <v>38</v>
      </c>
      <c r="D4355" s="14" t="s">
        <v>45</v>
      </c>
      <c r="E4355" s="15">
        <v>45716</v>
      </c>
      <c r="F4355" s="14" t="s">
        <v>15</v>
      </c>
      <c r="G4355" s="16">
        <v>2.9427800749241753</v>
      </c>
    </row>
    <row r="4356" spans="1:7" x14ac:dyDescent="0.3">
      <c r="A4356" s="13" t="s">
        <v>44</v>
      </c>
      <c r="B4356" s="14" t="s">
        <v>1</v>
      </c>
      <c r="C4356" s="14" t="s">
        <v>38</v>
      </c>
      <c r="D4356" s="14" t="s">
        <v>45</v>
      </c>
      <c r="E4356" s="15">
        <v>45717</v>
      </c>
      <c r="F4356" s="14" t="s">
        <v>15</v>
      </c>
      <c r="G4356" s="16">
        <v>2.9427800749241753</v>
      </c>
    </row>
    <row r="4357" spans="1:7" x14ac:dyDescent="0.3">
      <c r="A4357" s="13" t="s">
        <v>44</v>
      </c>
      <c r="B4357" s="14" t="s">
        <v>1</v>
      </c>
      <c r="C4357" s="14" t="s">
        <v>38</v>
      </c>
      <c r="D4357" s="14" t="s">
        <v>45</v>
      </c>
      <c r="E4357" s="15">
        <v>45718</v>
      </c>
      <c r="F4357" s="14" t="s">
        <v>15</v>
      </c>
      <c r="G4357" s="16">
        <v>2.9427800749241753</v>
      </c>
    </row>
    <row r="4358" spans="1:7" x14ac:dyDescent="0.3">
      <c r="A4358" s="13" t="s">
        <v>44</v>
      </c>
      <c r="B4358" s="14" t="s">
        <v>1</v>
      </c>
      <c r="C4358" s="14" t="s">
        <v>38</v>
      </c>
      <c r="D4358" s="14" t="s">
        <v>45</v>
      </c>
      <c r="E4358" s="15">
        <v>45719</v>
      </c>
      <c r="F4358" s="14" t="s">
        <v>15</v>
      </c>
      <c r="G4358" s="16">
        <v>2.9419820164396695</v>
      </c>
    </row>
    <row r="4359" spans="1:7" x14ac:dyDescent="0.3">
      <c r="A4359" s="13" t="s">
        <v>44</v>
      </c>
      <c r="B4359" s="14" t="s">
        <v>1</v>
      </c>
      <c r="C4359" s="14" t="s">
        <v>38</v>
      </c>
      <c r="D4359" s="14" t="s">
        <v>45</v>
      </c>
      <c r="E4359" s="15">
        <v>45720</v>
      </c>
      <c r="F4359" s="14" t="s">
        <v>15</v>
      </c>
      <c r="G4359" s="16">
        <v>2.9398968954551634</v>
      </c>
    </row>
    <row r="4360" spans="1:7" x14ac:dyDescent="0.3">
      <c r="A4360" s="13" t="s">
        <v>44</v>
      </c>
      <c r="B4360" s="14" t="s">
        <v>1</v>
      </c>
      <c r="C4360" s="14" t="s">
        <v>38</v>
      </c>
      <c r="D4360" s="14" t="s">
        <v>45</v>
      </c>
      <c r="E4360" s="15">
        <v>45721</v>
      </c>
      <c r="F4360" s="14" t="s">
        <v>15</v>
      </c>
      <c r="G4360" s="16">
        <v>2.9391975244706572</v>
      </c>
    </row>
    <row r="4361" spans="1:7" x14ac:dyDescent="0.3">
      <c r="A4361" s="13" t="s">
        <v>44</v>
      </c>
      <c r="B4361" s="14" t="s">
        <v>1</v>
      </c>
      <c r="C4361" s="14" t="s">
        <v>38</v>
      </c>
      <c r="D4361" s="14" t="s">
        <v>45</v>
      </c>
      <c r="E4361" s="15">
        <v>45722</v>
      </c>
      <c r="F4361" s="14" t="s">
        <v>15</v>
      </c>
      <c r="G4361" s="16">
        <v>2.9932702159861515</v>
      </c>
    </row>
    <row r="4362" spans="1:7" x14ac:dyDescent="0.3">
      <c r="A4362" s="13" t="s">
        <v>44</v>
      </c>
      <c r="B4362" s="14" t="s">
        <v>1</v>
      </c>
      <c r="C4362" s="14" t="s">
        <v>38</v>
      </c>
      <c r="D4362" s="14" t="s">
        <v>45</v>
      </c>
      <c r="E4362" s="15">
        <v>45723</v>
      </c>
      <c r="F4362" s="14" t="s">
        <v>15</v>
      </c>
      <c r="G4362" s="16">
        <v>3.1082820325016454</v>
      </c>
    </row>
    <row r="4363" spans="1:7" x14ac:dyDescent="0.3">
      <c r="A4363" s="13" t="s">
        <v>44</v>
      </c>
      <c r="B4363" s="14" t="s">
        <v>1</v>
      </c>
      <c r="C4363" s="14" t="s">
        <v>38</v>
      </c>
      <c r="D4363" s="14" t="s">
        <v>45</v>
      </c>
      <c r="E4363" s="15">
        <v>45724</v>
      </c>
      <c r="F4363" s="14" t="s">
        <v>15</v>
      </c>
      <c r="G4363" s="16">
        <v>3.1082820325016454</v>
      </c>
    </row>
    <row r="4364" spans="1:7" x14ac:dyDescent="0.3">
      <c r="A4364" s="13" t="s">
        <v>44</v>
      </c>
      <c r="B4364" s="14" t="s">
        <v>1</v>
      </c>
      <c r="C4364" s="14" t="s">
        <v>38</v>
      </c>
      <c r="D4364" s="14" t="s">
        <v>45</v>
      </c>
      <c r="E4364" s="15">
        <v>45725</v>
      </c>
      <c r="F4364" s="14" t="s">
        <v>15</v>
      </c>
      <c r="G4364" s="16">
        <v>3.1082820325016454</v>
      </c>
    </row>
    <row r="4365" spans="1:7" x14ac:dyDescent="0.3">
      <c r="A4365" s="13" t="s">
        <v>44</v>
      </c>
      <c r="B4365" s="14" t="s">
        <v>1</v>
      </c>
      <c r="C4365" s="14" t="s">
        <v>38</v>
      </c>
      <c r="D4365" s="14" t="s">
        <v>45</v>
      </c>
      <c r="E4365" s="15">
        <v>45726</v>
      </c>
      <c r="F4365" s="14" t="s">
        <v>15</v>
      </c>
      <c r="G4365" s="16">
        <v>3.1164599740171393</v>
      </c>
    </row>
    <row r="4366" spans="1:7" x14ac:dyDescent="0.3">
      <c r="A4366" s="13" t="s">
        <v>44</v>
      </c>
      <c r="B4366" s="14" t="s">
        <v>1</v>
      </c>
      <c r="C4366" s="14" t="s">
        <v>38</v>
      </c>
      <c r="D4366" s="14" t="s">
        <v>45</v>
      </c>
      <c r="E4366" s="15">
        <v>45727</v>
      </c>
      <c r="F4366" s="14" t="s">
        <v>15</v>
      </c>
      <c r="G4366" s="16">
        <v>3.1143236030326333</v>
      </c>
    </row>
    <row r="4367" spans="1:7" x14ac:dyDescent="0.3">
      <c r="A4367" s="13" t="s">
        <v>44</v>
      </c>
      <c r="B4367" s="14" t="s">
        <v>1</v>
      </c>
      <c r="C4367" s="14" t="s">
        <v>38</v>
      </c>
      <c r="D4367" s="14" t="s">
        <v>45</v>
      </c>
      <c r="E4367" s="15">
        <v>45728</v>
      </c>
      <c r="F4367" s="14" t="s">
        <v>15</v>
      </c>
      <c r="G4367" s="16">
        <v>3.1136138570481275</v>
      </c>
    </row>
    <row r="4368" spans="1:7" x14ac:dyDescent="0.3">
      <c r="A4368" s="13" t="s">
        <v>44</v>
      </c>
      <c r="B4368" s="14" t="s">
        <v>1</v>
      </c>
      <c r="C4368" s="14" t="s">
        <v>38</v>
      </c>
      <c r="D4368" s="14" t="s">
        <v>45</v>
      </c>
      <c r="E4368" s="15">
        <v>45729</v>
      </c>
      <c r="F4368" s="14" t="s">
        <v>15</v>
      </c>
      <c r="G4368" s="16">
        <v>3.1129083610636217</v>
      </c>
    </row>
    <row r="4369" spans="1:7" x14ac:dyDescent="0.3">
      <c r="A4369" s="13" t="s">
        <v>44</v>
      </c>
      <c r="B4369" s="14" t="s">
        <v>1</v>
      </c>
      <c r="C4369" s="14" t="s">
        <v>38</v>
      </c>
      <c r="D4369" s="14" t="s">
        <v>45</v>
      </c>
      <c r="E4369" s="15">
        <v>45730</v>
      </c>
      <c r="F4369" s="14" t="s">
        <v>15</v>
      </c>
      <c r="G4369" s="16">
        <v>3.1825226775791156</v>
      </c>
    </row>
    <row r="4370" spans="1:7" x14ac:dyDescent="0.3">
      <c r="A4370" s="13" t="s">
        <v>44</v>
      </c>
      <c r="B4370" s="14" t="s">
        <v>1</v>
      </c>
      <c r="C4370" s="14" t="s">
        <v>38</v>
      </c>
      <c r="D4370" s="14" t="s">
        <v>45</v>
      </c>
      <c r="E4370" s="15">
        <v>45731</v>
      </c>
      <c r="F4370" s="14" t="s">
        <v>15</v>
      </c>
      <c r="G4370" s="16">
        <v>3.1825226775791156</v>
      </c>
    </row>
    <row r="4371" spans="1:7" x14ac:dyDescent="0.3">
      <c r="A4371" s="13" t="s">
        <v>44</v>
      </c>
      <c r="B4371" s="14" t="s">
        <v>1</v>
      </c>
      <c r="C4371" s="14" t="s">
        <v>38</v>
      </c>
      <c r="D4371" s="14" t="s">
        <v>45</v>
      </c>
      <c r="E4371" s="15">
        <v>45732</v>
      </c>
      <c r="F4371" s="14" t="s">
        <v>15</v>
      </c>
      <c r="G4371" s="16">
        <v>3.1825226775791156</v>
      </c>
    </row>
    <row r="4372" spans="1:7" x14ac:dyDescent="0.3">
      <c r="A4372" s="13" t="s">
        <v>44</v>
      </c>
      <c r="B4372" s="14" t="s">
        <v>1</v>
      </c>
      <c r="C4372" s="14" t="s">
        <v>38</v>
      </c>
      <c r="D4372" s="14" t="s">
        <v>45</v>
      </c>
      <c r="E4372" s="15">
        <v>45733</v>
      </c>
      <c r="F4372" s="14" t="s">
        <v>15</v>
      </c>
      <c r="G4372" s="16">
        <v>3.1825226775791156</v>
      </c>
    </row>
    <row r="4373" spans="1:7" x14ac:dyDescent="0.3">
      <c r="A4373" s="13" t="s">
        <v>44</v>
      </c>
      <c r="B4373" s="14" t="s">
        <v>1</v>
      </c>
      <c r="C4373" s="14" t="s">
        <v>38</v>
      </c>
      <c r="D4373" s="14" t="s">
        <v>45</v>
      </c>
      <c r="E4373" s="15">
        <v>45734</v>
      </c>
      <c r="F4373" s="14" t="s">
        <v>15</v>
      </c>
      <c r="G4373" s="16">
        <v>3.1822883690946093</v>
      </c>
    </row>
    <row r="4374" spans="1:7" x14ac:dyDescent="0.3">
      <c r="A4374" s="13" t="s">
        <v>44</v>
      </c>
      <c r="B4374" s="14" t="s">
        <v>1</v>
      </c>
      <c r="C4374" s="14" t="s">
        <v>38</v>
      </c>
      <c r="D4374" s="14" t="s">
        <v>45</v>
      </c>
      <c r="E4374" s="15">
        <v>45735</v>
      </c>
      <c r="F4374" s="14" t="s">
        <v>15</v>
      </c>
      <c r="G4374" s="16">
        <v>3.3626549356101036</v>
      </c>
    </row>
    <row r="4375" spans="1:7" x14ac:dyDescent="0.3">
      <c r="A4375" s="13" t="s">
        <v>44</v>
      </c>
      <c r="B4375" s="14" t="s">
        <v>1</v>
      </c>
      <c r="C4375" s="14" t="s">
        <v>38</v>
      </c>
      <c r="D4375" s="14" t="s">
        <v>45</v>
      </c>
      <c r="E4375" s="15">
        <v>45736</v>
      </c>
      <c r="F4375" s="14" t="s">
        <v>15</v>
      </c>
      <c r="G4375" s="16">
        <v>3.3619415646255977</v>
      </c>
    </row>
    <row r="4376" spans="1:7" x14ac:dyDescent="0.3">
      <c r="A4376" s="13" t="s">
        <v>44</v>
      </c>
      <c r="B4376" s="14" t="s">
        <v>1</v>
      </c>
      <c r="C4376" s="14" t="s">
        <v>38</v>
      </c>
      <c r="D4376" s="14" t="s">
        <v>45</v>
      </c>
      <c r="E4376" s="15">
        <v>45737</v>
      </c>
      <c r="F4376" s="14" t="s">
        <v>15</v>
      </c>
      <c r="G4376" s="16">
        <v>3.3612293811410918</v>
      </c>
    </row>
    <row r="4377" spans="1:7" x14ac:dyDescent="0.3">
      <c r="A4377" s="13" t="s">
        <v>44</v>
      </c>
      <c r="B4377" s="14" t="s">
        <v>1</v>
      </c>
      <c r="C4377" s="14" t="s">
        <v>38</v>
      </c>
      <c r="D4377" s="14" t="s">
        <v>45</v>
      </c>
      <c r="E4377" s="15">
        <v>45738</v>
      </c>
      <c r="F4377" s="14" t="s">
        <v>15</v>
      </c>
      <c r="G4377" s="16">
        <v>3.3612293811410918</v>
      </c>
    </row>
    <row r="4378" spans="1:7" x14ac:dyDescent="0.3">
      <c r="A4378" s="13" t="s">
        <v>44</v>
      </c>
      <c r="B4378" s="14" t="s">
        <v>1</v>
      </c>
      <c r="C4378" s="14" t="s">
        <v>38</v>
      </c>
      <c r="D4378" s="14" t="s">
        <v>45</v>
      </c>
      <c r="E4378" s="15">
        <v>45739</v>
      </c>
      <c r="F4378" s="14" t="s">
        <v>15</v>
      </c>
      <c r="G4378" s="16">
        <v>3.3612293811410918</v>
      </c>
    </row>
    <row r="4379" spans="1:7" x14ac:dyDescent="0.3">
      <c r="A4379" s="13" t="s">
        <v>44</v>
      </c>
      <c r="B4379" s="14" t="s">
        <v>1</v>
      </c>
      <c r="C4379" s="14" t="s">
        <v>38</v>
      </c>
      <c r="D4379" s="14" t="s">
        <v>45</v>
      </c>
      <c r="E4379" s="15">
        <v>45740</v>
      </c>
      <c r="F4379" s="14" t="s">
        <v>15</v>
      </c>
      <c r="G4379" s="16">
        <v>3.3605181976565857</v>
      </c>
    </row>
    <row r="4380" spans="1:7" x14ac:dyDescent="0.3">
      <c r="A4380" s="13" t="s">
        <v>44</v>
      </c>
      <c r="B4380" s="14" t="s">
        <v>1</v>
      </c>
      <c r="C4380" s="14" t="s">
        <v>38</v>
      </c>
      <c r="D4380" s="14" t="s">
        <v>45</v>
      </c>
      <c r="E4380" s="15">
        <v>45741</v>
      </c>
      <c r="F4380" s="14" t="s">
        <v>15</v>
      </c>
      <c r="G4380" s="16">
        <v>3.3583908266720797</v>
      </c>
    </row>
    <row r="4381" spans="1:7" x14ac:dyDescent="0.3">
      <c r="A4381" s="13" t="s">
        <v>44</v>
      </c>
      <c r="B4381" s="14" t="s">
        <v>1</v>
      </c>
      <c r="C4381" s="14" t="s">
        <v>38</v>
      </c>
      <c r="D4381" s="14" t="s">
        <v>45</v>
      </c>
      <c r="E4381" s="15">
        <v>45742</v>
      </c>
      <c r="F4381" s="14" t="s">
        <v>15</v>
      </c>
      <c r="G4381" s="16">
        <v>3.4785795806875734</v>
      </c>
    </row>
    <row r="4382" spans="1:7" x14ac:dyDescent="0.3">
      <c r="A4382" s="13" t="s">
        <v>44</v>
      </c>
      <c r="B4382" s="14" t="s">
        <v>1</v>
      </c>
      <c r="C4382" s="14" t="s">
        <v>38</v>
      </c>
      <c r="D4382" s="14" t="s">
        <v>45</v>
      </c>
      <c r="E4382" s="15">
        <v>45743</v>
      </c>
      <c r="F4382" s="14" t="s">
        <v>15</v>
      </c>
      <c r="G4382" s="16">
        <v>3.4778972722030672</v>
      </c>
    </row>
    <row r="4383" spans="1:7" x14ac:dyDescent="0.3">
      <c r="A4383" s="13" t="s">
        <v>44</v>
      </c>
      <c r="B4383" s="14" t="s">
        <v>1</v>
      </c>
      <c r="C4383" s="14" t="s">
        <v>38</v>
      </c>
      <c r="D4383" s="14" t="s">
        <v>45</v>
      </c>
      <c r="E4383" s="15">
        <v>45744</v>
      </c>
      <c r="F4383" s="14" t="s">
        <v>15</v>
      </c>
      <c r="G4383" s="16">
        <v>3.4771829637185614</v>
      </c>
    </row>
    <row r="4384" spans="1:7" x14ac:dyDescent="0.3">
      <c r="A4384" s="13" t="s">
        <v>44</v>
      </c>
      <c r="B4384" s="14" t="s">
        <v>1</v>
      </c>
      <c r="C4384" s="14" t="s">
        <v>38</v>
      </c>
      <c r="D4384" s="14" t="s">
        <v>45</v>
      </c>
      <c r="E4384" s="15">
        <v>45745</v>
      </c>
      <c r="F4384" s="14" t="s">
        <v>15</v>
      </c>
      <c r="G4384" s="16">
        <v>3.4771829637185614</v>
      </c>
    </row>
    <row r="4385" spans="1:7" x14ac:dyDescent="0.3">
      <c r="A4385" s="13" t="s">
        <v>44</v>
      </c>
      <c r="B4385" s="14" t="s">
        <v>1</v>
      </c>
      <c r="C4385" s="14" t="s">
        <v>38</v>
      </c>
      <c r="D4385" s="14" t="s">
        <v>45</v>
      </c>
      <c r="E4385" s="15">
        <v>45746</v>
      </c>
      <c r="F4385" s="14" t="s">
        <v>15</v>
      </c>
      <c r="G4385" s="16">
        <v>3.4771829637185614</v>
      </c>
    </row>
    <row r="4386" spans="1:7" x14ac:dyDescent="0.3">
      <c r="A4386" s="13" t="s">
        <v>44</v>
      </c>
      <c r="B4386" s="14" t="s">
        <v>1</v>
      </c>
      <c r="C4386" s="14" t="s">
        <v>38</v>
      </c>
      <c r="D4386" s="14" t="s">
        <v>45</v>
      </c>
      <c r="E4386" s="15">
        <v>45747</v>
      </c>
      <c r="F4386" s="14" t="s">
        <v>15</v>
      </c>
      <c r="G4386" s="16">
        <v>3.4771829637185614</v>
      </c>
    </row>
    <row r="4387" spans="1:7" x14ac:dyDescent="0.3">
      <c r="A4387" s="13" t="s">
        <v>46</v>
      </c>
      <c r="B4387" s="14" t="s">
        <v>1</v>
      </c>
      <c r="C4387" s="14" t="s">
        <v>47</v>
      </c>
      <c r="D4387" s="14" t="s">
        <v>27</v>
      </c>
      <c r="E4387" s="15">
        <v>45383</v>
      </c>
      <c r="F4387" s="14" t="s">
        <v>28</v>
      </c>
      <c r="G4387" s="16">
        <v>0</v>
      </c>
    </row>
    <row r="4388" spans="1:7" x14ac:dyDescent="0.3">
      <c r="A4388" s="13" t="s">
        <v>46</v>
      </c>
      <c r="B4388" s="14" t="s">
        <v>1</v>
      </c>
      <c r="C4388" s="14" t="s">
        <v>47</v>
      </c>
      <c r="D4388" s="14" t="s">
        <v>27</v>
      </c>
      <c r="E4388" s="15">
        <v>45384</v>
      </c>
      <c r="F4388" s="14" t="s">
        <v>28</v>
      </c>
      <c r="G4388" s="16">
        <v>0</v>
      </c>
    </row>
    <row r="4389" spans="1:7" x14ac:dyDescent="0.3">
      <c r="A4389" s="13" t="s">
        <v>46</v>
      </c>
      <c r="B4389" s="14" t="s">
        <v>1</v>
      </c>
      <c r="C4389" s="14" t="s">
        <v>47</v>
      </c>
      <c r="D4389" s="14" t="s">
        <v>27</v>
      </c>
      <c r="E4389" s="15">
        <v>45385</v>
      </c>
      <c r="F4389" s="14" t="s">
        <v>28</v>
      </c>
      <c r="G4389" s="16">
        <v>0</v>
      </c>
    </row>
    <row r="4390" spans="1:7" x14ac:dyDescent="0.3">
      <c r="A4390" s="13" t="s">
        <v>46</v>
      </c>
      <c r="B4390" s="14" t="s">
        <v>1</v>
      </c>
      <c r="C4390" s="14" t="s">
        <v>47</v>
      </c>
      <c r="D4390" s="14" t="s">
        <v>27</v>
      </c>
      <c r="E4390" s="15">
        <v>45386</v>
      </c>
      <c r="F4390" s="14" t="s">
        <v>28</v>
      </c>
      <c r="G4390" s="16">
        <v>0</v>
      </c>
    </row>
    <row r="4391" spans="1:7" x14ac:dyDescent="0.3">
      <c r="A4391" s="13" t="s">
        <v>46</v>
      </c>
      <c r="B4391" s="14" t="s">
        <v>1</v>
      </c>
      <c r="C4391" s="14" t="s">
        <v>47</v>
      </c>
      <c r="D4391" s="14" t="s">
        <v>27</v>
      </c>
      <c r="E4391" s="15">
        <v>45387</v>
      </c>
      <c r="F4391" s="14" t="s">
        <v>28</v>
      </c>
      <c r="G4391" s="16">
        <v>0</v>
      </c>
    </row>
    <row r="4392" spans="1:7" x14ac:dyDescent="0.3">
      <c r="A4392" s="13" t="s">
        <v>46</v>
      </c>
      <c r="B4392" s="14" t="s">
        <v>1</v>
      </c>
      <c r="C4392" s="14" t="s">
        <v>47</v>
      </c>
      <c r="D4392" s="14" t="s">
        <v>27</v>
      </c>
      <c r="E4392" s="15">
        <v>45388</v>
      </c>
      <c r="F4392" s="14" t="s">
        <v>28</v>
      </c>
      <c r="G4392" s="16">
        <v>0</v>
      </c>
    </row>
    <row r="4393" spans="1:7" x14ac:dyDescent="0.3">
      <c r="A4393" s="13" t="s">
        <v>46</v>
      </c>
      <c r="B4393" s="14" t="s">
        <v>1</v>
      </c>
      <c r="C4393" s="14" t="s">
        <v>47</v>
      </c>
      <c r="D4393" s="14" t="s">
        <v>27</v>
      </c>
      <c r="E4393" s="15">
        <v>45389</v>
      </c>
      <c r="F4393" s="14" t="s">
        <v>28</v>
      </c>
      <c r="G4393" s="16">
        <v>0</v>
      </c>
    </row>
    <row r="4394" spans="1:7" x14ac:dyDescent="0.3">
      <c r="A4394" s="13" t="s">
        <v>46</v>
      </c>
      <c r="B4394" s="14" t="s">
        <v>1</v>
      </c>
      <c r="C4394" s="14" t="s">
        <v>47</v>
      </c>
      <c r="D4394" s="14" t="s">
        <v>27</v>
      </c>
      <c r="E4394" s="15">
        <v>45390</v>
      </c>
      <c r="F4394" s="14" t="s">
        <v>28</v>
      </c>
      <c r="G4394" s="16">
        <v>0</v>
      </c>
    </row>
    <row r="4395" spans="1:7" x14ac:dyDescent="0.3">
      <c r="A4395" s="13" t="s">
        <v>46</v>
      </c>
      <c r="B4395" s="14" t="s">
        <v>1</v>
      </c>
      <c r="C4395" s="14" t="s">
        <v>47</v>
      </c>
      <c r="D4395" s="14" t="s">
        <v>27</v>
      </c>
      <c r="E4395" s="15">
        <v>45391</v>
      </c>
      <c r="F4395" s="14" t="s">
        <v>28</v>
      </c>
      <c r="G4395" s="16">
        <v>0</v>
      </c>
    </row>
    <row r="4396" spans="1:7" x14ac:dyDescent="0.3">
      <c r="A4396" s="13" t="s">
        <v>46</v>
      </c>
      <c r="B4396" s="14" t="s">
        <v>1</v>
      </c>
      <c r="C4396" s="14" t="s">
        <v>47</v>
      </c>
      <c r="D4396" s="14" t="s">
        <v>27</v>
      </c>
      <c r="E4396" s="15">
        <v>45392</v>
      </c>
      <c r="F4396" s="14" t="s">
        <v>28</v>
      </c>
      <c r="G4396" s="16">
        <v>0</v>
      </c>
    </row>
    <row r="4397" spans="1:7" x14ac:dyDescent="0.3">
      <c r="A4397" s="13" t="s">
        <v>46</v>
      </c>
      <c r="B4397" s="14" t="s">
        <v>1</v>
      </c>
      <c r="C4397" s="14" t="s">
        <v>47</v>
      </c>
      <c r="D4397" s="14" t="s">
        <v>27</v>
      </c>
      <c r="E4397" s="15">
        <v>45393</v>
      </c>
      <c r="F4397" s="14" t="s">
        <v>28</v>
      </c>
      <c r="G4397" s="16">
        <v>0</v>
      </c>
    </row>
    <row r="4398" spans="1:7" x14ac:dyDescent="0.3">
      <c r="A4398" s="13" t="s">
        <v>46</v>
      </c>
      <c r="B4398" s="14" t="s">
        <v>1</v>
      </c>
      <c r="C4398" s="14" t="s">
        <v>47</v>
      </c>
      <c r="D4398" s="14" t="s">
        <v>27</v>
      </c>
      <c r="E4398" s="15">
        <v>45394</v>
      </c>
      <c r="F4398" s="14" t="s">
        <v>28</v>
      </c>
      <c r="G4398" s="16">
        <v>0</v>
      </c>
    </row>
    <row r="4399" spans="1:7" x14ac:dyDescent="0.3">
      <c r="A4399" s="13" t="s">
        <v>46</v>
      </c>
      <c r="B4399" s="14" t="s">
        <v>1</v>
      </c>
      <c r="C4399" s="14" t="s">
        <v>47</v>
      </c>
      <c r="D4399" s="14" t="s">
        <v>27</v>
      </c>
      <c r="E4399" s="15">
        <v>45395</v>
      </c>
      <c r="F4399" s="14" t="s">
        <v>28</v>
      </c>
      <c r="G4399" s="16">
        <v>0</v>
      </c>
    </row>
    <row r="4400" spans="1:7" x14ac:dyDescent="0.3">
      <c r="A4400" s="13" t="s">
        <v>46</v>
      </c>
      <c r="B4400" s="14" t="s">
        <v>1</v>
      </c>
      <c r="C4400" s="14" t="s">
        <v>47</v>
      </c>
      <c r="D4400" s="14" t="s">
        <v>27</v>
      </c>
      <c r="E4400" s="15">
        <v>45396</v>
      </c>
      <c r="F4400" s="14" t="s">
        <v>28</v>
      </c>
      <c r="G4400" s="16">
        <v>0</v>
      </c>
    </row>
    <row r="4401" spans="1:7" x14ac:dyDescent="0.3">
      <c r="A4401" s="13" t="s">
        <v>46</v>
      </c>
      <c r="B4401" s="14" t="s">
        <v>1</v>
      </c>
      <c r="C4401" s="14" t="s">
        <v>47</v>
      </c>
      <c r="D4401" s="14" t="s">
        <v>27</v>
      </c>
      <c r="E4401" s="15">
        <v>45397</v>
      </c>
      <c r="F4401" s="14" t="s">
        <v>28</v>
      </c>
      <c r="G4401" s="16">
        <v>0</v>
      </c>
    </row>
    <row r="4402" spans="1:7" x14ac:dyDescent="0.3">
      <c r="A4402" s="13" t="s">
        <v>46</v>
      </c>
      <c r="B4402" s="14" t="s">
        <v>1</v>
      </c>
      <c r="C4402" s="14" t="s">
        <v>47</v>
      </c>
      <c r="D4402" s="14" t="s">
        <v>27</v>
      </c>
      <c r="E4402" s="15">
        <v>45398</v>
      </c>
      <c r="F4402" s="14" t="s">
        <v>28</v>
      </c>
      <c r="G4402" s="16">
        <v>0</v>
      </c>
    </row>
    <row r="4403" spans="1:7" x14ac:dyDescent="0.3">
      <c r="A4403" s="13" t="s">
        <v>46</v>
      </c>
      <c r="B4403" s="14" t="s">
        <v>1</v>
      </c>
      <c r="C4403" s="14" t="s">
        <v>47</v>
      </c>
      <c r="D4403" s="14" t="s">
        <v>27</v>
      </c>
      <c r="E4403" s="15">
        <v>45399</v>
      </c>
      <c r="F4403" s="14" t="s">
        <v>28</v>
      </c>
      <c r="G4403" s="16">
        <v>0</v>
      </c>
    </row>
    <row r="4404" spans="1:7" x14ac:dyDescent="0.3">
      <c r="A4404" s="13" t="s">
        <v>46</v>
      </c>
      <c r="B4404" s="14" t="s">
        <v>1</v>
      </c>
      <c r="C4404" s="14" t="s">
        <v>47</v>
      </c>
      <c r="D4404" s="14" t="s">
        <v>27</v>
      </c>
      <c r="E4404" s="15">
        <v>45400</v>
      </c>
      <c r="F4404" s="14" t="s">
        <v>28</v>
      </c>
      <c r="G4404" s="16">
        <v>0</v>
      </c>
    </row>
    <row r="4405" spans="1:7" x14ac:dyDescent="0.3">
      <c r="A4405" s="13" t="s">
        <v>46</v>
      </c>
      <c r="B4405" s="14" t="s">
        <v>1</v>
      </c>
      <c r="C4405" s="14" t="s">
        <v>47</v>
      </c>
      <c r="D4405" s="14" t="s">
        <v>27</v>
      </c>
      <c r="E4405" s="15">
        <v>45401</v>
      </c>
      <c r="F4405" s="14" t="s">
        <v>28</v>
      </c>
      <c r="G4405" s="16">
        <v>0</v>
      </c>
    </row>
    <row r="4406" spans="1:7" x14ac:dyDescent="0.3">
      <c r="A4406" s="13" t="s">
        <v>46</v>
      </c>
      <c r="B4406" s="14" t="s">
        <v>1</v>
      </c>
      <c r="C4406" s="14" t="s">
        <v>47</v>
      </c>
      <c r="D4406" s="14" t="s">
        <v>27</v>
      </c>
      <c r="E4406" s="15">
        <v>45402</v>
      </c>
      <c r="F4406" s="14" t="s">
        <v>28</v>
      </c>
      <c r="G4406" s="16">
        <v>0</v>
      </c>
    </row>
    <row r="4407" spans="1:7" x14ac:dyDescent="0.3">
      <c r="A4407" s="13" t="s">
        <v>46</v>
      </c>
      <c r="B4407" s="14" t="s">
        <v>1</v>
      </c>
      <c r="C4407" s="14" t="s">
        <v>47</v>
      </c>
      <c r="D4407" s="14" t="s">
        <v>27</v>
      </c>
      <c r="E4407" s="15">
        <v>45403</v>
      </c>
      <c r="F4407" s="14" t="s">
        <v>28</v>
      </c>
      <c r="G4407" s="16">
        <v>0</v>
      </c>
    </row>
    <row r="4408" spans="1:7" x14ac:dyDescent="0.3">
      <c r="A4408" s="13" t="s">
        <v>46</v>
      </c>
      <c r="B4408" s="14" t="s">
        <v>1</v>
      </c>
      <c r="C4408" s="14" t="s">
        <v>47</v>
      </c>
      <c r="D4408" s="14" t="s">
        <v>27</v>
      </c>
      <c r="E4408" s="15">
        <v>45404</v>
      </c>
      <c r="F4408" s="14" t="s">
        <v>28</v>
      </c>
      <c r="G4408" s="16">
        <v>0</v>
      </c>
    </row>
    <row r="4409" spans="1:7" x14ac:dyDescent="0.3">
      <c r="A4409" s="13" t="s">
        <v>46</v>
      </c>
      <c r="B4409" s="14" t="s">
        <v>1</v>
      </c>
      <c r="C4409" s="14" t="s">
        <v>47</v>
      </c>
      <c r="D4409" s="14" t="s">
        <v>27</v>
      </c>
      <c r="E4409" s="15">
        <v>45405</v>
      </c>
      <c r="F4409" s="14" t="s">
        <v>28</v>
      </c>
      <c r="G4409" s="16">
        <v>0</v>
      </c>
    </row>
    <row r="4410" spans="1:7" x14ac:dyDescent="0.3">
      <c r="A4410" s="13" t="s">
        <v>46</v>
      </c>
      <c r="B4410" s="14" t="s">
        <v>1</v>
      </c>
      <c r="C4410" s="14" t="s">
        <v>47</v>
      </c>
      <c r="D4410" s="14" t="s">
        <v>27</v>
      </c>
      <c r="E4410" s="15">
        <v>45406</v>
      </c>
      <c r="F4410" s="14" t="s">
        <v>28</v>
      </c>
      <c r="G4410" s="16">
        <v>0</v>
      </c>
    </row>
    <row r="4411" spans="1:7" x14ac:dyDescent="0.3">
      <c r="A4411" s="13" t="s">
        <v>46</v>
      </c>
      <c r="B4411" s="14" t="s">
        <v>1</v>
      </c>
      <c r="C4411" s="14" t="s">
        <v>47</v>
      </c>
      <c r="D4411" s="14" t="s">
        <v>27</v>
      </c>
      <c r="E4411" s="15">
        <v>45407</v>
      </c>
      <c r="F4411" s="14" t="s">
        <v>28</v>
      </c>
      <c r="G4411" s="16">
        <v>0</v>
      </c>
    </row>
    <row r="4412" spans="1:7" x14ac:dyDescent="0.3">
      <c r="A4412" s="13" t="s">
        <v>46</v>
      </c>
      <c r="B4412" s="14" t="s">
        <v>1</v>
      </c>
      <c r="C4412" s="14" t="s">
        <v>47</v>
      </c>
      <c r="D4412" s="14" t="s">
        <v>27</v>
      </c>
      <c r="E4412" s="15">
        <v>45408</v>
      </c>
      <c r="F4412" s="14" t="s">
        <v>28</v>
      </c>
      <c r="G4412" s="16">
        <v>0</v>
      </c>
    </row>
    <row r="4413" spans="1:7" x14ac:dyDescent="0.3">
      <c r="A4413" s="13" t="s">
        <v>46</v>
      </c>
      <c r="B4413" s="14" t="s">
        <v>1</v>
      </c>
      <c r="C4413" s="14" t="s">
        <v>47</v>
      </c>
      <c r="D4413" s="14" t="s">
        <v>27</v>
      </c>
      <c r="E4413" s="15">
        <v>45409</v>
      </c>
      <c r="F4413" s="14" t="s">
        <v>28</v>
      </c>
      <c r="G4413" s="16">
        <v>0</v>
      </c>
    </row>
    <row r="4414" spans="1:7" x14ac:dyDescent="0.3">
      <c r="A4414" s="13" t="s">
        <v>46</v>
      </c>
      <c r="B4414" s="14" t="s">
        <v>1</v>
      </c>
      <c r="C4414" s="14" t="s">
        <v>47</v>
      </c>
      <c r="D4414" s="14" t="s">
        <v>27</v>
      </c>
      <c r="E4414" s="15">
        <v>45410</v>
      </c>
      <c r="F4414" s="14" t="s">
        <v>28</v>
      </c>
      <c r="G4414" s="16">
        <v>0</v>
      </c>
    </row>
    <row r="4415" spans="1:7" x14ac:dyDescent="0.3">
      <c r="A4415" s="13" t="s">
        <v>46</v>
      </c>
      <c r="B4415" s="14" t="s">
        <v>1</v>
      </c>
      <c r="C4415" s="14" t="s">
        <v>47</v>
      </c>
      <c r="D4415" s="14" t="s">
        <v>27</v>
      </c>
      <c r="E4415" s="15">
        <v>45411</v>
      </c>
      <c r="F4415" s="14" t="s">
        <v>28</v>
      </c>
      <c r="G4415" s="16">
        <v>0</v>
      </c>
    </row>
    <row r="4416" spans="1:7" x14ac:dyDescent="0.3">
      <c r="A4416" s="13" t="s">
        <v>46</v>
      </c>
      <c r="B4416" s="14" t="s">
        <v>1</v>
      </c>
      <c r="C4416" s="14" t="s">
        <v>47</v>
      </c>
      <c r="D4416" s="14" t="s">
        <v>27</v>
      </c>
      <c r="E4416" s="15">
        <v>45412</v>
      </c>
      <c r="F4416" s="14" t="s">
        <v>28</v>
      </c>
      <c r="G4416" s="16">
        <v>0</v>
      </c>
    </row>
    <row r="4417" spans="1:7" x14ac:dyDescent="0.3">
      <c r="A4417" s="13" t="s">
        <v>46</v>
      </c>
      <c r="B4417" s="14" t="s">
        <v>1</v>
      </c>
      <c r="C4417" s="14" t="s">
        <v>47</v>
      </c>
      <c r="D4417" s="14" t="s">
        <v>27</v>
      </c>
      <c r="E4417" s="15">
        <v>45413</v>
      </c>
      <c r="F4417" s="14" t="s">
        <v>28</v>
      </c>
      <c r="G4417" s="16">
        <v>0</v>
      </c>
    </row>
    <row r="4418" spans="1:7" x14ac:dyDescent="0.3">
      <c r="A4418" s="13" t="s">
        <v>46</v>
      </c>
      <c r="B4418" s="14" t="s">
        <v>1</v>
      </c>
      <c r="C4418" s="14" t="s">
        <v>47</v>
      </c>
      <c r="D4418" s="14" t="s">
        <v>27</v>
      </c>
      <c r="E4418" s="15">
        <v>45414</v>
      </c>
      <c r="F4418" s="14" t="s">
        <v>28</v>
      </c>
      <c r="G4418" s="16">
        <v>0</v>
      </c>
    </row>
    <row r="4419" spans="1:7" x14ac:dyDescent="0.3">
      <c r="A4419" s="13" t="s">
        <v>46</v>
      </c>
      <c r="B4419" s="14" t="s">
        <v>1</v>
      </c>
      <c r="C4419" s="14" t="s">
        <v>47</v>
      </c>
      <c r="D4419" s="14" t="s">
        <v>27</v>
      </c>
      <c r="E4419" s="15">
        <v>45415</v>
      </c>
      <c r="F4419" s="14" t="s">
        <v>28</v>
      </c>
      <c r="G4419" s="16">
        <v>0</v>
      </c>
    </row>
    <row r="4420" spans="1:7" x14ac:dyDescent="0.3">
      <c r="A4420" s="13" t="s">
        <v>46</v>
      </c>
      <c r="B4420" s="14" t="s">
        <v>1</v>
      </c>
      <c r="C4420" s="14" t="s">
        <v>47</v>
      </c>
      <c r="D4420" s="14" t="s">
        <v>27</v>
      </c>
      <c r="E4420" s="15">
        <v>45416</v>
      </c>
      <c r="F4420" s="14" t="s">
        <v>28</v>
      </c>
      <c r="G4420" s="16">
        <v>0</v>
      </c>
    </row>
    <row r="4421" spans="1:7" x14ac:dyDescent="0.3">
      <c r="A4421" s="13" t="s">
        <v>46</v>
      </c>
      <c r="B4421" s="14" t="s">
        <v>1</v>
      </c>
      <c r="C4421" s="14" t="s">
        <v>47</v>
      </c>
      <c r="D4421" s="14" t="s">
        <v>27</v>
      </c>
      <c r="E4421" s="15">
        <v>45417</v>
      </c>
      <c r="F4421" s="14" t="s">
        <v>28</v>
      </c>
      <c r="G4421" s="16">
        <v>0</v>
      </c>
    </row>
    <row r="4422" spans="1:7" x14ac:dyDescent="0.3">
      <c r="A4422" s="13" t="s">
        <v>46</v>
      </c>
      <c r="B4422" s="14" t="s">
        <v>1</v>
      </c>
      <c r="C4422" s="14" t="s">
        <v>47</v>
      </c>
      <c r="D4422" s="14" t="s">
        <v>27</v>
      </c>
      <c r="E4422" s="15">
        <v>45418</v>
      </c>
      <c r="F4422" s="14" t="s">
        <v>28</v>
      </c>
      <c r="G4422" s="16">
        <v>0</v>
      </c>
    </row>
    <row r="4423" spans="1:7" x14ac:dyDescent="0.3">
      <c r="A4423" s="13" t="s">
        <v>46</v>
      </c>
      <c r="B4423" s="14" t="s">
        <v>1</v>
      </c>
      <c r="C4423" s="14" t="s">
        <v>47</v>
      </c>
      <c r="D4423" s="14" t="s">
        <v>27</v>
      </c>
      <c r="E4423" s="15">
        <v>45419</v>
      </c>
      <c r="F4423" s="14" t="s">
        <v>28</v>
      </c>
      <c r="G4423" s="16">
        <v>0</v>
      </c>
    </row>
    <row r="4424" spans="1:7" x14ac:dyDescent="0.3">
      <c r="A4424" s="13" t="s">
        <v>46</v>
      </c>
      <c r="B4424" s="14" t="s">
        <v>1</v>
      </c>
      <c r="C4424" s="14" t="s">
        <v>47</v>
      </c>
      <c r="D4424" s="14" t="s">
        <v>27</v>
      </c>
      <c r="E4424" s="15">
        <v>45420</v>
      </c>
      <c r="F4424" s="14" t="s">
        <v>28</v>
      </c>
      <c r="G4424" s="16">
        <v>0</v>
      </c>
    </row>
    <row r="4425" spans="1:7" x14ac:dyDescent="0.3">
      <c r="A4425" s="13" t="s">
        <v>46</v>
      </c>
      <c r="B4425" s="14" t="s">
        <v>1</v>
      </c>
      <c r="C4425" s="14" t="s">
        <v>47</v>
      </c>
      <c r="D4425" s="14" t="s">
        <v>27</v>
      </c>
      <c r="E4425" s="15">
        <v>45421</v>
      </c>
      <c r="F4425" s="14" t="s">
        <v>28</v>
      </c>
      <c r="G4425" s="16">
        <v>0</v>
      </c>
    </row>
    <row r="4426" spans="1:7" x14ac:dyDescent="0.3">
      <c r="A4426" s="13" t="s">
        <v>46</v>
      </c>
      <c r="B4426" s="14" t="s">
        <v>1</v>
      </c>
      <c r="C4426" s="14" t="s">
        <v>47</v>
      </c>
      <c r="D4426" s="14" t="s">
        <v>27</v>
      </c>
      <c r="E4426" s="15">
        <v>45422</v>
      </c>
      <c r="F4426" s="14" t="s">
        <v>28</v>
      </c>
      <c r="G4426" s="16">
        <v>0</v>
      </c>
    </row>
    <row r="4427" spans="1:7" x14ac:dyDescent="0.3">
      <c r="A4427" s="13" t="s">
        <v>46</v>
      </c>
      <c r="B4427" s="14" t="s">
        <v>1</v>
      </c>
      <c r="C4427" s="14" t="s">
        <v>47</v>
      </c>
      <c r="D4427" s="14" t="s">
        <v>27</v>
      </c>
      <c r="E4427" s="15">
        <v>45423</v>
      </c>
      <c r="F4427" s="14" t="s">
        <v>28</v>
      </c>
      <c r="G4427" s="16">
        <v>0</v>
      </c>
    </row>
    <row r="4428" spans="1:7" x14ac:dyDescent="0.3">
      <c r="A4428" s="13" t="s">
        <v>46</v>
      </c>
      <c r="B4428" s="14" t="s">
        <v>1</v>
      </c>
      <c r="C4428" s="14" t="s">
        <v>47</v>
      </c>
      <c r="D4428" s="14" t="s">
        <v>27</v>
      </c>
      <c r="E4428" s="15">
        <v>45424</v>
      </c>
      <c r="F4428" s="14" t="s">
        <v>28</v>
      </c>
      <c r="G4428" s="16">
        <v>0</v>
      </c>
    </row>
    <row r="4429" spans="1:7" x14ac:dyDescent="0.3">
      <c r="A4429" s="13" t="s">
        <v>46</v>
      </c>
      <c r="B4429" s="14" t="s">
        <v>1</v>
      </c>
      <c r="C4429" s="14" t="s">
        <v>47</v>
      </c>
      <c r="D4429" s="14" t="s">
        <v>27</v>
      </c>
      <c r="E4429" s="15">
        <v>45425</v>
      </c>
      <c r="F4429" s="14" t="s">
        <v>28</v>
      </c>
      <c r="G4429" s="16">
        <v>0</v>
      </c>
    </row>
    <row r="4430" spans="1:7" x14ac:dyDescent="0.3">
      <c r="A4430" s="13" t="s">
        <v>46</v>
      </c>
      <c r="B4430" s="14" t="s">
        <v>1</v>
      </c>
      <c r="C4430" s="14" t="s">
        <v>47</v>
      </c>
      <c r="D4430" s="14" t="s">
        <v>27</v>
      </c>
      <c r="E4430" s="15">
        <v>45426</v>
      </c>
      <c r="F4430" s="14" t="s">
        <v>28</v>
      </c>
      <c r="G4430" s="16">
        <v>0</v>
      </c>
    </row>
    <row r="4431" spans="1:7" x14ac:dyDescent="0.3">
      <c r="A4431" s="13" t="s">
        <v>46</v>
      </c>
      <c r="B4431" s="14" t="s">
        <v>1</v>
      </c>
      <c r="C4431" s="14" t="s">
        <v>47</v>
      </c>
      <c r="D4431" s="14" t="s">
        <v>27</v>
      </c>
      <c r="E4431" s="15">
        <v>45427</v>
      </c>
      <c r="F4431" s="14" t="s">
        <v>28</v>
      </c>
      <c r="G4431" s="16">
        <v>0</v>
      </c>
    </row>
    <row r="4432" spans="1:7" x14ac:dyDescent="0.3">
      <c r="A4432" s="13" t="s">
        <v>46</v>
      </c>
      <c r="B4432" s="14" t="s">
        <v>1</v>
      </c>
      <c r="C4432" s="14" t="s">
        <v>47</v>
      </c>
      <c r="D4432" s="14" t="s">
        <v>27</v>
      </c>
      <c r="E4432" s="15">
        <v>45428</v>
      </c>
      <c r="F4432" s="14" t="s">
        <v>28</v>
      </c>
      <c r="G4432" s="16">
        <v>0</v>
      </c>
    </row>
    <row r="4433" spans="1:7" x14ac:dyDescent="0.3">
      <c r="A4433" s="13" t="s">
        <v>46</v>
      </c>
      <c r="B4433" s="14" t="s">
        <v>1</v>
      </c>
      <c r="C4433" s="14" t="s">
        <v>47</v>
      </c>
      <c r="D4433" s="14" t="s">
        <v>27</v>
      </c>
      <c r="E4433" s="15">
        <v>45429</v>
      </c>
      <c r="F4433" s="14" t="s">
        <v>28</v>
      </c>
      <c r="G4433" s="16">
        <v>0</v>
      </c>
    </row>
    <row r="4434" spans="1:7" x14ac:dyDescent="0.3">
      <c r="A4434" s="13" t="s">
        <v>46</v>
      </c>
      <c r="B4434" s="14" t="s">
        <v>1</v>
      </c>
      <c r="C4434" s="14" t="s">
        <v>47</v>
      </c>
      <c r="D4434" s="14" t="s">
        <v>27</v>
      </c>
      <c r="E4434" s="15">
        <v>45430</v>
      </c>
      <c r="F4434" s="14" t="s">
        <v>28</v>
      </c>
      <c r="G4434" s="16">
        <v>0</v>
      </c>
    </row>
    <row r="4435" spans="1:7" x14ac:dyDescent="0.3">
      <c r="A4435" s="13" t="s">
        <v>46</v>
      </c>
      <c r="B4435" s="14" t="s">
        <v>1</v>
      </c>
      <c r="C4435" s="14" t="s">
        <v>47</v>
      </c>
      <c r="D4435" s="14" t="s">
        <v>27</v>
      </c>
      <c r="E4435" s="15">
        <v>45431</v>
      </c>
      <c r="F4435" s="14" t="s">
        <v>28</v>
      </c>
      <c r="G4435" s="16">
        <v>0</v>
      </c>
    </row>
    <row r="4436" spans="1:7" x14ac:dyDescent="0.3">
      <c r="A4436" s="13" t="s">
        <v>46</v>
      </c>
      <c r="B4436" s="14" t="s">
        <v>1</v>
      </c>
      <c r="C4436" s="14" t="s">
        <v>47</v>
      </c>
      <c r="D4436" s="14" t="s">
        <v>27</v>
      </c>
      <c r="E4436" s="15">
        <v>45432</v>
      </c>
      <c r="F4436" s="14" t="s">
        <v>28</v>
      </c>
      <c r="G4436" s="16">
        <v>0</v>
      </c>
    </row>
    <row r="4437" spans="1:7" x14ac:dyDescent="0.3">
      <c r="A4437" s="13" t="s">
        <v>46</v>
      </c>
      <c r="B4437" s="14" t="s">
        <v>1</v>
      </c>
      <c r="C4437" s="14" t="s">
        <v>47</v>
      </c>
      <c r="D4437" s="14" t="s">
        <v>27</v>
      </c>
      <c r="E4437" s="15">
        <v>45433</v>
      </c>
      <c r="F4437" s="14" t="s">
        <v>28</v>
      </c>
      <c r="G4437" s="16">
        <v>0</v>
      </c>
    </row>
    <row r="4438" spans="1:7" x14ac:dyDescent="0.3">
      <c r="A4438" s="13" t="s">
        <v>46</v>
      </c>
      <c r="B4438" s="14" t="s">
        <v>1</v>
      </c>
      <c r="C4438" s="14" t="s">
        <v>47</v>
      </c>
      <c r="D4438" s="14" t="s">
        <v>27</v>
      </c>
      <c r="E4438" s="15">
        <v>45434</v>
      </c>
      <c r="F4438" s="14" t="s">
        <v>28</v>
      </c>
      <c r="G4438" s="16">
        <v>0</v>
      </c>
    </row>
    <row r="4439" spans="1:7" x14ac:dyDescent="0.3">
      <c r="A4439" s="13" t="s">
        <v>46</v>
      </c>
      <c r="B4439" s="14" t="s">
        <v>1</v>
      </c>
      <c r="C4439" s="14" t="s">
        <v>47</v>
      </c>
      <c r="D4439" s="14" t="s">
        <v>27</v>
      </c>
      <c r="E4439" s="15">
        <v>45435</v>
      </c>
      <c r="F4439" s="14" t="s">
        <v>28</v>
      </c>
      <c r="G4439" s="16">
        <v>0</v>
      </c>
    </row>
    <row r="4440" spans="1:7" x14ac:dyDescent="0.3">
      <c r="A4440" s="13" t="s">
        <v>46</v>
      </c>
      <c r="B4440" s="14" t="s">
        <v>1</v>
      </c>
      <c r="C4440" s="14" t="s">
        <v>47</v>
      </c>
      <c r="D4440" s="14" t="s">
        <v>27</v>
      </c>
      <c r="E4440" s="15">
        <v>45436</v>
      </c>
      <c r="F4440" s="14" t="s">
        <v>28</v>
      </c>
      <c r="G4440" s="16">
        <v>0</v>
      </c>
    </row>
    <row r="4441" spans="1:7" x14ac:dyDescent="0.3">
      <c r="A4441" s="13" t="s">
        <v>46</v>
      </c>
      <c r="B4441" s="14" t="s">
        <v>1</v>
      </c>
      <c r="C4441" s="14" t="s">
        <v>47</v>
      </c>
      <c r="D4441" s="14" t="s">
        <v>27</v>
      </c>
      <c r="E4441" s="15">
        <v>45437</v>
      </c>
      <c r="F4441" s="14" t="s">
        <v>28</v>
      </c>
      <c r="G4441" s="16">
        <v>0</v>
      </c>
    </row>
    <row r="4442" spans="1:7" x14ac:dyDescent="0.3">
      <c r="A4442" s="13" t="s">
        <v>46</v>
      </c>
      <c r="B4442" s="14" t="s">
        <v>1</v>
      </c>
      <c r="C4442" s="14" t="s">
        <v>47</v>
      </c>
      <c r="D4442" s="14" t="s">
        <v>27</v>
      </c>
      <c r="E4442" s="15">
        <v>45438</v>
      </c>
      <c r="F4442" s="14" t="s">
        <v>28</v>
      </c>
      <c r="G4442" s="16">
        <v>0</v>
      </c>
    </row>
    <row r="4443" spans="1:7" x14ac:dyDescent="0.3">
      <c r="A4443" s="13" t="s">
        <v>46</v>
      </c>
      <c r="B4443" s="14" t="s">
        <v>1</v>
      </c>
      <c r="C4443" s="14" t="s">
        <v>47</v>
      </c>
      <c r="D4443" s="14" t="s">
        <v>27</v>
      </c>
      <c r="E4443" s="15">
        <v>45439</v>
      </c>
      <c r="F4443" s="14" t="s">
        <v>28</v>
      </c>
      <c r="G4443" s="16">
        <v>0</v>
      </c>
    </row>
    <row r="4444" spans="1:7" x14ac:dyDescent="0.3">
      <c r="A4444" s="13" t="s">
        <v>46</v>
      </c>
      <c r="B4444" s="14" t="s">
        <v>1</v>
      </c>
      <c r="C4444" s="14" t="s">
        <v>47</v>
      </c>
      <c r="D4444" s="14" t="s">
        <v>27</v>
      </c>
      <c r="E4444" s="15">
        <v>45440</v>
      </c>
      <c r="F4444" s="14" t="s">
        <v>28</v>
      </c>
      <c r="G4444" s="16">
        <v>0</v>
      </c>
    </row>
    <row r="4445" spans="1:7" x14ac:dyDescent="0.3">
      <c r="A4445" s="13" t="s">
        <v>46</v>
      </c>
      <c r="B4445" s="14" t="s">
        <v>1</v>
      </c>
      <c r="C4445" s="14" t="s">
        <v>47</v>
      </c>
      <c r="D4445" s="14" t="s">
        <v>27</v>
      </c>
      <c r="E4445" s="15">
        <v>45441</v>
      </c>
      <c r="F4445" s="14" t="s">
        <v>28</v>
      </c>
      <c r="G4445" s="16">
        <v>0</v>
      </c>
    </row>
    <row r="4446" spans="1:7" x14ac:dyDescent="0.3">
      <c r="A4446" s="13" t="s">
        <v>46</v>
      </c>
      <c r="B4446" s="14" t="s">
        <v>1</v>
      </c>
      <c r="C4446" s="14" t="s">
        <v>47</v>
      </c>
      <c r="D4446" s="14" t="s">
        <v>27</v>
      </c>
      <c r="E4446" s="15">
        <v>45442</v>
      </c>
      <c r="F4446" s="14" t="s">
        <v>28</v>
      </c>
      <c r="G4446" s="16">
        <v>0</v>
      </c>
    </row>
    <row r="4447" spans="1:7" x14ac:dyDescent="0.3">
      <c r="A4447" s="13" t="s">
        <v>46</v>
      </c>
      <c r="B4447" s="14" t="s">
        <v>1</v>
      </c>
      <c r="C4447" s="14" t="s">
        <v>47</v>
      </c>
      <c r="D4447" s="14" t="s">
        <v>27</v>
      </c>
      <c r="E4447" s="15">
        <v>45443</v>
      </c>
      <c r="F4447" s="14" t="s">
        <v>28</v>
      </c>
      <c r="G4447" s="16">
        <v>0</v>
      </c>
    </row>
    <row r="4448" spans="1:7" x14ac:dyDescent="0.3">
      <c r="A4448" s="13" t="s">
        <v>46</v>
      </c>
      <c r="B4448" s="14" t="s">
        <v>1</v>
      </c>
      <c r="C4448" s="14" t="s">
        <v>47</v>
      </c>
      <c r="D4448" s="14" t="s">
        <v>27</v>
      </c>
      <c r="E4448" s="15">
        <v>45444</v>
      </c>
      <c r="F4448" s="14" t="s">
        <v>28</v>
      </c>
      <c r="G4448" s="16">
        <v>0</v>
      </c>
    </row>
    <row r="4449" spans="1:7" x14ac:dyDescent="0.3">
      <c r="A4449" s="13" t="s">
        <v>46</v>
      </c>
      <c r="B4449" s="14" t="s">
        <v>1</v>
      </c>
      <c r="C4449" s="14" t="s">
        <v>47</v>
      </c>
      <c r="D4449" s="14" t="s">
        <v>27</v>
      </c>
      <c r="E4449" s="15">
        <v>45445</v>
      </c>
      <c r="F4449" s="14" t="s">
        <v>28</v>
      </c>
      <c r="G4449" s="16">
        <v>0</v>
      </c>
    </row>
    <row r="4450" spans="1:7" x14ac:dyDescent="0.3">
      <c r="A4450" s="13" t="s">
        <v>46</v>
      </c>
      <c r="B4450" s="14" t="s">
        <v>1</v>
      </c>
      <c r="C4450" s="14" t="s">
        <v>47</v>
      </c>
      <c r="D4450" s="14" t="s">
        <v>27</v>
      </c>
      <c r="E4450" s="15">
        <v>45446</v>
      </c>
      <c r="F4450" s="14" t="s">
        <v>28</v>
      </c>
      <c r="G4450" s="16">
        <v>0</v>
      </c>
    </row>
    <row r="4451" spans="1:7" x14ac:dyDescent="0.3">
      <c r="A4451" s="13" t="s">
        <v>46</v>
      </c>
      <c r="B4451" s="14" t="s">
        <v>1</v>
      </c>
      <c r="C4451" s="14" t="s">
        <v>47</v>
      </c>
      <c r="D4451" s="14" t="s">
        <v>27</v>
      </c>
      <c r="E4451" s="15">
        <v>45447</v>
      </c>
      <c r="F4451" s="14" t="s">
        <v>28</v>
      </c>
      <c r="G4451" s="16">
        <v>5.1177789290838679E-3</v>
      </c>
    </row>
    <row r="4452" spans="1:7" x14ac:dyDescent="0.3">
      <c r="A4452" s="13" t="s">
        <v>46</v>
      </c>
      <c r="B4452" s="14" t="s">
        <v>1</v>
      </c>
      <c r="C4452" s="14" t="s">
        <v>47</v>
      </c>
      <c r="D4452" s="14" t="s">
        <v>27</v>
      </c>
      <c r="E4452" s="15">
        <v>45448</v>
      </c>
      <c r="F4452" s="14" t="s">
        <v>28</v>
      </c>
      <c r="G4452" s="16">
        <v>1.6548232854316176E-2</v>
      </c>
    </row>
    <row r="4453" spans="1:7" x14ac:dyDescent="0.3">
      <c r="A4453" s="13" t="s">
        <v>46</v>
      </c>
      <c r="B4453" s="14" t="s">
        <v>1</v>
      </c>
      <c r="C4453" s="14" t="s">
        <v>47</v>
      </c>
      <c r="D4453" s="14" t="s">
        <v>27</v>
      </c>
      <c r="E4453" s="15">
        <v>45449</v>
      </c>
      <c r="F4453" s="14" t="s">
        <v>28</v>
      </c>
      <c r="G4453" s="16">
        <v>1.2658841222165656E-2</v>
      </c>
    </row>
    <row r="4454" spans="1:7" x14ac:dyDescent="0.3">
      <c r="A4454" s="13" t="s">
        <v>46</v>
      </c>
      <c r="B4454" s="14" t="s">
        <v>1</v>
      </c>
      <c r="C4454" s="14" t="s">
        <v>47</v>
      </c>
      <c r="D4454" s="14" t="s">
        <v>27</v>
      </c>
      <c r="E4454" s="15">
        <v>45450</v>
      </c>
      <c r="F4454" s="14" t="s">
        <v>28</v>
      </c>
      <c r="G4454" s="16">
        <v>8.7685679486446469E-3</v>
      </c>
    </row>
    <row r="4455" spans="1:7" x14ac:dyDescent="0.3">
      <c r="A4455" s="13" t="s">
        <v>46</v>
      </c>
      <c r="B4455" s="14" t="s">
        <v>1</v>
      </c>
      <c r="C4455" s="14" t="s">
        <v>47</v>
      </c>
      <c r="D4455" s="14" t="s">
        <v>27</v>
      </c>
      <c r="E4455" s="15">
        <v>45451</v>
      </c>
      <c r="F4455" s="14" t="s">
        <v>28</v>
      </c>
      <c r="G4455" s="16">
        <v>8.7685679486446469E-3</v>
      </c>
    </row>
    <row r="4456" spans="1:7" x14ac:dyDescent="0.3">
      <c r="A4456" s="13" t="s">
        <v>46</v>
      </c>
      <c r="B4456" s="14" t="s">
        <v>1</v>
      </c>
      <c r="C4456" s="14" t="s">
        <v>47</v>
      </c>
      <c r="D4456" s="14" t="s">
        <v>27</v>
      </c>
      <c r="E4456" s="15">
        <v>45452</v>
      </c>
      <c r="F4456" s="14" t="s">
        <v>28</v>
      </c>
      <c r="G4456" s="16">
        <v>8.7685679486446469E-3</v>
      </c>
    </row>
    <row r="4457" spans="1:7" x14ac:dyDescent="0.3">
      <c r="A4457" s="13" t="s">
        <v>46</v>
      </c>
      <c r="B4457" s="14" t="s">
        <v>1</v>
      </c>
      <c r="C4457" s="14" t="s">
        <v>47</v>
      </c>
      <c r="D4457" s="14" t="s">
        <v>27</v>
      </c>
      <c r="E4457" s="15">
        <v>45453</v>
      </c>
      <c r="F4457" s="14" t="s">
        <v>28</v>
      </c>
      <c r="G4457" s="16">
        <v>4.8431623998408495E-3</v>
      </c>
    </row>
    <row r="4458" spans="1:7" x14ac:dyDescent="0.3">
      <c r="A4458" s="13" t="s">
        <v>46</v>
      </c>
      <c r="B4458" s="14" t="s">
        <v>1</v>
      </c>
      <c r="C4458" s="14" t="s">
        <v>47</v>
      </c>
      <c r="D4458" s="14" t="s">
        <v>27</v>
      </c>
      <c r="E4458" s="15">
        <v>45454</v>
      </c>
      <c r="F4458" s="14" t="s">
        <v>28</v>
      </c>
      <c r="G4458" s="16">
        <v>0</v>
      </c>
    </row>
    <row r="4459" spans="1:7" x14ac:dyDescent="0.3">
      <c r="A4459" s="13" t="s">
        <v>46</v>
      </c>
      <c r="B4459" s="14" t="s">
        <v>1</v>
      </c>
      <c r="C4459" s="14" t="s">
        <v>47</v>
      </c>
      <c r="D4459" s="14" t="s">
        <v>27</v>
      </c>
      <c r="E4459" s="15">
        <v>45455</v>
      </c>
      <c r="F4459" s="14" t="s">
        <v>28</v>
      </c>
      <c r="G4459" s="16">
        <v>0</v>
      </c>
    </row>
    <row r="4460" spans="1:7" x14ac:dyDescent="0.3">
      <c r="A4460" s="13" t="s">
        <v>46</v>
      </c>
      <c r="B4460" s="14" t="s">
        <v>1</v>
      </c>
      <c r="C4460" s="14" t="s">
        <v>47</v>
      </c>
      <c r="D4460" s="14" t="s">
        <v>27</v>
      </c>
      <c r="E4460" s="15">
        <v>45456</v>
      </c>
      <c r="F4460" s="14" t="s">
        <v>28</v>
      </c>
      <c r="G4460" s="16">
        <v>1.5528731051875589E-2</v>
      </c>
    </row>
    <row r="4461" spans="1:7" x14ac:dyDescent="0.3">
      <c r="A4461" s="13" t="s">
        <v>46</v>
      </c>
      <c r="B4461" s="14" t="s">
        <v>1</v>
      </c>
      <c r="C4461" s="14" t="s">
        <v>47</v>
      </c>
      <c r="D4461" s="14" t="s">
        <v>27</v>
      </c>
      <c r="E4461" s="15">
        <v>45457</v>
      </c>
      <c r="F4461" s="14" t="s">
        <v>28</v>
      </c>
      <c r="G4461" s="16">
        <v>1.7689682501935779E-2</v>
      </c>
    </row>
    <row r="4462" spans="1:7" x14ac:dyDescent="0.3">
      <c r="A4462" s="13" t="s">
        <v>46</v>
      </c>
      <c r="B4462" s="14" t="s">
        <v>1</v>
      </c>
      <c r="C4462" s="14" t="s">
        <v>47</v>
      </c>
      <c r="D4462" s="14" t="s">
        <v>27</v>
      </c>
      <c r="E4462" s="15">
        <v>45458</v>
      </c>
      <c r="F4462" s="14" t="s">
        <v>28</v>
      </c>
      <c r="G4462" s="16">
        <v>1.7689682501935779E-2</v>
      </c>
    </row>
    <row r="4463" spans="1:7" x14ac:dyDescent="0.3">
      <c r="A4463" s="13" t="s">
        <v>46</v>
      </c>
      <c r="B4463" s="14" t="s">
        <v>1</v>
      </c>
      <c r="C4463" s="14" t="s">
        <v>47</v>
      </c>
      <c r="D4463" s="14" t="s">
        <v>27</v>
      </c>
      <c r="E4463" s="15">
        <v>45459</v>
      </c>
      <c r="F4463" s="14" t="s">
        <v>28</v>
      </c>
      <c r="G4463" s="16">
        <v>1.7689682501935779E-2</v>
      </c>
    </row>
    <row r="4464" spans="1:7" x14ac:dyDescent="0.3">
      <c r="A4464" s="13" t="s">
        <v>46</v>
      </c>
      <c r="B4464" s="14" t="s">
        <v>1</v>
      </c>
      <c r="C4464" s="14" t="s">
        <v>47</v>
      </c>
      <c r="D4464" s="14" t="s">
        <v>27</v>
      </c>
      <c r="E4464" s="15">
        <v>45460</v>
      </c>
      <c r="F4464" s="14" t="s">
        <v>28</v>
      </c>
      <c r="G4464" s="16">
        <v>1.4798320897530227E-2</v>
      </c>
    </row>
    <row r="4465" spans="1:7" x14ac:dyDescent="0.3">
      <c r="A4465" s="13" t="s">
        <v>46</v>
      </c>
      <c r="B4465" s="14" t="s">
        <v>1</v>
      </c>
      <c r="C4465" s="14" t="s">
        <v>47</v>
      </c>
      <c r="D4465" s="14" t="s">
        <v>27</v>
      </c>
      <c r="E4465" s="15">
        <v>45461</v>
      </c>
      <c r="F4465" s="14" t="s">
        <v>28</v>
      </c>
      <c r="G4465" s="16">
        <v>1.0419414286755031E-2</v>
      </c>
    </row>
    <row r="4466" spans="1:7" x14ac:dyDescent="0.3">
      <c r="A4466" s="13" t="s">
        <v>46</v>
      </c>
      <c r="B4466" s="14" t="s">
        <v>1</v>
      </c>
      <c r="C4466" s="14" t="s">
        <v>47</v>
      </c>
      <c r="D4466" s="14" t="s">
        <v>27</v>
      </c>
      <c r="E4466" s="15">
        <v>45462</v>
      </c>
      <c r="F4466" s="14" t="s">
        <v>28</v>
      </c>
      <c r="G4466" s="16">
        <v>1.0419414286755031E-2</v>
      </c>
    </row>
    <row r="4467" spans="1:7" x14ac:dyDescent="0.3">
      <c r="A4467" s="13" t="s">
        <v>46</v>
      </c>
      <c r="B4467" s="14" t="s">
        <v>1</v>
      </c>
      <c r="C4467" s="14" t="s">
        <v>47</v>
      </c>
      <c r="D4467" s="14" t="s">
        <v>27</v>
      </c>
      <c r="E4467" s="15">
        <v>45463</v>
      </c>
      <c r="F4467" s="14" t="s">
        <v>28</v>
      </c>
      <c r="G4467" s="16">
        <v>4.4321693283501752E-2</v>
      </c>
    </row>
    <row r="4468" spans="1:7" x14ac:dyDescent="0.3">
      <c r="A4468" s="13" t="s">
        <v>46</v>
      </c>
      <c r="B4468" s="14" t="s">
        <v>1</v>
      </c>
      <c r="C4468" s="14" t="s">
        <v>47</v>
      </c>
      <c r="D4468" s="14" t="s">
        <v>27</v>
      </c>
      <c r="E4468" s="15">
        <v>45464</v>
      </c>
      <c r="F4468" s="14" t="s">
        <v>28</v>
      </c>
      <c r="G4468" s="16">
        <v>3.6505565296691654E-2</v>
      </c>
    </row>
    <row r="4469" spans="1:7" x14ac:dyDescent="0.3">
      <c r="A4469" s="13" t="s">
        <v>46</v>
      </c>
      <c r="B4469" s="14" t="s">
        <v>1</v>
      </c>
      <c r="C4469" s="14" t="s">
        <v>47</v>
      </c>
      <c r="D4469" s="14" t="s">
        <v>27</v>
      </c>
      <c r="E4469" s="15">
        <v>45465</v>
      </c>
      <c r="F4469" s="14" t="s">
        <v>28</v>
      </c>
      <c r="G4469" s="16">
        <v>3.6505565296691654E-2</v>
      </c>
    </row>
    <row r="4470" spans="1:7" x14ac:dyDescent="0.3">
      <c r="A4470" s="13" t="s">
        <v>46</v>
      </c>
      <c r="B4470" s="14" t="s">
        <v>1</v>
      </c>
      <c r="C4470" s="14" t="s">
        <v>47</v>
      </c>
      <c r="D4470" s="14" t="s">
        <v>27</v>
      </c>
      <c r="E4470" s="15">
        <v>45466</v>
      </c>
      <c r="F4470" s="14" t="s">
        <v>28</v>
      </c>
      <c r="G4470" s="16">
        <v>3.6505565296691654E-2</v>
      </c>
    </row>
    <row r="4471" spans="1:7" x14ac:dyDescent="0.3">
      <c r="A4471" s="13" t="s">
        <v>46</v>
      </c>
      <c r="B4471" s="14" t="s">
        <v>1</v>
      </c>
      <c r="C4471" s="14" t="s">
        <v>47</v>
      </c>
      <c r="D4471" s="14" t="s">
        <v>27</v>
      </c>
      <c r="E4471" s="15">
        <v>45467</v>
      </c>
      <c r="F4471" s="14" t="s">
        <v>28</v>
      </c>
      <c r="G4471" s="16">
        <v>3.5481746885031952E-2</v>
      </c>
    </row>
    <row r="4472" spans="1:7" x14ac:dyDescent="0.3">
      <c r="A4472" s="13" t="s">
        <v>46</v>
      </c>
      <c r="B4472" s="14" t="s">
        <v>1</v>
      </c>
      <c r="C4472" s="14" t="s">
        <v>47</v>
      </c>
      <c r="D4472" s="14" t="s">
        <v>27</v>
      </c>
      <c r="E4472" s="15">
        <v>45468</v>
      </c>
      <c r="F4472" s="14" t="s">
        <v>28</v>
      </c>
      <c r="G4472" s="16">
        <v>2.7021215610288658E-2</v>
      </c>
    </row>
    <row r="4473" spans="1:7" x14ac:dyDescent="0.3">
      <c r="A4473" s="13" t="s">
        <v>46</v>
      </c>
      <c r="B4473" s="14" t="s">
        <v>1</v>
      </c>
      <c r="C4473" s="14" t="s">
        <v>47</v>
      </c>
      <c r="D4473" s="14" t="s">
        <v>27</v>
      </c>
      <c r="E4473" s="15">
        <v>45469</v>
      </c>
      <c r="F4473" s="14" t="s">
        <v>28</v>
      </c>
      <c r="G4473" s="16">
        <v>2.3290260857031845E-2</v>
      </c>
    </row>
    <row r="4474" spans="1:7" x14ac:dyDescent="0.3">
      <c r="A4474" s="13" t="s">
        <v>46</v>
      </c>
      <c r="B4474" s="14" t="s">
        <v>1</v>
      </c>
      <c r="C4474" s="14" t="s">
        <v>47</v>
      </c>
      <c r="D4474" s="14" t="s">
        <v>27</v>
      </c>
      <c r="E4474" s="15">
        <v>45470</v>
      </c>
      <c r="F4474" s="14" t="s">
        <v>28</v>
      </c>
      <c r="G4474" s="16">
        <v>1.9500522705903772E-2</v>
      </c>
    </row>
    <row r="4475" spans="1:7" x14ac:dyDescent="0.3">
      <c r="A4475" s="13" t="s">
        <v>46</v>
      </c>
      <c r="B4475" s="14" t="s">
        <v>1</v>
      </c>
      <c r="C4475" s="14" t="s">
        <v>47</v>
      </c>
      <c r="D4475" s="14" t="s">
        <v>27</v>
      </c>
      <c r="E4475" s="15">
        <v>45471</v>
      </c>
      <c r="F4475" s="14" t="s">
        <v>28</v>
      </c>
      <c r="G4475" s="16">
        <v>1.5696279125764514E-2</v>
      </c>
    </row>
    <row r="4476" spans="1:7" x14ac:dyDescent="0.3">
      <c r="A4476" s="13" t="s">
        <v>46</v>
      </c>
      <c r="B4476" s="14" t="s">
        <v>1</v>
      </c>
      <c r="C4476" s="14" t="s">
        <v>47</v>
      </c>
      <c r="D4476" s="14" t="s">
        <v>27</v>
      </c>
      <c r="E4476" s="15">
        <v>45472</v>
      </c>
      <c r="F4476" s="14" t="s">
        <v>28</v>
      </c>
      <c r="G4476" s="16">
        <v>1.5696279125764514E-2</v>
      </c>
    </row>
    <row r="4477" spans="1:7" x14ac:dyDescent="0.3">
      <c r="A4477" s="13" t="s">
        <v>46</v>
      </c>
      <c r="B4477" s="14" t="s">
        <v>1</v>
      </c>
      <c r="C4477" s="14" t="s">
        <v>47</v>
      </c>
      <c r="D4477" s="14" t="s">
        <v>27</v>
      </c>
      <c r="E4477" s="15">
        <v>45473</v>
      </c>
      <c r="F4477" s="14" t="s">
        <v>28</v>
      </c>
      <c r="G4477" s="16">
        <v>1.5696279125764514E-2</v>
      </c>
    </row>
    <row r="4478" spans="1:7" x14ac:dyDescent="0.3">
      <c r="A4478" s="13" t="s">
        <v>46</v>
      </c>
      <c r="B4478" s="14" t="s">
        <v>1</v>
      </c>
      <c r="C4478" s="14" t="s">
        <v>47</v>
      </c>
      <c r="D4478" s="14" t="s">
        <v>27</v>
      </c>
      <c r="E4478" s="15">
        <v>45474</v>
      </c>
      <c r="F4478" s="14" t="s">
        <v>28</v>
      </c>
      <c r="G4478" s="16">
        <v>2.0680058079735764E-2</v>
      </c>
    </row>
    <row r="4479" spans="1:7" x14ac:dyDescent="0.3">
      <c r="A4479" s="13" t="s">
        <v>46</v>
      </c>
      <c r="B4479" s="14" t="s">
        <v>1</v>
      </c>
      <c r="C4479" s="14" t="s">
        <v>47</v>
      </c>
      <c r="D4479" s="14" t="s">
        <v>27</v>
      </c>
      <c r="E4479" s="15">
        <v>45475</v>
      </c>
      <c r="F4479" s="14" t="s">
        <v>28</v>
      </c>
      <c r="G4479" s="16">
        <v>1.0595799715033567E-2</v>
      </c>
    </row>
    <row r="4480" spans="1:7" x14ac:dyDescent="0.3">
      <c r="A4480" s="13" t="s">
        <v>46</v>
      </c>
      <c r="B4480" s="14" t="s">
        <v>1</v>
      </c>
      <c r="C4480" s="14" t="s">
        <v>47</v>
      </c>
      <c r="D4480" s="14" t="s">
        <v>27</v>
      </c>
      <c r="E4480" s="15">
        <v>45476</v>
      </c>
      <c r="F4480" s="14" t="s">
        <v>28</v>
      </c>
      <c r="G4480" s="16">
        <v>1.7451652245068533E-2</v>
      </c>
    </row>
    <row r="4481" spans="1:7" x14ac:dyDescent="0.3">
      <c r="A4481" s="13" t="s">
        <v>46</v>
      </c>
      <c r="B4481" s="14" t="s">
        <v>1</v>
      </c>
      <c r="C4481" s="14" t="s">
        <v>47</v>
      </c>
      <c r="D4481" s="14" t="s">
        <v>27</v>
      </c>
      <c r="E4481" s="15">
        <v>45477</v>
      </c>
      <c r="F4481" s="14" t="s">
        <v>28</v>
      </c>
      <c r="G4481" s="16">
        <v>1.7451652245068533E-2</v>
      </c>
    </row>
    <row r="4482" spans="1:7" x14ac:dyDescent="0.3">
      <c r="A4482" s="13" t="s">
        <v>46</v>
      </c>
      <c r="B4482" s="14" t="s">
        <v>1</v>
      </c>
      <c r="C4482" s="14" t="s">
        <v>47</v>
      </c>
      <c r="D4482" s="14" t="s">
        <v>27</v>
      </c>
      <c r="E4482" s="15">
        <v>45478</v>
      </c>
      <c r="F4482" s="14" t="s">
        <v>28</v>
      </c>
      <c r="G4482" s="16">
        <v>1.3636272051905093E-2</v>
      </c>
    </row>
    <row r="4483" spans="1:7" x14ac:dyDescent="0.3">
      <c r="A4483" s="13" t="s">
        <v>46</v>
      </c>
      <c r="B4483" s="14" t="s">
        <v>1</v>
      </c>
      <c r="C4483" s="14" t="s">
        <v>47</v>
      </c>
      <c r="D4483" s="14" t="s">
        <v>27</v>
      </c>
      <c r="E4483" s="15">
        <v>45479</v>
      </c>
      <c r="F4483" s="14" t="s">
        <v>28</v>
      </c>
      <c r="G4483" s="16">
        <v>1.3636272051905093E-2</v>
      </c>
    </row>
    <row r="4484" spans="1:7" x14ac:dyDescent="0.3">
      <c r="A4484" s="13" t="s">
        <v>46</v>
      </c>
      <c r="B4484" s="14" t="s">
        <v>1</v>
      </c>
      <c r="C4484" s="14" t="s">
        <v>47</v>
      </c>
      <c r="D4484" s="14" t="s">
        <v>27</v>
      </c>
      <c r="E4484" s="15">
        <v>45480</v>
      </c>
      <c r="F4484" s="14" t="s">
        <v>28</v>
      </c>
      <c r="G4484" s="16">
        <v>1.3636272051905093E-2</v>
      </c>
    </row>
    <row r="4485" spans="1:7" x14ac:dyDescent="0.3">
      <c r="A4485" s="13" t="s">
        <v>46</v>
      </c>
      <c r="B4485" s="14" t="s">
        <v>1</v>
      </c>
      <c r="C4485" s="14" t="s">
        <v>47</v>
      </c>
      <c r="D4485" s="14" t="s">
        <v>27</v>
      </c>
      <c r="E4485" s="15">
        <v>45481</v>
      </c>
      <c r="F4485" s="14" t="s">
        <v>28</v>
      </c>
      <c r="G4485" s="16">
        <v>5.9976452272565532E-3</v>
      </c>
    </row>
    <row r="4486" spans="1:7" x14ac:dyDescent="0.3">
      <c r="A4486" s="13" t="s">
        <v>46</v>
      </c>
      <c r="B4486" s="14" t="s">
        <v>1</v>
      </c>
      <c r="C4486" s="14" t="s">
        <v>47</v>
      </c>
      <c r="D4486" s="14" t="s">
        <v>27</v>
      </c>
      <c r="E4486" s="15">
        <v>45482</v>
      </c>
      <c r="F4486" s="14" t="s">
        <v>28</v>
      </c>
      <c r="G4486" s="16">
        <v>0</v>
      </c>
    </row>
    <row r="4487" spans="1:7" x14ac:dyDescent="0.3">
      <c r="A4487" s="13" t="s">
        <v>46</v>
      </c>
      <c r="B4487" s="14" t="s">
        <v>1</v>
      </c>
      <c r="C4487" s="14" t="s">
        <v>47</v>
      </c>
      <c r="D4487" s="14" t="s">
        <v>27</v>
      </c>
      <c r="E4487" s="15">
        <v>45483</v>
      </c>
      <c r="F4487" s="14" t="s">
        <v>28</v>
      </c>
      <c r="G4487" s="16">
        <v>0</v>
      </c>
    </row>
    <row r="4488" spans="1:7" x14ac:dyDescent="0.3">
      <c r="A4488" s="13" t="s">
        <v>46</v>
      </c>
      <c r="B4488" s="14" t="s">
        <v>1</v>
      </c>
      <c r="C4488" s="14" t="s">
        <v>47</v>
      </c>
      <c r="D4488" s="14" t="s">
        <v>27</v>
      </c>
      <c r="E4488" s="15">
        <v>45484</v>
      </c>
      <c r="F4488" s="14" t="s">
        <v>28</v>
      </c>
      <c r="G4488" s="16">
        <v>0</v>
      </c>
    </row>
    <row r="4489" spans="1:7" x14ac:dyDescent="0.3">
      <c r="A4489" s="13" t="s">
        <v>46</v>
      </c>
      <c r="B4489" s="14" t="s">
        <v>1</v>
      </c>
      <c r="C4489" s="14" t="s">
        <v>47</v>
      </c>
      <c r="D4489" s="14" t="s">
        <v>27</v>
      </c>
      <c r="E4489" s="15">
        <v>45485</v>
      </c>
      <c r="F4489" s="14" t="s">
        <v>28</v>
      </c>
      <c r="G4489" s="16">
        <v>0</v>
      </c>
    </row>
    <row r="4490" spans="1:7" x14ac:dyDescent="0.3">
      <c r="A4490" s="13" t="s">
        <v>46</v>
      </c>
      <c r="B4490" s="14" t="s">
        <v>1</v>
      </c>
      <c r="C4490" s="14" t="s">
        <v>47</v>
      </c>
      <c r="D4490" s="14" t="s">
        <v>27</v>
      </c>
      <c r="E4490" s="15">
        <v>45486</v>
      </c>
      <c r="F4490" s="14" t="s">
        <v>28</v>
      </c>
      <c r="G4490" s="16">
        <v>0</v>
      </c>
    </row>
    <row r="4491" spans="1:7" x14ac:dyDescent="0.3">
      <c r="A4491" s="13" t="s">
        <v>46</v>
      </c>
      <c r="B4491" s="14" t="s">
        <v>1</v>
      </c>
      <c r="C4491" s="14" t="s">
        <v>47</v>
      </c>
      <c r="D4491" s="14" t="s">
        <v>27</v>
      </c>
      <c r="E4491" s="15">
        <v>45487</v>
      </c>
      <c r="F4491" s="14" t="s">
        <v>28</v>
      </c>
      <c r="G4491" s="16">
        <v>0</v>
      </c>
    </row>
    <row r="4492" spans="1:7" x14ac:dyDescent="0.3">
      <c r="A4492" s="13" t="s">
        <v>46</v>
      </c>
      <c r="B4492" s="14" t="s">
        <v>1</v>
      </c>
      <c r="C4492" s="14" t="s">
        <v>47</v>
      </c>
      <c r="D4492" s="14" t="s">
        <v>27</v>
      </c>
      <c r="E4492" s="15">
        <v>45488</v>
      </c>
      <c r="F4492" s="14" t="s">
        <v>28</v>
      </c>
      <c r="G4492" s="16">
        <v>0</v>
      </c>
    </row>
    <row r="4493" spans="1:7" x14ac:dyDescent="0.3">
      <c r="A4493" s="13" t="s">
        <v>46</v>
      </c>
      <c r="B4493" s="14" t="s">
        <v>1</v>
      </c>
      <c r="C4493" s="14" t="s">
        <v>47</v>
      </c>
      <c r="D4493" s="14" t="s">
        <v>27</v>
      </c>
      <c r="E4493" s="15">
        <v>45489</v>
      </c>
      <c r="F4493" s="14" t="s">
        <v>28</v>
      </c>
      <c r="G4493" s="16">
        <v>0</v>
      </c>
    </row>
    <row r="4494" spans="1:7" x14ac:dyDescent="0.3">
      <c r="A4494" s="13" t="s">
        <v>46</v>
      </c>
      <c r="B4494" s="14" t="s">
        <v>1</v>
      </c>
      <c r="C4494" s="14" t="s">
        <v>47</v>
      </c>
      <c r="D4494" s="14" t="s">
        <v>27</v>
      </c>
      <c r="E4494" s="15">
        <v>45490</v>
      </c>
      <c r="F4494" s="14" t="s">
        <v>28</v>
      </c>
      <c r="G4494" s="16">
        <v>0</v>
      </c>
    </row>
    <row r="4495" spans="1:7" x14ac:dyDescent="0.3">
      <c r="A4495" s="13" t="s">
        <v>46</v>
      </c>
      <c r="B4495" s="14" t="s">
        <v>1</v>
      </c>
      <c r="C4495" s="14" t="s">
        <v>47</v>
      </c>
      <c r="D4495" s="14" t="s">
        <v>27</v>
      </c>
      <c r="E4495" s="15">
        <v>45491</v>
      </c>
      <c r="F4495" s="14" t="s">
        <v>28</v>
      </c>
      <c r="G4495" s="16">
        <v>0</v>
      </c>
    </row>
    <row r="4496" spans="1:7" x14ac:dyDescent="0.3">
      <c r="A4496" s="13" t="s">
        <v>46</v>
      </c>
      <c r="B4496" s="14" t="s">
        <v>1</v>
      </c>
      <c r="C4496" s="14" t="s">
        <v>47</v>
      </c>
      <c r="D4496" s="14" t="s">
        <v>27</v>
      </c>
      <c r="E4496" s="15">
        <v>45492</v>
      </c>
      <c r="F4496" s="14" t="s">
        <v>28</v>
      </c>
      <c r="G4496" s="16">
        <v>0</v>
      </c>
    </row>
    <row r="4497" spans="1:7" x14ac:dyDescent="0.3">
      <c r="A4497" s="13" t="s">
        <v>46</v>
      </c>
      <c r="B4497" s="14" t="s">
        <v>1</v>
      </c>
      <c r="C4497" s="14" t="s">
        <v>47</v>
      </c>
      <c r="D4497" s="14" t="s">
        <v>27</v>
      </c>
      <c r="E4497" s="15">
        <v>45493</v>
      </c>
      <c r="F4497" s="14" t="s">
        <v>28</v>
      </c>
      <c r="G4497" s="16">
        <v>0</v>
      </c>
    </row>
    <row r="4498" spans="1:7" x14ac:dyDescent="0.3">
      <c r="A4498" s="13" t="s">
        <v>46</v>
      </c>
      <c r="B4498" s="14" t="s">
        <v>1</v>
      </c>
      <c r="C4498" s="14" t="s">
        <v>47</v>
      </c>
      <c r="D4498" s="14" t="s">
        <v>27</v>
      </c>
      <c r="E4498" s="15">
        <v>45494</v>
      </c>
      <c r="F4498" s="14" t="s">
        <v>28</v>
      </c>
      <c r="G4498" s="16">
        <v>0</v>
      </c>
    </row>
    <row r="4499" spans="1:7" x14ac:dyDescent="0.3">
      <c r="A4499" s="13" t="s">
        <v>46</v>
      </c>
      <c r="B4499" s="14" t="s">
        <v>1</v>
      </c>
      <c r="C4499" s="14" t="s">
        <v>47</v>
      </c>
      <c r="D4499" s="14" t="s">
        <v>27</v>
      </c>
      <c r="E4499" s="15">
        <v>45495</v>
      </c>
      <c r="F4499" s="14" t="s">
        <v>28</v>
      </c>
      <c r="G4499" s="16">
        <v>0</v>
      </c>
    </row>
    <row r="4500" spans="1:7" x14ac:dyDescent="0.3">
      <c r="A4500" s="13" t="s">
        <v>46</v>
      </c>
      <c r="B4500" s="14" t="s">
        <v>1</v>
      </c>
      <c r="C4500" s="14" t="s">
        <v>47</v>
      </c>
      <c r="D4500" s="14" t="s">
        <v>27</v>
      </c>
      <c r="E4500" s="15">
        <v>45496</v>
      </c>
      <c r="F4500" s="14" t="s">
        <v>28</v>
      </c>
      <c r="G4500" s="16">
        <v>0</v>
      </c>
    </row>
    <row r="4501" spans="1:7" x14ac:dyDescent="0.3">
      <c r="A4501" s="13" t="s">
        <v>46</v>
      </c>
      <c r="B4501" s="14" t="s">
        <v>1</v>
      </c>
      <c r="C4501" s="14" t="s">
        <v>47</v>
      </c>
      <c r="D4501" s="14" t="s">
        <v>27</v>
      </c>
      <c r="E4501" s="15">
        <v>45497</v>
      </c>
      <c r="F4501" s="14" t="s">
        <v>28</v>
      </c>
      <c r="G4501" s="16">
        <v>0</v>
      </c>
    </row>
    <row r="4502" spans="1:7" x14ac:dyDescent="0.3">
      <c r="A4502" s="13" t="s">
        <v>46</v>
      </c>
      <c r="B4502" s="14" t="s">
        <v>1</v>
      </c>
      <c r="C4502" s="14" t="s">
        <v>47</v>
      </c>
      <c r="D4502" s="14" t="s">
        <v>27</v>
      </c>
      <c r="E4502" s="15">
        <v>45498</v>
      </c>
      <c r="F4502" s="14" t="s">
        <v>28</v>
      </c>
      <c r="G4502" s="16">
        <v>0</v>
      </c>
    </row>
    <row r="4503" spans="1:7" x14ac:dyDescent="0.3">
      <c r="A4503" s="13" t="s">
        <v>46</v>
      </c>
      <c r="B4503" s="14" t="s">
        <v>1</v>
      </c>
      <c r="C4503" s="14" t="s">
        <v>47</v>
      </c>
      <c r="D4503" s="14" t="s">
        <v>27</v>
      </c>
      <c r="E4503" s="15">
        <v>45499</v>
      </c>
      <c r="F4503" s="14" t="s">
        <v>28</v>
      </c>
      <c r="G4503" s="16">
        <v>0</v>
      </c>
    </row>
    <row r="4504" spans="1:7" x14ac:dyDescent="0.3">
      <c r="A4504" s="13" t="s">
        <v>46</v>
      </c>
      <c r="B4504" s="14" t="s">
        <v>1</v>
      </c>
      <c r="C4504" s="14" t="s">
        <v>47</v>
      </c>
      <c r="D4504" s="14" t="s">
        <v>27</v>
      </c>
      <c r="E4504" s="15">
        <v>45500</v>
      </c>
      <c r="F4504" s="14" t="s">
        <v>28</v>
      </c>
      <c r="G4504" s="16">
        <v>0</v>
      </c>
    </row>
    <row r="4505" spans="1:7" x14ac:dyDescent="0.3">
      <c r="A4505" s="13" t="s">
        <v>46</v>
      </c>
      <c r="B4505" s="14" t="s">
        <v>1</v>
      </c>
      <c r="C4505" s="14" t="s">
        <v>47</v>
      </c>
      <c r="D4505" s="14" t="s">
        <v>27</v>
      </c>
      <c r="E4505" s="15">
        <v>45501</v>
      </c>
      <c r="F4505" s="14" t="s">
        <v>28</v>
      </c>
      <c r="G4505" s="16">
        <v>0</v>
      </c>
    </row>
    <row r="4506" spans="1:7" x14ac:dyDescent="0.3">
      <c r="A4506" s="13" t="s">
        <v>46</v>
      </c>
      <c r="B4506" s="14" t="s">
        <v>1</v>
      </c>
      <c r="C4506" s="14" t="s">
        <v>47</v>
      </c>
      <c r="D4506" s="14" t="s">
        <v>27</v>
      </c>
      <c r="E4506" s="15">
        <v>45502</v>
      </c>
      <c r="F4506" s="14" t="s">
        <v>28</v>
      </c>
      <c r="G4506" s="16">
        <v>0</v>
      </c>
    </row>
    <row r="4507" spans="1:7" x14ac:dyDescent="0.3">
      <c r="A4507" s="13" t="s">
        <v>46</v>
      </c>
      <c r="B4507" s="14" t="s">
        <v>1</v>
      </c>
      <c r="C4507" s="14" t="s">
        <v>47</v>
      </c>
      <c r="D4507" s="14" t="s">
        <v>27</v>
      </c>
      <c r="E4507" s="15">
        <v>45503</v>
      </c>
      <c r="F4507" s="14" t="s">
        <v>28</v>
      </c>
      <c r="G4507" s="16">
        <v>0</v>
      </c>
    </row>
    <row r="4508" spans="1:7" x14ac:dyDescent="0.3">
      <c r="A4508" s="13" t="s">
        <v>46</v>
      </c>
      <c r="B4508" s="14" t="s">
        <v>1</v>
      </c>
      <c r="C4508" s="14" t="s">
        <v>47</v>
      </c>
      <c r="D4508" s="14" t="s">
        <v>27</v>
      </c>
      <c r="E4508" s="15">
        <v>45504</v>
      </c>
      <c r="F4508" s="14" t="s">
        <v>28</v>
      </c>
      <c r="G4508" s="16">
        <v>0</v>
      </c>
    </row>
    <row r="4509" spans="1:7" x14ac:dyDescent="0.3">
      <c r="A4509" s="13" t="s">
        <v>46</v>
      </c>
      <c r="B4509" s="14" t="s">
        <v>1</v>
      </c>
      <c r="C4509" s="14" t="s">
        <v>47</v>
      </c>
      <c r="D4509" s="14" t="s">
        <v>27</v>
      </c>
      <c r="E4509" s="15">
        <v>45505</v>
      </c>
      <c r="F4509" s="14" t="s">
        <v>28</v>
      </c>
      <c r="G4509" s="16">
        <v>0</v>
      </c>
    </row>
    <row r="4510" spans="1:7" x14ac:dyDescent="0.3">
      <c r="A4510" s="13" t="s">
        <v>46</v>
      </c>
      <c r="B4510" s="14" t="s">
        <v>1</v>
      </c>
      <c r="C4510" s="14" t="s">
        <v>47</v>
      </c>
      <c r="D4510" s="14" t="s">
        <v>27</v>
      </c>
      <c r="E4510" s="15">
        <v>45506</v>
      </c>
      <c r="F4510" s="14" t="s">
        <v>28</v>
      </c>
      <c r="G4510" s="16">
        <v>0</v>
      </c>
    </row>
    <row r="4511" spans="1:7" x14ac:dyDescent="0.3">
      <c r="A4511" s="13" t="s">
        <v>46</v>
      </c>
      <c r="B4511" s="14" t="s">
        <v>1</v>
      </c>
      <c r="C4511" s="14" t="s">
        <v>47</v>
      </c>
      <c r="D4511" s="14" t="s">
        <v>27</v>
      </c>
      <c r="E4511" s="15">
        <v>45507</v>
      </c>
      <c r="F4511" s="14" t="s">
        <v>28</v>
      </c>
      <c r="G4511" s="16">
        <v>0</v>
      </c>
    </row>
    <row r="4512" spans="1:7" x14ac:dyDescent="0.3">
      <c r="A4512" s="13" t="s">
        <v>46</v>
      </c>
      <c r="B4512" s="14" t="s">
        <v>1</v>
      </c>
      <c r="C4512" s="14" t="s">
        <v>47</v>
      </c>
      <c r="D4512" s="14" t="s">
        <v>27</v>
      </c>
      <c r="E4512" s="15">
        <v>45508</v>
      </c>
      <c r="F4512" s="14" t="s">
        <v>28</v>
      </c>
      <c r="G4512" s="16">
        <v>0</v>
      </c>
    </row>
    <row r="4513" spans="1:7" x14ac:dyDescent="0.3">
      <c r="A4513" s="13" t="s">
        <v>46</v>
      </c>
      <c r="B4513" s="14" t="s">
        <v>1</v>
      </c>
      <c r="C4513" s="14" t="s">
        <v>47</v>
      </c>
      <c r="D4513" s="14" t="s">
        <v>27</v>
      </c>
      <c r="E4513" s="15">
        <v>45509</v>
      </c>
      <c r="F4513" s="14" t="s">
        <v>28</v>
      </c>
      <c r="G4513" s="16">
        <v>0</v>
      </c>
    </row>
    <row r="4514" spans="1:7" x14ac:dyDescent="0.3">
      <c r="A4514" s="13" t="s">
        <v>46</v>
      </c>
      <c r="B4514" s="14" t="s">
        <v>1</v>
      </c>
      <c r="C4514" s="14" t="s">
        <v>47</v>
      </c>
      <c r="D4514" s="14" t="s">
        <v>27</v>
      </c>
      <c r="E4514" s="15">
        <v>45510</v>
      </c>
      <c r="F4514" s="14" t="s">
        <v>28</v>
      </c>
      <c r="G4514" s="16">
        <v>0</v>
      </c>
    </row>
    <row r="4515" spans="1:7" x14ac:dyDescent="0.3">
      <c r="A4515" s="13" t="s">
        <v>46</v>
      </c>
      <c r="B4515" s="14" t="s">
        <v>1</v>
      </c>
      <c r="C4515" s="14" t="s">
        <v>47</v>
      </c>
      <c r="D4515" s="14" t="s">
        <v>27</v>
      </c>
      <c r="E4515" s="15">
        <v>45511</v>
      </c>
      <c r="F4515" s="14" t="s">
        <v>28</v>
      </c>
      <c r="G4515" s="16">
        <v>0</v>
      </c>
    </row>
    <row r="4516" spans="1:7" x14ac:dyDescent="0.3">
      <c r="A4516" s="13" t="s">
        <v>46</v>
      </c>
      <c r="B4516" s="14" t="s">
        <v>1</v>
      </c>
      <c r="C4516" s="14" t="s">
        <v>47</v>
      </c>
      <c r="D4516" s="14" t="s">
        <v>27</v>
      </c>
      <c r="E4516" s="15">
        <v>45512</v>
      </c>
      <c r="F4516" s="14" t="s">
        <v>28</v>
      </c>
      <c r="G4516" s="16">
        <v>0</v>
      </c>
    </row>
    <row r="4517" spans="1:7" x14ac:dyDescent="0.3">
      <c r="A4517" s="13" t="s">
        <v>46</v>
      </c>
      <c r="B4517" s="14" t="s">
        <v>1</v>
      </c>
      <c r="C4517" s="14" t="s">
        <v>47</v>
      </c>
      <c r="D4517" s="14" t="s">
        <v>27</v>
      </c>
      <c r="E4517" s="15">
        <v>45513</v>
      </c>
      <c r="F4517" s="14" t="s">
        <v>28</v>
      </c>
      <c r="G4517" s="16">
        <v>0</v>
      </c>
    </row>
    <row r="4518" spans="1:7" x14ac:dyDescent="0.3">
      <c r="A4518" s="13" t="s">
        <v>46</v>
      </c>
      <c r="B4518" s="14" t="s">
        <v>1</v>
      </c>
      <c r="C4518" s="14" t="s">
        <v>47</v>
      </c>
      <c r="D4518" s="14" t="s">
        <v>27</v>
      </c>
      <c r="E4518" s="15">
        <v>45514</v>
      </c>
      <c r="F4518" s="14" t="s">
        <v>28</v>
      </c>
      <c r="G4518" s="16">
        <v>0</v>
      </c>
    </row>
    <row r="4519" spans="1:7" x14ac:dyDescent="0.3">
      <c r="A4519" s="13" t="s">
        <v>46</v>
      </c>
      <c r="B4519" s="14" t="s">
        <v>1</v>
      </c>
      <c r="C4519" s="14" t="s">
        <v>47</v>
      </c>
      <c r="D4519" s="14" t="s">
        <v>27</v>
      </c>
      <c r="E4519" s="15">
        <v>45515</v>
      </c>
      <c r="F4519" s="14" t="s">
        <v>28</v>
      </c>
      <c r="G4519" s="16">
        <v>0</v>
      </c>
    </row>
    <row r="4520" spans="1:7" x14ac:dyDescent="0.3">
      <c r="A4520" s="13" t="s">
        <v>46</v>
      </c>
      <c r="B4520" s="14" t="s">
        <v>1</v>
      </c>
      <c r="C4520" s="14" t="s">
        <v>47</v>
      </c>
      <c r="D4520" s="14" t="s">
        <v>27</v>
      </c>
      <c r="E4520" s="15">
        <v>45516</v>
      </c>
      <c r="F4520" s="14" t="s">
        <v>28</v>
      </c>
      <c r="G4520" s="16">
        <v>0</v>
      </c>
    </row>
    <row r="4521" spans="1:7" x14ac:dyDescent="0.3">
      <c r="A4521" s="13" t="s">
        <v>46</v>
      </c>
      <c r="B4521" s="14" t="s">
        <v>1</v>
      </c>
      <c r="C4521" s="14" t="s">
        <v>47</v>
      </c>
      <c r="D4521" s="14" t="s">
        <v>27</v>
      </c>
      <c r="E4521" s="15">
        <v>45517</v>
      </c>
      <c r="F4521" s="14" t="s">
        <v>28</v>
      </c>
      <c r="G4521" s="16">
        <v>0</v>
      </c>
    </row>
    <row r="4522" spans="1:7" x14ac:dyDescent="0.3">
      <c r="A4522" s="13" t="s">
        <v>46</v>
      </c>
      <c r="B4522" s="14" t="s">
        <v>1</v>
      </c>
      <c r="C4522" s="14" t="s">
        <v>47</v>
      </c>
      <c r="D4522" s="14" t="s">
        <v>27</v>
      </c>
      <c r="E4522" s="15">
        <v>45518</v>
      </c>
      <c r="F4522" s="14" t="s">
        <v>28</v>
      </c>
      <c r="G4522" s="16">
        <v>0</v>
      </c>
    </row>
    <row r="4523" spans="1:7" x14ac:dyDescent="0.3">
      <c r="A4523" s="13" t="s">
        <v>46</v>
      </c>
      <c r="B4523" s="14" t="s">
        <v>1</v>
      </c>
      <c r="C4523" s="14" t="s">
        <v>47</v>
      </c>
      <c r="D4523" s="14" t="s">
        <v>27</v>
      </c>
      <c r="E4523" s="15">
        <v>45519</v>
      </c>
      <c r="F4523" s="14" t="s">
        <v>28</v>
      </c>
      <c r="G4523" s="16">
        <v>0</v>
      </c>
    </row>
    <row r="4524" spans="1:7" x14ac:dyDescent="0.3">
      <c r="A4524" s="13" t="s">
        <v>46</v>
      </c>
      <c r="B4524" s="14" t="s">
        <v>1</v>
      </c>
      <c r="C4524" s="14" t="s">
        <v>47</v>
      </c>
      <c r="D4524" s="14" t="s">
        <v>27</v>
      </c>
      <c r="E4524" s="15">
        <v>45520</v>
      </c>
      <c r="F4524" s="14" t="s">
        <v>28</v>
      </c>
      <c r="G4524" s="16">
        <v>0</v>
      </c>
    </row>
    <row r="4525" spans="1:7" x14ac:dyDescent="0.3">
      <c r="A4525" s="13" t="s">
        <v>46</v>
      </c>
      <c r="B4525" s="14" t="s">
        <v>1</v>
      </c>
      <c r="C4525" s="14" t="s">
        <v>47</v>
      </c>
      <c r="D4525" s="14" t="s">
        <v>27</v>
      </c>
      <c r="E4525" s="15">
        <v>45521</v>
      </c>
      <c r="F4525" s="14" t="s">
        <v>28</v>
      </c>
      <c r="G4525" s="16">
        <v>0</v>
      </c>
    </row>
    <row r="4526" spans="1:7" x14ac:dyDescent="0.3">
      <c r="A4526" s="13" t="s">
        <v>46</v>
      </c>
      <c r="B4526" s="14" t="s">
        <v>1</v>
      </c>
      <c r="C4526" s="14" t="s">
        <v>47</v>
      </c>
      <c r="D4526" s="14" t="s">
        <v>27</v>
      </c>
      <c r="E4526" s="15">
        <v>45522</v>
      </c>
      <c r="F4526" s="14" t="s">
        <v>28</v>
      </c>
      <c r="G4526" s="16">
        <v>0</v>
      </c>
    </row>
    <row r="4527" spans="1:7" x14ac:dyDescent="0.3">
      <c r="A4527" s="13" t="s">
        <v>46</v>
      </c>
      <c r="B4527" s="14" t="s">
        <v>1</v>
      </c>
      <c r="C4527" s="14" t="s">
        <v>47</v>
      </c>
      <c r="D4527" s="14" t="s">
        <v>27</v>
      </c>
      <c r="E4527" s="15">
        <v>45523</v>
      </c>
      <c r="F4527" s="14" t="s">
        <v>28</v>
      </c>
      <c r="G4527" s="16">
        <v>0</v>
      </c>
    </row>
    <row r="4528" spans="1:7" x14ac:dyDescent="0.3">
      <c r="A4528" s="13" t="s">
        <v>46</v>
      </c>
      <c r="B4528" s="14" t="s">
        <v>1</v>
      </c>
      <c r="C4528" s="14" t="s">
        <v>47</v>
      </c>
      <c r="D4528" s="14" t="s">
        <v>27</v>
      </c>
      <c r="E4528" s="15">
        <v>45524</v>
      </c>
      <c r="F4528" s="14" t="s">
        <v>28</v>
      </c>
      <c r="G4528" s="16">
        <v>0</v>
      </c>
    </row>
    <row r="4529" spans="1:7" x14ac:dyDescent="0.3">
      <c r="A4529" s="13" t="s">
        <v>46</v>
      </c>
      <c r="B4529" s="14" t="s">
        <v>1</v>
      </c>
      <c r="C4529" s="14" t="s">
        <v>47</v>
      </c>
      <c r="D4529" s="14" t="s">
        <v>27</v>
      </c>
      <c r="E4529" s="15">
        <v>45525</v>
      </c>
      <c r="F4529" s="14" t="s">
        <v>28</v>
      </c>
      <c r="G4529" s="16">
        <v>0</v>
      </c>
    </row>
    <row r="4530" spans="1:7" x14ac:dyDescent="0.3">
      <c r="A4530" s="13" t="s">
        <v>46</v>
      </c>
      <c r="B4530" s="14" t="s">
        <v>1</v>
      </c>
      <c r="C4530" s="14" t="s">
        <v>47</v>
      </c>
      <c r="D4530" s="14" t="s">
        <v>27</v>
      </c>
      <c r="E4530" s="15">
        <v>45526</v>
      </c>
      <c r="F4530" s="14" t="s">
        <v>28</v>
      </c>
      <c r="G4530" s="16">
        <v>0</v>
      </c>
    </row>
    <row r="4531" spans="1:7" x14ac:dyDescent="0.3">
      <c r="A4531" s="13" t="s">
        <v>46</v>
      </c>
      <c r="B4531" s="14" t="s">
        <v>1</v>
      </c>
      <c r="C4531" s="14" t="s">
        <v>47</v>
      </c>
      <c r="D4531" s="14" t="s">
        <v>27</v>
      </c>
      <c r="E4531" s="15">
        <v>45527</v>
      </c>
      <c r="F4531" s="14" t="s">
        <v>28</v>
      </c>
      <c r="G4531" s="16">
        <v>0</v>
      </c>
    </row>
    <row r="4532" spans="1:7" x14ac:dyDescent="0.3">
      <c r="A4532" s="13" t="s">
        <v>46</v>
      </c>
      <c r="B4532" s="14" t="s">
        <v>1</v>
      </c>
      <c r="C4532" s="14" t="s">
        <v>47</v>
      </c>
      <c r="D4532" s="14" t="s">
        <v>27</v>
      </c>
      <c r="E4532" s="15">
        <v>45528</v>
      </c>
      <c r="F4532" s="14" t="s">
        <v>28</v>
      </c>
      <c r="G4532" s="16">
        <v>0</v>
      </c>
    </row>
    <row r="4533" spans="1:7" x14ac:dyDescent="0.3">
      <c r="A4533" s="13" t="s">
        <v>46</v>
      </c>
      <c r="B4533" s="14" t="s">
        <v>1</v>
      </c>
      <c r="C4533" s="14" t="s">
        <v>47</v>
      </c>
      <c r="D4533" s="14" t="s">
        <v>27</v>
      </c>
      <c r="E4533" s="15">
        <v>45529</v>
      </c>
      <c r="F4533" s="14" t="s">
        <v>28</v>
      </c>
      <c r="G4533" s="16">
        <v>0</v>
      </c>
    </row>
    <row r="4534" spans="1:7" x14ac:dyDescent="0.3">
      <c r="A4534" s="13" t="s">
        <v>46</v>
      </c>
      <c r="B4534" s="14" t="s">
        <v>1</v>
      </c>
      <c r="C4534" s="14" t="s">
        <v>47</v>
      </c>
      <c r="D4534" s="14" t="s">
        <v>27</v>
      </c>
      <c r="E4534" s="15">
        <v>45530</v>
      </c>
      <c r="F4534" s="14" t="s">
        <v>28</v>
      </c>
      <c r="G4534" s="16">
        <v>0</v>
      </c>
    </row>
    <row r="4535" spans="1:7" x14ac:dyDescent="0.3">
      <c r="A4535" s="13" t="s">
        <v>46</v>
      </c>
      <c r="B4535" s="14" t="s">
        <v>1</v>
      </c>
      <c r="C4535" s="14" t="s">
        <v>47</v>
      </c>
      <c r="D4535" s="14" t="s">
        <v>27</v>
      </c>
      <c r="E4535" s="15">
        <v>45531</v>
      </c>
      <c r="F4535" s="14" t="s">
        <v>28</v>
      </c>
      <c r="G4535" s="16">
        <v>0</v>
      </c>
    </row>
    <row r="4536" spans="1:7" x14ac:dyDescent="0.3">
      <c r="A4536" s="13" t="s">
        <v>46</v>
      </c>
      <c r="B4536" s="14" t="s">
        <v>1</v>
      </c>
      <c r="C4536" s="14" t="s">
        <v>47</v>
      </c>
      <c r="D4536" s="14" t="s">
        <v>27</v>
      </c>
      <c r="E4536" s="15">
        <v>45532</v>
      </c>
      <c r="F4536" s="14" t="s">
        <v>28</v>
      </c>
      <c r="G4536" s="16">
        <v>0</v>
      </c>
    </row>
    <row r="4537" spans="1:7" x14ac:dyDescent="0.3">
      <c r="A4537" s="13" t="s">
        <v>46</v>
      </c>
      <c r="B4537" s="14" t="s">
        <v>1</v>
      </c>
      <c r="C4537" s="14" t="s">
        <v>47</v>
      </c>
      <c r="D4537" s="14" t="s">
        <v>27</v>
      </c>
      <c r="E4537" s="15">
        <v>45533</v>
      </c>
      <c r="F4537" s="14" t="s">
        <v>28</v>
      </c>
      <c r="G4537" s="16">
        <v>0</v>
      </c>
    </row>
    <row r="4538" spans="1:7" x14ac:dyDescent="0.3">
      <c r="A4538" s="13" t="s">
        <v>46</v>
      </c>
      <c r="B4538" s="14" t="s">
        <v>1</v>
      </c>
      <c r="C4538" s="14" t="s">
        <v>47</v>
      </c>
      <c r="D4538" s="14" t="s">
        <v>27</v>
      </c>
      <c r="E4538" s="15">
        <v>45534</v>
      </c>
      <c r="F4538" s="14" t="s">
        <v>28</v>
      </c>
      <c r="G4538" s="16">
        <v>0</v>
      </c>
    </row>
    <row r="4539" spans="1:7" x14ac:dyDescent="0.3">
      <c r="A4539" s="13" t="s">
        <v>46</v>
      </c>
      <c r="B4539" s="14" t="s">
        <v>1</v>
      </c>
      <c r="C4539" s="14" t="s">
        <v>47</v>
      </c>
      <c r="D4539" s="14" t="s">
        <v>27</v>
      </c>
      <c r="E4539" s="15">
        <v>45535</v>
      </c>
      <c r="F4539" s="14" t="s">
        <v>28</v>
      </c>
      <c r="G4539" s="16">
        <v>0</v>
      </c>
    </row>
    <row r="4540" spans="1:7" x14ac:dyDescent="0.3">
      <c r="A4540" s="13" t="s">
        <v>46</v>
      </c>
      <c r="B4540" s="14" t="s">
        <v>1</v>
      </c>
      <c r="C4540" s="14" t="s">
        <v>47</v>
      </c>
      <c r="D4540" s="14" t="s">
        <v>27</v>
      </c>
      <c r="E4540" s="15">
        <v>45536</v>
      </c>
      <c r="F4540" s="14" t="s">
        <v>28</v>
      </c>
      <c r="G4540" s="16">
        <v>0</v>
      </c>
    </row>
    <row r="4541" spans="1:7" x14ac:dyDescent="0.3">
      <c r="A4541" s="13" t="s">
        <v>46</v>
      </c>
      <c r="B4541" s="14" t="s">
        <v>1</v>
      </c>
      <c r="C4541" s="14" t="s">
        <v>47</v>
      </c>
      <c r="D4541" s="14" t="s">
        <v>27</v>
      </c>
      <c r="E4541" s="15">
        <v>45537</v>
      </c>
      <c r="F4541" s="14" t="s">
        <v>28</v>
      </c>
      <c r="G4541" s="16">
        <v>0</v>
      </c>
    </row>
    <row r="4542" spans="1:7" x14ac:dyDescent="0.3">
      <c r="A4542" s="13" t="s">
        <v>46</v>
      </c>
      <c r="B4542" s="14" t="s">
        <v>1</v>
      </c>
      <c r="C4542" s="14" t="s">
        <v>47</v>
      </c>
      <c r="D4542" s="14" t="s">
        <v>27</v>
      </c>
      <c r="E4542" s="15">
        <v>45538</v>
      </c>
      <c r="F4542" s="14" t="s">
        <v>28</v>
      </c>
      <c r="G4542" s="16">
        <v>0</v>
      </c>
    </row>
    <row r="4543" spans="1:7" x14ac:dyDescent="0.3">
      <c r="A4543" s="13" t="s">
        <v>46</v>
      </c>
      <c r="B4543" s="14" t="s">
        <v>1</v>
      </c>
      <c r="C4543" s="14" t="s">
        <v>47</v>
      </c>
      <c r="D4543" s="14" t="s">
        <v>27</v>
      </c>
      <c r="E4543" s="15">
        <v>45539</v>
      </c>
      <c r="F4543" s="14" t="s">
        <v>28</v>
      </c>
      <c r="G4543" s="16">
        <v>0</v>
      </c>
    </row>
    <row r="4544" spans="1:7" x14ac:dyDescent="0.3">
      <c r="A4544" s="13" t="s">
        <v>46</v>
      </c>
      <c r="B4544" s="14" t="s">
        <v>1</v>
      </c>
      <c r="C4544" s="14" t="s">
        <v>47</v>
      </c>
      <c r="D4544" s="14" t="s">
        <v>27</v>
      </c>
      <c r="E4544" s="15">
        <v>45540</v>
      </c>
      <c r="F4544" s="14" t="s">
        <v>28</v>
      </c>
      <c r="G4544" s="16">
        <v>0</v>
      </c>
    </row>
    <row r="4545" spans="1:7" x14ac:dyDescent="0.3">
      <c r="A4545" s="13" t="s">
        <v>46</v>
      </c>
      <c r="B4545" s="14" t="s">
        <v>1</v>
      </c>
      <c r="C4545" s="14" t="s">
        <v>47</v>
      </c>
      <c r="D4545" s="14" t="s">
        <v>27</v>
      </c>
      <c r="E4545" s="15">
        <v>45541</v>
      </c>
      <c r="F4545" s="14" t="s">
        <v>28</v>
      </c>
      <c r="G4545" s="16">
        <v>0</v>
      </c>
    </row>
    <row r="4546" spans="1:7" x14ac:dyDescent="0.3">
      <c r="A4546" s="13" t="s">
        <v>46</v>
      </c>
      <c r="B4546" s="14" t="s">
        <v>1</v>
      </c>
      <c r="C4546" s="14" t="s">
        <v>47</v>
      </c>
      <c r="D4546" s="14" t="s">
        <v>27</v>
      </c>
      <c r="E4546" s="15">
        <v>45542</v>
      </c>
      <c r="F4546" s="14" t="s">
        <v>28</v>
      </c>
      <c r="G4546" s="16">
        <v>0</v>
      </c>
    </row>
    <row r="4547" spans="1:7" x14ac:dyDescent="0.3">
      <c r="A4547" s="13" t="s">
        <v>46</v>
      </c>
      <c r="B4547" s="14" t="s">
        <v>1</v>
      </c>
      <c r="C4547" s="14" t="s">
        <v>47</v>
      </c>
      <c r="D4547" s="14" t="s">
        <v>27</v>
      </c>
      <c r="E4547" s="15">
        <v>45543</v>
      </c>
      <c r="F4547" s="14" t="s">
        <v>28</v>
      </c>
      <c r="G4547" s="16">
        <v>0</v>
      </c>
    </row>
    <row r="4548" spans="1:7" x14ac:dyDescent="0.3">
      <c r="A4548" s="13" t="s">
        <v>46</v>
      </c>
      <c r="B4548" s="14" t="s">
        <v>1</v>
      </c>
      <c r="C4548" s="14" t="s">
        <v>47</v>
      </c>
      <c r="D4548" s="14" t="s">
        <v>27</v>
      </c>
      <c r="E4548" s="15">
        <v>45544</v>
      </c>
      <c r="F4548" s="14" t="s">
        <v>28</v>
      </c>
      <c r="G4548" s="16">
        <v>0</v>
      </c>
    </row>
    <row r="4549" spans="1:7" x14ac:dyDescent="0.3">
      <c r="A4549" s="13" t="s">
        <v>46</v>
      </c>
      <c r="B4549" s="14" t="s">
        <v>1</v>
      </c>
      <c r="C4549" s="14" t="s">
        <v>47</v>
      </c>
      <c r="D4549" s="14" t="s">
        <v>27</v>
      </c>
      <c r="E4549" s="15">
        <v>45545</v>
      </c>
      <c r="F4549" s="14" t="s">
        <v>28</v>
      </c>
      <c r="G4549" s="16">
        <v>0</v>
      </c>
    </row>
    <row r="4550" spans="1:7" x14ac:dyDescent="0.3">
      <c r="A4550" s="13" t="s">
        <v>46</v>
      </c>
      <c r="B4550" s="14" t="s">
        <v>1</v>
      </c>
      <c r="C4550" s="14" t="s">
        <v>47</v>
      </c>
      <c r="D4550" s="14" t="s">
        <v>27</v>
      </c>
      <c r="E4550" s="15">
        <v>45546</v>
      </c>
      <c r="F4550" s="14" t="s">
        <v>28</v>
      </c>
      <c r="G4550" s="16">
        <v>0</v>
      </c>
    </row>
    <row r="4551" spans="1:7" x14ac:dyDescent="0.3">
      <c r="A4551" s="13" t="s">
        <v>46</v>
      </c>
      <c r="B4551" s="14" t="s">
        <v>1</v>
      </c>
      <c r="C4551" s="14" t="s">
        <v>47</v>
      </c>
      <c r="D4551" s="14" t="s">
        <v>27</v>
      </c>
      <c r="E4551" s="15">
        <v>45547</v>
      </c>
      <c r="F4551" s="14" t="s">
        <v>28</v>
      </c>
      <c r="G4551" s="16">
        <v>0</v>
      </c>
    </row>
    <row r="4552" spans="1:7" x14ac:dyDescent="0.3">
      <c r="A4552" s="13" t="s">
        <v>46</v>
      </c>
      <c r="B4552" s="14" t="s">
        <v>1</v>
      </c>
      <c r="C4552" s="14" t="s">
        <v>47</v>
      </c>
      <c r="D4552" s="14" t="s">
        <v>27</v>
      </c>
      <c r="E4552" s="15">
        <v>45548</v>
      </c>
      <c r="F4552" s="14" t="s">
        <v>28</v>
      </c>
      <c r="G4552" s="16">
        <v>0</v>
      </c>
    </row>
    <row r="4553" spans="1:7" x14ac:dyDescent="0.3">
      <c r="A4553" s="13" t="s">
        <v>46</v>
      </c>
      <c r="B4553" s="14" t="s">
        <v>1</v>
      </c>
      <c r="C4553" s="14" t="s">
        <v>47</v>
      </c>
      <c r="D4553" s="14" t="s">
        <v>27</v>
      </c>
      <c r="E4553" s="15">
        <v>45549</v>
      </c>
      <c r="F4553" s="14" t="s">
        <v>28</v>
      </c>
      <c r="G4553" s="16">
        <v>0</v>
      </c>
    </row>
    <row r="4554" spans="1:7" x14ac:dyDescent="0.3">
      <c r="A4554" s="13" t="s">
        <v>46</v>
      </c>
      <c r="B4554" s="14" t="s">
        <v>1</v>
      </c>
      <c r="C4554" s="14" t="s">
        <v>47</v>
      </c>
      <c r="D4554" s="14" t="s">
        <v>27</v>
      </c>
      <c r="E4554" s="15">
        <v>45550</v>
      </c>
      <c r="F4554" s="14" t="s">
        <v>28</v>
      </c>
      <c r="G4554" s="16">
        <v>0</v>
      </c>
    </row>
    <row r="4555" spans="1:7" x14ac:dyDescent="0.3">
      <c r="A4555" s="13" t="s">
        <v>46</v>
      </c>
      <c r="B4555" s="14" t="s">
        <v>1</v>
      </c>
      <c r="C4555" s="14" t="s">
        <v>47</v>
      </c>
      <c r="D4555" s="14" t="s">
        <v>27</v>
      </c>
      <c r="E4555" s="15">
        <v>45551</v>
      </c>
      <c r="F4555" s="14" t="s">
        <v>28</v>
      </c>
      <c r="G4555" s="16">
        <v>0</v>
      </c>
    </row>
    <row r="4556" spans="1:7" x14ac:dyDescent="0.3">
      <c r="A4556" s="13" t="s">
        <v>46</v>
      </c>
      <c r="B4556" s="14" t="s">
        <v>1</v>
      </c>
      <c r="C4556" s="14" t="s">
        <v>47</v>
      </c>
      <c r="D4556" s="14" t="s">
        <v>27</v>
      </c>
      <c r="E4556" s="15">
        <v>45552</v>
      </c>
      <c r="F4556" s="14" t="s">
        <v>28</v>
      </c>
      <c r="G4556" s="16">
        <v>0</v>
      </c>
    </row>
    <row r="4557" spans="1:7" x14ac:dyDescent="0.3">
      <c r="A4557" s="13" t="s">
        <v>46</v>
      </c>
      <c r="B4557" s="14" t="s">
        <v>1</v>
      </c>
      <c r="C4557" s="14" t="s">
        <v>47</v>
      </c>
      <c r="D4557" s="14" t="s">
        <v>27</v>
      </c>
      <c r="E4557" s="15">
        <v>45553</v>
      </c>
      <c r="F4557" s="14" t="s">
        <v>28</v>
      </c>
      <c r="G4557" s="16">
        <v>0</v>
      </c>
    </row>
    <row r="4558" spans="1:7" x14ac:dyDescent="0.3">
      <c r="A4558" s="13" t="s">
        <v>46</v>
      </c>
      <c r="B4558" s="14" t="s">
        <v>1</v>
      </c>
      <c r="C4558" s="14" t="s">
        <v>47</v>
      </c>
      <c r="D4558" s="14" t="s">
        <v>27</v>
      </c>
      <c r="E4558" s="15">
        <v>45554</v>
      </c>
      <c r="F4558" s="14" t="s">
        <v>28</v>
      </c>
      <c r="G4558" s="16">
        <v>0</v>
      </c>
    </row>
    <row r="4559" spans="1:7" x14ac:dyDescent="0.3">
      <c r="A4559" s="13" t="s">
        <v>46</v>
      </c>
      <c r="B4559" s="14" t="s">
        <v>1</v>
      </c>
      <c r="C4559" s="14" t="s">
        <v>47</v>
      </c>
      <c r="D4559" s="14" t="s">
        <v>27</v>
      </c>
      <c r="E4559" s="15">
        <v>45555</v>
      </c>
      <c r="F4559" s="14" t="s">
        <v>28</v>
      </c>
      <c r="G4559" s="16">
        <v>0</v>
      </c>
    </row>
    <row r="4560" spans="1:7" x14ac:dyDescent="0.3">
      <c r="A4560" s="13" t="s">
        <v>46</v>
      </c>
      <c r="B4560" s="14" t="s">
        <v>1</v>
      </c>
      <c r="C4560" s="14" t="s">
        <v>47</v>
      </c>
      <c r="D4560" s="14" t="s">
        <v>27</v>
      </c>
      <c r="E4560" s="15">
        <v>45556</v>
      </c>
      <c r="F4560" s="14" t="s">
        <v>28</v>
      </c>
      <c r="G4560" s="16">
        <v>0</v>
      </c>
    </row>
    <row r="4561" spans="1:7" x14ac:dyDescent="0.3">
      <c r="A4561" s="13" t="s">
        <v>46</v>
      </c>
      <c r="B4561" s="14" t="s">
        <v>1</v>
      </c>
      <c r="C4561" s="14" t="s">
        <v>47</v>
      </c>
      <c r="D4561" s="14" t="s">
        <v>27</v>
      </c>
      <c r="E4561" s="15">
        <v>45557</v>
      </c>
      <c r="F4561" s="14" t="s">
        <v>28</v>
      </c>
      <c r="G4561" s="16">
        <v>0</v>
      </c>
    </row>
    <row r="4562" spans="1:7" x14ac:dyDescent="0.3">
      <c r="A4562" s="13" t="s">
        <v>46</v>
      </c>
      <c r="B4562" s="14" t="s">
        <v>1</v>
      </c>
      <c r="C4562" s="14" t="s">
        <v>47</v>
      </c>
      <c r="D4562" s="14" t="s">
        <v>27</v>
      </c>
      <c r="E4562" s="15">
        <v>45558</v>
      </c>
      <c r="F4562" s="14" t="s">
        <v>28</v>
      </c>
      <c r="G4562" s="16">
        <v>0</v>
      </c>
    </row>
    <row r="4563" spans="1:7" x14ac:dyDescent="0.3">
      <c r="A4563" s="13" t="s">
        <v>46</v>
      </c>
      <c r="B4563" s="14" t="s">
        <v>1</v>
      </c>
      <c r="C4563" s="14" t="s">
        <v>47</v>
      </c>
      <c r="D4563" s="14" t="s">
        <v>27</v>
      </c>
      <c r="E4563" s="15">
        <v>45559</v>
      </c>
      <c r="F4563" s="14" t="s">
        <v>28</v>
      </c>
      <c r="G4563" s="16">
        <v>0</v>
      </c>
    </row>
    <row r="4564" spans="1:7" x14ac:dyDescent="0.3">
      <c r="A4564" s="13" t="s">
        <v>46</v>
      </c>
      <c r="B4564" s="14" t="s">
        <v>1</v>
      </c>
      <c r="C4564" s="14" t="s">
        <v>47</v>
      </c>
      <c r="D4564" s="14" t="s">
        <v>27</v>
      </c>
      <c r="E4564" s="15">
        <v>45560</v>
      </c>
      <c r="F4564" s="14" t="s">
        <v>28</v>
      </c>
      <c r="G4564" s="16">
        <v>0</v>
      </c>
    </row>
    <row r="4565" spans="1:7" x14ac:dyDescent="0.3">
      <c r="A4565" s="13" t="s">
        <v>46</v>
      </c>
      <c r="B4565" s="14" t="s">
        <v>1</v>
      </c>
      <c r="C4565" s="14" t="s">
        <v>47</v>
      </c>
      <c r="D4565" s="14" t="s">
        <v>27</v>
      </c>
      <c r="E4565" s="15">
        <v>45561</v>
      </c>
      <c r="F4565" s="14" t="s">
        <v>28</v>
      </c>
      <c r="G4565" s="16">
        <v>0</v>
      </c>
    </row>
    <row r="4566" spans="1:7" x14ac:dyDescent="0.3">
      <c r="A4566" s="13" t="s">
        <v>46</v>
      </c>
      <c r="B4566" s="14" t="s">
        <v>1</v>
      </c>
      <c r="C4566" s="14" t="s">
        <v>47</v>
      </c>
      <c r="D4566" s="14" t="s">
        <v>27</v>
      </c>
      <c r="E4566" s="15">
        <v>45562</v>
      </c>
      <c r="F4566" s="14" t="s">
        <v>28</v>
      </c>
      <c r="G4566" s="16">
        <v>0</v>
      </c>
    </row>
    <row r="4567" spans="1:7" x14ac:dyDescent="0.3">
      <c r="A4567" s="13" t="s">
        <v>46</v>
      </c>
      <c r="B4567" s="14" t="s">
        <v>1</v>
      </c>
      <c r="C4567" s="14" t="s">
        <v>47</v>
      </c>
      <c r="D4567" s="14" t="s">
        <v>27</v>
      </c>
      <c r="E4567" s="15">
        <v>45563</v>
      </c>
      <c r="F4567" s="14" t="s">
        <v>28</v>
      </c>
      <c r="G4567" s="16">
        <v>0</v>
      </c>
    </row>
    <row r="4568" spans="1:7" x14ac:dyDescent="0.3">
      <c r="A4568" s="13" t="s">
        <v>46</v>
      </c>
      <c r="B4568" s="14" t="s">
        <v>1</v>
      </c>
      <c r="C4568" s="14" t="s">
        <v>47</v>
      </c>
      <c r="D4568" s="14" t="s">
        <v>27</v>
      </c>
      <c r="E4568" s="15">
        <v>45564</v>
      </c>
      <c r="F4568" s="14" t="s">
        <v>28</v>
      </c>
      <c r="G4568" s="16">
        <v>0</v>
      </c>
    </row>
    <row r="4569" spans="1:7" x14ac:dyDescent="0.3">
      <c r="A4569" s="13" t="s">
        <v>46</v>
      </c>
      <c r="B4569" s="14" t="s">
        <v>1</v>
      </c>
      <c r="C4569" s="14" t="s">
        <v>47</v>
      </c>
      <c r="D4569" s="14" t="s">
        <v>27</v>
      </c>
      <c r="E4569" s="15">
        <v>45565</v>
      </c>
      <c r="F4569" s="14" t="s">
        <v>28</v>
      </c>
      <c r="G4569" s="16">
        <v>0</v>
      </c>
    </row>
    <row r="4570" spans="1:7" x14ac:dyDescent="0.3">
      <c r="A4570" s="13" t="s">
        <v>46</v>
      </c>
      <c r="B4570" s="14" t="s">
        <v>1</v>
      </c>
      <c r="C4570" s="14" t="s">
        <v>47</v>
      </c>
      <c r="D4570" s="14" t="s">
        <v>27</v>
      </c>
      <c r="E4570" s="15">
        <v>45566</v>
      </c>
      <c r="F4570" s="14" t="s">
        <v>28</v>
      </c>
      <c r="G4570" s="16">
        <v>0</v>
      </c>
    </row>
    <row r="4571" spans="1:7" x14ac:dyDescent="0.3">
      <c r="A4571" s="13" t="s">
        <v>46</v>
      </c>
      <c r="B4571" s="14" t="s">
        <v>1</v>
      </c>
      <c r="C4571" s="14" t="s">
        <v>47</v>
      </c>
      <c r="D4571" s="14" t="s">
        <v>27</v>
      </c>
      <c r="E4571" s="15">
        <v>45567</v>
      </c>
      <c r="F4571" s="14" t="s">
        <v>28</v>
      </c>
      <c r="G4571" s="16">
        <v>0</v>
      </c>
    </row>
    <row r="4572" spans="1:7" x14ac:dyDescent="0.3">
      <c r="A4572" s="13" t="s">
        <v>46</v>
      </c>
      <c r="B4572" s="14" t="s">
        <v>1</v>
      </c>
      <c r="C4572" s="14" t="s">
        <v>47</v>
      </c>
      <c r="D4572" s="14" t="s">
        <v>27</v>
      </c>
      <c r="E4572" s="15">
        <v>45568</v>
      </c>
      <c r="F4572" s="14" t="s">
        <v>28</v>
      </c>
      <c r="G4572" s="16">
        <v>0</v>
      </c>
    </row>
    <row r="4573" spans="1:7" x14ac:dyDescent="0.3">
      <c r="A4573" s="13" t="s">
        <v>46</v>
      </c>
      <c r="B4573" s="14" t="s">
        <v>1</v>
      </c>
      <c r="C4573" s="14" t="s">
        <v>47</v>
      </c>
      <c r="D4573" s="14" t="s">
        <v>27</v>
      </c>
      <c r="E4573" s="15">
        <v>45569</v>
      </c>
      <c r="F4573" s="14" t="s">
        <v>28</v>
      </c>
      <c r="G4573" s="16">
        <v>0</v>
      </c>
    </row>
    <row r="4574" spans="1:7" x14ac:dyDescent="0.3">
      <c r="A4574" s="13" t="s">
        <v>46</v>
      </c>
      <c r="B4574" s="14" t="s">
        <v>1</v>
      </c>
      <c r="C4574" s="14" t="s">
        <v>47</v>
      </c>
      <c r="D4574" s="14" t="s">
        <v>27</v>
      </c>
      <c r="E4574" s="15">
        <v>45570</v>
      </c>
      <c r="F4574" s="14" t="s">
        <v>28</v>
      </c>
      <c r="G4574" s="16">
        <v>0</v>
      </c>
    </row>
    <row r="4575" spans="1:7" x14ac:dyDescent="0.3">
      <c r="A4575" s="13" t="s">
        <v>46</v>
      </c>
      <c r="B4575" s="14" t="s">
        <v>1</v>
      </c>
      <c r="C4575" s="14" t="s">
        <v>47</v>
      </c>
      <c r="D4575" s="14" t="s">
        <v>27</v>
      </c>
      <c r="E4575" s="15">
        <v>45571</v>
      </c>
      <c r="F4575" s="14" t="s">
        <v>28</v>
      </c>
      <c r="G4575" s="16">
        <v>0</v>
      </c>
    </row>
    <row r="4576" spans="1:7" x14ac:dyDescent="0.3">
      <c r="A4576" s="13" t="s">
        <v>46</v>
      </c>
      <c r="B4576" s="14" t="s">
        <v>1</v>
      </c>
      <c r="C4576" s="14" t="s">
        <v>47</v>
      </c>
      <c r="D4576" s="14" t="s">
        <v>27</v>
      </c>
      <c r="E4576" s="15">
        <v>45572</v>
      </c>
      <c r="F4576" s="14" t="s">
        <v>28</v>
      </c>
      <c r="G4576" s="16">
        <v>0</v>
      </c>
    </row>
    <row r="4577" spans="1:7" x14ac:dyDescent="0.3">
      <c r="A4577" s="13" t="s">
        <v>46</v>
      </c>
      <c r="B4577" s="14" t="s">
        <v>1</v>
      </c>
      <c r="C4577" s="14" t="s">
        <v>47</v>
      </c>
      <c r="D4577" s="14" t="s">
        <v>27</v>
      </c>
      <c r="E4577" s="15">
        <v>45573</v>
      </c>
      <c r="F4577" s="14" t="s">
        <v>28</v>
      </c>
      <c r="G4577" s="16">
        <v>0</v>
      </c>
    </row>
    <row r="4578" spans="1:7" x14ac:dyDescent="0.3">
      <c r="A4578" s="13" t="s">
        <v>46</v>
      </c>
      <c r="B4578" s="14" t="s">
        <v>1</v>
      </c>
      <c r="C4578" s="14" t="s">
        <v>47</v>
      </c>
      <c r="D4578" s="14" t="s">
        <v>27</v>
      </c>
      <c r="E4578" s="15">
        <v>45574</v>
      </c>
      <c r="F4578" s="14" t="s">
        <v>28</v>
      </c>
      <c r="G4578" s="16">
        <v>0</v>
      </c>
    </row>
    <row r="4579" spans="1:7" x14ac:dyDescent="0.3">
      <c r="A4579" s="13" t="s">
        <v>46</v>
      </c>
      <c r="B4579" s="14" t="s">
        <v>1</v>
      </c>
      <c r="C4579" s="14" t="s">
        <v>47</v>
      </c>
      <c r="D4579" s="14" t="s">
        <v>27</v>
      </c>
      <c r="E4579" s="15">
        <v>45575</v>
      </c>
      <c r="F4579" s="14" t="s">
        <v>28</v>
      </c>
      <c r="G4579" s="16">
        <v>0</v>
      </c>
    </row>
    <row r="4580" spans="1:7" x14ac:dyDescent="0.3">
      <c r="A4580" s="13" t="s">
        <v>46</v>
      </c>
      <c r="B4580" s="14" t="s">
        <v>1</v>
      </c>
      <c r="C4580" s="14" t="s">
        <v>47</v>
      </c>
      <c r="D4580" s="14" t="s">
        <v>27</v>
      </c>
      <c r="E4580" s="15">
        <v>45576</v>
      </c>
      <c r="F4580" s="14" t="s">
        <v>28</v>
      </c>
      <c r="G4580" s="16">
        <v>0</v>
      </c>
    </row>
    <row r="4581" spans="1:7" x14ac:dyDescent="0.3">
      <c r="A4581" s="13" t="s">
        <v>46</v>
      </c>
      <c r="B4581" s="14" t="s">
        <v>1</v>
      </c>
      <c r="C4581" s="14" t="s">
        <v>47</v>
      </c>
      <c r="D4581" s="14" t="s">
        <v>27</v>
      </c>
      <c r="E4581" s="15">
        <v>45577</v>
      </c>
      <c r="F4581" s="14" t="s">
        <v>28</v>
      </c>
      <c r="G4581" s="16">
        <v>0</v>
      </c>
    </row>
    <row r="4582" spans="1:7" x14ac:dyDescent="0.3">
      <c r="A4582" s="13" t="s">
        <v>46</v>
      </c>
      <c r="B4582" s="14" t="s">
        <v>1</v>
      </c>
      <c r="C4582" s="14" t="s">
        <v>47</v>
      </c>
      <c r="D4582" s="14" t="s">
        <v>27</v>
      </c>
      <c r="E4582" s="15">
        <v>45578</v>
      </c>
      <c r="F4582" s="14" t="s">
        <v>28</v>
      </c>
      <c r="G4582" s="16">
        <v>0</v>
      </c>
    </row>
    <row r="4583" spans="1:7" x14ac:dyDescent="0.3">
      <c r="A4583" s="13" t="s">
        <v>46</v>
      </c>
      <c r="B4583" s="14" t="s">
        <v>1</v>
      </c>
      <c r="C4583" s="14" t="s">
        <v>47</v>
      </c>
      <c r="D4583" s="14" t="s">
        <v>27</v>
      </c>
      <c r="E4583" s="15">
        <v>45579</v>
      </c>
      <c r="F4583" s="14" t="s">
        <v>28</v>
      </c>
      <c r="G4583" s="16">
        <v>0</v>
      </c>
    </row>
    <row r="4584" spans="1:7" x14ac:dyDescent="0.3">
      <c r="A4584" s="13" t="s">
        <v>46</v>
      </c>
      <c r="B4584" s="14" t="s">
        <v>1</v>
      </c>
      <c r="C4584" s="14" t="s">
        <v>47</v>
      </c>
      <c r="D4584" s="14" t="s">
        <v>27</v>
      </c>
      <c r="E4584" s="15">
        <v>45580</v>
      </c>
      <c r="F4584" s="14" t="s">
        <v>28</v>
      </c>
      <c r="G4584" s="16">
        <v>0</v>
      </c>
    </row>
    <row r="4585" spans="1:7" x14ac:dyDescent="0.3">
      <c r="A4585" s="13" t="s">
        <v>46</v>
      </c>
      <c r="B4585" s="14" t="s">
        <v>1</v>
      </c>
      <c r="C4585" s="14" t="s">
        <v>47</v>
      </c>
      <c r="D4585" s="14" t="s">
        <v>27</v>
      </c>
      <c r="E4585" s="15">
        <v>45581</v>
      </c>
      <c r="F4585" s="14" t="s">
        <v>28</v>
      </c>
      <c r="G4585" s="16">
        <v>0</v>
      </c>
    </row>
    <row r="4586" spans="1:7" x14ac:dyDescent="0.3">
      <c r="A4586" s="13" t="s">
        <v>46</v>
      </c>
      <c r="B4586" s="14" t="s">
        <v>1</v>
      </c>
      <c r="C4586" s="14" t="s">
        <v>47</v>
      </c>
      <c r="D4586" s="14" t="s">
        <v>27</v>
      </c>
      <c r="E4586" s="15">
        <v>45582</v>
      </c>
      <c r="F4586" s="14" t="s">
        <v>28</v>
      </c>
      <c r="G4586" s="16">
        <v>0</v>
      </c>
    </row>
    <row r="4587" spans="1:7" x14ac:dyDescent="0.3">
      <c r="A4587" s="13" t="s">
        <v>46</v>
      </c>
      <c r="B4587" s="14" t="s">
        <v>1</v>
      </c>
      <c r="C4587" s="14" t="s">
        <v>47</v>
      </c>
      <c r="D4587" s="14" t="s">
        <v>27</v>
      </c>
      <c r="E4587" s="15">
        <v>45583</v>
      </c>
      <c r="F4587" s="14" t="s">
        <v>28</v>
      </c>
      <c r="G4587" s="16">
        <v>0</v>
      </c>
    </row>
    <row r="4588" spans="1:7" x14ac:dyDescent="0.3">
      <c r="A4588" s="13" t="s">
        <v>46</v>
      </c>
      <c r="B4588" s="14" t="s">
        <v>1</v>
      </c>
      <c r="C4588" s="14" t="s">
        <v>47</v>
      </c>
      <c r="D4588" s="14" t="s">
        <v>27</v>
      </c>
      <c r="E4588" s="15">
        <v>45584</v>
      </c>
      <c r="F4588" s="14" t="s">
        <v>28</v>
      </c>
      <c r="G4588" s="16">
        <v>0</v>
      </c>
    </row>
    <row r="4589" spans="1:7" x14ac:dyDescent="0.3">
      <c r="A4589" s="13" t="s">
        <v>46</v>
      </c>
      <c r="B4589" s="14" t="s">
        <v>1</v>
      </c>
      <c r="C4589" s="14" t="s">
        <v>47</v>
      </c>
      <c r="D4589" s="14" t="s">
        <v>27</v>
      </c>
      <c r="E4589" s="15">
        <v>45585</v>
      </c>
      <c r="F4589" s="14" t="s">
        <v>28</v>
      </c>
      <c r="G4589" s="16">
        <v>0</v>
      </c>
    </row>
    <row r="4590" spans="1:7" x14ac:dyDescent="0.3">
      <c r="A4590" s="13" t="s">
        <v>46</v>
      </c>
      <c r="B4590" s="14" t="s">
        <v>1</v>
      </c>
      <c r="C4590" s="14" t="s">
        <v>47</v>
      </c>
      <c r="D4590" s="14" t="s">
        <v>27</v>
      </c>
      <c r="E4590" s="15">
        <v>45586</v>
      </c>
      <c r="F4590" s="14" t="s">
        <v>28</v>
      </c>
      <c r="G4590" s="16">
        <v>0</v>
      </c>
    </row>
    <row r="4591" spans="1:7" x14ac:dyDescent="0.3">
      <c r="A4591" s="13" t="s">
        <v>46</v>
      </c>
      <c r="B4591" s="14" t="s">
        <v>1</v>
      </c>
      <c r="C4591" s="14" t="s">
        <v>47</v>
      </c>
      <c r="D4591" s="14" t="s">
        <v>27</v>
      </c>
      <c r="E4591" s="15">
        <v>45587</v>
      </c>
      <c r="F4591" s="14" t="s">
        <v>28</v>
      </c>
      <c r="G4591" s="16">
        <v>0</v>
      </c>
    </row>
    <row r="4592" spans="1:7" x14ac:dyDescent="0.3">
      <c r="A4592" s="13" t="s">
        <v>46</v>
      </c>
      <c r="B4592" s="14" t="s">
        <v>1</v>
      </c>
      <c r="C4592" s="14" t="s">
        <v>47</v>
      </c>
      <c r="D4592" s="14" t="s">
        <v>27</v>
      </c>
      <c r="E4592" s="15">
        <v>45588</v>
      </c>
      <c r="F4592" s="14" t="s">
        <v>28</v>
      </c>
      <c r="G4592" s="16">
        <v>0</v>
      </c>
    </row>
    <row r="4593" spans="1:7" x14ac:dyDescent="0.3">
      <c r="A4593" s="13" t="s">
        <v>46</v>
      </c>
      <c r="B4593" s="14" t="s">
        <v>1</v>
      </c>
      <c r="C4593" s="14" t="s">
        <v>47</v>
      </c>
      <c r="D4593" s="14" t="s">
        <v>27</v>
      </c>
      <c r="E4593" s="15">
        <v>45589</v>
      </c>
      <c r="F4593" s="14" t="s">
        <v>28</v>
      </c>
      <c r="G4593" s="16">
        <v>0</v>
      </c>
    </row>
    <row r="4594" spans="1:7" x14ac:dyDescent="0.3">
      <c r="A4594" s="13" t="s">
        <v>46</v>
      </c>
      <c r="B4594" s="14" t="s">
        <v>1</v>
      </c>
      <c r="C4594" s="14" t="s">
        <v>47</v>
      </c>
      <c r="D4594" s="14" t="s">
        <v>27</v>
      </c>
      <c r="E4594" s="15">
        <v>45590</v>
      </c>
      <c r="F4594" s="14" t="s">
        <v>28</v>
      </c>
      <c r="G4594" s="16">
        <v>0</v>
      </c>
    </row>
    <row r="4595" spans="1:7" x14ac:dyDescent="0.3">
      <c r="A4595" s="13" t="s">
        <v>46</v>
      </c>
      <c r="B4595" s="14" t="s">
        <v>1</v>
      </c>
      <c r="C4595" s="14" t="s">
        <v>47</v>
      </c>
      <c r="D4595" s="14" t="s">
        <v>27</v>
      </c>
      <c r="E4595" s="15">
        <v>45591</v>
      </c>
      <c r="F4595" s="14" t="s">
        <v>28</v>
      </c>
      <c r="G4595" s="16">
        <v>0</v>
      </c>
    </row>
    <row r="4596" spans="1:7" x14ac:dyDescent="0.3">
      <c r="A4596" s="13" t="s">
        <v>46</v>
      </c>
      <c r="B4596" s="14" t="s">
        <v>1</v>
      </c>
      <c r="C4596" s="14" t="s">
        <v>47</v>
      </c>
      <c r="D4596" s="14" t="s">
        <v>27</v>
      </c>
      <c r="E4596" s="15">
        <v>45592</v>
      </c>
      <c r="F4596" s="14" t="s">
        <v>28</v>
      </c>
      <c r="G4596" s="16">
        <v>0</v>
      </c>
    </row>
    <row r="4597" spans="1:7" x14ac:dyDescent="0.3">
      <c r="A4597" s="13" t="s">
        <v>46</v>
      </c>
      <c r="B4597" s="14" t="s">
        <v>1</v>
      </c>
      <c r="C4597" s="14" t="s">
        <v>47</v>
      </c>
      <c r="D4597" s="14" t="s">
        <v>27</v>
      </c>
      <c r="E4597" s="15">
        <v>45593</v>
      </c>
      <c r="F4597" s="14" t="s">
        <v>28</v>
      </c>
      <c r="G4597" s="16">
        <v>0</v>
      </c>
    </row>
    <row r="4598" spans="1:7" x14ac:dyDescent="0.3">
      <c r="A4598" s="13" t="s">
        <v>46</v>
      </c>
      <c r="B4598" s="14" t="s">
        <v>1</v>
      </c>
      <c r="C4598" s="14" t="s">
        <v>47</v>
      </c>
      <c r="D4598" s="14" t="s">
        <v>27</v>
      </c>
      <c r="E4598" s="15">
        <v>45594</v>
      </c>
      <c r="F4598" s="14" t="s">
        <v>28</v>
      </c>
      <c r="G4598" s="16">
        <v>0</v>
      </c>
    </row>
    <row r="4599" spans="1:7" x14ac:dyDescent="0.3">
      <c r="A4599" s="13" t="s">
        <v>46</v>
      </c>
      <c r="B4599" s="14" t="s">
        <v>1</v>
      </c>
      <c r="C4599" s="14" t="s">
        <v>47</v>
      </c>
      <c r="D4599" s="14" t="s">
        <v>27</v>
      </c>
      <c r="E4599" s="15">
        <v>45595</v>
      </c>
      <c r="F4599" s="14" t="s">
        <v>28</v>
      </c>
      <c r="G4599" s="16">
        <v>0</v>
      </c>
    </row>
    <row r="4600" spans="1:7" x14ac:dyDescent="0.3">
      <c r="A4600" s="13" t="s">
        <v>46</v>
      </c>
      <c r="B4600" s="14" t="s">
        <v>1</v>
      </c>
      <c r="C4600" s="14" t="s">
        <v>47</v>
      </c>
      <c r="D4600" s="14" t="s">
        <v>27</v>
      </c>
      <c r="E4600" s="15">
        <v>45596</v>
      </c>
      <c r="F4600" s="14" t="s">
        <v>28</v>
      </c>
      <c r="G4600" s="16">
        <v>0</v>
      </c>
    </row>
    <row r="4601" spans="1:7" x14ac:dyDescent="0.3">
      <c r="A4601" s="13" t="s">
        <v>46</v>
      </c>
      <c r="B4601" s="14" t="s">
        <v>1</v>
      </c>
      <c r="C4601" s="14" t="s">
        <v>47</v>
      </c>
      <c r="D4601" s="14" t="s">
        <v>27</v>
      </c>
      <c r="E4601" s="15">
        <v>45597</v>
      </c>
      <c r="F4601" s="14" t="s">
        <v>28</v>
      </c>
      <c r="G4601" s="16">
        <v>0</v>
      </c>
    </row>
    <row r="4602" spans="1:7" x14ac:dyDescent="0.3">
      <c r="A4602" s="13" t="s">
        <v>46</v>
      </c>
      <c r="B4602" s="14" t="s">
        <v>1</v>
      </c>
      <c r="C4602" s="14" t="s">
        <v>47</v>
      </c>
      <c r="D4602" s="14" t="s">
        <v>27</v>
      </c>
      <c r="E4602" s="15">
        <v>45598</v>
      </c>
      <c r="F4602" s="14" t="s">
        <v>28</v>
      </c>
      <c r="G4602" s="16">
        <v>0</v>
      </c>
    </row>
    <row r="4603" spans="1:7" x14ac:dyDescent="0.3">
      <c r="A4603" s="13" t="s">
        <v>46</v>
      </c>
      <c r="B4603" s="14" t="s">
        <v>1</v>
      </c>
      <c r="C4603" s="14" t="s">
        <v>47</v>
      </c>
      <c r="D4603" s="14" t="s">
        <v>27</v>
      </c>
      <c r="E4603" s="15">
        <v>45599</v>
      </c>
      <c r="F4603" s="14" t="s">
        <v>28</v>
      </c>
      <c r="G4603" s="16">
        <v>0</v>
      </c>
    </row>
    <row r="4604" spans="1:7" x14ac:dyDescent="0.3">
      <c r="A4604" s="13" t="s">
        <v>46</v>
      </c>
      <c r="B4604" s="14" t="s">
        <v>1</v>
      </c>
      <c r="C4604" s="14" t="s">
        <v>47</v>
      </c>
      <c r="D4604" s="14" t="s">
        <v>27</v>
      </c>
      <c r="E4604" s="15">
        <v>45600</v>
      </c>
      <c r="F4604" s="14" t="s">
        <v>28</v>
      </c>
      <c r="G4604" s="16">
        <v>0</v>
      </c>
    </row>
    <row r="4605" spans="1:7" x14ac:dyDescent="0.3">
      <c r="A4605" s="13" t="s">
        <v>46</v>
      </c>
      <c r="B4605" s="14" t="s">
        <v>1</v>
      </c>
      <c r="C4605" s="14" t="s">
        <v>47</v>
      </c>
      <c r="D4605" s="14" t="s">
        <v>27</v>
      </c>
      <c r="E4605" s="15">
        <v>45601</v>
      </c>
      <c r="F4605" s="14" t="s">
        <v>28</v>
      </c>
      <c r="G4605" s="16">
        <v>0</v>
      </c>
    </row>
    <row r="4606" spans="1:7" x14ac:dyDescent="0.3">
      <c r="A4606" s="13" t="s">
        <v>46</v>
      </c>
      <c r="B4606" s="14" t="s">
        <v>1</v>
      </c>
      <c r="C4606" s="14" t="s">
        <v>47</v>
      </c>
      <c r="D4606" s="14" t="s">
        <v>27</v>
      </c>
      <c r="E4606" s="15">
        <v>45602</v>
      </c>
      <c r="F4606" s="14" t="s">
        <v>28</v>
      </c>
      <c r="G4606" s="16">
        <v>0</v>
      </c>
    </row>
    <row r="4607" spans="1:7" x14ac:dyDescent="0.3">
      <c r="A4607" s="13" t="s">
        <v>46</v>
      </c>
      <c r="B4607" s="14" t="s">
        <v>1</v>
      </c>
      <c r="C4607" s="14" t="s">
        <v>47</v>
      </c>
      <c r="D4607" s="14" t="s">
        <v>27</v>
      </c>
      <c r="E4607" s="15">
        <v>45603</v>
      </c>
      <c r="F4607" s="14" t="s">
        <v>28</v>
      </c>
      <c r="G4607" s="16">
        <v>0</v>
      </c>
    </row>
    <row r="4608" spans="1:7" x14ac:dyDescent="0.3">
      <c r="A4608" s="13" t="s">
        <v>46</v>
      </c>
      <c r="B4608" s="14" t="s">
        <v>1</v>
      </c>
      <c r="C4608" s="14" t="s">
        <v>47</v>
      </c>
      <c r="D4608" s="14" t="s">
        <v>27</v>
      </c>
      <c r="E4608" s="15">
        <v>45604</v>
      </c>
      <c r="F4608" s="14" t="s">
        <v>28</v>
      </c>
      <c r="G4608" s="16">
        <v>0</v>
      </c>
    </row>
    <row r="4609" spans="1:7" x14ac:dyDescent="0.3">
      <c r="A4609" s="13" t="s">
        <v>46</v>
      </c>
      <c r="B4609" s="14" t="s">
        <v>1</v>
      </c>
      <c r="C4609" s="14" t="s">
        <v>47</v>
      </c>
      <c r="D4609" s="14" t="s">
        <v>27</v>
      </c>
      <c r="E4609" s="15">
        <v>45605</v>
      </c>
      <c r="F4609" s="14" t="s">
        <v>28</v>
      </c>
      <c r="G4609" s="16">
        <v>0</v>
      </c>
    </row>
    <row r="4610" spans="1:7" x14ac:dyDescent="0.3">
      <c r="A4610" s="13" t="s">
        <v>46</v>
      </c>
      <c r="B4610" s="14" t="s">
        <v>1</v>
      </c>
      <c r="C4610" s="14" t="s">
        <v>47</v>
      </c>
      <c r="D4610" s="14" t="s">
        <v>27</v>
      </c>
      <c r="E4610" s="15">
        <v>45606</v>
      </c>
      <c r="F4610" s="14" t="s">
        <v>28</v>
      </c>
      <c r="G4610" s="16">
        <v>0</v>
      </c>
    </row>
    <row r="4611" spans="1:7" x14ac:dyDescent="0.3">
      <c r="A4611" s="13" t="s">
        <v>46</v>
      </c>
      <c r="B4611" s="14" t="s">
        <v>1</v>
      </c>
      <c r="C4611" s="14" t="s">
        <v>47</v>
      </c>
      <c r="D4611" s="14" t="s">
        <v>27</v>
      </c>
      <c r="E4611" s="15">
        <v>45607</v>
      </c>
      <c r="F4611" s="14" t="s">
        <v>28</v>
      </c>
      <c r="G4611" s="16">
        <v>0</v>
      </c>
    </row>
    <row r="4612" spans="1:7" x14ac:dyDescent="0.3">
      <c r="A4612" s="13" t="s">
        <v>46</v>
      </c>
      <c r="B4612" s="14" t="s">
        <v>1</v>
      </c>
      <c r="C4612" s="14" t="s">
        <v>47</v>
      </c>
      <c r="D4612" s="14" t="s">
        <v>27</v>
      </c>
      <c r="E4612" s="15">
        <v>45608</v>
      </c>
      <c r="F4612" s="14" t="s">
        <v>28</v>
      </c>
      <c r="G4612" s="16">
        <v>0</v>
      </c>
    </row>
    <row r="4613" spans="1:7" x14ac:dyDescent="0.3">
      <c r="A4613" s="13" t="s">
        <v>46</v>
      </c>
      <c r="B4613" s="14" t="s">
        <v>1</v>
      </c>
      <c r="C4613" s="14" t="s">
        <v>47</v>
      </c>
      <c r="D4613" s="14" t="s">
        <v>27</v>
      </c>
      <c r="E4613" s="15">
        <v>45609</v>
      </c>
      <c r="F4613" s="14" t="s">
        <v>28</v>
      </c>
      <c r="G4613" s="16">
        <v>0</v>
      </c>
    </row>
    <row r="4614" spans="1:7" x14ac:dyDescent="0.3">
      <c r="A4614" s="13" t="s">
        <v>46</v>
      </c>
      <c r="B4614" s="14" t="s">
        <v>1</v>
      </c>
      <c r="C4614" s="14" t="s">
        <v>47</v>
      </c>
      <c r="D4614" s="14" t="s">
        <v>27</v>
      </c>
      <c r="E4614" s="15">
        <v>45610</v>
      </c>
      <c r="F4614" s="14" t="s">
        <v>28</v>
      </c>
      <c r="G4614" s="16">
        <v>0</v>
      </c>
    </row>
    <row r="4615" spans="1:7" x14ac:dyDescent="0.3">
      <c r="A4615" s="13" t="s">
        <v>46</v>
      </c>
      <c r="B4615" s="14" t="s">
        <v>1</v>
      </c>
      <c r="C4615" s="14" t="s">
        <v>47</v>
      </c>
      <c r="D4615" s="14" t="s">
        <v>27</v>
      </c>
      <c r="E4615" s="15">
        <v>45611</v>
      </c>
      <c r="F4615" s="14" t="s">
        <v>28</v>
      </c>
      <c r="G4615" s="16">
        <v>0</v>
      </c>
    </row>
    <row r="4616" spans="1:7" x14ac:dyDescent="0.3">
      <c r="A4616" s="13" t="s">
        <v>46</v>
      </c>
      <c r="B4616" s="14" t="s">
        <v>1</v>
      </c>
      <c r="C4616" s="14" t="s">
        <v>47</v>
      </c>
      <c r="D4616" s="14" t="s">
        <v>27</v>
      </c>
      <c r="E4616" s="15">
        <v>45612</v>
      </c>
      <c r="F4616" s="14" t="s">
        <v>28</v>
      </c>
      <c r="G4616" s="16">
        <v>0</v>
      </c>
    </row>
    <row r="4617" spans="1:7" x14ac:dyDescent="0.3">
      <c r="A4617" s="13" t="s">
        <v>46</v>
      </c>
      <c r="B4617" s="14" t="s">
        <v>1</v>
      </c>
      <c r="C4617" s="14" t="s">
        <v>47</v>
      </c>
      <c r="D4617" s="14" t="s">
        <v>27</v>
      </c>
      <c r="E4617" s="15">
        <v>45613</v>
      </c>
      <c r="F4617" s="14" t="s">
        <v>28</v>
      </c>
      <c r="G4617" s="16">
        <v>0</v>
      </c>
    </row>
    <row r="4618" spans="1:7" x14ac:dyDescent="0.3">
      <c r="A4618" s="13" t="s">
        <v>46</v>
      </c>
      <c r="B4618" s="14" t="s">
        <v>1</v>
      </c>
      <c r="C4618" s="14" t="s">
        <v>47</v>
      </c>
      <c r="D4618" s="14" t="s">
        <v>27</v>
      </c>
      <c r="E4618" s="15">
        <v>45614</v>
      </c>
      <c r="F4618" s="14" t="s">
        <v>28</v>
      </c>
      <c r="G4618" s="16">
        <v>0</v>
      </c>
    </row>
    <row r="4619" spans="1:7" x14ac:dyDescent="0.3">
      <c r="A4619" s="13" t="s">
        <v>46</v>
      </c>
      <c r="B4619" s="14" t="s">
        <v>1</v>
      </c>
      <c r="C4619" s="14" t="s">
        <v>47</v>
      </c>
      <c r="D4619" s="14" t="s">
        <v>27</v>
      </c>
      <c r="E4619" s="15">
        <v>45615</v>
      </c>
      <c r="F4619" s="14" t="s">
        <v>28</v>
      </c>
      <c r="G4619" s="16">
        <v>0</v>
      </c>
    </row>
    <row r="4620" spans="1:7" x14ac:dyDescent="0.3">
      <c r="A4620" s="13" t="s">
        <v>46</v>
      </c>
      <c r="B4620" s="14" t="s">
        <v>1</v>
      </c>
      <c r="C4620" s="14" t="s">
        <v>47</v>
      </c>
      <c r="D4620" s="14" t="s">
        <v>27</v>
      </c>
      <c r="E4620" s="15">
        <v>45616</v>
      </c>
      <c r="F4620" s="14" t="s">
        <v>28</v>
      </c>
      <c r="G4620" s="16">
        <v>0</v>
      </c>
    </row>
    <row r="4621" spans="1:7" x14ac:dyDescent="0.3">
      <c r="A4621" s="13" t="s">
        <v>46</v>
      </c>
      <c r="B4621" s="14" t="s">
        <v>1</v>
      </c>
      <c r="C4621" s="14" t="s">
        <v>47</v>
      </c>
      <c r="D4621" s="14" t="s">
        <v>27</v>
      </c>
      <c r="E4621" s="15">
        <v>45617</v>
      </c>
      <c r="F4621" s="14" t="s">
        <v>28</v>
      </c>
      <c r="G4621" s="16">
        <v>0</v>
      </c>
    </row>
    <row r="4622" spans="1:7" x14ac:dyDescent="0.3">
      <c r="A4622" s="13" t="s">
        <v>46</v>
      </c>
      <c r="B4622" s="14" t="s">
        <v>1</v>
      </c>
      <c r="C4622" s="14" t="s">
        <v>47</v>
      </c>
      <c r="D4622" s="14" t="s">
        <v>27</v>
      </c>
      <c r="E4622" s="15">
        <v>45618</v>
      </c>
      <c r="F4622" s="14" t="s">
        <v>28</v>
      </c>
      <c r="G4622" s="16">
        <v>0</v>
      </c>
    </row>
    <row r="4623" spans="1:7" x14ac:dyDescent="0.3">
      <c r="A4623" s="13" t="s">
        <v>46</v>
      </c>
      <c r="B4623" s="14" t="s">
        <v>1</v>
      </c>
      <c r="C4623" s="14" t="s">
        <v>47</v>
      </c>
      <c r="D4623" s="14" t="s">
        <v>27</v>
      </c>
      <c r="E4623" s="15">
        <v>45619</v>
      </c>
      <c r="F4623" s="14" t="s">
        <v>28</v>
      </c>
      <c r="G4623" s="16">
        <v>0</v>
      </c>
    </row>
    <row r="4624" spans="1:7" x14ac:dyDescent="0.3">
      <c r="A4624" s="13" t="s">
        <v>46</v>
      </c>
      <c r="B4624" s="14" t="s">
        <v>1</v>
      </c>
      <c r="C4624" s="14" t="s">
        <v>47</v>
      </c>
      <c r="D4624" s="14" t="s">
        <v>27</v>
      </c>
      <c r="E4624" s="15">
        <v>45620</v>
      </c>
      <c r="F4624" s="14" t="s">
        <v>28</v>
      </c>
      <c r="G4624" s="16">
        <v>0</v>
      </c>
    </row>
    <row r="4625" spans="1:7" x14ac:dyDescent="0.3">
      <c r="A4625" s="13" t="s">
        <v>46</v>
      </c>
      <c r="B4625" s="14" t="s">
        <v>1</v>
      </c>
      <c r="C4625" s="14" t="s">
        <v>47</v>
      </c>
      <c r="D4625" s="14" t="s">
        <v>27</v>
      </c>
      <c r="E4625" s="15">
        <v>45621</v>
      </c>
      <c r="F4625" s="14" t="s">
        <v>28</v>
      </c>
      <c r="G4625" s="16">
        <v>0</v>
      </c>
    </row>
    <row r="4626" spans="1:7" x14ac:dyDescent="0.3">
      <c r="A4626" s="13" t="s">
        <v>46</v>
      </c>
      <c r="B4626" s="14" t="s">
        <v>1</v>
      </c>
      <c r="C4626" s="14" t="s">
        <v>47</v>
      </c>
      <c r="D4626" s="14" t="s">
        <v>27</v>
      </c>
      <c r="E4626" s="15">
        <v>45622</v>
      </c>
      <c r="F4626" s="14" t="s">
        <v>28</v>
      </c>
      <c r="G4626" s="16">
        <v>0</v>
      </c>
    </row>
    <row r="4627" spans="1:7" x14ac:dyDescent="0.3">
      <c r="A4627" s="13" t="s">
        <v>46</v>
      </c>
      <c r="B4627" s="14" t="s">
        <v>1</v>
      </c>
      <c r="C4627" s="14" t="s">
        <v>47</v>
      </c>
      <c r="D4627" s="14" t="s">
        <v>27</v>
      </c>
      <c r="E4627" s="15">
        <v>45623</v>
      </c>
      <c r="F4627" s="14" t="s">
        <v>28</v>
      </c>
      <c r="G4627" s="16">
        <v>0</v>
      </c>
    </row>
    <row r="4628" spans="1:7" x14ac:dyDescent="0.3">
      <c r="A4628" s="13" t="s">
        <v>46</v>
      </c>
      <c r="B4628" s="14" t="s">
        <v>1</v>
      </c>
      <c r="C4628" s="14" t="s">
        <v>47</v>
      </c>
      <c r="D4628" s="14" t="s">
        <v>27</v>
      </c>
      <c r="E4628" s="15">
        <v>45624</v>
      </c>
      <c r="F4628" s="14" t="s">
        <v>28</v>
      </c>
      <c r="G4628" s="16">
        <v>0</v>
      </c>
    </row>
    <row r="4629" spans="1:7" x14ac:dyDescent="0.3">
      <c r="A4629" s="13" t="s">
        <v>46</v>
      </c>
      <c r="B4629" s="14" t="s">
        <v>1</v>
      </c>
      <c r="C4629" s="14" t="s">
        <v>47</v>
      </c>
      <c r="D4629" s="14" t="s">
        <v>27</v>
      </c>
      <c r="E4629" s="15">
        <v>45625</v>
      </c>
      <c r="F4629" s="14" t="s">
        <v>28</v>
      </c>
      <c r="G4629" s="16">
        <v>0</v>
      </c>
    </row>
    <row r="4630" spans="1:7" x14ac:dyDescent="0.3">
      <c r="A4630" s="13" t="s">
        <v>46</v>
      </c>
      <c r="B4630" s="14" t="s">
        <v>1</v>
      </c>
      <c r="C4630" s="14" t="s">
        <v>47</v>
      </c>
      <c r="D4630" s="14" t="s">
        <v>27</v>
      </c>
      <c r="E4630" s="15">
        <v>45626</v>
      </c>
      <c r="F4630" s="14" t="s">
        <v>28</v>
      </c>
      <c r="G4630" s="16">
        <v>0</v>
      </c>
    </row>
    <row r="4631" spans="1:7" x14ac:dyDescent="0.3">
      <c r="A4631" s="13" t="s">
        <v>46</v>
      </c>
      <c r="B4631" s="14" t="s">
        <v>1</v>
      </c>
      <c r="C4631" s="14" t="s">
        <v>47</v>
      </c>
      <c r="D4631" s="14" t="s">
        <v>27</v>
      </c>
      <c r="E4631" s="15">
        <v>45627</v>
      </c>
      <c r="F4631" s="14" t="s">
        <v>28</v>
      </c>
      <c r="G4631" s="16">
        <v>0</v>
      </c>
    </row>
    <row r="4632" spans="1:7" x14ac:dyDescent="0.3">
      <c r="A4632" s="13" t="s">
        <v>46</v>
      </c>
      <c r="B4632" s="14" t="s">
        <v>1</v>
      </c>
      <c r="C4632" s="14" t="s">
        <v>47</v>
      </c>
      <c r="D4632" s="14" t="s">
        <v>27</v>
      </c>
      <c r="E4632" s="15">
        <v>45628</v>
      </c>
      <c r="F4632" s="14" t="s">
        <v>28</v>
      </c>
      <c r="G4632" s="16">
        <v>0</v>
      </c>
    </row>
    <row r="4633" spans="1:7" x14ac:dyDescent="0.3">
      <c r="A4633" s="13" t="s">
        <v>46</v>
      </c>
      <c r="B4633" s="14" t="s">
        <v>1</v>
      </c>
      <c r="C4633" s="14" t="s">
        <v>47</v>
      </c>
      <c r="D4633" s="14" t="s">
        <v>27</v>
      </c>
      <c r="E4633" s="15">
        <v>45629</v>
      </c>
      <c r="F4633" s="14" t="s">
        <v>28</v>
      </c>
      <c r="G4633" s="16">
        <v>0</v>
      </c>
    </row>
    <row r="4634" spans="1:7" x14ac:dyDescent="0.3">
      <c r="A4634" s="13" t="s">
        <v>46</v>
      </c>
      <c r="B4634" s="14" t="s">
        <v>1</v>
      </c>
      <c r="C4634" s="14" t="s">
        <v>47</v>
      </c>
      <c r="D4634" s="14" t="s">
        <v>27</v>
      </c>
      <c r="E4634" s="15">
        <v>45630</v>
      </c>
      <c r="F4634" s="14" t="s">
        <v>28</v>
      </c>
      <c r="G4634" s="16">
        <v>0</v>
      </c>
    </row>
    <row r="4635" spans="1:7" x14ac:dyDescent="0.3">
      <c r="A4635" s="13" t="s">
        <v>46</v>
      </c>
      <c r="B4635" s="14" t="s">
        <v>1</v>
      </c>
      <c r="C4635" s="14" t="s">
        <v>47</v>
      </c>
      <c r="D4635" s="14" t="s">
        <v>27</v>
      </c>
      <c r="E4635" s="15">
        <v>45631</v>
      </c>
      <c r="F4635" s="14" t="s">
        <v>28</v>
      </c>
      <c r="G4635" s="16">
        <v>0</v>
      </c>
    </row>
    <row r="4636" spans="1:7" x14ac:dyDescent="0.3">
      <c r="A4636" s="13" t="s">
        <v>46</v>
      </c>
      <c r="B4636" s="14" t="s">
        <v>1</v>
      </c>
      <c r="C4636" s="14" t="s">
        <v>47</v>
      </c>
      <c r="D4636" s="14" t="s">
        <v>27</v>
      </c>
      <c r="E4636" s="15">
        <v>45632</v>
      </c>
      <c r="F4636" s="14" t="s">
        <v>28</v>
      </c>
      <c r="G4636" s="16">
        <v>0</v>
      </c>
    </row>
    <row r="4637" spans="1:7" x14ac:dyDescent="0.3">
      <c r="A4637" s="13" t="s">
        <v>46</v>
      </c>
      <c r="B4637" s="14" t="s">
        <v>1</v>
      </c>
      <c r="C4637" s="14" t="s">
        <v>47</v>
      </c>
      <c r="D4637" s="14" t="s">
        <v>27</v>
      </c>
      <c r="E4637" s="15">
        <v>45633</v>
      </c>
      <c r="F4637" s="14" t="s">
        <v>28</v>
      </c>
      <c r="G4637" s="16">
        <v>0</v>
      </c>
    </row>
    <row r="4638" spans="1:7" x14ac:dyDescent="0.3">
      <c r="A4638" s="13" t="s">
        <v>46</v>
      </c>
      <c r="B4638" s="14" t="s">
        <v>1</v>
      </c>
      <c r="C4638" s="14" t="s">
        <v>47</v>
      </c>
      <c r="D4638" s="14" t="s">
        <v>27</v>
      </c>
      <c r="E4638" s="15">
        <v>45634</v>
      </c>
      <c r="F4638" s="14" t="s">
        <v>28</v>
      </c>
      <c r="G4638" s="16">
        <v>0</v>
      </c>
    </row>
    <row r="4639" spans="1:7" x14ac:dyDescent="0.3">
      <c r="A4639" s="13" t="s">
        <v>46</v>
      </c>
      <c r="B4639" s="14" t="s">
        <v>1</v>
      </c>
      <c r="C4639" s="14" t="s">
        <v>47</v>
      </c>
      <c r="D4639" s="14" t="s">
        <v>27</v>
      </c>
      <c r="E4639" s="15">
        <v>45635</v>
      </c>
      <c r="F4639" s="14" t="s">
        <v>28</v>
      </c>
      <c r="G4639" s="16">
        <v>0</v>
      </c>
    </row>
    <row r="4640" spans="1:7" x14ac:dyDescent="0.3">
      <c r="A4640" s="13" t="s">
        <v>46</v>
      </c>
      <c r="B4640" s="14" t="s">
        <v>1</v>
      </c>
      <c r="C4640" s="14" t="s">
        <v>47</v>
      </c>
      <c r="D4640" s="14" t="s">
        <v>27</v>
      </c>
      <c r="E4640" s="15">
        <v>45636</v>
      </c>
      <c r="F4640" s="14" t="s">
        <v>28</v>
      </c>
      <c r="G4640" s="16">
        <v>0</v>
      </c>
    </row>
    <row r="4641" spans="1:7" x14ac:dyDescent="0.3">
      <c r="A4641" s="13" t="s">
        <v>46</v>
      </c>
      <c r="B4641" s="14" t="s">
        <v>1</v>
      </c>
      <c r="C4641" s="14" t="s">
        <v>47</v>
      </c>
      <c r="D4641" s="14" t="s">
        <v>27</v>
      </c>
      <c r="E4641" s="15">
        <v>45637</v>
      </c>
      <c r="F4641" s="14" t="s">
        <v>28</v>
      </c>
      <c r="G4641" s="16">
        <v>0</v>
      </c>
    </row>
    <row r="4642" spans="1:7" x14ac:dyDescent="0.3">
      <c r="A4642" s="13" t="s">
        <v>46</v>
      </c>
      <c r="B4642" s="14" t="s">
        <v>1</v>
      </c>
      <c r="C4642" s="14" t="s">
        <v>47</v>
      </c>
      <c r="D4642" s="14" t="s">
        <v>27</v>
      </c>
      <c r="E4642" s="15">
        <v>45638</v>
      </c>
      <c r="F4642" s="14" t="s">
        <v>28</v>
      </c>
      <c r="G4642" s="16">
        <v>0</v>
      </c>
    </row>
    <row r="4643" spans="1:7" x14ac:dyDescent="0.3">
      <c r="A4643" s="13" t="s">
        <v>46</v>
      </c>
      <c r="B4643" s="14" t="s">
        <v>1</v>
      </c>
      <c r="C4643" s="14" t="s">
        <v>47</v>
      </c>
      <c r="D4643" s="14" t="s">
        <v>27</v>
      </c>
      <c r="E4643" s="15">
        <v>45639</v>
      </c>
      <c r="F4643" s="14" t="s">
        <v>28</v>
      </c>
      <c r="G4643" s="16">
        <v>0</v>
      </c>
    </row>
    <row r="4644" spans="1:7" x14ac:dyDescent="0.3">
      <c r="A4644" s="13" t="s">
        <v>46</v>
      </c>
      <c r="B4644" s="14" t="s">
        <v>1</v>
      </c>
      <c r="C4644" s="14" t="s">
        <v>47</v>
      </c>
      <c r="D4644" s="14" t="s">
        <v>27</v>
      </c>
      <c r="E4644" s="15">
        <v>45640</v>
      </c>
      <c r="F4644" s="14" t="s">
        <v>28</v>
      </c>
      <c r="G4644" s="16">
        <v>0</v>
      </c>
    </row>
    <row r="4645" spans="1:7" x14ac:dyDescent="0.3">
      <c r="A4645" s="13" t="s">
        <v>46</v>
      </c>
      <c r="B4645" s="14" t="s">
        <v>1</v>
      </c>
      <c r="C4645" s="14" t="s">
        <v>47</v>
      </c>
      <c r="D4645" s="14" t="s">
        <v>27</v>
      </c>
      <c r="E4645" s="15">
        <v>45641</v>
      </c>
      <c r="F4645" s="14" t="s">
        <v>28</v>
      </c>
      <c r="G4645" s="16">
        <v>0</v>
      </c>
    </row>
    <row r="4646" spans="1:7" x14ac:dyDescent="0.3">
      <c r="A4646" s="13" t="s">
        <v>46</v>
      </c>
      <c r="B4646" s="14" t="s">
        <v>1</v>
      </c>
      <c r="C4646" s="14" t="s">
        <v>47</v>
      </c>
      <c r="D4646" s="14" t="s">
        <v>27</v>
      </c>
      <c r="E4646" s="15">
        <v>45642</v>
      </c>
      <c r="F4646" s="14" t="s">
        <v>28</v>
      </c>
      <c r="G4646" s="16">
        <v>0</v>
      </c>
    </row>
    <row r="4647" spans="1:7" x14ac:dyDescent="0.3">
      <c r="A4647" s="13" t="s">
        <v>46</v>
      </c>
      <c r="B4647" s="14" t="s">
        <v>1</v>
      </c>
      <c r="C4647" s="14" t="s">
        <v>47</v>
      </c>
      <c r="D4647" s="14" t="s">
        <v>27</v>
      </c>
      <c r="E4647" s="15">
        <v>45643</v>
      </c>
      <c r="F4647" s="14" t="s">
        <v>28</v>
      </c>
      <c r="G4647" s="16">
        <v>0</v>
      </c>
    </row>
    <row r="4648" spans="1:7" x14ac:dyDescent="0.3">
      <c r="A4648" s="13" t="s">
        <v>46</v>
      </c>
      <c r="B4648" s="14" t="s">
        <v>1</v>
      </c>
      <c r="C4648" s="14" t="s">
        <v>47</v>
      </c>
      <c r="D4648" s="14" t="s">
        <v>27</v>
      </c>
      <c r="E4648" s="15">
        <v>45644</v>
      </c>
      <c r="F4648" s="14" t="s">
        <v>28</v>
      </c>
      <c r="G4648" s="16">
        <v>0</v>
      </c>
    </row>
    <row r="4649" spans="1:7" x14ac:dyDescent="0.3">
      <c r="A4649" s="13" t="s">
        <v>46</v>
      </c>
      <c r="B4649" s="14" t="s">
        <v>1</v>
      </c>
      <c r="C4649" s="14" t="s">
        <v>47</v>
      </c>
      <c r="D4649" s="14" t="s">
        <v>27</v>
      </c>
      <c r="E4649" s="15">
        <v>45645</v>
      </c>
      <c r="F4649" s="14" t="s">
        <v>28</v>
      </c>
      <c r="G4649" s="16">
        <v>0</v>
      </c>
    </row>
    <row r="4650" spans="1:7" x14ac:dyDescent="0.3">
      <c r="A4650" s="13" t="s">
        <v>46</v>
      </c>
      <c r="B4650" s="14" t="s">
        <v>1</v>
      </c>
      <c r="C4650" s="14" t="s">
        <v>47</v>
      </c>
      <c r="D4650" s="14" t="s">
        <v>27</v>
      </c>
      <c r="E4650" s="15">
        <v>45646</v>
      </c>
      <c r="F4650" s="14" t="s">
        <v>28</v>
      </c>
      <c r="G4650" s="16">
        <v>0</v>
      </c>
    </row>
    <row r="4651" spans="1:7" x14ac:dyDescent="0.3">
      <c r="A4651" s="13" t="s">
        <v>46</v>
      </c>
      <c r="B4651" s="14" t="s">
        <v>1</v>
      </c>
      <c r="C4651" s="14" t="s">
        <v>47</v>
      </c>
      <c r="D4651" s="14" t="s">
        <v>27</v>
      </c>
      <c r="E4651" s="15">
        <v>45647</v>
      </c>
      <c r="F4651" s="14" t="s">
        <v>28</v>
      </c>
      <c r="G4651" s="16">
        <v>0</v>
      </c>
    </row>
    <row r="4652" spans="1:7" x14ac:dyDescent="0.3">
      <c r="A4652" s="13" t="s">
        <v>46</v>
      </c>
      <c r="B4652" s="14" t="s">
        <v>1</v>
      </c>
      <c r="C4652" s="14" t="s">
        <v>47</v>
      </c>
      <c r="D4652" s="14" t="s">
        <v>27</v>
      </c>
      <c r="E4652" s="15">
        <v>45648</v>
      </c>
      <c r="F4652" s="14" t="s">
        <v>28</v>
      </c>
      <c r="G4652" s="16">
        <v>0</v>
      </c>
    </row>
    <row r="4653" spans="1:7" x14ac:dyDescent="0.3">
      <c r="A4653" s="13" t="s">
        <v>46</v>
      </c>
      <c r="B4653" s="14" t="s">
        <v>1</v>
      </c>
      <c r="C4653" s="14" t="s">
        <v>47</v>
      </c>
      <c r="D4653" s="14" t="s">
        <v>27</v>
      </c>
      <c r="E4653" s="15">
        <v>45649</v>
      </c>
      <c r="F4653" s="14" t="s">
        <v>28</v>
      </c>
      <c r="G4653" s="16">
        <v>0</v>
      </c>
    </row>
    <row r="4654" spans="1:7" x14ac:dyDescent="0.3">
      <c r="A4654" s="13" t="s">
        <v>46</v>
      </c>
      <c r="B4654" s="14" t="s">
        <v>1</v>
      </c>
      <c r="C4654" s="14" t="s">
        <v>47</v>
      </c>
      <c r="D4654" s="14" t="s">
        <v>27</v>
      </c>
      <c r="E4654" s="15">
        <v>45650</v>
      </c>
      <c r="F4654" s="14" t="s">
        <v>28</v>
      </c>
      <c r="G4654" s="16">
        <v>0</v>
      </c>
    </row>
    <row r="4655" spans="1:7" x14ac:dyDescent="0.3">
      <c r="A4655" s="13" t="s">
        <v>46</v>
      </c>
      <c r="B4655" s="14" t="s">
        <v>1</v>
      </c>
      <c r="C4655" s="14" t="s">
        <v>47</v>
      </c>
      <c r="D4655" s="14" t="s">
        <v>27</v>
      </c>
      <c r="E4655" s="15">
        <v>45651</v>
      </c>
      <c r="F4655" s="14" t="s">
        <v>28</v>
      </c>
      <c r="G4655" s="16">
        <v>0</v>
      </c>
    </row>
    <row r="4656" spans="1:7" x14ac:dyDescent="0.3">
      <c r="A4656" s="13" t="s">
        <v>46</v>
      </c>
      <c r="B4656" s="14" t="s">
        <v>1</v>
      </c>
      <c r="C4656" s="14" t="s">
        <v>47</v>
      </c>
      <c r="D4656" s="14" t="s">
        <v>27</v>
      </c>
      <c r="E4656" s="15">
        <v>45652</v>
      </c>
      <c r="F4656" s="14" t="s">
        <v>28</v>
      </c>
      <c r="G4656" s="16">
        <v>0</v>
      </c>
    </row>
    <row r="4657" spans="1:7" x14ac:dyDescent="0.3">
      <c r="A4657" s="13" t="s">
        <v>46</v>
      </c>
      <c r="B4657" s="14" t="s">
        <v>1</v>
      </c>
      <c r="C4657" s="14" t="s">
        <v>47</v>
      </c>
      <c r="D4657" s="14" t="s">
        <v>27</v>
      </c>
      <c r="E4657" s="15">
        <v>45653</v>
      </c>
      <c r="F4657" s="14" t="s">
        <v>28</v>
      </c>
      <c r="G4657" s="16">
        <v>0</v>
      </c>
    </row>
    <row r="4658" spans="1:7" x14ac:dyDescent="0.3">
      <c r="A4658" s="13" t="s">
        <v>46</v>
      </c>
      <c r="B4658" s="14" t="s">
        <v>1</v>
      </c>
      <c r="C4658" s="14" t="s">
        <v>47</v>
      </c>
      <c r="D4658" s="14" t="s">
        <v>27</v>
      </c>
      <c r="E4658" s="15">
        <v>45654</v>
      </c>
      <c r="F4658" s="14" t="s">
        <v>28</v>
      </c>
      <c r="G4658" s="16">
        <v>0</v>
      </c>
    </row>
    <row r="4659" spans="1:7" x14ac:dyDescent="0.3">
      <c r="A4659" s="13" t="s">
        <v>46</v>
      </c>
      <c r="B4659" s="14" t="s">
        <v>1</v>
      </c>
      <c r="C4659" s="14" t="s">
        <v>47</v>
      </c>
      <c r="D4659" s="14" t="s">
        <v>27</v>
      </c>
      <c r="E4659" s="15">
        <v>45655</v>
      </c>
      <c r="F4659" s="14" t="s">
        <v>28</v>
      </c>
      <c r="G4659" s="16">
        <v>0</v>
      </c>
    </row>
    <row r="4660" spans="1:7" x14ac:dyDescent="0.3">
      <c r="A4660" s="13" t="s">
        <v>46</v>
      </c>
      <c r="B4660" s="14" t="s">
        <v>1</v>
      </c>
      <c r="C4660" s="14" t="s">
        <v>47</v>
      </c>
      <c r="D4660" s="14" t="s">
        <v>27</v>
      </c>
      <c r="E4660" s="15">
        <v>45656</v>
      </c>
      <c r="F4660" s="14" t="s">
        <v>28</v>
      </c>
      <c r="G4660" s="16">
        <v>0</v>
      </c>
    </row>
    <row r="4661" spans="1:7" x14ac:dyDescent="0.3">
      <c r="A4661" s="13" t="s">
        <v>46</v>
      </c>
      <c r="B4661" s="14" t="s">
        <v>1</v>
      </c>
      <c r="C4661" s="14" t="s">
        <v>47</v>
      </c>
      <c r="D4661" s="14" t="s">
        <v>27</v>
      </c>
      <c r="E4661" s="15">
        <v>45657</v>
      </c>
      <c r="F4661" s="14" t="s">
        <v>28</v>
      </c>
      <c r="G4661" s="16">
        <v>0</v>
      </c>
    </row>
    <row r="4662" spans="1:7" x14ac:dyDescent="0.3">
      <c r="A4662" s="13" t="s">
        <v>46</v>
      </c>
      <c r="B4662" s="14" t="s">
        <v>1</v>
      </c>
      <c r="C4662" s="14" t="s">
        <v>47</v>
      </c>
      <c r="D4662" s="14" t="s">
        <v>27</v>
      </c>
      <c r="E4662" s="15">
        <v>45658</v>
      </c>
      <c r="F4662" s="14" t="s">
        <v>28</v>
      </c>
      <c r="G4662" s="16">
        <v>0</v>
      </c>
    </row>
    <row r="4663" spans="1:7" x14ac:dyDescent="0.3">
      <c r="A4663" s="13" t="s">
        <v>46</v>
      </c>
      <c r="B4663" s="14" t="s">
        <v>1</v>
      </c>
      <c r="C4663" s="14" t="s">
        <v>47</v>
      </c>
      <c r="D4663" s="14" t="s">
        <v>27</v>
      </c>
      <c r="E4663" s="15">
        <v>45659</v>
      </c>
      <c r="F4663" s="14" t="s">
        <v>28</v>
      </c>
      <c r="G4663" s="16">
        <v>0</v>
      </c>
    </row>
    <row r="4664" spans="1:7" x14ac:dyDescent="0.3">
      <c r="A4664" s="13" t="s">
        <v>46</v>
      </c>
      <c r="B4664" s="14" t="s">
        <v>1</v>
      </c>
      <c r="C4664" s="14" t="s">
        <v>47</v>
      </c>
      <c r="D4664" s="14" t="s">
        <v>27</v>
      </c>
      <c r="E4664" s="15">
        <v>45660</v>
      </c>
      <c r="F4664" s="14" t="s">
        <v>28</v>
      </c>
      <c r="G4664" s="16">
        <v>0</v>
      </c>
    </row>
    <row r="4665" spans="1:7" x14ac:dyDescent="0.3">
      <c r="A4665" s="13" t="s">
        <v>46</v>
      </c>
      <c r="B4665" s="14" t="s">
        <v>1</v>
      </c>
      <c r="C4665" s="14" t="s">
        <v>47</v>
      </c>
      <c r="D4665" s="14" t="s">
        <v>27</v>
      </c>
      <c r="E4665" s="15">
        <v>45661</v>
      </c>
      <c r="F4665" s="14" t="s">
        <v>28</v>
      </c>
      <c r="G4665" s="16">
        <v>0</v>
      </c>
    </row>
    <row r="4666" spans="1:7" x14ac:dyDescent="0.3">
      <c r="A4666" s="13" t="s">
        <v>46</v>
      </c>
      <c r="B4666" s="14" t="s">
        <v>1</v>
      </c>
      <c r="C4666" s="14" t="s">
        <v>47</v>
      </c>
      <c r="D4666" s="14" t="s">
        <v>27</v>
      </c>
      <c r="E4666" s="15">
        <v>45662</v>
      </c>
      <c r="F4666" s="14" t="s">
        <v>28</v>
      </c>
      <c r="G4666" s="16">
        <v>0</v>
      </c>
    </row>
    <row r="4667" spans="1:7" x14ac:dyDescent="0.3">
      <c r="A4667" s="13" t="s">
        <v>46</v>
      </c>
      <c r="B4667" s="14" t="s">
        <v>1</v>
      </c>
      <c r="C4667" s="14" t="s">
        <v>47</v>
      </c>
      <c r="D4667" s="14" t="s">
        <v>27</v>
      </c>
      <c r="E4667" s="15">
        <v>45663</v>
      </c>
      <c r="F4667" s="14" t="s">
        <v>28</v>
      </c>
      <c r="G4667" s="16">
        <v>0</v>
      </c>
    </row>
    <row r="4668" spans="1:7" x14ac:dyDescent="0.3">
      <c r="A4668" s="13" t="s">
        <v>46</v>
      </c>
      <c r="B4668" s="14" t="s">
        <v>1</v>
      </c>
      <c r="C4668" s="14" t="s">
        <v>47</v>
      </c>
      <c r="D4668" s="14" t="s">
        <v>27</v>
      </c>
      <c r="E4668" s="15">
        <v>45664</v>
      </c>
      <c r="F4668" s="14" t="s">
        <v>28</v>
      </c>
      <c r="G4668" s="16">
        <v>0</v>
      </c>
    </row>
    <row r="4669" spans="1:7" x14ac:dyDescent="0.3">
      <c r="A4669" s="13" t="s">
        <v>46</v>
      </c>
      <c r="B4669" s="14" t="s">
        <v>1</v>
      </c>
      <c r="C4669" s="14" t="s">
        <v>47</v>
      </c>
      <c r="D4669" s="14" t="s">
        <v>27</v>
      </c>
      <c r="E4669" s="15">
        <v>45665</v>
      </c>
      <c r="F4669" s="14" t="s">
        <v>28</v>
      </c>
      <c r="G4669" s="16">
        <v>0</v>
      </c>
    </row>
    <row r="4670" spans="1:7" x14ac:dyDescent="0.3">
      <c r="A4670" s="13" t="s">
        <v>46</v>
      </c>
      <c r="B4670" s="14" t="s">
        <v>1</v>
      </c>
      <c r="C4670" s="14" t="s">
        <v>47</v>
      </c>
      <c r="D4670" s="14" t="s">
        <v>27</v>
      </c>
      <c r="E4670" s="15">
        <v>45666</v>
      </c>
      <c r="F4670" s="14" t="s">
        <v>28</v>
      </c>
      <c r="G4670" s="16">
        <v>0</v>
      </c>
    </row>
    <row r="4671" spans="1:7" x14ac:dyDescent="0.3">
      <c r="A4671" s="13" t="s">
        <v>46</v>
      </c>
      <c r="B4671" s="14" t="s">
        <v>1</v>
      </c>
      <c r="C4671" s="14" t="s">
        <v>47</v>
      </c>
      <c r="D4671" s="14" t="s">
        <v>27</v>
      </c>
      <c r="E4671" s="15">
        <v>45667</v>
      </c>
      <c r="F4671" s="14" t="s">
        <v>28</v>
      </c>
      <c r="G4671" s="16">
        <v>0</v>
      </c>
    </row>
    <row r="4672" spans="1:7" x14ac:dyDescent="0.3">
      <c r="A4672" s="13" t="s">
        <v>46</v>
      </c>
      <c r="B4672" s="14" t="s">
        <v>1</v>
      </c>
      <c r="C4672" s="14" t="s">
        <v>47</v>
      </c>
      <c r="D4672" s="14" t="s">
        <v>27</v>
      </c>
      <c r="E4672" s="15">
        <v>45668</v>
      </c>
      <c r="F4672" s="14" t="s">
        <v>28</v>
      </c>
      <c r="G4672" s="16">
        <v>0</v>
      </c>
    </row>
    <row r="4673" spans="1:7" x14ac:dyDescent="0.3">
      <c r="A4673" s="13" t="s">
        <v>46</v>
      </c>
      <c r="B4673" s="14" t="s">
        <v>1</v>
      </c>
      <c r="C4673" s="14" t="s">
        <v>47</v>
      </c>
      <c r="D4673" s="14" t="s">
        <v>27</v>
      </c>
      <c r="E4673" s="15">
        <v>45669</v>
      </c>
      <c r="F4673" s="14" t="s">
        <v>28</v>
      </c>
      <c r="G4673" s="16">
        <v>0</v>
      </c>
    </row>
    <row r="4674" spans="1:7" x14ac:dyDescent="0.3">
      <c r="A4674" s="13" t="s">
        <v>46</v>
      </c>
      <c r="B4674" s="14" t="s">
        <v>1</v>
      </c>
      <c r="C4674" s="14" t="s">
        <v>47</v>
      </c>
      <c r="D4674" s="14" t="s">
        <v>27</v>
      </c>
      <c r="E4674" s="15">
        <v>45670</v>
      </c>
      <c r="F4674" s="14" t="s">
        <v>28</v>
      </c>
      <c r="G4674" s="16">
        <v>0</v>
      </c>
    </row>
    <row r="4675" spans="1:7" x14ac:dyDescent="0.3">
      <c r="A4675" s="13" t="s">
        <v>46</v>
      </c>
      <c r="B4675" s="14" t="s">
        <v>1</v>
      </c>
      <c r="C4675" s="14" t="s">
        <v>47</v>
      </c>
      <c r="D4675" s="14" t="s">
        <v>27</v>
      </c>
      <c r="E4675" s="15">
        <v>45671</v>
      </c>
      <c r="F4675" s="14" t="s">
        <v>28</v>
      </c>
      <c r="G4675" s="16">
        <v>0</v>
      </c>
    </row>
    <row r="4676" spans="1:7" x14ac:dyDescent="0.3">
      <c r="A4676" s="13" t="s">
        <v>46</v>
      </c>
      <c r="B4676" s="14" t="s">
        <v>1</v>
      </c>
      <c r="C4676" s="14" t="s">
        <v>47</v>
      </c>
      <c r="D4676" s="14" t="s">
        <v>27</v>
      </c>
      <c r="E4676" s="15">
        <v>45672</v>
      </c>
      <c r="F4676" s="14" t="s">
        <v>28</v>
      </c>
      <c r="G4676" s="16">
        <v>0</v>
      </c>
    </row>
    <row r="4677" spans="1:7" x14ac:dyDescent="0.3">
      <c r="A4677" s="13" t="s">
        <v>46</v>
      </c>
      <c r="B4677" s="14" t="s">
        <v>1</v>
      </c>
      <c r="C4677" s="14" t="s">
        <v>47</v>
      </c>
      <c r="D4677" s="14" t="s">
        <v>27</v>
      </c>
      <c r="E4677" s="15">
        <v>45673</v>
      </c>
      <c r="F4677" s="14" t="s">
        <v>28</v>
      </c>
      <c r="G4677" s="16">
        <v>0</v>
      </c>
    </row>
    <row r="4678" spans="1:7" x14ac:dyDescent="0.3">
      <c r="A4678" s="13" t="s">
        <v>46</v>
      </c>
      <c r="B4678" s="14" t="s">
        <v>1</v>
      </c>
      <c r="C4678" s="14" t="s">
        <v>47</v>
      </c>
      <c r="D4678" s="14" t="s">
        <v>27</v>
      </c>
      <c r="E4678" s="15">
        <v>45674</v>
      </c>
      <c r="F4678" s="14" t="s">
        <v>28</v>
      </c>
      <c r="G4678" s="16">
        <v>0</v>
      </c>
    </row>
    <row r="4679" spans="1:7" x14ac:dyDescent="0.3">
      <c r="A4679" s="13" t="s">
        <v>46</v>
      </c>
      <c r="B4679" s="14" t="s">
        <v>1</v>
      </c>
      <c r="C4679" s="14" t="s">
        <v>47</v>
      </c>
      <c r="D4679" s="14" t="s">
        <v>27</v>
      </c>
      <c r="E4679" s="15">
        <v>45675</v>
      </c>
      <c r="F4679" s="14" t="s">
        <v>28</v>
      </c>
      <c r="G4679" s="16">
        <v>0</v>
      </c>
    </row>
    <row r="4680" spans="1:7" x14ac:dyDescent="0.3">
      <c r="A4680" s="13" t="s">
        <v>46</v>
      </c>
      <c r="B4680" s="14" t="s">
        <v>1</v>
      </c>
      <c r="C4680" s="14" t="s">
        <v>47</v>
      </c>
      <c r="D4680" s="14" t="s">
        <v>27</v>
      </c>
      <c r="E4680" s="15">
        <v>45676</v>
      </c>
      <c r="F4680" s="14" t="s">
        <v>28</v>
      </c>
      <c r="G4680" s="16">
        <v>0</v>
      </c>
    </row>
    <row r="4681" spans="1:7" x14ac:dyDescent="0.3">
      <c r="A4681" s="13" t="s">
        <v>46</v>
      </c>
      <c r="B4681" s="14" t="s">
        <v>1</v>
      </c>
      <c r="C4681" s="14" t="s">
        <v>47</v>
      </c>
      <c r="D4681" s="14" t="s">
        <v>27</v>
      </c>
      <c r="E4681" s="15">
        <v>45677</v>
      </c>
      <c r="F4681" s="14" t="s">
        <v>28</v>
      </c>
      <c r="G4681" s="16">
        <v>0</v>
      </c>
    </row>
    <row r="4682" spans="1:7" x14ac:dyDescent="0.3">
      <c r="A4682" s="13" t="s">
        <v>46</v>
      </c>
      <c r="B4682" s="14" t="s">
        <v>1</v>
      </c>
      <c r="C4682" s="14" t="s">
        <v>47</v>
      </c>
      <c r="D4682" s="14" t="s">
        <v>27</v>
      </c>
      <c r="E4682" s="15">
        <v>45678</v>
      </c>
      <c r="F4682" s="14" t="s">
        <v>28</v>
      </c>
      <c r="G4682" s="16">
        <v>0</v>
      </c>
    </row>
    <row r="4683" spans="1:7" x14ac:dyDescent="0.3">
      <c r="A4683" s="13" t="s">
        <v>46</v>
      </c>
      <c r="B4683" s="14" t="s">
        <v>1</v>
      </c>
      <c r="C4683" s="14" t="s">
        <v>47</v>
      </c>
      <c r="D4683" s="14" t="s">
        <v>27</v>
      </c>
      <c r="E4683" s="15">
        <v>45679</v>
      </c>
      <c r="F4683" s="14" t="s">
        <v>28</v>
      </c>
      <c r="G4683" s="16">
        <v>0</v>
      </c>
    </row>
    <row r="4684" spans="1:7" x14ac:dyDescent="0.3">
      <c r="A4684" s="13" t="s">
        <v>46</v>
      </c>
      <c r="B4684" s="14" t="s">
        <v>1</v>
      </c>
      <c r="C4684" s="14" t="s">
        <v>47</v>
      </c>
      <c r="D4684" s="14" t="s">
        <v>27</v>
      </c>
      <c r="E4684" s="15">
        <v>45680</v>
      </c>
      <c r="F4684" s="14" t="s">
        <v>28</v>
      </c>
      <c r="G4684" s="16">
        <v>0</v>
      </c>
    </row>
    <row r="4685" spans="1:7" x14ac:dyDescent="0.3">
      <c r="A4685" s="13" t="s">
        <v>46</v>
      </c>
      <c r="B4685" s="14" t="s">
        <v>1</v>
      </c>
      <c r="C4685" s="14" t="s">
        <v>47</v>
      </c>
      <c r="D4685" s="14" t="s">
        <v>27</v>
      </c>
      <c r="E4685" s="15">
        <v>45681</v>
      </c>
      <c r="F4685" s="14" t="s">
        <v>28</v>
      </c>
      <c r="G4685" s="16">
        <v>0</v>
      </c>
    </row>
    <row r="4686" spans="1:7" x14ac:dyDescent="0.3">
      <c r="A4686" s="13" t="s">
        <v>46</v>
      </c>
      <c r="B4686" s="14" t="s">
        <v>1</v>
      </c>
      <c r="C4686" s="14" t="s">
        <v>47</v>
      </c>
      <c r="D4686" s="14" t="s">
        <v>27</v>
      </c>
      <c r="E4686" s="15">
        <v>45682</v>
      </c>
      <c r="F4686" s="14" t="s">
        <v>28</v>
      </c>
      <c r="G4686" s="16">
        <v>0</v>
      </c>
    </row>
    <row r="4687" spans="1:7" x14ac:dyDescent="0.3">
      <c r="A4687" s="13" t="s">
        <v>46</v>
      </c>
      <c r="B4687" s="14" t="s">
        <v>1</v>
      </c>
      <c r="C4687" s="14" t="s">
        <v>47</v>
      </c>
      <c r="D4687" s="14" t="s">
        <v>27</v>
      </c>
      <c r="E4687" s="15">
        <v>45683</v>
      </c>
      <c r="F4687" s="14" t="s">
        <v>28</v>
      </c>
      <c r="G4687" s="16">
        <v>0</v>
      </c>
    </row>
    <row r="4688" spans="1:7" x14ac:dyDescent="0.3">
      <c r="A4688" s="13" t="s">
        <v>46</v>
      </c>
      <c r="B4688" s="14" t="s">
        <v>1</v>
      </c>
      <c r="C4688" s="14" t="s">
        <v>47</v>
      </c>
      <c r="D4688" s="14" t="s">
        <v>27</v>
      </c>
      <c r="E4688" s="15">
        <v>45684</v>
      </c>
      <c r="F4688" s="14" t="s">
        <v>28</v>
      </c>
      <c r="G4688" s="16">
        <v>0</v>
      </c>
    </row>
    <row r="4689" spans="1:7" x14ac:dyDescent="0.3">
      <c r="A4689" s="13" t="s">
        <v>46</v>
      </c>
      <c r="B4689" s="14" t="s">
        <v>1</v>
      </c>
      <c r="C4689" s="14" t="s">
        <v>47</v>
      </c>
      <c r="D4689" s="14" t="s">
        <v>27</v>
      </c>
      <c r="E4689" s="15">
        <v>45685</v>
      </c>
      <c r="F4689" s="14" t="s">
        <v>28</v>
      </c>
      <c r="G4689" s="16">
        <v>0</v>
      </c>
    </row>
    <row r="4690" spans="1:7" x14ac:dyDescent="0.3">
      <c r="A4690" s="13" t="s">
        <v>46</v>
      </c>
      <c r="B4690" s="14" t="s">
        <v>1</v>
      </c>
      <c r="C4690" s="14" t="s">
        <v>47</v>
      </c>
      <c r="D4690" s="14" t="s">
        <v>27</v>
      </c>
      <c r="E4690" s="15">
        <v>45686</v>
      </c>
      <c r="F4690" s="14" t="s">
        <v>28</v>
      </c>
      <c r="G4690" s="16">
        <v>0</v>
      </c>
    </row>
    <row r="4691" spans="1:7" x14ac:dyDescent="0.3">
      <c r="A4691" s="13" t="s">
        <v>46</v>
      </c>
      <c r="B4691" s="14" t="s">
        <v>1</v>
      </c>
      <c r="C4691" s="14" t="s">
        <v>47</v>
      </c>
      <c r="D4691" s="14" t="s">
        <v>27</v>
      </c>
      <c r="E4691" s="15">
        <v>45687</v>
      </c>
      <c r="F4691" s="14" t="s">
        <v>28</v>
      </c>
      <c r="G4691" s="16">
        <v>0</v>
      </c>
    </row>
    <row r="4692" spans="1:7" x14ac:dyDescent="0.3">
      <c r="A4692" s="13" t="s">
        <v>46</v>
      </c>
      <c r="B4692" s="14" t="s">
        <v>1</v>
      </c>
      <c r="C4692" s="14" t="s">
        <v>47</v>
      </c>
      <c r="D4692" s="14" t="s">
        <v>27</v>
      </c>
      <c r="E4692" s="15">
        <v>45688</v>
      </c>
      <c r="F4692" s="14" t="s">
        <v>28</v>
      </c>
      <c r="G4692" s="16">
        <v>0</v>
      </c>
    </row>
    <row r="4693" spans="1:7" x14ac:dyDescent="0.3">
      <c r="A4693" s="13" t="s">
        <v>46</v>
      </c>
      <c r="B4693" s="14" t="s">
        <v>1</v>
      </c>
      <c r="C4693" s="14" t="s">
        <v>47</v>
      </c>
      <c r="D4693" s="14" t="s">
        <v>27</v>
      </c>
      <c r="E4693" s="15">
        <v>45689</v>
      </c>
      <c r="F4693" s="14" t="s">
        <v>28</v>
      </c>
      <c r="G4693" s="16">
        <v>0</v>
      </c>
    </row>
    <row r="4694" spans="1:7" x14ac:dyDescent="0.3">
      <c r="A4694" s="13" t="s">
        <v>46</v>
      </c>
      <c r="B4694" s="14" t="s">
        <v>1</v>
      </c>
      <c r="C4694" s="14" t="s">
        <v>47</v>
      </c>
      <c r="D4694" s="14" t="s">
        <v>27</v>
      </c>
      <c r="E4694" s="15">
        <v>45690</v>
      </c>
      <c r="F4694" s="14" t="s">
        <v>28</v>
      </c>
      <c r="G4694" s="16">
        <v>0</v>
      </c>
    </row>
    <row r="4695" spans="1:7" x14ac:dyDescent="0.3">
      <c r="A4695" s="13" t="s">
        <v>46</v>
      </c>
      <c r="B4695" s="14" t="s">
        <v>1</v>
      </c>
      <c r="C4695" s="14" t="s">
        <v>47</v>
      </c>
      <c r="D4695" s="14" t="s">
        <v>27</v>
      </c>
      <c r="E4695" s="15">
        <v>45691</v>
      </c>
      <c r="F4695" s="14" t="s">
        <v>28</v>
      </c>
      <c r="G4695" s="16">
        <v>0</v>
      </c>
    </row>
    <row r="4696" spans="1:7" x14ac:dyDescent="0.3">
      <c r="A4696" s="13" t="s">
        <v>46</v>
      </c>
      <c r="B4696" s="14" t="s">
        <v>1</v>
      </c>
      <c r="C4696" s="14" t="s">
        <v>47</v>
      </c>
      <c r="D4696" s="14" t="s">
        <v>27</v>
      </c>
      <c r="E4696" s="15">
        <v>45692</v>
      </c>
      <c r="F4696" s="14" t="s">
        <v>28</v>
      </c>
      <c r="G4696" s="16">
        <v>0</v>
      </c>
    </row>
    <row r="4697" spans="1:7" x14ac:dyDescent="0.3">
      <c r="A4697" s="13" t="s">
        <v>46</v>
      </c>
      <c r="B4697" s="14" t="s">
        <v>1</v>
      </c>
      <c r="C4697" s="14" t="s">
        <v>47</v>
      </c>
      <c r="D4697" s="14" t="s">
        <v>27</v>
      </c>
      <c r="E4697" s="15">
        <v>45693</v>
      </c>
      <c r="F4697" s="14" t="s">
        <v>28</v>
      </c>
      <c r="G4697" s="16">
        <v>0</v>
      </c>
    </row>
    <row r="4698" spans="1:7" x14ac:dyDescent="0.3">
      <c r="A4698" s="13" t="s">
        <v>46</v>
      </c>
      <c r="B4698" s="14" t="s">
        <v>1</v>
      </c>
      <c r="C4698" s="14" t="s">
        <v>47</v>
      </c>
      <c r="D4698" s="14" t="s">
        <v>27</v>
      </c>
      <c r="E4698" s="15">
        <v>45694</v>
      </c>
      <c r="F4698" s="14" t="s">
        <v>28</v>
      </c>
      <c r="G4698" s="16">
        <v>0</v>
      </c>
    </row>
    <row r="4699" spans="1:7" x14ac:dyDescent="0.3">
      <c r="A4699" s="13" t="s">
        <v>46</v>
      </c>
      <c r="B4699" s="14" t="s">
        <v>1</v>
      </c>
      <c r="C4699" s="14" t="s">
        <v>47</v>
      </c>
      <c r="D4699" s="14" t="s">
        <v>27</v>
      </c>
      <c r="E4699" s="15">
        <v>45695</v>
      </c>
      <c r="F4699" s="14" t="s">
        <v>28</v>
      </c>
      <c r="G4699" s="16">
        <v>0</v>
      </c>
    </row>
    <row r="4700" spans="1:7" x14ac:dyDescent="0.3">
      <c r="A4700" s="13" t="s">
        <v>46</v>
      </c>
      <c r="B4700" s="14" t="s">
        <v>1</v>
      </c>
      <c r="C4700" s="14" t="s">
        <v>47</v>
      </c>
      <c r="D4700" s="14" t="s">
        <v>27</v>
      </c>
      <c r="E4700" s="15">
        <v>45696</v>
      </c>
      <c r="F4700" s="14" t="s">
        <v>28</v>
      </c>
      <c r="G4700" s="16">
        <v>0</v>
      </c>
    </row>
    <row r="4701" spans="1:7" x14ac:dyDescent="0.3">
      <c r="A4701" s="13" t="s">
        <v>46</v>
      </c>
      <c r="B4701" s="14" t="s">
        <v>1</v>
      </c>
      <c r="C4701" s="14" t="s">
        <v>47</v>
      </c>
      <c r="D4701" s="14" t="s">
        <v>27</v>
      </c>
      <c r="E4701" s="15">
        <v>45697</v>
      </c>
      <c r="F4701" s="14" t="s">
        <v>28</v>
      </c>
      <c r="G4701" s="16">
        <v>0</v>
      </c>
    </row>
    <row r="4702" spans="1:7" x14ac:dyDescent="0.3">
      <c r="A4702" s="13" t="s">
        <v>46</v>
      </c>
      <c r="B4702" s="14" t="s">
        <v>1</v>
      </c>
      <c r="C4702" s="14" t="s">
        <v>47</v>
      </c>
      <c r="D4702" s="14" t="s">
        <v>27</v>
      </c>
      <c r="E4702" s="15">
        <v>45698</v>
      </c>
      <c r="F4702" s="14" t="s">
        <v>28</v>
      </c>
      <c r="G4702" s="16">
        <v>0</v>
      </c>
    </row>
    <row r="4703" spans="1:7" x14ac:dyDescent="0.3">
      <c r="A4703" s="13" t="s">
        <v>46</v>
      </c>
      <c r="B4703" s="14" t="s">
        <v>1</v>
      </c>
      <c r="C4703" s="14" t="s">
        <v>47</v>
      </c>
      <c r="D4703" s="14" t="s">
        <v>27</v>
      </c>
      <c r="E4703" s="15">
        <v>45699</v>
      </c>
      <c r="F4703" s="14" t="s">
        <v>28</v>
      </c>
      <c r="G4703" s="16">
        <v>0</v>
      </c>
    </row>
    <row r="4704" spans="1:7" x14ac:dyDescent="0.3">
      <c r="A4704" s="13" t="s">
        <v>46</v>
      </c>
      <c r="B4704" s="14" t="s">
        <v>1</v>
      </c>
      <c r="C4704" s="14" t="s">
        <v>47</v>
      </c>
      <c r="D4704" s="14" t="s">
        <v>27</v>
      </c>
      <c r="E4704" s="15">
        <v>45700</v>
      </c>
      <c r="F4704" s="14" t="s">
        <v>28</v>
      </c>
      <c r="G4704" s="16">
        <v>0</v>
      </c>
    </row>
    <row r="4705" spans="1:7" x14ac:dyDescent="0.3">
      <c r="A4705" s="13" t="s">
        <v>46</v>
      </c>
      <c r="B4705" s="14" t="s">
        <v>1</v>
      </c>
      <c r="C4705" s="14" t="s">
        <v>47</v>
      </c>
      <c r="D4705" s="14" t="s">
        <v>27</v>
      </c>
      <c r="E4705" s="15">
        <v>45701</v>
      </c>
      <c r="F4705" s="14" t="s">
        <v>28</v>
      </c>
      <c r="G4705" s="16">
        <v>0</v>
      </c>
    </row>
    <row r="4706" spans="1:7" x14ac:dyDescent="0.3">
      <c r="A4706" s="13" t="s">
        <v>46</v>
      </c>
      <c r="B4706" s="14" t="s">
        <v>1</v>
      </c>
      <c r="C4706" s="14" t="s">
        <v>47</v>
      </c>
      <c r="D4706" s="14" t="s">
        <v>27</v>
      </c>
      <c r="E4706" s="15">
        <v>45702</v>
      </c>
      <c r="F4706" s="14" t="s">
        <v>28</v>
      </c>
      <c r="G4706" s="16">
        <v>0</v>
      </c>
    </row>
    <row r="4707" spans="1:7" x14ac:dyDescent="0.3">
      <c r="A4707" s="13" t="s">
        <v>46</v>
      </c>
      <c r="B4707" s="14" t="s">
        <v>1</v>
      </c>
      <c r="C4707" s="14" t="s">
        <v>47</v>
      </c>
      <c r="D4707" s="14" t="s">
        <v>27</v>
      </c>
      <c r="E4707" s="15">
        <v>45703</v>
      </c>
      <c r="F4707" s="14" t="s">
        <v>28</v>
      </c>
      <c r="G4707" s="16">
        <v>0</v>
      </c>
    </row>
    <row r="4708" spans="1:7" x14ac:dyDescent="0.3">
      <c r="A4708" s="13" t="s">
        <v>46</v>
      </c>
      <c r="B4708" s="14" t="s">
        <v>1</v>
      </c>
      <c r="C4708" s="14" t="s">
        <v>47</v>
      </c>
      <c r="D4708" s="14" t="s">
        <v>27</v>
      </c>
      <c r="E4708" s="15">
        <v>45704</v>
      </c>
      <c r="F4708" s="14" t="s">
        <v>28</v>
      </c>
      <c r="G4708" s="16">
        <v>0</v>
      </c>
    </row>
    <row r="4709" spans="1:7" x14ac:dyDescent="0.3">
      <c r="A4709" s="13" t="s">
        <v>46</v>
      </c>
      <c r="B4709" s="14" t="s">
        <v>1</v>
      </c>
      <c r="C4709" s="14" t="s">
        <v>47</v>
      </c>
      <c r="D4709" s="14" t="s">
        <v>27</v>
      </c>
      <c r="E4709" s="15">
        <v>45705</v>
      </c>
      <c r="F4709" s="14" t="s">
        <v>28</v>
      </c>
      <c r="G4709" s="16">
        <v>0</v>
      </c>
    </row>
    <row r="4710" spans="1:7" x14ac:dyDescent="0.3">
      <c r="A4710" s="13" t="s">
        <v>46</v>
      </c>
      <c r="B4710" s="14" t="s">
        <v>1</v>
      </c>
      <c r="C4710" s="14" t="s">
        <v>47</v>
      </c>
      <c r="D4710" s="14" t="s">
        <v>27</v>
      </c>
      <c r="E4710" s="15">
        <v>45706</v>
      </c>
      <c r="F4710" s="14" t="s">
        <v>28</v>
      </c>
      <c r="G4710" s="16">
        <v>0</v>
      </c>
    </row>
    <row r="4711" spans="1:7" x14ac:dyDescent="0.3">
      <c r="A4711" s="13" t="s">
        <v>46</v>
      </c>
      <c r="B4711" s="14" t="s">
        <v>1</v>
      </c>
      <c r="C4711" s="14" t="s">
        <v>47</v>
      </c>
      <c r="D4711" s="14" t="s">
        <v>27</v>
      </c>
      <c r="E4711" s="15">
        <v>45707</v>
      </c>
      <c r="F4711" s="14" t="s">
        <v>28</v>
      </c>
      <c r="G4711" s="16">
        <v>0</v>
      </c>
    </row>
    <row r="4712" spans="1:7" x14ac:dyDescent="0.3">
      <c r="A4712" s="13" t="s">
        <v>46</v>
      </c>
      <c r="B4712" s="14" t="s">
        <v>1</v>
      </c>
      <c r="C4712" s="14" t="s">
        <v>47</v>
      </c>
      <c r="D4712" s="14" t="s">
        <v>27</v>
      </c>
      <c r="E4712" s="15">
        <v>45708</v>
      </c>
      <c r="F4712" s="14" t="s">
        <v>28</v>
      </c>
      <c r="G4712" s="16">
        <v>0</v>
      </c>
    </row>
    <row r="4713" spans="1:7" x14ac:dyDescent="0.3">
      <c r="A4713" s="13" t="s">
        <v>46</v>
      </c>
      <c r="B4713" s="14" t="s">
        <v>1</v>
      </c>
      <c r="C4713" s="14" t="s">
        <v>47</v>
      </c>
      <c r="D4713" s="14" t="s">
        <v>27</v>
      </c>
      <c r="E4713" s="15">
        <v>45709</v>
      </c>
      <c r="F4713" s="14" t="s">
        <v>28</v>
      </c>
      <c r="G4713" s="16">
        <v>0</v>
      </c>
    </row>
    <row r="4714" spans="1:7" x14ac:dyDescent="0.3">
      <c r="A4714" s="13" t="s">
        <v>46</v>
      </c>
      <c r="B4714" s="14" t="s">
        <v>1</v>
      </c>
      <c r="C4714" s="14" t="s">
        <v>47</v>
      </c>
      <c r="D4714" s="14" t="s">
        <v>27</v>
      </c>
      <c r="E4714" s="15">
        <v>45710</v>
      </c>
      <c r="F4714" s="14" t="s">
        <v>28</v>
      </c>
      <c r="G4714" s="16">
        <v>0</v>
      </c>
    </row>
    <row r="4715" spans="1:7" x14ac:dyDescent="0.3">
      <c r="A4715" s="13" t="s">
        <v>46</v>
      </c>
      <c r="B4715" s="14" t="s">
        <v>1</v>
      </c>
      <c r="C4715" s="14" t="s">
        <v>47</v>
      </c>
      <c r="D4715" s="14" t="s">
        <v>27</v>
      </c>
      <c r="E4715" s="15">
        <v>45711</v>
      </c>
      <c r="F4715" s="14" t="s">
        <v>28</v>
      </c>
      <c r="G4715" s="16">
        <v>0</v>
      </c>
    </row>
    <row r="4716" spans="1:7" x14ac:dyDescent="0.3">
      <c r="A4716" s="13" t="s">
        <v>46</v>
      </c>
      <c r="B4716" s="14" t="s">
        <v>1</v>
      </c>
      <c r="C4716" s="14" t="s">
        <v>47</v>
      </c>
      <c r="D4716" s="14" t="s">
        <v>27</v>
      </c>
      <c r="E4716" s="15">
        <v>45712</v>
      </c>
      <c r="F4716" s="14" t="s">
        <v>28</v>
      </c>
      <c r="G4716" s="16">
        <v>0</v>
      </c>
    </row>
    <row r="4717" spans="1:7" x14ac:dyDescent="0.3">
      <c r="A4717" s="13" t="s">
        <v>46</v>
      </c>
      <c r="B4717" s="14" t="s">
        <v>1</v>
      </c>
      <c r="C4717" s="14" t="s">
        <v>47</v>
      </c>
      <c r="D4717" s="14" t="s">
        <v>27</v>
      </c>
      <c r="E4717" s="15">
        <v>45713</v>
      </c>
      <c r="F4717" s="14" t="s">
        <v>28</v>
      </c>
      <c r="G4717" s="16">
        <v>0</v>
      </c>
    </row>
    <row r="4718" spans="1:7" x14ac:dyDescent="0.3">
      <c r="A4718" s="13" t="s">
        <v>46</v>
      </c>
      <c r="B4718" s="14" t="s">
        <v>1</v>
      </c>
      <c r="C4718" s="14" t="s">
        <v>47</v>
      </c>
      <c r="D4718" s="14" t="s">
        <v>27</v>
      </c>
      <c r="E4718" s="15">
        <v>45714</v>
      </c>
      <c r="F4718" s="14" t="s">
        <v>28</v>
      </c>
      <c r="G4718" s="16">
        <v>0</v>
      </c>
    </row>
    <row r="4719" spans="1:7" x14ac:dyDescent="0.3">
      <c r="A4719" s="13" t="s">
        <v>46</v>
      </c>
      <c r="B4719" s="14" t="s">
        <v>1</v>
      </c>
      <c r="C4719" s="14" t="s">
        <v>47</v>
      </c>
      <c r="D4719" s="14" t="s">
        <v>27</v>
      </c>
      <c r="E4719" s="15">
        <v>45715</v>
      </c>
      <c r="F4719" s="14" t="s">
        <v>28</v>
      </c>
      <c r="G4719" s="16">
        <v>0</v>
      </c>
    </row>
    <row r="4720" spans="1:7" x14ac:dyDescent="0.3">
      <c r="A4720" s="13" t="s">
        <v>46</v>
      </c>
      <c r="B4720" s="14" t="s">
        <v>1</v>
      </c>
      <c r="C4720" s="14" t="s">
        <v>47</v>
      </c>
      <c r="D4720" s="14" t="s">
        <v>27</v>
      </c>
      <c r="E4720" s="15">
        <v>45716</v>
      </c>
      <c r="F4720" s="14" t="s">
        <v>28</v>
      </c>
      <c r="G4720" s="16">
        <v>0</v>
      </c>
    </row>
    <row r="4721" spans="1:7" x14ac:dyDescent="0.3">
      <c r="A4721" s="13" t="s">
        <v>46</v>
      </c>
      <c r="B4721" s="14" t="s">
        <v>1</v>
      </c>
      <c r="C4721" s="14" t="s">
        <v>47</v>
      </c>
      <c r="D4721" s="14" t="s">
        <v>27</v>
      </c>
      <c r="E4721" s="15">
        <v>45717</v>
      </c>
      <c r="F4721" s="14" t="s">
        <v>28</v>
      </c>
      <c r="G4721" s="16">
        <v>0</v>
      </c>
    </row>
    <row r="4722" spans="1:7" x14ac:dyDescent="0.3">
      <c r="A4722" s="13" t="s">
        <v>46</v>
      </c>
      <c r="B4722" s="14" t="s">
        <v>1</v>
      </c>
      <c r="C4722" s="14" t="s">
        <v>47</v>
      </c>
      <c r="D4722" s="14" t="s">
        <v>27</v>
      </c>
      <c r="E4722" s="15">
        <v>45718</v>
      </c>
      <c r="F4722" s="14" t="s">
        <v>28</v>
      </c>
      <c r="G4722" s="16">
        <v>0</v>
      </c>
    </row>
    <row r="4723" spans="1:7" x14ac:dyDescent="0.3">
      <c r="A4723" s="13" t="s">
        <v>46</v>
      </c>
      <c r="B4723" s="14" t="s">
        <v>1</v>
      </c>
      <c r="C4723" s="14" t="s">
        <v>47</v>
      </c>
      <c r="D4723" s="14" t="s">
        <v>27</v>
      </c>
      <c r="E4723" s="15">
        <v>45719</v>
      </c>
      <c r="F4723" s="14" t="s">
        <v>28</v>
      </c>
      <c r="G4723" s="16">
        <v>0</v>
      </c>
    </row>
    <row r="4724" spans="1:7" x14ac:dyDescent="0.3">
      <c r="A4724" s="13" t="s">
        <v>46</v>
      </c>
      <c r="B4724" s="14" t="s">
        <v>1</v>
      </c>
      <c r="C4724" s="14" t="s">
        <v>47</v>
      </c>
      <c r="D4724" s="14" t="s">
        <v>27</v>
      </c>
      <c r="E4724" s="15">
        <v>45720</v>
      </c>
      <c r="F4724" s="14" t="s">
        <v>28</v>
      </c>
      <c r="G4724" s="16">
        <v>0</v>
      </c>
    </row>
    <row r="4725" spans="1:7" x14ac:dyDescent="0.3">
      <c r="A4725" s="13" t="s">
        <v>46</v>
      </c>
      <c r="B4725" s="14" t="s">
        <v>1</v>
      </c>
      <c r="C4725" s="14" t="s">
        <v>47</v>
      </c>
      <c r="D4725" s="14" t="s">
        <v>27</v>
      </c>
      <c r="E4725" s="15">
        <v>45721</v>
      </c>
      <c r="F4725" s="14" t="s">
        <v>28</v>
      </c>
      <c r="G4725" s="16">
        <v>0</v>
      </c>
    </row>
    <row r="4726" spans="1:7" x14ac:dyDescent="0.3">
      <c r="A4726" s="13" t="s">
        <v>46</v>
      </c>
      <c r="B4726" s="14" t="s">
        <v>1</v>
      </c>
      <c r="C4726" s="14" t="s">
        <v>47</v>
      </c>
      <c r="D4726" s="14" t="s">
        <v>27</v>
      </c>
      <c r="E4726" s="15">
        <v>45722</v>
      </c>
      <c r="F4726" s="14" t="s">
        <v>28</v>
      </c>
      <c r="G4726" s="16">
        <v>0</v>
      </c>
    </row>
    <row r="4727" spans="1:7" x14ac:dyDescent="0.3">
      <c r="A4727" s="13" t="s">
        <v>46</v>
      </c>
      <c r="B4727" s="14" t="s">
        <v>1</v>
      </c>
      <c r="C4727" s="14" t="s">
        <v>47</v>
      </c>
      <c r="D4727" s="14" t="s">
        <v>27</v>
      </c>
      <c r="E4727" s="15">
        <v>45723</v>
      </c>
      <c r="F4727" s="14" t="s">
        <v>28</v>
      </c>
      <c r="G4727" s="16">
        <v>0</v>
      </c>
    </row>
    <row r="4728" spans="1:7" x14ac:dyDescent="0.3">
      <c r="A4728" s="13" t="s">
        <v>46</v>
      </c>
      <c r="B4728" s="14" t="s">
        <v>1</v>
      </c>
      <c r="C4728" s="14" t="s">
        <v>47</v>
      </c>
      <c r="D4728" s="14" t="s">
        <v>27</v>
      </c>
      <c r="E4728" s="15">
        <v>45724</v>
      </c>
      <c r="F4728" s="14" t="s">
        <v>28</v>
      </c>
      <c r="G4728" s="16">
        <v>0</v>
      </c>
    </row>
    <row r="4729" spans="1:7" x14ac:dyDescent="0.3">
      <c r="A4729" s="13" t="s">
        <v>46</v>
      </c>
      <c r="B4729" s="14" t="s">
        <v>1</v>
      </c>
      <c r="C4729" s="14" t="s">
        <v>47</v>
      </c>
      <c r="D4729" s="14" t="s">
        <v>27</v>
      </c>
      <c r="E4729" s="15">
        <v>45725</v>
      </c>
      <c r="F4729" s="14" t="s">
        <v>28</v>
      </c>
      <c r="G4729" s="16">
        <v>0</v>
      </c>
    </row>
    <row r="4730" spans="1:7" x14ac:dyDescent="0.3">
      <c r="A4730" s="13" t="s">
        <v>46</v>
      </c>
      <c r="B4730" s="14" t="s">
        <v>1</v>
      </c>
      <c r="C4730" s="14" t="s">
        <v>47</v>
      </c>
      <c r="D4730" s="14" t="s">
        <v>27</v>
      </c>
      <c r="E4730" s="15">
        <v>45726</v>
      </c>
      <c r="F4730" s="14" t="s">
        <v>28</v>
      </c>
      <c r="G4730" s="16">
        <v>0</v>
      </c>
    </row>
    <row r="4731" spans="1:7" x14ac:dyDescent="0.3">
      <c r="A4731" s="13" t="s">
        <v>46</v>
      </c>
      <c r="B4731" s="14" t="s">
        <v>1</v>
      </c>
      <c r="C4731" s="14" t="s">
        <v>47</v>
      </c>
      <c r="D4731" s="14" t="s">
        <v>27</v>
      </c>
      <c r="E4731" s="15">
        <v>45727</v>
      </c>
      <c r="F4731" s="14" t="s">
        <v>28</v>
      </c>
      <c r="G4731" s="16">
        <v>0</v>
      </c>
    </row>
    <row r="4732" spans="1:7" x14ac:dyDescent="0.3">
      <c r="A4732" s="13" t="s">
        <v>46</v>
      </c>
      <c r="B4732" s="14" t="s">
        <v>1</v>
      </c>
      <c r="C4732" s="14" t="s">
        <v>47</v>
      </c>
      <c r="D4732" s="14" t="s">
        <v>27</v>
      </c>
      <c r="E4732" s="15">
        <v>45728</v>
      </c>
      <c r="F4732" s="14" t="s">
        <v>28</v>
      </c>
      <c r="G4732" s="16">
        <v>0</v>
      </c>
    </row>
    <row r="4733" spans="1:7" x14ac:dyDescent="0.3">
      <c r="A4733" s="13" t="s">
        <v>46</v>
      </c>
      <c r="B4733" s="14" t="s">
        <v>1</v>
      </c>
      <c r="C4733" s="14" t="s">
        <v>47</v>
      </c>
      <c r="D4733" s="14" t="s">
        <v>27</v>
      </c>
      <c r="E4733" s="15">
        <v>45729</v>
      </c>
      <c r="F4733" s="14" t="s">
        <v>28</v>
      </c>
      <c r="G4733" s="16">
        <v>0</v>
      </c>
    </row>
    <row r="4734" spans="1:7" x14ac:dyDescent="0.3">
      <c r="A4734" s="13" t="s">
        <v>46</v>
      </c>
      <c r="B4734" s="14" t="s">
        <v>1</v>
      </c>
      <c r="C4734" s="14" t="s">
        <v>47</v>
      </c>
      <c r="D4734" s="14" t="s">
        <v>27</v>
      </c>
      <c r="E4734" s="15">
        <v>45730</v>
      </c>
      <c r="F4734" s="14" t="s">
        <v>28</v>
      </c>
      <c r="G4734" s="16">
        <v>0</v>
      </c>
    </row>
    <row r="4735" spans="1:7" x14ac:dyDescent="0.3">
      <c r="A4735" s="13" t="s">
        <v>46</v>
      </c>
      <c r="B4735" s="14" t="s">
        <v>1</v>
      </c>
      <c r="C4735" s="14" t="s">
        <v>47</v>
      </c>
      <c r="D4735" s="14" t="s">
        <v>27</v>
      </c>
      <c r="E4735" s="15">
        <v>45731</v>
      </c>
      <c r="F4735" s="14" t="s">
        <v>28</v>
      </c>
      <c r="G4735" s="16">
        <v>0</v>
      </c>
    </row>
    <row r="4736" spans="1:7" x14ac:dyDescent="0.3">
      <c r="A4736" s="13" t="s">
        <v>46</v>
      </c>
      <c r="B4736" s="14" t="s">
        <v>1</v>
      </c>
      <c r="C4736" s="14" t="s">
        <v>47</v>
      </c>
      <c r="D4736" s="14" t="s">
        <v>27</v>
      </c>
      <c r="E4736" s="15">
        <v>45732</v>
      </c>
      <c r="F4736" s="14" t="s">
        <v>28</v>
      </c>
      <c r="G4736" s="16">
        <v>0</v>
      </c>
    </row>
    <row r="4737" spans="1:7" x14ac:dyDescent="0.3">
      <c r="A4737" s="13" t="s">
        <v>46</v>
      </c>
      <c r="B4737" s="14" t="s">
        <v>1</v>
      </c>
      <c r="C4737" s="14" t="s">
        <v>47</v>
      </c>
      <c r="D4737" s="14" t="s">
        <v>27</v>
      </c>
      <c r="E4737" s="15">
        <v>45733</v>
      </c>
      <c r="F4737" s="14" t="s">
        <v>28</v>
      </c>
      <c r="G4737" s="16">
        <v>0</v>
      </c>
    </row>
    <row r="4738" spans="1:7" x14ac:dyDescent="0.3">
      <c r="A4738" s="13" t="s">
        <v>46</v>
      </c>
      <c r="B4738" s="14" t="s">
        <v>1</v>
      </c>
      <c r="C4738" s="14" t="s">
        <v>47</v>
      </c>
      <c r="D4738" s="14" t="s">
        <v>27</v>
      </c>
      <c r="E4738" s="15">
        <v>45734</v>
      </c>
      <c r="F4738" s="14" t="s">
        <v>28</v>
      </c>
      <c r="G4738" s="16">
        <v>0</v>
      </c>
    </row>
    <row r="4739" spans="1:7" x14ac:dyDescent="0.3">
      <c r="A4739" s="13" t="s">
        <v>46</v>
      </c>
      <c r="B4739" s="14" t="s">
        <v>1</v>
      </c>
      <c r="C4739" s="14" t="s">
        <v>47</v>
      </c>
      <c r="D4739" s="14" t="s">
        <v>27</v>
      </c>
      <c r="E4739" s="15">
        <v>45735</v>
      </c>
      <c r="F4739" s="14" t="s">
        <v>28</v>
      </c>
      <c r="G4739" s="16">
        <v>0</v>
      </c>
    </row>
    <row r="4740" spans="1:7" x14ac:dyDescent="0.3">
      <c r="A4740" s="13" t="s">
        <v>46</v>
      </c>
      <c r="B4740" s="14" t="s">
        <v>1</v>
      </c>
      <c r="C4740" s="14" t="s">
        <v>47</v>
      </c>
      <c r="D4740" s="14" t="s">
        <v>27</v>
      </c>
      <c r="E4740" s="15">
        <v>45736</v>
      </c>
      <c r="F4740" s="14" t="s">
        <v>28</v>
      </c>
      <c r="G4740" s="16">
        <v>0</v>
      </c>
    </row>
    <row r="4741" spans="1:7" x14ac:dyDescent="0.3">
      <c r="A4741" s="13" t="s">
        <v>46</v>
      </c>
      <c r="B4741" s="14" t="s">
        <v>1</v>
      </c>
      <c r="C4741" s="14" t="s">
        <v>47</v>
      </c>
      <c r="D4741" s="14" t="s">
        <v>27</v>
      </c>
      <c r="E4741" s="15">
        <v>45737</v>
      </c>
      <c r="F4741" s="14" t="s">
        <v>28</v>
      </c>
      <c r="G4741" s="16">
        <v>0</v>
      </c>
    </row>
    <row r="4742" spans="1:7" x14ac:dyDescent="0.3">
      <c r="A4742" s="13" t="s">
        <v>46</v>
      </c>
      <c r="B4742" s="14" t="s">
        <v>1</v>
      </c>
      <c r="C4742" s="14" t="s">
        <v>47</v>
      </c>
      <c r="D4742" s="14" t="s">
        <v>27</v>
      </c>
      <c r="E4742" s="15">
        <v>45738</v>
      </c>
      <c r="F4742" s="14" t="s">
        <v>28</v>
      </c>
      <c r="G4742" s="16">
        <v>0</v>
      </c>
    </row>
    <row r="4743" spans="1:7" x14ac:dyDescent="0.3">
      <c r="A4743" s="13" t="s">
        <v>46</v>
      </c>
      <c r="B4743" s="14" t="s">
        <v>1</v>
      </c>
      <c r="C4743" s="14" t="s">
        <v>47</v>
      </c>
      <c r="D4743" s="14" t="s">
        <v>27</v>
      </c>
      <c r="E4743" s="15">
        <v>45739</v>
      </c>
      <c r="F4743" s="14" t="s">
        <v>28</v>
      </c>
      <c r="G4743" s="16">
        <v>0</v>
      </c>
    </row>
    <row r="4744" spans="1:7" x14ac:dyDescent="0.3">
      <c r="A4744" s="13" t="s">
        <v>46</v>
      </c>
      <c r="B4744" s="14" t="s">
        <v>1</v>
      </c>
      <c r="C4744" s="14" t="s">
        <v>47</v>
      </c>
      <c r="D4744" s="14" t="s">
        <v>27</v>
      </c>
      <c r="E4744" s="15">
        <v>45740</v>
      </c>
      <c r="F4744" s="14" t="s">
        <v>28</v>
      </c>
      <c r="G4744" s="16">
        <v>0</v>
      </c>
    </row>
    <row r="4745" spans="1:7" x14ac:dyDescent="0.3">
      <c r="A4745" s="13" t="s">
        <v>46</v>
      </c>
      <c r="B4745" s="14" t="s">
        <v>1</v>
      </c>
      <c r="C4745" s="14" t="s">
        <v>47</v>
      </c>
      <c r="D4745" s="14" t="s">
        <v>27</v>
      </c>
      <c r="E4745" s="15">
        <v>45741</v>
      </c>
      <c r="F4745" s="14" t="s">
        <v>28</v>
      </c>
      <c r="G4745" s="16">
        <v>0</v>
      </c>
    </row>
    <row r="4746" spans="1:7" x14ac:dyDescent="0.3">
      <c r="A4746" s="13" t="s">
        <v>46</v>
      </c>
      <c r="B4746" s="14" t="s">
        <v>1</v>
      </c>
      <c r="C4746" s="14" t="s">
        <v>47</v>
      </c>
      <c r="D4746" s="14" t="s">
        <v>27</v>
      </c>
      <c r="E4746" s="15">
        <v>45742</v>
      </c>
      <c r="F4746" s="14" t="s">
        <v>28</v>
      </c>
      <c r="G4746" s="16">
        <v>0</v>
      </c>
    </row>
    <row r="4747" spans="1:7" x14ac:dyDescent="0.3">
      <c r="A4747" s="13" t="s">
        <v>46</v>
      </c>
      <c r="B4747" s="14" t="s">
        <v>1</v>
      </c>
      <c r="C4747" s="14" t="s">
        <v>47</v>
      </c>
      <c r="D4747" s="14" t="s">
        <v>27</v>
      </c>
      <c r="E4747" s="15">
        <v>45743</v>
      </c>
      <c r="F4747" s="14" t="s">
        <v>28</v>
      </c>
      <c r="G4747" s="16">
        <v>0</v>
      </c>
    </row>
    <row r="4748" spans="1:7" x14ac:dyDescent="0.3">
      <c r="A4748" s="13" t="s">
        <v>46</v>
      </c>
      <c r="B4748" s="14" t="s">
        <v>1</v>
      </c>
      <c r="C4748" s="14" t="s">
        <v>47</v>
      </c>
      <c r="D4748" s="14" t="s">
        <v>27</v>
      </c>
      <c r="E4748" s="15">
        <v>45744</v>
      </c>
      <c r="F4748" s="14" t="s">
        <v>28</v>
      </c>
      <c r="G4748" s="16">
        <v>0</v>
      </c>
    </row>
    <row r="4749" spans="1:7" x14ac:dyDescent="0.3">
      <c r="A4749" s="13" t="s">
        <v>46</v>
      </c>
      <c r="B4749" s="14" t="s">
        <v>1</v>
      </c>
      <c r="C4749" s="14" t="s">
        <v>47</v>
      </c>
      <c r="D4749" s="14" t="s">
        <v>27</v>
      </c>
      <c r="E4749" s="15">
        <v>45745</v>
      </c>
      <c r="F4749" s="14" t="s">
        <v>28</v>
      </c>
      <c r="G4749" s="16">
        <v>0</v>
      </c>
    </row>
    <row r="4750" spans="1:7" x14ac:dyDescent="0.3">
      <c r="A4750" s="13" t="s">
        <v>46</v>
      </c>
      <c r="B4750" s="14" t="s">
        <v>1</v>
      </c>
      <c r="C4750" s="14" t="s">
        <v>47</v>
      </c>
      <c r="D4750" s="14" t="s">
        <v>27</v>
      </c>
      <c r="E4750" s="15">
        <v>45746</v>
      </c>
      <c r="F4750" s="14" t="s">
        <v>28</v>
      </c>
      <c r="G4750" s="16">
        <v>0</v>
      </c>
    </row>
    <row r="4751" spans="1:7" x14ac:dyDescent="0.3">
      <c r="A4751" s="13" t="s">
        <v>46</v>
      </c>
      <c r="B4751" s="14" t="s">
        <v>1</v>
      </c>
      <c r="C4751" s="14" t="s">
        <v>47</v>
      </c>
      <c r="D4751" s="14" t="s">
        <v>27</v>
      </c>
      <c r="E4751" s="15">
        <v>45747</v>
      </c>
      <c r="F4751" s="14" t="s">
        <v>28</v>
      </c>
      <c r="G4751" s="16">
        <v>0</v>
      </c>
    </row>
    <row r="4752" spans="1:7" x14ac:dyDescent="0.3">
      <c r="A4752" s="13" t="s">
        <v>48</v>
      </c>
      <c r="B4752" s="14" t="s">
        <v>1</v>
      </c>
      <c r="C4752" s="14" t="s">
        <v>17</v>
      </c>
      <c r="D4752" s="14" t="s">
        <v>49</v>
      </c>
      <c r="E4752" s="15">
        <v>45383</v>
      </c>
      <c r="F4752" s="14" t="s">
        <v>15</v>
      </c>
      <c r="G4752" s="16">
        <v>0</v>
      </c>
    </row>
    <row r="4753" spans="1:7" x14ac:dyDescent="0.3">
      <c r="A4753" s="13" t="s">
        <v>48</v>
      </c>
      <c r="B4753" s="14" t="s">
        <v>1</v>
      </c>
      <c r="C4753" s="14" t="s">
        <v>17</v>
      </c>
      <c r="D4753" s="14" t="s">
        <v>49</v>
      </c>
      <c r="E4753" s="15">
        <v>45384</v>
      </c>
      <c r="F4753" s="14" t="s">
        <v>15</v>
      </c>
      <c r="G4753" s="16">
        <v>0</v>
      </c>
    </row>
    <row r="4754" spans="1:7" x14ac:dyDescent="0.3">
      <c r="A4754" s="13" t="s">
        <v>48</v>
      </c>
      <c r="B4754" s="14" t="s">
        <v>1</v>
      </c>
      <c r="C4754" s="14" t="s">
        <v>17</v>
      </c>
      <c r="D4754" s="14" t="s">
        <v>49</v>
      </c>
      <c r="E4754" s="15">
        <v>45385</v>
      </c>
      <c r="F4754" s="14" t="s">
        <v>15</v>
      </c>
      <c r="G4754" s="16">
        <v>0</v>
      </c>
    </row>
    <row r="4755" spans="1:7" x14ac:dyDescent="0.3">
      <c r="A4755" s="13" t="s">
        <v>48</v>
      </c>
      <c r="B4755" s="14" t="s">
        <v>1</v>
      </c>
      <c r="C4755" s="14" t="s">
        <v>17</v>
      </c>
      <c r="D4755" s="14" t="s">
        <v>49</v>
      </c>
      <c r="E4755" s="15">
        <v>45386</v>
      </c>
      <c r="F4755" s="14" t="s">
        <v>15</v>
      </c>
      <c r="G4755" s="16">
        <v>0</v>
      </c>
    </row>
    <row r="4756" spans="1:7" x14ac:dyDescent="0.3">
      <c r="A4756" s="13" t="s">
        <v>48</v>
      </c>
      <c r="B4756" s="14" t="s">
        <v>1</v>
      </c>
      <c r="C4756" s="14" t="s">
        <v>17</v>
      </c>
      <c r="D4756" s="14" t="s">
        <v>49</v>
      </c>
      <c r="E4756" s="15">
        <v>45387</v>
      </c>
      <c r="F4756" s="14" t="s">
        <v>15</v>
      </c>
      <c r="G4756" s="16">
        <v>0</v>
      </c>
    </row>
    <row r="4757" spans="1:7" x14ac:dyDescent="0.3">
      <c r="A4757" s="13" t="s">
        <v>48</v>
      </c>
      <c r="B4757" s="14" t="s">
        <v>1</v>
      </c>
      <c r="C4757" s="14" t="s">
        <v>17</v>
      </c>
      <c r="D4757" s="14" t="s">
        <v>49</v>
      </c>
      <c r="E4757" s="15">
        <v>45388</v>
      </c>
      <c r="F4757" s="14" t="s">
        <v>15</v>
      </c>
      <c r="G4757" s="16">
        <v>0</v>
      </c>
    </row>
    <row r="4758" spans="1:7" x14ac:dyDescent="0.3">
      <c r="A4758" s="13" t="s">
        <v>48</v>
      </c>
      <c r="B4758" s="14" t="s">
        <v>1</v>
      </c>
      <c r="C4758" s="14" t="s">
        <v>17</v>
      </c>
      <c r="D4758" s="14" t="s">
        <v>49</v>
      </c>
      <c r="E4758" s="15">
        <v>45389</v>
      </c>
      <c r="F4758" s="14" t="s">
        <v>15</v>
      </c>
      <c r="G4758" s="16">
        <v>0</v>
      </c>
    </row>
    <row r="4759" spans="1:7" x14ac:dyDescent="0.3">
      <c r="A4759" s="13" t="s">
        <v>48</v>
      </c>
      <c r="B4759" s="14" t="s">
        <v>1</v>
      </c>
      <c r="C4759" s="14" t="s">
        <v>17</v>
      </c>
      <c r="D4759" s="14" t="s">
        <v>49</v>
      </c>
      <c r="E4759" s="15">
        <v>45390</v>
      </c>
      <c r="F4759" s="14" t="s">
        <v>15</v>
      </c>
      <c r="G4759" s="16">
        <v>0</v>
      </c>
    </row>
    <row r="4760" spans="1:7" x14ac:dyDescent="0.3">
      <c r="A4760" s="13" t="s">
        <v>48</v>
      </c>
      <c r="B4760" s="14" t="s">
        <v>1</v>
      </c>
      <c r="C4760" s="14" t="s">
        <v>17</v>
      </c>
      <c r="D4760" s="14" t="s">
        <v>49</v>
      </c>
      <c r="E4760" s="15">
        <v>45391</v>
      </c>
      <c r="F4760" s="14" t="s">
        <v>15</v>
      </c>
      <c r="G4760" s="16">
        <v>0</v>
      </c>
    </row>
    <row r="4761" spans="1:7" x14ac:dyDescent="0.3">
      <c r="A4761" s="13" t="s">
        <v>48</v>
      </c>
      <c r="B4761" s="14" t="s">
        <v>1</v>
      </c>
      <c r="C4761" s="14" t="s">
        <v>17</v>
      </c>
      <c r="D4761" s="14" t="s">
        <v>49</v>
      </c>
      <c r="E4761" s="15">
        <v>45392</v>
      </c>
      <c r="F4761" s="14" t="s">
        <v>15</v>
      </c>
      <c r="G4761" s="16">
        <v>0</v>
      </c>
    </row>
    <row r="4762" spans="1:7" x14ac:dyDescent="0.3">
      <c r="A4762" s="13" t="s">
        <v>48</v>
      </c>
      <c r="B4762" s="14" t="s">
        <v>1</v>
      </c>
      <c r="C4762" s="14" t="s">
        <v>17</v>
      </c>
      <c r="D4762" s="14" t="s">
        <v>49</v>
      </c>
      <c r="E4762" s="15">
        <v>45393</v>
      </c>
      <c r="F4762" s="14" t="s">
        <v>15</v>
      </c>
      <c r="G4762" s="16">
        <v>0</v>
      </c>
    </row>
    <row r="4763" spans="1:7" x14ac:dyDescent="0.3">
      <c r="A4763" s="13" t="s">
        <v>48</v>
      </c>
      <c r="B4763" s="14" t="s">
        <v>1</v>
      </c>
      <c r="C4763" s="14" t="s">
        <v>17</v>
      </c>
      <c r="D4763" s="14" t="s">
        <v>49</v>
      </c>
      <c r="E4763" s="15">
        <v>45394</v>
      </c>
      <c r="F4763" s="14" t="s">
        <v>15</v>
      </c>
      <c r="G4763" s="16">
        <v>0</v>
      </c>
    </row>
    <row r="4764" spans="1:7" x14ac:dyDescent="0.3">
      <c r="A4764" s="13" t="s">
        <v>48</v>
      </c>
      <c r="B4764" s="14" t="s">
        <v>1</v>
      </c>
      <c r="C4764" s="14" t="s">
        <v>17</v>
      </c>
      <c r="D4764" s="14" t="s">
        <v>49</v>
      </c>
      <c r="E4764" s="15">
        <v>45395</v>
      </c>
      <c r="F4764" s="14" t="s">
        <v>15</v>
      </c>
      <c r="G4764" s="16">
        <v>0</v>
      </c>
    </row>
    <row r="4765" spans="1:7" x14ac:dyDescent="0.3">
      <c r="A4765" s="13" t="s">
        <v>48</v>
      </c>
      <c r="B4765" s="14" t="s">
        <v>1</v>
      </c>
      <c r="C4765" s="14" t="s">
        <v>17</v>
      </c>
      <c r="D4765" s="14" t="s">
        <v>49</v>
      </c>
      <c r="E4765" s="15">
        <v>45396</v>
      </c>
      <c r="F4765" s="14" t="s">
        <v>15</v>
      </c>
      <c r="G4765" s="16">
        <v>0</v>
      </c>
    </row>
    <row r="4766" spans="1:7" x14ac:dyDescent="0.3">
      <c r="A4766" s="13" t="s">
        <v>48</v>
      </c>
      <c r="B4766" s="14" t="s">
        <v>1</v>
      </c>
      <c r="C4766" s="14" t="s">
        <v>17</v>
      </c>
      <c r="D4766" s="14" t="s">
        <v>49</v>
      </c>
      <c r="E4766" s="15">
        <v>45397</v>
      </c>
      <c r="F4766" s="14" t="s">
        <v>15</v>
      </c>
      <c r="G4766" s="16">
        <v>0</v>
      </c>
    </row>
    <row r="4767" spans="1:7" x14ac:dyDescent="0.3">
      <c r="A4767" s="13" t="s">
        <v>48</v>
      </c>
      <c r="B4767" s="14" t="s">
        <v>1</v>
      </c>
      <c r="C4767" s="14" t="s">
        <v>17</v>
      </c>
      <c r="D4767" s="14" t="s">
        <v>49</v>
      </c>
      <c r="E4767" s="15">
        <v>45398</v>
      </c>
      <c r="F4767" s="14" t="s">
        <v>15</v>
      </c>
      <c r="G4767" s="16">
        <v>0</v>
      </c>
    </row>
    <row r="4768" spans="1:7" x14ac:dyDescent="0.3">
      <c r="A4768" s="13" t="s">
        <v>48</v>
      </c>
      <c r="B4768" s="14" t="s">
        <v>1</v>
      </c>
      <c r="C4768" s="14" t="s">
        <v>17</v>
      </c>
      <c r="D4768" s="14" t="s">
        <v>49</v>
      </c>
      <c r="E4768" s="15">
        <v>45399</v>
      </c>
      <c r="F4768" s="14" t="s">
        <v>15</v>
      </c>
      <c r="G4768" s="16">
        <v>0</v>
      </c>
    </row>
    <row r="4769" spans="1:7" x14ac:dyDescent="0.3">
      <c r="A4769" s="13" t="s">
        <v>48</v>
      </c>
      <c r="B4769" s="14" t="s">
        <v>1</v>
      </c>
      <c r="C4769" s="14" t="s">
        <v>17</v>
      </c>
      <c r="D4769" s="14" t="s">
        <v>49</v>
      </c>
      <c r="E4769" s="15">
        <v>45400</v>
      </c>
      <c r="F4769" s="14" t="s">
        <v>15</v>
      </c>
      <c r="G4769" s="16">
        <v>0</v>
      </c>
    </row>
    <row r="4770" spans="1:7" x14ac:dyDescent="0.3">
      <c r="A4770" s="13" t="s">
        <v>48</v>
      </c>
      <c r="B4770" s="14" t="s">
        <v>1</v>
      </c>
      <c r="C4770" s="14" t="s">
        <v>17</v>
      </c>
      <c r="D4770" s="14" t="s">
        <v>49</v>
      </c>
      <c r="E4770" s="15">
        <v>45401</v>
      </c>
      <c r="F4770" s="14" t="s">
        <v>15</v>
      </c>
      <c r="G4770" s="16">
        <v>0</v>
      </c>
    </row>
    <row r="4771" spans="1:7" x14ac:dyDescent="0.3">
      <c r="A4771" s="13" t="s">
        <v>48</v>
      </c>
      <c r="B4771" s="14" t="s">
        <v>1</v>
      </c>
      <c r="C4771" s="14" t="s">
        <v>17</v>
      </c>
      <c r="D4771" s="14" t="s">
        <v>49</v>
      </c>
      <c r="E4771" s="15">
        <v>45402</v>
      </c>
      <c r="F4771" s="14" t="s">
        <v>15</v>
      </c>
      <c r="G4771" s="16">
        <v>0</v>
      </c>
    </row>
    <row r="4772" spans="1:7" x14ac:dyDescent="0.3">
      <c r="A4772" s="13" t="s">
        <v>48</v>
      </c>
      <c r="B4772" s="14" t="s">
        <v>1</v>
      </c>
      <c r="C4772" s="14" t="s">
        <v>17</v>
      </c>
      <c r="D4772" s="14" t="s">
        <v>49</v>
      </c>
      <c r="E4772" s="15">
        <v>45403</v>
      </c>
      <c r="F4772" s="14" t="s">
        <v>15</v>
      </c>
      <c r="G4772" s="16">
        <v>0</v>
      </c>
    </row>
    <row r="4773" spans="1:7" x14ac:dyDescent="0.3">
      <c r="A4773" s="13" t="s">
        <v>48</v>
      </c>
      <c r="B4773" s="14" t="s">
        <v>1</v>
      </c>
      <c r="C4773" s="14" t="s">
        <v>17</v>
      </c>
      <c r="D4773" s="14" t="s">
        <v>49</v>
      </c>
      <c r="E4773" s="15">
        <v>45404</v>
      </c>
      <c r="F4773" s="14" t="s">
        <v>15</v>
      </c>
      <c r="G4773" s="16">
        <v>0</v>
      </c>
    </row>
    <row r="4774" spans="1:7" x14ac:dyDescent="0.3">
      <c r="A4774" s="13" t="s">
        <v>48</v>
      </c>
      <c r="B4774" s="14" t="s">
        <v>1</v>
      </c>
      <c r="C4774" s="14" t="s">
        <v>17</v>
      </c>
      <c r="D4774" s="14" t="s">
        <v>49</v>
      </c>
      <c r="E4774" s="15">
        <v>45405</v>
      </c>
      <c r="F4774" s="14" t="s">
        <v>15</v>
      </c>
      <c r="G4774" s="16">
        <v>0</v>
      </c>
    </row>
    <row r="4775" spans="1:7" x14ac:dyDescent="0.3">
      <c r="A4775" s="13" t="s">
        <v>48</v>
      </c>
      <c r="B4775" s="14" t="s">
        <v>1</v>
      </c>
      <c r="C4775" s="14" t="s">
        <v>17</v>
      </c>
      <c r="D4775" s="14" t="s">
        <v>49</v>
      </c>
      <c r="E4775" s="15">
        <v>45406</v>
      </c>
      <c r="F4775" s="14" t="s">
        <v>15</v>
      </c>
      <c r="G4775" s="16">
        <v>0</v>
      </c>
    </row>
    <row r="4776" spans="1:7" x14ac:dyDescent="0.3">
      <c r="A4776" s="13" t="s">
        <v>48</v>
      </c>
      <c r="B4776" s="14" t="s">
        <v>1</v>
      </c>
      <c r="C4776" s="14" t="s">
        <v>17</v>
      </c>
      <c r="D4776" s="14" t="s">
        <v>49</v>
      </c>
      <c r="E4776" s="15">
        <v>45407</v>
      </c>
      <c r="F4776" s="14" t="s">
        <v>15</v>
      </c>
      <c r="G4776" s="16">
        <v>0</v>
      </c>
    </row>
    <row r="4777" spans="1:7" x14ac:dyDescent="0.3">
      <c r="A4777" s="13" t="s">
        <v>48</v>
      </c>
      <c r="B4777" s="14" t="s">
        <v>1</v>
      </c>
      <c r="C4777" s="14" t="s">
        <v>17</v>
      </c>
      <c r="D4777" s="14" t="s">
        <v>49</v>
      </c>
      <c r="E4777" s="15">
        <v>45408</v>
      </c>
      <c r="F4777" s="14" t="s">
        <v>15</v>
      </c>
      <c r="G4777" s="16">
        <v>0</v>
      </c>
    </row>
    <row r="4778" spans="1:7" x14ac:dyDescent="0.3">
      <c r="A4778" s="13" t="s">
        <v>48</v>
      </c>
      <c r="B4778" s="14" t="s">
        <v>1</v>
      </c>
      <c r="C4778" s="14" t="s">
        <v>17</v>
      </c>
      <c r="D4778" s="14" t="s">
        <v>49</v>
      </c>
      <c r="E4778" s="15">
        <v>45409</v>
      </c>
      <c r="F4778" s="14" t="s">
        <v>15</v>
      </c>
      <c r="G4778" s="16">
        <v>0</v>
      </c>
    </row>
    <row r="4779" spans="1:7" x14ac:dyDescent="0.3">
      <c r="A4779" s="13" t="s">
        <v>48</v>
      </c>
      <c r="B4779" s="14" t="s">
        <v>1</v>
      </c>
      <c r="C4779" s="14" t="s">
        <v>17</v>
      </c>
      <c r="D4779" s="14" t="s">
        <v>49</v>
      </c>
      <c r="E4779" s="15">
        <v>45410</v>
      </c>
      <c r="F4779" s="14" t="s">
        <v>15</v>
      </c>
      <c r="G4779" s="16">
        <v>0</v>
      </c>
    </row>
    <row r="4780" spans="1:7" x14ac:dyDescent="0.3">
      <c r="A4780" s="13" t="s">
        <v>48</v>
      </c>
      <c r="B4780" s="14" t="s">
        <v>1</v>
      </c>
      <c r="C4780" s="14" t="s">
        <v>17</v>
      </c>
      <c r="D4780" s="14" t="s">
        <v>49</v>
      </c>
      <c r="E4780" s="15">
        <v>45411</v>
      </c>
      <c r="F4780" s="14" t="s">
        <v>15</v>
      </c>
      <c r="G4780" s="16">
        <v>0</v>
      </c>
    </row>
    <row r="4781" spans="1:7" x14ac:dyDescent="0.3">
      <c r="A4781" s="13" t="s">
        <v>48</v>
      </c>
      <c r="B4781" s="14" t="s">
        <v>1</v>
      </c>
      <c r="C4781" s="14" t="s">
        <v>17</v>
      </c>
      <c r="D4781" s="14" t="s">
        <v>49</v>
      </c>
      <c r="E4781" s="15">
        <v>45412</v>
      </c>
      <c r="F4781" s="14" t="s">
        <v>15</v>
      </c>
      <c r="G4781" s="16">
        <v>0</v>
      </c>
    </row>
    <row r="4782" spans="1:7" x14ac:dyDescent="0.3">
      <c r="A4782" s="13" t="s">
        <v>48</v>
      </c>
      <c r="B4782" s="14" t="s">
        <v>1</v>
      </c>
      <c r="C4782" s="14" t="s">
        <v>17</v>
      </c>
      <c r="D4782" s="14" t="s">
        <v>49</v>
      </c>
      <c r="E4782" s="15">
        <v>45413</v>
      </c>
      <c r="F4782" s="14" t="s">
        <v>15</v>
      </c>
      <c r="G4782" s="16">
        <v>0</v>
      </c>
    </row>
    <row r="4783" spans="1:7" x14ac:dyDescent="0.3">
      <c r="A4783" s="13" t="s">
        <v>48</v>
      </c>
      <c r="B4783" s="14" t="s">
        <v>1</v>
      </c>
      <c r="C4783" s="14" t="s">
        <v>17</v>
      </c>
      <c r="D4783" s="14" t="s">
        <v>49</v>
      </c>
      <c r="E4783" s="15">
        <v>45414</v>
      </c>
      <c r="F4783" s="14" t="s">
        <v>15</v>
      </c>
      <c r="G4783" s="16">
        <v>0</v>
      </c>
    </row>
    <row r="4784" spans="1:7" x14ac:dyDescent="0.3">
      <c r="A4784" s="13" t="s">
        <v>48</v>
      </c>
      <c r="B4784" s="14" t="s">
        <v>1</v>
      </c>
      <c r="C4784" s="14" t="s">
        <v>17</v>
      </c>
      <c r="D4784" s="14" t="s">
        <v>49</v>
      </c>
      <c r="E4784" s="15">
        <v>45415</v>
      </c>
      <c r="F4784" s="14" t="s">
        <v>15</v>
      </c>
      <c r="G4784" s="16">
        <v>0</v>
      </c>
    </row>
    <row r="4785" spans="1:7" x14ac:dyDescent="0.3">
      <c r="A4785" s="13" t="s">
        <v>48</v>
      </c>
      <c r="B4785" s="14" t="s">
        <v>1</v>
      </c>
      <c r="C4785" s="14" t="s">
        <v>17</v>
      </c>
      <c r="D4785" s="14" t="s">
        <v>49</v>
      </c>
      <c r="E4785" s="15">
        <v>45416</v>
      </c>
      <c r="F4785" s="14" t="s">
        <v>15</v>
      </c>
      <c r="G4785" s="16">
        <v>0</v>
      </c>
    </row>
    <row r="4786" spans="1:7" x14ac:dyDescent="0.3">
      <c r="A4786" s="13" t="s">
        <v>48</v>
      </c>
      <c r="B4786" s="14" t="s">
        <v>1</v>
      </c>
      <c r="C4786" s="14" t="s">
        <v>17</v>
      </c>
      <c r="D4786" s="14" t="s">
        <v>49</v>
      </c>
      <c r="E4786" s="15">
        <v>45417</v>
      </c>
      <c r="F4786" s="14" t="s">
        <v>15</v>
      </c>
      <c r="G4786" s="16">
        <v>0</v>
      </c>
    </row>
    <row r="4787" spans="1:7" x14ac:dyDescent="0.3">
      <c r="A4787" s="13" t="s">
        <v>48</v>
      </c>
      <c r="B4787" s="14" t="s">
        <v>1</v>
      </c>
      <c r="C4787" s="14" t="s">
        <v>17</v>
      </c>
      <c r="D4787" s="14" t="s">
        <v>49</v>
      </c>
      <c r="E4787" s="15">
        <v>45418</v>
      </c>
      <c r="F4787" s="14" t="s">
        <v>15</v>
      </c>
      <c r="G4787" s="16">
        <v>0</v>
      </c>
    </row>
    <row r="4788" spans="1:7" x14ac:dyDescent="0.3">
      <c r="A4788" s="13" t="s">
        <v>48</v>
      </c>
      <c r="B4788" s="14" t="s">
        <v>1</v>
      </c>
      <c r="C4788" s="14" t="s">
        <v>17</v>
      </c>
      <c r="D4788" s="14" t="s">
        <v>49</v>
      </c>
      <c r="E4788" s="15">
        <v>45419</v>
      </c>
      <c r="F4788" s="14" t="s">
        <v>15</v>
      </c>
      <c r="G4788" s="16">
        <v>0</v>
      </c>
    </row>
    <row r="4789" spans="1:7" x14ac:dyDescent="0.3">
      <c r="A4789" s="13" t="s">
        <v>48</v>
      </c>
      <c r="B4789" s="14" t="s">
        <v>1</v>
      </c>
      <c r="C4789" s="14" t="s">
        <v>17</v>
      </c>
      <c r="D4789" s="14" t="s">
        <v>49</v>
      </c>
      <c r="E4789" s="15">
        <v>45420</v>
      </c>
      <c r="F4789" s="14" t="s">
        <v>15</v>
      </c>
      <c r="G4789" s="16">
        <v>0</v>
      </c>
    </row>
    <row r="4790" spans="1:7" x14ac:dyDescent="0.3">
      <c r="A4790" s="13" t="s">
        <v>48</v>
      </c>
      <c r="B4790" s="14" t="s">
        <v>1</v>
      </c>
      <c r="C4790" s="14" t="s">
        <v>17</v>
      </c>
      <c r="D4790" s="14" t="s">
        <v>49</v>
      </c>
      <c r="E4790" s="15">
        <v>45421</v>
      </c>
      <c r="F4790" s="14" t="s">
        <v>15</v>
      </c>
      <c r="G4790" s="16">
        <v>0</v>
      </c>
    </row>
    <row r="4791" spans="1:7" x14ac:dyDescent="0.3">
      <c r="A4791" s="13" t="s">
        <v>48</v>
      </c>
      <c r="B4791" s="14" t="s">
        <v>1</v>
      </c>
      <c r="C4791" s="14" t="s">
        <v>17</v>
      </c>
      <c r="D4791" s="14" t="s">
        <v>49</v>
      </c>
      <c r="E4791" s="15">
        <v>45422</v>
      </c>
      <c r="F4791" s="14" t="s">
        <v>15</v>
      </c>
      <c r="G4791" s="16">
        <v>0</v>
      </c>
    </row>
    <row r="4792" spans="1:7" x14ac:dyDescent="0.3">
      <c r="A4792" s="13" t="s">
        <v>48</v>
      </c>
      <c r="B4792" s="14" t="s">
        <v>1</v>
      </c>
      <c r="C4792" s="14" t="s">
        <v>17</v>
      </c>
      <c r="D4792" s="14" t="s">
        <v>49</v>
      </c>
      <c r="E4792" s="15">
        <v>45423</v>
      </c>
      <c r="F4792" s="14" t="s">
        <v>15</v>
      </c>
      <c r="G4792" s="16">
        <v>0</v>
      </c>
    </row>
    <row r="4793" spans="1:7" x14ac:dyDescent="0.3">
      <c r="A4793" s="13" t="s">
        <v>48</v>
      </c>
      <c r="B4793" s="14" t="s">
        <v>1</v>
      </c>
      <c r="C4793" s="14" t="s">
        <v>17</v>
      </c>
      <c r="D4793" s="14" t="s">
        <v>49</v>
      </c>
      <c r="E4793" s="15">
        <v>45424</v>
      </c>
      <c r="F4793" s="14" t="s">
        <v>15</v>
      </c>
      <c r="G4793" s="16">
        <v>0</v>
      </c>
    </row>
    <row r="4794" spans="1:7" x14ac:dyDescent="0.3">
      <c r="A4794" s="13" t="s">
        <v>48</v>
      </c>
      <c r="B4794" s="14" t="s">
        <v>1</v>
      </c>
      <c r="C4794" s="14" t="s">
        <v>17</v>
      </c>
      <c r="D4794" s="14" t="s">
        <v>49</v>
      </c>
      <c r="E4794" s="15">
        <v>45425</v>
      </c>
      <c r="F4794" s="14" t="s">
        <v>15</v>
      </c>
      <c r="G4794" s="16">
        <v>0</v>
      </c>
    </row>
    <row r="4795" spans="1:7" x14ac:dyDescent="0.3">
      <c r="A4795" s="13" t="s">
        <v>48</v>
      </c>
      <c r="B4795" s="14" t="s">
        <v>1</v>
      </c>
      <c r="C4795" s="14" t="s">
        <v>17</v>
      </c>
      <c r="D4795" s="14" t="s">
        <v>49</v>
      </c>
      <c r="E4795" s="15">
        <v>45426</v>
      </c>
      <c r="F4795" s="14" t="s">
        <v>15</v>
      </c>
      <c r="G4795" s="16">
        <v>0</v>
      </c>
    </row>
    <row r="4796" spans="1:7" x14ac:dyDescent="0.3">
      <c r="A4796" s="13" t="s">
        <v>48</v>
      </c>
      <c r="B4796" s="14" t="s">
        <v>1</v>
      </c>
      <c r="C4796" s="14" t="s">
        <v>17</v>
      </c>
      <c r="D4796" s="14" t="s">
        <v>49</v>
      </c>
      <c r="E4796" s="15">
        <v>45427</v>
      </c>
      <c r="F4796" s="14" t="s">
        <v>15</v>
      </c>
      <c r="G4796" s="16">
        <v>0</v>
      </c>
    </row>
    <row r="4797" spans="1:7" x14ac:dyDescent="0.3">
      <c r="A4797" s="13" t="s">
        <v>48</v>
      </c>
      <c r="B4797" s="14" t="s">
        <v>1</v>
      </c>
      <c r="C4797" s="14" t="s">
        <v>17</v>
      </c>
      <c r="D4797" s="14" t="s">
        <v>49</v>
      </c>
      <c r="E4797" s="15">
        <v>45428</v>
      </c>
      <c r="F4797" s="14" t="s">
        <v>15</v>
      </c>
      <c r="G4797" s="16">
        <v>0</v>
      </c>
    </row>
    <row r="4798" spans="1:7" x14ac:dyDescent="0.3">
      <c r="A4798" s="13" t="s">
        <v>48</v>
      </c>
      <c r="B4798" s="14" t="s">
        <v>1</v>
      </c>
      <c r="C4798" s="14" t="s">
        <v>17</v>
      </c>
      <c r="D4798" s="14" t="s">
        <v>49</v>
      </c>
      <c r="E4798" s="15">
        <v>45429</v>
      </c>
      <c r="F4798" s="14" t="s">
        <v>15</v>
      </c>
      <c r="G4798" s="16">
        <v>0</v>
      </c>
    </row>
    <row r="4799" spans="1:7" x14ac:dyDescent="0.3">
      <c r="A4799" s="13" t="s">
        <v>48</v>
      </c>
      <c r="B4799" s="14" t="s">
        <v>1</v>
      </c>
      <c r="C4799" s="14" t="s">
        <v>17</v>
      </c>
      <c r="D4799" s="14" t="s">
        <v>49</v>
      </c>
      <c r="E4799" s="15">
        <v>45430</v>
      </c>
      <c r="F4799" s="14" t="s">
        <v>15</v>
      </c>
      <c r="G4799" s="16">
        <v>0</v>
      </c>
    </row>
    <row r="4800" spans="1:7" x14ac:dyDescent="0.3">
      <c r="A4800" s="13" t="s">
        <v>48</v>
      </c>
      <c r="B4800" s="14" t="s">
        <v>1</v>
      </c>
      <c r="C4800" s="14" t="s">
        <v>17</v>
      </c>
      <c r="D4800" s="14" t="s">
        <v>49</v>
      </c>
      <c r="E4800" s="15">
        <v>45431</v>
      </c>
      <c r="F4800" s="14" t="s">
        <v>15</v>
      </c>
      <c r="G4800" s="16">
        <v>0</v>
      </c>
    </row>
    <row r="4801" spans="1:7" x14ac:dyDescent="0.3">
      <c r="A4801" s="13" t="s">
        <v>48</v>
      </c>
      <c r="B4801" s="14" t="s">
        <v>1</v>
      </c>
      <c r="C4801" s="14" t="s">
        <v>17</v>
      </c>
      <c r="D4801" s="14" t="s">
        <v>49</v>
      </c>
      <c r="E4801" s="15">
        <v>45432</v>
      </c>
      <c r="F4801" s="14" t="s">
        <v>15</v>
      </c>
      <c r="G4801" s="16">
        <v>0</v>
      </c>
    </row>
    <row r="4802" spans="1:7" x14ac:dyDescent="0.3">
      <c r="A4802" s="13" t="s">
        <v>48</v>
      </c>
      <c r="B4802" s="14" t="s">
        <v>1</v>
      </c>
      <c r="C4802" s="14" t="s">
        <v>17</v>
      </c>
      <c r="D4802" s="14" t="s">
        <v>49</v>
      </c>
      <c r="E4802" s="15">
        <v>45433</v>
      </c>
      <c r="F4802" s="14" t="s">
        <v>15</v>
      </c>
      <c r="G4802" s="16">
        <v>0</v>
      </c>
    </row>
    <row r="4803" spans="1:7" x14ac:dyDescent="0.3">
      <c r="A4803" s="13" t="s">
        <v>48</v>
      </c>
      <c r="B4803" s="14" t="s">
        <v>1</v>
      </c>
      <c r="C4803" s="14" t="s">
        <v>17</v>
      </c>
      <c r="D4803" s="14" t="s">
        <v>49</v>
      </c>
      <c r="E4803" s="15">
        <v>45434</v>
      </c>
      <c r="F4803" s="14" t="s">
        <v>15</v>
      </c>
      <c r="G4803" s="16">
        <v>0</v>
      </c>
    </row>
    <row r="4804" spans="1:7" x14ac:dyDescent="0.3">
      <c r="A4804" s="13" t="s">
        <v>48</v>
      </c>
      <c r="B4804" s="14" t="s">
        <v>1</v>
      </c>
      <c r="C4804" s="14" t="s">
        <v>17</v>
      </c>
      <c r="D4804" s="14" t="s">
        <v>49</v>
      </c>
      <c r="E4804" s="15">
        <v>45435</v>
      </c>
      <c r="F4804" s="14" t="s">
        <v>15</v>
      </c>
      <c r="G4804" s="16">
        <v>0</v>
      </c>
    </row>
    <row r="4805" spans="1:7" x14ac:dyDescent="0.3">
      <c r="A4805" s="13" t="s">
        <v>48</v>
      </c>
      <c r="B4805" s="14" t="s">
        <v>1</v>
      </c>
      <c r="C4805" s="14" t="s">
        <v>17</v>
      </c>
      <c r="D4805" s="14" t="s">
        <v>49</v>
      </c>
      <c r="E4805" s="15">
        <v>45436</v>
      </c>
      <c r="F4805" s="14" t="s">
        <v>15</v>
      </c>
      <c r="G4805" s="16">
        <v>0</v>
      </c>
    </row>
    <row r="4806" spans="1:7" x14ac:dyDescent="0.3">
      <c r="A4806" s="13" t="s">
        <v>48</v>
      </c>
      <c r="B4806" s="14" t="s">
        <v>1</v>
      </c>
      <c r="C4806" s="14" t="s">
        <v>17</v>
      </c>
      <c r="D4806" s="14" t="s">
        <v>49</v>
      </c>
      <c r="E4806" s="15">
        <v>45437</v>
      </c>
      <c r="F4806" s="14" t="s">
        <v>15</v>
      </c>
      <c r="G4806" s="16">
        <v>0</v>
      </c>
    </row>
    <row r="4807" spans="1:7" x14ac:dyDescent="0.3">
      <c r="A4807" s="13" t="s">
        <v>48</v>
      </c>
      <c r="B4807" s="14" t="s">
        <v>1</v>
      </c>
      <c r="C4807" s="14" t="s">
        <v>17</v>
      </c>
      <c r="D4807" s="14" t="s">
        <v>49</v>
      </c>
      <c r="E4807" s="15">
        <v>45438</v>
      </c>
      <c r="F4807" s="14" t="s">
        <v>15</v>
      </c>
      <c r="G4807" s="16">
        <v>0</v>
      </c>
    </row>
    <row r="4808" spans="1:7" x14ac:dyDescent="0.3">
      <c r="A4808" s="13" t="s">
        <v>48</v>
      </c>
      <c r="B4808" s="14" t="s">
        <v>1</v>
      </c>
      <c r="C4808" s="14" t="s">
        <v>17</v>
      </c>
      <c r="D4808" s="14" t="s">
        <v>49</v>
      </c>
      <c r="E4808" s="15">
        <v>45439</v>
      </c>
      <c r="F4808" s="14" t="s">
        <v>15</v>
      </c>
      <c r="G4808" s="16">
        <v>0</v>
      </c>
    </row>
    <row r="4809" spans="1:7" x14ac:dyDescent="0.3">
      <c r="A4809" s="13" t="s">
        <v>48</v>
      </c>
      <c r="B4809" s="14" t="s">
        <v>1</v>
      </c>
      <c r="C4809" s="14" t="s">
        <v>17</v>
      </c>
      <c r="D4809" s="14" t="s">
        <v>49</v>
      </c>
      <c r="E4809" s="15">
        <v>45440</v>
      </c>
      <c r="F4809" s="14" t="s">
        <v>15</v>
      </c>
      <c r="G4809" s="16">
        <v>0</v>
      </c>
    </row>
    <row r="4810" spans="1:7" x14ac:dyDescent="0.3">
      <c r="A4810" s="13" t="s">
        <v>48</v>
      </c>
      <c r="B4810" s="14" t="s">
        <v>1</v>
      </c>
      <c r="C4810" s="14" t="s">
        <v>17</v>
      </c>
      <c r="D4810" s="14" t="s">
        <v>49</v>
      </c>
      <c r="E4810" s="15">
        <v>45441</v>
      </c>
      <c r="F4810" s="14" t="s">
        <v>15</v>
      </c>
      <c r="G4810" s="16">
        <v>0</v>
      </c>
    </row>
    <row r="4811" spans="1:7" x14ac:dyDescent="0.3">
      <c r="A4811" s="13" t="s">
        <v>48</v>
      </c>
      <c r="B4811" s="14" t="s">
        <v>1</v>
      </c>
      <c r="C4811" s="14" t="s">
        <v>17</v>
      </c>
      <c r="D4811" s="14" t="s">
        <v>49</v>
      </c>
      <c r="E4811" s="15">
        <v>45442</v>
      </c>
      <c r="F4811" s="14" t="s">
        <v>15</v>
      </c>
      <c r="G4811" s="16">
        <v>0</v>
      </c>
    </row>
    <row r="4812" spans="1:7" x14ac:dyDescent="0.3">
      <c r="A4812" s="13" t="s">
        <v>48</v>
      </c>
      <c r="B4812" s="14" t="s">
        <v>1</v>
      </c>
      <c r="C4812" s="14" t="s">
        <v>17</v>
      </c>
      <c r="D4812" s="14" t="s">
        <v>49</v>
      </c>
      <c r="E4812" s="15">
        <v>45443</v>
      </c>
      <c r="F4812" s="14" t="s">
        <v>15</v>
      </c>
      <c r="G4812" s="16">
        <v>0</v>
      </c>
    </row>
    <row r="4813" spans="1:7" x14ac:dyDescent="0.3">
      <c r="A4813" s="13" t="s">
        <v>48</v>
      </c>
      <c r="B4813" s="14" t="s">
        <v>1</v>
      </c>
      <c r="C4813" s="14" t="s">
        <v>17</v>
      </c>
      <c r="D4813" s="14" t="s">
        <v>49</v>
      </c>
      <c r="E4813" s="15">
        <v>45444</v>
      </c>
      <c r="F4813" s="14" t="s">
        <v>15</v>
      </c>
      <c r="G4813" s="16">
        <v>0</v>
      </c>
    </row>
    <row r="4814" spans="1:7" x14ac:dyDescent="0.3">
      <c r="A4814" s="13" t="s">
        <v>48</v>
      </c>
      <c r="B4814" s="14" t="s">
        <v>1</v>
      </c>
      <c r="C4814" s="14" t="s">
        <v>17</v>
      </c>
      <c r="D4814" s="14" t="s">
        <v>49</v>
      </c>
      <c r="E4814" s="15">
        <v>45445</v>
      </c>
      <c r="F4814" s="14" t="s">
        <v>15</v>
      </c>
      <c r="G4814" s="16">
        <v>0</v>
      </c>
    </row>
    <row r="4815" spans="1:7" x14ac:dyDescent="0.3">
      <c r="A4815" s="13" t="s">
        <v>48</v>
      </c>
      <c r="B4815" s="14" t="s">
        <v>1</v>
      </c>
      <c r="C4815" s="14" t="s">
        <v>17</v>
      </c>
      <c r="D4815" s="14" t="s">
        <v>49</v>
      </c>
      <c r="E4815" s="15">
        <v>45446</v>
      </c>
      <c r="F4815" s="14" t="s">
        <v>15</v>
      </c>
      <c r="G4815" s="16">
        <v>0</v>
      </c>
    </row>
    <row r="4816" spans="1:7" x14ac:dyDescent="0.3">
      <c r="A4816" s="13" t="s">
        <v>48</v>
      </c>
      <c r="B4816" s="14" t="s">
        <v>1</v>
      </c>
      <c r="C4816" s="14" t="s">
        <v>17</v>
      </c>
      <c r="D4816" s="14" t="s">
        <v>49</v>
      </c>
      <c r="E4816" s="15">
        <v>45447</v>
      </c>
      <c r="F4816" s="14" t="s">
        <v>15</v>
      </c>
      <c r="G4816" s="16">
        <v>0</v>
      </c>
    </row>
    <row r="4817" spans="1:7" x14ac:dyDescent="0.3">
      <c r="A4817" s="13" t="s">
        <v>48</v>
      </c>
      <c r="B4817" s="14" t="s">
        <v>1</v>
      </c>
      <c r="C4817" s="14" t="s">
        <v>17</v>
      </c>
      <c r="D4817" s="14" t="s">
        <v>49</v>
      </c>
      <c r="E4817" s="15">
        <v>45448</v>
      </c>
      <c r="F4817" s="14" t="s">
        <v>15</v>
      </c>
      <c r="G4817" s="16">
        <v>0</v>
      </c>
    </row>
    <row r="4818" spans="1:7" x14ac:dyDescent="0.3">
      <c r="A4818" s="13" t="s">
        <v>48</v>
      </c>
      <c r="B4818" s="14" t="s">
        <v>1</v>
      </c>
      <c r="C4818" s="14" t="s">
        <v>17</v>
      </c>
      <c r="D4818" s="14" t="s">
        <v>49</v>
      </c>
      <c r="E4818" s="15">
        <v>45449</v>
      </c>
      <c r="F4818" s="14" t="s">
        <v>15</v>
      </c>
      <c r="G4818" s="16">
        <v>0</v>
      </c>
    </row>
    <row r="4819" spans="1:7" x14ac:dyDescent="0.3">
      <c r="A4819" s="13" t="s">
        <v>48</v>
      </c>
      <c r="B4819" s="14" t="s">
        <v>1</v>
      </c>
      <c r="C4819" s="14" t="s">
        <v>17</v>
      </c>
      <c r="D4819" s="14" t="s">
        <v>49</v>
      </c>
      <c r="E4819" s="15">
        <v>45450</v>
      </c>
      <c r="F4819" s="14" t="s">
        <v>15</v>
      </c>
      <c r="G4819" s="16">
        <v>0</v>
      </c>
    </row>
    <row r="4820" spans="1:7" x14ac:dyDescent="0.3">
      <c r="A4820" s="13" t="s">
        <v>48</v>
      </c>
      <c r="B4820" s="14" t="s">
        <v>1</v>
      </c>
      <c r="C4820" s="14" t="s">
        <v>17</v>
      </c>
      <c r="D4820" s="14" t="s">
        <v>49</v>
      </c>
      <c r="E4820" s="15">
        <v>45451</v>
      </c>
      <c r="F4820" s="14" t="s">
        <v>15</v>
      </c>
      <c r="G4820" s="16">
        <v>0</v>
      </c>
    </row>
    <row r="4821" spans="1:7" x14ac:dyDescent="0.3">
      <c r="A4821" s="13" t="s">
        <v>48</v>
      </c>
      <c r="B4821" s="14" t="s">
        <v>1</v>
      </c>
      <c r="C4821" s="14" t="s">
        <v>17</v>
      </c>
      <c r="D4821" s="14" t="s">
        <v>49</v>
      </c>
      <c r="E4821" s="15">
        <v>45452</v>
      </c>
      <c r="F4821" s="14" t="s">
        <v>15</v>
      </c>
      <c r="G4821" s="16">
        <v>0</v>
      </c>
    </row>
    <row r="4822" spans="1:7" x14ac:dyDescent="0.3">
      <c r="A4822" s="13" t="s">
        <v>48</v>
      </c>
      <c r="B4822" s="14" t="s">
        <v>1</v>
      </c>
      <c r="C4822" s="14" t="s">
        <v>17</v>
      </c>
      <c r="D4822" s="14" t="s">
        <v>49</v>
      </c>
      <c r="E4822" s="15">
        <v>45453</v>
      </c>
      <c r="F4822" s="14" t="s">
        <v>15</v>
      </c>
      <c r="G4822" s="16">
        <v>0</v>
      </c>
    </row>
    <row r="4823" spans="1:7" x14ac:dyDescent="0.3">
      <c r="A4823" s="13" t="s">
        <v>48</v>
      </c>
      <c r="B4823" s="14" t="s">
        <v>1</v>
      </c>
      <c r="C4823" s="14" t="s">
        <v>17</v>
      </c>
      <c r="D4823" s="14" t="s">
        <v>49</v>
      </c>
      <c r="E4823" s="15">
        <v>45454</v>
      </c>
      <c r="F4823" s="14" t="s">
        <v>15</v>
      </c>
      <c r="G4823" s="16">
        <v>0</v>
      </c>
    </row>
    <row r="4824" spans="1:7" x14ac:dyDescent="0.3">
      <c r="A4824" s="13" t="s">
        <v>48</v>
      </c>
      <c r="B4824" s="14" t="s">
        <v>1</v>
      </c>
      <c r="C4824" s="14" t="s">
        <v>17</v>
      </c>
      <c r="D4824" s="14" t="s">
        <v>49</v>
      </c>
      <c r="E4824" s="15">
        <v>45455</v>
      </c>
      <c r="F4824" s="14" t="s">
        <v>15</v>
      </c>
      <c r="G4824" s="16">
        <v>0</v>
      </c>
    </row>
    <row r="4825" spans="1:7" x14ac:dyDescent="0.3">
      <c r="A4825" s="13" t="s">
        <v>48</v>
      </c>
      <c r="B4825" s="14" t="s">
        <v>1</v>
      </c>
      <c r="C4825" s="14" t="s">
        <v>17</v>
      </c>
      <c r="D4825" s="14" t="s">
        <v>49</v>
      </c>
      <c r="E4825" s="15">
        <v>45456</v>
      </c>
      <c r="F4825" s="14" t="s">
        <v>15</v>
      </c>
      <c r="G4825" s="16">
        <v>0</v>
      </c>
    </row>
    <row r="4826" spans="1:7" x14ac:dyDescent="0.3">
      <c r="A4826" s="13" t="s">
        <v>48</v>
      </c>
      <c r="B4826" s="14" t="s">
        <v>1</v>
      </c>
      <c r="C4826" s="14" t="s">
        <v>17</v>
      </c>
      <c r="D4826" s="14" t="s">
        <v>49</v>
      </c>
      <c r="E4826" s="15">
        <v>45457</v>
      </c>
      <c r="F4826" s="14" t="s">
        <v>15</v>
      </c>
      <c r="G4826" s="16">
        <v>0</v>
      </c>
    </row>
    <row r="4827" spans="1:7" x14ac:dyDescent="0.3">
      <c r="A4827" s="13" t="s">
        <v>48</v>
      </c>
      <c r="B4827" s="14" t="s">
        <v>1</v>
      </c>
      <c r="C4827" s="14" t="s">
        <v>17</v>
      </c>
      <c r="D4827" s="14" t="s">
        <v>49</v>
      </c>
      <c r="E4827" s="15">
        <v>45458</v>
      </c>
      <c r="F4827" s="14" t="s">
        <v>15</v>
      </c>
      <c r="G4827" s="16">
        <v>0</v>
      </c>
    </row>
    <row r="4828" spans="1:7" x14ac:dyDescent="0.3">
      <c r="A4828" s="13" t="s">
        <v>48</v>
      </c>
      <c r="B4828" s="14" t="s">
        <v>1</v>
      </c>
      <c r="C4828" s="14" t="s">
        <v>17</v>
      </c>
      <c r="D4828" s="14" t="s">
        <v>49</v>
      </c>
      <c r="E4828" s="15">
        <v>45459</v>
      </c>
      <c r="F4828" s="14" t="s">
        <v>15</v>
      </c>
      <c r="G4828" s="16">
        <v>0</v>
      </c>
    </row>
    <row r="4829" spans="1:7" x14ac:dyDescent="0.3">
      <c r="A4829" s="13" t="s">
        <v>48</v>
      </c>
      <c r="B4829" s="14" t="s">
        <v>1</v>
      </c>
      <c r="C4829" s="14" t="s">
        <v>17</v>
      </c>
      <c r="D4829" s="14" t="s">
        <v>49</v>
      </c>
      <c r="E4829" s="15">
        <v>45460</v>
      </c>
      <c r="F4829" s="14" t="s">
        <v>15</v>
      </c>
      <c r="G4829" s="16">
        <v>0</v>
      </c>
    </row>
    <row r="4830" spans="1:7" x14ac:dyDescent="0.3">
      <c r="A4830" s="13" t="s">
        <v>48</v>
      </c>
      <c r="B4830" s="14" t="s">
        <v>1</v>
      </c>
      <c r="C4830" s="14" t="s">
        <v>17</v>
      </c>
      <c r="D4830" s="14" t="s">
        <v>49</v>
      </c>
      <c r="E4830" s="15">
        <v>45461</v>
      </c>
      <c r="F4830" s="14" t="s">
        <v>15</v>
      </c>
      <c r="G4830" s="16">
        <v>0</v>
      </c>
    </row>
    <row r="4831" spans="1:7" x14ac:dyDescent="0.3">
      <c r="A4831" s="13" t="s">
        <v>48</v>
      </c>
      <c r="B4831" s="14" t="s">
        <v>1</v>
      </c>
      <c r="C4831" s="14" t="s">
        <v>17</v>
      </c>
      <c r="D4831" s="14" t="s">
        <v>49</v>
      </c>
      <c r="E4831" s="15">
        <v>45462</v>
      </c>
      <c r="F4831" s="14" t="s">
        <v>15</v>
      </c>
      <c r="G4831" s="16">
        <v>0</v>
      </c>
    </row>
    <row r="4832" spans="1:7" x14ac:dyDescent="0.3">
      <c r="A4832" s="13" t="s">
        <v>48</v>
      </c>
      <c r="B4832" s="14" t="s">
        <v>1</v>
      </c>
      <c r="C4832" s="14" t="s">
        <v>17</v>
      </c>
      <c r="D4832" s="14" t="s">
        <v>49</v>
      </c>
      <c r="E4832" s="15">
        <v>45463</v>
      </c>
      <c r="F4832" s="14" t="s">
        <v>15</v>
      </c>
      <c r="G4832" s="16">
        <v>0</v>
      </c>
    </row>
    <row r="4833" spans="1:7" x14ac:dyDescent="0.3">
      <c r="A4833" s="13" t="s">
        <v>48</v>
      </c>
      <c r="B4833" s="14" t="s">
        <v>1</v>
      </c>
      <c r="C4833" s="14" t="s">
        <v>17</v>
      </c>
      <c r="D4833" s="14" t="s">
        <v>49</v>
      </c>
      <c r="E4833" s="15">
        <v>45464</v>
      </c>
      <c r="F4833" s="14" t="s">
        <v>15</v>
      </c>
      <c r="G4833" s="16">
        <v>0</v>
      </c>
    </row>
    <row r="4834" spans="1:7" x14ac:dyDescent="0.3">
      <c r="A4834" s="13" t="s">
        <v>48</v>
      </c>
      <c r="B4834" s="14" t="s">
        <v>1</v>
      </c>
      <c r="C4834" s="14" t="s">
        <v>17</v>
      </c>
      <c r="D4834" s="14" t="s">
        <v>49</v>
      </c>
      <c r="E4834" s="15">
        <v>45465</v>
      </c>
      <c r="F4834" s="14" t="s">
        <v>15</v>
      </c>
      <c r="G4834" s="16">
        <v>0</v>
      </c>
    </row>
    <row r="4835" spans="1:7" x14ac:dyDescent="0.3">
      <c r="A4835" s="13" t="s">
        <v>48</v>
      </c>
      <c r="B4835" s="14" t="s">
        <v>1</v>
      </c>
      <c r="C4835" s="14" t="s">
        <v>17</v>
      </c>
      <c r="D4835" s="14" t="s">
        <v>49</v>
      </c>
      <c r="E4835" s="15">
        <v>45466</v>
      </c>
      <c r="F4835" s="14" t="s">
        <v>15</v>
      </c>
      <c r="G4835" s="16">
        <v>0</v>
      </c>
    </row>
    <row r="4836" spans="1:7" x14ac:dyDescent="0.3">
      <c r="A4836" s="13" t="s">
        <v>48</v>
      </c>
      <c r="B4836" s="14" t="s">
        <v>1</v>
      </c>
      <c r="C4836" s="14" t="s">
        <v>17</v>
      </c>
      <c r="D4836" s="14" t="s">
        <v>49</v>
      </c>
      <c r="E4836" s="15">
        <v>45467</v>
      </c>
      <c r="F4836" s="14" t="s">
        <v>15</v>
      </c>
      <c r="G4836" s="16">
        <v>0</v>
      </c>
    </row>
    <row r="4837" spans="1:7" x14ac:dyDescent="0.3">
      <c r="A4837" s="13" t="s">
        <v>48</v>
      </c>
      <c r="B4837" s="14" t="s">
        <v>1</v>
      </c>
      <c r="C4837" s="14" t="s">
        <v>17</v>
      </c>
      <c r="D4837" s="14" t="s">
        <v>49</v>
      </c>
      <c r="E4837" s="15">
        <v>45468</v>
      </c>
      <c r="F4837" s="14" t="s">
        <v>15</v>
      </c>
      <c r="G4837" s="16">
        <v>0</v>
      </c>
    </row>
    <row r="4838" spans="1:7" x14ac:dyDescent="0.3">
      <c r="A4838" s="13" t="s">
        <v>48</v>
      </c>
      <c r="B4838" s="14" t="s">
        <v>1</v>
      </c>
      <c r="C4838" s="14" t="s">
        <v>17</v>
      </c>
      <c r="D4838" s="14" t="s">
        <v>49</v>
      </c>
      <c r="E4838" s="15">
        <v>45469</v>
      </c>
      <c r="F4838" s="14" t="s">
        <v>15</v>
      </c>
      <c r="G4838" s="16">
        <v>0</v>
      </c>
    </row>
    <row r="4839" spans="1:7" x14ac:dyDescent="0.3">
      <c r="A4839" s="13" t="s">
        <v>48</v>
      </c>
      <c r="B4839" s="14" t="s">
        <v>1</v>
      </c>
      <c r="C4839" s="14" t="s">
        <v>17</v>
      </c>
      <c r="D4839" s="14" t="s">
        <v>49</v>
      </c>
      <c r="E4839" s="15">
        <v>45470</v>
      </c>
      <c r="F4839" s="14" t="s">
        <v>15</v>
      </c>
      <c r="G4839" s="16">
        <v>0</v>
      </c>
    </row>
    <row r="4840" spans="1:7" x14ac:dyDescent="0.3">
      <c r="A4840" s="13" t="s">
        <v>48</v>
      </c>
      <c r="B4840" s="14" t="s">
        <v>1</v>
      </c>
      <c r="C4840" s="14" t="s">
        <v>17</v>
      </c>
      <c r="D4840" s="14" t="s">
        <v>49</v>
      </c>
      <c r="E4840" s="15">
        <v>45471</v>
      </c>
      <c r="F4840" s="14" t="s">
        <v>15</v>
      </c>
      <c r="G4840" s="16">
        <v>0</v>
      </c>
    </row>
    <row r="4841" spans="1:7" x14ac:dyDescent="0.3">
      <c r="A4841" s="13" t="s">
        <v>48</v>
      </c>
      <c r="B4841" s="14" t="s">
        <v>1</v>
      </c>
      <c r="C4841" s="14" t="s">
        <v>17</v>
      </c>
      <c r="D4841" s="14" t="s">
        <v>49</v>
      </c>
      <c r="E4841" s="15">
        <v>45472</v>
      </c>
      <c r="F4841" s="14" t="s">
        <v>15</v>
      </c>
      <c r="G4841" s="16">
        <v>0</v>
      </c>
    </row>
    <row r="4842" spans="1:7" x14ac:dyDescent="0.3">
      <c r="A4842" s="13" t="s">
        <v>48</v>
      </c>
      <c r="B4842" s="14" t="s">
        <v>1</v>
      </c>
      <c r="C4842" s="14" t="s">
        <v>17</v>
      </c>
      <c r="D4842" s="14" t="s">
        <v>49</v>
      </c>
      <c r="E4842" s="15">
        <v>45473</v>
      </c>
      <c r="F4842" s="14" t="s">
        <v>15</v>
      </c>
      <c r="G4842" s="16">
        <v>0</v>
      </c>
    </row>
    <row r="4843" spans="1:7" x14ac:dyDescent="0.3">
      <c r="A4843" s="13" t="s">
        <v>48</v>
      </c>
      <c r="B4843" s="14" t="s">
        <v>1</v>
      </c>
      <c r="C4843" s="14" t="s">
        <v>17</v>
      </c>
      <c r="D4843" s="14" t="s">
        <v>49</v>
      </c>
      <c r="E4843" s="15">
        <v>45474</v>
      </c>
      <c r="F4843" s="14" t="s">
        <v>15</v>
      </c>
      <c r="G4843" s="16">
        <v>0</v>
      </c>
    </row>
    <row r="4844" spans="1:7" x14ac:dyDescent="0.3">
      <c r="A4844" s="13" t="s">
        <v>48</v>
      </c>
      <c r="B4844" s="14" t="s">
        <v>1</v>
      </c>
      <c r="C4844" s="14" t="s">
        <v>17</v>
      </c>
      <c r="D4844" s="14" t="s">
        <v>49</v>
      </c>
      <c r="E4844" s="15">
        <v>45475</v>
      </c>
      <c r="F4844" s="14" t="s">
        <v>15</v>
      </c>
      <c r="G4844" s="16">
        <v>0</v>
      </c>
    </row>
    <row r="4845" spans="1:7" x14ac:dyDescent="0.3">
      <c r="A4845" s="13" t="s">
        <v>48</v>
      </c>
      <c r="B4845" s="14" t="s">
        <v>1</v>
      </c>
      <c r="C4845" s="14" t="s">
        <v>17</v>
      </c>
      <c r="D4845" s="14" t="s">
        <v>49</v>
      </c>
      <c r="E4845" s="15">
        <v>45476</v>
      </c>
      <c r="F4845" s="14" t="s">
        <v>15</v>
      </c>
      <c r="G4845" s="16">
        <v>0</v>
      </c>
    </row>
    <row r="4846" spans="1:7" x14ac:dyDescent="0.3">
      <c r="A4846" s="13" t="s">
        <v>48</v>
      </c>
      <c r="B4846" s="14" t="s">
        <v>1</v>
      </c>
      <c r="C4846" s="14" t="s">
        <v>17</v>
      </c>
      <c r="D4846" s="14" t="s">
        <v>49</v>
      </c>
      <c r="E4846" s="15">
        <v>45477</v>
      </c>
      <c r="F4846" s="14" t="s">
        <v>15</v>
      </c>
      <c r="G4846" s="16">
        <v>0</v>
      </c>
    </row>
    <row r="4847" spans="1:7" x14ac:dyDescent="0.3">
      <c r="A4847" s="13" t="s">
        <v>48</v>
      </c>
      <c r="B4847" s="14" t="s">
        <v>1</v>
      </c>
      <c r="C4847" s="14" t="s">
        <v>17</v>
      </c>
      <c r="D4847" s="14" t="s">
        <v>49</v>
      </c>
      <c r="E4847" s="15">
        <v>45478</v>
      </c>
      <c r="F4847" s="14" t="s">
        <v>15</v>
      </c>
      <c r="G4847" s="16">
        <v>0</v>
      </c>
    </row>
    <row r="4848" spans="1:7" x14ac:dyDescent="0.3">
      <c r="A4848" s="13" t="s">
        <v>48</v>
      </c>
      <c r="B4848" s="14" t="s">
        <v>1</v>
      </c>
      <c r="C4848" s="14" t="s">
        <v>17</v>
      </c>
      <c r="D4848" s="14" t="s">
        <v>49</v>
      </c>
      <c r="E4848" s="15">
        <v>45479</v>
      </c>
      <c r="F4848" s="14" t="s">
        <v>15</v>
      </c>
      <c r="G4848" s="16">
        <v>0</v>
      </c>
    </row>
    <row r="4849" spans="1:7" x14ac:dyDescent="0.3">
      <c r="A4849" s="13" t="s">
        <v>48</v>
      </c>
      <c r="B4849" s="14" t="s">
        <v>1</v>
      </c>
      <c r="C4849" s="14" t="s">
        <v>17</v>
      </c>
      <c r="D4849" s="14" t="s">
        <v>49</v>
      </c>
      <c r="E4849" s="15">
        <v>45480</v>
      </c>
      <c r="F4849" s="14" t="s">
        <v>15</v>
      </c>
      <c r="G4849" s="16">
        <v>0</v>
      </c>
    </row>
    <row r="4850" spans="1:7" x14ac:dyDescent="0.3">
      <c r="A4850" s="13" t="s">
        <v>48</v>
      </c>
      <c r="B4850" s="14" t="s">
        <v>1</v>
      </c>
      <c r="C4850" s="14" t="s">
        <v>17</v>
      </c>
      <c r="D4850" s="14" t="s">
        <v>49</v>
      </c>
      <c r="E4850" s="15">
        <v>45481</v>
      </c>
      <c r="F4850" s="14" t="s">
        <v>15</v>
      </c>
      <c r="G4850" s="16">
        <v>0</v>
      </c>
    </row>
    <row r="4851" spans="1:7" x14ac:dyDescent="0.3">
      <c r="A4851" s="13" t="s">
        <v>48</v>
      </c>
      <c r="B4851" s="14" t="s">
        <v>1</v>
      </c>
      <c r="C4851" s="14" t="s">
        <v>17</v>
      </c>
      <c r="D4851" s="14" t="s">
        <v>49</v>
      </c>
      <c r="E4851" s="15">
        <v>45482</v>
      </c>
      <c r="F4851" s="14" t="s">
        <v>15</v>
      </c>
      <c r="G4851" s="16">
        <v>0</v>
      </c>
    </row>
    <row r="4852" spans="1:7" x14ac:dyDescent="0.3">
      <c r="A4852" s="13" t="s">
        <v>48</v>
      </c>
      <c r="B4852" s="14" t="s">
        <v>1</v>
      </c>
      <c r="C4852" s="14" t="s">
        <v>17</v>
      </c>
      <c r="D4852" s="14" t="s">
        <v>49</v>
      </c>
      <c r="E4852" s="15">
        <v>45483</v>
      </c>
      <c r="F4852" s="14" t="s">
        <v>15</v>
      </c>
      <c r="G4852" s="16">
        <v>0</v>
      </c>
    </row>
    <row r="4853" spans="1:7" x14ac:dyDescent="0.3">
      <c r="A4853" s="13" t="s">
        <v>48</v>
      </c>
      <c r="B4853" s="14" t="s">
        <v>1</v>
      </c>
      <c r="C4853" s="14" t="s">
        <v>17</v>
      </c>
      <c r="D4853" s="14" t="s">
        <v>49</v>
      </c>
      <c r="E4853" s="15">
        <v>45484</v>
      </c>
      <c r="F4853" s="14" t="s">
        <v>15</v>
      </c>
      <c r="G4853" s="16">
        <v>0</v>
      </c>
    </row>
    <row r="4854" spans="1:7" x14ac:dyDescent="0.3">
      <c r="A4854" s="13" t="s">
        <v>48</v>
      </c>
      <c r="B4854" s="14" t="s">
        <v>1</v>
      </c>
      <c r="C4854" s="14" t="s">
        <v>17</v>
      </c>
      <c r="D4854" s="14" t="s">
        <v>49</v>
      </c>
      <c r="E4854" s="15">
        <v>45485</v>
      </c>
      <c r="F4854" s="14" t="s">
        <v>15</v>
      </c>
      <c r="G4854" s="16">
        <v>0</v>
      </c>
    </row>
    <row r="4855" spans="1:7" x14ac:dyDescent="0.3">
      <c r="A4855" s="13" t="s">
        <v>48</v>
      </c>
      <c r="B4855" s="14" t="s">
        <v>1</v>
      </c>
      <c r="C4855" s="14" t="s">
        <v>17</v>
      </c>
      <c r="D4855" s="14" t="s">
        <v>49</v>
      </c>
      <c r="E4855" s="15">
        <v>45486</v>
      </c>
      <c r="F4855" s="14" t="s">
        <v>15</v>
      </c>
      <c r="G4855" s="16">
        <v>0</v>
      </c>
    </row>
    <row r="4856" spans="1:7" x14ac:dyDescent="0.3">
      <c r="A4856" s="13" t="s">
        <v>48</v>
      </c>
      <c r="B4856" s="14" t="s">
        <v>1</v>
      </c>
      <c r="C4856" s="14" t="s">
        <v>17</v>
      </c>
      <c r="D4856" s="14" t="s">
        <v>49</v>
      </c>
      <c r="E4856" s="15">
        <v>45487</v>
      </c>
      <c r="F4856" s="14" t="s">
        <v>15</v>
      </c>
      <c r="G4856" s="16">
        <v>0</v>
      </c>
    </row>
    <row r="4857" spans="1:7" x14ac:dyDescent="0.3">
      <c r="A4857" s="13" t="s">
        <v>48</v>
      </c>
      <c r="B4857" s="14" t="s">
        <v>1</v>
      </c>
      <c r="C4857" s="14" t="s">
        <v>17</v>
      </c>
      <c r="D4857" s="14" t="s">
        <v>49</v>
      </c>
      <c r="E4857" s="15">
        <v>45488</v>
      </c>
      <c r="F4857" s="14" t="s">
        <v>15</v>
      </c>
      <c r="G4857" s="16">
        <v>0</v>
      </c>
    </row>
    <row r="4858" spans="1:7" x14ac:dyDescent="0.3">
      <c r="A4858" s="13" t="s">
        <v>48</v>
      </c>
      <c r="B4858" s="14" t="s">
        <v>1</v>
      </c>
      <c r="C4858" s="14" t="s">
        <v>17</v>
      </c>
      <c r="D4858" s="14" t="s">
        <v>49</v>
      </c>
      <c r="E4858" s="15">
        <v>45489</v>
      </c>
      <c r="F4858" s="14" t="s">
        <v>15</v>
      </c>
      <c r="G4858" s="16">
        <v>0</v>
      </c>
    </row>
    <row r="4859" spans="1:7" x14ac:dyDescent="0.3">
      <c r="A4859" s="13" t="s">
        <v>48</v>
      </c>
      <c r="B4859" s="14" t="s">
        <v>1</v>
      </c>
      <c r="C4859" s="14" t="s">
        <v>17</v>
      </c>
      <c r="D4859" s="14" t="s">
        <v>49</v>
      </c>
      <c r="E4859" s="15">
        <v>45490</v>
      </c>
      <c r="F4859" s="14" t="s">
        <v>15</v>
      </c>
      <c r="G4859" s="16">
        <v>0</v>
      </c>
    </row>
    <row r="4860" spans="1:7" x14ac:dyDescent="0.3">
      <c r="A4860" s="13" t="s">
        <v>48</v>
      </c>
      <c r="B4860" s="14" t="s">
        <v>1</v>
      </c>
      <c r="C4860" s="14" t="s">
        <v>17</v>
      </c>
      <c r="D4860" s="14" t="s">
        <v>49</v>
      </c>
      <c r="E4860" s="15">
        <v>45491</v>
      </c>
      <c r="F4860" s="14" t="s">
        <v>15</v>
      </c>
      <c r="G4860" s="16">
        <v>0</v>
      </c>
    </row>
    <row r="4861" spans="1:7" x14ac:dyDescent="0.3">
      <c r="A4861" s="13" t="s">
        <v>48</v>
      </c>
      <c r="B4861" s="14" t="s">
        <v>1</v>
      </c>
      <c r="C4861" s="14" t="s">
        <v>17</v>
      </c>
      <c r="D4861" s="14" t="s">
        <v>49</v>
      </c>
      <c r="E4861" s="15">
        <v>45492</v>
      </c>
      <c r="F4861" s="14" t="s">
        <v>15</v>
      </c>
      <c r="G4861" s="16">
        <v>0</v>
      </c>
    </row>
    <row r="4862" spans="1:7" x14ac:dyDescent="0.3">
      <c r="A4862" s="13" t="s">
        <v>48</v>
      </c>
      <c r="B4862" s="14" t="s">
        <v>1</v>
      </c>
      <c r="C4862" s="14" t="s">
        <v>17</v>
      </c>
      <c r="D4862" s="14" t="s">
        <v>49</v>
      </c>
      <c r="E4862" s="15">
        <v>45493</v>
      </c>
      <c r="F4862" s="14" t="s">
        <v>15</v>
      </c>
      <c r="G4862" s="16">
        <v>0</v>
      </c>
    </row>
    <row r="4863" spans="1:7" x14ac:dyDescent="0.3">
      <c r="A4863" s="13" t="s">
        <v>48</v>
      </c>
      <c r="B4863" s="14" t="s">
        <v>1</v>
      </c>
      <c r="C4863" s="14" t="s">
        <v>17</v>
      </c>
      <c r="D4863" s="14" t="s">
        <v>49</v>
      </c>
      <c r="E4863" s="15">
        <v>45494</v>
      </c>
      <c r="F4863" s="14" t="s">
        <v>15</v>
      </c>
      <c r="G4863" s="16">
        <v>0</v>
      </c>
    </row>
    <row r="4864" spans="1:7" x14ac:dyDescent="0.3">
      <c r="A4864" s="13" t="s">
        <v>48</v>
      </c>
      <c r="B4864" s="14" t="s">
        <v>1</v>
      </c>
      <c r="C4864" s="14" t="s">
        <v>17</v>
      </c>
      <c r="D4864" s="14" t="s">
        <v>49</v>
      </c>
      <c r="E4864" s="15">
        <v>45495</v>
      </c>
      <c r="F4864" s="14" t="s">
        <v>15</v>
      </c>
      <c r="G4864" s="16">
        <v>0</v>
      </c>
    </row>
    <row r="4865" spans="1:7" x14ac:dyDescent="0.3">
      <c r="A4865" s="13" t="s">
        <v>48</v>
      </c>
      <c r="B4865" s="14" t="s">
        <v>1</v>
      </c>
      <c r="C4865" s="14" t="s">
        <v>17</v>
      </c>
      <c r="D4865" s="14" t="s">
        <v>49</v>
      </c>
      <c r="E4865" s="15">
        <v>45496</v>
      </c>
      <c r="F4865" s="14" t="s">
        <v>15</v>
      </c>
      <c r="G4865" s="16">
        <v>0</v>
      </c>
    </row>
    <row r="4866" spans="1:7" x14ac:dyDescent="0.3">
      <c r="A4866" s="13" t="s">
        <v>48</v>
      </c>
      <c r="B4866" s="14" t="s">
        <v>1</v>
      </c>
      <c r="C4866" s="14" t="s">
        <v>17</v>
      </c>
      <c r="D4866" s="14" t="s">
        <v>49</v>
      </c>
      <c r="E4866" s="15">
        <v>45497</v>
      </c>
      <c r="F4866" s="14" t="s">
        <v>15</v>
      </c>
      <c r="G4866" s="16">
        <v>0</v>
      </c>
    </row>
    <row r="4867" spans="1:7" x14ac:dyDescent="0.3">
      <c r="A4867" s="13" t="s">
        <v>48</v>
      </c>
      <c r="B4867" s="14" t="s">
        <v>1</v>
      </c>
      <c r="C4867" s="14" t="s">
        <v>17</v>
      </c>
      <c r="D4867" s="14" t="s">
        <v>49</v>
      </c>
      <c r="E4867" s="15">
        <v>45498</v>
      </c>
      <c r="F4867" s="14" t="s">
        <v>15</v>
      </c>
      <c r="G4867" s="16">
        <v>0</v>
      </c>
    </row>
    <row r="4868" spans="1:7" x14ac:dyDescent="0.3">
      <c r="A4868" s="13" t="s">
        <v>48</v>
      </c>
      <c r="B4868" s="14" t="s">
        <v>1</v>
      </c>
      <c r="C4868" s="14" t="s">
        <v>17</v>
      </c>
      <c r="D4868" s="14" t="s">
        <v>49</v>
      </c>
      <c r="E4868" s="15">
        <v>45499</v>
      </c>
      <c r="F4868" s="14" t="s">
        <v>15</v>
      </c>
      <c r="G4868" s="16">
        <v>0</v>
      </c>
    </row>
    <row r="4869" spans="1:7" x14ac:dyDescent="0.3">
      <c r="A4869" s="13" t="s">
        <v>48</v>
      </c>
      <c r="B4869" s="14" t="s">
        <v>1</v>
      </c>
      <c r="C4869" s="14" t="s">
        <v>17</v>
      </c>
      <c r="D4869" s="14" t="s">
        <v>49</v>
      </c>
      <c r="E4869" s="15">
        <v>45500</v>
      </c>
      <c r="F4869" s="14" t="s">
        <v>15</v>
      </c>
      <c r="G4869" s="16">
        <v>0</v>
      </c>
    </row>
    <row r="4870" spans="1:7" x14ac:dyDescent="0.3">
      <c r="A4870" s="13" t="s">
        <v>48</v>
      </c>
      <c r="B4870" s="14" t="s">
        <v>1</v>
      </c>
      <c r="C4870" s="14" t="s">
        <v>17</v>
      </c>
      <c r="D4870" s="14" t="s">
        <v>49</v>
      </c>
      <c r="E4870" s="15">
        <v>45501</v>
      </c>
      <c r="F4870" s="14" t="s">
        <v>15</v>
      </c>
      <c r="G4870" s="16">
        <v>0</v>
      </c>
    </row>
    <row r="4871" spans="1:7" x14ac:dyDescent="0.3">
      <c r="A4871" s="13" t="s">
        <v>48</v>
      </c>
      <c r="B4871" s="14" t="s">
        <v>1</v>
      </c>
      <c r="C4871" s="14" t="s">
        <v>17</v>
      </c>
      <c r="D4871" s="14" t="s">
        <v>49</v>
      </c>
      <c r="E4871" s="15">
        <v>45502</v>
      </c>
      <c r="F4871" s="14" t="s">
        <v>15</v>
      </c>
      <c r="G4871" s="16">
        <v>0</v>
      </c>
    </row>
    <row r="4872" spans="1:7" x14ac:dyDescent="0.3">
      <c r="A4872" s="13" t="s">
        <v>48</v>
      </c>
      <c r="B4872" s="14" t="s">
        <v>1</v>
      </c>
      <c r="C4872" s="14" t="s">
        <v>17</v>
      </c>
      <c r="D4872" s="14" t="s">
        <v>49</v>
      </c>
      <c r="E4872" s="15">
        <v>45503</v>
      </c>
      <c r="F4872" s="14" t="s">
        <v>15</v>
      </c>
      <c r="G4872" s="16">
        <v>0</v>
      </c>
    </row>
    <row r="4873" spans="1:7" x14ac:dyDescent="0.3">
      <c r="A4873" s="13" t="s">
        <v>48</v>
      </c>
      <c r="B4873" s="14" t="s">
        <v>1</v>
      </c>
      <c r="C4873" s="14" t="s">
        <v>17</v>
      </c>
      <c r="D4873" s="14" t="s">
        <v>49</v>
      </c>
      <c r="E4873" s="15">
        <v>45504</v>
      </c>
      <c r="F4873" s="14" t="s">
        <v>15</v>
      </c>
      <c r="G4873" s="16">
        <v>0</v>
      </c>
    </row>
    <row r="4874" spans="1:7" x14ac:dyDescent="0.3">
      <c r="A4874" s="13" t="s">
        <v>48</v>
      </c>
      <c r="B4874" s="14" t="s">
        <v>1</v>
      </c>
      <c r="C4874" s="14" t="s">
        <v>17</v>
      </c>
      <c r="D4874" s="14" t="s">
        <v>49</v>
      </c>
      <c r="E4874" s="15">
        <v>45505</v>
      </c>
      <c r="F4874" s="14" t="s">
        <v>15</v>
      </c>
      <c r="G4874" s="16">
        <v>0</v>
      </c>
    </row>
    <row r="4875" spans="1:7" x14ac:dyDescent="0.3">
      <c r="A4875" s="13" t="s">
        <v>48</v>
      </c>
      <c r="B4875" s="14" t="s">
        <v>1</v>
      </c>
      <c r="C4875" s="14" t="s">
        <v>17</v>
      </c>
      <c r="D4875" s="14" t="s">
        <v>49</v>
      </c>
      <c r="E4875" s="15">
        <v>45506</v>
      </c>
      <c r="F4875" s="14" t="s">
        <v>15</v>
      </c>
      <c r="G4875" s="16">
        <v>0</v>
      </c>
    </row>
    <row r="4876" spans="1:7" x14ac:dyDescent="0.3">
      <c r="A4876" s="13" t="s">
        <v>48</v>
      </c>
      <c r="B4876" s="14" t="s">
        <v>1</v>
      </c>
      <c r="C4876" s="14" t="s">
        <v>17</v>
      </c>
      <c r="D4876" s="14" t="s">
        <v>49</v>
      </c>
      <c r="E4876" s="15">
        <v>45507</v>
      </c>
      <c r="F4876" s="14" t="s">
        <v>15</v>
      </c>
      <c r="G4876" s="16">
        <v>0</v>
      </c>
    </row>
    <row r="4877" spans="1:7" x14ac:dyDescent="0.3">
      <c r="A4877" s="13" t="s">
        <v>48</v>
      </c>
      <c r="B4877" s="14" t="s">
        <v>1</v>
      </c>
      <c r="C4877" s="14" t="s">
        <v>17</v>
      </c>
      <c r="D4877" s="14" t="s">
        <v>49</v>
      </c>
      <c r="E4877" s="15">
        <v>45508</v>
      </c>
      <c r="F4877" s="14" t="s">
        <v>15</v>
      </c>
      <c r="G4877" s="16">
        <v>0</v>
      </c>
    </row>
    <row r="4878" spans="1:7" x14ac:dyDescent="0.3">
      <c r="A4878" s="13" t="s">
        <v>48</v>
      </c>
      <c r="B4878" s="14" t="s">
        <v>1</v>
      </c>
      <c r="C4878" s="14" t="s">
        <v>17</v>
      </c>
      <c r="D4878" s="14" t="s">
        <v>49</v>
      </c>
      <c r="E4878" s="15">
        <v>45509</v>
      </c>
      <c r="F4878" s="14" t="s">
        <v>15</v>
      </c>
      <c r="G4878" s="16">
        <v>0</v>
      </c>
    </row>
    <row r="4879" spans="1:7" x14ac:dyDescent="0.3">
      <c r="A4879" s="13" t="s">
        <v>48</v>
      </c>
      <c r="B4879" s="14" t="s">
        <v>1</v>
      </c>
      <c r="C4879" s="14" t="s">
        <v>17</v>
      </c>
      <c r="D4879" s="14" t="s">
        <v>49</v>
      </c>
      <c r="E4879" s="15">
        <v>45510</v>
      </c>
      <c r="F4879" s="14" t="s">
        <v>15</v>
      </c>
      <c r="G4879" s="16">
        <v>0</v>
      </c>
    </row>
    <row r="4880" spans="1:7" x14ac:dyDescent="0.3">
      <c r="A4880" s="13" t="s">
        <v>48</v>
      </c>
      <c r="B4880" s="14" t="s">
        <v>1</v>
      </c>
      <c r="C4880" s="14" t="s">
        <v>17</v>
      </c>
      <c r="D4880" s="14" t="s">
        <v>49</v>
      </c>
      <c r="E4880" s="15">
        <v>45511</v>
      </c>
      <c r="F4880" s="14" t="s">
        <v>15</v>
      </c>
      <c r="G4880" s="16">
        <v>0</v>
      </c>
    </row>
    <row r="4881" spans="1:7" x14ac:dyDescent="0.3">
      <c r="A4881" s="13" t="s">
        <v>48</v>
      </c>
      <c r="B4881" s="14" t="s">
        <v>1</v>
      </c>
      <c r="C4881" s="14" t="s">
        <v>17</v>
      </c>
      <c r="D4881" s="14" t="s">
        <v>49</v>
      </c>
      <c r="E4881" s="15">
        <v>45512</v>
      </c>
      <c r="F4881" s="14" t="s">
        <v>15</v>
      </c>
      <c r="G4881" s="16">
        <v>0</v>
      </c>
    </row>
    <row r="4882" spans="1:7" x14ac:dyDescent="0.3">
      <c r="A4882" s="13" t="s">
        <v>48</v>
      </c>
      <c r="B4882" s="14" t="s">
        <v>1</v>
      </c>
      <c r="C4882" s="14" t="s">
        <v>17</v>
      </c>
      <c r="D4882" s="14" t="s">
        <v>49</v>
      </c>
      <c r="E4882" s="15">
        <v>45513</v>
      </c>
      <c r="F4882" s="14" t="s">
        <v>15</v>
      </c>
      <c r="G4882" s="16">
        <v>0</v>
      </c>
    </row>
    <row r="4883" spans="1:7" x14ac:dyDescent="0.3">
      <c r="A4883" s="13" t="s">
        <v>48</v>
      </c>
      <c r="B4883" s="14" t="s">
        <v>1</v>
      </c>
      <c r="C4883" s="14" t="s">
        <v>17</v>
      </c>
      <c r="D4883" s="14" t="s">
        <v>49</v>
      </c>
      <c r="E4883" s="15">
        <v>45514</v>
      </c>
      <c r="F4883" s="14" t="s">
        <v>15</v>
      </c>
      <c r="G4883" s="16">
        <v>0</v>
      </c>
    </row>
    <row r="4884" spans="1:7" x14ac:dyDescent="0.3">
      <c r="A4884" s="13" t="s">
        <v>48</v>
      </c>
      <c r="B4884" s="14" t="s">
        <v>1</v>
      </c>
      <c r="C4884" s="14" t="s">
        <v>17</v>
      </c>
      <c r="D4884" s="14" t="s">
        <v>49</v>
      </c>
      <c r="E4884" s="15">
        <v>45515</v>
      </c>
      <c r="F4884" s="14" t="s">
        <v>15</v>
      </c>
      <c r="G4884" s="16">
        <v>0</v>
      </c>
    </row>
    <row r="4885" spans="1:7" x14ac:dyDescent="0.3">
      <c r="A4885" s="13" t="s">
        <v>48</v>
      </c>
      <c r="B4885" s="14" t="s">
        <v>1</v>
      </c>
      <c r="C4885" s="14" t="s">
        <v>17</v>
      </c>
      <c r="D4885" s="14" t="s">
        <v>49</v>
      </c>
      <c r="E4885" s="15">
        <v>45516</v>
      </c>
      <c r="F4885" s="14" t="s">
        <v>15</v>
      </c>
      <c r="G4885" s="16">
        <v>0</v>
      </c>
    </row>
    <row r="4886" spans="1:7" x14ac:dyDescent="0.3">
      <c r="A4886" s="13" t="s">
        <v>48</v>
      </c>
      <c r="B4886" s="14" t="s">
        <v>1</v>
      </c>
      <c r="C4886" s="14" t="s">
        <v>17</v>
      </c>
      <c r="D4886" s="14" t="s">
        <v>49</v>
      </c>
      <c r="E4886" s="15">
        <v>45517</v>
      </c>
      <c r="F4886" s="14" t="s">
        <v>15</v>
      </c>
      <c r="G4886" s="16">
        <v>0</v>
      </c>
    </row>
    <row r="4887" spans="1:7" x14ac:dyDescent="0.3">
      <c r="A4887" s="13" t="s">
        <v>48</v>
      </c>
      <c r="B4887" s="14" t="s">
        <v>1</v>
      </c>
      <c r="C4887" s="14" t="s">
        <v>17</v>
      </c>
      <c r="D4887" s="14" t="s">
        <v>49</v>
      </c>
      <c r="E4887" s="15">
        <v>45518</v>
      </c>
      <c r="F4887" s="14" t="s">
        <v>15</v>
      </c>
      <c r="G4887" s="16">
        <v>0</v>
      </c>
    </row>
    <row r="4888" spans="1:7" x14ac:dyDescent="0.3">
      <c r="A4888" s="13" t="s">
        <v>48</v>
      </c>
      <c r="B4888" s="14" t="s">
        <v>1</v>
      </c>
      <c r="C4888" s="14" t="s">
        <v>17</v>
      </c>
      <c r="D4888" s="14" t="s">
        <v>49</v>
      </c>
      <c r="E4888" s="15">
        <v>45519</v>
      </c>
      <c r="F4888" s="14" t="s">
        <v>15</v>
      </c>
      <c r="G4888" s="16">
        <v>0</v>
      </c>
    </row>
    <row r="4889" spans="1:7" x14ac:dyDescent="0.3">
      <c r="A4889" s="13" t="s">
        <v>48</v>
      </c>
      <c r="B4889" s="14" t="s">
        <v>1</v>
      </c>
      <c r="C4889" s="14" t="s">
        <v>17</v>
      </c>
      <c r="D4889" s="14" t="s">
        <v>49</v>
      </c>
      <c r="E4889" s="15">
        <v>45520</v>
      </c>
      <c r="F4889" s="14" t="s">
        <v>15</v>
      </c>
      <c r="G4889" s="16">
        <v>0</v>
      </c>
    </row>
    <row r="4890" spans="1:7" x14ac:dyDescent="0.3">
      <c r="A4890" s="13" t="s">
        <v>48</v>
      </c>
      <c r="B4890" s="14" t="s">
        <v>1</v>
      </c>
      <c r="C4890" s="14" t="s">
        <v>17</v>
      </c>
      <c r="D4890" s="14" t="s">
        <v>49</v>
      </c>
      <c r="E4890" s="15">
        <v>45521</v>
      </c>
      <c r="F4890" s="14" t="s">
        <v>15</v>
      </c>
      <c r="G4890" s="16">
        <v>0</v>
      </c>
    </row>
    <row r="4891" spans="1:7" x14ac:dyDescent="0.3">
      <c r="A4891" s="13" t="s">
        <v>48</v>
      </c>
      <c r="B4891" s="14" t="s">
        <v>1</v>
      </c>
      <c r="C4891" s="14" t="s">
        <v>17</v>
      </c>
      <c r="D4891" s="14" t="s">
        <v>49</v>
      </c>
      <c r="E4891" s="15">
        <v>45522</v>
      </c>
      <c r="F4891" s="14" t="s">
        <v>15</v>
      </c>
      <c r="G4891" s="16">
        <v>0</v>
      </c>
    </row>
    <row r="4892" spans="1:7" x14ac:dyDescent="0.3">
      <c r="A4892" s="13" t="s">
        <v>48</v>
      </c>
      <c r="B4892" s="14" t="s">
        <v>1</v>
      </c>
      <c r="C4892" s="14" t="s">
        <v>17</v>
      </c>
      <c r="D4892" s="14" t="s">
        <v>49</v>
      </c>
      <c r="E4892" s="15">
        <v>45523</v>
      </c>
      <c r="F4892" s="14" t="s">
        <v>15</v>
      </c>
      <c r="G4892" s="16">
        <v>0</v>
      </c>
    </row>
    <row r="4893" spans="1:7" x14ac:dyDescent="0.3">
      <c r="A4893" s="13" t="s">
        <v>48</v>
      </c>
      <c r="B4893" s="14" t="s">
        <v>1</v>
      </c>
      <c r="C4893" s="14" t="s">
        <v>17</v>
      </c>
      <c r="D4893" s="14" t="s">
        <v>49</v>
      </c>
      <c r="E4893" s="15">
        <v>45524</v>
      </c>
      <c r="F4893" s="14" t="s">
        <v>15</v>
      </c>
      <c r="G4893" s="16">
        <v>0</v>
      </c>
    </row>
    <row r="4894" spans="1:7" x14ac:dyDescent="0.3">
      <c r="A4894" s="13" t="s">
        <v>48</v>
      </c>
      <c r="B4894" s="14" t="s">
        <v>1</v>
      </c>
      <c r="C4894" s="14" t="s">
        <v>17</v>
      </c>
      <c r="D4894" s="14" t="s">
        <v>49</v>
      </c>
      <c r="E4894" s="15">
        <v>45525</v>
      </c>
      <c r="F4894" s="14" t="s">
        <v>15</v>
      </c>
      <c r="G4894" s="16">
        <v>0</v>
      </c>
    </row>
    <row r="4895" spans="1:7" x14ac:dyDescent="0.3">
      <c r="A4895" s="13" t="s">
        <v>48</v>
      </c>
      <c r="B4895" s="14" t="s">
        <v>1</v>
      </c>
      <c r="C4895" s="14" t="s">
        <v>17</v>
      </c>
      <c r="D4895" s="14" t="s">
        <v>49</v>
      </c>
      <c r="E4895" s="15">
        <v>45526</v>
      </c>
      <c r="F4895" s="14" t="s">
        <v>15</v>
      </c>
      <c r="G4895" s="16">
        <v>0</v>
      </c>
    </row>
    <row r="4896" spans="1:7" x14ac:dyDescent="0.3">
      <c r="A4896" s="13" t="s">
        <v>48</v>
      </c>
      <c r="B4896" s="14" t="s">
        <v>1</v>
      </c>
      <c r="C4896" s="14" t="s">
        <v>17</v>
      </c>
      <c r="D4896" s="14" t="s">
        <v>49</v>
      </c>
      <c r="E4896" s="15">
        <v>45527</v>
      </c>
      <c r="F4896" s="14" t="s">
        <v>15</v>
      </c>
      <c r="G4896" s="16">
        <v>0</v>
      </c>
    </row>
    <row r="4897" spans="1:7" x14ac:dyDescent="0.3">
      <c r="A4897" s="13" t="s">
        <v>48</v>
      </c>
      <c r="B4897" s="14" t="s">
        <v>1</v>
      </c>
      <c r="C4897" s="14" t="s">
        <v>17</v>
      </c>
      <c r="D4897" s="14" t="s">
        <v>49</v>
      </c>
      <c r="E4897" s="15">
        <v>45528</v>
      </c>
      <c r="F4897" s="14" t="s">
        <v>15</v>
      </c>
      <c r="G4897" s="16">
        <v>0</v>
      </c>
    </row>
    <row r="4898" spans="1:7" x14ac:dyDescent="0.3">
      <c r="A4898" s="13" t="s">
        <v>48</v>
      </c>
      <c r="B4898" s="14" t="s">
        <v>1</v>
      </c>
      <c r="C4898" s="14" t="s">
        <v>17</v>
      </c>
      <c r="D4898" s="14" t="s">
        <v>49</v>
      </c>
      <c r="E4898" s="15">
        <v>45529</v>
      </c>
      <c r="F4898" s="14" t="s">
        <v>15</v>
      </c>
      <c r="G4898" s="16">
        <v>0</v>
      </c>
    </row>
    <row r="4899" spans="1:7" x14ac:dyDescent="0.3">
      <c r="A4899" s="13" t="s">
        <v>48</v>
      </c>
      <c r="B4899" s="14" t="s">
        <v>1</v>
      </c>
      <c r="C4899" s="14" t="s">
        <v>17</v>
      </c>
      <c r="D4899" s="14" t="s">
        <v>49</v>
      </c>
      <c r="E4899" s="15">
        <v>45530</v>
      </c>
      <c r="F4899" s="14" t="s">
        <v>15</v>
      </c>
      <c r="G4899" s="16">
        <v>0</v>
      </c>
    </row>
    <row r="4900" spans="1:7" x14ac:dyDescent="0.3">
      <c r="A4900" s="13" t="s">
        <v>48</v>
      </c>
      <c r="B4900" s="14" t="s">
        <v>1</v>
      </c>
      <c r="C4900" s="14" t="s">
        <v>17</v>
      </c>
      <c r="D4900" s="14" t="s">
        <v>49</v>
      </c>
      <c r="E4900" s="15">
        <v>45531</v>
      </c>
      <c r="F4900" s="14" t="s">
        <v>15</v>
      </c>
      <c r="G4900" s="16">
        <v>0</v>
      </c>
    </row>
    <row r="4901" spans="1:7" x14ac:dyDescent="0.3">
      <c r="A4901" s="13" t="s">
        <v>48</v>
      </c>
      <c r="B4901" s="14" t="s">
        <v>1</v>
      </c>
      <c r="C4901" s="14" t="s">
        <v>17</v>
      </c>
      <c r="D4901" s="14" t="s">
        <v>49</v>
      </c>
      <c r="E4901" s="15">
        <v>45532</v>
      </c>
      <c r="F4901" s="14" t="s">
        <v>15</v>
      </c>
      <c r="G4901" s="16">
        <v>0</v>
      </c>
    </row>
    <row r="4902" spans="1:7" x14ac:dyDescent="0.3">
      <c r="A4902" s="13" t="s">
        <v>48</v>
      </c>
      <c r="B4902" s="14" t="s">
        <v>1</v>
      </c>
      <c r="C4902" s="14" t="s">
        <v>17</v>
      </c>
      <c r="D4902" s="14" t="s">
        <v>49</v>
      </c>
      <c r="E4902" s="15">
        <v>45533</v>
      </c>
      <c r="F4902" s="14" t="s">
        <v>15</v>
      </c>
      <c r="G4902" s="16">
        <v>0</v>
      </c>
    </row>
    <row r="4903" spans="1:7" x14ac:dyDescent="0.3">
      <c r="A4903" s="13" t="s">
        <v>48</v>
      </c>
      <c r="B4903" s="14" t="s">
        <v>1</v>
      </c>
      <c r="C4903" s="14" t="s">
        <v>17</v>
      </c>
      <c r="D4903" s="14" t="s">
        <v>49</v>
      </c>
      <c r="E4903" s="15">
        <v>45534</v>
      </c>
      <c r="F4903" s="14" t="s">
        <v>15</v>
      </c>
      <c r="G4903" s="16">
        <v>0</v>
      </c>
    </row>
    <row r="4904" spans="1:7" x14ac:dyDescent="0.3">
      <c r="A4904" s="13" t="s">
        <v>48</v>
      </c>
      <c r="B4904" s="14" t="s">
        <v>1</v>
      </c>
      <c r="C4904" s="14" t="s">
        <v>17</v>
      </c>
      <c r="D4904" s="14" t="s">
        <v>49</v>
      </c>
      <c r="E4904" s="15">
        <v>45535</v>
      </c>
      <c r="F4904" s="14" t="s">
        <v>15</v>
      </c>
      <c r="G4904" s="16">
        <v>0</v>
      </c>
    </row>
    <row r="4905" spans="1:7" x14ac:dyDescent="0.3">
      <c r="A4905" s="13" t="s">
        <v>48</v>
      </c>
      <c r="B4905" s="14" t="s">
        <v>1</v>
      </c>
      <c r="C4905" s="14" t="s">
        <v>17</v>
      </c>
      <c r="D4905" s="14" t="s">
        <v>49</v>
      </c>
      <c r="E4905" s="15">
        <v>45536</v>
      </c>
      <c r="F4905" s="14" t="s">
        <v>15</v>
      </c>
      <c r="G4905" s="16">
        <v>0</v>
      </c>
    </row>
    <row r="4906" spans="1:7" x14ac:dyDescent="0.3">
      <c r="A4906" s="13" t="s">
        <v>48</v>
      </c>
      <c r="B4906" s="14" t="s">
        <v>1</v>
      </c>
      <c r="C4906" s="14" t="s">
        <v>17</v>
      </c>
      <c r="D4906" s="14" t="s">
        <v>49</v>
      </c>
      <c r="E4906" s="15">
        <v>45537</v>
      </c>
      <c r="F4906" s="14" t="s">
        <v>15</v>
      </c>
      <c r="G4906" s="16">
        <v>0</v>
      </c>
    </row>
    <row r="4907" spans="1:7" x14ac:dyDescent="0.3">
      <c r="A4907" s="13" t="s">
        <v>48</v>
      </c>
      <c r="B4907" s="14" t="s">
        <v>1</v>
      </c>
      <c r="C4907" s="14" t="s">
        <v>17</v>
      </c>
      <c r="D4907" s="14" t="s">
        <v>49</v>
      </c>
      <c r="E4907" s="15">
        <v>45538</v>
      </c>
      <c r="F4907" s="14" t="s">
        <v>15</v>
      </c>
      <c r="G4907" s="16">
        <v>0</v>
      </c>
    </row>
    <row r="4908" spans="1:7" x14ac:dyDescent="0.3">
      <c r="A4908" s="13" t="s">
        <v>48</v>
      </c>
      <c r="B4908" s="14" t="s">
        <v>1</v>
      </c>
      <c r="C4908" s="14" t="s">
        <v>17</v>
      </c>
      <c r="D4908" s="14" t="s">
        <v>49</v>
      </c>
      <c r="E4908" s="15">
        <v>45539</v>
      </c>
      <c r="F4908" s="14" t="s">
        <v>15</v>
      </c>
      <c r="G4908" s="16">
        <v>0</v>
      </c>
    </row>
    <row r="4909" spans="1:7" x14ac:dyDescent="0.3">
      <c r="A4909" s="13" t="s">
        <v>48</v>
      </c>
      <c r="B4909" s="14" t="s">
        <v>1</v>
      </c>
      <c r="C4909" s="14" t="s">
        <v>17</v>
      </c>
      <c r="D4909" s="14" t="s">
        <v>49</v>
      </c>
      <c r="E4909" s="15">
        <v>45540</v>
      </c>
      <c r="F4909" s="14" t="s">
        <v>15</v>
      </c>
      <c r="G4909" s="16">
        <v>0</v>
      </c>
    </row>
    <row r="4910" spans="1:7" x14ac:dyDescent="0.3">
      <c r="A4910" s="13" t="s">
        <v>48</v>
      </c>
      <c r="B4910" s="14" t="s">
        <v>1</v>
      </c>
      <c r="C4910" s="14" t="s">
        <v>17</v>
      </c>
      <c r="D4910" s="14" t="s">
        <v>49</v>
      </c>
      <c r="E4910" s="15">
        <v>45541</v>
      </c>
      <c r="F4910" s="14" t="s">
        <v>15</v>
      </c>
      <c r="G4910" s="16">
        <v>0</v>
      </c>
    </row>
    <row r="4911" spans="1:7" x14ac:dyDescent="0.3">
      <c r="A4911" s="13" t="s">
        <v>48</v>
      </c>
      <c r="B4911" s="14" t="s">
        <v>1</v>
      </c>
      <c r="C4911" s="14" t="s">
        <v>17</v>
      </c>
      <c r="D4911" s="14" t="s">
        <v>49</v>
      </c>
      <c r="E4911" s="15">
        <v>45542</v>
      </c>
      <c r="F4911" s="14" t="s">
        <v>15</v>
      </c>
      <c r="G4911" s="16">
        <v>0</v>
      </c>
    </row>
    <row r="4912" spans="1:7" x14ac:dyDescent="0.3">
      <c r="A4912" s="13" t="s">
        <v>48</v>
      </c>
      <c r="B4912" s="14" t="s">
        <v>1</v>
      </c>
      <c r="C4912" s="14" t="s">
        <v>17</v>
      </c>
      <c r="D4912" s="14" t="s">
        <v>49</v>
      </c>
      <c r="E4912" s="15">
        <v>45543</v>
      </c>
      <c r="F4912" s="14" t="s">
        <v>15</v>
      </c>
      <c r="G4912" s="16">
        <v>0</v>
      </c>
    </row>
    <row r="4913" spans="1:7" x14ac:dyDescent="0.3">
      <c r="A4913" s="13" t="s">
        <v>48</v>
      </c>
      <c r="B4913" s="14" t="s">
        <v>1</v>
      </c>
      <c r="C4913" s="14" t="s">
        <v>17</v>
      </c>
      <c r="D4913" s="14" t="s">
        <v>49</v>
      </c>
      <c r="E4913" s="15">
        <v>45544</v>
      </c>
      <c r="F4913" s="14" t="s">
        <v>15</v>
      </c>
      <c r="G4913" s="16">
        <v>0</v>
      </c>
    </row>
    <row r="4914" spans="1:7" x14ac:dyDescent="0.3">
      <c r="A4914" s="13" t="s">
        <v>48</v>
      </c>
      <c r="B4914" s="14" t="s">
        <v>1</v>
      </c>
      <c r="C4914" s="14" t="s">
        <v>17</v>
      </c>
      <c r="D4914" s="14" t="s">
        <v>49</v>
      </c>
      <c r="E4914" s="15">
        <v>45545</v>
      </c>
      <c r="F4914" s="14" t="s">
        <v>15</v>
      </c>
      <c r="G4914" s="16">
        <v>0</v>
      </c>
    </row>
    <row r="4915" spans="1:7" x14ac:dyDescent="0.3">
      <c r="A4915" s="13" t="s">
        <v>48</v>
      </c>
      <c r="B4915" s="14" t="s">
        <v>1</v>
      </c>
      <c r="C4915" s="14" t="s">
        <v>17</v>
      </c>
      <c r="D4915" s="14" t="s">
        <v>49</v>
      </c>
      <c r="E4915" s="15">
        <v>45546</v>
      </c>
      <c r="F4915" s="14" t="s">
        <v>15</v>
      </c>
      <c r="G4915" s="16">
        <v>0</v>
      </c>
    </row>
    <row r="4916" spans="1:7" x14ac:dyDescent="0.3">
      <c r="A4916" s="13" t="s">
        <v>48</v>
      </c>
      <c r="B4916" s="14" t="s">
        <v>1</v>
      </c>
      <c r="C4916" s="14" t="s">
        <v>17</v>
      </c>
      <c r="D4916" s="14" t="s">
        <v>49</v>
      </c>
      <c r="E4916" s="15">
        <v>45547</v>
      </c>
      <c r="F4916" s="14" t="s">
        <v>15</v>
      </c>
      <c r="G4916" s="16">
        <v>0</v>
      </c>
    </row>
    <row r="4917" spans="1:7" x14ac:dyDescent="0.3">
      <c r="A4917" s="13" t="s">
        <v>48</v>
      </c>
      <c r="B4917" s="14" t="s">
        <v>1</v>
      </c>
      <c r="C4917" s="14" t="s">
        <v>17</v>
      </c>
      <c r="D4917" s="14" t="s">
        <v>49</v>
      </c>
      <c r="E4917" s="15">
        <v>45548</v>
      </c>
      <c r="F4917" s="14" t="s">
        <v>15</v>
      </c>
      <c r="G4917" s="16">
        <v>0</v>
      </c>
    </row>
    <row r="4918" spans="1:7" x14ac:dyDescent="0.3">
      <c r="A4918" s="13" t="s">
        <v>48</v>
      </c>
      <c r="B4918" s="14" t="s">
        <v>1</v>
      </c>
      <c r="C4918" s="14" t="s">
        <v>17</v>
      </c>
      <c r="D4918" s="14" t="s">
        <v>49</v>
      </c>
      <c r="E4918" s="15">
        <v>45549</v>
      </c>
      <c r="F4918" s="14" t="s">
        <v>15</v>
      </c>
      <c r="G4918" s="16">
        <v>0</v>
      </c>
    </row>
    <row r="4919" spans="1:7" x14ac:dyDescent="0.3">
      <c r="A4919" s="13" t="s">
        <v>48</v>
      </c>
      <c r="B4919" s="14" t="s">
        <v>1</v>
      </c>
      <c r="C4919" s="14" t="s">
        <v>17</v>
      </c>
      <c r="D4919" s="14" t="s">
        <v>49</v>
      </c>
      <c r="E4919" s="15">
        <v>45550</v>
      </c>
      <c r="F4919" s="14" t="s">
        <v>15</v>
      </c>
      <c r="G4919" s="16">
        <v>0</v>
      </c>
    </row>
    <row r="4920" spans="1:7" x14ac:dyDescent="0.3">
      <c r="A4920" s="13" t="s">
        <v>48</v>
      </c>
      <c r="B4920" s="14" t="s">
        <v>1</v>
      </c>
      <c r="C4920" s="14" t="s">
        <v>17</v>
      </c>
      <c r="D4920" s="14" t="s">
        <v>49</v>
      </c>
      <c r="E4920" s="15">
        <v>45551</v>
      </c>
      <c r="F4920" s="14" t="s">
        <v>15</v>
      </c>
      <c r="G4920" s="16">
        <v>0</v>
      </c>
    </row>
    <row r="4921" spans="1:7" x14ac:dyDescent="0.3">
      <c r="A4921" s="13" t="s">
        <v>48</v>
      </c>
      <c r="B4921" s="14" t="s">
        <v>1</v>
      </c>
      <c r="C4921" s="14" t="s">
        <v>17</v>
      </c>
      <c r="D4921" s="14" t="s">
        <v>49</v>
      </c>
      <c r="E4921" s="15">
        <v>45552</v>
      </c>
      <c r="F4921" s="14" t="s">
        <v>15</v>
      </c>
      <c r="G4921" s="16">
        <v>0</v>
      </c>
    </row>
    <row r="4922" spans="1:7" x14ac:dyDescent="0.3">
      <c r="A4922" s="13" t="s">
        <v>48</v>
      </c>
      <c r="B4922" s="14" t="s">
        <v>1</v>
      </c>
      <c r="C4922" s="14" t="s">
        <v>17</v>
      </c>
      <c r="D4922" s="14" t="s">
        <v>49</v>
      </c>
      <c r="E4922" s="15">
        <v>45553</v>
      </c>
      <c r="F4922" s="14" t="s">
        <v>15</v>
      </c>
      <c r="G4922" s="16">
        <v>0</v>
      </c>
    </row>
    <row r="4923" spans="1:7" x14ac:dyDescent="0.3">
      <c r="A4923" s="13" t="s">
        <v>48</v>
      </c>
      <c r="B4923" s="14" t="s">
        <v>1</v>
      </c>
      <c r="C4923" s="14" t="s">
        <v>17</v>
      </c>
      <c r="D4923" s="14" t="s">
        <v>49</v>
      </c>
      <c r="E4923" s="15">
        <v>45554</v>
      </c>
      <c r="F4923" s="14" t="s">
        <v>15</v>
      </c>
      <c r="G4923" s="16">
        <v>0</v>
      </c>
    </row>
    <row r="4924" spans="1:7" x14ac:dyDescent="0.3">
      <c r="A4924" s="13" t="s">
        <v>48</v>
      </c>
      <c r="B4924" s="14" t="s">
        <v>1</v>
      </c>
      <c r="C4924" s="14" t="s">
        <v>17</v>
      </c>
      <c r="D4924" s="14" t="s">
        <v>49</v>
      </c>
      <c r="E4924" s="15">
        <v>45555</v>
      </c>
      <c r="F4924" s="14" t="s">
        <v>15</v>
      </c>
      <c r="G4924" s="16">
        <v>0</v>
      </c>
    </row>
    <row r="4925" spans="1:7" x14ac:dyDescent="0.3">
      <c r="A4925" s="13" t="s">
        <v>48</v>
      </c>
      <c r="B4925" s="14" t="s">
        <v>1</v>
      </c>
      <c r="C4925" s="14" t="s">
        <v>17</v>
      </c>
      <c r="D4925" s="14" t="s">
        <v>49</v>
      </c>
      <c r="E4925" s="15">
        <v>45556</v>
      </c>
      <c r="F4925" s="14" t="s">
        <v>15</v>
      </c>
      <c r="G4925" s="16">
        <v>0</v>
      </c>
    </row>
    <row r="4926" spans="1:7" x14ac:dyDescent="0.3">
      <c r="A4926" s="13" t="s">
        <v>48</v>
      </c>
      <c r="B4926" s="14" t="s">
        <v>1</v>
      </c>
      <c r="C4926" s="14" t="s">
        <v>17</v>
      </c>
      <c r="D4926" s="14" t="s">
        <v>49</v>
      </c>
      <c r="E4926" s="15">
        <v>45557</v>
      </c>
      <c r="F4926" s="14" t="s">
        <v>15</v>
      </c>
      <c r="G4926" s="16">
        <v>0</v>
      </c>
    </row>
    <row r="4927" spans="1:7" x14ac:dyDescent="0.3">
      <c r="A4927" s="13" t="s">
        <v>48</v>
      </c>
      <c r="B4927" s="14" t="s">
        <v>1</v>
      </c>
      <c r="C4927" s="14" t="s">
        <v>17</v>
      </c>
      <c r="D4927" s="14" t="s">
        <v>49</v>
      </c>
      <c r="E4927" s="15">
        <v>45558</v>
      </c>
      <c r="F4927" s="14" t="s">
        <v>15</v>
      </c>
      <c r="G4927" s="16">
        <v>0</v>
      </c>
    </row>
    <row r="4928" spans="1:7" x14ac:dyDescent="0.3">
      <c r="A4928" s="13" t="s">
        <v>48</v>
      </c>
      <c r="B4928" s="14" t="s">
        <v>1</v>
      </c>
      <c r="C4928" s="14" t="s">
        <v>17</v>
      </c>
      <c r="D4928" s="14" t="s">
        <v>49</v>
      </c>
      <c r="E4928" s="15">
        <v>45559</v>
      </c>
      <c r="F4928" s="14" t="s">
        <v>15</v>
      </c>
      <c r="G4928" s="16">
        <v>0</v>
      </c>
    </row>
    <row r="4929" spans="1:7" x14ac:dyDescent="0.3">
      <c r="A4929" s="13" t="s">
        <v>48</v>
      </c>
      <c r="B4929" s="14" t="s">
        <v>1</v>
      </c>
      <c r="C4929" s="14" t="s">
        <v>17</v>
      </c>
      <c r="D4929" s="14" t="s">
        <v>49</v>
      </c>
      <c r="E4929" s="15">
        <v>45560</v>
      </c>
      <c r="F4929" s="14" t="s">
        <v>15</v>
      </c>
      <c r="G4929" s="16">
        <v>0</v>
      </c>
    </row>
    <row r="4930" spans="1:7" x14ac:dyDescent="0.3">
      <c r="A4930" s="13" t="s">
        <v>48</v>
      </c>
      <c r="B4930" s="14" t="s">
        <v>1</v>
      </c>
      <c r="C4930" s="14" t="s">
        <v>17</v>
      </c>
      <c r="D4930" s="14" t="s">
        <v>49</v>
      </c>
      <c r="E4930" s="15">
        <v>45561</v>
      </c>
      <c r="F4930" s="14" t="s">
        <v>15</v>
      </c>
      <c r="G4930" s="16">
        <v>0</v>
      </c>
    </row>
    <row r="4931" spans="1:7" x14ac:dyDescent="0.3">
      <c r="A4931" s="13" t="s">
        <v>48</v>
      </c>
      <c r="B4931" s="14" t="s">
        <v>1</v>
      </c>
      <c r="C4931" s="14" t="s">
        <v>17</v>
      </c>
      <c r="D4931" s="14" t="s">
        <v>49</v>
      </c>
      <c r="E4931" s="15">
        <v>45562</v>
      </c>
      <c r="F4931" s="14" t="s">
        <v>15</v>
      </c>
      <c r="G4931" s="16">
        <v>0</v>
      </c>
    </row>
    <row r="4932" spans="1:7" x14ac:dyDescent="0.3">
      <c r="A4932" s="13" t="s">
        <v>48</v>
      </c>
      <c r="B4932" s="14" t="s">
        <v>1</v>
      </c>
      <c r="C4932" s="14" t="s">
        <v>17</v>
      </c>
      <c r="D4932" s="14" t="s">
        <v>49</v>
      </c>
      <c r="E4932" s="15">
        <v>45563</v>
      </c>
      <c r="F4932" s="14" t="s">
        <v>15</v>
      </c>
      <c r="G4932" s="16">
        <v>0</v>
      </c>
    </row>
    <row r="4933" spans="1:7" x14ac:dyDescent="0.3">
      <c r="A4933" s="13" t="s">
        <v>48</v>
      </c>
      <c r="B4933" s="14" t="s">
        <v>1</v>
      </c>
      <c r="C4933" s="14" t="s">
        <v>17</v>
      </c>
      <c r="D4933" s="14" t="s">
        <v>49</v>
      </c>
      <c r="E4933" s="15">
        <v>45564</v>
      </c>
      <c r="F4933" s="14" t="s">
        <v>15</v>
      </c>
      <c r="G4933" s="16">
        <v>0</v>
      </c>
    </row>
    <row r="4934" spans="1:7" x14ac:dyDescent="0.3">
      <c r="A4934" s="13" t="s">
        <v>48</v>
      </c>
      <c r="B4934" s="14" t="s">
        <v>1</v>
      </c>
      <c r="C4934" s="14" t="s">
        <v>17</v>
      </c>
      <c r="D4934" s="14" t="s">
        <v>49</v>
      </c>
      <c r="E4934" s="15">
        <v>45565</v>
      </c>
      <c r="F4934" s="14" t="s">
        <v>15</v>
      </c>
      <c r="G4934" s="16">
        <v>0</v>
      </c>
    </row>
    <row r="4935" spans="1:7" x14ac:dyDescent="0.3">
      <c r="A4935" s="13" t="s">
        <v>48</v>
      </c>
      <c r="B4935" s="14" t="s">
        <v>1</v>
      </c>
      <c r="C4935" s="14" t="s">
        <v>17</v>
      </c>
      <c r="D4935" s="14" t="s">
        <v>49</v>
      </c>
      <c r="E4935" s="15">
        <v>45566</v>
      </c>
      <c r="F4935" s="14" t="s">
        <v>15</v>
      </c>
      <c r="G4935" s="16">
        <v>0</v>
      </c>
    </row>
    <row r="4936" spans="1:7" x14ac:dyDescent="0.3">
      <c r="A4936" s="13" t="s">
        <v>48</v>
      </c>
      <c r="B4936" s="14" t="s">
        <v>1</v>
      </c>
      <c r="C4936" s="14" t="s">
        <v>17</v>
      </c>
      <c r="D4936" s="14" t="s">
        <v>49</v>
      </c>
      <c r="E4936" s="15">
        <v>45567</v>
      </c>
      <c r="F4936" s="14" t="s">
        <v>15</v>
      </c>
      <c r="G4936" s="16">
        <v>0</v>
      </c>
    </row>
    <row r="4937" spans="1:7" x14ac:dyDescent="0.3">
      <c r="A4937" s="13" t="s">
        <v>48</v>
      </c>
      <c r="B4937" s="14" t="s">
        <v>1</v>
      </c>
      <c r="C4937" s="14" t="s">
        <v>17</v>
      </c>
      <c r="D4937" s="14" t="s">
        <v>49</v>
      </c>
      <c r="E4937" s="15">
        <v>45568</v>
      </c>
      <c r="F4937" s="14" t="s">
        <v>15</v>
      </c>
      <c r="G4937" s="16">
        <v>0</v>
      </c>
    </row>
    <row r="4938" spans="1:7" x14ac:dyDescent="0.3">
      <c r="A4938" s="13" t="s">
        <v>48</v>
      </c>
      <c r="B4938" s="14" t="s">
        <v>1</v>
      </c>
      <c r="C4938" s="14" t="s">
        <v>17</v>
      </c>
      <c r="D4938" s="14" t="s">
        <v>49</v>
      </c>
      <c r="E4938" s="15">
        <v>45569</v>
      </c>
      <c r="F4938" s="14" t="s">
        <v>15</v>
      </c>
      <c r="G4938" s="16">
        <v>0</v>
      </c>
    </row>
    <row r="4939" spans="1:7" x14ac:dyDescent="0.3">
      <c r="A4939" s="13" t="s">
        <v>48</v>
      </c>
      <c r="B4939" s="14" t="s">
        <v>1</v>
      </c>
      <c r="C4939" s="14" t="s">
        <v>17</v>
      </c>
      <c r="D4939" s="14" t="s">
        <v>49</v>
      </c>
      <c r="E4939" s="15">
        <v>45570</v>
      </c>
      <c r="F4939" s="14" t="s">
        <v>15</v>
      </c>
      <c r="G4939" s="16">
        <v>0</v>
      </c>
    </row>
    <row r="4940" spans="1:7" x14ac:dyDescent="0.3">
      <c r="A4940" s="13" t="s">
        <v>48</v>
      </c>
      <c r="B4940" s="14" t="s">
        <v>1</v>
      </c>
      <c r="C4940" s="14" t="s">
        <v>17</v>
      </c>
      <c r="D4940" s="14" t="s">
        <v>49</v>
      </c>
      <c r="E4940" s="15">
        <v>45571</v>
      </c>
      <c r="F4940" s="14" t="s">
        <v>15</v>
      </c>
      <c r="G4940" s="16">
        <v>0</v>
      </c>
    </row>
    <row r="4941" spans="1:7" x14ac:dyDescent="0.3">
      <c r="A4941" s="13" t="s">
        <v>48</v>
      </c>
      <c r="B4941" s="14" t="s">
        <v>1</v>
      </c>
      <c r="C4941" s="14" t="s">
        <v>17</v>
      </c>
      <c r="D4941" s="14" t="s">
        <v>49</v>
      </c>
      <c r="E4941" s="15">
        <v>45572</v>
      </c>
      <c r="F4941" s="14" t="s">
        <v>15</v>
      </c>
      <c r="G4941" s="16">
        <v>0</v>
      </c>
    </row>
    <row r="4942" spans="1:7" x14ac:dyDescent="0.3">
      <c r="A4942" s="13" t="s">
        <v>48</v>
      </c>
      <c r="B4942" s="14" t="s">
        <v>1</v>
      </c>
      <c r="C4942" s="14" t="s">
        <v>17</v>
      </c>
      <c r="D4942" s="14" t="s">
        <v>49</v>
      </c>
      <c r="E4942" s="15">
        <v>45573</v>
      </c>
      <c r="F4942" s="14" t="s">
        <v>15</v>
      </c>
      <c r="G4942" s="16">
        <v>0</v>
      </c>
    </row>
    <row r="4943" spans="1:7" x14ac:dyDescent="0.3">
      <c r="A4943" s="13" t="s">
        <v>48</v>
      </c>
      <c r="B4943" s="14" t="s">
        <v>1</v>
      </c>
      <c r="C4943" s="14" t="s">
        <v>17</v>
      </c>
      <c r="D4943" s="14" t="s">
        <v>49</v>
      </c>
      <c r="E4943" s="15">
        <v>45574</v>
      </c>
      <c r="F4943" s="14" t="s">
        <v>15</v>
      </c>
      <c r="G4943" s="16">
        <v>0</v>
      </c>
    </row>
    <row r="4944" spans="1:7" x14ac:dyDescent="0.3">
      <c r="A4944" s="13" t="s">
        <v>48</v>
      </c>
      <c r="B4944" s="14" t="s">
        <v>1</v>
      </c>
      <c r="C4944" s="14" t="s">
        <v>17</v>
      </c>
      <c r="D4944" s="14" t="s">
        <v>49</v>
      </c>
      <c r="E4944" s="15">
        <v>45575</v>
      </c>
      <c r="F4944" s="14" t="s">
        <v>15</v>
      </c>
      <c r="G4944" s="16">
        <v>0</v>
      </c>
    </row>
    <row r="4945" spans="1:7" x14ac:dyDescent="0.3">
      <c r="A4945" s="13" t="s">
        <v>48</v>
      </c>
      <c r="B4945" s="14" t="s">
        <v>1</v>
      </c>
      <c r="C4945" s="14" t="s">
        <v>17</v>
      </c>
      <c r="D4945" s="14" t="s">
        <v>49</v>
      </c>
      <c r="E4945" s="15">
        <v>45576</v>
      </c>
      <c r="F4945" s="14" t="s">
        <v>15</v>
      </c>
      <c r="G4945" s="16">
        <v>0</v>
      </c>
    </row>
    <row r="4946" spans="1:7" x14ac:dyDescent="0.3">
      <c r="A4946" s="13" t="s">
        <v>48</v>
      </c>
      <c r="B4946" s="14" t="s">
        <v>1</v>
      </c>
      <c r="C4946" s="14" t="s">
        <v>17</v>
      </c>
      <c r="D4946" s="14" t="s">
        <v>49</v>
      </c>
      <c r="E4946" s="15">
        <v>45577</v>
      </c>
      <c r="F4946" s="14" t="s">
        <v>15</v>
      </c>
      <c r="G4946" s="16">
        <v>0</v>
      </c>
    </row>
    <row r="4947" spans="1:7" x14ac:dyDescent="0.3">
      <c r="A4947" s="13" t="s">
        <v>48</v>
      </c>
      <c r="B4947" s="14" t="s">
        <v>1</v>
      </c>
      <c r="C4947" s="14" t="s">
        <v>17</v>
      </c>
      <c r="D4947" s="14" t="s">
        <v>49</v>
      </c>
      <c r="E4947" s="15">
        <v>45578</v>
      </c>
      <c r="F4947" s="14" t="s">
        <v>15</v>
      </c>
      <c r="G4947" s="16">
        <v>0</v>
      </c>
    </row>
    <row r="4948" spans="1:7" x14ac:dyDescent="0.3">
      <c r="A4948" s="13" t="s">
        <v>48</v>
      </c>
      <c r="B4948" s="14" t="s">
        <v>1</v>
      </c>
      <c r="C4948" s="14" t="s">
        <v>17</v>
      </c>
      <c r="D4948" s="14" t="s">
        <v>49</v>
      </c>
      <c r="E4948" s="15">
        <v>45579</v>
      </c>
      <c r="F4948" s="14" t="s">
        <v>15</v>
      </c>
      <c r="G4948" s="16">
        <v>0</v>
      </c>
    </row>
    <row r="4949" spans="1:7" x14ac:dyDescent="0.3">
      <c r="A4949" s="13" t="s">
        <v>48</v>
      </c>
      <c r="B4949" s="14" t="s">
        <v>1</v>
      </c>
      <c r="C4949" s="14" t="s">
        <v>17</v>
      </c>
      <c r="D4949" s="14" t="s">
        <v>49</v>
      </c>
      <c r="E4949" s="15">
        <v>45580</v>
      </c>
      <c r="F4949" s="14" t="s">
        <v>15</v>
      </c>
      <c r="G4949" s="16">
        <v>0</v>
      </c>
    </row>
    <row r="4950" spans="1:7" x14ac:dyDescent="0.3">
      <c r="A4950" s="13" t="s">
        <v>48</v>
      </c>
      <c r="B4950" s="14" t="s">
        <v>1</v>
      </c>
      <c r="C4950" s="14" t="s">
        <v>17</v>
      </c>
      <c r="D4950" s="14" t="s">
        <v>49</v>
      </c>
      <c r="E4950" s="15">
        <v>45581</v>
      </c>
      <c r="F4950" s="14" t="s">
        <v>15</v>
      </c>
      <c r="G4950" s="16">
        <v>0</v>
      </c>
    </row>
    <row r="4951" spans="1:7" x14ac:dyDescent="0.3">
      <c r="A4951" s="13" t="s">
        <v>48</v>
      </c>
      <c r="B4951" s="14" t="s">
        <v>1</v>
      </c>
      <c r="C4951" s="14" t="s">
        <v>17</v>
      </c>
      <c r="D4951" s="14" t="s">
        <v>49</v>
      </c>
      <c r="E4951" s="15">
        <v>45582</v>
      </c>
      <c r="F4951" s="14" t="s">
        <v>15</v>
      </c>
      <c r="G4951" s="16">
        <v>0</v>
      </c>
    </row>
    <row r="4952" spans="1:7" x14ac:dyDescent="0.3">
      <c r="A4952" s="13" t="s">
        <v>48</v>
      </c>
      <c r="B4952" s="14" t="s">
        <v>1</v>
      </c>
      <c r="C4952" s="14" t="s">
        <v>17</v>
      </c>
      <c r="D4952" s="14" t="s">
        <v>49</v>
      </c>
      <c r="E4952" s="15">
        <v>45583</v>
      </c>
      <c r="F4952" s="14" t="s">
        <v>15</v>
      </c>
      <c r="G4952" s="16">
        <v>0</v>
      </c>
    </row>
    <row r="4953" spans="1:7" x14ac:dyDescent="0.3">
      <c r="A4953" s="13" t="s">
        <v>48</v>
      </c>
      <c r="B4953" s="14" t="s">
        <v>1</v>
      </c>
      <c r="C4953" s="14" t="s">
        <v>17</v>
      </c>
      <c r="D4953" s="14" t="s">
        <v>49</v>
      </c>
      <c r="E4953" s="15">
        <v>45584</v>
      </c>
      <c r="F4953" s="14" t="s">
        <v>15</v>
      </c>
      <c r="G4953" s="16">
        <v>0</v>
      </c>
    </row>
    <row r="4954" spans="1:7" x14ac:dyDescent="0.3">
      <c r="A4954" s="13" t="s">
        <v>48</v>
      </c>
      <c r="B4954" s="14" t="s">
        <v>1</v>
      </c>
      <c r="C4954" s="14" t="s">
        <v>17</v>
      </c>
      <c r="D4954" s="14" t="s">
        <v>49</v>
      </c>
      <c r="E4954" s="15">
        <v>45585</v>
      </c>
      <c r="F4954" s="14" t="s">
        <v>15</v>
      </c>
      <c r="G4954" s="16">
        <v>0</v>
      </c>
    </row>
    <row r="4955" spans="1:7" x14ac:dyDescent="0.3">
      <c r="A4955" s="13" t="s">
        <v>48</v>
      </c>
      <c r="B4955" s="14" t="s">
        <v>1</v>
      </c>
      <c r="C4955" s="14" t="s">
        <v>17</v>
      </c>
      <c r="D4955" s="14" t="s">
        <v>49</v>
      </c>
      <c r="E4955" s="15">
        <v>45586</v>
      </c>
      <c r="F4955" s="14" t="s">
        <v>15</v>
      </c>
      <c r="G4955" s="16">
        <v>0</v>
      </c>
    </row>
    <row r="4956" spans="1:7" x14ac:dyDescent="0.3">
      <c r="A4956" s="13" t="s">
        <v>48</v>
      </c>
      <c r="B4956" s="14" t="s">
        <v>1</v>
      </c>
      <c r="C4956" s="14" t="s">
        <v>17</v>
      </c>
      <c r="D4956" s="14" t="s">
        <v>49</v>
      </c>
      <c r="E4956" s="15">
        <v>45587</v>
      </c>
      <c r="F4956" s="14" t="s">
        <v>15</v>
      </c>
      <c r="G4956" s="16">
        <v>0</v>
      </c>
    </row>
    <row r="4957" spans="1:7" x14ac:dyDescent="0.3">
      <c r="A4957" s="13" t="s">
        <v>48</v>
      </c>
      <c r="B4957" s="14" t="s">
        <v>1</v>
      </c>
      <c r="C4957" s="14" t="s">
        <v>17</v>
      </c>
      <c r="D4957" s="14" t="s">
        <v>49</v>
      </c>
      <c r="E4957" s="15">
        <v>45588</v>
      </c>
      <c r="F4957" s="14" t="s">
        <v>15</v>
      </c>
      <c r="G4957" s="16">
        <v>0</v>
      </c>
    </row>
    <row r="4958" spans="1:7" x14ac:dyDescent="0.3">
      <c r="A4958" s="13" t="s">
        <v>48</v>
      </c>
      <c r="B4958" s="14" t="s">
        <v>1</v>
      </c>
      <c r="C4958" s="14" t="s">
        <v>17</v>
      </c>
      <c r="D4958" s="14" t="s">
        <v>49</v>
      </c>
      <c r="E4958" s="15">
        <v>45589</v>
      </c>
      <c r="F4958" s="14" t="s">
        <v>15</v>
      </c>
      <c r="G4958" s="16">
        <v>0</v>
      </c>
    </row>
    <row r="4959" spans="1:7" x14ac:dyDescent="0.3">
      <c r="A4959" s="13" t="s">
        <v>48</v>
      </c>
      <c r="B4959" s="14" t="s">
        <v>1</v>
      </c>
      <c r="C4959" s="14" t="s">
        <v>17</v>
      </c>
      <c r="D4959" s="14" t="s">
        <v>49</v>
      </c>
      <c r="E4959" s="15">
        <v>45590</v>
      </c>
      <c r="F4959" s="14" t="s">
        <v>15</v>
      </c>
      <c r="G4959" s="16">
        <v>0</v>
      </c>
    </row>
    <row r="4960" spans="1:7" x14ac:dyDescent="0.3">
      <c r="A4960" s="13" t="s">
        <v>48</v>
      </c>
      <c r="B4960" s="14" t="s">
        <v>1</v>
      </c>
      <c r="C4960" s="14" t="s">
        <v>17</v>
      </c>
      <c r="D4960" s="14" t="s">
        <v>49</v>
      </c>
      <c r="E4960" s="15">
        <v>45591</v>
      </c>
      <c r="F4960" s="14" t="s">
        <v>15</v>
      </c>
      <c r="G4960" s="16">
        <v>0</v>
      </c>
    </row>
    <row r="4961" spans="1:7" x14ac:dyDescent="0.3">
      <c r="A4961" s="13" t="s">
        <v>48</v>
      </c>
      <c r="B4961" s="14" t="s">
        <v>1</v>
      </c>
      <c r="C4961" s="14" t="s">
        <v>17</v>
      </c>
      <c r="D4961" s="14" t="s">
        <v>49</v>
      </c>
      <c r="E4961" s="15">
        <v>45592</v>
      </c>
      <c r="F4961" s="14" t="s">
        <v>15</v>
      </c>
      <c r="G4961" s="16">
        <v>0</v>
      </c>
    </row>
    <row r="4962" spans="1:7" x14ac:dyDescent="0.3">
      <c r="A4962" s="13" t="s">
        <v>48</v>
      </c>
      <c r="B4962" s="14" t="s">
        <v>1</v>
      </c>
      <c r="C4962" s="14" t="s">
        <v>17</v>
      </c>
      <c r="D4962" s="14" t="s">
        <v>49</v>
      </c>
      <c r="E4962" s="15">
        <v>45593</v>
      </c>
      <c r="F4962" s="14" t="s">
        <v>15</v>
      </c>
      <c r="G4962" s="16">
        <v>0</v>
      </c>
    </row>
    <row r="4963" spans="1:7" x14ac:dyDescent="0.3">
      <c r="A4963" s="13" t="s">
        <v>48</v>
      </c>
      <c r="B4963" s="14" t="s">
        <v>1</v>
      </c>
      <c r="C4963" s="14" t="s">
        <v>17</v>
      </c>
      <c r="D4963" s="14" t="s">
        <v>49</v>
      </c>
      <c r="E4963" s="15">
        <v>45594</v>
      </c>
      <c r="F4963" s="14" t="s">
        <v>15</v>
      </c>
      <c r="G4963" s="16">
        <v>0</v>
      </c>
    </row>
    <row r="4964" spans="1:7" x14ac:dyDescent="0.3">
      <c r="A4964" s="13" t="s">
        <v>48</v>
      </c>
      <c r="B4964" s="14" t="s">
        <v>1</v>
      </c>
      <c r="C4964" s="14" t="s">
        <v>17</v>
      </c>
      <c r="D4964" s="14" t="s">
        <v>49</v>
      </c>
      <c r="E4964" s="15">
        <v>45595</v>
      </c>
      <c r="F4964" s="14" t="s">
        <v>15</v>
      </c>
      <c r="G4964" s="16">
        <v>0</v>
      </c>
    </row>
    <row r="4965" spans="1:7" x14ac:dyDescent="0.3">
      <c r="A4965" s="13" t="s">
        <v>48</v>
      </c>
      <c r="B4965" s="14" t="s">
        <v>1</v>
      </c>
      <c r="C4965" s="14" t="s">
        <v>17</v>
      </c>
      <c r="D4965" s="14" t="s">
        <v>49</v>
      </c>
      <c r="E4965" s="15">
        <v>45596</v>
      </c>
      <c r="F4965" s="14" t="s">
        <v>15</v>
      </c>
      <c r="G4965" s="16">
        <v>0</v>
      </c>
    </row>
    <row r="4966" spans="1:7" x14ac:dyDescent="0.3">
      <c r="A4966" s="13" t="s">
        <v>48</v>
      </c>
      <c r="B4966" s="14" t="s">
        <v>1</v>
      </c>
      <c r="C4966" s="14" t="s">
        <v>17</v>
      </c>
      <c r="D4966" s="14" t="s">
        <v>49</v>
      </c>
      <c r="E4966" s="15">
        <v>45597</v>
      </c>
      <c r="F4966" s="14" t="s">
        <v>15</v>
      </c>
      <c r="G4966" s="16">
        <v>0</v>
      </c>
    </row>
    <row r="4967" spans="1:7" x14ac:dyDescent="0.3">
      <c r="A4967" s="13" t="s">
        <v>48</v>
      </c>
      <c r="B4967" s="14" t="s">
        <v>1</v>
      </c>
      <c r="C4967" s="14" t="s">
        <v>17</v>
      </c>
      <c r="D4967" s="14" t="s">
        <v>49</v>
      </c>
      <c r="E4967" s="15">
        <v>45598</v>
      </c>
      <c r="F4967" s="14" t="s">
        <v>15</v>
      </c>
      <c r="G4967" s="16">
        <v>0</v>
      </c>
    </row>
    <row r="4968" spans="1:7" x14ac:dyDescent="0.3">
      <c r="A4968" s="13" t="s">
        <v>48</v>
      </c>
      <c r="B4968" s="14" t="s">
        <v>1</v>
      </c>
      <c r="C4968" s="14" t="s">
        <v>17</v>
      </c>
      <c r="D4968" s="14" t="s">
        <v>49</v>
      </c>
      <c r="E4968" s="15">
        <v>45599</v>
      </c>
      <c r="F4968" s="14" t="s">
        <v>15</v>
      </c>
      <c r="G4968" s="16">
        <v>0</v>
      </c>
    </row>
    <row r="4969" spans="1:7" x14ac:dyDescent="0.3">
      <c r="A4969" s="13" t="s">
        <v>48</v>
      </c>
      <c r="B4969" s="14" t="s">
        <v>1</v>
      </c>
      <c r="C4969" s="14" t="s">
        <v>17</v>
      </c>
      <c r="D4969" s="14" t="s">
        <v>49</v>
      </c>
      <c r="E4969" s="15">
        <v>45600</v>
      </c>
      <c r="F4969" s="14" t="s">
        <v>15</v>
      </c>
      <c r="G4969" s="16">
        <v>0</v>
      </c>
    </row>
    <row r="4970" spans="1:7" x14ac:dyDescent="0.3">
      <c r="A4970" s="13" t="s">
        <v>48</v>
      </c>
      <c r="B4970" s="14" t="s">
        <v>1</v>
      </c>
      <c r="C4970" s="14" t="s">
        <v>17</v>
      </c>
      <c r="D4970" s="14" t="s">
        <v>49</v>
      </c>
      <c r="E4970" s="15">
        <v>45601</v>
      </c>
      <c r="F4970" s="14" t="s">
        <v>15</v>
      </c>
      <c r="G4970" s="16">
        <v>0</v>
      </c>
    </row>
    <row r="4971" spans="1:7" x14ac:dyDescent="0.3">
      <c r="A4971" s="13" t="s">
        <v>48</v>
      </c>
      <c r="B4971" s="14" t="s">
        <v>1</v>
      </c>
      <c r="C4971" s="14" t="s">
        <v>17</v>
      </c>
      <c r="D4971" s="14" t="s">
        <v>49</v>
      </c>
      <c r="E4971" s="15">
        <v>45602</v>
      </c>
      <c r="F4971" s="14" t="s">
        <v>15</v>
      </c>
      <c r="G4971" s="16">
        <v>0</v>
      </c>
    </row>
    <row r="4972" spans="1:7" x14ac:dyDescent="0.3">
      <c r="A4972" s="13" t="s">
        <v>48</v>
      </c>
      <c r="B4972" s="14" t="s">
        <v>1</v>
      </c>
      <c r="C4972" s="14" t="s">
        <v>17</v>
      </c>
      <c r="D4972" s="14" t="s">
        <v>49</v>
      </c>
      <c r="E4972" s="15">
        <v>45603</v>
      </c>
      <c r="F4972" s="14" t="s">
        <v>15</v>
      </c>
      <c r="G4972" s="16">
        <v>0</v>
      </c>
    </row>
    <row r="4973" spans="1:7" x14ac:dyDescent="0.3">
      <c r="A4973" s="13" t="s">
        <v>48</v>
      </c>
      <c r="B4973" s="14" t="s">
        <v>1</v>
      </c>
      <c r="C4973" s="14" t="s">
        <v>17</v>
      </c>
      <c r="D4973" s="14" t="s">
        <v>49</v>
      </c>
      <c r="E4973" s="15">
        <v>45604</v>
      </c>
      <c r="F4973" s="14" t="s">
        <v>15</v>
      </c>
      <c r="G4973" s="16">
        <v>0</v>
      </c>
    </row>
    <row r="4974" spans="1:7" x14ac:dyDescent="0.3">
      <c r="A4974" s="13" t="s">
        <v>48</v>
      </c>
      <c r="B4974" s="14" t="s">
        <v>1</v>
      </c>
      <c r="C4974" s="14" t="s">
        <v>17</v>
      </c>
      <c r="D4974" s="14" t="s">
        <v>49</v>
      </c>
      <c r="E4974" s="15">
        <v>45605</v>
      </c>
      <c r="F4974" s="14" t="s">
        <v>15</v>
      </c>
      <c r="G4974" s="16">
        <v>0</v>
      </c>
    </row>
    <row r="4975" spans="1:7" x14ac:dyDescent="0.3">
      <c r="A4975" s="13" t="s">
        <v>48</v>
      </c>
      <c r="B4975" s="14" t="s">
        <v>1</v>
      </c>
      <c r="C4975" s="14" t="s">
        <v>17</v>
      </c>
      <c r="D4975" s="14" t="s">
        <v>49</v>
      </c>
      <c r="E4975" s="15">
        <v>45606</v>
      </c>
      <c r="F4975" s="14" t="s">
        <v>15</v>
      </c>
      <c r="G4975" s="16">
        <v>0</v>
      </c>
    </row>
    <row r="4976" spans="1:7" x14ac:dyDescent="0.3">
      <c r="A4976" s="13" t="s">
        <v>48</v>
      </c>
      <c r="B4976" s="14" t="s">
        <v>1</v>
      </c>
      <c r="C4976" s="14" t="s">
        <v>17</v>
      </c>
      <c r="D4976" s="14" t="s">
        <v>49</v>
      </c>
      <c r="E4976" s="15">
        <v>45607</v>
      </c>
      <c r="F4976" s="14" t="s">
        <v>15</v>
      </c>
      <c r="G4976" s="16">
        <v>0</v>
      </c>
    </row>
    <row r="4977" spans="1:7" x14ac:dyDescent="0.3">
      <c r="A4977" s="13" t="s">
        <v>48</v>
      </c>
      <c r="B4977" s="14" t="s">
        <v>1</v>
      </c>
      <c r="C4977" s="14" t="s">
        <v>17</v>
      </c>
      <c r="D4977" s="14" t="s">
        <v>49</v>
      </c>
      <c r="E4977" s="15">
        <v>45608</v>
      </c>
      <c r="F4977" s="14" t="s">
        <v>15</v>
      </c>
      <c r="G4977" s="16">
        <v>0</v>
      </c>
    </row>
    <row r="4978" spans="1:7" x14ac:dyDescent="0.3">
      <c r="A4978" s="13" t="s">
        <v>48</v>
      </c>
      <c r="B4978" s="14" t="s">
        <v>1</v>
      </c>
      <c r="C4978" s="14" t="s">
        <v>17</v>
      </c>
      <c r="D4978" s="14" t="s">
        <v>49</v>
      </c>
      <c r="E4978" s="15">
        <v>45609</v>
      </c>
      <c r="F4978" s="14" t="s">
        <v>15</v>
      </c>
      <c r="G4978" s="16">
        <v>0</v>
      </c>
    </row>
    <row r="4979" spans="1:7" x14ac:dyDescent="0.3">
      <c r="A4979" s="13" t="s">
        <v>48</v>
      </c>
      <c r="B4979" s="14" t="s">
        <v>1</v>
      </c>
      <c r="C4979" s="14" t="s">
        <v>17</v>
      </c>
      <c r="D4979" s="14" t="s">
        <v>49</v>
      </c>
      <c r="E4979" s="15">
        <v>45610</v>
      </c>
      <c r="F4979" s="14" t="s">
        <v>15</v>
      </c>
      <c r="G4979" s="16">
        <v>0</v>
      </c>
    </row>
    <row r="4980" spans="1:7" x14ac:dyDescent="0.3">
      <c r="A4980" s="13" t="s">
        <v>48</v>
      </c>
      <c r="B4980" s="14" t="s">
        <v>1</v>
      </c>
      <c r="C4980" s="14" t="s">
        <v>17</v>
      </c>
      <c r="D4980" s="14" t="s">
        <v>49</v>
      </c>
      <c r="E4980" s="15">
        <v>45611</v>
      </c>
      <c r="F4980" s="14" t="s">
        <v>15</v>
      </c>
      <c r="G4980" s="16">
        <v>0</v>
      </c>
    </row>
    <row r="4981" spans="1:7" x14ac:dyDescent="0.3">
      <c r="A4981" s="13" t="s">
        <v>48</v>
      </c>
      <c r="B4981" s="14" t="s">
        <v>1</v>
      </c>
      <c r="C4981" s="14" t="s">
        <v>17</v>
      </c>
      <c r="D4981" s="14" t="s">
        <v>49</v>
      </c>
      <c r="E4981" s="15">
        <v>45612</v>
      </c>
      <c r="F4981" s="14" t="s">
        <v>15</v>
      </c>
      <c r="G4981" s="16">
        <v>0</v>
      </c>
    </row>
    <row r="4982" spans="1:7" x14ac:dyDescent="0.3">
      <c r="A4982" s="13" t="s">
        <v>48</v>
      </c>
      <c r="B4982" s="14" t="s">
        <v>1</v>
      </c>
      <c r="C4982" s="14" t="s">
        <v>17</v>
      </c>
      <c r="D4982" s="14" t="s">
        <v>49</v>
      </c>
      <c r="E4982" s="15">
        <v>45613</v>
      </c>
      <c r="F4982" s="14" t="s">
        <v>15</v>
      </c>
      <c r="G4982" s="16">
        <v>0</v>
      </c>
    </row>
    <row r="4983" spans="1:7" x14ac:dyDescent="0.3">
      <c r="A4983" s="13" t="s">
        <v>48</v>
      </c>
      <c r="B4983" s="14" t="s">
        <v>1</v>
      </c>
      <c r="C4983" s="14" t="s">
        <v>17</v>
      </c>
      <c r="D4983" s="14" t="s">
        <v>49</v>
      </c>
      <c r="E4983" s="15">
        <v>45614</v>
      </c>
      <c r="F4983" s="14" t="s">
        <v>15</v>
      </c>
      <c r="G4983" s="16">
        <v>0</v>
      </c>
    </row>
    <row r="4984" spans="1:7" x14ac:dyDescent="0.3">
      <c r="A4984" s="13" t="s">
        <v>48</v>
      </c>
      <c r="B4984" s="14" t="s">
        <v>1</v>
      </c>
      <c r="C4984" s="14" t="s">
        <v>17</v>
      </c>
      <c r="D4984" s="14" t="s">
        <v>49</v>
      </c>
      <c r="E4984" s="15">
        <v>45615</v>
      </c>
      <c r="F4984" s="14" t="s">
        <v>15</v>
      </c>
      <c r="G4984" s="16">
        <v>0</v>
      </c>
    </row>
    <row r="4985" spans="1:7" x14ac:dyDescent="0.3">
      <c r="A4985" s="13" t="s">
        <v>48</v>
      </c>
      <c r="B4985" s="14" t="s">
        <v>1</v>
      </c>
      <c r="C4985" s="14" t="s">
        <v>17</v>
      </c>
      <c r="D4985" s="14" t="s">
        <v>49</v>
      </c>
      <c r="E4985" s="15">
        <v>45616</v>
      </c>
      <c r="F4985" s="14" t="s">
        <v>15</v>
      </c>
      <c r="G4985" s="16">
        <v>0</v>
      </c>
    </row>
    <row r="4986" spans="1:7" x14ac:dyDescent="0.3">
      <c r="A4986" s="13" t="s">
        <v>48</v>
      </c>
      <c r="B4986" s="14" t="s">
        <v>1</v>
      </c>
      <c r="C4986" s="14" t="s">
        <v>17</v>
      </c>
      <c r="D4986" s="14" t="s">
        <v>49</v>
      </c>
      <c r="E4986" s="15">
        <v>45617</v>
      </c>
      <c r="F4986" s="14" t="s">
        <v>15</v>
      </c>
      <c r="G4986" s="16">
        <v>0</v>
      </c>
    </row>
    <row r="4987" spans="1:7" x14ac:dyDescent="0.3">
      <c r="A4987" s="13" t="s">
        <v>48</v>
      </c>
      <c r="B4987" s="14" t="s">
        <v>1</v>
      </c>
      <c r="C4987" s="14" t="s">
        <v>17</v>
      </c>
      <c r="D4987" s="14" t="s">
        <v>49</v>
      </c>
      <c r="E4987" s="15">
        <v>45618</v>
      </c>
      <c r="F4987" s="14" t="s">
        <v>15</v>
      </c>
      <c r="G4987" s="16">
        <v>0</v>
      </c>
    </row>
    <row r="4988" spans="1:7" x14ac:dyDescent="0.3">
      <c r="A4988" s="13" t="s">
        <v>48</v>
      </c>
      <c r="B4988" s="14" t="s">
        <v>1</v>
      </c>
      <c r="C4988" s="14" t="s">
        <v>17</v>
      </c>
      <c r="D4988" s="14" t="s">
        <v>49</v>
      </c>
      <c r="E4988" s="15">
        <v>45619</v>
      </c>
      <c r="F4988" s="14" t="s">
        <v>15</v>
      </c>
      <c r="G4988" s="16">
        <v>0</v>
      </c>
    </row>
    <row r="4989" spans="1:7" x14ac:dyDescent="0.3">
      <c r="A4989" s="13" t="s">
        <v>48</v>
      </c>
      <c r="B4989" s="14" t="s">
        <v>1</v>
      </c>
      <c r="C4989" s="14" t="s">
        <v>17</v>
      </c>
      <c r="D4989" s="14" t="s">
        <v>49</v>
      </c>
      <c r="E4989" s="15">
        <v>45620</v>
      </c>
      <c r="F4989" s="14" t="s">
        <v>15</v>
      </c>
      <c r="G4989" s="16">
        <v>0</v>
      </c>
    </row>
    <row r="4990" spans="1:7" x14ac:dyDescent="0.3">
      <c r="A4990" s="13" t="s">
        <v>48</v>
      </c>
      <c r="B4990" s="14" t="s">
        <v>1</v>
      </c>
      <c r="C4990" s="14" t="s">
        <v>17</v>
      </c>
      <c r="D4990" s="14" t="s">
        <v>49</v>
      </c>
      <c r="E4990" s="15">
        <v>45621</v>
      </c>
      <c r="F4990" s="14" t="s">
        <v>15</v>
      </c>
      <c r="G4990" s="16">
        <v>0</v>
      </c>
    </row>
    <row r="4991" spans="1:7" x14ac:dyDescent="0.3">
      <c r="A4991" s="13" t="s">
        <v>48</v>
      </c>
      <c r="B4991" s="14" t="s">
        <v>1</v>
      </c>
      <c r="C4991" s="14" t="s">
        <v>17</v>
      </c>
      <c r="D4991" s="14" t="s">
        <v>49</v>
      </c>
      <c r="E4991" s="15">
        <v>45622</v>
      </c>
      <c r="F4991" s="14" t="s">
        <v>15</v>
      </c>
      <c r="G4991" s="16">
        <v>0</v>
      </c>
    </row>
    <row r="4992" spans="1:7" x14ac:dyDescent="0.3">
      <c r="A4992" s="13" t="s">
        <v>48</v>
      </c>
      <c r="B4992" s="14" t="s">
        <v>1</v>
      </c>
      <c r="C4992" s="14" t="s">
        <v>17</v>
      </c>
      <c r="D4992" s="14" t="s">
        <v>49</v>
      </c>
      <c r="E4992" s="15">
        <v>45623</v>
      </c>
      <c r="F4992" s="14" t="s">
        <v>15</v>
      </c>
      <c r="G4992" s="16">
        <v>0</v>
      </c>
    </row>
    <row r="4993" spans="1:7" x14ac:dyDescent="0.3">
      <c r="A4993" s="13" t="s">
        <v>48</v>
      </c>
      <c r="B4993" s="14" t="s">
        <v>1</v>
      </c>
      <c r="C4993" s="14" t="s">
        <v>17</v>
      </c>
      <c r="D4993" s="14" t="s">
        <v>49</v>
      </c>
      <c r="E4993" s="15">
        <v>45624</v>
      </c>
      <c r="F4993" s="14" t="s">
        <v>15</v>
      </c>
      <c r="G4993" s="16">
        <v>0</v>
      </c>
    </row>
    <row r="4994" spans="1:7" x14ac:dyDescent="0.3">
      <c r="A4994" s="13" t="s">
        <v>48</v>
      </c>
      <c r="B4994" s="14" t="s">
        <v>1</v>
      </c>
      <c r="C4994" s="14" t="s">
        <v>17</v>
      </c>
      <c r="D4994" s="14" t="s">
        <v>49</v>
      </c>
      <c r="E4994" s="15">
        <v>45625</v>
      </c>
      <c r="F4994" s="14" t="s">
        <v>15</v>
      </c>
      <c r="G4994" s="16">
        <v>0</v>
      </c>
    </row>
    <row r="4995" spans="1:7" x14ac:dyDescent="0.3">
      <c r="A4995" s="13" t="s">
        <v>48</v>
      </c>
      <c r="B4995" s="14" t="s">
        <v>1</v>
      </c>
      <c r="C4995" s="14" t="s">
        <v>17</v>
      </c>
      <c r="D4995" s="14" t="s">
        <v>49</v>
      </c>
      <c r="E4995" s="15">
        <v>45626</v>
      </c>
      <c r="F4995" s="14" t="s">
        <v>15</v>
      </c>
      <c r="G4995" s="16">
        <v>0</v>
      </c>
    </row>
    <row r="4996" spans="1:7" x14ac:dyDescent="0.3">
      <c r="A4996" s="13" t="s">
        <v>48</v>
      </c>
      <c r="B4996" s="14" t="s">
        <v>1</v>
      </c>
      <c r="C4996" s="14" t="s">
        <v>17</v>
      </c>
      <c r="D4996" s="14" t="s">
        <v>49</v>
      </c>
      <c r="E4996" s="15">
        <v>45627</v>
      </c>
      <c r="F4996" s="14" t="s">
        <v>15</v>
      </c>
      <c r="G4996" s="16">
        <v>0</v>
      </c>
    </row>
    <row r="4997" spans="1:7" x14ac:dyDescent="0.3">
      <c r="A4997" s="13" t="s">
        <v>48</v>
      </c>
      <c r="B4997" s="14" t="s">
        <v>1</v>
      </c>
      <c r="C4997" s="14" t="s">
        <v>17</v>
      </c>
      <c r="D4997" s="14" t="s">
        <v>49</v>
      </c>
      <c r="E4997" s="15">
        <v>45628</v>
      </c>
      <c r="F4997" s="14" t="s">
        <v>15</v>
      </c>
      <c r="G4997" s="16">
        <v>0</v>
      </c>
    </row>
    <row r="4998" spans="1:7" x14ac:dyDescent="0.3">
      <c r="A4998" s="13" t="s">
        <v>48</v>
      </c>
      <c r="B4998" s="14" t="s">
        <v>1</v>
      </c>
      <c r="C4998" s="14" t="s">
        <v>17</v>
      </c>
      <c r="D4998" s="14" t="s">
        <v>49</v>
      </c>
      <c r="E4998" s="15">
        <v>45629</v>
      </c>
      <c r="F4998" s="14" t="s">
        <v>15</v>
      </c>
      <c r="G4998" s="16">
        <v>0</v>
      </c>
    </row>
    <row r="4999" spans="1:7" x14ac:dyDescent="0.3">
      <c r="A4999" s="13" t="s">
        <v>48</v>
      </c>
      <c r="B4999" s="14" t="s">
        <v>1</v>
      </c>
      <c r="C4999" s="14" t="s">
        <v>17</v>
      </c>
      <c r="D4999" s="14" t="s">
        <v>49</v>
      </c>
      <c r="E4999" s="15">
        <v>45630</v>
      </c>
      <c r="F4999" s="14" t="s">
        <v>15</v>
      </c>
      <c r="G4999" s="16">
        <v>0</v>
      </c>
    </row>
    <row r="5000" spans="1:7" x14ac:dyDescent="0.3">
      <c r="A5000" s="13" t="s">
        <v>48</v>
      </c>
      <c r="B5000" s="14" t="s">
        <v>1</v>
      </c>
      <c r="C5000" s="14" t="s">
        <v>17</v>
      </c>
      <c r="D5000" s="14" t="s">
        <v>49</v>
      </c>
      <c r="E5000" s="15">
        <v>45631</v>
      </c>
      <c r="F5000" s="14" t="s">
        <v>15</v>
      </c>
      <c r="G5000" s="16">
        <v>0</v>
      </c>
    </row>
    <row r="5001" spans="1:7" x14ac:dyDescent="0.3">
      <c r="A5001" s="13" t="s">
        <v>48</v>
      </c>
      <c r="B5001" s="14" t="s">
        <v>1</v>
      </c>
      <c r="C5001" s="14" t="s">
        <v>17</v>
      </c>
      <c r="D5001" s="14" t="s">
        <v>49</v>
      </c>
      <c r="E5001" s="15">
        <v>45632</v>
      </c>
      <c r="F5001" s="14" t="s">
        <v>15</v>
      </c>
      <c r="G5001" s="16">
        <v>0</v>
      </c>
    </row>
    <row r="5002" spans="1:7" x14ac:dyDescent="0.3">
      <c r="A5002" s="13" t="s">
        <v>48</v>
      </c>
      <c r="B5002" s="14" t="s">
        <v>1</v>
      </c>
      <c r="C5002" s="14" t="s">
        <v>17</v>
      </c>
      <c r="D5002" s="14" t="s">
        <v>49</v>
      </c>
      <c r="E5002" s="15">
        <v>45633</v>
      </c>
      <c r="F5002" s="14" t="s">
        <v>15</v>
      </c>
      <c r="G5002" s="16">
        <v>0</v>
      </c>
    </row>
    <row r="5003" spans="1:7" x14ac:dyDescent="0.3">
      <c r="A5003" s="13" t="s">
        <v>48</v>
      </c>
      <c r="B5003" s="14" t="s">
        <v>1</v>
      </c>
      <c r="C5003" s="14" t="s">
        <v>17</v>
      </c>
      <c r="D5003" s="14" t="s">
        <v>49</v>
      </c>
      <c r="E5003" s="15">
        <v>45634</v>
      </c>
      <c r="F5003" s="14" t="s">
        <v>15</v>
      </c>
      <c r="G5003" s="16">
        <v>0</v>
      </c>
    </row>
    <row r="5004" spans="1:7" x14ac:dyDescent="0.3">
      <c r="A5004" s="13" t="s">
        <v>48</v>
      </c>
      <c r="B5004" s="14" t="s">
        <v>1</v>
      </c>
      <c r="C5004" s="14" t="s">
        <v>17</v>
      </c>
      <c r="D5004" s="14" t="s">
        <v>49</v>
      </c>
      <c r="E5004" s="15">
        <v>45635</v>
      </c>
      <c r="F5004" s="14" t="s">
        <v>15</v>
      </c>
      <c r="G5004" s="16">
        <v>0</v>
      </c>
    </row>
    <row r="5005" spans="1:7" x14ac:dyDescent="0.3">
      <c r="A5005" s="13" t="s">
        <v>48</v>
      </c>
      <c r="B5005" s="14" t="s">
        <v>1</v>
      </c>
      <c r="C5005" s="14" t="s">
        <v>17</v>
      </c>
      <c r="D5005" s="14" t="s">
        <v>49</v>
      </c>
      <c r="E5005" s="15">
        <v>45636</v>
      </c>
      <c r="F5005" s="14" t="s">
        <v>15</v>
      </c>
      <c r="G5005" s="16">
        <v>0</v>
      </c>
    </row>
    <row r="5006" spans="1:7" x14ac:dyDescent="0.3">
      <c r="A5006" s="13" t="s">
        <v>48</v>
      </c>
      <c r="B5006" s="14" t="s">
        <v>1</v>
      </c>
      <c r="C5006" s="14" t="s">
        <v>17</v>
      </c>
      <c r="D5006" s="14" t="s">
        <v>49</v>
      </c>
      <c r="E5006" s="15">
        <v>45637</v>
      </c>
      <c r="F5006" s="14" t="s">
        <v>15</v>
      </c>
      <c r="G5006" s="16">
        <v>0</v>
      </c>
    </row>
    <row r="5007" spans="1:7" x14ac:dyDescent="0.3">
      <c r="A5007" s="13" t="s">
        <v>48</v>
      </c>
      <c r="B5007" s="14" t="s">
        <v>1</v>
      </c>
      <c r="C5007" s="14" t="s">
        <v>17</v>
      </c>
      <c r="D5007" s="14" t="s">
        <v>49</v>
      </c>
      <c r="E5007" s="15">
        <v>45638</v>
      </c>
      <c r="F5007" s="14" t="s">
        <v>15</v>
      </c>
      <c r="G5007" s="16">
        <v>0</v>
      </c>
    </row>
    <row r="5008" spans="1:7" x14ac:dyDescent="0.3">
      <c r="A5008" s="13" t="s">
        <v>48</v>
      </c>
      <c r="B5008" s="14" t="s">
        <v>1</v>
      </c>
      <c r="C5008" s="14" t="s">
        <v>17</v>
      </c>
      <c r="D5008" s="14" t="s">
        <v>49</v>
      </c>
      <c r="E5008" s="15">
        <v>45639</v>
      </c>
      <c r="F5008" s="14" t="s">
        <v>15</v>
      </c>
      <c r="G5008" s="16">
        <v>0</v>
      </c>
    </row>
    <row r="5009" spans="1:7" x14ac:dyDescent="0.3">
      <c r="A5009" s="13" t="s">
        <v>48</v>
      </c>
      <c r="B5009" s="14" t="s">
        <v>1</v>
      </c>
      <c r="C5009" s="14" t="s">
        <v>17</v>
      </c>
      <c r="D5009" s="14" t="s">
        <v>49</v>
      </c>
      <c r="E5009" s="15">
        <v>45640</v>
      </c>
      <c r="F5009" s="14" t="s">
        <v>15</v>
      </c>
      <c r="G5009" s="16">
        <v>0</v>
      </c>
    </row>
    <row r="5010" spans="1:7" x14ac:dyDescent="0.3">
      <c r="A5010" s="13" t="s">
        <v>48</v>
      </c>
      <c r="B5010" s="14" t="s">
        <v>1</v>
      </c>
      <c r="C5010" s="14" t="s">
        <v>17</v>
      </c>
      <c r="D5010" s="14" t="s">
        <v>49</v>
      </c>
      <c r="E5010" s="15">
        <v>45641</v>
      </c>
      <c r="F5010" s="14" t="s">
        <v>15</v>
      </c>
      <c r="G5010" s="16">
        <v>0</v>
      </c>
    </row>
    <row r="5011" spans="1:7" x14ac:dyDescent="0.3">
      <c r="A5011" s="13" t="s">
        <v>48</v>
      </c>
      <c r="B5011" s="14" t="s">
        <v>1</v>
      </c>
      <c r="C5011" s="14" t="s">
        <v>17</v>
      </c>
      <c r="D5011" s="14" t="s">
        <v>49</v>
      </c>
      <c r="E5011" s="15">
        <v>45642</v>
      </c>
      <c r="F5011" s="14" t="s">
        <v>15</v>
      </c>
      <c r="G5011" s="16">
        <v>0</v>
      </c>
    </row>
    <row r="5012" spans="1:7" x14ac:dyDescent="0.3">
      <c r="A5012" s="13" t="s">
        <v>48</v>
      </c>
      <c r="B5012" s="14" t="s">
        <v>1</v>
      </c>
      <c r="C5012" s="14" t="s">
        <v>17</v>
      </c>
      <c r="D5012" s="14" t="s">
        <v>49</v>
      </c>
      <c r="E5012" s="15">
        <v>45643</v>
      </c>
      <c r="F5012" s="14" t="s">
        <v>15</v>
      </c>
      <c r="G5012" s="16">
        <v>0</v>
      </c>
    </row>
    <row r="5013" spans="1:7" x14ac:dyDescent="0.3">
      <c r="A5013" s="13" t="s">
        <v>48</v>
      </c>
      <c r="B5013" s="14" t="s">
        <v>1</v>
      </c>
      <c r="C5013" s="14" t="s">
        <v>17</v>
      </c>
      <c r="D5013" s="14" t="s">
        <v>49</v>
      </c>
      <c r="E5013" s="15">
        <v>45644</v>
      </c>
      <c r="F5013" s="14" t="s">
        <v>15</v>
      </c>
      <c r="G5013" s="16">
        <v>0</v>
      </c>
    </row>
    <row r="5014" spans="1:7" x14ac:dyDescent="0.3">
      <c r="A5014" s="13" t="s">
        <v>48</v>
      </c>
      <c r="B5014" s="14" t="s">
        <v>1</v>
      </c>
      <c r="C5014" s="14" t="s">
        <v>17</v>
      </c>
      <c r="D5014" s="14" t="s">
        <v>49</v>
      </c>
      <c r="E5014" s="15">
        <v>45645</v>
      </c>
      <c r="F5014" s="14" t="s">
        <v>15</v>
      </c>
      <c r="G5014" s="16">
        <v>0</v>
      </c>
    </row>
    <row r="5015" spans="1:7" x14ac:dyDescent="0.3">
      <c r="A5015" s="13" t="s">
        <v>48</v>
      </c>
      <c r="B5015" s="14" t="s">
        <v>1</v>
      </c>
      <c r="C5015" s="14" t="s">
        <v>17</v>
      </c>
      <c r="D5015" s="14" t="s">
        <v>49</v>
      </c>
      <c r="E5015" s="15">
        <v>45646</v>
      </c>
      <c r="F5015" s="14" t="s">
        <v>15</v>
      </c>
      <c r="G5015" s="16">
        <v>0</v>
      </c>
    </row>
    <row r="5016" spans="1:7" x14ac:dyDescent="0.3">
      <c r="A5016" s="13" t="s">
        <v>48</v>
      </c>
      <c r="B5016" s="14" t="s">
        <v>1</v>
      </c>
      <c r="C5016" s="14" t="s">
        <v>17</v>
      </c>
      <c r="D5016" s="14" t="s">
        <v>49</v>
      </c>
      <c r="E5016" s="15">
        <v>45647</v>
      </c>
      <c r="F5016" s="14" t="s">
        <v>15</v>
      </c>
      <c r="G5016" s="16">
        <v>0</v>
      </c>
    </row>
    <row r="5017" spans="1:7" x14ac:dyDescent="0.3">
      <c r="A5017" s="13" t="s">
        <v>48</v>
      </c>
      <c r="B5017" s="14" t="s">
        <v>1</v>
      </c>
      <c r="C5017" s="14" t="s">
        <v>17</v>
      </c>
      <c r="D5017" s="14" t="s">
        <v>49</v>
      </c>
      <c r="E5017" s="15">
        <v>45648</v>
      </c>
      <c r="F5017" s="14" t="s">
        <v>15</v>
      </c>
      <c r="G5017" s="16">
        <v>0</v>
      </c>
    </row>
    <row r="5018" spans="1:7" x14ac:dyDescent="0.3">
      <c r="A5018" s="13" t="s">
        <v>48</v>
      </c>
      <c r="B5018" s="14" t="s">
        <v>1</v>
      </c>
      <c r="C5018" s="14" t="s">
        <v>17</v>
      </c>
      <c r="D5018" s="14" t="s">
        <v>49</v>
      </c>
      <c r="E5018" s="15">
        <v>45649</v>
      </c>
      <c r="F5018" s="14" t="s">
        <v>15</v>
      </c>
      <c r="G5018" s="16">
        <v>0</v>
      </c>
    </row>
    <row r="5019" spans="1:7" x14ac:dyDescent="0.3">
      <c r="A5019" s="13" t="s">
        <v>48</v>
      </c>
      <c r="B5019" s="14" t="s">
        <v>1</v>
      </c>
      <c r="C5019" s="14" t="s">
        <v>17</v>
      </c>
      <c r="D5019" s="14" t="s">
        <v>49</v>
      </c>
      <c r="E5019" s="15">
        <v>45650</v>
      </c>
      <c r="F5019" s="14" t="s">
        <v>15</v>
      </c>
      <c r="G5019" s="16">
        <v>0</v>
      </c>
    </row>
    <row r="5020" spans="1:7" x14ac:dyDescent="0.3">
      <c r="A5020" s="13" t="s">
        <v>48</v>
      </c>
      <c r="B5020" s="14" t="s">
        <v>1</v>
      </c>
      <c r="C5020" s="14" t="s">
        <v>17</v>
      </c>
      <c r="D5020" s="14" t="s">
        <v>49</v>
      </c>
      <c r="E5020" s="15">
        <v>45651</v>
      </c>
      <c r="F5020" s="14" t="s">
        <v>15</v>
      </c>
      <c r="G5020" s="16">
        <v>0</v>
      </c>
    </row>
    <row r="5021" spans="1:7" x14ac:dyDescent="0.3">
      <c r="A5021" s="13" t="s">
        <v>48</v>
      </c>
      <c r="B5021" s="14" t="s">
        <v>1</v>
      </c>
      <c r="C5021" s="14" t="s">
        <v>17</v>
      </c>
      <c r="D5021" s="14" t="s">
        <v>49</v>
      </c>
      <c r="E5021" s="15">
        <v>45652</v>
      </c>
      <c r="F5021" s="14" t="s">
        <v>15</v>
      </c>
      <c r="G5021" s="16">
        <v>0</v>
      </c>
    </row>
    <row r="5022" spans="1:7" x14ac:dyDescent="0.3">
      <c r="A5022" s="13" t="s">
        <v>48</v>
      </c>
      <c r="B5022" s="14" t="s">
        <v>1</v>
      </c>
      <c r="C5022" s="14" t="s">
        <v>17</v>
      </c>
      <c r="D5022" s="14" t="s">
        <v>49</v>
      </c>
      <c r="E5022" s="15">
        <v>45653</v>
      </c>
      <c r="F5022" s="14" t="s">
        <v>15</v>
      </c>
      <c r="G5022" s="16">
        <v>0</v>
      </c>
    </row>
    <row r="5023" spans="1:7" x14ac:dyDescent="0.3">
      <c r="A5023" s="13" t="s">
        <v>48</v>
      </c>
      <c r="B5023" s="14" t="s">
        <v>1</v>
      </c>
      <c r="C5023" s="14" t="s">
        <v>17</v>
      </c>
      <c r="D5023" s="14" t="s">
        <v>49</v>
      </c>
      <c r="E5023" s="15">
        <v>45654</v>
      </c>
      <c r="F5023" s="14" t="s">
        <v>15</v>
      </c>
      <c r="G5023" s="16">
        <v>0</v>
      </c>
    </row>
    <row r="5024" spans="1:7" x14ac:dyDescent="0.3">
      <c r="A5024" s="13" t="s">
        <v>48</v>
      </c>
      <c r="B5024" s="14" t="s">
        <v>1</v>
      </c>
      <c r="C5024" s="14" t="s">
        <v>17</v>
      </c>
      <c r="D5024" s="14" t="s">
        <v>49</v>
      </c>
      <c r="E5024" s="15">
        <v>45655</v>
      </c>
      <c r="F5024" s="14" t="s">
        <v>15</v>
      </c>
      <c r="G5024" s="16">
        <v>0</v>
      </c>
    </row>
    <row r="5025" spans="1:7" x14ac:dyDescent="0.3">
      <c r="A5025" s="13" t="s">
        <v>48</v>
      </c>
      <c r="B5025" s="14" t="s">
        <v>1</v>
      </c>
      <c r="C5025" s="14" t="s">
        <v>17</v>
      </c>
      <c r="D5025" s="14" t="s">
        <v>49</v>
      </c>
      <c r="E5025" s="15">
        <v>45656</v>
      </c>
      <c r="F5025" s="14" t="s">
        <v>15</v>
      </c>
      <c r="G5025" s="16">
        <v>0</v>
      </c>
    </row>
    <row r="5026" spans="1:7" x14ac:dyDescent="0.3">
      <c r="A5026" s="13" t="s">
        <v>48</v>
      </c>
      <c r="B5026" s="14" t="s">
        <v>1</v>
      </c>
      <c r="C5026" s="14" t="s">
        <v>17</v>
      </c>
      <c r="D5026" s="14" t="s">
        <v>49</v>
      </c>
      <c r="E5026" s="15">
        <v>45657</v>
      </c>
      <c r="F5026" s="14" t="s">
        <v>15</v>
      </c>
      <c r="G5026" s="16">
        <v>0</v>
      </c>
    </row>
    <row r="5027" spans="1:7" x14ac:dyDescent="0.3">
      <c r="A5027" s="13" t="s">
        <v>48</v>
      </c>
      <c r="B5027" s="14" t="s">
        <v>1</v>
      </c>
      <c r="C5027" s="14" t="s">
        <v>17</v>
      </c>
      <c r="D5027" s="14" t="s">
        <v>49</v>
      </c>
      <c r="E5027" s="15">
        <v>45658</v>
      </c>
      <c r="F5027" s="14" t="s">
        <v>15</v>
      </c>
      <c r="G5027" s="16">
        <v>0</v>
      </c>
    </row>
    <row r="5028" spans="1:7" x14ac:dyDescent="0.3">
      <c r="A5028" s="13" t="s">
        <v>48</v>
      </c>
      <c r="B5028" s="14" t="s">
        <v>1</v>
      </c>
      <c r="C5028" s="14" t="s">
        <v>17</v>
      </c>
      <c r="D5028" s="14" t="s">
        <v>49</v>
      </c>
      <c r="E5028" s="15">
        <v>45659</v>
      </c>
      <c r="F5028" s="14" t="s">
        <v>15</v>
      </c>
      <c r="G5028" s="16">
        <v>0</v>
      </c>
    </row>
    <row r="5029" spans="1:7" x14ac:dyDescent="0.3">
      <c r="A5029" s="13" t="s">
        <v>48</v>
      </c>
      <c r="B5029" s="14" t="s">
        <v>1</v>
      </c>
      <c r="C5029" s="14" t="s">
        <v>17</v>
      </c>
      <c r="D5029" s="14" t="s">
        <v>49</v>
      </c>
      <c r="E5029" s="15">
        <v>45660</v>
      </c>
      <c r="F5029" s="14" t="s">
        <v>15</v>
      </c>
      <c r="G5029" s="16">
        <v>0</v>
      </c>
    </row>
    <row r="5030" spans="1:7" x14ac:dyDescent="0.3">
      <c r="A5030" s="13" t="s">
        <v>48</v>
      </c>
      <c r="B5030" s="14" t="s">
        <v>1</v>
      </c>
      <c r="C5030" s="14" t="s">
        <v>17</v>
      </c>
      <c r="D5030" s="14" t="s">
        <v>49</v>
      </c>
      <c r="E5030" s="15">
        <v>45661</v>
      </c>
      <c r="F5030" s="14" t="s">
        <v>15</v>
      </c>
      <c r="G5030" s="16">
        <v>0</v>
      </c>
    </row>
    <row r="5031" spans="1:7" x14ac:dyDescent="0.3">
      <c r="A5031" s="13" t="s">
        <v>48</v>
      </c>
      <c r="B5031" s="14" t="s">
        <v>1</v>
      </c>
      <c r="C5031" s="14" t="s">
        <v>17</v>
      </c>
      <c r="D5031" s="14" t="s">
        <v>49</v>
      </c>
      <c r="E5031" s="15">
        <v>45662</v>
      </c>
      <c r="F5031" s="14" t="s">
        <v>15</v>
      </c>
      <c r="G5031" s="16">
        <v>0</v>
      </c>
    </row>
    <row r="5032" spans="1:7" x14ac:dyDescent="0.3">
      <c r="A5032" s="13" t="s">
        <v>48</v>
      </c>
      <c r="B5032" s="14" t="s">
        <v>1</v>
      </c>
      <c r="C5032" s="14" t="s">
        <v>17</v>
      </c>
      <c r="D5032" s="14" t="s">
        <v>49</v>
      </c>
      <c r="E5032" s="15">
        <v>45663</v>
      </c>
      <c r="F5032" s="14" t="s">
        <v>15</v>
      </c>
      <c r="G5032" s="16">
        <v>0</v>
      </c>
    </row>
    <row r="5033" spans="1:7" x14ac:dyDescent="0.3">
      <c r="A5033" s="13" t="s">
        <v>48</v>
      </c>
      <c r="B5033" s="14" t="s">
        <v>1</v>
      </c>
      <c r="C5033" s="14" t="s">
        <v>17</v>
      </c>
      <c r="D5033" s="14" t="s">
        <v>49</v>
      </c>
      <c r="E5033" s="15">
        <v>45664</v>
      </c>
      <c r="F5033" s="14" t="s">
        <v>15</v>
      </c>
      <c r="G5033" s="16">
        <v>0</v>
      </c>
    </row>
    <row r="5034" spans="1:7" x14ac:dyDescent="0.3">
      <c r="A5034" s="13" t="s">
        <v>48</v>
      </c>
      <c r="B5034" s="14" t="s">
        <v>1</v>
      </c>
      <c r="C5034" s="14" t="s">
        <v>17</v>
      </c>
      <c r="D5034" s="14" t="s">
        <v>49</v>
      </c>
      <c r="E5034" s="15">
        <v>45665</v>
      </c>
      <c r="F5034" s="14" t="s">
        <v>15</v>
      </c>
      <c r="G5034" s="16">
        <v>0</v>
      </c>
    </row>
    <row r="5035" spans="1:7" x14ac:dyDescent="0.3">
      <c r="A5035" s="13" t="s">
        <v>48</v>
      </c>
      <c r="B5035" s="14" t="s">
        <v>1</v>
      </c>
      <c r="C5035" s="14" t="s">
        <v>17</v>
      </c>
      <c r="D5035" s="14" t="s">
        <v>49</v>
      </c>
      <c r="E5035" s="15">
        <v>45666</v>
      </c>
      <c r="F5035" s="14" t="s">
        <v>15</v>
      </c>
      <c r="G5035" s="16">
        <v>0</v>
      </c>
    </row>
    <row r="5036" spans="1:7" x14ac:dyDescent="0.3">
      <c r="A5036" s="13" t="s">
        <v>48</v>
      </c>
      <c r="B5036" s="14" t="s">
        <v>1</v>
      </c>
      <c r="C5036" s="14" t="s">
        <v>17</v>
      </c>
      <c r="D5036" s="14" t="s">
        <v>49</v>
      </c>
      <c r="E5036" s="15">
        <v>45667</v>
      </c>
      <c r="F5036" s="14" t="s">
        <v>15</v>
      </c>
      <c r="G5036" s="16">
        <v>0</v>
      </c>
    </row>
    <row r="5037" spans="1:7" x14ac:dyDescent="0.3">
      <c r="A5037" s="13" t="s">
        <v>48</v>
      </c>
      <c r="B5037" s="14" t="s">
        <v>1</v>
      </c>
      <c r="C5037" s="14" t="s">
        <v>17</v>
      </c>
      <c r="D5037" s="14" t="s">
        <v>49</v>
      </c>
      <c r="E5037" s="15">
        <v>45668</v>
      </c>
      <c r="F5037" s="14" t="s">
        <v>15</v>
      </c>
      <c r="G5037" s="16">
        <v>0</v>
      </c>
    </row>
    <row r="5038" spans="1:7" x14ac:dyDescent="0.3">
      <c r="A5038" s="13" t="s">
        <v>48</v>
      </c>
      <c r="B5038" s="14" t="s">
        <v>1</v>
      </c>
      <c r="C5038" s="14" t="s">
        <v>17</v>
      </c>
      <c r="D5038" s="14" t="s">
        <v>49</v>
      </c>
      <c r="E5038" s="15">
        <v>45669</v>
      </c>
      <c r="F5038" s="14" t="s">
        <v>15</v>
      </c>
      <c r="G5038" s="16">
        <v>0</v>
      </c>
    </row>
    <row r="5039" spans="1:7" x14ac:dyDescent="0.3">
      <c r="A5039" s="13" t="s">
        <v>48</v>
      </c>
      <c r="B5039" s="14" t="s">
        <v>1</v>
      </c>
      <c r="C5039" s="14" t="s">
        <v>17</v>
      </c>
      <c r="D5039" s="14" t="s">
        <v>49</v>
      </c>
      <c r="E5039" s="15">
        <v>45670</v>
      </c>
      <c r="F5039" s="14" t="s">
        <v>15</v>
      </c>
      <c r="G5039" s="16">
        <v>0</v>
      </c>
    </row>
    <row r="5040" spans="1:7" x14ac:dyDescent="0.3">
      <c r="A5040" s="13" t="s">
        <v>48</v>
      </c>
      <c r="B5040" s="14" t="s">
        <v>1</v>
      </c>
      <c r="C5040" s="14" t="s">
        <v>17</v>
      </c>
      <c r="D5040" s="14" t="s">
        <v>49</v>
      </c>
      <c r="E5040" s="15">
        <v>45671</v>
      </c>
      <c r="F5040" s="14" t="s">
        <v>15</v>
      </c>
      <c r="G5040" s="16">
        <v>0</v>
      </c>
    </row>
    <row r="5041" spans="1:7" x14ac:dyDescent="0.3">
      <c r="A5041" s="13" t="s">
        <v>48</v>
      </c>
      <c r="B5041" s="14" t="s">
        <v>1</v>
      </c>
      <c r="C5041" s="14" t="s">
        <v>17</v>
      </c>
      <c r="D5041" s="14" t="s">
        <v>49</v>
      </c>
      <c r="E5041" s="15">
        <v>45672</v>
      </c>
      <c r="F5041" s="14" t="s">
        <v>15</v>
      </c>
      <c r="G5041" s="16">
        <v>0</v>
      </c>
    </row>
    <row r="5042" spans="1:7" x14ac:dyDescent="0.3">
      <c r="A5042" s="13" t="s">
        <v>48</v>
      </c>
      <c r="B5042" s="14" t="s">
        <v>1</v>
      </c>
      <c r="C5042" s="14" t="s">
        <v>17</v>
      </c>
      <c r="D5042" s="14" t="s">
        <v>49</v>
      </c>
      <c r="E5042" s="15">
        <v>45673</v>
      </c>
      <c r="F5042" s="14" t="s">
        <v>15</v>
      </c>
      <c r="G5042" s="16">
        <v>0</v>
      </c>
    </row>
    <row r="5043" spans="1:7" x14ac:dyDescent="0.3">
      <c r="A5043" s="13" t="s">
        <v>48</v>
      </c>
      <c r="B5043" s="14" t="s">
        <v>1</v>
      </c>
      <c r="C5043" s="14" t="s">
        <v>17</v>
      </c>
      <c r="D5043" s="14" t="s">
        <v>49</v>
      </c>
      <c r="E5043" s="15">
        <v>45674</v>
      </c>
      <c r="F5043" s="14" t="s">
        <v>15</v>
      </c>
      <c r="G5043" s="16">
        <v>0</v>
      </c>
    </row>
    <row r="5044" spans="1:7" x14ac:dyDescent="0.3">
      <c r="A5044" s="13" t="s">
        <v>48</v>
      </c>
      <c r="B5044" s="14" t="s">
        <v>1</v>
      </c>
      <c r="C5044" s="14" t="s">
        <v>17</v>
      </c>
      <c r="D5044" s="14" t="s">
        <v>49</v>
      </c>
      <c r="E5044" s="15">
        <v>45675</v>
      </c>
      <c r="F5044" s="14" t="s">
        <v>15</v>
      </c>
      <c r="G5044" s="16">
        <v>0</v>
      </c>
    </row>
    <row r="5045" spans="1:7" x14ac:dyDescent="0.3">
      <c r="A5045" s="13" t="s">
        <v>48</v>
      </c>
      <c r="B5045" s="14" t="s">
        <v>1</v>
      </c>
      <c r="C5045" s="14" t="s">
        <v>17</v>
      </c>
      <c r="D5045" s="14" t="s">
        <v>49</v>
      </c>
      <c r="E5045" s="15">
        <v>45676</v>
      </c>
      <c r="F5045" s="14" t="s">
        <v>15</v>
      </c>
      <c r="G5045" s="16">
        <v>0</v>
      </c>
    </row>
    <row r="5046" spans="1:7" x14ac:dyDescent="0.3">
      <c r="A5046" s="13" t="s">
        <v>48</v>
      </c>
      <c r="B5046" s="14" t="s">
        <v>1</v>
      </c>
      <c r="C5046" s="14" t="s">
        <v>17</v>
      </c>
      <c r="D5046" s="14" t="s">
        <v>49</v>
      </c>
      <c r="E5046" s="15">
        <v>45677</v>
      </c>
      <c r="F5046" s="14" t="s">
        <v>15</v>
      </c>
      <c r="G5046" s="16">
        <v>0</v>
      </c>
    </row>
    <row r="5047" spans="1:7" x14ac:dyDescent="0.3">
      <c r="A5047" s="13" t="s">
        <v>48</v>
      </c>
      <c r="B5047" s="14" t="s">
        <v>1</v>
      </c>
      <c r="C5047" s="14" t="s">
        <v>17</v>
      </c>
      <c r="D5047" s="14" t="s">
        <v>49</v>
      </c>
      <c r="E5047" s="15">
        <v>45678</v>
      </c>
      <c r="F5047" s="14" t="s">
        <v>15</v>
      </c>
      <c r="G5047" s="16">
        <v>0</v>
      </c>
    </row>
    <row r="5048" spans="1:7" x14ac:dyDescent="0.3">
      <c r="A5048" s="13" t="s">
        <v>48</v>
      </c>
      <c r="B5048" s="14" t="s">
        <v>1</v>
      </c>
      <c r="C5048" s="14" t="s">
        <v>17</v>
      </c>
      <c r="D5048" s="14" t="s">
        <v>49</v>
      </c>
      <c r="E5048" s="15">
        <v>45679</v>
      </c>
      <c r="F5048" s="14" t="s">
        <v>15</v>
      </c>
      <c r="G5048" s="16">
        <v>0</v>
      </c>
    </row>
    <row r="5049" spans="1:7" x14ac:dyDescent="0.3">
      <c r="A5049" s="13" t="s">
        <v>48</v>
      </c>
      <c r="B5049" s="14" t="s">
        <v>1</v>
      </c>
      <c r="C5049" s="14" t="s">
        <v>17</v>
      </c>
      <c r="D5049" s="14" t="s">
        <v>49</v>
      </c>
      <c r="E5049" s="15">
        <v>45680</v>
      </c>
      <c r="F5049" s="14" t="s">
        <v>15</v>
      </c>
      <c r="G5049" s="16">
        <v>0</v>
      </c>
    </row>
    <row r="5050" spans="1:7" x14ac:dyDescent="0.3">
      <c r="A5050" s="13" t="s">
        <v>48</v>
      </c>
      <c r="B5050" s="14" t="s">
        <v>1</v>
      </c>
      <c r="C5050" s="14" t="s">
        <v>17</v>
      </c>
      <c r="D5050" s="14" t="s">
        <v>49</v>
      </c>
      <c r="E5050" s="15">
        <v>45681</v>
      </c>
      <c r="F5050" s="14" t="s">
        <v>15</v>
      </c>
      <c r="G5050" s="16">
        <v>0</v>
      </c>
    </row>
    <row r="5051" spans="1:7" x14ac:dyDescent="0.3">
      <c r="A5051" s="13" t="s">
        <v>48</v>
      </c>
      <c r="B5051" s="14" t="s">
        <v>1</v>
      </c>
      <c r="C5051" s="14" t="s">
        <v>17</v>
      </c>
      <c r="D5051" s="14" t="s">
        <v>49</v>
      </c>
      <c r="E5051" s="15">
        <v>45682</v>
      </c>
      <c r="F5051" s="14" t="s">
        <v>15</v>
      </c>
      <c r="G5051" s="16">
        <v>0</v>
      </c>
    </row>
    <row r="5052" spans="1:7" x14ac:dyDescent="0.3">
      <c r="A5052" s="13" t="s">
        <v>48</v>
      </c>
      <c r="B5052" s="14" t="s">
        <v>1</v>
      </c>
      <c r="C5052" s="14" t="s">
        <v>17</v>
      </c>
      <c r="D5052" s="14" t="s">
        <v>49</v>
      </c>
      <c r="E5052" s="15">
        <v>45683</v>
      </c>
      <c r="F5052" s="14" t="s">
        <v>15</v>
      </c>
      <c r="G5052" s="16">
        <v>0</v>
      </c>
    </row>
    <row r="5053" spans="1:7" x14ac:dyDescent="0.3">
      <c r="A5053" s="13" t="s">
        <v>48</v>
      </c>
      <c r="B5053" s="14" t="s">
        <v>1</v>
      </c>
      <c r="C5053" s="14" t="s">
        <v>17</v>
      </c>
      <c r="D5053" s="14" t="s">
        <v>49</v>
      </c>
      <c r="E5053" s="15">
        <v>45684</v>
      </c>
      <c r="F5053" s="14" t="s">
        <v>15</v>
      </c>
      <c r="G5053" s="16">
        <v>0</v>
      </c>
    </row>
    <row r="5054" spans="1:7" x14ac:dyDescent="0.3">
      <c r="A5054" s="13" t="s">
        <v>48</v>
      </c>
      <c r="B5054" s="14" t="s">
        <v>1</v>
      </c>
      <c r="C5054" s="14" t="s">
        <v>17</v>
      </c>
      <c r="D5054" s="14" t="s">
        <v>49</v>
      </c>
      <c r="E5054" s="15">
        <v>45685</v>
      </c>
      <c r="F5054" s="14" t="s">
        <v>15</v>
      </c>
      <c r="G5054" s="16">
        <v>0</v>
      </c>
    </row>
    <row r="5055" spans="1:7" x14ac:dyDescent="0.3">
      <c r="A5055" s="13" t="s">
        <v>48</v>
      </c>
      <c r="B5055" s="14" t="s">
        <v>1</v>
      </c>
      <c r="C5055" s="14" t="s">
        <v>17</v>
      </c>
      <c r="D5055" s="14" t="s">
        <v>49</v>
      </c>
      <c r="E5055" s="15">
        <v>45686</v>
      </c>
      <c r="F5055" s="14" t="s">
        <v>15</v>
      </c>
      <c r="G5055" s="16">
        <v>0</v>
      </c>
    </row>
    <row r="5056" spans="1:7" x14ac:dyDescent="0.3">
      <c r="A5056" s="13" t="s">
        <v>48</v>
      </c>
      <c r="B5056" s="14" t="s">
        <v>1</v>
      </c>
      <c r="C5056" s="14" t="s">
        <v>17</v>
      </c>
      <c r="D5056" s="14" t="s">
        <v>49</v>
      </c>
      <c r="E5056" s="15">
        <v>45687</v>
      </c>
      <c r="F5056" s="14" t="s">
        <v>15</v>
      </c>
      <c r="G5056" s="16">
        <v>0</v>
      </c>
    </row>
    <row r="5057" spans="1:7" x14ac:dyDescent="0.3">
      <c r="A5057" s="13" t="s">
        <v>48</v>
      </c>
      <c r="B5057" s="14" t="s">
        <v>1</v>
      </c>
      <c r="C5057" s="14" t="s">
        <v>17</v>
      </c>
      <c r="D5057" s="14" t="s">
        <v>49</v>
      </c>
      <c r="E5057" s="15">
        <v>45688</v>
      </c>
      <c r="F5057" s="14" t="s">
        <v>15</v>
      </c>
      <c r="G5057" s="16">
        <v>0</v>
      </c>
    </row>
    <row r="5058" spans="1:7" x14ac:dyDescent="0.3">
      <c r="A5058" s="13" t="s">
        <v>48</v>
      </c>
      <c r="B5058" s="14" t="s">
        <v>1</v>
      </c>
      <c r="C5058" s="14" t="s">
        <v>17</v>
      </c>
      <c r="D5058" s="14" t="s">
        <v>49</v>
      </c>
      <c r="E5058" s="15">
        <v>45689</v>
      </c>
      <c r="F5058" s="14" t="s">
        <v>15</v>
      </c>
      <c r="G5058" s="16">
        <v>0</v>
      </c>
    </row>
    <row r="5059" spans="1:7" x14ac:dyDescent="0.3">
      <c r="A5059" s="13" t="s">
        <v>48</v>
      </c>
      <c r="B5059" s="14" t="s">
        <v>1</v>
      </c>
      <c r="C5059" s="14" t="s">
        <v>17</v>
      </c>
      <c r="D5059" s="14" t="s">
        <v>49</v>
      </c>
      <c r="E5059" s="15">
        <v>45690</v>
      </c>
      <c r="F5059" s="14" t="s">
        <v>15</v>
      </c>
      <c r="G5059" s="16">
        <v>0</v>
      </c>
    </row>
    <row r="5060" spans="1:7" x14ac:dyDescent="0.3">
      <c r="A5060" s="13" t="s">
        <v>48</v>
      </c>
      <c r="B5060" s="14" t="s">
        <v>1</v>
      </c>
      <c r="C5060" s="14" t="s">
        <v>17</v>
      </c>
      <c r="D5060" s="14" t="s">
        <v>49</v>
      </c>
      <c r="E5060" s="15">
        <v>45691</v>
      </c>
      <c r="F5060" s="14" t="s">
        <v>15</v>
      </c>
      <c r="G5060" s="16">
        <v>0</v>
      </c>
    </row>
    <row r="5061" spans="1:7" x14ac:dyDescent="0.3">
      <c r="A5061" s="13" t="s">
        <v>48</v>
      </c>
      <c r="B5061" s="14" t="s">
        <v>1</v>
      </c>
      <c r="C5061" s="14" t="s">
        <v>17</v>
      </c>
      <c r="D5061" s="14" t="s">
        <v>49</v>
      </c>
      <c r="E5061" s="15">
        <v>45692</v>
      </c>
      <c r="F5061" s="14" t="s">
        <v>15</v>
      </c>
      <c r="G5061" s="16">
        <v>0</v>
      </c>
    </row>
    <row r="5062" spans="1:7" x14ac:dyDescent="0.3">
      <c r="A5062" s="13" t="s">
        <v>48</v>
      </c>
      <c r="B5062" s="14" t="s">
        <v>1</v>
      </c>
      <c r="C5062" s="14" t="s">
        <v>17</v>
      </c>
      <c r="D5062" s="14" t="s">
        <v>49</v>
      </c>
      <c r="E5062" s="15">
        <v>45693</v>
      </c>
      <c r="F5062" s="14" t="s">
        <v>15</v>
      </c>
      <c r="G5062" s="16">
        <v>0</v>
      </c>
    </row>
    <row r="5063" spans="1:7" x14ac:dyDescent="0.3">
      <c r="A5063" s="13" t="s">
        <v>48</v>
      </c>
      <c r="B5063" s="14" t="s">
        <v>1</v>
      </c>
      <c r="C5063" s="14" t="s">
        <v>17</v>
      </c>
      <c r="D5063" s="14" t="s">
        <v>49</v>
      </c>
      <c r="E5063" s="15">
        <v>45694</v>
      </c>
      <c r="F5063" s="14" t="s">
        <v>15</v>
      </c>
      <c r="G5063" s="16">
        <v>0</v>
      </c>
    </row>
    <row r="5064" spans="1:7" x14ac:dyDescent="0.3">
      <c r="A5064" s="13" t="s">
        <v>48</v>
      </c>
      <c r="B5064" s="14" t="s">
        <v>1</v>
      </c>
      <c r="C5064" s="14" t="s">
        <v>17</v>
      </c>
      <c r="D5064" s="14" t="s">
        <v>49</v>
      </c>
      <c r="E5064" s="15">
        <v>45695</v>
      </c>
      <c r="F5064" s="14" t="s">
        <v>15</v>
      </c>
      <c r="G5064" s="16">
        <v>0</v>
      </c>
    </row>
    <row r="5065" spans="1:7" x14ac:dyDescent="0.3">
      <c r="A5065" s="13" t="s">
        <v>48</v>
      </c>
      <c r="B5065" s="14" t="s">
        <v>1</v>
      </c>
      <c r="C5065" s="14" t="s">
        <v>17</v>
      </c>
      <c r="D5065" s="14" t="s">
        <v>49</v>
      </c>
      <c r="E5065" s="15">
        <v>45696</v>
      </c>
      <c r="F5065" s="14" t="s">
        <v>15</v>
      </c>
      <c r="G5065" s="16">
        <v>0</v>
      </c>
    </row>
    <row r="5066" spans="1:7" x14ac:dyDescent="0.3">
      <c r="A5066" s="13" t="s">
        <v>48</v>
      </c>
      <c r="B5066" s="14" t="s">
        <v>1</v>
      </c>
      <c r="C5066" s="14" t="s">
        <v>17</v>
      </c>
      <c r="D5066" s="14" t="s">
        <v>49</v>
      </c>
      <c r="E5066" s="15">
        <v>45697</v>
      </c>
      <c r="F5066" s="14" t="s">
        <v>15</v>
      </c>
      <c r="G5066" s="16">
        <v>0</v>
      </c>
    </row>
    <row r="5067" spans="1:7" x14ac:dyDescent="0.3">
      <c r="A5067" s="13" t="s">
        <v>48</v>
      </c>
      <c r="B5067" s="14" t="s">
        <v>1</v>
      </c>
      <c r="C5067" s="14" t="s">
        <v>17</v>
      </c>
      <c r="D5067" s="14" t="s">
        <v>49</v>
      </c>
      <c r="E5067" s="15">
        <v>45698</v>
      </c>
      <c r="F5067" s="14" t="s">
        <v>15</v>
      </c>
      <c r="G5067" s="16">
        <v>0</v>
      </c>
    </row>
    <row r="5068" spans="1:7" x14ac:dyDescent="0.3">
      <c r="A5068" s="13" t="s">
        <v>48</v>
      </c>
      <c r="B5068" s="14" t="s">
        <v>1</v>
      </c>
      <c r="C5068" s="14" t="s">
        <v>17</v>
      </c>
      <c r="D5068" s="14" t="s">
        <v>49</v>
      </c>
      <c r="E5068" s="15">
        <v>45699</v>
      </c>
      <c r="F5068" s="14" t="s">
        <v>15</v>
      </c>
      <c r="G5068" s="16">
        <v>0</v>
      </c>
    </row>
    <row r="5069" spans="1:7" x14ac:dyDescent="0.3">
      <c r="A5069" s="13" t="s">
        <v>48</v>
      </c>
      <c r="B5069" s="14" t="s">
        <v>1</v>
      </c>
      <c r="C5069" s="14" t="s">
        <v>17</v>
      </c>
      <c r="D5069" s="14" t="s">
        <v>49</v>
      </c>
      <c r="E5069" s="15">
        <v>45700</v>
      </c>
      <c r="F5069" s="14" t="s">
        <v>15</v>
      </c>
      <c r="G5069" s="16">
        <v>0</v>
      </c>
    </row>
    <row r="5070" spans="1:7" x14ac:dyDescent="0.3">
      <c r="A5070" s="13" t="s">
        <v>48</v>
      </c>
      <c r="B5070" s="14" t="s">
        <v>1</v>
      </c>
      <c r="C5070" s="14" t="s">
        <v>17</v>
      </c>
      <c r="D5070" s="14" t="s">
        <v>49</v>
      </c>
      <c r="E5070" s="15">
        <v>45701</v>
      </c>
      <c r="F5070" s="14" t="s">
        <v>15</v>
      </c>
      <c r="G5070" s="16">
        <v>0</v>
      </c>
    </row>
    <row r="5071" spans="1:7" x14ac:dyDescent="0.3">
      <c r="A5071" s="13" t="s">
        <v>48</v>
      </c>
      <c r="B5071" s="14" t="s">
        <v>1</v>
      </c>
      <c r="C5071" s="14" t="s">
        <v>17</v>
      </c>
      <c r="D5071" s="14" t="s">
        <v>49</v>
      </c>
      <c r="E5071" s="15">
        <v>45702</v>
      </c>
      <c r="F5071" s="14" t="s">
        <v>15</v>
      </c>
      <c r="G5071" s="16">
        <v>0</v>
      </c>
    </row>
    <row r="5072" spans="1:7" x14ac:dyDescent="0.3">
      <c r="A5072" s="13" t="s">
        <v>48</v>
      </c>
      <c r="B5072" s="14" t="s">
        <v>1</v>
      </c>
      <c r="C5072" s="14" t="s">
        <v>17</v>
      </c>
      <c r="D5072" s="14" t="s">
        <v>49</v>
      </c>
      <c r="E5072" s="15">
        <v>45703</v>
      </c>
      <c r="F5072" s="14" t="s">
        <v>15</v>
      </c>
      <c r="G5072" s="16">
        <v>0</v>
      </c>
    </row>
    <row r="5073" spans="1:7" x14ac:dyDescent="0.3">
      <c r="A5073" s="13" t="s">
        <v>48</v>
      </c>
      <c r="B5073" s="14" t="s">
        <v>1</v>
      </c>
      <c r="C5073" s="14" t="s">
        <v>17</v>
      </c>
      <c r="D5073" s="14" t="s">
        <v>49</v>
      </c>
      <c r="E5073" s="15">
        <v>45704</v>
      </c>
      <c r="F5073" s="14" t="s">
        <v>15</v>
      </c>
      <c r="G5073" s="16">
        <v>0</v>
      </c>
    </row>
    <row r="5074" spans="1:7" x14ac:dyDescent="0.3">
      <c r="A5074" s="13" t="s">
        <v>48</v>
      </c>
      <c r="B5074" s="14" t="s">
        <v>1</v>
      </c>
      <c r="C5074" s="14" t="s">
        <v>17</v>
      </c>
      <c r="D5074" s="14" t="s">
        <v>49</v>
      </c>
      <c r="E5074" s="15">
        <v>45705</v>
      </c>
      <c r="F5074" s="14" t="s">
        <v>15</v>
      </c>
      <c r="G5074" s="16">
        <v>0</v>
      </c>
    </row>
    <row r="5075" spans="1:7" x14ac:dyDescent="0.3">
      <c r="A5075" s="13" t="s">
        <v>48</v>
      </c>
      <c r="B5075" s="14" t="s">
        <v>1</v>
      </c>
      <c r="C5075" s="14" t="s">
        <v>17</v>
      </c>
      <c r="D5075" s="14" t="s">
        <v>49</v>
      </c>
      <c r="E5075" s="15">
        <v>45706</v>
      </c>
      <c r="F5075" s="14" t="s">
        <v>15</v>
      </c>
      <c r="G5075" s="16">
        <v>0</v>
      </c>
    </row>
    <row r="5076" spans="1:7" x14ac:dyDescent="0.3">
      <c r="A5076" s="13" t="s">
        <v>48</v>
      </c>
      <c r="B5076" s="14" t="s">
        <v>1</v>
      </c>
      <c r="C5076" s="14" t="s">
        <v>17</v>
      </c>
      <c r="D5076" s="14" t="s">
        <v>49</v>
      </c>
      <c r="E5076" s="15">
        <v>45707</v>
      </c>
      <c r="F5076" s="14" t="s">
        <v>15</v>
      </c>
      <c r="G5076" s="16">
        <v>0</v>
      </c>
    </row>
    <row r="5077" spans="1:7" x14ac:dyDescent="0.3">
      <c r="A5077" s="13" t="s">
        <v>48</v>
      </c>
      <c r="B5077" s="14" t="s">
        <v>1</v>
      </c>
      <c r="C5077" s="14" t="s">
        <v>17</v>
      </c>
      <c r="D5077" s="14" t="s">
        <v>49</v>
      </c>
      <c r="E5077" s="15">
        <v>45708</v>
      </c>
      <c r="F5077" s="14" t="s">
        <v>15</v>
      </c>
      <c r="G5077" s="16">
        <v>0</v>
      </c>
    </row>
    <row r="5078" spans="1:7" x14ac:dyDescent="0.3">
      <c r="A5078" s="13" t="s">
        <v>48</v>
      </c>
      <c r="B5078" s="14" t="s">
        <v>1</v>
      </c>
      <c r="C5078" s="14" t="s">
        <v>17</v>
      </c>
      <c r="D5078" s="14" t="s">
        <v>49</v>
      </c>
      <c r="E5078" s="15">
        <v>45709</v>
      </c>
      <c r="F5078" s="14" t="s">
        <v>15</v>
      </c>
      <c r="G5078" s="16">
        <v>0</v>
      </c>
    </row>
    <row r="5079" spans="1:7" x14ac:dyDescent="0.3">
      <c r="A5079" s="13" t="s">
        <v>48</v>
      </c>
      <c r="B5079" s="14" t="s">
        <v>1</v>
      </c>
      <c r="C5079" s="14" t="s">
        <v>17</v>
      </c>
      <c r="D5079" s="14" t="s">
        <v>49</v>
      </c>
      <c r="E5079" s="15">
        <v>45710</v>
      </c>
      <c r="F5079" s="14" t="s">
        <v>15</v>
      </c>
      <c r="G5079" s="16">
        <v>0</v>
      </c>
    </row>
    <row r="5080" spans="1:7" x14ac:dyDescent="0.3">
      <c r="A5080" s="13" t="s">
        <v>48</v>
      </c>
      <c r="B5080" s="14" t="s">
        <v>1</v>
      </c>
      <c r="C5080" s="14" t="s">
        <v>17</v>
      </c>
      <c r="D5080" s="14" t="s">
        <v>49</v>
      </c>
      <c r="E5080" s="15">
        <v>45711</v>
      </c>
      <c r="F5080" s="14" t="s">
        <v>15</v>
      </c>
      <c r="G5080" s="16">
        <v>0</v>
      </c>
    </row>
    <row r="5081" spans="1:7" x14ac:dyDescent="0.3">
      <c r="A5081" s="13" t="s">
        <v>48</v>
      </c>
      <c r="B5081" s="14" t="s">
        <v>1</v>
      </c>
      <c r="C5081" s="14" t="s">
        <v>17</v>
      </c>
      <c r="D5081" s="14" t="s">
        <v>49</v>
      </c>
      <c r="E5081" s="15">
        <v>45712</v>
      </c>
      <c r="F5081" s="14" t="s">
        <v>15</v>
      </c>
      <c r="G5081" s="16">
        <v>0</v>
      </c>
    </row>
    <row r="5082" spans="1:7" x14ac:dyDescent="0.3">
      <c r="A5082" s="13" t="s">
        <v>48</v>
      </c>
      <c r="B5082" s="14" t="s">
        <v>1</v>
      </c>
      <c r="C5082" s="14" t="s">
        <v>17</v>
      </c>
      <c r="D5082" s="14" t="s">
        <v>49</v>
      </c>
      <c r="E5082" s="15">
        <v>45713</v>
      </c>
      <c r="F5082" s="14" t="s">
        <v>15</v>
      </c>
      <c r="G5082" s="16">
        <v>0</v>
      </c>
    </row>
    <row r="5083" spans="1:7" x14ac:dyDescent="0.3">
      <c r="A5083" s="13" t="s">
        <v>48</v>
      </c>
      <c r="B5083" s="14" t="s">
        <v>1</v>
      </c>
      <c r="C5083" s="14" t="s">
        <v>17</v>
      </c>
      <c r="D5083" s="14" t="s">
        <v>49</v>
      </c>
      <c r="E5083" s="15">
        <v>45714</v>
      </c>
      <c r="F5083" s="14" t="s">
        <v>15</v>
      </c>
      <c r="G5083" s="16">
        <v>0</v>
      </c>
    </row>
    <row r="5084" spans="1:7" x14ac:dyDescent="0.3">
      <c r="A5084" s="13" t="s">
        <v>48</v>
      </c>
      <c r="B5084" s="14" t="s">
        <v>1</v>
      </c>
      <c r="C5084" s="14" t="s">
        <v>17</v>
      </c>
      <c r="D5084" s="14" t="s">
        <v>49</v>
      </c>
      <c r="E5084" s="15">
        <v>45715</v>
      </c>
      <c r="F5084" s="14" t="s">
        <v>15</v>
      </c>
      <c r="G5084" s="16">
        <v>0</v>
      </c>
    </row>
    <row r="5085" spans="1:7" x14ac:dyDescent="0.3">
      <c r="A5085" s="13" t="s">
        <v>48</v>
      </c>
      <c r="B5085" s="14" t="s">
        <v>1</v>
      </c>
      <c r="C5085" s="14" t="s">
        <v>17</v>
      </c>
      <c r="D5085" s="14" t="s">
        <v>49</v>
      </c>
      <c r="E5085" s="15">
        <v>45716</v>
      </c>
      <c r="F5085" s="14" t="s">
        <v>15</v>
      </c>
      <c r="G5085" s="16">
        <v>0</v>
      </c>
    </row>
    <row r="5086" spans="1:7" x14ac:dyDescent="0.3">
      <c r="A5086" s="13" t="s">
        <v>48</v>
      </c>
      <c r="B5086" s="14" t="s">
        <v>1</v>
      </c>
      <c r="C5086" s="14" t="s">
        <v>17</v>
      </c>
      <c r="D5086" s="14" t="s">
        <v>49</v>
      </c>
      <c r="E5086" s="15">
        <v>45717</v>
      </c>
      <c r="F5086" s="14" t="s">
        <v>15</v>
      </c>
      <c r="G5086" s="16">
        <v>0</v>
      </c>
    </row>
    <row r="5087" spans="1:7" x14ac:dyDescent="0.3">
      <c r="A5087" s="13" t="s">
        <v>48</v>
      </c>
      <c r="B5087" s="14" t="s">
        <v>1</v>
      </c>
      <c r="C5087" s="14" t="s">
        <v>17</v>
      </c>
      <c r="D5087" s="14" t="s">
        <v>49</v>
      </c>
      <c r="E5087" s="15">
        <v>45718</v>
      </c>
      <c r="F5087" s="14" t="s">
        <v>15</v>
      </c>
      <c r="G5087" s="16">
        <v>0</v>
      </c>
    </row>
    <row r="5088" spans="1:7" x14ac:dyDescent="0.3">
      <c r="A5088" s="13" t="s">
        <v>48</v>
      </c>
      <c r="B5088" s="14" t="s">
        <v>1</v>
      </c>
      <c r="C5088" s="14" t="s">
        <v>17</v>
      </c>
      <c r="D5088" s="14" t="s">
        <v>49</v>
      </c>
      <c r="E5088" s="15">
        <v>45719</v>
      </c>
      <c r="F5088" s="14" t="s">
        <v>15</v>
      </c>
      <c r="G5088" s="16">
        <v>0</v>
      </c>
    </row>
    <row r="5089" spans="1:7" x14ac:dyDescent="0.3">
      <c r="A5089" s="13" t="s">
        <v>48</v>
      </c>
      <c r="B5089" s="14" t="s">
        <v>1</v>
      </c>
      <c r="C5089" s="14" t="s">
        <v>17</v>
      </c>
      <c r="D5089" s="14" t="s">
        <v>49</v>
      </c>
      <c r="E5089" s="15">
        <v>45720</v>
      </c>
      <c r="F5089" s="14" t="s">
        <v>15</v>
      </c>
      <c r="G5089" s="16">
        <v>0</v>
      </c>
    </row>
    <row r="5090" spans="1:7" x14ac:dyDescent="0.3">
      <c r="A5090" s="13" t="s">
        <v>48</v>
      </c>
      <c r="B5090" s="14" t="s">
        <v>1</v>
      </c>
      <c r="C5090" s="14" t="s">
        <v>17</v>
      </c>
      <c r="D5090" s="14" t="s">
        <v>49</v>
      </c>
      <c r="E5090" s="15">
        <v>45721</v>
      </c>
      <c r="F5090" s="14" t="s">
        <v>15</v>
      </c>
      <c r="G5090" s="16">
        <v>0</v>
      </c>
    </row>
    <row r="5091" spans="1:7" x14ac:dyDescent="0.3">
      <c r="A5091" s="13" t="s">
        <v>48</v>
      </c>
      <c r="B5091" s="14" t="s">
        <v>1</v>
      </c>
      <c r="C5091" s="14" t="s">
        <v>17</v>
      </c>
      <c r="D5091" s="14" t="s">
        <v>49</v>
      </c>
      <c r="E5091" s="15">
        <v>45722</v>
      </c>
      <c r="F5091" s="14" t="s">
        <v>15</v>
      </c>
      <c r="G5091" s="16">
        <v>0</v>
      </c>
    </row>
    <row r="5092" spans="1:7" x14ac:dyDescent="0.3">
      <c r="A5092" s="13" t="s">
        <v>48</v>
      </c>
      <c r="B5092" s="14" t="s">
        <v>1</v>
      </c>
      <c r="C5092" s="14" t="s">
        <v>17</v>
      </c>
      <c r="D5092" s="14" t="s">
        <v>49</v>
      </c>
      <c r="E5092" s="15">
        <v>45723</v>
      </c>
      <c r="F5092" s="14" t="s">
        <v>15</v>
      </c>
      <c r="G5092" s="16">
        <v>0</v>
      </c>
    </row>
    <row r="5093" spans="1:7" x14ac:dyDescent="0.3">
      <c r="A5093" s="13" t="s">
        <v>48</v>
      </c>
      <c r="B5093" s="14" t="s">
        <v>1</v>
      </c>
      <c r="C5093" s="14" t="s">
        <v>17</v>
      </c>
      <c r="D5093" s="14" t="s">
        <v>49</v>
      </c>
      <c r="E5093" s="15">
        <v>45724</v>
      </c>
      <c r="F5093" s="14" t="s">
        <v>15</v>
      </c>
      <c r="G5093" s="16">
        <v>0</v>
      </c>
    </row>
    <row r="5094" spans="1:7" x14ac:dyDescent="0.3">
      <c r="A5094" s="13" t="s">
        <v>48</v>
      </c>
      <c r="B5094" s="14" t="s">
        <v>1</v>
      </c>
      <c r="C5094" s="14" t="s">
        <v>17</v>
      </c>
      <c r="D5094" s="14" t="s">
        <v>49</v>
      </c>
      <c r="E5094" s="15">
        <v>45725</v>
      </c>
      <c r="F5094" s="14" t="s">
        <v>15</v>
      </c>
      <c r="G5094" s="16">
        <v>0</v>
      </c>
    </row>
    <row r="5095" spans="1:7" x14ac:dyDescent="0.3">
      <c r="A5095" s="13" t="s">
        <v>48</v>
      </c>
      <c r="B5095" s="14" t="s">
        <v>1</v>
      </c>
      <c r="C5095" s="14" t="s">
        <v>17</v>
      </c>
      <c r="D5095" s="14" t="s">
        <v>49</v>
      </c>
      <c r="E5095" s="15">
        <v>45726</v>
      </c>
      <c r="F5095" s="14" t="s">
        <v>15</v>
      </c>
      <c r="G5095" s="16">
        <v>0</v>
      </c>
    </row>
    <row r="5096" spans="1:7" x14ac:dyDescent="0.3">
      <c r="A5096" s="13" t="s">
        <v>48</v>
      </c>
      <c r="B5096" s="14" t="s">
        <v>1</v>
      </c>
      <c r="C5096" s="14" t="s">
        <v>17</v>
      </c>
      <c r="D5096" s="14" t="s">
        <v>49</v>
      </c>
      <c r="E5096" s="15">
        <v>45727</v>
      </c>
      <c r="F5096" s="14" t="s">
        <v>15</v>
      </c>
      <c r="G5096" s="16">
        <v>0</v>
      </c>
    </row>
    <row r="5097" spans="1:7" x14ac:dyDescent="0.3">
      <c r="A5097" s="13" t="s">
        <v>48</v>
      </c>
      <c r="B5097" s="14" t="s">
        <v>1</v>
      </c>
      <c r="C5097" s="14" t="s">
        <v>17</v>
      </c>
      <c r="D5097" s="14" t="s">
        <v>49</v>
      </c>
      <c r="E5097" s="15">
        <v>45728</v>
      </c>
      <c r="F5097" s="14" t="s">
        <v>15</v>
      </c>
      <c r="G5097" s="16">
        <v>0</v>
      </c>
    </row>
    <row r="5098" spans="1:7" x14ac:dyDescent="0.3">
      <c r="A5098" s="13" t="s">
        <v>48</v>
      </c>
      <c r="B5098" s="14" t="s">
        <v>1</v>
      </c>
      <c r="C5098" s="14" t="s">
        <v>17</v>
      </c>
      <c r="D5098" s="14" t="s">
        <v>49</v>
      </c>
      <c r="E5098" s="15">
        <v>45729</v>
      </c>
      <c r="F5098" s="14" t="s">
        <v>15</v>
      </c>
      <c r="G5098" s="16">
        <v>0</v>
      </c>
    </row>
    <row r="5099" spans="1:7" x14ac:dyDescent="0.3">
      <c r="A5099" s="13" t="s">
        <v>48</v>
      </c>
      <c r="B5099" s="14" t="s">
        <v>1</v>
      </c>
      <c r="C5099" s="14" t="s">
        <v>17</v>
      </c>
      <c r="D5099" s="14" t="s">
        <v>49</v>
      </c>
      <c r="E5099" s="15">
        <v>45730</v>
      </c>
      <c r="F5099" s="14" t="s">
        <v>15</v>
      </c>
      <c r="G5099" s="16">
        <v>0</v>
      </c>
    </row>
    <row r="5100" spans="1:7" x14ac:dyDescent="0.3">
      <c r="A5100" s="13" t="s">
        <v>48</v>
      </c>
      <c r="B5100" s="14" t="s">
        <v>1</v>
      </c>
      <c r="C5100" s="14" t="s">
        <v>17</v>
      </c>
      <c r="D5100" s="14" t="s">
        <v>49</v>
      </c>
      <c r="E5100" s="15">
        <v>45731</v>
      </c>
      <c r="F5100" s="14" t="s">
        <v>15</v>
      </c>
      <c r="G5100" s="16">
        <v>0</v>
      </c>
    </row>
    <row r="5101" spans="1:7" x14ac:dyDescent="0.3">
      <c r="A5101" s="13" t="s">
        <v>48</v>
      </c>
      <c r="B5101" s="14" t="s">
        <v>1</v>
      </c>
      <c r="C5101" s="14" t="s">
        <v>17</v>
      </c>
      <c r="D5101" s="14" t="s">
        <v>49</v>
      </c>
      <c r="E5101" s="15">
        <v>45732</v>
      </c>
      <c r="F5101" s="14" t="s">
        <v>15</v>
      </c>
      <c r="G5101" s="16">
        <v>0</v>
      </c>
    </row>
    <row r="5102" spans="1:7" x14ac:dyDescent="0.3">
      <c r="A5102" s="13" t="s">
        <v>48</v>
      </c>
      <c r="B5102" s="14" t="s">
        <v>1</v>
      </c>
      <c r="C5102" s="14" t="s">
        <v>17</v>
      </c>
      <c r="D5102" s="14" t="s">
        <v>49</v>
      </c>
      <c r="E5102" s="15">
        <v>45733</v>
      </c>
      <c r="F5102" s="14" t="s">
        <v>15</v>
      </c>
      <c r="G5102" s="16">
        <v>0</v>
      </c>
    </row>
    <row r="5103" spans="1:7" x14ac:dyDescent="0.3">
      <c r="A5103" s="13" t="s">
        <v>48</v>
      </c>
      <c r="B5103" s="14" t="s">
        <v>1</v>
      </c>
      <c r="C5103" s="14" t="s">
        <v>17</v>
      </c>
      <c r="D5103" s="14" t="s">
        <v>49</v>
      </c>
      <c r="E5103" s="15">
        <v>45734</v>
      </c>
      <c r="F5103" s="14" t="s">
        <v>15</v>
      </c>
      <c r="G5103" s="16">
        <v>0</v>
      </c>
    </row>
    <row r="5104" spans="1:7" x14ac:dyDescent="0.3">
      <c r="A5104" s="13" t="s">
        <v>48</v>
      </c>
      <c r="B5104" s="14" t="s">
        <v>1</v>
      </c>
      <c r="C5104" s="14" t="s">
        <v>17</v>
      </c>
      <c r="D5104" s="14" t="s">
        <v>49</v>
      </c>
      <c r="E5104" s="15">
        <v>45735</v>
      </c>
      <c r="F5104" s="14" t="s">
        <v>15</v>
      </c>
      <c r="G5104" s="16">
        <v>0</v>
      </c>
    </row>
    <row r="5105" spans="1:7" x14ac:dyDescent="0.3">
      <c r="A5105" s="13" t="s">
        <v>48</v>
      </c>
      <c r="B5105" s="14" t="s">
        <v>1</v>
      </c>
      <c r="C5105" s="14" t="s">
        <v>17</v>
      </c>
      <c r="D5105" s="14" t="s">
        <v>49</v>
      </c>
      <c r="E5105" s="15">
        <v>45736</v>
      </c>
      <c r="F5105" s="14" t="s">
        <v>15</v>
      </c>
      <c r="G5105" s="16">
        <v>0</v>
      </c>
    </row>
    <row r="5106" spans="1:7" x14ac:dyDescent="0.3">
      <c r="A5106" s="13" t="s">
        <v>48</v>
      </c>
      <c r="B5106" s="14" t="s">
        <v>1</v>
      </c>
      <c r="C5106" s="14" t="s">
        <v>17</v>
      </c>
      <c r="D5106" s="14" t="s">
        <v>49</v>
      </c>
      <c r="E5106" s="15">
        <v>45737</v>
      </c>
      <c r="F5106" s="14" t="s">
        <v>15</v>
      </c>
      <c r="G5106" s="16">
        <v>0</v>
      </c>
    </row>
    <row r="5107" spans="1:7" x14ac:dyDescent="0.3">
      <c r="A5107" s="13" t="s">
        <v>48</v>
      </c>
      <c r="B5107" s="14" t="s">
        <v>1</v>
      </c>
      <c r="C5107" s="14" t="s">
        <v>17</v>
      </c>
      <c r="D5107" s="14" t="s">
        <v>49</v>
      </c>
      <c r="E5107" s="15">
        <v>45738</v>
      </c>
      <c r="F5107" s="14" t="s">
        <v>15</v>
      </c>
      <c r="G5107" s="16">
        <v>0</v>
      </c>
    </row>
    <row r="5108" spans="1:7" x14ac:dyDescent="0.3">
      <c r="A5108" s="13" t="s">
        <v>48</v>
      </c>
      <c r="B5108" s="14" t="s">
        <v>1</v>
      </c>
      <c r="C5108" s="14" t="s">
        <v>17</v>
      </c>
      <c r="D5108" s="14" t="s">
        <v>49</v>
      </c>
      <c r="E5108" s="15">
        <v>45739</v>
      </c>
      <c r="F5108" s="14" t="s">
        <v>15</v>
      </c>
      <c r="G5108" s="16">
        <v>0</v>
      </c>
    </row>
    <row r="5109" spans="1:7" x14ac:dyDescent="0.3">
      <c r="A5109" s="13" t="s">
        <v>48</v>
      </c>
      <c r="B5109" s="14" t="s">
        <v>1</v>
      </c>
      <c r="C5109" s="14" t="s">
        <v>17</v>
      </c>
      <c r="D5109" s="14" t="s">
        <v>49</v>
      </c>
      <c r="E5109" s="15">
        <v>45740</v>
      </c>
      <c r="F5109" s="14" t="s">
        <v>15</v>
      </c>
      <c r="G5109" s="16">
        <v>0</v>
      </c>
    </row>
    <row r="5110" spans="1:7" x14ac:dyDescent="0.3">
      <c r="A5110" s="13" t="s">
        <v>48</v>
      </c>
      <c r="B5110" s="14" t="s">
        <v>1</v>
      </c>
      <c r="C5110" s="14" t="s">
        <v>17</v>
      </c>
      <c r="D5110" s="14" t="s">
        <v>49</v>
      </c>
      <c r="E5110" s="15">
        <v>45741</v>
      </c>
      <c r="F5110" s="14" t="s">
        <v>15</v>
      </c>
      <c r="G5110" s="16">
        <v>0</v>
      </c>
    </row>
    <row r="5111" spans="1:7" x14ac:dyDescent="0.3">
      <c r="A5111" s="13" t="s">
        <v>48</v>
      </c>
      <c r="B5111" s="14" t="s">
        <v>1</v>
      </c>
      <c r="C5111" s="14" t="s">
        <v>17</v>
      </c>
      <c r="D5111" s="14" t="s">
        <v>49</v>
      </c>
      <c r="E5111" s="15">
        <v>45742</v>
      </c>
      <c r="F5111" s="14" t="s">
        <v>15</v>
      </c>
      <c r="G5111" s="16">
        <v>0</v>
      </c>
    </row>
    <row r="5112" spans="1:7" x14ac:dyDescent="0.3">
      <c r="A5112" s="13" t="s">
        <v>48</v>
      </c>
      <c r="B5112" s="14" t="s">
        <v>1</v>
      </c>
      <c r="C5112" s="14" t="s">
        <v>17</v>
      </c>
      <c r="D5112" s="14" t="s">
        <v>49</v>
      </c>
      <c r="E5112" s="15">
        <v>45743</v>
      </c>
      <c r="F5112" s="14" t="s">
        <v>15</v>
      </c>
      <c r="G5112" s="16">
        <v>0</v>
      </c>
    </row>
    <row r="5113" spans="1:7" x14ac:dyDescent="0.3">
      <c r="A5113" s="13" t="s">
        <v>48</v>
      </c>
      <c r="B5113" s="14" t="s">
        <v>1</v>
      </c>
      <c r="C5113" s="14" t="s">
        <v>17</v>
      </c>
      <c r="D5113" s="14" t="s">
        <v>49</v>
      </c>
      <c r="E5113" s="15">
        <v>45744</v>
      </c>
      <c r="F5113" s="14" t="s">
        <v>15</v>
      </c>
      <c r="G5113" s="16">
        <v>0</v>
      </c>
    </row>
    <row r="5114" spans="1:7" x14ac:dyDescent="0.3">
      <c r="A5114" s="13" t="s">
        <v>48</v>
      </c>
      <c r="B5114" s="14" t="s">
        <v>1</v>
      </c>
      <c r="C5114" s="14" t="s">
        <v>17</v>
      </c>
      <c r="D5114" s="14" t="s">
        <v>49</v>
      </c>
      <c r="E5114" s="15">
        <v>45745</v>
      </c>
      <c r="F5114" s="14" t="s">
        <v>15</v>
      </c>
      <c r="G5114" s="16">
        <v>0</v>
      </c>
    </row>
    <row r="5115" spans="1:7" x14ac:dyDescent="0.3">
      <c r="A5115" s="13" t="s">
        <v>48</v>
      </c>
      <c r="B5115" s="14" t="s">
        <v>1</v>
      </c>
      <c r="C5115" s="14" t="s">
        <v>17</v>
      </c>
      <c r="D5115" s="14" t="s">
        <v>49</v>
      </c>
      <c r="E5115" s="15">
        <v>45746</v>
      </c>
      <c r="F5115" s="14" t="s">
        <v>15</v>
      </c>
      <c r="G5115" s="16">
        <v>0</v>
      </c>
    </row>
    <row r="5116" spans="1:7" x14ac:dyDescent="0.3">
      <c r="A5116" s="13" t="s">
        <v>48</v>
      </c>
      <c r="B5116" s="14" t="s">
        <v>1</v>
      </c>
      <c r="C5116" s="14" t="s">
        <v>17</v>
      </c>
      <c r="D5116" s="14" t="s">
        <v>49</v>
      </c>
      <c r="E5116" s="15">
        <v>45747</v>
      </c>
      <c r="F5116" s="14" t="s">
        <v>15</v>
      </c>
      <c r="G5116" s="16">
        <v>0</v>
      </c>
    </row>
    <row r="5117" spans="1:7" x14ac:dyDescent="0.3">
      <c r="A5117" s="13" t="s">
        <v>50</v>
      </c>
      <c r="B5117" s="14" t="s">
        <v>1</v>
      </c>
      <c r="C5117" s="14" t="s">
        <v>51</v>
      </c>
      <c r="D5117" s="14" t="s">
        <v>52</v>
      </c>
      <c r="E5117" s="15">
        <v>45383</v>
      </c>
      <c r="F5117" s="14" t="s">
        <v>53</v>
      </c>
      <c r="G5117" s="16">
        <v>0</v>
      </c>
    </row>
    <row r="5118" spans="1:7" x14ac:dyDescent="0.3">
      <c r="A5118" s="13" t="s">
        <v>50</v>
      </c>
      <c r="B5118" s="14" t="s">
        <v>1</v>
      </c>
      <c r="C5118" s="14" t="s">
        <v>51</v>
      </c>
      <c r="D5118" s="14" t="s">
        <v>52</v>
      </c>
      <c r="E5118" s="15">
        <v>45384</v>
      </c>
      <c r="F5118" s="14" t="s">
        <v>53</v>
      </c>
      <c r="G5118" s="16">
        <v>0</v>
      </c>
    </row>
    <row r="5119" spans="1:7" x14ac:dyDescent="0.3">
      <c r="A5119" s="13" t="s">
        <v>50</v>
      </c>
      <c r="B5119" s="14" t="s">
        <v>1</v>
      </c>
      <c r="C5119" s="14" t="s">
        <v>51</v>
      </c>
      <c r="D5119" s="14" t="s">
        <v>52</v>
      </c>
      <c r="E5119" s="15">
        <v>45385</v>
      </c>
      <c r="F5119" s="14" t="s">
        <v>53</v>
      </c>
      <c r="G5119" s="16">
        <v>0</v>
      </c>
    </row>
    <row r="5120" spans="1:7" x14ac:dyDescent="0.3">
      <c r="A5120" s="13" t="s">
        <v>50</v>
      </c>
      <c r="B5120" s="14" t="s">
        <v>1</v>
      </c>
      <c r="C5120" s="14" t="s">
        <v>51</v>
      </c>
      <c r="D5120" s="14" t="s">
        <v>52</v>
      </c>
      <c r="E5120" s="15">
        <v>45386</v>
      </c>
      <c r="F5120" s="14" t="s">
        <v>53</v>
      </c>
      <c r="G5120" s="16">
        <v>0</v>
      </c>
    </row>
    <row r="5121" spans="1:7" x14ac:dyDescent="0.3">
      <c r="A5121" s="13" t="s">
        <v>50</v>
      </c>
      <c r="B5121" s="14" t="s">
        <v>1</v>
      </c>
      <c r="C5121" s="14" t="s">
        <v>51</v>
      </c>
      <c r="D5121" s="14" t="s">
        <v>52</v>
      </c>
      <c r="E5121" s="15">
        <v>45387</v>
      </c>
      <c r="F5121" s="14" t="s">
        <v>53</v>
      </c>
      <c r="G5121" s="16">
        <v>0</v>
      </c>
    </row>
    <row r="5122" spans="1:7" x14ac:dyDescent="0.3">
      <c r="A5122" s="13" t="s">
        <v>50</v>
      </c>
      <c r="B5122" s="14" t="s">
        <v>1</v>
      </c>
      <c r="C5122" s="14" t="s">
        <v>51</v>
      </c>
      <c r="D5122" s="14" t="s">
        <v>52</v>
      </c>
      <c r="E5122" s="15">
        <v>45388</v>
      </c>
      <c r="F5122" s="14" t="s">
        <v>53</v>
      </c>
      <c r="G5122" s="16">
        <v>0</v>
      </c>
    </row>
    <row r="5123" spans="1:7" x14ac:dyDescent="0.3">
      <c r="A5123" s="13" t="s">
        <v>50</v>
      </c>
      <c r="B5123" s="14" t="s">
        <v>1</v>
      </c>
      <c r="C5123" s="14" t="s">
        <v>51</v>
      </c>
      <c r="D5123" s="14" t="s">
        <v>52</v>
      </c>
      <c r="E5123" s="15">
        <v>45389</v>
      </c>
      <c r="F5123" s="14" t="s">
        <v>53</v>
      </c>
      <c r="G5123" s="16">
        <v>0</v>
      </c>
    </row>
    <row r="5124" spans="1:7" x14ac:dyDescent="0.3">
      <c r="A5124" s="13" t="s">
        <v>50</v>
      </c>
      <c r="B5124" s="14" t="s">
        <v>1</v>
      </c>
      <c r="C5124" s="14" t="s">
        <v>51</v>
      </c>
      <c r="D5124" s="14" t="s">
        <v>52</v>
      </c>
      <c r="E5124" s="15">
        <v>45390</v>
      </c>
      <c r="F5124" s="14" t="s">
        <v>53</v>
      </c>
      <c r="G5124" s="16">
        <v>0</v>
      </c>
    </row>
    <row r="5125" spans="1:7" x14ac:dyDescent="0.3">
      <c r="A5125" s="13" t="s">
        <v>50</v>
      </c>
      <c r="B5125" s="14" t="s">
        <v>1</v>
      </c>
      <c r="C5125" s="14" t="s">
        <v>51</v>
      </c>
      <c r="D5125" s="14" t="s">
        <v>52</v>
      </c>
      <c r="E5125" s="15">
        <v>45391</v>
      </c>
      <c r="F5125" s="14" t="s">
        <v>53</v>
      </c>
      <c r="G5125" s="16">
        <v>0</v>
      </c>
    </row>
    <row r="5126" spans="1:7" x14ac:dyDescent="0.3">
      <c r="A5126" s="13" t="s">
        <v>50</v>
      </c>
      <c r="B5126" s="14" t="s">
        <v>1</v>
      </c>
      <c r="C5126" s="14" t="s">
        <v>51</v>
      </c>
      <c r="D5126" s="14" t="s">
        <v>52</v>
      </c>
      <c r="E5126" s="15">
        <v>45392</v>
      </c>
      <c r="F5126" s="14" t="s">
        <v>53</v>
      </c>
      <c r="G5126" s="16">
        <v>0</v>
      </c>
    </row>
    <row r="5127" spans="1:7" x14ac:dyDescent="0.3">
      <c r="A5127" s="13" t="s">
        <v>50</v>
      </c>
      <c r="B5127" s="14" t="s">
        <v>1</v>
      </c>
      <c r="C5127" s="14" t="s">
        <v>51</v>
      </c>
      <c r="D5127" s="14" t="s">
        <v>52</v>
      </c>
      <c r="E5127" s="15">
        <v>45393</v>
      </c>
      <c r="F5127" s="14" t="s">
        <v>53</v>
      </c>
      <c r="G5127" s="16">
        <v>0</v>
      </c>
    </row>
    <row r="5128" spans="1:7" x14ac:dyDescent="0.3">
      <c r="A5128" s="13" t="s">
        <v>50</v>
      </c>
      <c r="B5128" s="14" t="s">
        <v>1</v>
      </c>
      <c r="C5128" s="14" t="s">
        <v>51</v>
      </c>
      <c r="D5128" s="14" t="s">
        <v>52</v>
      </c>
      <c r="E5128" s="15">
        <v>45394</v>
      </c>
      <c r="F5128" s="14" t="s">
        <v>53</v>
      </c>
      <c r="G5128" s="16">
        <v>0</v>
      </c>
    </row>
    <row r="5129" spans="1:7" x14ac:dyDescent="0.3">
      <c r="A5129" s="13" t="s">
        <v>50</v>
      </c>
      <c r="B5129" s="14" t="s">
        <v>1</v>
      </c>
      <c r="C5129" s="14" t="s">
        <v>51</v>
      </c>
      <c r="D5129" s="14" t="s">
        <v>52</v>
      </c>
      <c r="E5129" s="15">
        <v>45395</v>
      </c>
      <c r="F5129" s="14" t="s">
        <v>53</v>
      </c>
      <c r="G5129" s="16">
        <v>0</v>
      </c>
    </row>
    <row r="5130" spans="1:7" x14ac:dyDescent="0.3">
      <c r="A5130" s="13" t="s">
        <v>50</v>
      </c>
      <c r="B5130" s="14" t="s">
        <v>1</v>
      </c>
      <c r="C5130" s="14" t="s">
        <v>51</v>
      </c>
      <c r="D5130" s="14" t="s">
        <v>52</v>
      </c>
      <c r="E5130" s="15">
        <v>45396</v>
      </c>
      <c r="F5130" s="14" t="s">
        <v>53</v>
      </c>
      <c r="G5130" s="16">
        <v>0</v>
      </c>
    </row>
    <row r="5131" spans="1:7" x14ac:dyDescent="0.3">
      <c r="A5131" s="13" t="s">
        <v>50</v>
      </c>
      <c r="B5131" s="14" t="s">
        <v>1</v>
      </c>
      <c r="C5131" s="14" t="s">
        <v>51</v>
      </c>
      <c r="D5131" s="14" t="s">
        <v>52</v>
      </c>
      <c r="E5131" s="15">
        <v>45397</v>
      </c>
      <c r="F5131" s="14" t="s">
        <v>53</v>
      </c>
      <c r="G5131" s="16">
        <v>0</v>
      </c>
    </row>
    <row r="5132" spans="1:7" x14ac:dyDescent="0.3">
      <c r="A5132" s="13" t="s">
        <v>50</v>
      </c>
      <c r="B5132" s="14" t="s">
        <v>1</v>
      </c>
      <c r="C5132" s="14" t="s">
        <v>51</v>
      </c>
      <c r="D5132" s="14" t="s">
        <v>52</v>
      </c>
      <c r="E5132" s="15">
        <v>45398</v>
      </c>
      <c r="F5132" s="14" t="s">
        <v>53</v>
      </c>
      <c r="G5132" s="16">
        <v>0</v>
      </c>
    </row>
    <row r="5133" spans="1:7" x14ac:dyDescent="0.3">
      <c r="A5133" s="13" t="s">
        <v>50</v>
      </c>
      <c r="B5133" s="14" t="s">
        <v>1</v>
      </c>
      <c r="C5133" s="14" t="s">
        <v>51</v>
      </c>
      <c r="D5133" s="14" t="s">
        <v>52</v>
      </c>
      <c r="E5133" s="15">
        <v>45399</v>
      </c>
      <c r="F5133" s="14" t="s">
        <v>53</v>
      </c>
      <c r="G5133" s="16">
        <v>0</v>
      </c>
    </row>
    <row r="5134" spans="1:7" x14ac:dyDescent="0.3">
      <c r="A5134" s="13" t="s">
        <v>50</v>
      </c>
      <c r="B5134" s="14" t="s">
        <v>1</v>
      </c>
      <c r="C5134" s="14" t="s">
        <v>51</v>
      </c>
      <c r="D5134" s="14" t="s">
        <v>52</v>
      </c>
      <c r="E5134" s="15">
        <v>45400</v>
      </c>
      <c r="F5134" s="14" t="s">
        <v>53</v>
      </c>
      <c r="G5134" s="16">
        <v>0</v>
      </c>
    </row>
    <row r="5135" spans="1:7" x14ac:dyDescent="0.3">
      <c r="A5135" s="13" t="s">
        <v>50</v>
      </c>
      <c r="B5135" s="14" t="s">
        <v>1</v>
      </c>
      <c r="C5135" s="14" t="s">
        <v>51</v>
      </c>
      <c r="D5135" s="14" t="s">
        <v>52</v>
      </c>
      <c r="E5135" s="15">
        <v>45401</v>
      </c>
      <c r="F5135" s="14" t="s">
        <v>53</v>
      </c>
      <c r="G5135" s="16">
        <v>0</v>
      </c>
    </row>
    <row r="5136" spans="1:7" x14ac:dyDescent="0.3">
      <c r="A5136" s="13" t="s">
        <v>50</v>
      </c>
      <c r="B5136" s="14" t="s">
        <v>1</v>
      </c>
      <c r="C5136" s="14" t="s">
        <v>51</v>
      </c>
      <c r="D5136" s="14" t="s">
        <v>52</v>
      </c>
      <c r="E5136" s="15">
        <v>45402</v>
      </c>
      <c r="F5136" s="14" t="s">
        <v>53</v>
      </c>
      <c r="G5136" s="16">
        <v>0</v>
      </c>
    </row>
    <row r="5137" spans="1:7" x14ac:dyDescent="0.3">
      <c r="A5137" s="13" t="s">
        <v>50</v>
      </c>
      <c r="B5137" s="14" t="s">
        <v>1</v>
      </c>
      <c r="C5137" s="14" t="s">
        <v>51</v>
      </c>
      <c r="D5137" s="14" t="s">
        <v>52</v>
      </c>
      <c r="E5137" s="15">
        <v>45403</v>
      </c>
      <c r="F5137" s="14" t="s">
        <v>53</v>
      </c>
      <c r="G5137" s="16">
        <v>0</v>
      </c>
    </row>
    <row r="5138" spans="1:7" x14ac:dyDescent="0.3">
      <c r="A5138" s="13" t="s">
        <v>50</v>
      </c>
      <c r="B5138" s="14" t="s">
        <v>1</v>
      </c>
      <c r="C5138" s="14" t="s">
        <v>51</v>
      </c>
      <c r="D5138" s="14" t="s">
        <v>52</v>
      </c>
      <c r="E5138" s="15">
        <v>45404</v>
      </c>
      <c r="F5138" s="14" t="s">
        <v>53</v>
      </c>
      <c r="G5138" s="16">
        <v>0</v>
      </c>
    </row>
    <row r="5139" spans="1:7" x14ac:dyDescent="0.3">
      <c r="A5139" s="13" t="s">
        <v>50</v>
      </c>
      <c r="B5139" s="14" t="s">
        <v>1</v>
      </c>
      <c r="C5139" s="14" t="s">
        <v>51</v>
      </c>
      <c r="D5139" s="14" t="s">
        <v>52</v>
      </c>
      <c r="E5139" s="15">
        <v>45405</v>
      </c>
      <c r="F5139" s="14" t="s">
        <v>53</v>
      </c>
      <c r="G5139" s="16">
        <v>0</v>
      </c>
    </row>
    <row r="5140" spans="1:7" x14ac:dyDescent="0.3">
      <c r="A5140" s="13" t="s">
        <v>50</v>
      </c>
      <c r="B5140" s="14" t="s">
        <v>1</v>
      </c>
      <c r="C5140" s="14" t="s">
        <v>51</v>
      </c>
      <c r="D5140" s="14" t="s">
        <v>52</v>
      </c>
      <c r="E5140" s="15">
        <v>45406</v>
      </c>
      <c r="F5140" s="14" t="s">
        <v>53</v>
      </c>
      <c r="G5140" s="16">
        <v>0</v>
      </c>
    </row>
    <row r="5141" spans="1:7" x14ac:dyDescent="0.3">
      <c r="A5141" s="13" t="s">
        <v>50</v>
      </c>
      <c r="B5141" s="14" t="s">
        <v>1</v>
      </c>
      <c r="C5141" s="14" t="s">
        <v>51</v>
      </c>
      <c r="D5141" s="14" t="s">
        <v>52</v>
      </c>
      <c r="E5141" s="15">
        <v>45407</v>
      </c>
      <c r="F5141" s="14" t="s">
        <v>53</v>
      </c>
      <c r="G5141" s="16">
        <v>0</v>
      </c>
    </row>
    <row r="5142" spans="1:7" x14ac:dyDescent="0.3">
      <c r="A5142" s="13" t="s">
        <v>50</v>
      </c>
      <c r="B5142" s="14" t="s">
        <v>1</v>
      </c>
      <c r="C5142" s="14" t="s">
        <v>51</v>
      </c>
      <c r="D5142" s="14" t="s">
        <v>52</v>
      </c>
      <c r="E5142" s="15">
        <v>45408</v>
      </c>
      <c r="F5142" s="14" t="s">
        <v>53</v>
      </c>
      <c r="G5142" s="16">
        <v>0</v>
      </c>
    </row>
    <row r="5143" spans="1:7" x14ac:dyDescent="0.3">
      <c r="A5143" s="13" t="s">
        <v>50</v>
      </c>
      <c r="B5143" s="14" t="s">
        <v>1</v>
      </c>
      <c r="C5143" s="14" t="s">
        <v>51</v>
      </c>
      <c r="D5143" s="14" t="s">
        <v>52</v>
      </c>
      <c r="E5143" s="15">
        <v>45409</v>
      </c>
      <c r="F5143" s="14" t="s">
        <v>53</v>
      </c>
      <c r="G5143" s="16">
        <v>0</v>
      </c>
    </row>
    <row r="5144" spans="1:7" x14ac:dyDescent="0.3">
      <c r="A5144" s="13" t="s">
        <v>50</v>
      </c>
      <c r="B5144" s="14" t="s">
        <v>1</v>
      </c>
      <c r="C5144" s="14" t="s">
        <v>51</v>
      </c>
      <c r="D5144" s="14" t="s">
        <v>52</v>
      </c>
      <c r="E5144" s="15">
        <v>45410</v>
      </c>
      <c r="F5144" s="14" t="s">
        <v>53</v>
      </c>
      <c r="G5144" s="16">
        <v>0</v>
      </c>
    </row>
    <row r="5145" spans="1:7" x14ac:dyDescent="0.3">
      <c r="A5145" s="13" t="s">
        <v>50</v>
      </c>
      <c r="B5145" s="14" t="s">
        <v>1</v>
      </c>
      <c r="C5145" s="14" t="s">
        <v>51</v>
      </c>
      <c r="D5145" s="14" t="s">
        <v>52</v>
      </c>
      <c r="E5145" s="15">
        <v>45411</v>
      </c>
      <c r="F5145" s="14" t="s">
        <v>53</v>
      </c>
      <c r="G5145" s="16">
        <v>0</v>
      </c>
    </row>
    <row r="5146" spans="1:7" x14ac:dyDescent="0.3">
      <c r="A5146" s="13" t="s">
        <v>50</v>
      </c>
      <c r="B5146" s="14" t="s">
        <v>1</v>
      </c>
      <c r="C5146" s="14" t="s">
        <v>51</v>
      </c>
      <c r="D5146" s="14" t="s">
        <v>52</v>
      </c>
      <c r="E5146" s="15">
        <v>45412</v>
      </c>
      <c r="F5146" s="14" t="s">
        <v>53</v>
      </c>
      <c r="G5146" s="16">
        <v>0</v>
      </c>
    </row>
    <row r="5147" spans="1:7" x14ac:dyDescent="0.3">
      <c r="A5147" s="13" t="s">
        <v>50</v>
      </c>
      <c r="B5147" s="14" t="s">
        <v>1</v>
      </c>
      <c r="C5147" s="14" t="s">
        <v>51</v>
      </c>
      <c r="D5147" s="14" t="s">
        <v>52</v>
      </c>
      <c r="E5147" s="15">
        <v>45413</v>
      </c>
      <c r="F5147" s="14" t="s">
        <v>53</v>
      </c>
      <c r="G5147" s="16">
        <v>0</v>
      </c>
    </row>
    <row r="5148" spans="1:7" x14ac:dyDescent="0.3">
      <c r="A5148" s="13" t="s">
        <v>50</v>
      </c>
      <c r="B5148" s="14" t="s">
        <v>1</v>
      </c>
      <c r="C5148" s="14" t="s">
        <v>51</v>
      </c>
      <c r="D5148" s="14" t="s">
        <v>52</v>
      </c>
      <c r="E5148" s="15">
        <v>45414</v>
      </c>
      <c r="F5148" s="14" t="s">
        <v>53</v>
      </c>
      <c r="G5148" s="16">
        <v>0</v>
      </c>
    </row>
    <row r="5149" spans="1:7" x14ac:dyDescent="0.3">
      <c r="A5149" s="13" t="s">
        <v>50</v>
      </c>
      <c r="B5149" s="14" t="s">
        <v>1</v>
      </c>
      <c r="C5149" s="14" t="s">
        <v>51</v>
      </c>
      <c r="D5149" s="14" t="s">
        <v>52</v>
      </c>
      <c r="E5149" s="15">
        <v>45415</v>
      </c>
      <c r="F5149" s="14" t="s">
        <v>53</v>
      </c>
      <c r="G5149" s="16">
        <v>0</v>
      </c>
    </row>
    <row r="5150" spans="1:7" x14ac:dyDescent="0.3">
      <c r="A5150" s="13" t="s">
        <v>50</v>
      </c>
      <c r="B5150" s="14" t="s">
        <v>1</v>
      </c>
      <c r="C5150" s="14" t="s">
        <v>51</v>
      </c>
      <c r="D5150" s="14" t="s">
        <v>52</v>
      </c>
      <c r="E5150" s="15">
        <v>45416</v>
      </c>
      <c r="F5150" s="14" t="s">
        <v>53</v>
      </c>
      <c r="G5150" s="16">
        <v>0</v>
      </c>
    </row>
    <row r="5151" spans="1:7" x14ac:dyDescent="0.3">
      <c r="A5151" s="13" t="s">
        <v>50</v>
      </c>
      <c r="B5151" s="14" t="s">
        <v>1</v>
      </c>
      <c r="C5151" s="14" t="s">
        <v>51</v>
      </c>
      <c r="D5151" s="14" t="s">
        <v>52</v>
      </c>
      <c r="E5151" s="15">
        <v>45417</v>
      </c>
      <c r="F5151" s="14" t="s">
        <v>53</v>
      </c>
      <c r="G5151" s="16">
        <v>0</v>
      </c>
    </row>
    <row r="5152" spans="1:7" x14ac:dyDescent="0.3">
      <c r="A5152" s="13" t="s">
        <v>50</v>
      </c>
      <c r="B5152" s="14" t="s">
        <v>1</v>
      </c>
      <c r="C5152" s="14" t="s">
        <v>51</v>
      </c>
      <c r="D5152" s="14" t="s">
        <v>52</v>
      </c>
      <c r="E5152" s="15">
        <v>45418</v>
      </c>
      <c r="F5152" s="14" t="s">
        <v>53</v>
      </c>
      <c r="G5152" s="16">
        <v>0</v>
      </c>
    </row>
    <row r="5153" spans="1:7" x14ac:dyDescent="0.3">
      <c r="A5153" s="13" t="s">
        <v>50</v>
      </c>
      <c r="B5153" s="14" t="s">
        <v>1</v>
      </c>
      <c r="C5153" s="14" t="s">
        <v>51</v>
      </c>
      <c r="D5153" s="14" t="s">
        <v>52</v>
      </c>
      <c r="E5153" s="15">
        <v>45419</v>
      </c>
      <c r="F5153" s="14" t="s">
        <v>53</v>
      </c>
      <c r="G5153" s="16">
        <v>0</v>
      </c>
    </row>
    <row r="5154" spans="1:7" x14ac:dyDescent="0.3">
      <c r="A5154" s="13" t="s">
        <v>50</v>
      </c>
      <c r="B5154" s="14" t="s">
        <v>1</v>
      </c>
      <c r="C5154" s="14" t="s">
        <v>51</v>
      </c>
      <c r="D5154" s="14" t="s">
        <v>52</v>
      </c>
      <c r="E5154" s="15">
        <v>45420</v>
      </c>
      <c r="F5154" s="14" t="s">
        <v>53</v>
      </c>
      <c r="G5154" s="16">
        <v>0</v>
      </c>
    </row>
    <row r="5155" spans="1:7" x14ac:dyDescent="0.3">
      <c r="A5155" s="13" t="s">
        <v>50</v>
      </c>
      <c r="B5155" s="14" t="s">
        <v>1</v>
      </c>
      <c r="C5155" s="14" t="s">
        <v>51</v>
      </c>
      <c r="D5155" s="14" t="s">
        <v>52</v>
      </c>
      <c r="E5155" s="15">
        <v>45421</v>
      </c>
      <c r="F5155" s="14" t="s">
        <v>53</v>
      </c>
      <c r="G5155" s="16">
        <v>0</v>
      </c>
    </row>
    <row r="5156" spans="1:7" x14ac:dyDescent="0.3">
      <c r="A5156" s="13" t="s">
        <v>50</v>
      </c>
      <c r="B5156" s="14" t="s">
        <v>1</v>
      </c>
      <c r="C5156" s="14" t="s">
        <v>51</v>
      </c>
      <c r="D5156" s="14" t="s">
        <v>52</v>
      </c>
      <c r="E5156" s="15">
        <v>45422</v>
      </c>
      <c r="F5156" s="14" t="s">
        <v>53</v>
      </c>
      <c r="G5156" s="16">
        <v>0</v>
      </c>
    </row>
    <row r="5157" spans="1:7" x14ac:dyDescent="0.3">
      <c r="A5157" s="13" t="s">
        <v>50</v>
      </c>
      <c r="B5157" s="14" t="s">
        <v>1</v>
      </c>
      <c r="C5157" s="14" t="s">
        <v>51</v>
      </c>
      <c r="D5157" s="14" t="s">
        <v>52</v>
      </c>
      <c r="E5157" s="15">
        <v>45423</v>
      </c>
      <c r="F5157" s="14" t="s">
        <v>53</v>
      </c>
      <c r="G5157" s="16">
        <v>0</v>
      </c>
    </row>
    <row r="5158" spans="1:7" x14ac:dyDescent="0.3">
      <c r="A5158" s="13" t="s">
        <v>50</v>
      </c>
      <c r="B5158" s="14" t="s">
        <v>1</v>
      </c>
      <c r="C5158" s="14" t="s">
        <v>51</v>
      </c>
      <c r="D5158" s="14" t="s">
        <v>52</v>
      </c>
      <c r="E5158" s="15">
        <v>45424</v>
      </c>
      <c r="F5158" s="14" t="s">
        <v>53</v>
      </c>
      <c r="G5158" s="16">
        <v>0</v>
      </c>
    </row>
    <row r="5159" spans="1:7" x14ac:dyDescent="0.3">
      <c r="A5159" s="13" t="s">
        <v>50</v>
      </c>
      <c r="B5159" s="14" t="s">
        <v>1</v>
      </c>
      <c r="C5159" s="14" t="s">
        <v>51</v>
      </c>
      <c r="D5159" s="14" t="s">
        <v>52</v>
      </c>
      <c r="E5159" s="15">
        <v>45425</v>
      </c>
      <c r="F5159" s="14" t="s">
        <v>53</v>
      </c>
      <c r="G5159" s="16">
        <v>0</v>
      </c>
    </row>
    <row r="5160" spans="1:7" x14ac:dyDescent="0.3">
      <c r="A5160" s="13" t="s">
        <v>50</v>
      </c>
      <c r="B5160" s="14" t="s">
        <v>1</v>
      </c>
      <c r="C5160" s="14" t="s">
        <v>51</v>
      </c>
      <c r="D5160" s="14" t="s">
        <v>52</v>
      </c>
      <c r="E5160" s="15">
        <v>45426</v>
      </c>
      <c r="F5160" s="14" t="s">
        <v>53</v>
      </c>
      <c r="G5160" s="16">
        <v>0</v>
      </c>
    </row>
    <row r="5161" spans="1:7" x14ac:dyDescent="0.3">
      <c r="A5161" s="13" t="s">
        <v>50</v>
      </c>
      <c r="B5161" s="14" t="s">
        <v>1</v>
      </c>
      <c r="C5161" s="14" t="s">
        <v>51</v>
      </c>
      <c r="D5161" s="14" t="s">
        <v>52</v>
      </c>
      <c r="E5161" s="15">
        <v>45427</v>
      </c>
      <c r="F5161" s="14" t="s">
        <v>53</v>
      </c>
      <c r="G5161" s="16">
        <v>0</v>
      </c>
    </row>
    <row r="5162" spans="1:7" x14ac:dyDescent="0.3">
      <c r="A5162" s="13" t="s">
        <v>50</v>
      </c>
      <c r="B5162" s="14" t="s">
        <v>1</v>
      </c>
      <c r="C5162" s="14" t="s">
        <v>51</v>
      </c>
      <c r="D5162" s="14" t="s">
        <v>52</v>
      </c>
      <c r="E5162" s="15">
        <v>45428</v>
      </c>
      <c r="F5162" s="14" t="s">
        <v>53</v>
      </c>
      <c r="G5162" s="16">
        <v>0</v>
      </c>
    </row>
    <row r="5163" spans="1:7" x14ac:dyDescent="0.3">
      <c r="A5163" s="13" t="s">
        <v>50</v>
      </c>
      <c r="B5163" s="14" t="s">
        <v>1</v>
      </c>
      <c r="C5163" s="14" t="s">
        <v>51</v>
      </c>
      <c r="D5163" s="14" t="s">
        <v>52</v>
      </c>
      <c r="E5163" s="15">
        <v>45429</v>
      </c>
      <c r="F5163" s="14" t="s">
        <v>53</v>
      </c>
      <c r="G5163" s="16">
        <v>0</v>
      </c>
    </row>
    <row r="5164" spans="1:7" x14ac:dyDescent="0.3">
      <c r="A5164" s="13" t="s">
        <v>50</v>
      </c>
      <c r="B5164" s="14" t="s">
        <v>1</v>
      </c>
      <c r="C5164" s="14" t="s">
        <v>51</v>
      </c>
      <c r="D5164" s="14" t="s">
        <v>52</v>
      </c>
      <c r="E5164" s="15">
        <v>45430</v>
      </c>
      <c r="F5164" s="14" t="s">
        <v>53</v>
      </c>
      <c r="G5164" s="16">
        <v>0</v>
      </c>
    </row>
    <row r="5165" spans="1:7" x14ac:dyDescent="0.3">
      <c r="A5165" s="13" t="s">
        <v>50</v>
      </c>
      <c r="B5165" s="14" t="s">
        <v>1</v>
      </c>
      <c r="C5165" s="14" t="s">
        <v>51</v>
      </c>
      <c r="D5165" s="14" t="s">
        <v>52</v>
      </c>
      <c r="E5165" s="15">
        <v>45431</v>
      </c>
      <c r="F5165" s="14" t="s">
        <v>53</v>
      </c>
      <c r="G5165" s="16">
        <v>0</v>
      </c>
    </row>
    <row r="5166" spans="1:7" x14ac:dyDescent="0.3">
      <c r="A5166" s="13" t="s">
        <v>50</v>
      </c>
      <c r="B5166" s="14" t="s">
        <v>1</v>
      </c>
      <c r="C5166" s="14" t="s">
        <v>51</v>
      </c>
      <c r="D5166" s="14" t="s">
        <v>52</v>
      </c>
      <c r="E5166" s="15">
        <v>45432</v>
      </c>
      <c r="F5166" s="14" t="s">
        <v>53</v>
      </c>
      <c r="G5166" s="16">
        <v>0</v>
      </c>
    </row>
    <row r="5167" spans="1:7" x14ac:dyDescent="0.3">
      <c r="A5167" s="13" t="s">
        <v>50</v>
      </c>
      <c r="B5167" s="14" t="s">
        <v>1</v>
      </c>
      <c r="C5167" s="14" t="s">
        <v>51</v>
      </c>
      <c r="D5167" s="14" t="s">
        <v>52</v>
      </c>
      <c r="E5167" s="15">
        <v>45433</v>
      </c>
      <c r="F5167" s="14" t="s">
        <v>53</v>
      </c>
      <c r="G5167" s="16">
        <v>0</v>
      </c>
    </row>
    <row r="5168" spans="1:7" x14ac:dyDescent="0.3">
      <c r="A5168" s="13" t="s">
        <v>50</v>
      </c>
      <c r="B5168" s="14" t="s">
        <v>1</v>
      </c>
      <c r="C5168" s="14" t="s">
        <v>51</v>
      </c>
      <c r="D5168" s="14" t="s">
        <v>52</v>
      </c>
      <c r="E5168" s="15">
        <v>45434</v>
      </c>
      <c r="F5168" s="14" t="s">
        <v>53</v>
      </c>
      <c r="G5168" s="16">
        <v>0</v>
      </c>
    </row>
    <row r="5169" spans="1:7" x14ac:dyDescent="0.3">
      <c r="A5169" s="13" t="s">
        <v>50</v>
      </c>
      <c r="B5169" s="14" t="s">
        <v>1</v>
      </c>
      <c r="C5169" s="14" t="s">
        <v>51</v>
      </c>
      <c r="D5169" s="14" t="s">
        <v>52</v>
      </c>
      <c r="E5169" s="15">
        <v>45435</v>
      </c>
      <c r="F5169" s="14" t="s">
        <v>53</v>
      </c>
      <c r="G5169" s="16">
        <v>0</v>
      </c>
    </row>
    <row r="5170" spans="1:7" x14ac:dyDescent="0.3">
      <c r="A5170" s="13" t="s">
        <v>50</v>
      </c>
      <c r="B5170" s="14" t="s">
        <v>1</v>
      </c>
      <c r="C5170" s="14" t="s">
        <v>51</v>
      </c>
      <c r="D5170" s="14" t="s">
        <v>52</v>
      </c>
      <c r="E5170" s="15">
        <v>45436</v>
      </c>
      <c r="F5170" s="14" t="s">
        <v>53</v>
      </c>
      <c r="G5170" s="16">
        <v>0</v>
      </c>
    </row>
    <row r="5171" spans="1:7" x14ac:dyDescent="0.3">
      <c r="A5171" s="13" t="s">
        <v>50</v>
      </c>
      <c r="B5171" s="14" t="s">
        <v>1</v>
      </c>
      <c r="C5171" s="14" t="s">
        <v>51</v>
      </c>
      <c r="D5171" s="14" t="s">
        <v>52</v>
      </c>
      <c r="E5171" s="15">
        <v>45437</v>
      </c>
      <c r="F5171" s="14" t="s">
        <v>53</v>
      </c>
      <c r="G5171" s="16">
        <v>0</v>
      </c>
    </row>
    <row r="5172" spans="1:7" x14ac:dyDescent="0.3">
      <c r="A5172" s="13" t="s">
        <v>50</v>
      </c>
      <c r="B5172" s="14" t="s">
        <v>1</v>
      </c>
      <c r="C5172" s="14" t="s">
        <v>51</v>
      </c>
      <c r="D5172" s="14" t="s">
        <v>52</v>
      </c>
      <c r="E5172" s="15">
        <v>45438</v>
      </c>
      <c r="F5172" s="14" t="s">
        <v>53</v>
      </c>
      <c r="G5172" s="16">
        <v>0</v>
      </c>
    </row>
    <row r="5173" spans="1:7" x14ac:dyDescent="0.3">
      <c r="A5173" s="13" t="s">
        <v>50</v>
      </c>
      <c r="B5173" s="14" t="s">
        <v>1</v>
      </c>
      <c r="C5173" s="14" t="s">
        <v>51</v>
      </c>
      <c r="D5173" s="14" t="s">
        <v>52</v>
      </c>
      <c r="E5173" s="15">
        <v>45439</v>
      </c>
      <c r="F5173" s="14" t="s">
        <v>53</v>
      </c>
      <c r="G5173" s="16">
        <v>0</v>
      </c>
    </row>
    <row r="5174" spans="1:7" x14ac:dyDescent="0.3">
      <c r="A5174" s="13" t="s">
        <v>50</v>
      </c>
      <c r="B5174" s="14" t="s">
        <v>1</v>
      </c>
      <c r="C5174" s="14" t="s">
        <v>51</v>
      </c>
      <c r="D5174" s="14" t="s">
        <v>52</v>
      </c>
      <c r="E5174" s="15">
        <v>45440</v>
      </c>
      <c r="F5174" s="14" t="s">
        <v>53</v>
      </c>
      <c r="G5174" s="16">
        <v>0</v>
      </c>
    </row>
    <row r="5175" spans="1:7" x14ac:dyDescent="0.3">
      <c r="A5175" s="13" t="s">
        <v>50</v>
      </c>
      <c r="B5175" s="14" t="s">
        <v>1</v>
      </c>
      <c r="C5175" s="14" t="s">
        <v>51</v>
      </c>
      <c r="D5175" s="14" t="s">
        <v>52</v>
      </c>
      <c r="E5175" s="15">
        <v>45441</v>
      </c>
      <c r="F5175" s="14" t="s">
        <v>53</v>
      </c>
      <c r="G5175" s="16">
        <v>0</v>
      </c>
    </row>
    <row r="5176" spans="1:7" x14ac:dyDescent="0.3">
      <c r="A5176" s="13" t="s">
        <v>50</v>
      </c>
      <c r="B5176" s="14" t="s">
        <v>1</v>
      </c>
      <c r="C5176" s="14" t="s">
        <v>51</v>
      </c>
      <c r="D5176" s="14" t="s">
        <v>52</v>
      </c>
      <c r="E5176" s="15">
        <v>45442</v>
      </c>
      <c r="F5176" s="14" t="s">
        <v>53</v>
      </c>
      <c r="G5176" s="16">
        <v>0</v>
      </c>
    </row>
    <row r="5177" spans="1:7" x14ac:dyDescent="0.3">
      <c r="A5177" s="13" t="s">
        <v>50</v>
      </c>
      <c r="B5177" s="14" t="s">
        <v>1</v>
      </c>
      <c r="C5177" s="14" t="s">
        <v>51</v>
      </c>
      <c r="D5177" s="14" t="s">
        <v>52</v>
      </c>
      <c r="E5177" s="15">
        <v>45443</v>
      </c>
      <c r="F5177" s="14" t="s">
        <v>53</v>
      </c>
      <c r="G5177" s="16">
        <v>0</v>
      </c>
    </row>
    <row r="5178" spans="1:7" x14ac:dyDescent="0.3">
      <c r="A5178" s="13" t="s">
        <v>50</v>
      </c>
      <c r="B5178" s="14" t="s">
        <v>1</v>
      </c>
      <c r="C5178" s="14" t="s">
        <v>51</v>
      </c>
      <c r="D5178" s="14" t="s">
        <v>52</v>
      </c>
      <c r="E5178" s="15">
        <v>45444</v>
      </c>
      <c r="F5178" s="14" t="s">
        <v>53</v>
      </c>
      <c r="G5178" s="16">
        <v>0</v>
      </c>
    </row>
    <row r="5179" spans="1:7" x14ac:dyDescent="0.3">
      <c r="A5179" s="13" t="s">
        <v>50</v>
      </c>
      <c r="B5179" s="14" t="s">
        <v>1</v>
      </c>
      <c r="C5179" s="14" t="s">
        <v>51</v>
      </c>
      <c r="D5179" s="14" t="s">
        <v>52</v>
      </c>
      <c r="E5179" s="15">
        <v>45445</v>
      </c>
      <c r="F5179" s="14" t="s">
        <v>53</v>
      </c>
      <c r="G5179" s="16">
        <v>0</v>
      </c>
    </row>
    <row r="5180" spans="1:7" x14ac:dyDescent="0.3">
      <c r="A5180" s="13" t="s">
        <v>50</v>
      </c>
      <c r="B5180" s="14" t="s">
        <v>1</v>
      </c>
      <c r="C5180" s="14" t="s">
        <v>51</v>
      </c>
      <c r="D5180" s="14" t="s">
        <v>52</v>
      </c>
      <c r="E5180" s="15">
        <v>45446</v>
      </c>
      <c r="F5180" s="14" t="s">
        <v>53</v>
      </c>
      <c r="G5180" s="16">
        <v>0</v>
      </c>
    </row>
    <row r="5181" spans="1:7" x14ac:dyDescent="0.3">
      <c r="A5181" s="13" t="s">
        <v>50</v>
      </c>
      <c r="B5181" s="14" t="s">
        <v>1</v>
      </c>
      <c r="C5181" s="14" t="s">
        <v>51</v>
      </c>
      <c r="D5181" s="14" t="s">
        <v>52</v>
      </c>
      <c r="E5181" s="15">
        <v>45447</v>
      </c>
      <c r="F5181" s="14" t="s">
        <v>53</v>
      </c>
      <c r="G5181" s="16">
        <v>0</v>
      </c>
    </row>
    <row r="5182" spans="1:7" x14ac:dyDescent="0.3">
      <c r="A5182" s="13" t="s">
        <v>50</v>
      </c>
      <c r="B5182" s="14" t="s">
        <v>1</v>
      </c>
      <c r="C5182" s="14" t="s">
        <v>51</v>
      </c>
      <c r="D5182" s="14" t="s">
        <v>52</v>
      </c>
      <c r="E5182" s="15">
        <v>45448</v>
      </c>
      <c r="F5182" s="14" t="s">
        <v>53</v>
      </c>
      <c r="G5182" s="16">
        <v>0</v>
      </c>
    </row>
    <row r="5183" spans="1:7" x14ac:dyDescent="0.3">
      <c r="A5183" s="13" t="s">
        <v>50</v>
      </c>
      <c r="B5183" s="14" t="s">
        <v>1</v>
      </c>
      <c r="C5183" s="14" t="s">
        <v>51</v>
      </c>
      <c r="D5183" s="14" t="s">
        <v>52</v>
      </c>
      <c r="E5183" s="15">
        <v>45449</v>
      </c>
      <c r="F5183" s="14" t="s">
        <v>53</v>
      </c>
      <c r="G5183" s="16">
        <v>0</v>
      </c>
    </row>
    <row r="5184" spans="1:7" x14ac:dyDescent="0.3">
      <c r="A5184" s="13" t="s">
        <v>50</v>
      </c>
      <c r="B5184" s="14" t="s">
        <v>1</v>
      </c>
      <c r="C5184" s="14" t="s">
        <v>51</v>
      </c>
      <c r="D5184" s="14" t="s">
        <v>52</v>
      </c>
      <c r="E5184" s="15">
        <v>45450</v>
      </c>
      <c r="F5184" s="14" t="s">
        <v>53</v>
      </c>
      <c r="G5184" s="16">
        <v>0</v>
      </c>
    </row>
    <row r="5185" spans="1:7" x14ac:dyDescent="0.3">
      <c r="A5185" s="13" t="s">
        <v>50</v>
      </c>
      <c r="B5185" s="14" t="s">
        <v>1</v>
      </c>
      <c r="C5185" s="14" t="s">
        <v>51</v>
      </c>
      <c r="D5185" s="14" t="s">
        <v>52</v>
      </c>
      <c r="E5185" s="15">
        <v>45451</v>
      </c>
      <c r="F5185" s="14" t="s">
        <v>53</v>
      </c>
      <c r="G5185" s="16">
        <v>0</v>
      </c>
    </row>
    <row r="5186" spans="1:7" x14ac:dyDescent="0.3">
      <c r="A5186" s="13" t="s">
        <v>50</v>
      </c>
      <c r="B5186" s="14" t="s">
        <v>1</v>
      </c>
      <c r="C5186" s="14" t="s">
        <v>51</v>
      </c>
      <c r="D5186" s="14" t="s">
        <v>52</v>
      </c>
      <c r="E5186" s="15">
        <v>45452</v>
      </c>
      <c r="F5186" s="14" t="s">
        <v>53</v>
      </c>
      <c r="G5186" s="16">
        <v>0</v>
      </c>
    </row>
    <row r="5187" spans="1:7" x14ac:dyDescent="0.3">
      <c r="A5187" s="13" t="s">
        <v>50</v>
      </c>
      <c r="B5187" s="14" t="s">
        <v>1</v>
      </c>
      <c r="C5187" s="14" t="s">
        <v>51</v>
      </c>
      <c r="D5187" s="14" t="s">
        <v>52</v>
      </c>
      <c r="E5187" s="15">
        <v>45453</v>
      </c>
      <c r="F5187" s="14" t="s">
        <v>53</v>
      </c>
      <c r="G5187" s="16">
        <v>0</v>
      </c>
    </row>
    <row r="5188" spans="1:7" x14ac:dyDescent="0.3">
      <c r="A5188" s="13" t="s">
        <v>50</v>
      </c>
      <c r="B5188" s="14" t="s">
        <v>1</v>
      </c>
      <c r="C5188" s="14" t="s">
        <v>51</v>
      </c>
      <c r="D5188" s="14" t="s">
        <v>52</v>
      </c>
      <c r="E5188" s="15">
        <v>45454</v>
      </c>
      <c r="F5188" s="14" t="s">
        <v>53</v>
      </c>
      <c r="G5188" s="16">
        <v>0</v>
      </c>
    </row>
    <row r="5189" spans="1:7" x14ac:dyDescent="0.3">
      <c r="A5189" s="13" t="s">
        <v>50</v>
      </c>
      <c r="B5189" s="14" t="s">
        <v>1</v>
      </c>
      <c r="C5189" s="14" t="s">
        <v>51</v>
      </c>
      <c r="D5189" s="14" t="s">
        <v>52</v>
      </c>
      <c r="E5189" s="15">
        <v>45455</v>
      </c>
      <c r="F5189" s="14" t="s">
        <v>53</v>
      </c>
      <c r="G5189" s="16">
        <v>0</v>
      </c>
    </row>
    <row r="5190" spans="1:7" x14ac:dyDescent="0.3">
      <c r="A5190" s="13" t="s">
        <v>50</v>
      </c>
      <c r="B5190" s="14" t="s">
        <v>1</v>
      </c>
      <c r="C5190" s="14" t="s">
        <v>51</v>
      </c>
      <c r="D5190" s="14" t="s">
        <v>52</v>
      </c>
      <c r="E5190" s="15">
        <v>45456</v>
      </c>
      <c r="F5190" s="14" t="s">
        <v>53</v>
      </c>
      <c r="G5190" s="16">
        <v>0</v>
      </c>
    </row>
    <row r="5191" spans="1:7" x14ac:dyDescent="0.3">
      <c r="A5191" s="13" t="s">
        <v>50</v>
      </c>
      <c r="B5191" s="14" t="s">
        <v>1</v>
      </c>
      <c r="C5191" s="14" t="s">
        <v>51</v>
      </c>
      <c r="D5191" s="14" t="s">
        <v>52</v>
      </c>
      <c r="E5191" s="15">
        <v>45457</v>
      </c>
      <c r="F5191" s="14" t="s">
        <v>53</v>
      </c>
      <c r="G5191" s="16">
        <v>0</v>
      </c>
    </row>
    <row r="5192" spans="1:7" x14ac:dyDescent="0.3">
      <c r="A5192" s="13" t="s">
        <v>50</v>
      </c>
      <c r="B5192" s="14" t="s">
        <v>1</v>
      </c>
      <c r="C5192" s="14" t="s">
        <v>51</v>
      </c>
      <c r="D5192" s="14" t="s">
        <v>52</v>
      </c>
      <c r="E5192" s="15">
        <v>45458</v>
      </c>
      <c r="F5192" s="14" t="s">
        <v>53</v>
      </c>
      <c r="G5192" s="16">
        <v>0</v>
      </c>
    </row>
    <row r="5193" spans="1:7" x14ac:dyDescent="0.3">
      <c r="A5193" s="13" t="s">
        <v>50</v>
      </c>
      <c r="B5193" s="14" t="s">
        <v>1</v>
      </c>
      <c r="C5193" s="14" t="s">
        <v>51</v>
      </c>
      <c r="D5193" s="14" t="s">
        <v>52</v>
      </c>
      <c r="E5193" s="15">
        <v>45459</v>
      </c>
      <c r="F5193" s="14" t="s">
        <v>53</v>
      </c>
      <c r="G5193" s="16">
        <v>0</v>
      </c>
    </row>
    <row r="5194" spans="1:7" x14ac:dyDescent="0.3">
      <c r="A5194" s="13" t="s">
        <v>50</v>
      </c>
      <c r="B5194" s="14" t="s">
        <v>1</v>
      </c>
      <c r="C5194" s="14" t="s">
        <v>51</v>
      </c>
      <c r="D5194" s="14" t="s">
        <v>52</v>
      </c>
      <c r="E5194" s="15">
        <v>45460</v>
      </c>
      <c r="F5194" s="14" t="s">
        <v>53</v>
      </c>
      <c r="G5194" s="16">
        <v>0</v>
      </c>
    </row>
    <row r="5195" spans="1:7" x14ac:dyDescent="0.3">
      <c r="A5195" s="13" t="s">
        <v>50</v>
      </c>
      <c r="B5195" s="14" t="s">
        <v>1</v>
      </c>
      <c r="C5195" s="14" t="s">
        <v>51</v>
      </c>
      <c r="D5195" s="14" t="s">
        <v>52</v>
      </c>
      <c r="E5195" s="15">
        <v>45461</v>
      </c>
      <c r="F5195" s="14" t="s">
        <v>53</v>
      </c>
      <c r="G5195" s="16">
        <v>0</v>
      </c>
    </row>
    <row r="5196" spans="1:7" x14ac:dyDescent="0.3">
      <c r="A5196" s="13" t="s">
        <v>50</v>
      </c>
      <c r="B5196" s="14" t="s">
        <v>1</v>
      </c>
      <c r="C5196" s="14" t="s">
        <v>51</v>
      </c>
      <c r="D5196" s="14" t="s">
        <v>52</v>
      </c>
      <c r="E5196" s="15">
        <v>45462</v>
      </c>
      <c r="F5196" s="14" t="s">
        <v>53</v>
      </c>
      <c r="G5196" s="16">
        <v>0</v>
      </c>
    </row>
    <row r="5197" spans="1:7" x14ac:dyDescent="0.3">
      <c r="A5197" s="13" t="s">
        <v>50</v>
      </c>
      <c r="B5197" s="14" t="s">
        <v>1</v>
      </c>
      <c r="C5197" s="14" t="s">
        <v>51</v>
      </c>
      <c r="D5197" s="14" t="s">
        <v>52</v>
      </c>
      <c r="E5197" s="15">
        <v>45463</v>
      </c>
      <c r="F5197" s="14" t="s">
        <v>53</v>
      </c>
      <c r="G5197" s="16">
        <v>0</v>
      </c>
    </row>
    <row r="5198" spans="1:7" x14ac:dyDescent="0.3">
      <c r="A5198" s="13" t="s">
        <v>50</v>
      </c>
      <c r="B5198" s="14" t="s">
        <v>1</v>
      </c>
      <c r="C5198" s="14" t="s">
        <v>51</v>
      </c>
      <c r="D5198" s="14" t="s">
        <v>52</v>
      </c>
      <c r="E5198" s="15">
        <v>45464</v>
      </c>
      <c r="F5198" s="14" t="s">
        <v>53</v>
      </c>
      <c r="G5198" s="16">
        <v>0</v>
      </c>
    </row>
    <row r="5199" spans="1:7" x14ac:dyDescent="0.3">
      <c r="A5199" s="13" t="s">
        <v>50</v>
      </c>
      <c r="B5199" s="14" t="s">
        <v>1</v>
      </c>
      <c r="C5199" s="14" t="s">
        <v>51</v>
      </c>
      <c r="D5199" s="14" t="s">
        <v>52</v>
      </c>
      <c r="E5199" s="15">
        <v>45465</v>
      </c>
      <c r="F5199" s="14" t="s">
        <v>53</v>
      </c>
      <c r="G5199" s="16">
        <v>0</v>
      </c>
    </row>
    <row r="5200" spans="1:7" x14ac:dyDescent="0.3">
      <c r="A5200" s="13" t="s">
        <v>50</v>
      </c>
      <c r="B5200" s="14" t="s">
        <v>1</v>
      </c>
      <c r="C5200" s="14" t="s">
        <v>51</v>
      </c>
      <c r="D5200" s="14" t="s">
        <v>52</v>
      </c>
      <c r="E5200" s="15">
        <v>45466</v>
      </c>
      <c r="F5200" s="14" t="s">
        <v>53</v>
      </c>
      <c r="G5200" s="16">
        <v>0</v>
      </c>
    </row>
    <row r="5201" spans="1:7" x14ac:dyDescent="0.3">
      <c r="A5201" s="13" t="s">
        <v>50</v>
      </c>
      <c r="B5201" s="14" t="s">
        <v>1</v>
      </c>
      <c r="C5201" s="14" t="s">
        <v>51</v>
      </c>
      <c r="D5201" s="14" t="s">
        <v>52</v>
      </c>
      <c r="E5201" s="15">
        <v>45467</v>
      </c>
      <c r="F5201" s="14" t="s">
        <v>53</v>
      </c>
      <c r="G5201" s="16">
        <v>0</v>
      </c>
    </row>
    <row r="5202" spans="1:7" x14ac:dyDescent="0.3">
      <c r="A5202" s="13" t="s">
        <v>50</v>
      </c>
      <c r="B5202" s="14" t="s">
        <v>1</v>
      </c>
      <c r="C5202" s="14" t="s">
        <v>51</v>
      </c>
      <c r="D5202" s="14" t="s">
        <v>52</v>
      </c>
      <c r="E5202" s="15">
        <v>45468</v>
      </c>
      <c r="F5202" s="14" t="s">
        <v>53</v>
      </c>
      <c r="G5202" s="16">
        <v>0</v>
      </c>
    </row>
    <row r="5203" spans="1:7" x14ac:dyDescent="0.3">
      <c r="A5203" s="13" t="s">
        <v>50</v>
      </c>
      <c r="B5203" s="14" t="s">
        <v>1</v>
      </c>
      <c r="C5203" s="14" t="s">
        <v>51</v>
      </c>
      <c r="D5203" s="14" t="s">
        <v>52</v>
      </c>
      <c r="E5203" s="15">
        <v>45469</v>
      </c>
      <c r="F5203" s="14" t="s">
        <v>53</v>
      </c>
      <c r="G5203" s="16">
        <v>0</v>
      </c>
    </row>
    <row r="5204" spans="1:7" x14ac:dyDescent="0.3">
      <c r="A5204" s="13" t="s">
        <v>50</v>
      </c>
      <c r="B5204" s="14" t="s">
        <v>1</v>
      </c>
      <c r="C5204" s="14" t="s">
        <v>51</v>
      </c>
      <c r="D5204" s="14" t="s">
        <v>52</v>
      </c>
      <c r="E5204" s="15">
        <v>45470</v>
      </c>
      <c r="F5204" s="14" t="s">
        <v>53</v>
      </c>
      <c r="G5204" s="16">
        <v>0</v>
      </c>
    </row>
    <row r="5205" spans="1:7" x14ac:dyDescent="0.3">
      <c r="A5205" s="13" t="s">
        <v>50</v>
      </c>
      <c r="B5205" s="14" t="s">
        <v>1</v>
      </c>
      <c r="C5205" s="14" t="s">
        <v>51</v>
      </c>
      <c r="D5205" s="14" t="s">
        <v>52</v>
      </c>
      <c r="E5205" s="15">
        <v>45471</v>
      </c>
      <c r="F5205" s="14" t="s">
        <v>53</v>
      </c>
      <c r="G5205" s="16">
        <v>0</v>
      </c>
    </row>
    <row r="5206" spans="1:7" x14ac:dyDescent="0.3">
      <c r="A5206" s="13" t="s">
        <v>50</v>
      </c>
      <c r="B5206" s="14" t="s">
        <v>1</v>
      </c>
      <c r="C5206" s="14" t="s">
        <v>51</v>
      </c>
      <c r="D5206" s="14" t="s">
        <v>52</v>
      </c>
      <c r="E5206" s="15">
        <v>45472</v>
      </c>
      <c r="F5206" s="14" t="s">
        <v>53</v>
      </c>
      <c r="G5206" s="16">
        <v>0</v>
      </c>
    </row>
    <row r="5207" spans="1:7" x14ac:dyDescent="0.3">
      <c r="A5207" s="13" t="s">
        <v>50</v>
      </c>
      <c r="B5207" s="14" t="s">
        <v>1</v>
      </c>
      <c r="C5207" s="14" t="s">
        <v>51</v>
      </c>
      <c r="D5207" s="14" t="s">
        <v>52</v>
      </c>
      <c r="E5207" s="15">
        <v>45473</v>
      </c>
      <c r="F5207" s="14" t="s">
        <v>53</v>
      </c>
      <c r="G5207" s="16">
        <v>0</v>
      </c>
    </row>
    <row r="5208" spans="1:7" x14ac:dyDescent="0.3">
      <c r="A5208" s="13" t="s">
        <v>50</v>
      </c>
      <c r="B5208" s="14" t="s">
        <v>1</v>
      </c>
      <c r="C5208" s="14" t="s">
        <v>51</v>
      </c>
      <c r="D5208" s="14" t="s">
        <v>52</v>
      </c>
      <c r="E5208" s="15">
        <v>45474</v>
      </c>
      <c r="F5208" s="14" t="s">
        <v>53</v>
      </c>
      <c r="G5208" s="16">
        <v>0</v>
      </c>
    </row>
    <row r="5209" spans="1:7" x14ac:dyDescent="0.3">
      <c r="A5209" s="13" t="s">
        <v>50</v>
      </c>
      <c r="B5209" s="14" t="s">
        <v>1</v>
      </c>
      <c r="C5209" s="14" t="s">
        <v>51</v>
      </c>
      <c r="D5209" s="14" t="s">
        <v>52</v>
      </c>
      <c r="E5209" s="15">
        <v>45475</v>
      </c>
      <c r="F5209" s="14" t="s">
        <v>53</v>
      </c>
      <c r="G5209" s="16">
        <v>0</v>
      </c>
    </row>
    <row r="5210" spans="1:7" x14ac:dyDescent="0.3">
      <c r="A5210" s="13" t="s">
        <v>50</v>
      </c>
      <c r="B5210" s="14" t="s">
        <v>1</v>
      </c>
      <c r="C5210" s="14" t="s">
        <v>51</v>
      </c>
      <c r="D5210" s="14" t="s">
        <v>52</v>
      </c>
      <c r="E5210" s="15">
        <v>45476</v>
      </c>
      <c r="F5210" s="14" t="s">
        <v>53</v>
      </c>
      <c r="G5210" s="16">
        <v>0</v>
      </c>
    </row>
    <row r="5211" spans="1:7" x14ac:dyDescent="0.3">
      <c r="A5211" s="13" t="s">
        <v>50</v>
      </c>
      <c r="B5211" s="14" t="s">
        <v>1</v>
      </c>
      <c r="C5211" s="14" t="s">
        <v>51</v>
      </c>
      <c r="D5211" s="14" t="s">
        <v>52</v>
      </c>
      <c r="E5211" s="15">
        <v>45477</v>
      </c>
      <c r="F5211" s="14" t="s">
        <v>53</v>
      </c>
      <c r="G5211" s="16">
        <v>0</v>
      </c>
    </row>
    <row r="5212" spans="1:7" x14ac:dyDescent="0.3">
      <c r="A5212" s="13" t="s">
        <v>50</v>
      </c>
      <c r="B5212" s="14" t="s">
        <v>1</v>
      </c>
      <c r="C5212" s="14" t="s">
        <v>51</v>
      </c>
      <c r="D5212" s="14" t="s">
        <v>52</v>
      </c>
      <c r="E5212" s="15">
        <v>45478</v>
      </c>
      <c r="F5212" s="14" t="s">
        <v>53</v>
      </c>
      <c r="G5212" s="16">
        <v>0</v>
      </c>
    </row>
    <row r="5213" spans="1:7" x14ac:dyDescent="0.3">
      <c r="A5213" s="13" t="s">
        <v>50</v>
      </c>
      <c r="B5213" s="14" t="s">
        <v>1</v>
      </c>
      <c r="C5213" s="14" t="s">
        <v>51</v>
      </c>
      <c r="D5213" s="14" t="s">
        <v>52</v>
      </c>
      <c r="E5213" s="15">
        <v>45479</v>
      </c>
      <c r="F5213" s="14" t="s">
        <v>53</v>
      </c>
      <c r="G5213" s="16">
        <v>0</v>
      </c>
    </row>
    <row r="5214" spans="1:7" x14ac:dyDescent="0.3">
      <c r="A5214" s="13" t="s">
        <v>50</v>
      </c>
      <c r="B5214" s="14" t="s">
        <v>1</v>
      </c>
      <c r="C5214" s="14" t="s">
        <v>51</v>
      </c>
      <c r="D5214" s="14" t="s">
        <v>52</v>
      </c>
      <c r="E5214" s="15">
        <v>45480</v>
      </c>
      <c r="F5214" s="14" t="s">
        <v>53</v>
      </c>
      <c r="G5214" s="16">
        <v>0</v>
      </c>
    </row>
    <row r="5215" spans="1:7" x14ac:dyDescent="0.3">
      <c r="A5215" s="13" t="s">
        <v>50</v>
      </c>
      <c r="B5215" s="14" t="s">
        <v>1</v>
      </c>
      <c r="C5215" s="14" t="s">
        <v>51</v>
      </c>
      <c r="D5215" s="14" t="s">
        <v>52</v>
      </c>
      <c r="E5215" s="15">
        <v>45481</v>
      </c>
      <c r="F5215" s="14" t="s">
        <v>53</v>
      </c>
      <c r="G5215" s="16">
        <v>0</v>
      </c>
    </row>
    <row r="5216" spans="1:7" x14ac:dyDescent="0.3">
      <c r="A5216" s="13" t="s">
        <v>50</v>
      </c>
      <c r="B5216" s="14" t="s">
        <v>1</v>
      </c>
      <c r="C5216" s="14" t="s">
        <v>51</v>
      </c>
      <c r="D5216" s="14" t="s">
        <v>52</v>
      </c>
      <c r="E5216" s="15">
        <v>45482</v>
      </c>
      <c r="F5216" s="14" t="s">
        <v>53</v>
      </c>
      <c r="G5216" s="16">
        <v>0</v>
      </c>
    </row>
    <row r="5217" spans="1:7" x14ac:dyDescent="0.3">
      <c r="A5217" s="13" t="s">
        <v>50</v>
      </c>
      <c r="B5217" s="14" t="s">
        <v>1</v>
      </c>
      <c r="C5217" s="14" t="s">
        <v>51</v>
      </c>
      <c r="D5217" s="14" t="s">
        <v>52</v>
      </c>
      <c r="E5217" s="15">
        <v>45483</v>
      </c>
      <c r="F5217" s="14" t="s">
        <v>53</v>
      </c>
      <c r="G5217" s="16">
        <v>0</v>
      </c>
    </row>
    <row r="5218" spans="1:7" x14ac:dyDescent="0.3">
      <c r="A5218" s="13" t="s">
        <v>50</v>
      </c>
      <c r="B5218" s="14" t="s">
        <v>1</v>
      </c>
      <c r="C5218" s="14" t="s">
        <v>51</v>
      </c>
      <c r="D5218" s="14" t="s">
        <v>52</v>
      </c>
      <c r="E5218" s="15">
        <v>45484</v>
      </c>
      <c r="F5218" s="14" t="s">
        <v>53</v>
      </c>
      <c r="G5218" s="16">
        <v>0</v>
      </c>
    </row>
    <row r="5219" spans="1:7" x14ac:dyDescent="0.3">
      <c r="A5219" s="13" t="s">
        <v>50</v>
      </c>
      <c r="B5219" s="14" t="s">
        <v>1</v>
      </c>
      <c r="C5219" s="14" t="s">
        <v>51</v>
      </c>
      <c r="D5219" s="14" t="s">
        <v>52</v>
      </c>
      <c r="E5219" s="15">
        <v>45485</v>
      </c>
      <c r="F5219" s="14" t="s">
        <v>53</v>
      </c>
      <c r="G5219" s="16">
        <v>0</v>
      </c>
    </row>
    <row r="5220" spans="1:7" x14ac:dyDescent="0.3">
      <c r="A5220" s="13" t="s">
        <v>50</v>
      </c>
      <c r="B5220" s="14" t="s">
        <v>1</v>
      </c>
      <c r="C5220" s="14" t="s">
        <v>51</v>
      </c>
      <c r="D5220" s="14" t="s">
        <v>52</v>
      </c>
      <c r="E5220" s="15">
        <v>45486</v>
      </c>
      <c r="F5220" s="14" t="s">
        <v>53</v>
      </c>
      <c r="G5220" s="16">
        <v>0</v>
      </c>
    </row>
    <row r="5221" spans="1:7" x14ac:dyDescent="0.3">
      <c r="A5221" s="13" t="s">
        <v>50</v>
      </c>
      <c r="B5221" s="14" t="s">
        <v>1</v>
      </c>
      <c r="C5221" s="14" t="s">
        <v>51</v>
      </c>
      <c r="D5221" s="14" t="s">
        <v>52</v>
      </c>
      <c r="E5221" s="15">
        <v>45487</v>
      </c>
      <c r="F5221" s="14" t="s">
        <v>53</v>
      </c>
      <c r="G5221" s="16">
        <v>0</v>
      </c>
    </row>
    <row r="5222" spans="1:7" x14ac:dyDescent="0.3">
      <c r="A5222" s="13" t="s">
        <v>50</v>
      </c>
      <c r="B5222" s="14" t="s">
        <v>1</v>
      </c>
      <c r="C5222" s="14" t="s">
        <v>51</v>
      </c>
      <c r="D5222" s="14" t="s">
        <v>52</v>
      </c>
      <c r="E5222" s="15">
        <v>45488</v>
      </c>
      <c r="F5222" s="14" t="s">
        <v>53</v>
      </c>
      <c r="G5222" s="16">
        <v>0</v>
      </c>
    </row>
    <row r="5223" spans="1:7" x14ac:dyDescent="0.3">
      <c r="A5223" s="13" t="s">
        <v>50</v>
      </c>
      <c r="B5223" s="14" t="s">
        <v>1</v>
      </c>
      <c r="C5223" s="14" t="s">
        <v>51</v>
      </c>
      <c r="D5223" s="14" t="s">
        <v>52</v>
      </c>
      <c r="E5223" s="15">
        <v>45489</v>
      </c>
      <c r="F5223" s="14" t="s">
        <v>53</v>
      </c>
      <c r="G5223" s="16">
        <v>0</v>
      </c>
    </row>
    <row r="5224" spans="1:7" x14ac:dyDescent="0.3">
      <c r="A5224" s="13" t="s">
        <v>50</v>
      </c>
      <c r="B5224" s="14" t="s">
        <v>1</v>
      </c>
      <c r="C5224" s="14" t="s">
        <v>51</v>
      </c>
      <c r="D5224" s="14" t="s">
        <v>52</v>
      </c>
      <c r="E5224" s="15">
        <v>45490</v>
      </c>
      <c r="F5224" s="14" t="s">
        <v>53</v>
      </c>
      <c r="G5224" s="16">
        <v>0</v>
      </c>
    </row>
    <row r="5225" spans="1:7" x14ac:dyDescent="0.3">
      <c r="A5225" s="13" t="s">
        <v>50</v>
      </c>
      <c r="B5225" s="14" t="s">
        <v>1</v>
      </c>
      <c r="C5225" s="14" t="s">
        <v>51</v>
      </c>
      <c r="D5225" s="14" t="s">
        <v>52</v>
      </c>
      <c r="E5225" s="15">
        <v>45491</v>
      </c>
      <c r="F5225" s="14" t="s">
        <v>53</v>
      </c>
      <c r="G5225" s="16">
        <v>0</v>
      </c>
    </row>
    <row r="5226" spans="1:7" x14ac:dyDescent="0.3">
      <c r="A5226" s="13" t="s">
        <v>50</v>
      </c>
      <c r="B5226" s="14" t="s">
        <v>1</v>
      </c>
      <c r="C5226" s="14" t="s">
        <v>51</v>
      </c>
      <c r="D5226" s="14" t="s">
        <v>52</v>
      </c>
      <c r="E5226" s="15">
        <v>45492</v>
      </c>
      <c r="F5226" s="14" t="s">
        <v>53</v>
      </c>
      <c r="G5226" s="16">
        <v>0</v>
      </c>
    </row>
    <row r="5227" spans="1:7" x14ac:dyDescent="0.3">
      <c r="A5227" s="13" t="s">
        <v>50</v>
      </c>
      <c r="B5227" s="14" t="s">
        <v>1</v>
      </c>
      <c r="C5227" s="14" t="s">
        <v>51</v>
      </c>
      <c r="D5227" s="14" t="s">
        <v>52</v>
      </c>
      <c r="E5227" s="15">
        <v>45493</v>
      </c>
      <c r="F5227" s="14" t="s">
        <v>53</v>
      </c>
      <c r="G5227" s="16">
        <v>0</v>
      </c>
    </row>
    <row r="5228" spans="1:7" x14ac:dyDescent="0.3">
      <c r="A5228" s="13" t="s">
        <v>50</v>
      </c>
      <c r="B5228" s="14" t="s">
        <v>1</v>
      </c>
      <c r="C5228" s="14" t="s">
        <v>51</v>
      </c>
      <c r="D5228" s="14" t="s">
        <v>52</v>
      </c>
      <c r="E5228" s="15">
        <v>45494</v>
      </c>
      <c r="F5228" s="14" t="s">
        <v>53</v>
      </c>
      <c r="G5228" s="16">
        <v>0</v>
      </c>
    </row>
    <row r="5229" spans="1:7" x14ac:dyDescent="0.3">
      <c r="A5229" s="13" t="s">
        <v>50</v>
      </c>
      <c r="B5229" s="14" t="s">
        <v>1</v>
      </c>
      <c r="C5229" s="14" t="s">
        <v>51</v>
      </c>
      <c r="D5229" s="14" t="s">
        <v>52</v>
      </c>
      <c r="E5229" s="15">
        <v>45495</v>
      </c>
      <c r="F5229" s="14" t="s">
        <v>53</v>
      </c>
      <c r="G5229" s="16">
        <v>0</v>
      </c>
    </row>
    <row r="5230" spans="1:7" x14ac:dyDescent="0.3">
      <c r="A5230" s="13" t="s">
        <v>50</v>
      </c>
      <c r="B5230" s="14" t="s">
        <v>1</v>
      </c>
      <c r="C5230" s="14" t="s">
        <v>51</v>
      </c>
      <c r="D5230" s="14" t="s">
        <v>52</v>
      </c>
      <c r="E5230" s="15">
        <v>45496</v>
      </c>
      <c r="F5230" s="14" t="s">
        <v>53</v>
      </c>
      <c r="G5230" s="16">
        <v>0</v>
      </c>
    </row>
    <row r="5231" spans="1:7" x14ac:dyDescent="0.3">
      <c r="A5231" s="13" t="s">
        <v>50</v>
      </c>
      <c r="B5231" s="14" t="s">
        <v>1</v>
      </c>
      <c r="C5231" s="14" t="s">
        <v>51</v>
      </c>
      <c r="D5231" s="14" t="s">
        <v>52</v>
      </c>
      <c r="E5231" s="15">
        <v>45497</v>
      </c>
      <c r="F5231" s="14" t="s">
        <v>53</v>
      </c>
      <c r="G5231" s="16">
        <v>0</v>
      </c>
    </row>
    <row r="5232" spans="1:7" x14ac:dyDescent="0.3">
      <c r="A5232" s="13" t="s">
        <v>50</v>
      </c>
      <c r="B5232" s="14" t="s">
        <v>1</v>
      </c>
      <c r="C5232" s="14" t="s">
        <v>51</v>
      </c>
      <c r="D5232" s="14" t="s">
        <v>52</v>
      </c>
      <c r="E5232" s="15">
        <v>45498</v>
      </c>
      <c r="F5232" s="14" t="s">
        <v>53</v>
      </c>
      <c r="G5232" s="16">
        <v>0</v>
      </c>
    </row>
    <row r="5233" spans="1:7" x14ac:dyDescent="0.3">
      <c r="A5233" s="13" t="s">
        <v>50</v>
      </c>
      <c r="B5233" s="14" t="s">
        <v>1</v>
      </c>
      <c r="C5233" s="14" t="s">
        <v>51</v>
      </c>
      <c r="D5233" s="14" t="s">
        <v>52</v>
      </c>
      <c r="E5233" s="15">
        <v>45499</v>
      </c>
      <c r="F5233" s="14" t="s">
        <v>53</v>
      </c>
      <c r="G5233" s="16">
        <v>0</v>
      </c>
    </row>
    <row r="5234" spans="1:7" x14ac:dyDescent="0.3">
      <c r="A5234" s="13" t="s">
        <v>50</v>
      </c>
      <c r="B5234" s="14" t="s">
        <v>1</v>
      </c>
      <c r="C5234" s="14" t="s">
        <v>51</v>
      </c>
      <c r="D5234" s="14" t="s">
        <v>52</v>
      </c>
      <c r="E5234" s="15">
        <v>45500</v>
      </c>
      <c r="F5234" s="14" t="s">
        <v>53</v>
      </c>
      <c r="G5234" s="16">
        <v>0</v>
      </c>
    </row>
    <row r="5235" spans="1:7" x14ac:dyDescent="0.3">
      <c r="A5235" s="13" t="s">
        <v>50</v>
      </c>
      <c r="B5235" s="14" t="s">
        <v>1</v>
      </c>
      <c r="C5235" s="14" t="s">
        <v>51</v>
      </c>
      <c r="D5235" s="14" t="s">
        <v>52</v>
      </c>
      <c r="E5235" s="15">
        <v>45501</v>
      </c>
      <c r="F5235" s="14" t="s">
        <v>53</v>
      </c>
      <c r="G5235" s="16">
        <v>0</v>
      </c>
    </row>
    <row r="5236" spans="1:7" x14ac:dyDescent="0.3">
      <c r="A5236" s="13" t="s">
        <v>50</v>
      </c>
      <c r="B5236" s="14" t="s">
        <v>1</v>
      </c>
      <c r="C5236" s="14" t="s">
        <v>51</v>
      </c>
      <c r="D5236" s="14" t="s">
        <v>52</v>
      </c>
      <c r="E5236" s="15">
        <v>45502</v>
      </c>
      <c r="F5236" s="14" t="s">
        <v>53</v>
      </c>
      <c r="G5236" s="16">
        <v>0</v>
      </c>
    </row>
    <row r="5237" spans="1:7" x14ac:dyDescent="0.3">
      <c r="A5237" s="13" t="s">
        <v>50</v>
      </c>
      <c r="B5237" s="14" t="s">
        <v>1</v>
      </c>
      <c r="C5237" s="14" t="s">
        <v>51</v>
      </c>
      <c r="D5237" s="14" t="s">
        <v>52</v>
      </c>
      <c r="E5237" s="15">
        <v>45503</v>
      </c>
      <c r="F5237" s="14" t="s">
        <v>53</v>
      </c>
      <c r="G5237" s="16">
        <v>0</v>
      </c>
    </row>
    <row r="5238" spans="1:7" x14ac:dyDescent="0.3">
      <c r="A5238" s="13" t="s">
        <v>50</v>
      </c>
      <c r="B5238" s="14" t="s">
        <v>1</v>
      </c>
      <c r="C5238" s="14" t="s">
        <v>51</v>
      </c>
      <c r="D5238" s="14" t="s">
        <v>52</v>
      </c>
      <c r="E5238" s="15">
        <v>45504</v>
      </c>
      <c r="F5238" s="14" t="s">
        <v>53</v>
      </c>
      <c r="G5238" s="16">
        <v>0</v>
      </c>
    </row>
    <row r="5239" spans="1:7" x14ac:dyDescent="0.3">
      <c r="A5239" s="13" t="s">
        <v>50</v>
      </c>
      <c r="B5239" s="14" t="s">
        <v>1</v>
      </c>
      <c r="C5239" s="14" t="s">
        <v>51</v>
      </c>
      <c r="D5239" s="14" t="s">
        <v>52</v>
      </c>
      <c r="E5239" s="15">
        <v>45505</v>
      </c>
      <c r="F5239" s="14" t="s">
        <v>53</v>
      </c>
      <c r="G5239" s="16">
        <v>0</v>
      </c>
    </row>
    <row r="5240" spans="1:7" x14ac:dyDescent="0.3">
      <c r="A5240" s="13" t="s">
        <v>50</v>
      </c>
      <c r="B5240" s="14" t="s">
        <v>1</v>
      </c>
      <c r="C5240" s="14" t="s">
        <v>51</v>
      </c>
      <c r="D5240" s="14" t="s">
        <v>52</v>
      </c>
      <c r="E5240" s="15">
        <v>45506</v>
      </c>
      <c r="F5240" s="14" t="s">
        <v>53</v>
      </c>
      <c r="G5240" s="16">
        <v>0</v>
      </c>
    </row>
    <row r="5241" spans="1:7" x14ac:dyDescent="0.3">
      <c r="A5241" s="13" t="s">
        <v>50</v>
      </c>
      <c r="B5241" s="14" t="s">
        <v>1</v>
      </c>
      <c r="C5241" s="14" t="s">
        <v>51</v>
      </c>
      <c r="D5241" s="14" t="s">
        <v>52</v>
      </c>
      <c r="E5241" s="15">
        <v>45507</v>
      </c>
      <c r="F5241" s="14" t="s">
        <v>53</v>
      </c>
      <c r="G5241" s="16">
        <v>0</v>
      </c>
    </row>
    <row r="5242" spans="1:7" x14ac:dyDescent="0.3">
      <c r="A5242" s="13" t="s">
        <v>50</v>
      </c>
      <c r="B5242" s="14" t="s">
        <v>1</v>
      </c>
      <c r="C5242" s="14" t="s">
        <v>51</v>
      </c>
      <c r="D5242" s="14" t="s">
        <v>52</v>
      </c>
      <c r="E5242" s="15">
        <v>45508</v>
      </c>
      <c r="F5242" s="14" t="s">
        <v>53</v>
      </c>
      <c r="G5242" s="16">
        <v>0</v>
      </c>
    </row>
    <row r="5243" spans="1:7" x14ac:dyDescent="0.3">
      <c r="A5243" s="13" t="s">
        <v>50</v>
      </c>
      <c r="B5243" s="14" t="s">
        <v>1</v>
      </c>
      <c r="C5243" s="14" t="s">
        <v>51</v>
      </c>
      <c r="D5243" s="14" t="s">
        <v>52</v>
      </c>
      <c r="E5243" s="15">
        <v>45509</v>
      </c>
      <c r="F5243" s="14" t="s">
        <v>53</v>
      </c>
      <c r="G5243" s="16">
        <v>0</v>
      </c>
    </row>
    <row r="5244" spans="1:7" x14ac:dyDescent="0.3">
      <c r="A5244" s="13" t="s">
        <v>50</v>
      </c>
      <c r="B5244" s="14" t="s">
        <v>1</v>
      </c>
      <c r="C5244" s="14" t="s">
        <v>51</v>
      </c>
      <c r="D5244" s="14" t="s">
        <v>52</v>
      </c>
      <c r="E5244" s="15">
        <v>45510</v>
      </c>
      <c r="F5244" s="14" t="s">
        <v>53</v>
      </c>
      <c r="G5244" s="16">
        <v>0</v>
      </c>
    </row>
    <row r="5245" spans="1:7" x14ac:dyDescent="0.3">
      <c r="A5245" s="13" t="s">
        <v>50</v>
      </c>
      <c r="B5245" s="14" t="s">
        <v>1</v>
      </c>
      <c r="C5245" s="14" t="s">
        <v>51</v>
      </c>
      <c r="D5245" s="14" t="s">
        <v>52</v>
      </c>
      <c r="E5245" s="15">
        <v>45511</v>
      </c>
      <c r="F5245" s="14" t="s">
        <v>53</v>
      </c>
      <c r="G5245" s="16">
        <v>0</v>
      </c>
    </row>
    <row r="5246" spans="1:7" x14ac:dyDescent="0.3">
      <c r="A5246" s="13" t="s">
        <v>50</v>
      </c>
      <c r="B5246" s="14" t="s">
        <v>1</v>
      </c>
      <c r="C5246" s="14" t="s">
        <v>51</v>
      </c>
      <c r="D5246" s="14" t="s">
        <v>52</v>
      </c>
      <c r="E5246" s="15">
        <v>45512</v>
      </c>
      <c r="F5246" s="14" t="s">
        <v>53</v>
      </c>
      <c r="G5246" s="16">
        <v>0</v>
      </c>
    </row>
    <row r="5247" spans="1:7" x14ac:dyDescent="0.3">
      <c r="A5247" s="13" t="s">
        <v>50</v>
      </c>
      <c r="B5247" s="14" t="s">
        <v>1</v>
      </c>
      <c r="C5247" s="14" t="s">
        <v>51</v>
      </c>
      <c r="D5247" s="14" t="s">
        <v>52</v>
      </c>
      <c r="E5247" s="15">
        <v>45513</v>
      </c>
      <c r="F5247" s="14" t="s">
        <v>53</v>
      </c>
      <c r="G5247" s="16">
        <v>0</v>
      </c>
    </row>
    <row r="5248" spans="1:7" x14ac:dyDescent="0.3">
      <c r="A5248" s="13" t="s">
        <v>50</v>
      </c>
      <c r="B5248" s="14" t="s">
        <v>1</v>
      </c>
      <c r="C5248" s="14" t="s">
        <v>51</v>
      </c>
      <c r="D5248" s="14" t="s">
        <v>52</v>
      </c>
      <c r="E5248" s="15">
        <v>45514</v>
      </c>
      <c r="F5248" s="14" t="s">
        <v>53</v>
      </c>
      <c r="G5248" s="16">
        <v>0</v>
      </c>
    </row>
    <row r="5249" spans="1:7" x14ac:dyDescent="0.3">
      <c r="A5249" s="13" t="s">
        <v>50</v>
      </c>
      <c r="B5249" s="14" t="s">
        <v>1</v>
      </c>
      <c r="C5249" s="14" t="s">
        <v>51</v>
      </c>
      <c r="D5249" s="14" t="s">
        <v>52</v>
      </c>
      <c r="E5249" s="15">
        <v>45515</v>
      </c>
      <c r="F5249" s="14" t="s">
        <v>53</v>
      </c>
      <c r="G5249" s="16">
        <v>0</v>
      </c>
    </row>
    <row r="5250" spans="1:7" x14ac:dyDescent="0.3">
      <c r="A5250" s="13" t="s">
        <v>50</v>
      </c>
      <c r="B5250" s="14" t="s">
        <v>1</v>
      </c>
      <c r="C5250" s="14" t="s">
        <v>51</v>
      </c>
      <c r="D5250" s="14" t="s">
        <v>52</v>
      </c>
      <c r="E5250" s="15">
        <v>45516</v>
      </c>
      <c r="F5250" s="14" t="s">
        <v>53</v>
      </c>
      <c r="G5250" s="16">
        <v>0</v>
      </c>
    </row>
    <row r="5251" spans="1:7" x14ac:dyDescent="0.3">
      <c r="A5251" s="13" t="s">
        <v>50</v>
      </c>
      <c r="B5251" s="14" t="s">
        <v>1</v>
      </c>
      <c r="C5251" s="14" t="s">
        <v>51</v>
      </c>
      <c r="D5251" s="14" t="s">
        <v>52</v>
      </c>
      <c r="E5251" s="15">
        <v>45517</v>
      </c>
      <c r="F5251" s="14" t="s">
        <v>53</v>
      </c>
      <c r="G5251" s="16">
        <v>0</v>
      </c>
    </row>
    <row r="5252" spans="1:7" x14ac:dyDescent="0.3">
      <c r="A5252" s="13" t="s">
        <v>50</v>
      </c>
      <c r="B5252" s="14" t="s">
        <v>1</v>
      </c>
      <c r="C5252" s="14" t="s">
        <v>51</v>
      </c>
      <c r="D5252" s="14" t="s">
        <v>52</v>
      </c>
      <c r="E5252" s="15">
        <v>45518</v>
      </c>
      <c r="F5252" s="14" t="s">
        <v>53</v>
      </c>
      <c r="G5252" s="16">
        <v>0</v>
      </c>
    </row>
    <row r="5253" spans="1:7" x14ac:dyDescent="0.3">
      <c r="A5253" s="13" t="s">
        <v>50</v>
      </c>
      <c r="B5253" s="14" t="s">
        <v>1</v>
      </c>
      <c r="C5253" s="14" t="s">
        <v>51</v>
      </c>
      <c r="D5253" s="14" t="s">
        <v>52</v>
      </c>
      <c r="E5253" s="15">
        <v>45519</v>
      </c>
      <c r="F5253" s="14" t="s">
        <v>53</v>
      </c>
      <c r="G5253" s="16">
        <v>0</v>
      </c>
    </row>
    <row r="5254" spans="1:7" x14ac:dyDescent="0.3">
      <c r="A5254" s="13" t="s">
        <v>50</v>
      </c>
      <c r="B5254" s="14" t="s">
        <v>1</v>
      </c>
      <c r="C5254" s="14" t="s">
        <v>51</v>
      </c>
      <c r="D5254" s="14" t="s">
        <v>52</v>
      </c>
      <c r="E5254" s="15">
        <v>45520</v>
      </c>
      <c r="F5254" s="14" t="s">
        <v>53</v>
      </c>
      <c r="G5254" s="16">
        <v>0</v>
      </c>
    </row>
    <row r="5255" spans="1:7" x14ac:dyDescent="0.3">
      <c r="A5255" s="13" t="s">
        <v>50</v>
      </c>
      <c r="B5255" s="14" t="s">
        <v>1</v>
      </c>
      <c r="C5255" s="14" t="s">
        <v>51</v>
      </c>
      <c r="D5255" s="14" t="s">
        <v>52</v>
      </c>
      <c r="E5255" s="15">
        <v>45521</v>
      </c>
      <c r="F5255" s="14" t="s">
        <v>53</v>
      </c>
      <c r="G5255" s="16">
        <v>0</v>
      </c>
    </row>
    <row r="5256" spans="1:7" x14ac:dyDescent="0.3">
      <c r="A5256" s="13" t="s">
        <v>50</v>
      </c>
      <c r="B5256" s="14" t="s">
        <v>1</v>
      </c>
      <c r="C5256" s="14" t="s">
        <v>51</v>
      </c>
      <c r="D5256" s="14" t="s">
        <v>52</v>
      </c>
      <c r="E5256" s="15">
        <v>45522</v>
      </c>
      <c r="F5256" s="14" t="s">
        <v>53</v>
      </c>
      <c r="G5256" s="16">
        <v>0</v>
      </c>
    </row>
    <row r="5257" spans="1:7" x14ac:dyDescent="0.3">
      <c r="A5257" s="13" t="s">
        <v>50</v>
      </c>
      <c r="B5257" s="14" t="s">
        <v>1</v>
      </c>
      <c r="C5257" s="14" t="s">
        <v>51</v>
      </c>
      <c r="D5257" s="14" t="s">
        <v>52</v>
      </c>
      <c r="E5257" s="15">
        <v>45523</v>
      </c>
      <c r="F5257" s="14" t="s">
        <v>53</v>
      </c>
      <c r="G5257" s="16">
        <v>0</v>
      </c>
    </row>
    <row r="5258" spans="1:7" x14ac:dyDescent="0.3">
      <c r="A5258" s="13" t="s">
        <v>50</v>
      </c>
      <c r="B5258" s="14" t="s">
        <v>1</v>
      </c>
      <c r="C5258" s="14" t="s">
        <v>51</v>
      </c>
      <c r="D5258" s="14" t="s">
        <v>52</v>
      </c>
      <c r="E5258" s="15">
        <v>45524</v>
      </c>
      <c r="F5258" s="14" t="s">
        <v>53</v>
      </c>
      <c r="G5258" s="16">
        <v>0</v>
      </c>
    </row>
    <row r="5259" spans="1:7" x14ac:dyDescent="0.3">
      <c r="A5259" s="13" t="s">
        <v>50</v>
      </c>
      <c r="B5259" s="14" t="s">
        <v>1</v>
      </c>
      <c r="C5259" s="14" t="s">
        <v>51</v>
      </c>
      <c r="D5259" s="14" t="s">
        <v>52</v>
      </c>
      <c r="E5259" s="15">
        <v>45525</v>
      </c>
      <c r="F5259" s="14" t="s">
        <v>53</v>
      </c>
      <c r="G5259" s="16">
        <v>0</v>
      </c>
    </row>
    <row r="5260" spans="1:7" x14ac:dyDescent="0.3">
      <c r="A5260" s="13" t="s">
        <v>50</v>
      </c>
      <c r="B5260" s="14" t="s">
        <v>1</v>
      </c>
      <c r="C5260" s="14" t="s">
        <v>51</v>
      </c>
      <c r="D5260" s="14" t="s">
        <v>52</v>
      </c>
      <c r="E5260" s="15">
        <v>45526</v>
      </c>
      <c r="F5260" s="14" t="s">
        <v>53</v>
      </c>
      <c r="G5260" s="16">
        <v>0</v>
      </c>
    </row>
    <row r="5261" spans="1:7" x14ac:dyDescent="0.3">
      <c r="A5261" s="13" t="s">
        <v>50</v>
      </c>
      <c r="B5261" s="14" t="s">
        <v>1</v>
      </c>
      <c r="C5261" s="14" t="s">
        <v>51</v>
      </c>
      <c r="D5261" s="14" t="s">
        <v>52</v>
      </c>
      <c r="E5261" s="15">
        <v>45527</v>
      </c>
      <c r="F5261" s="14" t="s">
        <v>53</v>
      </c>
      <c r="G5261" s="16">
        <v>0</v>
      </c>
    </row>
    <row r="5262" spans="1:7" x14ac:dyDescent="0.3">
      <c r="A5262" s="13" t="s">
        <v>50</v>
      </c>
      <c r="B5262" s="14" t="s">
        <v>1</v>
      </c>
      <c r="C5262" s="14" t="s">
        <v>51</v>
      </c>
      <c r="D5262" s="14" t="s">
        <v>52</v>
      </c>
      <c r="E5262" s="15">
        <v>45528</v>
      </c>
      <c r="F5262" s="14" t="s">
        <v>53</v>
      </c>
      <c r="G5262" s="16">
        <v>0</v>
      </c>
    </row>
    <row r="5263" spans="1:7" x14ac:dyDescent="0.3">
      <c r="A5263" s="13" t="s">
        <v>50</v>
      </c>
      <c r="B5263" s="14" t="s">
        <v>1</v>
      </c>
      <c r="C5263" s="14" t="s">
        <v>51</v>
      </c>
      <c r="D5263" s="14" t="s">
        <v>52</v>
      </c>
      <c r="E5263" s="15">
        <v>45529</v>
      </c>
      <c r="F5263" s="14" t="s">
        <v>53</v>
      </c>
      <c r="G5263" s="16">
        <v>0</v>
      </c>
    </row>
    <row r="5264" spans="1:7" x14ac:dyDescent="0.3">
      <c r="A5264" s="13" t="s">
        <v>50</v>
      </c>
      <c r="B5264" s="14" t="s">
        <v>1</v>
      </c>
      <c r="C5264" s="14" t="s">
        <v>51</v>
      </c>
      <c r="D5264" s="14" t="s">
        <v>52</v>
      </c>
      <c r="E5264" s="15">
        <v>45530</v>
      </c>
      <c r="F5264" s="14" t="s">
        <v>53</v>
      </c>
      <c r="G5264" s="16">
        <v>0</v>
      </c>
    </row>
    <row r="5265" spans="1:7" x14ac:dyDescent="0.3">
      <c r="A5265" s="13" t="s">
        <v>50</v>
      </c>
      <c r="B5265" s="14" t="s">
        <v>1</v>
      </c>
      <c r="C5265" s="14" t="s">
        <v>51</v>
      </c>
      <c r="D5265" s="14" t="s">
        <v>52</v>
      </c>
      <c r="E5265" s="15">
        <v>45531</v>
      </c>
      <c r="F5265" s="14" t="s">
        <v>53</v>
      </c>
      <c r="G5265" s="16">
        <v>0</v>
      </c>
    </row>
    <row r="5266" spans="1:7" x14ac:dyDescent="0.3">
      <c r="A5266" s="13" t="s">
        <v>50</v>
      </c>
      <c r="B5266" s="14" t="s">
        <v>1</v>
      </c>
      <c r="C5266" s="14" t="s">
        <v>51</v>
      </c>
      <c r="D5266" s="14" t="s">
        <v>52</v>
      </c>
      <c r="E5266" s="15">
        <v>45532</v>
      </c>
      <c r="F5266" s="14" t="s">
        <v>53</v>
      </c>
      <c r="G5266" s="16">
        <v>0</v>
      </c>
    </row>
    <row r="5267" spans="1:7" x14ac:dyDescent="0.3">
      <c r="A5267" s="13" t="s">
        <v>50</v>
      </c>
      <c r="B5267" s="14" t="s">
        <v>1</v>
      </c>
      <c r="C5267" s="14" t="s">
        <v>51</v>
      </c>
      <c r="D5267" s="14" t="s">
        <v>52</v>
      </c>
      <c r="E5267" s="15">
        <v>45533</v>
      </c>
      <c r="F5267" s="14" t="s">
        <v>53</v>
      </c>
      <c r="G5267" s="16">
        <v>0</v>
      </c>
    </row>
    <row r="5268" spans="1:7" x14ac:dyDescent="0.3">
      <c r="A5268" s="13" t="s">
        <v>50</v>
      </c>
      <c r="B5268" s="14" t="s">
        <v>1</v>
      </c>
      <c r="C5268" s="14" t="s">
        <v>51</v>
      </c>
      <c r="D5268" s="14" t="s">
        <v>52</v>
      </c>
      <c r="E5268" s="15">
        <v>45534</v>
      </c>
      <c r="F5268" s="14" t="s">
        <v>53</v>
      </c>
      <c r="G5268" s="16">
        <v>0</v>
      </c>
    </row>
    <row r="5269" spans="1:7" x14ac:dyDescent="0.3">
      <c r="A5269" s="13" t="s">
        <v>50</v>
      </c>
      <c r="B5269" s="14" t="s">
        <v>1</v>
      </c>
      <c r="C5269" s="14" t="s">
        <v>51</v>
      </c>
      <c r="D5269" s="14" t="s">
        <v>52</v>
      </c>
      <c r="E5269" s="15">
        <v>45535</v>
      </c>
      <c r="F5269" s="14" t="s">
        <v>53</v>
      </c>
      <c r="G5269" s="16">
        <v>0</v>
      </c>
    </row>
    <row r="5270" spans="1:7" x14ac:dyDescent="0.3">
      <c r="A5270" s="13" t="s">
        <v>50</v>
      </c>
      <c r="B5270" s="14" t="s">
        <v>1</v>
      </c>
      <c r="C5270" s="14" t="s">
        <v>51</v>
      </c>
      <c r="D5270" s="14" t="s">
        <v>52</v>
      </c>
      <c r="E5270" s="15">
        <v>45536</v>
      </c>
      <c r="F5270" s="14" t="s">
        <v>53</v>
      </c>
      <c r="G5270" s="16">
        <v>0</v>
      </c>
    </row>
    <row r="5271" spans="1:7" x14ac:dyDescent="0.3">
      <c r="A5271" s="13" t="s">
        <v>50</v>
      </c>
      <c r="B5271" s="14" t="s">
        <v>1</v>
      </c>
      <c r="C5271" s="14" t="s">
        <v>51</v>
      </c>
      <c r="D5271" s="14" t="s">
        <v>52</v>
      </c>
      <c r="E5271" s="15">
        <v>45537</v>
      </c>
      <c r="F5271" s="14" t="s">
        <v>53</v>
      </c>
      <c r="G5271" s="16">
        <v>0</v>
      </c>
    </row>
    <row r="5272" spans="1:7" x14ac:dyDescent="0.3">
      <c r="A5272" s="13" t="s">
        <v>50</v>
      </c>
      <c r="B5272" s="14" t="s">
        <v>1</v>
      </c>
      <c r="C5272" s="14" t="s">
        <v>51</v>
      </c>
      <c r="D5272" s="14" t="s">
        <v>52</v>
      </c>
      <c r="E5272" s="15">
        <v>45538</v>
      </c>
      <c r="F5272" s="14" t="s">
        <v>53</v>
      </c>
      <c r="G5272" s="16">
        <v>0</v>
      </c>
    </row>
    <row r="5273" spans="1:7" x14ac:dyDescent="0.3">
      <c r="A5273" s="13" t="s">
        <v>50</v>
      </c>
      <c r="B5273" s="14" t="s">
        <v>1</v>
      </c>
      <c r="C5273" s="14" t="s">
        <v>51</v>
      </c>
      <c r="D5273" s="14" t="s">
        <v>52</v>
      </c>
      <c r="E5273" s="15">
        <v>45539</v>
      </c>
      <c r="F5273" s="14" t="s">
        <v>53</v>
      </c>
      <c r="G5273" s="16">
        <v>0</v>
      </c>
    </row>
    <row r="5274" spans="1:7" x14ac:dyDescent="0.3">
      <c r="A5274" s="13" t="s">
        <v>50</v>
      </c>
      <c r="B5274" s="14" t="s">
        <v>1</v>
      </c>
      <c r="C5274" s="14" t="s">
        <v>51</v>
      </c>
      <c r="D5274" s="14" t="s">
        <v>52</v>
      </c>
      <c r="E5274" s="15">
        <v>45540</v>
      </c>
      <c r="F5274" s="14" t="s">
        <v>53</v>
      </c>
      <c r="G5274" s="16">
        <v>0</v>
      </c>
    </row>
    <row r="5275" spans="1:7" x14ac:dyDescent="0.3">
      <c r="A5275" s="13" t="s">
        <v>50</v>
      </c>
      <c r="B5275" s="14" t="s">
        <v>1</v>
      </c>
      <c r="C5275" s="14" t="s">
        <v>51</v>
      </c>
      <c r="D5275" s="14" t="s">
        <v>52</v>
      </c>
      <c r="E5275" s="15">
        <v>45541</v>
      </c>
      <c r="F5275" s="14" t="s">
        <v>53</v>
      </c>
      <c r="G5275" s="16">
        <v>0</v>
      </c>
    </row>
    <row r="5276" spans="1:7" x14ac:dyDescent="0.3">
      <c r="A5276" s="13" t="s">
        <v>50</v>
      </c>
      <c r="B5276" s="14" t="s">
        <v>1</v>
      </c>
      <c r="C5276" s="14" t="s">
        <v>51</v>
      </c>
      <c r="D5276" s="14" t="s">
        <v>52</v>
      </c>
      <c r="E5276" s="15">
        <v>45542</v>
      </c>
      <c r="F5276" s="14" t="s">
        <v>53</v>
      </c>
      <c r="G5276" s="16">
        <v>0</v>
      </c>
    </row>
    <row r="5277" spans="1:7" x14ac:dyDescent="0.3">
      <c r="A5277" s="13" t="s">
        <v>50</v>
      </c>
      <c r="B5277" s="14" t="s">
        <v>1</v>
      </c>
      <c r="C5277" s="14" t="s">
        <v>51</v>
      </c>
      <c r="D5277" s="14" t="s">
        <v>52</v>
      </c>
      <c r="E5277" s="15">
        <v>45543</v>
      </c>
      <c r="F5277" s="14" t="s">
        <v>53</v>
      </c>
      <c r="G5277" s="16">
        <v>0</v>
      </c>
    </row>
    <row r="5278" spans="1:7" x14ac:dyDescent="0.3">
      <c r="A5278" s="13" t="s">
        <v>50</v>
      </c>
      <c r="B5278" s="14" t="s">
        <v>1</v>
      </c>
      <c r="C5278" s="14" t="s">
        <v>51</v>
      </c>
      <c r="D5278" s="14" t="s">
        <v>52</v>
      </c>
      <c r="E5278" s="15">
        <v>45544</v>
      </c>
      <c r="F5278" s="14" t="s">
        <v>53</v>
      </c>
      <c r="G5278" s="16">
        <v>0</v>
      </c>
    </row>
    <row r="5279" spans="1:7" x14ac:dyDescent="0.3">
      <c r="A5279" s="13" t="s">
        <v>50</v>
      </c>
      <c r="B5279" s="14" t="s">
        <v>1</v>
      </c>
      <c r="C5279" s="14" t="s">
        <v>51</v>
      </c>
      <c r="D5279" s="14" t="s">
        <v>52</v>
      </c>
      <c r="E5279" s="15">
        <v>45545</v>
      </c>
      <c r="F5279" s="14" t="s">
        <v>53</v>
      </c>
      <c r="G5279" s="16">
        <v>0</v>
      </c>
    </row>
    <row r="5280" spans="1:7" x14ac:dyDescent="0.3">
      <c r="A5280" s="13" t="s">
        <v>50</v>
      </c>
      <c r="B5280" s="14" t="s">
        <v>1</v>
      </c>
      <c r="C5280" s="14" t="s">
        <v>51</v>
      </c>
      <c r="D5280" s="14" t="s">
        <v>52</v>
      </c>
      <c r="E5280" s="15">
        <v>45546</v>
      </c>
      <c r="F5280" s="14" t="s">
        <v>53</v>
      </c>
      <c r="G5280" s="16">
        <v>0</v>
      </c>
    </row>
    <row r="5281" spans="1:7" x14ac:dyDescent="0.3">
      <c r="A5281" s="13" t="s">
        <v>50</v>
      </c>
      <c r="B5281" s="14" t="s">
        <v>1</v>
      </c>
      <c r="C5281" s="14" t="s">
        <v>51</v>
      </c>
      <c r="D5281" s="14" t="s">
        <v>52</v>
      </c>
      <c r="E5281" s="15">
        <v>45547</v>
      </c>
      <c r="F5281" s="14" t="s">
        <v>53</v>
      </c>
      <c r="G5281" s="16">
        <v>0</v>
      </c>
    </row>
    <row r="5282" spans="1:7" x14ac:dyDescent="0.3">
      <c r="A5282" s="13" t="s">
        <v>50</v>
      </c>
      <c r="B5282" s="14" t="s">
        <v>1</v>
      </c>
      <c r="C5282" s="14" t="s">
        <v>51</v>
      </c>
      <c r="D5282" s="14" t="s">
        <v>52</v>
      </c>
      <c r="E5282" s="15">
        <v>45548</v>
      </c>
      <c r="F5282" s="14" t="s">
        <v>53</v>
      </c>
      <c r="G5282" s="16">
        <v>0</v>
      </c>
    </row>
    <row r="5283" spans="1:7" x14ac:dyDescent="0.3">
      <c r="A5283" s="13" t="s">
        <v>50</v>
      </c>
      <c r="B5283" s="14" t="s">
        <v>1</v>
      </c>
      <c r="C5283" s="14" t="s">
        <v>51</v>
      </c>
      <c r="D5283" s="14" t="s">
        <v>52</v>
      </c>
      <c r="E5283" s="15">
        <v>45549</v>
      </c>
      <c r="F5283" s="14" t="s">
        <v>53</v>
      </c>
      <c r="G5283" s="16">
        <v>0</v>
      </c>
    </row>
    <row r="5284" spans="1:7" x14ac:dyDescent="0.3">
      <c r="A5284" s="13" t="s">
        <v>50</v>
      </c>
      <c r="B5284" s="14" t="s">
        <v>1</v>
      </c>
      <c r="C5284" s="14" t="s">
        <v>51</v>
      </c>
      <c r="D5284" s="14" t="s">
        <v>52</v>
      </c>
      <c r="E5284" s="15">
        <v>45550</v>
      </c>
      <c r="F5284" s="14" t="s">
        <v>53</v>
      </c>
      <c r="G5284" s="16">
        <v>0</v>
      </c>
    </row>
    <row r="5285" spans="1:7" x14ac:dyDescent="0.3">
      <c r="A5285" s="13" t="s">
        <v>50</v>
      </c>
      <c r="B5285" s="14" t="s">
        <v>1</v>
      </c>
      <c r="C5285" s="14" t="s">
        <v>51</v>
      </c>
      <c r="D5285" s="14" t="s">
        <v>52</v>
      </c>
      <c r="E5285" s="15">
        <v>45551</v>
      </c>
      <c r="F5285" s="14" t="s">
        <v>53</v>
      </c>
      <c r="G5285" s="16">
        <v>0</v>
      </c>
    </row>
    <row r="5286" spans="1:7" x14ac:dyDescent="0.3">
      <c r="A5286" s="13" t="s">
        <v>50</v>
      </c>
      <c r="B5286" s="14" t="s">
        <v>1</v>
      </c>
      <c r="C5286" s="14" t="s">
        <v>51</v>
      </c>
      <c r="D5286" s="14" t="s">
        <v>52</v>
      </c>
      <c r="E5286" s="15">
        <v>45552</v>
      </c>
      <c r="F5286" s="14" t="s">
        <v>53</v>
      </c>
      <c r="G5286" s="16">
        <v>0</v>
      </c>
    </row>
    <row r="5287" spans="1:7" x14ac:dyDescent="0.3">
      <c r="A5287" s="13" t="s">
        <v>50</v>
      </c>
      <c r="B5287" s="14" t="s">
        <v>1</v>
      </c>
      <c r="C5287" s="14" t="s">
        <v>51</v>
      </c>
      <c r="D5287" s="14" t="s">
        <v>52</v>
      </c>
      <c r="E5287" s="15">
        <v>45553</v>
      </c>
      <c r="F5287" s="14" t="s">
        <v>53</v>
      </c>
      <c r="G5287" s="16">
        <v>0</v>
      </c>
    </row>
    <row r="5288" spans="1:7" x14ac:dyDescent="0.3">
      <c r="A5288" s="13" t="s">
        <v>50</v>
      </c>
      <c r="B5288" s="14" t="s">
        <v>1</v>
      </c>
      <c r="C5288" s="14" t="s">
        <v>51</v>
      </c>
      <c r="D5288" s="14" t="s">
        <v>52</v>
      </c>
      <c r="E5288" s="15">
        <v>45554</v>
      </c>
      <c r="F5288" s="14" t="s">
        <v>53</v>
      </c>
      <c r="G5288" s="16">
        <v>0</v>
      </c>
    </row>
    <row r="5289" spans="1:7" x14ac:dyDescent="0.3">
      <c r="A5289" s="13" t="s">
        <v>50</v>
      </c>
      <c r="B5289" s="14" t="s">
        <v>1</v>
      </c>
      <c r="C5289" s="14" t="s">
        <v>51</v>
      </c>
      <c r="D5289" s="14" t="s">
        <v>52</v>
      </c>
      <c r="E5289" s="15">
        <v>45555</v>
      </c>
      <c r="F5289" s="14" t="s">
        <v>53</v>
      </c>
      <c r="G5289" s="16">
        <v>0</v>
      </c>
    </row>
    <row r="5290" spans="1:7" x14ac:dyDescent="0.3">
      <c r="A5290" s="13" t="s">
        <v>50</v>
      </c>
      <c r="B5290" s="14" t="s">
        <v>1</v>
      </c>
      <c r="C5290" s="14" t="s">
        <v>51</v>
      </c>
      <c r="D5290" s="14" t="s">
        <v>52</v>
      </c>
      <c r="E5290" s="15">
        <v>45556</v>
      </c>
      <c r="F5290" s="14" t="s">
        <v>53</v>
      </c>
      <c r="G5290" s="16">
        <v>0</v>
      </c>
    </row>
    <row r="5291" spans="1:7" x14ac:dyDescent="0.3">
      <c r="A5291" s="13" t="s">
        <v>50</v>
      </c>
      <c r="B5291" s="14" t="s">
        <v>1</v>
      </c>
      <c r="C5291" s="14" t="s">
        <v>51</v>
      </c>
      <c r="D5291" s="14" t="s">
        <v>52</v>
      </c>
      <c r="E5291" s="15">
        <v>45557</v>
      </c>
      <c r="F5291" s="14" t="s">
        <v>53</v>
      </c>
      <c r="G5291" s="16">
        <v>0</v>
      </c>
    </row>
    <row r="5292" spans="1:7" x14ac:dyDescent="0.3">
      <c r="A5292" s="13" t="s">
        <v>50</v>
      </c>
      <c r="B5292" s="14" t="s">
        <v>1</v>
      </c>
      <c r="C5292" s="14" t="s">
        <v>51</v>
      </c>
      <c r="D5292" s="14" t="s">
        <v>52</v>
      </c>
      <c r="E5292" s="15">
        <v>45558</v>
      </c>
      <c r="F5292" s="14" t="s">
        <v>53</v>
      </c>
      <c r="G5292" s="16">
        <v>0</v>
      </c>
    </row>
    <row r="5293" spans="1:7" x14ac:dyDescent="0.3">
      <c r="A5293" s="13" t="s">
        <v>50</v>
      </c>
      <c r="B5293" s="14" t="s">
        <v>1</v>
      </c>
      <c r="C5293" s="14" t="s">
        <v>51</v>
      </c>
      <c r="D5293" s="14" t="s">
        <v>52</v>
      </c>
      <c r="E5293" s="15">
        <v>45559</v>
      </c>
      <c r="F5293" s="14" t="s">
        <v>53</v>
      </c>
      <c r="G5293" s="16">
        <v>0</v>
      </c>
    </row>
    <row r="5294" spans="1:7" x14ac:dyDescent="0.3">
      <c r="A5294" s="13" t="s">
        <v>50</v>
      </c>
      <c r="B5294" s="14" t="s">
        <v>1</v>
      </c>
      <c r="C5294" s="14" t="s">
        <v>51</v>
      </c>
      <c r="D5294" s="14" t="s">
        <v>52</v>
      </c>
      <c r="E5294" s="15">
        <v>45560</v>
      </c>
      <c r="F5294" s="14" t="s">
        <v>53</v>
      </c>
      <c r="G5294" s="16">
        <v>0</v>
      </c>
    </row>
    <row r="5295" spans="1:7" x14ac:dyDescent="0.3">
      <c r="A5295" s="13" t="s">
        <v>50</v>
      </c>
      <c r="B5295" s="14" t="s">
        <v>1</v>
      </c>
      <c r="C5295" s="14" t="s">
        <v>51</v>
      </c>
      <c r="D5295" s="14" t="s">
        <v>52</v>
      </c>
      <c r="E5295" s="15">
        <v>45561</v>
      </c>
      <c r="F5295" s="14" t="s">
        <v>53</v>
      </c>
      <c r="G5295" s="16">
        <v>0</v>
      </c>
    </row>
    <row r="5296" spans="1:7" x14ac:dyDescent="0.3">
      <c r="A5296" s="13" t="s">
        <v>50</v>
      </c>
      <c r="B5296" s="14" t="s">
        <v>1</v>
      </c>
      <c r="C5296" s="14" t="s">
        <v>51</v>
      </c>
      <c r="D5296" s="14" t="s">
        <v>52</v>
      </c>
      <c r="E5296" s="15">
        <v>45562</v>
      </c>
      <c r="F5296" s="14" t="s">
        <v>53</v>
      </c>
      <c r="G5296" s="16">
        <v>0</v>
      </c>
    </row>
    <row r="5297" spans="1:7" x14ac:dyDescent="0.3">
      <c r="A5297" s="13" t="s">
        <v>50</v>
      </c>
      <c r="B5297" s="14" t="s">
        <v>1</v>
      </c>
      <c r="C5297" s="14" t="s">
        <v>51</v>
      </c>
      <c r="D5297" s="14" t="s">
        <v>52</v>
      </c>
      <c r="E5297" s="15">
        <v>45563</v>
      </c>
      <c r="F5297" s="14" t="s">
        <v>53</v>
      </c>
      <c r="G5297" s="16">
        <v>0</v>
      </c>
    </row>
    <row r="5298" spans="1:7" x14ac:dyDescent="0.3">
      <c r="A5298" s="13" t="s">
        <v>50</v>
      </c>
      <c r="B5298" s="14" t="s">
        <v>1</v>
      </c>
      <c r="C5298" s="14" t="s">
        <v>51</v>
      </c>
      <c r="D5298" s="14" t="s">
        <v>52</v>
      </c>
      <c r="E5298" s="15">
        <v>45564</v>
      </c>
      <c r="F5298" s="14" t="s">
        <v>53</v>
      </c>
      <c r="G5298" s="16">
        <v>0</v>
      </c>
    </row>
    <row r="5299" spans="1:7" x14ac:dyDescent="0.3">
      <c r="A5299" s="13" t="s">
        <v>50</v>
      </c>
      <c r="B5299" s="14" t="s">
        <v>1</v>
      </c>
      <c r="C5299" s="14" t="s">
        <v>51</v>
      </c>
      <c r="D5299" s="14" t="s">
        <v>52</v>
      </c>
      <c r="E5299" s="15">
        <v>45565</v>
      </c>
      <c r="F5299" s="14" t="s">
        <v>53</v>
      </c>
      <c r="G5299" s="16">
        <v>0</v>
      </c>
    </row>
    <row r="5300" spans="1:7" x14ac:dyDescent="0.3">
      <c r="A5300" s="13" t="s">
        <v>50</v>
      </c>
      <c r="B5300" s="14" t="s">
        <v>1</v>
      </c>
      <c r="C5300" s="14" t="s">
        <v>51</v>
      </c>
      <c r="D5300" s="14" t="s">
        <v>52</v>
      </c>
      <c r="E5300" s="15">
        <v>45566</v>
      </c>
      <c r="F5300" s="14" t="s">
        <v>53</v>
      </c>
      <c r="G5300" s="16">
        <v>0</v>
      </c>
    </row>
    <row r="5301" spans="1:7" x14ac:dyDescent="0.3">
      <c r="A5301" s="13" t="s">
        <v>50</v>
      </c>
      <c r="B5301" s="14" t="s">
        <v>1</v>
      </c>
      <c r="C5301" s="14" t="s">
        <v>51</v>
      </c>
      <c r="D5301" s="14" t="s">
        <v>52</v>
      </c>
      <c r="E5301" s="15">
        <v>45567</v>
      </c>
      <c r="F5301" s="14" t="s">
        <v>53</v>
      </c>
      <c r="G5301" s="16">
        <v>0</v>
      </c>
    </row>
    <row r="5302" spans="1:7" x14ac:dyDescent="0.3">
      <c r="A5302" s="13" t="s">
        <v>50</v>
      </c>
      <c r="B5302" s="14" t="s">
        <v>1</v>
      </c>
      <c r="C5302" s="14" t="s">
        <v>51</v>
      </c>
      <c r="D5302" s="14" t="s">
        <v>52</v>
      </c>
      <c r="E5302" s="15">
        <v>45568</v>
      </c>
      <c r="F5302" s="14" t="s">
        <v>53</v>
      </c>
      <c r="G5302" s="16">
        <v>0</v>
      </c>
    </row>
    <row r="5303" spans="1:7" x14ac:dyDescent="0.3">
      <c r="A5303" s="13" t="s">
        <v>50</v>
      </c>
      <c r="B5303" s="14" t="s">
        <v>1</v>
      </c>
      <c r="C5303" s="14" t="s">
        <v>51</v>
      </c>
      <c r="D5303" s="14" t="s">
        <v>52</v>
      </c>
      <c r="E5303" s="15">
        <v>45569</v>
      </c>
      <c r="F5303" s="14" t="s">
        <v>53</v>
      </c>
      <c r="G5303" s="16">
        <v>0</v>
      </c>
    </row>
    <row r="5304" spans="1:7" x14ac:dyDescent="0.3">
      <c r="A5304" s="13" t="s">
        <v>50</v>
      </c>
      <c r="B5304" s="14" t="s">
        <v>1</v>
      </c>
      <c r="C5304" s="14" t="s">
        <v>51</v>
      </c>
      <c r="D5304" s="14" t="s">
        <v>52</v>
      </c>
      <c r="E5304" s="15">
        <v>45570</v>
      </c>
      <c r="F5304" s="14" t="s">
        <v>53</v>
      </c>
      <c r="G5304" s="16">
        <v>0</v>
      </c>
    </row>
    <row r="5305" spans="1:7" x14ac:dyDescent="0.3">
      <c r="A5305" s="13" t="s">
        <v>50</v>
      </c>
      <c r="B5305" s="14" t="s">
        <v>1</v>
      </c>
      <c r="C5305" s="14" t="s">
        <v>51</v>
      </c>
      <c r="D5305" s="14" t="s">
        <v>52</v>
      </c>
      <c r="E5305" s="15">
        <v>45571</v>
      </c>
      <c r="F5305" s="14" t="s">
        <v>53</v>
      </c>
      <c r="G5305" s="16">
        <v>0</v>
      </c>
    </row>
    <row r="5306" spans="1:7" x14ac:dyDescent="0.3">
      <c r="A5306" s="13" t="s">
        <v>50</v>
      </c>
      <c r="B5306" s="14" t="s">
        <v>1</v>
      </c>
      <c r="C5306" s="14" t="s">
        <v>51</v>
      </c>
      <c r="D5306" s="14" t="s">
        <v>52</v>
      </c>
      <c r="E5306" s="15">
        <v>45572</v>
      </c>
      <c r="F5306" s="14" t="s">
        <v>53</v>
      </c>
      <c r="G5306" s="16">
        <v>0</v>
      </c>
    </row>
    <row r="5307" spans="1:7" x14ac:dyDescent="0.3">
      <c r="A5307" s="13" t="s">
        <v>50</v>
      </c>
      <c r="B5307" s="14" t="s">
        <v>1</v>
      </c>
      <c r="C5307" s="14" t="s">
        <v>51</v>
      </c>
      <c r="D5307" s="14" t="s">
        <v>52</v>
      </c>
      <c r="E5307" s="15">
        <v>45573</v>
      </c>
      <c r="F5307" s="14" t="s">
        <v>53</v>
      </c>
      <c r="G5307" s="16">
        <v>0</v>
      </c>
    </row>
    <row r="5308" spans="1:7" x14ac:dyDescent="0.3">
      <c r="A5308" s="13" t="s">
        <v>50</v>
      </c>
      <c r="B5308" s="14" t="s">
        <v>1</v>
      </c>
      <c r="C5308" s="14" t="s">
        <v>51</v>
      </c>
      <c r="D5308" s="14" t="s">
        <v>52</v>
      </c>
      <c r="E5308" s="15">
        <v>45574</v>
      </c>
      <c r="F5308" s="14" t="s">
        <v>53</v>
      </c>
      <c r="G5308" s="16">
        <v>0</v>
      </c>
    </row>
    <row r="5309" spans="1:7" x14ac:dyDescent="0.3">
      <c r="A5309" s="13" t="s">
        <v>50</v>
      </c>
      <c r="B5309" s="14" t="s">
        <v>1</v>
      </c>
      <c r="C5309" s="14" t="s">
        <v>51</v>
      </c>
      <c r="D5309" s="14" t="s">
        <v>52</v>
      </c>
      <c r="E5309" s="15">
        <v>45575</v>
      </c>
      <c r="F5309" s="14" t="s">
        <v>53</v>
      </c>
      <c r="G5309" s="16">
        <v>0</v>
      </c>
    </row>
    <row r="5310" spans="1:7" x14ac:dyDescent="0.3">
      <c r="A5310" s="13" t="s">
        <v>50</v>
      </c>
      <c r="B5310" s="14" t="s">
        <v>1</v>
      </c>
      <c r="C5310" s="14" t="s">
        <v>51</v>
      </c>
      <c r="D5310" s="14" t="s">
        <v>52</v>
      </c>
      <c r="E5310" s="15">
        <v>45576</v>
      </c>
      <c r="F5310" s="14" t="s">
        <v>53</v>
      </c>
      <c r="G5310" s="16">
        <v>0</v>
      </c>
    </row>
    <row r="5311" spans="1:7" x14ac:dyDescent="0.3">
      <c r="A5311" s="13" t="s">
        <v>50</v>
      </c>
      <c r="B5311" s="14" t="s">
        <v>1</v>
      </c>
      <c r="C5311" s="14" t="s">
        <v>51</v>
      </c>
      <c r="D5311" s="14" t="s">
        <v>52</v>
      </c>
      <c r="E5311" s="15">
        <v>45577</v>
      </c>
      <c r="F5311" s="14" t="s">
        <v>53</v>
      </c>
      <c r="G5311" s="16">
        <v>0</v>
      </c>
    </row>
    <row r="5312" spans="1:7" x14ac:dyDescent="0.3">
      <c r="A5312" s="13" t="s">
        <v>50</v>
      </c>
      <c r="B5312" s="14" t="s">
        <v>1</v>
      </c>
      <c r="C5312" s="14" t="s">
        <v>51</v>
      </c>
      <c r="D5312" s="14" t="s">
        <v>52</v>
      </c>
      <c r="E5312" s="15">
        <v>45578</v>
      </c>
      <c r="F5312" s="14" t="s">
        <v>53</v>
      </c>
      <c r="G5312" s="16">
        <v>0</v>
      </c>
    </row>
    <row r="5313" spans="1:7" x14ac:dyDescent="0.3">
      <c r="A5313" s="13" t="s">
        <v>50</v>
      </c>
      <c r="B5313" s="14" t="s">
        <v>1</v>
      </c>
      <c r="C5313" s="14" t="s">
        <v>51</v>
      </c>
      <c r="D5313" s="14" t="s">
        <v>52</v>
      </c>
      <c r="E5313" s="15">
        <v>45579</v>
      </c>
      <c r="F5313" s="14" t="s">
        <v>53</v>
      </c>
      <c r="G5313" s="16">
        <v>0</v>
      </c>
    </row>
    <row r="5314" spans="1:7" x14ac:dyDescent="0.3">
      <c r="A5314" s="13" t="s">
        <v>50</v>
      </c>
      <c r="B5314" s="14" t="s">
        <v>1</v>
      </c>
      <c r="C5314" s="14" t="s">
        <v>51</v>
      </c>
      <c r="D5314" s="14" t="s">
        <v>52</v>
      </c>
      <c r="E5314" s="15">
        <v>45580</v>
      </c>
      <c r="F5314" s="14" t="s">
        <v>53</v>
      </c>
      <c r="G5314" s="16">
        <v>0</v>
      </c>
    </row>
    <row r="5315" spans="1:7" x14ac:dyDescent="0.3">
      <c r="A5315" s="13" t="s">
        <v>50</v>
      </c>
      <c r="B5315" s="14" t="s">
        <v>1</v>
      </c>
      <c r="C5315" s="14" t="s">
        <v>51</v>
      </c>
      <c r="D5315" s="14" t="s">
        <v>52</v>
      </c>
      <c r="E5315" s="15">
        <v>45581</v>
      </c>
      <c r="F5315" s="14" t="s">
        <v>53</v>
      </c>
      <c r="G5315" s="16">
        <v>0</v>
      </c>
    </row>
    <row r="5316" spans="1:7" x14ac:dyDescent="0.3">
      <c r="A5316" s="13" t="s">
        <v>50</v>
      </c>
      <c r="B5316" s="14" t="s">
        <v>1</v>
      </c>
      <c r="C5316" s="14" t="s">
        <v>51</v>
      </c>
      <c r="D5316" s="14" t="s">
        <v>52</v>
      </c>
      <c r="E5316" s="15">
        <v>45582</v>
      </c>
      <c r="F5316" s="14" t="s">
        <v>53</v>
      </c>
      <c r="G5316" s="16">
        <v>0</v>
      </c>
    </row>
    <row r="5317" spans="1:7" x14ac:dyDescent="0.3">
      <c r="A5317" s="13" t="s">
        <v>50</v>
      </c>
      <c r="B5317" s="14" t="s">
        <v>1</v>
      </c>
      <c r="C5317" s="14" t="s">
        <v>51</v>
      </c>
      <c r="D5317" s="14" t="s">
        <v>52</v>
      </c>
      <c r="E5317" s="15">
        <v>45583</v>
      </c>
      <c r="F5317" s="14" t="s">
        <v>53</v>
      </c>
      <c r="G5317" s="16">
        <v>0</v>
      </c>
    </row>
    <row r="5318" spans="1:7" x14ac:dyDescent="0.3">
      <c r="A5318" s="13" t="s">
        <v>50</v>
      </c>
      <c r="B5318" s="14" t="s">
        <v>1</v>
      </c>
      <c r="C5318" s="14" t="s">
        <v>51</v>
      </c>
      <c r="D5318" s="14" t="s">
        <v>52</v>
      </c>
      <c r="E5318" s="15">
        <v>45584</v>
      </c>
      <c r="F5318" s="14" t="s">
        <v>53</v>
      </c>
      <c r="G5318" s="16">
        <v>0</v>
      </c>
    </row>
    <row r="5319" spans="1:7" x14ac:dyDescent="0.3">
      <c r="A5319" s="13" t="s">
        <v>50</v>
      </c>
      <c r="B5319" s="14" t="s">
        <v>1</v>
      </c>
      <c r="C5319" s="14" t="s">
        <v>51</v>
      </c>
      <c r="D5319" s="14" t="s">
        <v>52</v>
      </c>
      <c r="E5319" s="15">
        <v>45585</v>
      </c>
      <c r="F5319" s="14" t="s">
        <v>53</v>
      </c>
      <c r="G5319" s="16">
        <v>0</v>
      </c>
    </row>
    <row r="5320" spans="1:7" x14ac:dyDescent="0.3">
      <c r="A5320" s="13" t="s">
        <v>50</v>
      </c>
      <c r="B5320" s="14" t="s">
        <v>1</v>
      </c>
      <c r="C5320" s="14" t="s">
        <v>51</v>
      </c>
      <c r="D5320" s="14" t="s">
        <v>52</v>
      </c>
      <c r="E5320" s="15">
        <v>45586</v>
      </c>
      <c r="F5320" s="14" t="s">
        <v>53</v>
      </c>
      <c r="G5320" s="16">
        <v>0</v>
      </c>
    </row>
    <row r="5321" spans="1:7" x14ac:dyDescent="0.3">
      <c r="A5321" s="13" t="s">
        <v>50</v>
      </c>
      <c r="B5321" s="14" t="s">
        <v>1</v>
      </c>
      <c r="C5321" s="14" t="s">
        <v>51</v>
      </c>
      <c r="D5321" s="14" t="s">
        <v>52</v>
      </c>
      <c r="E5321" s="15">
        <v>45587</v>
      </c>
      <c r="F5321" s="14" t="s">
        <v>53</v>
      </c>
      <c r="G5321" s="16">
        <v>0</v>
      </c>
    </row>
    <row r="5322" spans="1:7" x14ac:dyDescent="0.3">
      <c r="A5322" s="13" t="s">
        <v>50</v>
      </c>
      <c r="B5322" s="14" t="s">
        <v>1</v>
      </c>
      <c r="C5322" s="14" t="s">
        <v>51</v>
      </c>
      <c r="D5322" s="14" t="s">
        <v>52</v>
      </c>
      <c r="E5322" s="15">
        <v>45588</v>
      </c>
      <c r="F5322" s="14" t="s">
        <v>53</v>
      </c>
      <c r="G5322" s="16">
        <v>0</v>
      </c>
    </row>
    <row r="5323" spans="1:7" x14ac:dyDescent="0.3">
      <c r="A5323" s="13" t="s">
        <v>50</v>
      </c>
      <c r="B5323" s="14" t="s">
        <v>1</v>
      </c>
      <c r="C5323" s="14" t="s">
        <v>51</v>
      </c>
      <c r="D5323" s="14" t="s">
        <v>52</v>
      </c>
      <c r="E5323" s="15">
        <v>45589</v>
      </c>
      <c r="F5323" s="14" t="s">
        <v>53</v>
      </c>
      <c r="G5323" s="16">
        <v>0</v>
      </c>
    </row>
    <row r="5324" spans="1:7" x14ac:dyDescent="0.3">
      <c r="A5324" s="13" t="s">
        <v>50</v>
      </c>
      <c r="B5324" s="14" t="s">
        <v>1</v>
      </c>
      <c r="C5324" s="14" t="s">
        <v>51</v>
      </c>
      <c r="D5324" s="14" t="s">
        <v>52</v>
      </c>
      <c r="E5324" s="15">
        <v>45590</v>
      </c>
      <c r="F5324" s="14" t="s">
        <v>53</v>
      </c>
      <c r="G5324" s="16">
        <v>0</v>
      </c>
    </row>
    <row r="5325" spans="1:7" x14ac:dyDescent="0.3">
      <c r="A5325" s="13" t="s">
        <v>50</v>
      </c>
      <c r="B5325" s="14" t="s">
        <v>1</v>
      </c>
      <c r="C5325" s="14" t="s">
        <v>51</v>
      </c>
      <c r="D5325" s="14" t="s">
        <v>52</v>
      </c>
      <c r="E5325" s="15">
        <v>45591</v>
      </c>
      <c r="F5325" s="14" t="s">
        <v>53</v>
      </c>
      <c r="G5325" s="16">
        <v>0</v>
      </c>
    </row>
    <row r="5326" spans="1:7" x14ac:dyDescent="0.3">
      <c r="A5326" s="13" t="s">
        <v>50</v>
      </c>
      <c r="B5326" s="14" t="s">
        <v>1</v>
      </c>
      <c r="C5326" s="14" t="s">
        <v>51</v>
      </c>
      <c r="D5326" s="14" t="s">
        <v>52</v>
      </c>
      <c r="E5326" s="15">
        <v>45592</v>
      </c>
      <c r="F5326" s="14" t="s">
        <v>53</v>
      </c>
      <c r="G5326" s="16">
        <v>0</v>
      </c>
    </row>
    <row r="5327" spans="1:7" x14ac:dyDescent="0.3">
      <c r="A5327" s="13" t="s">
        <v>50</v>
      </c>
      <c r="B5327" s="14" t="s">
        <v>1</v>
      </c>
      <c r="C5327" s="14" t="s">
        <v>51</v>
      </c>
      <c r="D5327" s="14" t="s">
        <v>52</v>
      </c>
      <c r="E5327" s="15">
        <v>45593</v>
      </c>
      <c r="F5327" s="14" t="s">
        <v>53</v>
      </c>
      <c r="G5327" s="16">
        <v>0</v>
      </c>
    </row>
    <row r="5328" spans="1:7" x14ac:dyDescent="0.3">
      <c r="A5328" s="13" t="s">
        <v>50</v>
      </c>
      <c r="B5328" s="14" t="s">
        <v>1</v>
      </c>
      <c r="C5328" s="14" t="s">
        <v>51</v>
      </c>
      <c r="D5328" s="14" t="s">
        <v>52</v>
      </c>
      <c r="E5328" s="15">
        <v>45594</v>
      </c>
      <c r="F5328" s="14" t="s">
        <v>53</v>
      </c>
      <c r="G5328" s="16">
        <v>0</v>
      </c>
    </row>
    <row r="5329" spans="1:7" x14ac:dyDescent="0.3">
      <c r="A5329" s="13" t="s">
        <v>50</v>
      </c>
      <c r="B5329" s="14" t="s">
        <v>1</v>
      </c>
      <c r="C5329" s="14" t="s">
        <v>51</v>
      </c>
      <c r="D5329" s="14" t="s">
        <v>52</v>
      </c>
      <c r="E5329" s="15">
        <v>45595</v>
      </c>
      <c r="F5329" s="14" t="s">
        <v>53</v>
      </c>
      <c r="G5329" s="16">
        <v>0</v>
      </c>
    </row>
    <row r="5330" spans="1:7" x14ac:dyDescent="0.3">
      <c r="A5330" s="13" t="s">
        <v>50</v>
      </c>
      <c r="B5330" s="14" t="s">
        <v>1</v>
      </c>
      <c r="C5330" s="14" t="s">
        <v>51</v>
      </c>
      <c r="D5330" s="14" t="s">
        <v>52</v>
      </c>
      <c r="E5330" s="15">
        <v>45596</v>
      </c>
      <c r="F5330" s="14" t="s">
        <v>53</v>
      </c>
      <c r="G5330" s="16">
        <v>0</v>
      </c>
    </row>
    <row r="5331" spans="1:7" x14ac:dyDescent="0.3">
      <c r="A5331" s="13" t="s">
        <v>50</v>
      </c>
      <c r="B5331" s="14" t="s">
        <v>1</v>
      </c>
      <c r="C5331" s="14" t="s">
        <v>51</v>
      </c>
      <c r="D5331" s="14" t="s">
        <v>52</v>
      </c>
      <c r="E5331" s="15">
        <v>45597</v>
      </c>
      <c r="F5331" s="14" t="s">
        <v>53</v>
      </c>
      <c r="G5331" s="16">
        <v>0</v>
      </c>
    </row>
    <row r="5332" spans="1:7" x14ac:dyDescent="0.3">
      <c r="A5332" s="13" t="s">
        <v>50</v>
      </c>
      <c r="B5332" s="14" t="s">
        <v>1</v>
      </c>
      <c r="C5332" s="14" t="s">
        <v>51</v>
      </c>
      <c r="D5332" s="14" t="s">
        <v>52</v>
      </c>
      <c r="E5332" s="15">
        <v>45598</v>
      </c>
      <c r="F5332" s="14" t="s">
        <v>53</v>
      </c>
      <c r="G5332" s="16">
        <v>0</v>
      </c>
    </row>
    <row r="5333" spans="1:7" x14ac:dyDescent="0.3">
      <c r="A5333" s="13" t="s">
        <v>50</v>
      </c>
      <c r="B5333" s="14" t="s">
        <v>1</v>
      </c>
      <c r="C5333" s="14" t="s">
        <v>51</v>
      </c>
      <c r="D5333" s="14" t="s">
        <v>52</v>
      </c>
      <c r="E5333" s="15">
        <v>45599</v>
      </c>
      <c r="F5333" s="14" t="s">
        <v>53</v>
      </c>
      <c r="G5333" s="16">
        <v>0</v>
      </c>
    </row>
    <row r="5334" spans="1:7" x14ac:dyDescent="0.3">
      <c r="A5334" s="13" t="s">
        <v>50</v>
      </c>
      <c r="B5334" s="14" t="s">
        <v>1</v>
      </c>
      <c r="C5334" s="14" t="s">
        <v>51</v>
      </c>
      <c r="D5334" s="14" t="s">
        <v>52</v>
      </c>
      <c r="E5334" s="15">
        <v>45600</v>
      </c>
      <c r="F5334" s="14" t="s">
        <v>53</v>
      </c>
      <c r="G5334" s="16">
        <v>0</v>
      </c>
    </row>
    <row r="5335" spans="1:7" x14ac:dyDescent="0.3">
      <c r="A5335" s="13" t="s">
        <v>50</v>
      </c>
      <c r="B5335" s="14" t="s">
        <v>1</v>
      </c>
      <c r="C5335" s="14" t="s">
        <v>51</v>
      </c>
      <c r="D5335" s="14" t="s">
        <v>52</v>
      </c>
      <c r="E5335" s="15">
        <v>45601</v>
      </c>
      <c r="F5335" s="14" t="s">
        <v>53</v>
      </c>
      <c r="G5335" s="16">
        <v>0</v>
      </c>
    </row>
    <row r="5336" spans="1:7" x14ac:dyDescent="0.3">
      <c r="A5336" s="13" t="s">
        <v>50</v>
      </c>
      <c r="B5336" s="14" t="s">
        <v>1</v>
      </c>
      <c r="C5336" s="14" t="s">
        <v>51</v>
      </c>
      <c r="D5336" s="14" t="s">
        <v>52</v>
      </c>
      <c r="E5336" s="15">
        <v>45602</v>
      </c>
      <c r="F5336" s="14" t="s">
        <v>53</v>
      </c>
      <c r="G5336" s="16">
        <v>0</v>
      </c>
    </row>
    <row r="5337" spans="1:7" x14ac:dyDescent="0.3">
      <c r="A5337" s="13" t="s">
        <v>50</v>
      </c>
      <c r="B5337" s="14" t="s">
        <v>1</v>
      </c>
      <c r="C5337" s="14" t="s">
        <v>51</v>
      </c>
      <c r="D5337" s="14" t="s">
        <v>52</v>
      </c>
      <c r="E5337" s="15">
        <v>45603</v>
      </c>
      <c r="F5337" s="14" t="s">
        <v>53</v>
      </c>
      <c r="G5337" s="16">
        <v>0</v>
      </c>
    </row>
    <row r="5338" spans="1:7" x14ac:dyDescent="0.3">
      <c r="A5338" s="13" t="s">
        <v>50</v>
      </c>
      <c r="B5338" s="14" t="s">
        <v>1</v>
      </c>
      <c r="C5338" s="14" t="s">
        <v>51</v>
      </c>
      <c r="D5338" s="14" t="s">
        <v>52</v>
      </c>
      <c r="E5338" s="15">
        <v>45604</v>
      </c>
      <c r="F5338" s="14" t="s">
        <v>53</v>
      </c>
      <c r="G5338" s="16">
        <v>0</v>
      </c>
    </row>
    <row r="5339" spans="1:7" x14ac:dyDescent="0.3">
      <c r="A5339" s="13" t="s">
        <v>50</v>
      </c>
      <c r="B5339" s="14" t="s">
        <v>1</v>
      </c>
      <c r="C5339" s="14" t="s">
        <v>51</v>
      </c>
      <c r="D5339" s="14" t="s">
        <v>52</v>
      </c>
      <c r="E5339" s="15">
        <v>45605</v>
      </c>
      <c r="F5339" s="14" t="s">
        <v>53</v>
      </c>
      <c r="G5339" s="16">
        <v>0</v>
      </c>
    </row>
    <row r="5340" spans="1:7" x14ac:dyDescent="0.3">
      <c r="A5340" s="13" t="s">
        <v>50</v>
      </c>
      <c r="B5340" s="14" t="s">
        <v>1</v>
      </c>
      <c r="C5340" s="14" t="s">
        <v>51</v>
      </c>
      <c r="D5340" s="14" t="s">
        <v>52</v>
      </c>
      <c r="E5340" s="15">
        <v>45606</v>
      </c>
      <c r="F5340" s="14" t="s">
        <v>53</v>
      </c>
      <c r="G5340" s="16">
        <v>0</v>
      </c>
    </row>
    <row r="5341" spans="1:7" x14ac:dyDescent="0.3">
      <c r="A5341" s="13" t="s">
        <v>50</v>
      </c>
      <c r="B5341" s="14" t="s">
        <v>1</v>
      </c>
      <c r="C5341" s="14" t="s">
        <v>51</v>
      </c>
      <c r="D5341" s="14" t="s">
        <v>52</v>
      </c>
      <c r="E5341" s="15">
        <v>45607</v>
      </c>
      <c r="F5341" s="14" t="s">
        <v>53</v>
      </c>
      <c r="G5341" s="16">
        <v>0</v>
      </c>
    </row>
    <row r="5342" spans="1:7" x14ac:dyDescent="0.3">
      <c r="A5342" s="13" t="s">
        <v>50</v>
      </c>
      <c r="B5342" s="14" t="s">
        <v>1</v>
      </c>
      <c r="C5342" s="14" t="s">
        <v>51</v>
      </c>
      <c r="D5342" s="14" t="s">
        <v>52</v>
      </c>
      <c r="E5342" s="15">
        <v>45608</v>
      </c>
      <c r="F5342" s="14" t="s">
        <v>53</v>
      </c>
      <c r="G5342" s="16">
        <v>0</v>
      </c>
    </row>
    <row r="5343" spans="1:7" x14ac:dyDescent="0.3">
      <c r="A5343" s="13" t="s">
        <v>50</v>
      </c>
      <c r="B5343" s="14" t="s">
        <v>1</v>
      </c>
      <c r="C5343" s="14" t="s">
        <v>51</v>
      </c>
      <c r="D5343" s="14" t="s">
        <v>52</v>
      </c>
      <c r="E5343" s="15">
        <v>45609</v>
      </c>
      <c r="F5343" s="14" t="s">
        <v>53</v>
      </c>
      <c r="G5343" s="16">
        <v>0</v>
      </c>
    </row>
    <row r="5344" spans="1:7" x14ac:dyDescent="0.3">
      <c r="A5344" s="13" t="s">
        <v>50</v>
      </c>
      <c r="B5344" s="14" t="s">
        <v>1</v>
      </c>
      <c r="C5344" s="14" t="s">
        <v>51</v>
      </c>
      <c r="D5344" s="14" t="s">
        <v>52</v>
      </c>
      <c r="E5344" s="15">
        <v>45610</v>
      </c>
      <c r="F5344" s="14" t="s">
        <v>53</v>
      </c>
      <c r="G5344" s="16">
        <v>0</v>
      </c>
    </row>
    <row r="5345" spans="1:7" x14ac:dyDescent="0.3">
      <c r="A5345" s="13" t="s">
        <v>50</v>
      </c>
      <c r="B5345" s="14" t="s">
        <v>1</v>
      </c>
      <c r="C5345" s="14" t="s">
        <v>51</v>
      </c>
      <c r="D5345" s="14" t="s">
        <v>52</v>
      </c>
      <c r="E5345" s="15">
        <v>45611</v>
      </c>
      <c r="F5345" s="14" t="s">
        <v>53</v>
      </c>
      <c r="G5345" s="16">
        <v>0</v>
      </c>
    </row>
    <row r="5346" spans="1:7" x14ac:dyDescent="0.3">
      <c r="A5346" s="13" t="s">
        <v>50</v>
      </c>
      <c r="B5346" s="14" t="s">
        <v>1</v>
      </c>
      <c r="C5346" s="14" t="s">
        <v>51</v>
      </c>
      <c r="D5346" s="14" t="s">
        <v>52</v>
      </c>
      <c r="E5346" s="15">
        <v>45612</v>
      </c>
      <c r="F5346" s="14" t="s">
        <v>53</v>
      </c>
      <c r="G5346" s="16">
        <v>0</v>
      </c>
    </row>
    <row r="5347" spans="1:7" x14ac:dyDescent="0.3">
      <c r="A5347" s="13" t="s">
        <v>50</v>
      </c>
      <c r="B5347" s="14" t="s">
        <v>1</v>
      </c>
      <c r="C5347" s="14" t="s">
        <v>51</v>
      </c>
      <c r="D5347" s="14" t="s">
        <v>52</v>
      </c>
      <c r="E5347" s="15">
        <v>45613</v>
      </c>
      <c r="F5347" s="14" t="s">
        <v>53</v>
      </c>
      <c r="G5347" s="16">
        <v>0</v>
      </c>
    </row>
    <row r="5348" spans="1:7" x14ac:dyDescent="0.3">
      <c r="A5348" s="13" t="s">
        <v>50</v>
      </c>
      <c r="B5348" s="14" t="s">
        <v>1</v>
      </c>
      <c r="C5348" s="14" t="s">
        <v>51</v>
      </c>
      <c r="D5348" s="14" t="s">
        <v>52</v>
      </c>
      <c r="E5348" s="15">
        <v>45614</v>
      </c>
      <c r="F5348" s="14" t="s">
        <v>53</v>
      </c>
      <c r="G5348" s="16">
        <v>1.6154812864461055E-3</v>
      </c>
    </row>
    <row r="5349" spans="1:7" x14ac:dyDescent="0.3">
      <c r="A5349" s="13" t="s">
        <v>50</v>
      </c>
      <c r="B5349" s="14" t="s">
        <v>1</v>
      </c>
      <c r="C5349" s="14" t="s">
        <v>51</v>
      </c>
      <c r="D5349" s="14" t="s">
        <v>52</v>
      </c>
      <c r="E5349" s="15">
        <v>45615</v>
      </c>
      <c r="F5349" s="14" t="s">
        <v>53</v>
      </c>
      <c r="G5349" s="16">
        <v>8.8728103736782832E-2</v>
      </c>
    </row>
    <row r="5350" spans="1:7" x14ac:dyDescent="0.3">
      <c r="A5350" s="13" t="s">
        <v>50</v>
      </c>
      <c r="B5350" s="14" t="s">
        <v>1</v>
      </c>
      <c r="C5350" s="14" t="s">
        <v>51</v>
      </c>
      <c r="D5350" s="14" t="s">
        <v>52</v>
      </c>
      <c r="E5350" s="15">
        <v>45616</v>
      </c>
      <c r="F5350" s="14" t="s">
        <v>53</v>
      </c>
      <c r="G5350" s="16">
        <v>8.6053854784207004E-2</v>
      </c>
    </row>
    <row r="5351" spans="1:7" x14ac:dyDescent="0.3">
      <c r="A5351" s="13" t="s">
        <v>50</v>
      </c>
      <c r="B5351" s="14" t="s">
        <v>1</v>
      </c>
      <c r="C5351" s="14" t="s">
        <v>51</v>
      </c>
      <c r="D5351" s="14" t="s">
        <v>52</v>
      </c>
      <c r="E5351" s="15">
        <v>45617</v>
      </c>
      <c r="F5351" s="14" t="s">
        <v>53</v>
      </c>
      <c r="G5351" s="16">
        <v>8.3580248086099845E-2</v>
      </c>
    </row>
    <row r="5352" spans="1:7" x14ac:dyDescent="0.3">
      <c r="A5352" s="13" t="s">
        <v>50</v>
      </c>
      <c r="B5352" s="14" t="s">
        <v>1</v>
      </c>
      <c r="C5352" s="14" t="s">
        <v>51</v>
      </c>
      <c r="D5352" s="14" t="s">
        <v>52</v>
      </c>
      <c r="E5352" s="15">
        <v>45618</v>
      </c>
      <c r="F5352" s="14" t="s">
        <v>53</v>
      </c>
      <c r="G5352" s="16">
        <v>8.1034549656990723E-2</v>
      </c>
    </row>
    <row r="5353" spans="1:7" x14ac:dyDescent="0.3">
      <c r="A5353" s="13" t="s">
        <v>50</v>
      </c>
      <c r="B5353" s="14" t="s">
        <v>1</v>
      </c>
      <c r="C5353" s="14" t="s">
        <v>51</v>
      </c>
      <c r="D5353" s="14" t="s">
        <v>52</v>
      </c>
      <c r="E5353" s="15">
        <v>45619</v>
      </c>
      <c r="F5353" s="14" t="s">
        <v>53</v>
      </c>
      <c r="G5353" s="16">
        <v>8.1034549656990723E-2</v>
      </c>
    </row>
    <row r="5354" spans="1:7" x14ac:dyDescent="0.3">
      <c r="A5354" s="13" t="s">
        <v>50</v>
      </c>
      <c r="B5354" s="14" t="s">
        <v>1</v>
      </c>
      <c r="C5354" s="14" t="s">
        <v>51</v>
      </c>
      <c r="D5354" s="14" t="s">
        <v>52</v>
      </c>
      <c r="E5354" s="15">
        <v>45620</v>
      </c>
      <c r="F5354" s="14" t="s">
        <v>53</v>
      </c>
      <c r="G5354" s="16">
        <v>8.1034549656990723E-2</v>
      </c>
    </row>
    <row r="5355" spans="1:7" x14ac:dyDescent="0.3">
      <c r="A5355" s="13" t="s">
        <v>50</v>
      </c>
      <c r="B5355" s="14" t="s">
        <v>1</v>
      </c>
      <c r="C5355" s="14" t="s">
        <v>51</v>
      </c>
      <c r="D5355" s="14" t="s">
        <v>52</v>
      </c>
      <c r="E5355" s="15">
        <v>45621</v>
      </c>
      <c r="F5355" s="14" t="s">
        <v>53</v>
      </c>
      <c r="G5355" s="16">
        <v>7.7835650765128619E-2</v>
      </c>
    </row>
    <row r="5356" spans="1:7" x14ac:dyDescent="0.3">
      <c r="A5356" s="13" t="s">
        <v>50</v>
      </c>
      <c r="B5356" s="14" t="s">
        <v>1</v>
      </c>
      <c r="C5356" s="14" t="s">
        <v>51</v>
      </c>
      <c r="D5356" s="14" t="s">
        <v>52</v>
      </c>
      <c r="E5356" s="15">
        <v>45622</v>
      </c>
      <c r="F5356" s="14" t="s">
        <v>53</v>
      </c>
      <c r="G5356" s="16">
        <v>7.4974271218009619E-2</v>
      </c>
    </row>
    <row r="5357" spans="1:7" x14ac:dyDescent="0.3">
      <c r="A5357" s="13" t="s">
        <v>50</v>
      </c>
      <c r="B5357" s="14" t="s">
        <v>1</v>
      </c>
      <c r="C5357" s="14" t="s">
        <v>51</v>
      </c>
      <c r="D5357" s="14" t="s">
        <v>52</v>
      </c>
      <c r="E5357" s="15">
        <v>45623</v>
      </c>
      <c r="F5357" s="14" t="s">
        <v>53</v>
      </c>
      <c r="G5357" s="16">
        <v>7.3083941030280541E-2</v>
      </c>
    </row>
    <row r="5358" spans="1:7" x14ac:dyDescent="0.3">
      <c r="A5358" s="13" t="s">
        <v>50</v>
      </c>
      <c r="B5358" s="14" t="s">
        <v>1</v>
      </c>
      <c r="C5358" s="14" t="s">
        <v>51</v>
      </c>
      <c r="D5358" s="14" t="s">
        <v>52</v>
      </c>
      <c r="E5358" s="15">
        <v>45624</v>
      </c>
      <c r="F5358" s="14" t="s">
        <v>53</v>
      </c>
      <c r="G5358" s="16">
        <v>7.0062568419883869E-2</v>
      </c>
    </row>
    <row r="5359" spans="1:7" x14ac:dyDescent="0.3">
      <c r="A5359" s="13" t="s">
        <v>50</v>
      </c>
      <c r="B5359" s="14" t="s">
        <v>1</v>
      </c>
      <c r="C5359" s="14" t="s">
        <v>51</v>
      </c>
      <c r="D5359" s="14" t="s">
        <v>52</v>
      </c>
      <c r="E5359" s="15">
        <v>45625</v>
      </c>
      <c r="F5359" s="14" t="s">
        <v>53</v>
      </c>
      <c r="G5359" s="16">
        <v>8.3967308527626502E-2</v>
      </c>
    </row>
    <row r="5360" spans="1:7" x14ac:dyDescent="0.3">
      <c r="A5360" s="13" t="s">
        <v>50</v>
      </c>
      <c r="B5360" s="14" t="s">
        <v>1</v>
      </c>
      <c r="C5360" s="14" t="s">
        <v>51</v>
      </c>
      <c r="D5360" s="14" t="s">
        <v>52</v>
      </c>
      <c r="E5360" s="15">
        <v>45626</v>
      </c>
      <c r="F5360" s="14" t="s">
        <v>53</v>
      </c>
      <c r="G5360" s="16">
        <v>8.3967308527626502E-2</v>
      </c>
    </row>
    <row r="5361" spans="1:7" x14ac:dyDescent="0.3">
      <c r="A5361" s="13" t="s">
        <v>50</v>
      </c>
      <c r="B5361" s="14" t="s">
        <v>1</v>
      </c>
      <c r="C5361" s="14" t="s">
        <v>51</v>
      </c>
      <c r="D5361" s="14" t="s">
        <v>52</v>
      </c>
      <c r="E5361" s="15">
        <v>45627</v>
      </c>
      <c r="F5361" s="14" t="s">
        <v>53</v>
      </c>
      <c r="G5361" s="16">
        <v>8.3967308527626502E-2</v>
      </c>
    </row>
    <row r="5362" spans="1:7" x14ac:dyDescent="0.3">
      <c r="A5362" s="13" t="s">
        <v>50</v>
      </c>
      <c r="B5362" s="14" t="s">
        <v>1</v>
      </c>
      <c r="C5362" s="14" t="s">
        <v>51</v>
      </c>
      <c r="D5362" s="14" t="s">
        <v>52</v>
      </c>
      <c r="E5362" s="15">
        <v>45628</v>
      </c>
      <c r="F5362" s="14" t="s">
        <v>53</v>
      </c>
      <c r="G5362" s="16">
        <v>9.1507858954140098E-2</v>
      </c>
    </row>
    <row r="5363" spans="1:7" x14ac:dyDescent="0.3">
      <c r="A5363" s="13" t="s">
        <v>50</v>
      </c>
      <c r="B5363" s="14" t="s">
        <v>1</v>
      </c>
      <c r="C5363" s="14" t="s">
        <v>51</v>
      </c>
      <c r="D5363" s="14" t="s">
        <v>52</v>
      </c>
      <c r="E5363" s="15">
        <v>45629</v>
      </c>
      <c r="F5363" s="14" t="s">
        <v>53</v>
      </c>
      <c r="G5363" s="16">
        <v>8.9715506727094593E-2</v>
      </c>
    </row>
    <row r="5364" spans="1:7" x14ac:dyDescent="0.3">
      <c r="A5364" s="13" t="s">
        <v>50</v>
      </c>
      <c r="B5364" s="14" t="s">
        <v>1</v>
      </c>
      <c r="C5364" s="14" t="s">
        <v>51</v>
      </c>
      <c r="D5364" s="14" t="s">
        <v>52</v>
      </c>
      <c r="E5364" s="15">
        <v>45630</v>
      </c>
      <c r="F5364" s="14" t="s">
        <v>53</v>
      </c>
      <c r="G5364" s="16">
        <v>8.7444626905298015E-2</v>
      </c>
    </row>
    <row r="5365" spans="1:7" x14ac:dyDescent="0.3">
      <c r="A5365" s="13" t="s">
        <v>50</v>
      </c>
      <c r="B5365" s="14" t="s">
        <v>1</v>
      </c>
      <c r="C5365" s="14" t="s">
        <v>51</v>
      </c>
      <c r="D5365" s="14" t="s">
        <v>52</v>
      </c>
      <c r="E5365" s="15">
        <v>45631</v>
      </c>
      <c r="F5365" s="14" t="s">
        <v>53</v>
      </c>
      <c r="G5365" s="16">
        <v>8.406961212929337E-2</v>
      </c>
    </row>
    <row r="5366" spans="1:7" x14ac:dyDescent="0.3">
      <c r="A5366" s="13" t="s">
        <v>50</v>
      </c>
      <c r="B5366" s="14" t="s">
        <v>1</v>
      </c>
      <c r="C5366" s="14" t="s">
        <v>51</v>
      </c>
      <c r="D5366" s="14" t="s">
        <v>52</v>
      </c>
      <c r="E5366" s="15">
        <v>45632</v>
      </c>
      <c r="F5366" s="14" t="s">
        <v>53</v>
      </c>
      <c r="G5366" s="16">
        <v>8.1213235767551781E-2</v>
      </c>
    </row>
    <row r="5367" spans="1:7" x14ac:dyDescent="0.3">
      <c r="A5367" s="13" t="s">
        <v>50</v>
      </c>
      <c r="B5367" s="14" t="s">
        <v>1</v>
      </c>
      <c r="C5367" s="14" t="s">
        <v>51</v>
      </c>
      <c r="D5367" s="14" t="s">
        <v>52</v>
      </c>
      <c r="E5367" s="15">
        <v>45633</v>
      </c>
      <c r="F5367" s="14" t="s">
        <v>53</v>
      </c>
      <c r="G5367" s="16">
        <v>8.1213235767551781E-2</v>
      </c>
    </row>
    <row r="5368" spans="1:7" x14ac:dyDescent="0.3">
      <c r="A5368" s="13" t="s">
        <v>50</v>
      </c>
      <c r="B5368" s="14" t="s">
        <v>1</v>
      </c>
      <c r="C5368" s="14" t="s">
        <v>51</v>
      </c>
      <c r="D5368" s="14" t="s">
        <v>52</v>
      </c>
      <c r="E5368" s="15">
        <v>45634</v>
      </c>
      <c r="F5368" s="14" t="s">
        <v>53</v>
      </c>
      <c r="G5368" s="16">
        <v>8.1213235767551781E-2</v>
      </c>
    </row>
    <row r="5369" spans="1:7" x14ac:dyDescent="0.3">
      <c r="A5369" s="13" t="s">
        <v>50</v>
      </c>
      <c r="B5369" s="14" t="s">
        <v>1</v>
      </c>
      <c r="C5369" s="14" t="s">
        <v>51</v>
      </c>
      <c r="D5369" s="14" t="s">
        <v>52</v>
      </c>
      <c r="E5369" s="15">
        <v>45635</v>
      </c>
      <c r="F5369" s="14" t="s">
        <v>53</v>
      </c>
      <c r="G5369" s="16">
        <v>0.10939290816896348</v>
      </c>
    </row>
    <row r="5370" spans="1:7" x14ac:dyDescent="0.3">
      <c r="A5370" s="13" t="s">
        <v>50</v>
      </c>
      <c r="B5370" s="14" t="s">
        <v>1</v>
      </c>
      <c r="C5370" s="14" t="s">
        <v>51</v>
      </c>
      <c r="D5370" s="14" t="s">
        <v>52</v>
      </c>
      <c r="E5370" s="15">
        <v>45636</v>
      </c>
      <c r="F5370" s="14" t="s">
        <v>53</v>
      </c>
      <c r="G5370" s="16">
        <v>0.10030146213610025</v>
      </c>
    </row>
    <row r="5371" spans="1:7" x14ac:dyDescent="0.3">
      <c r="A5371" s="13" t="s">
        <v>50</v>
      </c>
      <c r="B5371" s="14" t="s">
        <v>1</v>
      </c>
      <c r="C5371" s="14" t="s">
        <v>51</v>
      </c>
      <c r="D5371" s="14" t="s">
        <v>52</v>
      </c>
      <c r="E5371" s="15">
        <v>45637</v>
      </c>
      <c r="F5371" s="14" t="s">
        <v>53</v>
      </c>
      <c r="G5371" s="16">
        <v>0.10042361085842823</v>
      </c>
    </row>
    <row r="5372" spans="1:7" x14ac:dyDescent="0.3">
      <c r="A5372" s="13" t="s">
        <v>50</v>
      </c>
      <c r="B5372" s="14" t="s">
        <v>1</v>
      </c>
      <c r="C5372" s="14" t="s">
        <v>51</v>
      </c>
      <c r="D5372" s="14" t="s">
        <v>52</v>
      </c>
      <c r="E5372" s="15">
        <v>45638</v>
      </c>
      <c r="F5372" s="14" t="s">
        <v>53</v>
      </c>
      <c r="G5372" s="16">
        <v>9.8006209015185586E-2</v>
      </c>
    </row>
    <row r="5373" spans="1:7" x14ac:dyDescent="0.3">
      <c r="A5373" s="13" t="s">
        <v>50</v>
      </c>
      <c r="B5373" s="14" t="s">
        <v>1</v>
      </c>
      <c r="C5373" s="14" t="s">
        <v>51</v>
      </c>
      <c r="D5373" s="14" t="s">
        <v>52</v>
      </c>
      <c r="E5373" s="15">
        <v>45639</v>
      </c>
      <c r="F5373" s="14" t="s">
        <v>53</v>
      </c>
      <c r="G5373" s="16">
        <v>9.5431272503359046E-2</v>
      </c>
    </row>
    <row r="5374" spans="1:7" x14ac:dyDescent="0.3">
      <c r="A5374" s="13" t="s">
        <v>50</v>
      </c>
      <c r="B5374" s="14" t="s">
        <v>1</v>
      </c>
      <c r="C5374" s="14" t="s">
        <v>51</v>
      </c>
      <c r="D5374" s="14" t="s">
        <v>52</v>
      </c>
      <c r="E5374" s="15">
        <v>45640</v>
      </c>
      <c r="F5374" s="14" t="s">
        <v>53</v>
      </c>
      <c r="G5374" s="16">
        <v>9.5431272503359046E-2</v>
      </c>
    </row>
    <row r="5375" spans="1:7" x14ac:dyDescent="0.3">
      <c r="A5375" s="13" t="s">
        <v>50</v>
      </c>
      <c r="B5375" s="14" t="s">
        <v>1</v>
      </c>
      <c r="C5375" s="14" t="s">
        <v>51</v>
      </c>
      <c r="D5375" s="14" t="s">
        <v>52</v>
      </c>
      <c r="E5375" s="15">
        <v>45641</v>
      </c>
      <c r="F5375" s="14" t="s">
        <v>53</v>
      </c>
      <c r="G5375" s="16">
        <v>9.5431272503359046E-2</v>
      </c>
    </row>
    <row r="5376" spans="1:7" x14ac:dyDescent="0.3">
      <c r="A5376" s="13" t="s">
        <v>50</v>
      </c>
      <c r="B5376" s="14" t="s">
        <v>1</v>
      </c>
      <c r="C5376" s="14" t="s">
        <v>51</v>
      </c>
      <c r="D5376" s="14" t="s">
        <v>52</v>
      </c>
      <c r="E5376" s="15">
        <v>45642</v>
      </c>
      <c r="F5376" s="14" t="s">
        <v>53</v>
      </c>
      <c r="G5376" s="16">
        <v>9.0127304540455838E-2</v>
      </c>
    </row>
    <row r="5377" spans="1:7" x14ac:dyDescent="0.3">
      <c r="A5377" s="13" t="s">
        <v>50</v>
      </c>
      <c r="B5377" s="14" t="s">
        <v>1</v>
      </c>
      <c r="C5377" s="14" t="s">
        <v>51</v>
      </c>
      <c r="D5377" s="14" t="s">
        <v>52</v>
      </c>
      <c r="E5377" s="15">
        <v>45643</v>
      </c>
      <c r="F5377" s="14" t="s">
        <v>53</v>
      </c>
      <c r="G5377" s="16">
        <v>8.4592205403577286E-2</v>
      </c>
    </row>
    <row r="5378" spans="1:7" x14ac:dyDescent="0.3">
      <c r="A5378" s="13" t="s">
        <v>50</v>
      </c>
      <c r="B5378" s="14" t="s">
        <v>1</v>
      </c>
      <c r="C5378" s="14" t="s">
        <v>51</v>
      </c>
      <c r="D5378" s="14" t="s">
        <v>52</v>
      </c>
      <c r="E5378" s="15">
        <v>45644</v>
      </c>
      <c r="F5378" s="14" t="s">
        <v>53</v>
      </c>
      <c r="G5378" s="16">
        <v>8.2529986279070711E-2</v>
      </c>
    </row>
    <row r="5379" spans="1:7" x14ac:dyDescent="0.3">
      <c r="A5379" s="13" t="s">
        <v>50</v>
      </c>
      <c r="B5379" s="14" t="s">
        <v>1</v>
      </c>
      <c r="C5379" s="14" t="s">
        <v>51</v>
      </c>
      <c r="D5379" s="14" t="s">
        <v>52</v>
      </c>
      <c r="E5379" s="15">
        <v>45645</v>
      </c>
      <c r="F5379" s="14" t="s">
        <v>53</v>
      </c>
      <c r="G5379" s="16">
        <v>7.9982750491895155E-2</v>
      </c>
    </row>
    <row r="5380" spans="1:7" x14ac:dyDescent="0.3">
      <c r="A5380" s="13" t="s">
        <v>50</v>
      </c>
      <c r="B5380" s="14" t="s">
        <v>1</v>
      </c>
      <c r="C5380" s="14" t="s">
        <v>51</v>
      </c>
      <c r="D5380" s="14" t="s">
        <v>52</v>
      </c>
      <c r="E5380" s="15">
        <v>45646</v>
      </c>
      <c r="F5380" s="14" t="s">
        <v>53</v>
      </c>
      <c r="G5380" s="16">
        <v>7.9734017388364317E-2</v>
      </c>
    </row>
    <row r="5381" spans="1:7" x14ac:dyDescent="0.3">
      <c r="A5381" s="13" t="s">
        <v>50</v>
      </c>
      <c r="B5381" s="14" t="s">
        <v>1</v>
      </c>
      <c r="C5381" s="14" t="s">
        <v>51</v>
      </c>
      <c r="D5381" s="14" t="s">
        <v>52</v>
      </c>
      <c r="E5381" s="15">
        <v>45647</v>
      </c>
      <c r="F5381" s="14" t="s">
        <v>53</v>
      </c>
      <c r="G5381" s="16">
        <v>7.9734017388364317E-2</v>
      </c>
    </row>
    <row r="5382" spans="1:7" x14ac:dyDescent="0.3">
      <c r="A5382" s="13" t="s">
        <v>50</v>
      </c>
      <c r="B5382" s="14" t="s">
        <v>1</v>
      </c>
      <c r="C5382" s="14" t="s">
        <v>51</v>
      </c>
      <c r="D5382" s="14" t="s">
        <v>52</v>
      </c>
      <c r="E5382" s="15">
        <v>45648</v>
      </c>
      <c r="F5382" s="14" t="s">
        <v>53</v>
      </c>
      <c r="G5382" s="16">
        <v>7.9734017388364317E-2</v>
      </c>
    </row>
    <row r="5383" spans="1:7" x14ac:dyDescent="0.3">
      <c r="A5383" s="13" t="s">
        <v>50</v>
      </c>
      <c r="B5383" s="14" t="s">
        <v>1</v>
      </c>
      <c r="C5383" s="14" t="s">
        <v>51</v>
      </c>
      <c r="D5383" s="14" t="s">
        <v>52</v>
      </c>
      <c r="E5383" s="15">
        <v>45649</v>
      </c>
      <c r="F5383" s="14" t="s">
        <v>53</v>
      </c>
      <c r="G5383" s="16">
        <v>8.1476292913250759E-2</v>
      </c>
    </row>
    <row r="5384" spans="1:7" x14ac:dyDescent="0.3">
      <c r="A5384" s="13" t="s">
        <v>50</v>
      </c>
      <c r="B5384" s="14" t="s">
        <v>1</v>
      </c>
      <c r="C5384" s="14" t="s">
        <v>51</v>
      </c>
      <c r="D5384" s="14" t="s">
        <v>52</v>
      </c>
      <c r="E5384" s="15">
        <v>45650</v>
      </c>
      <c r="F5384" s="14" t="s">
        <v>53</v>
      </c>
      <c r="G5384" s="16">
        <v>7.2992574675641145E-2</v>
      </c>
    </row>
    <row r="5385" spans="1:7" x14ac:dyDescent="0.3">
      <c r="A5385" s="13" t="s">
        <v>50</v>
      </c>
      <c r="B5385" s="14" t="s">
        <v>1</v>
      </c>
      <c r="C5385" s="14" t="s">
        <v>51</v>
      </c>
      <c r="D5385" s="14" t="s">
        <v>52</v>
      </c>
      <c r="E5385" s="15">
        <v>45651</v>
      </c>
      <c r="F5385" s="14" t="s">
        <v>53</v>
      </c>
      <c r="G5385" s="16">
        <v>7.2992574675641145E-2</v>
      </c>
    </row>
    <row r="5386" spans="1:7" x14ac:dyDescent="0.3">
      <c r="A5386" s="13" t="s">
        <v>50</v>
      </c>
      <c r="B5386" s="14" t="s">
        <v>1</v>
      </c>
      <c r="C5386" s="14" t="s">
        <v>51</v>
      </c>
      <c r="D5386" s="14" t="s">
        <v>52</v>
      </c>
      <c r="E5386" s="15">
        <v>45652</v>
      </c>
      <c r="F5386" s="14" t="s">
        <v>53</v>
      </c>
      <c r="G5386" s="16">
        <v>7.2992574675641145E-2</v>
      </c>
    </row>
    <row r="5387" spans="1:7" x14ac:dyDescent="0.3">
      <c r="A5387" s="13" t="s">
        <v>50</v>
      </c>
      <c r="B5387" s="14" t="s">
        <v>1</v>
      </c>
      <c r="C5387" s="14" t="s">
        <v>51</v>
      </c>
      <c r="D5387" s="14" t="s">
        <v>52</v>
      </c>
      <c r="E5387" s="15">
        <v>45653</v>
      </c>
      <c r="F5387" s="14" t="s">
        <v>53</v>
      </c>
      <c r="G5387" s="16">
        <v>7.2992574675641145E-2</v>
      </c>
    </row>
    <row r="5388" spans="1:7" x14ac:dyDescent="0.3">
      <c r="A5388" s="13" t="s">
        <v>50</v>
      </c>
      <c r="B5388" s="14" t="s">
        <v>1</v>
      </c>
      <c r="C5388" s="14" t="s">
        <v>51</v>
      </c>
      <c r="D5388" s="14" t="s">
        <v>52</v>
      </c>
      <c r="E5388" s="15">
        <v>45654</v>
      </c>
      <c r="F5388" s="14" t="s">
        <v>53</v>
      </c>
      <c r="G5388" s="16">
        <v>7.2992574675641145E-2</v>
      </c>
    </row>
    <row r="5389" spans="1:7" x14ac:dyDescent="0.3">
      <c r="A5389" s="13" t="s">
        <v>50</v>
      </c>
      <c r="B5389" s="14" t="s">
        <v>1</v>
      </c>
      <c r="C5389" s="14" t="s">
        <v>51</v>
      </c>
      <c r="D5389" s="14" t="s">
        <v>52</v>
      </c>
      <c r="E5389" s="15">
        <v>45655</v>
      </c>
      <c r="F5389" s="14" t="s">
        <v>53</v>
      </c>
      <c r="G5389" s="16">
        <v>7.2992574675641145E-2</v>
      </c>
    </row>
    <row r="5390" spans="1:7" x14ac:dyDescent="0.3">
      <c r="A5390" s="13" t="s">
        <v>50</v>
      </c>
      <c r="B5390" s="14" t="s">
        <v>1</v>
      </c>
      <c r="C5390" s="14" t="s">
        <v>51</v>
      </c>
      <c r="D5390" s="14" t="s">
        <v>52</v>
      </c>
      <c r="E5390" s="15">
        <v>45656</v>
      </c>
      <c r="F5390" s="14" t="s">
        <v>53</v>
      </c>
      <c r="G5390" s="16">
        <v>7.0246782416527931E-2</v>
      </c>
    </row>
    <row r="5391" spans="1:7" x14ac:dyDescent="0.3">
      <c r="A5391" s="13" t="s">
        <v>50</v>
      </c>
      <c r="B5391" s="14" t="s">
        <v>1</v>
      </c>
      <c r="C5391" s="14" t="s">
        <v>51</v>
      </c>
      <c r="D5391" s="14" t="s">
        <v>52</v>
      </c>
      <c r="E5391" s="15">
        <v>45657</v>
      </c>
      <c r="F5391" s="14" t="s">
        <v>53</v>
      </c>
      <c r="G5391" s="16">
        <v>5.3679392001359898E-2</v>
      </c>
    </row>
    <row r="5392" spans="1:7" x14ac:dyDescent="0.3">
      <c r="A5392" s="13" t="s">
        <v>50</v>
      </c>
      <c r="B5392" s="14" t="s">
        <v>1</v>
      </c>
      <c r="C5392" s="14" t="s">
        <v>51</v>
      </c>
      <c r="D5392" s="14" t="s">
        <v>52</v>
      </c>
      <c r="E5392" s="15">
        <v>45658</v>
      </c>
      <c r="F5392" s="14" t="s">
        <v>53</v>
      </c>
      <c r="G5392" s="16">
        <v>5.3679392001359898E-2</v>
      </c>
    </row>
    <row r="5393" spans="1:7" x14ac:dyDescent="0.3">
      <c r="A5393" s="13" t="s">
        <v>50</v>
      </c>
      <c r="B5393" s="14" t="s">
        <v>1</v>
      </c>
      <c r="C5393" s="14" t="s">
        <v>51</v>
      </c>
      <c r="D5393" s="14" t="s">
        <v>52</v>
      </c>
      <c r="E5393" s="15">
        <v>45659</v>
      </c>
      <c r="F5393" s="14" t="s">
        <v>53</v>
      </c>
      <c r="G5393" s="16">
        <v>5.3679392001359898E-2</v>
      </c>
    </row>
    <row r="5394" spans="1:7" x14ac:dyDescent="0.3">
      <c r="A5394" s="13" t="s">
        <v>50</v>
      </c>
      <c r="B5394" s="14" t="s">
        <v>1</v>
      </c>
      <c r="C5394" s="14" t="s">
        <v>51</v>
      </c>
      <c r="D5394" s="14" t="s">
        <v>52</v>
      </c>
      <c r="E5394" s="15">
        <v>45660</v>
      </c>
      <c r="F5394" s="14" t="s">
        <v>53</v>
      </c>
      <c r="G5394" s="16">
        <v>5.1224836589933084E-2</v>
      </c>
    </row>
    <row r="5395" spans="1:7" x14ac:dyDescent="0.3">
      <c r="A5395" s="13" t="s">
        <v>50</v>
      </c>
      <c r="B5395" s="14" t="s">
        <v>1</v>
      </c>
      <c r="C5395" s="14" t="s">
        <v>51</v>
      </c>
      <c r="D5395" s="14" t="s">
        <v>52</v>
      </c>
      <c r="E5395" s="15">
        <v>45661</v>
      </c>
      <c r="F5395" s="14" t="s">
        <v>53</v>
      </c>
      <c r="G5395" s="16">
        <v>5.1224836589933084E-2</v>
      </c>
    </row>
    <row r="5396" spans="1:7" x14ac:dyDescent="0.3">
      <c r="A5396" s="13" t="s">
        <v>50</v>
      </c>
      <c r="B5396" s="14" t="s">
        <v>1</v>
      </c>
      <c r="C5396" s="14" t="s">
        <v>51</v>
      </c>
      <c r="D5396" s="14" t="s">
        <v>52</v>
      </c>
      <c r="E5396" s="15">
        <v>45662</v>
      </c>
      <c r="F5396" s="14" t="s">
        <v>53</v>
      </c>
      <c r="G5396" s="16">
        <v>5.1224836589933084E-2</v>
      </c>
    </row>
    <row r="5397" spans="1:7" x14ac:dyDescent="0.3">
      <c r="A5397" s="13" t="s">
        <v>50</v>
      </c>
      <c r="B5397" s="14" t="s">
        <v>1</v>
      </c>
      <c r="C5397" s="14" t="s">
        <v>51</v>
      </c>
      <c r="D5397" s="14" t="s">
        <v>52</v>
      </c>
      <c r="E5397" s="15">
        <v>45663</v>
      </c>
      <c r="F5397" s="14" t="s">
        <v>53</v>
      </c>
      <c r="G5397" s="16">
        <v>4.2903517036438361E-2</v>
      </c>
    </row>
    <row r="5398" spans="1:7" x14ac:dyDescent="0.3">
      <c r="A5398" s="13" t="s">
        <v>50</v>
      </c>
      <c r="B5398" s="14" t="s">
        <v>1</v>
      </c>
      <c r="C5398" s="14" t="s">
        <v>51</v>
      </c>
      <c r="D5398" s="14" t="s">
        <v>52</v>
      </c>
      <c r="E5398" s="15">
        <v>45664</v>
      </c>
      <c r="F5398" s="14" t="s">
        <v>53</v>
      </c>
      <c r="G5398" s="16">
        <v>3.5877159619666928E-2</v>
      </c>
    </row>
    <row r="5399" spans="1:7" x14ac:dyDescent="0.3">
      <c r="A5399" s="13" t="s">
        <v>50</v>
      </c>
      <c r="B5399" s="14" t="s">
        <v>1</v>
      </c>
      <c r="C5399" s="14" t="s">
        <v>51</v>
      </c>
      <c r="D5399" s="14" t="s">
        <v>52</v>
      </c>
      <c r="E5399" s="15">
        <v>45665</v>
      </c>
      <c r="F5399" s="14" t="s">
        <v>53</v>
      </c>
      <c r="G5399" s="16">
        <v>3.3425689545678046E-2</v>
      </c>
    </row>
    <row r="5400" spans="1:7" x14ac:dyDescent="0.3">
      <c r="A5400" s="13" t="s">
        <v>50</v>
      </c>
      <c r="B5400" s="14" t="s">
        <v>1</v>
      </c>
      <c r="C5400" s="14" t="s">
        <v>51</v>
      </c>
      <c r="D5400" s="14" t="s">
        <v>52</v>
      </c>
      <c r="E5400" s="15">
        <v>45666</v>
      </c>
      <c r="F5400" s="14" t="s">
        <v>53</v>
      </c>
      <c r="G5400" s="16">
        <v>3.0682679985567129E-2</v>
      </c>
    </row>
    <row r="5401" spans="1:7" x14ac:dyDescent="0.3">
      <c r="A5401" s="13" t="s">
        <v>50</v>
      </c>
      <c r="B5401" s="14" t="s">
        <v>1</v>
      </c>
      <c r="C5401" s="14" t="s">
        <v>51</v>
      </c>
      <c r="D5401" s="14" t="s">
        <v>52</v>
      </c>
      <c r="E5401" s="15">
        <v>45667</v>
      </c>
      <c r="F5401" s="14" t="s">
        <v>53</v>
      </c>
      <c r="G5401" s="16">
        <v>4.8846474525906743E-2</v>
      </c>
    </row>
    <row r="5402" spans="1:7" x14ac:dyDescent="0.3">
      <c r="A5402" s="13" t="s">
        <v>50</v>
      </c>
      <c r="B5402" s="14" t="s">
        <v>1</v>
      </c>
      <c r="C5402" s="14" t="s">
        <v>51</v>
      </c>
      <c r="D5402" s="14" t="s">
        <v>52</v>
      </c>
      <c r="E5402" s="15">
        <v>45668</v>
      </c>
      <c r="F5402" s="14" t="s">
        <v>53</v>
      </c>
      <c r="G5402" s="16">
        <v>4.8846474525906743E-2</v>
      </c>
    </row>
    <row r="5403" spans="1:7" x14ac:dyDescent="0.3">
      <c r="A5403" s="13" t="s">
        <v>50</v>
      </c>
      <c r="B5403" s="14" t="s">
        <v>1</v>
      </c>
      <c r="C5403" s="14" t="s">
        <v>51</v>
      </c>
      <c r="D5403" s="14" t="s">
        <v>52</v>
      </c>
      <c r="E5403" s="15">
        <v>45669</v>
      </c>
      <c r="F5403" s="14" t="s">
        <v>53</v>
      </c>
      <c r="G5403" s="16">
        <v>4.8846474525906743E-2</v>
      </c>
    </row>
    <row r="5404" spans="1:7" x14ac:dyDescent="0.3">
      <c r="A5404" s="13" t="s">
        <v>50</v>
      </c>
      <c r="B5404" s="14" t="s">
        <v>1</v>
      </c>
      <c r="C5404" s="14" t="s">
        <v>51</v>
      </c>
      <c r="D5404" s="14" t="s">
        <v>52</v>
      </c>
      <c r="E5404" s="15">
        <v>45670</v>
      </c>
      <c r="F5404" s="14" t="s">
        <v>53</v>
      </c>
      <c r="G5404" s="16">
        <v>4.6002693223694692E-2</v>
      </c>
    </row>
    <row r="5405" spans="1:7" x14ac:dyDescent="0.3">
      <c r="A5405" s="13" t="s">
        <v>50</v>
      </c>
      <c r="B5405" s="14" t="s">
        <v>1</v>
      </c>
      <c r="C5405" s="14" t="s">
        <v>51</v>
      </c>
      <c r="D5405" s="14" t="s">
        <v>52</v>
      </c>
      <c r="E5405" s="15">
        <v>45671</v>
      </c>
      <c r="F5405" s="14" t="s">
        <v>53</v>
      </c>
      <c r="G5405" s="16">
        <v>3.7693265751235057E-2</v>
      </c>
    </row>
    <row r="5406" spans="1:7" x14ac:dyDescent="0.3">
      <c r="A5406" s="13" t="s">
        <v>50</v>
      </c>
      <c r="B5406" s="14" t="s">
        <v>1</v>
      </c>
      <c r="C5406" s="14" t="s">
        <v>51</v>
      </c>
      <c r="D5406" s="14" t="s">
        <v>52</v>
      </c>
      <c r="E5406" s="15">
        <v>45672</v>
      </c>
      <c r="F5406" s="14" t="s">
        <v>53</v>
      </c>
      <c r="G5406" s="16">
        <v>3.4795942148851775E-2</v>
      </c>
    </row>
    <row r="5407" spans="1:7" x14ac:dyDescent="0.3">
      <c r="A5407" s="13" t="s">
        <v>50</v>
      </c>
      <c r="B5407" s="14" t="s">
        <v>1</v>
      </c>
      <c r="C5407" s="14" t="s">
        <v>51</v>
      </c>
      <c r="D5407" s="14" t="s">
        <v>52</v>
      </c>
      <c r="E5407" s="15">
        <v>45673</v>
      </c>
      <c r="F5407" s="14" t="s">
        <v>53</v>
      </c>
      <c r="G5407" s="16">
        <v>3.1972781824532767E-2</v>
      </c>
    </row>
    <row r="5408" spans="1:7" x14ac:dyDescent="0.3">
      <c r="A5408" s="13" t="s">
        <v>50</v>
      </c>
      <c r="B5408" s="14" t="s">
        <v>1</v>
      </c>
      <c r="C5408" s="14" t="s">
        <v>51</v>
      </c>
      <c r="D5408" s="14" t="s">
        <v>52</v>
      </c>
      <c r="E5408" s="15">
        <v>45674</v>
      </c>
      <c r="F5408" s="14" t="s">
        <v>53</v>
      </c>
      <c r="G5408" s="16">
        <v>2.9270050949387259E-2</v>
      </c>
    </row>
    <row r="5409" spans="1:7" x14ac:dyDescent="0.3">
      <c r="A5409" s="13" t="s">
        <v>50</v>
      </c>
      <c r="B5409" s="14" t="s">
        <v>1</v>
      </c>
      <c r="C5409" s="14" t="s">
        <v>51</v>
      </c>
      <c r="D5409" s="14" t="s">
        <v>52</v>
      </c>
      <c r="E5409" s="15">
        <v>45675</v>
      </c>
      <c r="F5409" s="14" t="s">
        <v>53</v>
      </c>
      <c r="G5409" s="16">
        <v>2.9270050949387259E-2</v>
      </c>
    </row>
    <row r="5410" spans="1:7" x14ac:dyDescent="0.3">
      <c r="A5410" s="13" t="s">
        <v>50</v>
      </c>
      <c r="B5410" s="14" t="s">
        <v>1</v>
      </c>
      <c r="C5410" s="14" t="s">
        <v>51</v>
      </c>
      <c r="D5410" s="14" t="s">
        <v>52</v>
      </c>
      <c r="E5410" s="15">
        <v>45676</v>
      </c>
      <c r="F5410" s="14" t="s">
        <v>53</v>
      </c>
      <c r="G5410" s="16">
        <v>2.9270050949387259E-2</v>
      </c>
    </row>
    <row r="5411" spans="1:7" x14ac:dyDescent="0.3">
      <c r="A5411" s="13" t="s">
        <v>50</v>
      </c>
      <c r="B5411" s="14" t="s">
        <v>1</v>
      </c>
      <c r="C5411" s="14" t="s">
        <v>51</v>
      </c>
      <c r="D5411" s="14" t="s">
        <v>52</v>
      </c>
      <c r="E5411" s="15">
        <v>45677</v>
      </c>
      <c r="F5411" s="14" t="s">
        <v>53</v>
      </c>
      <c r="G5411" s="16">
        <v>3.0101265021987719E-2</v>
      </c>
    </row>
    <row r="5412" spans="1:7" x14ac:dyDescent="0.3">
      <c r="A5412" s="13" t="s">
        <v>50</v>
      </c>
      <c r="B5412" s="14" t="s">
        <v>1</v>
      </c>
      <c r="C5412" s="14" t="s">
        <v>51</v>
      </c>
      <c r="D5412" s="14" t="s">
        <v>52</v>
      </c>
      <c r="E5412" s="15">
        <v>45678</v>
      </c>
      <c r="F5412" s="14" t="s">
        <v>53</v>
      </c>
      <c r="G5412" s="16">
        <v>2.1636401971144918E-2</v>
      </c>
    </row>
    <row r="5413" spans="1:7" x14ac:dyDescent="0.3">
      <c r="A5413" s="13" t="s">
        <v>50</v>
      </c>
      <c r="B5413" s="14" t="s">
        <v>1</v>
      </c>
      <c r="C5413" s="14" t="s">
        <v>51</v>
      </c>
      <c r="D5413" s="14" t="s">
        <v>52</v>
      </c>
      <c r="E5413" s="15">
        <v>45679</v>
      </c>
      <c r="F5413" s="14" t="s">
        <v>53</v>
      </c>
      <c r="G5413" s="16">
        <v>1.8798063952360798E-2</v>
      </c>
    </row>
    <row r="5414" spans="1:7" x14ac:dyDescent="0.3">
      <c r="A5414" s="13" t="s">
        <v>50</v>
      </c>
      <c r="B5414" s="14" t="s">
        <v>1</v>
      </c>
      <c r="C5414" s="14" t="s">
        <v>51</v>
      </c>
      <c r="D5414" s="14" t="s">
        <v>52</v>
      </c>
      <c r="E5414" s="15">
        <v>45680</v>
      </c>
      <c r="F5414" s="14" t="s">
        <v>53</v>
      </c>
      <c r="G5414" s="16">
        <v>1.6444176911993773E-2</v>
      </c>
    </row>
    <row r="5415" spans="1:7" x14ac:dyDescent="0.3">
      <c r="A5415" s="13" t="s">
        <v>50</v>
      </c>
      <c r="B5415" s="14" t="s">
        <v>1</v>
      </c>
      <c r="C5415" s="14" t="s">
        <v>51</v>
      </c>
      <c r="D5415" s="14" t="s">
        <v>52</v>
      </c>
      <c r="E5415" s="15">
        <v>45681</v>
      </c>
      <c r="F5415" s="14" t="s">
        <v>53</v>
      </c>
      <c r="G5415" s="16">
        <v>1.3347106946156118E-2</v>
      </c>
    </row>
    <row r="5416" spans="1:7" x14ac:dyDescent="0.3">
      <c r="A5416" s="13" t="s">
        <v>50</v>
      </c>
      <c r="B5416" s="14" t="s">
        <v>1</v>
      </c>
      <c r="C5416" s="14" t="s">
        <v>51</v>
      </c>
      <c r="D5416" s="14" t="s">
        <v>52</v>
      </c>
      <c r="E5416" s="15">
        <v>45682</v>
      </c>
      <c r="F5416" s="14" t="s">
        <v>53</v>
      </c>
      <c r="G5416" s="16">
        <v>1.3347106946156118E-2</v>
      </c>
    </row>
    <row r="5417" spans="1:7" x14ac:dyDescent="0.3">
      <c r="A5417" s="13" t="s">
        <v>50</v>
      </c>
      <c r="B5417" s="14" t="s">
        <v>1</v>
      </c>
      <c r="C5417" s="14" t="s">
        <v>51</v>
      </c>
      <c r="D5417" s="14" t="s">
        <v>52</v>
      </c>
      <c r="E5417" s="15">
        <v>45683</v>
      </c>
      <c r="F5417" s="14" t="s">
        <v>53</v>
      </c>
      <c r="G5417" s="16">
        <v>1.3347106946156118E-2</v>
      </c>
    </row>
    <row r="5418" spans="1:7" x14ac:dyDescent="0.3">
      <c r="A5418" s="13" t="s">
        <v>50</v>
      </c>
      <c r="B5418" s="14" t="s">
        <v>1</v>
      </c>
      <c r="C5418" s="14" t="s">
        <v>51</v>
      </c>
      <c r="D5418" s="14" t="s">
        <v>52</v>
      </c>
      <c r="E5418" s="15">
        <v>45684</v>
      </c>
      <c r="F5418" s="14" t="s">
        <v>53</v>
      </c>
      <c r="G5418" s="16">
        <v>1.0418309466666345E-2</v>
      </c>
    </row>
    <row r="5419" spans="1:7" x14ac:dyDescent="0.3">
      <c r="A5419" s="13" t="s">
        <v>50</v>
      </c>
      <c r="B5419" s="14" t="s">
        <v>1</v>
      </c>
      <c r="C5419" s="14" t="s">
        <v>51</v>
      </c>
      <c r="D5419" s="14" t="s">
        <v>52</v>
      </c>
      <c r="E5419" s="15">
        <v>45685</v>
      </c>
      <c r="F5419" s="14" t="s">
        <v>53</v>
      </c>
      <c r="G5419" s="16">
        <v>1.7790722472169999E-3</v>
      </c>
    </row>
    <row r="5420" spans="1:7" x14ac:dyDescent="0.3">
      <c r="A5420" s="13" t="s">
        <v>50</v>
      </c>
      <c r="B5420" s="14" t="s">
        <v>1</v>
      </c>
      <c r="C5420" s="14" t="s">
        <v>51</v>
      </c>
      <c r="D5420" s="14" t="s">
        <v>52</v>
      </c>
      <c r="E5420" s="15">
        <v>45686</v>
      </c>
      <c r="F5420" s="14" t="s">
        <v>53</v>
      </c>
      <c r="G5420" s="16">
        <v>0</v>
      </c>
    </row>
    <row r="5421" spans="1:7" x14ac:dyDescent="0.3">
      <c r="A5421" s="13" t="s">
        <v>50</v>
      </c>
      <c r="B5421" s="14" t="s">
        <v>1</v>
      </c>
      <c r="C5421" s="14" t="s">
        <v>51</v>
      </c>
      <c r="D5421" s="14" t="s">
        <v>52</v>
      </c>
      <c r="E5421" s="15">
        <v>45687</v>
      </c>
      <c r="F5421" s="14" t="s">
        <v>53</v>
      </c>
      <c r="G5421" s="16">
        <v>0</v>
      </c>
    </row>
    <row r="5422" spans="1:7" x14ac:dyDescent="0.3">
      <c r="A5422" s="13" t="s">
        <v>50</v>
      </c>
      <c r="B5422" s="14" t="s">
        <v>1</v>
      </c>
      <c r="C5422" s="14" t="s">
        <v>51</v>
      </c>
      <c r="D5422" s="14" t="s">
        <v>52</v>
      </c>
      <c r="E5422" s="15">
        <v>45688</v>
      </c>
      <c r="F5422" s="14" t="s">
        <v>53</v>
      </c>
      <c r="G5422" s="16">
        <v>0</v>
      </c>
    </row>
    <row r="5423" spans="1:7" x14ac:dyDescent="0.3">
      <c r="A5423" s="13" t="s">
        <v>50</v>
      </c>
      <c r="B5423" s="14" t="s">
        <v>1</v>
      </c>
      <c r="C5423" s="14" t="s">
        <v>51</v>
      </c>
      <c r="D5423" s="14" t="s">
        <v>52</v>
      </c>
      <c r="E5423" s="15">
        <v>45689</v>
      </c>
      <c r="F5423" s="14" t="s">
        <v>53</v>
      </c>
      <c r="G5423" s="16">
        <v>0</v>
      </c>
    </row>
    <row r="5424" spans="1:7" x14ac:dyDescent="0.3">
      <c r="A5424" s="13" t="s">
        <v>50</v>
      </c>
      <c r="B5424" s="14" t="s">
        <v>1</v>
      </c>
      <c r="C5424" s="14" t="s">
        <v>51</v>
      </c>
      <c r="D5424" s="14" t="s">
        <v>52</v>
      </c>
      <c r="E5424" s="15">
        <v>45690</v>
      </c>
      <c r="F5424" s="14" t="s">
        <v>53</v>
      </c>
      <c r="G5424" s="16">
        <v>0</v>
      </c>
    </row>
    <row r="5425" spans="1:7" x14ac:dyDescent="0.3">
      <c r="A5425" s="13" t="s">
        <v>50</v>
      </c>
      <c r="B5425" s="14" t="s">
        <v>1</v>
      </c>
      <c r="C5425" s="14" t="s">
        <v>51</v>
      </c>
      <c r="D5425" s="14" t="s">
        <v>52</v>
      </c>
      <c r="E5425" s="15">
        <v>45691</v>
      </c>
      <c r="F5425" s="14" t="s">
        <v>53</v>
      </c>
      <c r="G5425" s="16">
        <v>0</v>
      </c>
    </row>
    <row r="5426" spans="1:7" x14ac:dyDescent="0.3">
      <c r="A5426" s="13" t="s">
        <v>50</v>
      </c>
      <c r="B5426" s="14" t="s">
        <v>1</v>
      </c>
      <c r="C5426" s="14" t="s">
        <v>51</v>
      </c>
      <c r="D5426" s="14" t="s">
        <v>52</v>
      </c>
      <c r="E5426" s="15">
        <v>45692</v>
      </c>
      <c r="F5426" s="14" t="s">
        <v>53</v>
      </c>
      <c r="G5426" s="16">
        <v>0</v>
      </c>
    </row>
    <row r="5427" spans="1:7" x14ac:dyDescent="0.3">
      <c r="A5427" s="13" t="s">
        <v>50</v>
      </c>
      <c r="B5427" s="14" t="s">
        <v>1</v>
      </c>
      <c r="C5427" s="14" t="s">
        <v>51</v>
      </c>
      <c r="D5427" s="14" t="s">
        <v>52</v>
      </c>
      <c r="E5427" s="15">
        <v>45693</v>
      </c>
      <c r="F5427" s="14" t="s">
        <v>53</v>
      </c>
      <c r="G5427" s="16">
        <v>0</v>
      </c>
    </row>
    <row r="5428" spans="1:7" x14ac:dyDescent="0.3">
      <c r="A5428" s="13" t="s">
        <v>50</v>
      </c>
      <c r="B5428" s="14" t="s">
        <v>1</v>
      </c>
      <c r="C5428" s="14" t="s">
        <v>51</v>
      </c>
      <c r="D5428" s="14" t="s">
        <v>52</v>
      </c>
      <c r="E5428" s="15">
        <v>45694</v>
      </c>
      <c r="F5428" s="14" t="s">
        <v>53</v>
      </c>
      <c r="G5428" s="16">
        <v>0</v>
      </c>
    </row>
    <row r="5429" spans="1:7" x14ac:dyDescent="0.3">
      <c r="A5429" s="13" t="s">
        <v>50</v>
      </c>
      <c r="B5429" s="14" t="s">
        <v>1</v>
      </c>
      <c r="C5429" s="14" t="s">
        <v>51</v>
      </c>
      <c r="D5429" s="14" t="s">
        <v>52</v>
      </c>
      <c r="E5429" s="15">
        <v>45695</v>
      </c>
      <c r="F5429" s="14" t="s">
        <v>53</v>
      </c>
      <c r="G5429" s="16">
        <v>0</v>
      </c>
    </row>
    <row r="5430" spans="1:7" x14ac:dyDescent="0.3">
      <c r="A5430" s="13" t="s">
        <v>50</v>
      </c>
      <c r="B5430" s="14" t="s">
        <v>1</v>
      </c>
      <c r="C5430" s="14" t="s">
        <v>51</v>
      </c>
      <c r="D5430" s="14" t="s">
        <v>52</v>
      </c>
      <c r="E5430" s="15">
        <v>45696</v>
      </c>
      <c r="F5430" s="14" t="s">
        <v>53</v>
      </c>
      <c r="G5430" s="16">
        <v>0</v>
      </c>
    </row>
    <row r="5431" spans="1:7" x14ac:dyDescent="0.3">
      <c r="A5431" s="13" t="s">
        <v>50</v>
      </c>
      <c r="B5431" s="14" t="s">
        <v>1</v>
      </c>
      <c r="C5431" s="14" t="s">
        <v>51</v>
      </c>
      <c r="D5431" s="14" t="s">
        <v>52</v>
      </c>
      <c r="E5431" s="15">
        <v>45697</v>
      </c>
      <c r="F5431" s="14" t="s">
        <v>53</v>
      </c>
      <c r="G5431" s="16">
        <v>0</v>
      </c>
    </row>
    <row r="5432" spans="1:7" x14ac:dyDescent="0.3">
      <c r="A5432" s="13" t="s">
        <v>50</v>
      </c>
      <c r="B5432" s="14" t="s">
        <v>1</v>
      </c>
      <c r="C5432" s="14" t="s">
        <v>51</v>
      </c>
      <c r="D5432" s="14" t="s">
        <v>52</v>
      </c>
      <c r="E5432" s="15">
        <v>45698</v>
      </c>
      <c r="F5432" s="14" t="s">
        <v>53</v>
      </c>
      <c r="G5432" s="16">
        <v>0</v>
      </c>
    </row>
    <row r="5433" spans="1:7" x14ac:dyDescent="0.3">
      <c r="A5433" s="13" t="s">
        <v>50</v>
      </c>
      <c r="B5433" s="14" t="s">
        <v>1</v>
      </c>
      <c r="C5433" s="14" t="s">
        <v>51</v>
      </c>
      <c r="D5433" s="14" t="s">
        <v>52</v>
      </c>
      <c r="E5433" s="15">
        <v>45699</v>
      </c>
      <c r="F5433" s="14" t="s">
        <v>53</v>
      </c>
      <c r="G5433" s="16">
        <v>0</v>
      </c>
    </row>
    <row r="5434" spans="1:7" x14ac:dyDescent="0.3">
      <c r="A5434" s="13" t="s">
        <v>50</v>
      </c>
      <c r="B5434" s="14" t="s">
        <v>1</v>
      </c>
      <c r="C5434" s="14" t="s">
        <v>51</v>
      </c>
      <c r="D5434" s="14" t="s">
        <v>52</v>
      </c>
      <c r="E5434" s="15">
        <v>45700</v>
      </c>
      <c r="F5434" s="14" t="s">
        <v>53</v>
      </c>
      <c r="G5434" s="16">
        <v>0</v>
      </c>
    </row>
    <row r="5435" spans="1:7" x14ac:dyDescent="0.3">
      <c r="A5435" s="13" t="s">
        <v>50</v>
      </c>
      <c r="B5435" s="14" t="s">
        <v>1</v>
      </c>
      <c r="C5435" s="14" t="s">
        <v>51</v>
      </c>
      <c r="D5435" s="14" t="s">
        <v>52</v>
      </c>
      <c r="E5435" s="15">
        <v>45701</v>
      </c>
      <c r="F5435" s="14" t="s">
        <v>53</v>
      </c>
      <c r="G5435" s="16">
        <v>0</v>
      </c>
    </row>
    <row r="5436" spans="1:7" x14ac:dyDescent="0.3">
      <c r="A5436" s="13" t="s">
        <v>50</v>
      </c>
      <c r="B5436" s="14" t="s">
        <v>1</v>
      </c>
      <c r="C5436" s="14" t="s">
        <v>51</v>
      </c>
      <c r="D5436" s="14" t="s">
        <v>52</v>
      </c>
      <c r="E5436" s="15">
        <v>45702</v>
      </c>
      <c r="F5436" s="14" t="s">
        <v>53</v>
      </c>
      <c r="G5436" s="16">
        <v>0</v>
      </c>
    </row>
    <row r="5437" spans="1:7" x14ac:dyDescent="0.3">
      <c r="A5437" s="13" t="s">
        <v>50</v>
      </c>
      <c r="B5437" s="14" t="s">
        <v>1</v>
      </c>
      <c r="C5437" s="14" t="s">
        <v>51</v>
      </c>
      <c r="D5437" s="14" t="s">
        <v>52</v>
      </c>
      <c r="E5437" s="15">
        <v>45703</v>
      </c>
      <c r="F5437" s="14" t="s">
        <v>53</v>
      </c>
      <c r="G5437" s="16">
        <v>0</v>
      </c>
    </row>
    <row r="5438" spans="1:7" x14ac:dyDescent="0.3">
      <c r="A5438" s="13" t="s">
        <v>50</v>
      </c>
      <c r="B5438" s="14" t="s">
        <v>1</v>
      </c>
      <c r="C5438" s="14" t="s">
        <v>51</v>
      </c>
      <c r="D5438" s="14" t="s">
        <v>52</v>
      </c>
      <c r="E5438" s="15">
        <v>45704</v>
      </c>
      <c r="F5438" s="14" t="s">
        <v>53</v>
      </c>
      <c r="G5438" s="16">
        <v>0</v>
      </c>
    </row>
    <row r="5439" spans="1:7" x14ac:dyDescent="0.3">
      <c r="A5439" s="13" t="s">
        <v>50</v>
      </c>
      <c r="B5439" s="14" t="s">
        <v>1</v>
      </c>
      <c r="C5439" s="14" t="s">
        <v>51</v>
      </c>
      <c r="D5439" s="14" t="s">
        <v>52</v>
      </c>
      <c r="E5439" s="15">
        <v>45705</v>
      </c>
      <c r="F5439" s="14" t="s">
        <v>53</v>
      </c>
      <c r="G5439" s="16">
        <v>0</v>
      </c>
    </row>
    <row r="5440" spans="1:7" x14ac:dyDescent="0.3">
      <c r="A5440" s="13" t="s">
        <v>50</v>
      </c>
      <c r="B5440" s="14" t="s">
        <v>1</v>
      </c>
      <c r="C5440" s="14" t="s">
        <v>51</v>
      </c>
      <c r="D5440" s="14" t="s">
        <v>52</v>
      </c>
      <c r="E5440" s="15">
        <v>45706</v>
      </c>
      <c r="F5440" s="14" t="s">
        <v>53</v>
      </c>
      <c r="G5440" s="16">
        <v>0</v>
      </c>
    </row>
    <row r="5441" spans="1:7" x14ac:dyDescent="0.3">
      <c r="A5441" s="13" t="s">
        <v>50</v>
      </c>
      <c r="B5441" s="14" t="s">
        <v>1</v>
      </c>
      <c r="C5441" s="14" t="s">
        <v>51</v>
      </c>
      <c r="D5441" s="14" t="s">
        <v>52</v>
      </c>
      <c r="E5441" s="15">
        <v>45707</v>
      </c>
      <c r="F5441" s="14" t="s">
        <v>53</v>
      </c>
      <c r="G5441" s="16">
        <v>0</v>
      </c>
    </row>
    <row r="5442" spans="1:7" x14ac:dyDescent="0.3">
      <c r="A5442" s="13" t="s">
        <v>50</v>
      </c>
      <c r="B5442" s="14" t="s">
        <v>1</v>
      </c>
      <c r="C5442" s="14" t="s">
        <v>51</v>
      </c>
      <c r="D5442" s="14" t="s">
        <v>52</v>
      </c>
      <c r="E5442" s="15">
        <v>45708</v>
      </c>
      <c r="F5442" s="14" t="s">
        <v>53</v>
      </c>
      <c r="G5442" s="16">
        <v>0</v>
      </c>
    </row>
    <row r="5443" spans="1:7" x14ac:dyDescent="0.3">
      <c r="A5443" s="13" t="s">
        <v>50</v>
      </c>
      <c r="B5443" s="14" t="s">
        <v>1</v>
      </c>
      <c r="C5443" s="14" t="s">
        <v>51</v>
      </c>
      <c r="D5443" s="14" t="s">
        <v>52</v>
      </c>
      <c r="E5443" s="15">
        <v>45709</v>
      </c>
      <c r="F5443" s="14" t="s">
        <v>53</v>
      </c>
      <c r="G5443" s="16">
        <v>0</v>
      </c>
    </row>
    <row r="5444" spans="1:7" x14ac:dyDescent="0.3">
      <c r="A5444" s="13" t="s">
        <v>50</v>
      </c>
      <c r="B5444" s="14" t="s">
        <v>1</v>
      </c>
      <c r="C5444" s="14" t="s">
        <v>51</v>
      </c>
      <c r="D5444" s="14" t="s">
        <v>52</v>
      </c>
      <c r="E5444" s="15">
        <v>45710</v>
      </c>
      <c r="F5444" s="14" t="s">
        <v>53</v>
      </c>
      <c r="G5444" s="16">
        <v>0</v>
      </c>
    </row>
    <row r="5445" spans="1:7" x14ac:dyDescent="0.3">
      <c r="A5445" s="13" t="s">
        <v>50</v>
      </c>
      <c r="B5445" s="14" t="s">
        <v>1</v>
      </c>
      <c r="C5445" s="14" t="s">
        <v>51</v>
      </c>
      <c r="D5445" s="14" t="s">
        <v>52</v>
      </c>
      <c r="E5445" s="15">
        <v>45711</v>
      </c>
      <c r="F5445" s="14" t="s">
        <v>53</v>
      </c>
      <c r="G5445" s="16">
        <v>0</v>
      </c>
    </row>
    <row r="5446" spans="1:7" x14ac:dyDescent="0.3">
      <c r="A5446" s="13" t="s">
        <v>50</v>
      </c>
      <c r="B5446" s="14" t="s">
        <v>1</v>
      </c>
      <c r="C5446" s="14" t="s">
        <v>51</v>
      </c>
      <c r="D5446" s="14" t="s">
        <v>52</v>
      </c>
      <c r="E5446" s="15">
        <v>45712</v>
      </c>
      <c r="F5446" s="14" t="s">
        <v>53</v>
      </c>
      <c r="G5446" s="16">
        <v>0</v>
      </c>
    </row>
    <row r="5447" spans="1:7" x14ac:dyDescent="0.3">
      <c r="A5447" s="13" t="s">
        <v>50</v>
      </c>
      <c r="B5447" s="14" t="s">
        <v>1</v>
      </c>
      <c r="C5447" s="14" t="s">
        <v>51</v>
      </c>
      <c r="D5447" s="14" t="s">
        <v>52</v>
      </c>
      <c r="E5447" s="15">
        <v>45713</v>
      </c>
      <c r="F5447" s="14" t="s">
        <v>53</v>
      </c>
      <c r="G5447" s="16">
        <v>0</v>
      </c>
    </row>
    <row r="5448" spans="1:7" x14ac:dyDescent="0.3">
      <c r="A5448" s="13" t="s">
        <v>50</v>
      </c>
      <c r="B5448" s="14" t="s">
        <v>1</v>
      </c>
      <c r="C5448" s="14" t="s">
        <v>51</v>
      </c>
      <c r="D5448" s="14" t="s">
        <v>52</v>
      </c>
      <c r="E5448" s="15">
        <v>45714</v>
      </c>
      <c r="F5448" s="14" t="s">
        <v>53</v>
      </c>
      <c r="G5448" s="16">
        <v>0</v>
      </c>
    </row>
    <row r="5449" spans="1:7" x14ac:dyDescent="0.3">
      <c r="A5449" s="13" t="s">
        <v>50</v>
      </c>
      <c r="B5449" s="14" t="s">
        <v>1</v>
      </c>
      <c r="C5449" s="14" t="s">
        <v>51</v>
      </c>
      <c r="D5449" s="14" t="s">
        <v>52</v>
      </c>
      <c r="E5449" s="15">
        <v>45715</v>
      </c>
      <c r="F5449" s="14" t="s">
        <v>53</v>
      </c>
      <c r="G5449" s="16">
        <v>0</v>
      </c>
    </row>
    <row r="5450" spans="1:7" x14ac:dyDescent="0.3">
      <c r="A5450" s="13" t="s">
        <v>50</v>
      </c>
      <c r="B5450" s="14" t="s">
        <v>1</v>
      </c>
      <c r="C5450" s="14" t="s">
        <v>51</v>
      </c>
      <c r="D5450" s="14" t="s">
        <v>52</v>
      </c>
      <c r="E5450" s="15">
        <v>45716</v>
      </c>
      <c r="F5450" s="14" t="s">
        <v>53</v>
      </c>
      <c r="G5450" s="16">
        <v>0</v>
      </c>
    </row>
    <row r="5451" spans="1:7" x14ac:dyDescent="0.3">
      <c r="A5451" s="13" t="s">
        <v>50</v>
      </c>
      <c r="B5451" s="14" t="s">
        <v>1</v>
      </c>
      <c r="C5451" s="14" t="s">
        <v>51</v>
      </c>
      <c r="D5451" s="14" t="s">
        <v>52</v>
      </c>
      <c r="E5451" s="15">
        <v>45717</v>
      </c>
      <c r="F5451" s="14" t="s">
        <v>53</v>
      </c>
      <c r="G5451" s="16">
        <v>0</v>
      </c>
    </row>
    <row r="5452" spans="1:7" x14ac:dyDescent="0.3">
      <c r="A5452" s="13" t="s">
        <v>50</v>
      </c>
      <c r="B5452" s="14" t="s">
        <v>1</v>
      </c>
      <c r="C5452" s="14" t="s">
        <v>51</v>
      </c>
      <c r="D5452" s="14" t="s">
        <v>52</v>
      </c>
      <c r="E5452" s="15">
        <v>45718</v>
      </c>
      <c r="F5452" s="14" t="s">
        <v>53</v>
      </c>
      <c r="G5452" s="16">
        <v>0</v>
      </c>
    </row>
    <row r="5453" spans="1:7" x14ac:dyDescent="0.3">
      <c r="A5453" s="13" t="s">
        <v>50</v>
      </c>
      <c r="B5453" s="14" t="s">
        <v>1</v>
      </c>
      <c r="C5453" s="14" t="s">
        <v>51</v>
      </c>
      <c r="D5453" s="14" t="s">
        <v>52</v>
      </c>
      <c r="E5453" s="15">
        <v>45719</v>
      </c>
      <c r="F5453" s="14" t="s">
        <v>53</v>
      </c>
      <c r="G5453" s="16">
        <v>0</v>
      </c>
    </row>
    <row r="5454" spans="1:7" x14ac:dyDescent="0.3">
      <c r="A5454" s="13" t="s">
        <v>50</v>
      </c>
      <c r="B5454" s="14" t="s">
        <v>1</v>
      </c>
      <c r="C5454" s="14" t="s">
        <v>51</v>
      </c>
      <c r="D5454" s="14" t="s">
        <v>52</v>
      </c>
      <c r="E5454" s="15">
        <v>45720</v>
      </c>
      <c r="F5454" s="14" t="s">
        <v>53</v>
      </c>
      <c r="G5454" s="16">
        <v>0</v>
      </c>
    </row>
    <row r="5455" spans="1:7" x14ac:dyDescent="0.3">
      <c r="A5455" s="13" t="s">
        <v>50</v>
      </c>
      <c r="B5455" s="14" t="s">
        <v>1</v>
      </c>
      <c r="C5455" s="14" t="s">
        <v>51</v>
      </c>
      <c r="D5455" s="14" t="s">
        <v>52</v>
      </c>
      <c r="E5455" s="15">
        <v>45721</v>
      </c>
      <c r="F5455" s="14" t="s">
        <v>53</v>
      </c>
      <c r="G5455" s="16">
        <v>0</v>
      </c>
    </row>
    <row r="5456" spans="1:7" x14ac:dyDescent="0.3">
      <c r="A5456" s="13" t="s">
        <v>50</v>
      </c>
      <c r="B5456" s="14" t="s">
        <v>1</v>
      </c>
      <c r="C5456" s="14" t="s">
        <v>51</v>
      </c>
      <c r="D5456" s="14" t="s">
        <v>52</v>
      </c>
      <c r="E5456" s="15">
        <v>45722</v>
      </c>
      <c r="F5456" s="14" t="s">
        <v>53</v>
      </c>
      <c r="G5456" s="16">
        <v>0</v>
      </c>
    </row>
    <row r="5457" spans="1:7" x14ac:dyDescent="0.3">
      <c r="A5457" s="13" t="s">
        <v>50</v>
      </c>
      <c r="B5457" s="14" t="s">
        <v>1</v>
      </c>
      <c r="C5457" s="14" t="s">
        <v>51</v>
      </c>
      <c r="D5457" s="14" t="s">
        <v>52</v>
      </c>
      <c r="E5457" s="15">
        <v>45723</v>
      </c>
      <c r="F5457" s="14" t="s">
        <v>53</v>
      </c>
      <c r="G5457" s="16">
        <v>0</v>
      </c>
    </row>
    <row r="5458" spans="1:7" x14ac:dyDescent="0.3">
      <c r="A5458" s="13" t="s">
        <v>50</v>
      </c>
      <c r="B5458" s="14" t="s">
        <v>1</v>
      </c>
      <c r="C5458" s="14" t="s">
        <v>51</v>
      </c>
      <c r="D5458" s="14" t="s">
        <v>52</v>
      </c>
      <c r="E5458" s="15">
        <v>45724</v>
      </c>
      <c r="F5458" s="14" t="s">
        <v>53</v>
      </c>
      <c r="G5458" s="16">
        <v>0</v>
      </c>
    </row>
    <row r="5459" spans="1:7" x14ac:dyDescent="0.3">
      <c r="A5459" s="13" t="s">
        <v>50</v>
      </c>
      <c r="B5459" s="14" t="s">
        <v>1</v>
      </c>
      <c r="C5459" s="14" t="s">
        <v>51</v>
      </c>
      <c r="D5459" s="14" t="s">
        <v>52</v>
      </c>
      <c r="E5459" s="15">
        <v>45725</v>
      </c>
      <c r="F5459" s="14" t="s">
        <v>53</v>
      </c>
      <c r="G5459" s="16">
        <v>0</v>
      </c>
    </row>
    <row r="5460" spans="1:7" x14ac:dyDescent="0.3">
      <c r="A5460" s="13" t="s">
        <v>50</v>
      </c>
      <c r="B5460" s="14" t="s">
        <v>1</v>
      </c>
      <c r="C5460" s="14" t="s">
        <v>51</v>
      </c>
      <c r="D5460" s="14" t="s">
        <v>52</v>
      </c>
      <c r="E5460" s="15">
        <v>45726</v>
      </c>
      <c r="F5460" s="14" t="s">
        <v>53</v>
      </c>
      <c r="G5460" s="16">
        <v>0</v>
      </c>
    </row>
    <row r="5461" spans="1:7" x14ac:dyDescent="0.3">
      <c r="A5461" s="13" t="s">
        <v>50</v>
      </c>
      <c r="B5461" s="14" t="s">
        <v>1</v>
      </c>
      <c r="C5461" s="14" t="s">
        <v>51</v>
      </c>
      <c r="D5461" s="14" t="s">
        <v>52</v>
      </c>
      <c r="E5461" s="15">
        <v>45727</v>
      </c>
      <c r="F5461" s="14" t="s">
        <v>53</v>
      </c>
      <c r="G5461" s="16">
        <v>0</v>
      </c>
    </row>
    <row r="5462" spans="1:7" x14ac:dyDescent="0.3">
      <c r="A5462" s="13" t="s">
        <v>50</v>
      </c>
      <c r="B5462" s="14" t="s">
        <v>1</v>
      </c>
      <c r="C5462" s="14" t="s">
        <v>51</v>
      </c>
      <c r="D5462" s="14" t="s">
        <v>52</v>
      </c>
      <c r="E5462" s="15">
        <v>45728</v>
      </c>
      <c r="F5462" s="14" t="s">
        <v>53</v>
      </c>
      <c r="G5462" s="16">
        <v>0</v>
      </c>
    </row>
    <row r="5463" spans="1:7" x14ac:dyDescent="0.3">
      <c r="A5463" s="13" t="s">
        <v>50</v>
      </c>
      <c r="B5463" s="14" t="s">
        <v>1</v>
      </c>
      <c r="C5463" s="14" t="s">
        <v>51</v>
      </c>
      <c r="D5463" s="14" t="s">
        <v>52</v>
      </c>
      <c r="E5463" s="15">
        <v>45729</v>
      </c>
      <c r="F5463" s="14" t="s">
        <v>53</v>
      </c>
      <c r="G5463" s="16">
        <v>0</v>
      </c>
    </row>
    <row r="5464" spans="1:7" x14ac:dyDescent="0.3">
      <c r="A5464" s="13" t="s">
        <v>50</v>
      </c>
      <c r="B5464" s="14" t="s">
        <v>1</v>
      </c>
      <c r="C5464" s="14" t="s">
        <v>51</v>
      </c>
      <c r="D5464" s="14" t="s">
        <v>52</v>
      </c>
      <c r="E5464" s="15">
        <v>45730</v>
      </c>
      <c r="F5464" s="14" t="s">
        <v>53</v>
      </c>
      <c r="G5464" s="16">
        <v>0</v>
      </c>
    </row>
    <row r="5465" spans="1:7" x14ac:dyDescent="0.3">
      <c r="A5465" s="13" t="s">
        <v>50</v>
      </c>
      <c r="B5465" s="14" t="s">
        <v>1</v>
      </c>
      <c r="C5465" s="14" t="s">
        <v>51</v>
      </c>
      <c r="D5465" s="14" t="s">
        <v>52</v>
      </c>
      <c r="E5465" s="15">
        <v>45731</v>
      </c>
      <c r="F5465" s="14" t="s">
        <v>53</v>
      </c>
      <c r="G5465" s="16">
        <v>0</v>
      </c>
    </row>
    <row r="5466" spans="1:7" x14ac:dyDescent="0.3">
      <c r="A5466" s="13" t="s">
        <v>50</v>
      </c>
      <c r="B5466" s="14" t="s">
        <v>1</v>
      </c>
      <c r="C5466" s="14" t="s">
        <v>51</v>
      </c>
      <c r="D5466" s="14" t="s">
        <v>52</v>
      </c>
      <c r="E5466" s="15">
        <v>45732</v>
      </c>
      <c r="F5466" s="14" t="s">
        <v>53</v>
      </c>
      <c r="G5466" s="16">
        <v>0</v>
      </c>
    </row>
    <row r="5467" spans="1:7" x14ac:dyDescent="0.3">
      <c r="A5467" s="13" t="s">
        <v>50</v>
      </c>
      <c r="B5467" s="14" t="s">
        <v>1</v>
      </c>
      <c r="C5467" s="14" t="s">
        <v>51</v>
      </c>
      <c r="D5467" s="14" t="s">
        <v>52</v>
      </c>
      <c r="E5467" s="15">
        <v>45733</v>
      </c>
      <c r="F5467" s="14" t="s">
        <v>53</v>
      </c>
      <c r="G5467" s="16">
        <v>0</v>
      </c>
    </row>
    <row r="5468" spans="1:7" x14ac:dyDescent="0.3">
      <c r="A5468" s="13" t="s">
        <v>50</v>
      </c>
      <c r="B5468" s="14" t="s">
        <v>1</v>
      </c>
      <c r="C5468" s="14" t="s">
        <v>51</v>
      </c>
      <c r="D5468" s="14" t="s">
        <v>52</v>
      </c>
      <c r="E5468" s="15">
        <v>45734</v>
      </c>
      <c r="F5468" s="14" t="s">
        <v>53</v>
      </c>
      <c r="G5468" s="16">
        <v>0</v>
      </c>
    </row>
    <row r="5469" spans="1:7" x14ac:dyDescent="0.3">
      <c r="A5469" s="13" t="s">
        <v>50</v>
      </c>
      <c r="B5469" s="14" t="s">
        <v>1</v>
      </c>
      <c r="C5469" s="14" t="s">
        <v>51</v>
      </c>
      <c r="D5469" s="14" t="s">
        <v>52</v>
      </c>
      <c r="E5469" s="15">
        <v>45735</v>
      </c>
      <c r="F5469" s="14" t="s">
        <v>53</v>
      </c>
      <c r="G5469" s="16">
        <v>0</v>
      </c>
    </row>
    <row r="5470" spans="1:7" x14ac:dyDescent="0.3">
      <c r="A5470" s="13" t="s">
        <v>50</v>
      </c>
      <c r="B5470" s="14" t="s">
        <v>1</v>
      </c>
      <c r="C5470" s="14" t="s">
        <v>51</v>
      </c>
      <c r="D5470" s="14" t="s">
        <v>52</v>
      </c>
      <c r="E5470" s="15">
        <v>45736</v>
      </c>
      <c r="F5470" s="14" t="s">
        <v>53</v>
      </c>
      <c r="G5470" s="16">
        <v>0</v>
      </c>
    </row>
    <row r="5471" spans="1:7" x14ac:dyDescent="0.3">
      <c r="A5471" s="13" t="s">
        <v>50</v>
      </c>
      <c r="B5471" s="14" t="s">
        <v>1</v>
      </c>
      <c r="C5471" s="14" t="s">
        <v>51</v>
      </c>
      <c r="D5471" s="14" t="s">
        <v>52</v>
      </c>
      <c r="E5471" s="15">
        <v>45737</v>
      </c>
      <c r="F5471" s="14" t="s">
        <v>53</v>
      </c>
      <c r="G5471" s="16">
        <v>0</v>
      </c>
    </row>
    <row r="5472" spans="1:7" x14ac:dyDescent="0.3">
      <c r="A5472" s="13" t="s">
        <v>50</v>
      </c>
      <c r="B5472" s="14" t="s">
        <v>1</v>
      </c>
      <c r="C5472" s="14" t="s">
        <v>51</v>
      </c>
      <c r="D5472" s="14" t="s">
        <v>52</v>
      </c>
      <c r="E5472" s="15">
        <v>45738</v>
      </c>
      <c r="F5472" s="14" t="s">
        <v>53</v>
      </c>
      <c r="G5472" s="16">
        <v>0</v>
      </c>
    </row>
    <row r="5473" spans="1:7" x14ac:dyDescent="0.3">
      <c r="A5473" s="13" t="s">
        <v>50</v>
      </c>
      <c r="B5473" s="14" t="s">
        <v>1</v>
      </c>
      <c r="C5473" s="14" t="s">
        <v>51</v>
      </c>
      <c r="D5473" s="14" t="s">
        <v>52</v>
      </c>
      <c r="E5473" s="15">
        <v>45739</v>
      </c>
      <c r="F5473" s="14" t="s">
        <v>53</v>
      </c>
      <c r="G5473" s="16">
        <v>0</v>
      </c>
    </row>
    <row r="5474" spans="1:7" x14ac:dyDescent="0.3">
      <c r="A5474" s="13" t="s">
        <v>50</v>
      </c>
      <c r="B5474" s="14" t="s">
        <v>1</v>
      </c>
      <c r="C5474" s="14" t="s">
        <v>51</v>
      </c>
      <c r="D5474" s="14" t="s">
        <v>52</v>
      </c>
      <c r="E5474" s="15">
        <v>45740</v>
      </c>
      <c r="F5474" s="14" t="s">
        <v>53</v>
      </c>
      <c r="G5474" s="16">
        <v>0</v>
      </c>
    </row>
    <row r="5475" spans="1:7" x14ac:dyDescent="0.3">
      <c r="A5475" s="13" t="s">
        <v>50</v>
      </c>
      <c r="B5475" s="14" t="s">
        <v>1</v>
      </c>
      <c r="C5475" s="14" t="s">
        <v>51</v>
      </c>
      <c r="D5475" s="14" t="s">
        <v>52</v>
      </c>
      <c r="E5475" s="15">
        <v>45741</v>
      </c>
      <c r="F5475" s="14" t="s">
        <v>53</v>
      </c>
      <c r="G5475" s="16">
        <v>0</v>
      </c>
    </row>
    <row r="5476" spans="1:7" x14ac:dyDescent="0.3">
      <c r="A5476" s="13" t="s">
        <v>50</v>
      </c>
      <c r="B5476" s="14" t="s">
        <v>1</v>
      </c>
      <c r="C5476" s="14" t="s">
        <v>51</v>
      </c>
      <c r="D5476" s="14" t="s">
        <v>52</v>
      </c>
      <c r="E5476" s="15">
        <v>45742</v>
      </c>
      <c r="F5476" s="14" t="s">
        <v>53</v>
      </c>
      <c r="G5476" s="16">
        <v>0</v>
      </c>
    </row>
    <row r="5477" spans="1:7" x14ac:dyDescent="0.3">
      <c r="A5477" s="13" t="s">
        <v>50</v>
      </c>
      <c r="B5477" s="14" t="s">
        <v>1</v>
      </c>
      <c r="C5477" s="14" t="s">
        <v>51</v>
      </c>
      <c r="D5477" s="14" t="s">
        <v>52</v>
      </c>
      <c r="E5477" s="15">
        <v>45743</v>
      </c>
      <c r="F5477" s="14" t="s">
        <v>53</v>
      </c>
      <c r="G5477" s="16">
        <v>0</v>
      </c>
    </row>
    <row r="5478" spans="1:7" x14ac:dyDescent="0.3">
      <c r="A5478" s="13" t="s">
        <v>50</v>
      </c>
      <c r="B5478" s="14" t="s">
        <v>1</v>
      </c>
      <c r="C5478" s="14" t="s">
        <v>51</v>
      </c>
      <c r="D5478" s="14" t="s">
        <v>52</v>
      </c>
      <c r="E5478" s="15">
        <v>45744</v>
      </c>
      <c r="F5478" s="14" t="s">
        <v>53</v>
      </c>
      <c r="G5478" s="16">
        <v>0</v>
      </c>
    </row>
    <row r="5479" spans="1:7" x14ac:dyDescent="0.3">
      <c r="A5479" s="13" t="s">
        <v>50</v>
      </c>
      <c r="B5479" s="14" t="s">
        <v>1</v>
      </c>
      <c r="C5479" s="14" t="s">
        <v>51</v>
      </c>
      <c r="D5479" s="14" t="s">
        <v>52</v>
      </c>
      <c r="E5479" s="15">
        <v>45745</v>
      </c>
      <c r="F5479" s="14" t="s">
        <v>53</v>
      </c>
      <c r="G5479" s="16">
        <v>0</v>
      </c>
    </row>
    <row r="5480" spans="1:7" x14ac:dyDescent="0.3">
      <c r="A5480" s="13" t="s">
        <v>50</v>
      </c>
      <c r="B5480" s="14" t="s">
        <v>1</v>
      </c>
      <c r="C5480" s="14" t="s">
        <v>51</v>
      </c>
      <c r="D5480" s="14" t="s">
        <v>52</v>
      </c>
      <c r="E5480" s="15">
        <v>45746</v>
      </c>
      <c r="F5480" s="14" t="s">
        <v>53</v>
      </c>
      <c r="G5480" s="16">
        <v>0</v>
      </c>
    </row>
    <row r="5481" spans="1:7" x14ac:dyDescent="0.3">
      <c r="A5481" s="13" t="s">
        <v>50</v>
      </c>
      <c r="B5481" s="14" t="s">
        <v>1</v>
      </c>
      <c r="C5481" s="14" t="s">
        <v>51</v>
      </c>
      <c r="D5481" s="14" t="s">
        <v>52</v>
      </c>
      <c r="E5481" s="15">
        <v>45747</v>
      </c>
      <c r="F5481" s="14" t="s">
        <v>53</v>
      </c>
      <c r="G5481" s="16">
        <v>0</v>
      </c>
    </row>
    <row r="5482" spans="1:7" x14ac:dyDescent="0.3">
      <c r="A5482" s="13" t="s">
        <v>54</v>
      </c>
      <c r="B5482" s="14" t="s">
        <v>1</v>
      </c>
      <c r="C5482" s="14" t="s">
        <v>23</v>
      </c>
      <c r="D5482" s="14" t="s">
        <v>55</v>
      </c>
      <c r="E5482" s="15">
        <v>45383</v>
      </c>
      <c r="F5482" s="14" t="s">
        <v>15</v>
      </c>
      <c r="G5482" s="16">
        <v>0</v>
      </c>
    </row>
    <row r="5483" spans="1:7" x14ac:dyDescent="0.3">
      <c r="A5483" s="13" t="s">
        <v>54</v>
      </c>
      <c r="B5483" s="14" t="s">
        <v>1</v>
      </c>
      <c r="C5483" s="14" t="s">
        <v>23</v>
      </c>
      <c r="D5483" s="14" t="s">
        <v>55</v>
      </c>
      <c r="E5483" s="15">
        <v>45384</v>
      </c>
      <c r="F5483" s="14" t="s">
        <v>15</v>
      </c>
      <c r="G5483" s="16">
        <v>0</v>
      </c>
    </row>
    <row r="5484" spans="1:7" x14ac:dyDescent="0.3">
      <c r="A5484" s="13" t="s">
        <v>54</v>
      </c>
      <c r="B5484" s="14" t="s">
        <v>1</v>
      </c>
      <c r="C5484" s="14" t="s">
        <v>23</v>
      </c>
      <c r="D5484" s="14" t="s">
        <v>55</v>
      </c>
      <c r="E5484" s="15">
        <v>45385</v>
      </c>
      <c r="F5484" s="14" t="s">
        <v>15</v>
      </c>
      <c r="G5484" s="16">
        <v>7.207420583540744E-2</v>
      </c>
    </row>
    <row r="5485" spans="1:7" x14ac:dyDescent="0.3">
      <c r="A5485" s="13" t="s">
        <v>54</v>
      </c>
      <c r="B5485" s="14" t="s">
        <v>1</v>
      </c>
      <c r="C5485" s="14" t="s">
        <v>23</v>
      </c>
      <c r="D5485" s="14" t="s">
        <v>55</v>
      </c>
      <c r="E5485" s="15">
        <v>45386</v>
      </c>
      <c r="F5485" s="14" t="s">
        <v>15</v>
      </c>
      <c r="G5485" s="16">
        <v>9.1148411670814888E-2</v>
      </c>
    </row>
    <row r="5486" spans="1:7" x14ac:dyDescent="0.3">
      <c r="A5486" s="13" t="s">
        <v>54</v>
      </c>
      <c r="B5486" s="14" t="s">
        <v>1</v>
      </c>
      <c r="C5486" s="14" t="s">
        <v>23</v>
      </c>
      <c r="D5486" s="14" t="s">
        <v>55</v>
      </c>
      <c r="E5486" s="15">
        <v>45387</v>
      </c>
      <c r="F5486" s="14" t="s">
        <v>15</v>
      </c>
      <c r="G5486" s="16">
        <v>0.12022261750622235</v>
      </c>
    </row>
    <row r="5487" spans="1:7" x14ac:dyDescent="0.3">
      <c r="A5487" s="13" t="s">
        <v>54</v>
      </c>
      <c r="B5487" s="14" t="s">
        <v>1</v>
      </c>
      <c r="C5487" s="14" t="s">
        <v>23</v>
      </c>
      <c r="D5487" s="14" t="s">
        <v>55</v>
      </c>
      <c r="E5487" s="15">
        <v>45388</v>
      </c>
      <c r="F5487" s="14" t="s">
        <v>15</v>
      </c>
      <c r="G5487" s="16">
        <v>0.12022261750622235</v>
      </c>
    </row>
    <row r="5488" spans="1:7" x14ac:dyDescent="0.3">
      <c r="A5488" s="13" t="s">
        <v>54</v>
      </c>
      <c r="B5488" s="14" t="s">
        <v>1</v>
      </c>
      <c r="C5488" s="14" t="s">
        <v>23</v>
      </c>
      <c r="D5488" s="14" t="s">
        <v>55</v>
      </c>
      <c r="E5488" s="15">
        <v>45389</v>
      </c>
      <c r="F5488" s="14" t="s">
        <v>15</v>
      </c>
      <c r="G5488" s="16">
        <v>0.12022261750622235</v>
      </c>
    </row>
    <row r="5489" spans="1:7" x14ac:dyDescent="0.3">
      <c r="A5489" s="13" t="s">
        <v>54</v>
      </c>
      <c r="B5489" s="14" t="s">
        <v>1</v>
      </c>
      <c r="C5489" s="14" t="s">
        <v>23</v>
      </c>
      <c r="D5489" s="14" t="s">
        <v>55</v>
      </c>
      <c r="E5489" s="15">
        <v>45390</v>
      </c>
      <c r="F5489" s="14" t="s">
        <v>15</v>
      </c>
      <c r="G5489" s="16">
        <v>0.13629682334162979</v>
      </c>
    </row>
    <row r="5490" spans="1:7" x14ac:dyDescent="0.3">
      <c r="A5490" s="13" t="s">
        <v>54</v>
      </c>
      <c r="B5490" s="14" t="s">
        <v>1</v>
      </c>
      <c r="C5490" s="14" t="s">
        <v>23</v>
      </c>
      <c r="D5490" s="14" t="s">
        <v>55</v>
      </c>
      <c r="E5490" s="15">
        <v>45391</v>
      </c>
      <c r="F5490" s="14" t="s">
        <v>15</v>
      </c>
      <c r="G5490" s="16">
        <v>0.18537102917703724</v>
      </c>
    </row>
    <row r="5491" spans="1:7" x14ac:dyDescent="0.3">
      <c r="A5491" s="13" t="s">
        <v>54</v>
      </c>
      <c r="B5491" s="14" t="s">
        <v>1</v>
      </c>
      <c r="C5491" s="14" t="s">
        <v>23</v>
      </c>
      <c r="D5491" s="14" t="s">
        <v>55</v>
      </c>
      <c r="E5491" s="15">
        <v>45392</v>
      </c>
      <c r="F5491" s="14" t="s">
        <v>15</v>
      </c>
      <c r="G5491" s="16">
        <v>0.20544523501244466</v>
      </c>
    </row>
    <row r="5492" spans="1:7" x14ac:dyDescent="0.3">
      <c r="A5492" s="13" t="s">
        <v>54</v>
      </c>
      <c r="B5492" s="14" t="s">
        <v>1</v>
      </c>
      <c r="C5492" s="14" t="s">
        <v>23</v>
      </c>
      <c r="D5492" s="14" t="s">
        <v>55</v>
      </c>
      <c r="E5492" s="15">
        <v>45393</v>
      </c>
      <c r="F5492" s="14" t="s">
        <v>15</v>
      </c>
      <c r="G5492" s="16">
        <v>0.22351944084785211</v>
      </c>
    </row>
    <row r="5493" spans="1:7" x14ac:dyDescent="0.3">
      <c r="A5493" s="13" t="s">
        <v>54</v>
      </c>
      <c r="B5493" s="14" t="s">
        <v>1</v>
      </c>
      <c r="C5493" s="14" t="s">
        <v>23</v>
      </c>
      <c r="D5493" s="14" t="s">
        <v>55</v>
      </c>
      <c r="E5493" s="15">
        <v>45394</v>
      </c>
      <c r="F5493" s="14" t="s">
        <v>15</v>
      </c>
      <c r="G5493" s="16">
        <v>0.24059364668325958</v>
      </c>
    </row>
    <row r="5494" spans="1:7" x14ac:dyDescent="0.3">
      <c r="A5494" s="13" t="s">
        <v>54</v>
      </c>
      <c r="B5494" s="14" t="s">
        <v>1</v>
      </c>
      <c r="C5494" s="14" t="s">
        <v>23</v>
      </c>
      <c r="D5494" s="14" t="s">
        <v>55</v>
      </c>
      <c r="E5494" s="15">
        <v>45395</v>
      </c>
      <c r="F5494" s="14" t="s">
        <v>15</v>
      </c>
      <c r="G5494" s="16">
        <v>0.24059364668325958</v>
      </c>
    </row>
    <row r="5495" spans="1:7" x14ac:dyDescent="0.3">
      <c r="A5495" s="13" t="s">
        <v>54</v>
      </c>
      <c r="B5495" s="14" t="s">
        <v>1</v>
      </c>
      <c r="C5495" s="14" t="s">
        <v>23</v>
      </c>
      <c r="D5495" s="14" t="s">
        <v>55</v>
      </c>
      <c r="E5495" s="15">
        <v>45396</v>
      </c>
      <c r="F5495" s="14" t="s">
        <v>15</v>
      </c>
      <c r="G5495" s="16">
        <v>0.24059364668325958</v>
      </c>
    </row>
    <row r="5496" spans="1:7" x14ac:dyDescent="0.3">
      <c r="A5496" s="13" t="s">
        <v>54</v>
      </c>
      <c r="B5496" s="14" t="s">
        <v>1</v>
      </c>
      <c r="C5496" s="14" t="s">
        <v>23</v>
      </c>
      <c r="D5496" s="14" t="s">
        <v>55</v>
      </c>
      <c r="E5496" s="15">
        <v>45397</v>
      </c>
      <c r="F5496" s="14" t="s">
        <v>15</v>
      </c>
      <c r="G5496" s="16">
        <v>0.25866785251866703</v>
      </c>
    </row>
    <row r="5497" spans="1:7" x14ac:dyDescent="0.3">
      <c r="A5497" s="13" t="s">
        <v>54</v>
      </c>
      <c r="B5497" s="14" t="s">
        <v>1</v>
      </c>
      <c r="C5497" s="14" t="s">
        <v>23</v>
      </c>
      <c r="D5497" s="14" t="s">
        <v>55</v>
      </c>
      <c r="E5497" s="15">
        <v>45398</v>
      </c>
      <c r="F5497" s="14" t="s">
        <v>15</v>
      </c>
      <c r="G5497" s="16">
        <v>0.30674205835407448</v>
      </c>
    </row>
    <row r="5498" spans="1:7" x14ac:dyDescent="0.3">
      <c r="A5498" s="13" t="s">
        <v>54</v>
      </c>
      <c r="B5498" s="14" t="s">
        <v>1</v>
      </c>
      <c r="C5498" s="14" t="s">
        <v>23</v>
      </c>
      <c r="D5498" s="14" t="s">
        <v>55</v>
      </c>
      <c r="E5498" s="15">
        <v>45399</v>
      </c>
      <c r="F5498" s="14" t="s">
        <v>15</v>
      </c>
      <c r="G5498" s="16">
        <v>0.32381626418948195</v>
      </c>
    </row>
    <row r="5499" spans="1:7" x14ac:dyDescent="0.3">
      <c r="A5499" s="13" t="s">
        <v>54</v>
      </c>
      <c r="B5499" s="14" t="s">
        <v>1</v>
      </c>
      <c r="C5499" s="14" t="s">
        <v>23</v>
      </c>
      <c r="D5499" s="14" t="s">
        <v>55</v>
      </c>
      <c r="E5499" s="15">
        <v>45400</v>
      </c>
      <c r="F5499" s="14" t="s">
        <v>15</v>
      </c>
      <c r="G5499" s="16">
        <v>0.34089047002488942</v>
      </c>
    </row>
    <row r="5500" spans="1:7" x14ac:dyDescent="0.3">
      <c r="A5500" s="13" t="s">
        <v>54</v>
      </c>
      <c r="B5500" s="14" t="s">
        <v>1</v>
      </c>
      <c r="C5500" s="14" t="s">
        <v>23</v>
      </c>
      <c r="D5500" s="14" t="s">
        <v>55</v>
      </c>
      <c r="E5500" s="15">
        <v>45401</v>
      </c>
      <c r="F5500" s="14" t="s">
        <v>15</v>
      </c>
      <c r="G5500" s="16">
        <v>0.3579646758602969</v>
      </c>
    </row>
    <row r="5501" spans="1:7" x14ac:dyDescent="0.3">
      <c r="A5501" s="13" t="s">
        <v>54</v>
      </c>
      <c r="B5501" s="14" t="s">
        <v>1</v>
      </c>
      <c r="C5501" s="14" t="s">
        <v>23</v>
      </c>
      <c r="D5501" s="14" t="s">
        <v>55</v>
      </c>
      <c r="E5501" s="15">
        <v>45402</v>
      </c>
      <c r="F5501" s="14" t="s">
        <v>15</v>
      </c>
      <c r="G5501" s="16">
        <v>0.3579646758602969</v>
      </c>
    </row>
    <row r="5502" spans="1:7" x14ac:dyDescent="0.3">
      <c r="A5502" s="13" t="s">
        <v>54</v>
      </c>
      <c r="B5502" s="14" t="s">
        <v>1</v>
      </c>
      <c r="C5502" s="14" t="s">
        <v>23</v>
      </c>
      <c r="D5502" s="14" t="s">
        <v>55</v>
      </c>
      <c r="E5502" s="15">
        <v>45403</v>
      </c>
      <c r="F5502" s="14" t="s">
        <v>15</v>
      </c>
      <c r="G5502" s="16">
        <v>0.3579646758602969</v>
      </c>
    </row>
    <row r="5503" spans="1:7" x14ac:dyDescent="0.3">
      <c r="A5503" s="13" t="s">
        <v>54</v>
      </c>
      <c r="B5503" s="14" t="s">
        <v>1</v>
      </c>
      <c r="C5503" s="14" t="s">
        <v>23</v>
      </c>
      <c r="D5503" s="14" t="s">
        <v>55</v>
      </c>
      <c r="E5503" s="15">
        <v>45404</v>
      </c>
      <c r="F5503" s="14" t="s">
        <v>15</v>
      </c>
      <c r="G5503" s="16">
        <v>0.38203888169570432</v>
      </c>
    </row>
    <row r="5504" spans="1:7" x14ac:dyDescent="0.3">
      <c r="A5504" s="13" t="s">
        <v>54</v>
      </c>
      <c r="B5504" s="14" t="s">
        <v>1</v>
      </c>
      <c r="C5504" s="14" t="s">
        <v>23</v>
      </c>
      <c r="D5504" s="14" t="s">
        <v>55</v>
      </c>
      <c r="E5504" s="15">
        <v>45405</v>
      </c>
      <c r="F5504" s="14" t="s">
        <v>15</v>
      </c>
      <c r="G5504" s="16">
        <v>0.42311308753111182</v>
      </c>
    </row>
    <row r="5505" spans="1:7" x14ac:dyDescent="0.3">
      <c r="A5505" s="13" t="s">
        <v>54</v>
      </c>
      <c r="B5505" s="14" t="s">
        <v>1</v>
      </c>
      <c r="C5505" s="14" t="s">
        <v>23</v>
      </c>
      <c r="D5505" s="14" t="s">
        <v>55</v>
      </c>
      <c r="E5505" s="15">
        <v>45406</v>
      </c>
      <c r="F5505" s="14" t="s">
        <v>15</v>
      </c>
      <c r="G5505" s="16">
        <v>0.43718729336651929</v>
      </c>
    </row>
    <row r="5506" spans="1:7" x14ac:dyDescent="0.3">
      <c r="A5506" s="13" t="s">
        <v>54</v>
      </c>
      <c r="B5506" s="14" t="s">
        <v>1</v>
      </c>
      <c r="C5506" s="14" t="s">
        <v>23</v>
      </c>
      <c r="D5506" s="14" t="s">
        <v>55</v>
      </c>
      <c r="E5506" s="15">
        <v>45407</v>
      </c>
      <c r="F5506" s="14" t="s">
        <v>15</v>
      </c>
      <c r="G5506" s="16">
        <v>0.40426149920192672</v>
      </c>
    </row>
    <row r="5507" spans="1:7" x14ac:dyDescent="0.3">
      <c r="A5507" s="13" t="s">
        <v>54</v>
      </c>
      <c r="B5507" s="14" t="s">
        <v>1</v>
      </c>
      <c r="C5507" s="14" t="s">
        <v>23</v>
      </c>
      <c r="D5507" s="14" t="s">
        <v>55</v>
      </c>
      <c r="E5507" s="15">
        <v>45408</v>
      </c>
      <c r="F5507" s="14" t="s">
        <v>15</v>
      </c>
      <c r="G5507" s="16">
        <v>0.41933570503733419</v>
      </c>
    </row>
    <row r="5508" spans="1:7" x14ac:dyDescent="0.3">
      <c r="A5508" s="13" t="s">
        <v>54</v>
      </c>
      <c r="B5508" s="14" t="s">
        <v>1</v>
      </c>
      <c r="C5508" s="14" t="s">
        <v>23</v>
      </c>
      <c r="D5508" s="14" t="s">
        <v>55</v>
      </c>
      <c r="E5508" s="15">
        <v>45409</v>
      </c>
      <c r="F5508" s="14" t="s">
        <v>15</v>
      </c>
      <c r="G5508" s="16">
        <v>0.41933570503733419</v>
      </c>
    </row>
    <row r="5509" spans="1:7" x14ac:dyDescent="0.3">
      <c r="A5509" s="13" t="s">
        <v>54</v>
      </c>
      <c r="B5509" s="14" t="s">
        <v>1</v>
      </c>
      <c r="C5509" s="14" t="s">
        <v>23</v>
      </c>
      <c r="D5509" s="14" t="s">
        <v>55</v>
      </c>
      <c r="E5509" s="15">
        <v>45410</v>
      </c>
      <c r="F5509" s="14" t="s">
        <v>15</v>
      </c>
      <c r="G5509" s="16">
        <v>0.41933570503733419</v>
      </c>
    </row>
    <row r="5510" spans="1:7" x14ac:dyDescent="0.3">
      <c r="A5510" s="13" t="s">
        <v>54</v>
      </c>
      <c r="B5510" s="14" t="s">
        <v>1</v>
      </c>
      <c r="C5510" s="14" t="s">
        <v>23</v>
      </c>
      <c r="D5510" s="14" t="s">
        <v>55</v>
      </c>
      <c r="E5510" s="15">
        <v>45411</v>
      </c>
      <c r="F5510" s="14" t="s">
        <v>15</v>
      </c>
      <c r="G5510" s="16">
        <v>0.43640991087274161</v>
      </c>
    </row>
    <row r="5511" spans="1:7" x14ac:dyDescent="0.3">
      <c r="A5511" s="13" t="s">
        <v>54</v>
      </c>
      <c r="B5511" s="14" t="s">
        <v>1</v>
      </c>
      <c r="C5511" s="14" t="s">
        <v>23</v>
      </c>
      <c r="D5511" s="14" t="s">
        <v>55</v>
      </c>
      <c r="E5511" s="15">
        <v>45412</v>
      </c>
      <c r="F5511" s="14" t="s">
        <v>15</v>
      </c>
      <c r="G5511" s="16">
        <v>0.48648411670814901</v>
      </c>
    </row>
    <row r="5512" spans="1:7" x14ac:dyDescent="0.3">
      <c r="A5512" s="13" t="s">
        <v>54</v>
      </c>
      <c r="B5512" s="14" t="s">
        <v>1</v>
      </c>
      <c r="C5512" s="14" t="s">
        <v>23</v>
      </c>
      <c r="D5512" s="14" t="s">
        <v>55</v>
      </c>
      <c r="E5512" s="15">
        <v>45413</v>
      </c>
      <c r="F5512" s="14" t="s">
        <v>15</v>
      </c>
      <c r="G5512" s="16">
        <v>1.5583225435564785E-3</v>
      </c>
    </row>
    <row r="5513" spans="1:7" x14ac:dyDescent="0.3">
      <c r="A5513" s="13" t="s">
        <v>54</v>
      </c>
      <c r="B5513" s="14" t="s">
        <v>1</v>
      </c>
      <c r="C5513" s="14" t="s">
        <v>23</v>
      </c>
      <c r="D5513" s="14" t="s">
        <v>55</v>
      </c>
      <c r="E5513" s="15">
        <v>45414</v>
      </c>
      <c r="F5513" s="14" t="s">
        <v>15</v>
      </c>
      <c r="G5513" s="16">
        <v>1.8632528378963897E-2</v>
      </c>
    </row>
    <row r="5514" spans="1:7" x14ac:dyDescent="0.3">
      <c r="A5514" s="13" t="s">
        <v>54</v>
      </c>
      <c r="B5514" s="14" t="s">
        <v>1</v>
      </c>
      <c r="C5514" s="14" t="s">
        <v>23</v>
      </c>
      <c r="D5514" s="14" t="s">
        <v>55</v>
      </c>
      <c r="E5514" s="15">
        <v>45415</v>
      </c>
      <c r="F5514" s="14" t="s">
        <v>15</v>
      </c>
      <c r="G5514" s="16">
        <v>3.4706734214371336E-2</v>
      </c>
    </row>
    <row r="5515" spans="1:7" x14ac:dyDescent="0.3">
      <c r="A5515" s="13" t="s">
        <v>54</v>
      </c>
      <c r="B5515" s="14" t="s">
        <v>1</v>
      </c>
      <c r="C5515" s="14" t="s">
        <v>23</v>
      </c>
      <c r="D5515" s="14" t="s">
        <v>55</v>
      </c>
      <c r="E5515" s="15">
        <v>45416</v>
      </c>
      <c r="F5515" s="14" t="s">
        <v>15</v>
      </c>
      <c r="G5515" s="16">
        <v>3.4706734214371336E-2</v>
      </c>
    </row>
    <row r="5516" spans="1:7" x14ac:dyDescent="0.3">
      <c r="A5516" s="13" t="s">
        <v>54</v>
      </c>
      <c r="B5516" s="14" t="s">
        <v>1</v>
      </c>
      <c r="C5516" s="14" t="s">
        <v>23</v>
      </c>
      <c r="D5516" s="14" t="s">
        <v>55</v>
      </c>
      <c r="E5516" s="15">
        <v>45417</v>
      </c>
      <c r="F5516" s="14" t="s">
        <v>15</v>
      </c>
      <c r="G5516" s="16">
        <v>3.4706734214371336E-2</v>
      </c>
    </row>
    <row r="5517" spans="1:7" x14ac:dyDescent="0.3">
      <c r="A5517" s="13" t="s">
        <v>54</v>
      </c>
      <c r="B5517" s="14" t="s">
        <v>1</v>
      </c>
      <c r="C5517" s="14" t="s">
        <v>23</v>
      </c>
      <c r="D5517" s="14" t="s">
        <v>55</v>
      </c>
      <c r="E5517" s="15">
        <v>45418</v>
      </c>
      <c r="F5517" s="14" t="s">
        <v>15</v>
      </c>
      <c r="G5517" s="16">
        <v>3.4706734214371336E-2</v>
      </c>
    </row>
    <row r="5518" spans="1:7" x14ac:dyDescent="0.3">
      <c r="A5518" s="13" t="s">
        <v>54</v>
      </c>
      <c r="B5518" s="14" t="s">
        <v>1</v>
      </c>
      <c r="C5518" s="14" t="s">
        <v>23</v>
      </c>
      <c r="D5518" s="14" t="s">
        <v>55</v>
      </c>
      <c r="E5518" s="15">
        <v>45419</v>
      </c>
      <c r="F5518" s="14" t="s">
        <v>15</v>
      </c>
      <c r="G5518" s="16">
        <v>5.0780940049778775E-2</v>
      </c>
    </row>
    <row r="5519" spans="1:7" x14ac:dyDescent="0.3">
      <c r="A5519" s="13" t="s">
        <v>54</v>
      </c>
      <c r="B5519" s="14" t="s">
        <v>1</v>
      </c>
      <c r="C5519" s="14" t="s">
        <v>23</v>
      </c>
      <c r="D5519" s="14" t="s">
        <v>55</v>
      </c>
      <c r="E5519" s="15">
        <v>45420</v>
      </c>
      <c r="F5519" s="14" t="s">
        <v>15</v>
      </c>
      <c r="G5519" s="16">
        <v>0.12985514588518621</v>
      </c>
    </row>
    <row r="5520" spans="1:7" x14ac:dyDescent="0.3">
      <c r="A5520" s="13" t="s">
        <v>54</v>
      </c>
      <c r="B5520" s="14" t="s">
        <v>1</v>
      </c>
      <c r="C5520" s="14" t="s">
        <v>23</v>
      </c>
      <c r="D5520" s="14" t="s">
        <v>55</v>
      </c>
      <c r="E5520" s="15">
        <v>45421</v>
      </c>
      <c r="F5520" s="14" t="s">
        <v>15</v>
      </c>
      <c r="G5520" s="16">
        <v>0.14692935172059363</v>
      </c>
    </row>
    <row r="5521" spans="1:7" x14ac:dyDescent="0.3">
      <c r="A5521" s="13" t="s">
        <v>54</v>
      </c>
      <c r="B5521" s="14" t="s">
        <v>1</v>
      </c>
      <c r="C5521" s="14" t="s">
        <v>23</v>
      </c>
      <c r="D5521" s="14" t="s">
        <v>55</v>
      </c>
      <c r="E5521" s="15">
        <v>45422</v>
      </c>
      <c r="F5521" s="14" t="s">
        <v>15</v>
      </c>
      <c r="G5521" s="16">
        <v>0.16300355755600107</v>
      </c>
    </row>
    <row r="5522" spans="1:7" x14ac:dyDescent="0.3">
      <c r="A5522" s="13" t="s">
        <v>54</v>
      </c>
      <c r="B5522" s="14" t="s">
        <v>1</v>
      </c>
      <c r="C5522" s="14" t="s">
        <v>23</v>
      </c>
      <c r="D5522" s="14" t="s">
        <v>55</v>
      </c>
      <c r="E5522" s="15">
        <v>45423</v>
      </c>
      <c r="F5522" s="14" t="s">
        <v>15</v>
      </c>
      <c r="G5522" s="16">
        <v>0.16300355755600107</v>
      </c>
    </row>
    <row r="5523" spans="1:7" x14ac:dyDescent="0.3">
      <c r="A5523" s="13" t="s">
        <v>54</v>
      </c>
      <c r="B5523" s="14" t="s">
        <v>1</v>
      </c>
      <c r="C5523" s="14" t="s">
        <v>23</v>
      </c>
      <c r="D5523" s="14" t="s">
        <v>55</v>
      </c>
      <c r="E5523" s="15">
        <v>45424</v>
      </c>
      <c r="F5523" s="14" t="s">
        <v>15</v>
      </c>
      <c r="G5523" s="16">
        <v>0.16300355755600107</v>
      </c>
    </row>
    <row r="5524" spans="1:7" x14ac:dyDescent="0.3">
      <c r="A5524" s="13" t="s">
        <v>54</v>
      </c>
      <c r="B5524" s="14" t="s">
        <v>1</v>
      </c>
      <c r="C5524" s="14" t="s">
        <v>23</v>
      </c>
      <c r="D5524" s="14" t="s">
        <v>55</v>
      </c>
      <c r="E5524" s="15">
        <v>45425</v>
      </c>
      <c r="F5524" s="14" t="s">
        <v>15</v>
      </c>
      <c r="G5524" s="16">
        <v>0.18007776339140849</v>
      </c>
    </row>
    <row r="5525" spans="1:7" x14ac:dyDescent="0.3">
      <c r="A5525" s="13" t="s">
        <v>54</v>
      </c>
      <c r="B5525" s="14" t="s">
        <v>1</v>
      </c>
      <c r="C5525" s="14" t="s">
        <v>23</v>
      </c>
      <c r="D5525" s="14" t="s">
        <v>55</v>
      </c>
      <c r="E5525" s="15">
        <v>45426</v>
      </c>
      <c r="F5525" s="14" t="s">
        <v>15</v>
      </c>
      <c r="G5525" s="16">
        <v>0.23115196922681597</v>
      </c>
    </row>
    <row r="5526" spans="1:7" x14ac:dyDescent="0.3">
      <c r="A5526" s="13" t="s">
        <v>54</v>
      </c>
      <c r="B5526" s="14" t="s">
        <v>1</v>
      </c>
      <c r="C5526" s="14" t="s">
        <v>23</v>
      </c>
      <c r="D5526" s="14" t="s">
        <v>55</v>
      </c>
      <c r="E5526" s="15">
        <v>45427</v>
      </c>
      <c r="F5526" s="14" t="s">
        <v>15</v>
      </c>
      <c r="G5526" s="16">
        <v>0.24822617506222339</v>
      </c>
    </row>
    <row r="5527" spans="1:7" x14ac:dyDescent="0.3">
      <c r="A5527" s="13" t="s">
        <v>54</v>
      </c>
      <c r="B5527" s="14" t="s">
        <v>1</v>
      </c>
      <c r="C5527" s="14" t="s">
        <v>23</v>
      </c>
      <c r="D5527" s="14" t="s">
        <v>55</v>
      </c>
      <c r="E5527" s="15">
        <v>45428</v>
      </c>
      <c r="F5527" s="14" t="s">
        <v>15</v>
      </c>
      <c r="G5527" s="16">
        <v>0.26530038089763081</v>
      </c>
    </row>
    <row r="5528" spans="1:7" x14ac:dyDescent="0.3">
      <c r="A5528" s="13" t="s">
        <v>54</v>
      </c>
      <c r="B5528" s="14" t="s">
        <v>1</v>
      </c>
      <c r="C5528" s="14" t="s">
        <v>23</v>
      </c>
      <c r="D5528" s="14" t="s">
        <v>55</v>
      </c>
      <c r="E5528" s="15">
        <v>45429</v>
      </c>
      <c r="F5528" s="14" t="s">
        <v>15</v>
      </c>
      <c r="G5528" s="16">
        <v>0.28237458673303822</v>
      </c>
    </row>
    <row r="5529" spans="1:7" x14ac:dyDescent="0.3">
      <c r="A5529" s="13" t="s">
        <v>54</v>
      </c>
      <c r="B5529" s="14" t="s">
        <v>1</v>
      </c>
      <c r="C5529" s="14" t="s">
        <v>23</v>
      </c>
      <c r="D5529" s="14" t="s">
        <v>55</v>
      </c>
      <c r="E5529" s="15">
        <v>45430</v>
      </c>
      <c r="F5529" s="14" t="s">
        <v>15</v>
      </c>
      <c r="G5529" s="16">
        <v>0.28237458673303822</v>
      </c>
    </row>
    <row r="5530" spans="1:7" x14ac:dyDescent="0.3">
      <c r="A5530" s="13" t="s">
        <v>54</v>
      </c>
      <c r="B5530" s="14" t="s">
        <v>1</v>
      </c>
      <c r="C5530" s="14" t="s">
        <v>23</v>
      </c>
      <c r="D5530" s="14" t="s">
        <v>55</v>
      </c>
      <c r="E5530" s="15">
        <v>45431</v>
      </c>
      <c r="F5530" s="14" t="s">
        <v>15</v>
      </c>
      <c r="G5530" s="16">
        <v>0.28237458673303822</v>
      </c>
    </row>
    <row r="5531" spans="1:7" x14ac:dyDescent="0.3">
      <c r="A5531" s="13" t="s">
        <v>54</v>
      </c>
      <c r="B5531" s="14" t="s">
        <v>1</v>
      </c>
      <c r="C5531" s="14" t="s">
        <v>23</v>
      </c>
      <c r="D5531" s="14" t="s">
        <v>55</v>
      </c>
      <c r="E5531" s="15">
        <v>45432</v>
      </c>
      <c r="F5531" s="14" t="s">
        <v>15</v>
      </c>
      <c r="G5531" s="16">
        <v>0.29944879256844564</v>
      </c>
    </row>
    <row r="5532" spans="1:7" x14ac:dyDescent="0.3">
      <c r="A5532" s="13" t="s">
        <v>54</v>
      </c>
      <c r="B5532" s="14" t="s">
        <v>1</v>
      </c>
      <c r="C5532" s="14" t="s">
        <v>23</v>
      </c>
      <c r="D5532" s="14" t="s">
        <v>55</v>
      </c>
      <c r="E5532" s="15">
        <v>45433</v>
      </c>
      <c r="F5532" s="14" t="s">
        <v>15</v>
      </c>
      <c r="G5532" s="16">
        <v>0.34952299840385309</v>
      </c>
    </row>
    <row r="5533" spans="1:7" x14ac:dyDescent="0.3">
      <c r="A5533" s="13" t="s">
        <v>54</v>
      </c>
      <c r="B5533" s="14" t="s">
        <v>1</v>
      </c>
      <c r="C5533" s="14" t="s">
        <v>23</v>
      </c>
      <c r="D5533" s="14" t="s">
        <v>55</v>
      </c>
      <c r="E5533" s="15">
        <v>45434</v>
      </c>
      <c r="F5533" s="14" t="s">
        <v>15</v>
      </c>
      <c r="G5533" s="16">
        <v>0.36659720423926051</v>
      </c>
    </row>
    <row r="5534" spans="1:7" x14ac:dyDescent="0.3">
      <c r="A5534" s="13" t="s">
        <v>54</v>
      </c>
      <c r="B5534" s="14" t="s">
        <v>1</v>
      </c>
      <c r="C5534" s="14" t="s">
        <v>23</v>
      </c>
      <c r="D5534" s="14" t="s">
        <v>55</v>
      </c>
      <c r="E5534" s="15">
        <v>45435</v>
      </c>
      <c r="F5534" s="14" t="s">
        <v>15</v>
      </c>
      <c r="G5534" s="16">
        <v>0.38567141007466788</v>
      </c>
    </row>
    <row r="5535" spans="1:7" x14ac:dyDescent="0.3">
      <c r="A5535" s="13" t="s">
        <v>54</v>
      </c>
      <c r="B5535" s="14" t="s">
        <v>1</v>
      </c>
      <c r="C5535" s="14" t="s">
        <v>23</v>
      </c>
      <c r="D5535" s="14" t="s">
        <v>55</v>
      </c>
      <c r="E5535" s="15">
        <v>45436</v>
      </c>
      <c r="F5535" s="14" t="s">
        <v>15</v>
      </c>
      <c r="G5535" s="16">
        <v>0.40174561591007529</v>
      </c>
    </row>
    <row r="5536" spans="1:7" x14ac:dyDescent="0.3">
      <c r="A5536" s="13" t="s">
        <v>54</v>
      </c>
      <c r="B5536" s="14" t="s">
        <v>1</v>
      </c>
      <c r="C5536" s="14" t="s">
        <v>23</v>
      </c>
      <c r="D5536" s="14" t="s">
        <v>55</v>
      </c>
      <c r="E5536" s="15">
        <v>45437</v>
      </c>
      <c r="F5536" s="14" t="s">
        <v>15</v>
      </c>
      <c r="G5536" s="16">
        <v>0.40174561591007529</v>
      </c>
    </row>
    <row r="5537" spans="1:7" x14ac:dyDescent="0.3">
      <c r="A5537" s="13" t="s">
        <v>54</v>
      </c>
      <c r="B5537" s="14" t="s">
        <v>1</v>
      </c>
      <c r="C5537" s="14" t="s">
        <v>23</v>
      </c>
      <c r="D5537" s="14" t="s">
        <v>55</v>
      </c>
      <c r="E5537" s="15">
        <v>45438</v>
      </c>
      <c r="F5537" s="14" t="s">
        <v>15</v>
      </c>
      <c r="G5537" s="16">
        <v>0.40174561591007529</v>
      </c>
    </row>
    <row r="5538" spans="1:7" x14ac:dyDescent="0.3">
      <c r="A5538" s="13" t="s">
        <v>54</v>
      </c>
      <c r="B5538" s="14" t="s">
        <v>1</v>
      </c>
      <c r="C5538" s="14" t="s">
        <v>23</v>
      </c>
      <c r="D5538" s="14" t="s">
        <v>55</v>
      </c>
      <c r="E5538" s="15">
        <v>45439</v>
      </c>
      <c r="F5538" s="14" t="s">
        <v>15</v>
      </c>
      <c r="G5538" s="16">
        <v>0.40174561591007529</v>
      </c>
    </row>
    <row r="5539" spans="1:7" x14ac:dyDescent="0.3">
      <c r="A5539" s="13" t="s">
        <v>54</v>
      </c>
      <c r="B5539" s="14" t="s">
        <v>1</v>
      </c>
      <c r="C5539" s="14" t="s">
        <v>23</v>
      </c>
      <c r="D5539" s="14" t="s">
        <v>55</v>
      </c>
      <c r="E5539" s="15">
        <v>45440</v>
      </c>
      <c r="F5539" s="14" t="s">
        <v>15</v>
      </c>
      <c r="G5539" s="16">
        <v>0.41781982174548277</v>
      </c>
    </row>
    <row r="5540" spans="1:7" x14ac:dyDescent="0.3">
      <c r="A5540" s="13" t="s">
        <v>54</v>
      </c>
      <c r="B5540" s="14" t="s">
        <v>1</v>
      </c>
      <c r="C5540" s="14" t="s">
        <v>23</v>
      </c>
      <c r="D5540" s="14" t="s">
        <v>55</v>
      </c>
      <c r="E5540" s="15">
        <v>45441</v>
      </c>
      <c r="F5540" s="14" t="s">
        <v>15</v>
      </c>
      <c r="G5540" s="16">
        <v>0.47689402758089017</v>
      </c>
    </row>
    <row r="5541" spans="1:7" x14ac:dyDescent="0.3">
      <c r="A5541" s="13" t="s">
        <v>54</v>
      </c>
      <c r="B5541" s="14" t="s">
        <v>1</v>
      </c>
      <c r="C5541" s="14" t="s">
        <v>23</v>
      </c>
      <c r="D5541" s="14" t="s">
        <v>55</v>
      </c>
      <c r="E5541" s="15">
        <v>45442</v>
      </c>
      <c r="F5541" s="14" t="s">
        <v>15</v>
      </c>
      <c r="G5541" s="16">
        <v>0.49496823341629759</v>
      </c>
    </row>
    <row r="5542" spans="1:7" x14ac:dyDescent="0.3">
      <c r="A5542" s="13" t="s">
        <v>54</v>
      </c>
      <c r="B5542" s="14" t="s">
        <v>1</v>
      </c>
      <c r="C5542" s="14" t="s">
        <v>23</v>
      </c>
      <c r="D5542" s="14" t="s">
        <v>55</v>
      </c>
      <c r="E5542" s="15">
        <v>45443</v>
      </c>
      <c r="F5542" s="14" t="s">
        <v>15</v>
      </c>
      <c r="G5542" s="16">
        <v>0.50604243925170489</v>
      </c>
    </row>
    <row r="5543" spans="1:7" x14ac:dyDescent="0.3">
      <c r="A5543" s="13" t="s">
        <v>54</v>
      </c>
      <c r="B5543" s="14" t="s">
        <v>1</v>
      </c>
      <c r="C5543" s="14" t="s">
        <v>23</v>
      </c>
      <c r="D5543" s="14" t="s">
        <v>55</v>
      </c>
      <c r="E5543" s="15">
        <v>45444</v>
      </c>
      <c r="F5543" s="14" t="s">
        <v>15</v>
      </c>
      <c r="G5543" s="16">
        <v>0.50604243925170489</v>
      </c>
    </row>
    <row r="5544" spans="1:7" x14ac:dyDescent="0.3">
      <c r="A5544" s="13" t="s">
        <v>54</v>
      </c>
      <c r="B5544" s="14" t="s">
        <v>1</v>
      </c>
      <c r="C5544" s="14" t="s">
        <v>23</v>
      </c>
      <c r="D5544" s="14" t="s">
        <v>55</v>
      </c>
      <c r="E5544" s="15">
        <v>45445</v>
      </c>
      <c r="F5544" s="14" t="s">
        <v>15</v>
      </c>
      <c r="G5544" s="16">
        <v>0.50604243925170489</v>
      </c>
    </row>
    <row r="5545" spans="1:7" x14ac:dyDescent="0.3">
      <c r="A5545" s="13" t="s">
        <v>54</v>
      </c>
      <c r="B5545" s="14" t="s">
        <v>1</v>
      </c>
      <c r="C5545" s="14" t="s">
        <v>23</v>
      </c>
      <c r="D5545" s="14" t="s">
        <v>55</v>
      </c>
      <c r="E5545" s="15">
        <v>45446</v>
      </c>
      <c r="F5545" s="14" t="s">
        <v>15</v>
      </c>
      <c r="G5545" s="16">
        <v>0.50604243925170489</v>
      </c>
    </row>
    <row r="5546" spans="1:7" x14ac:dyDescent="0.3">
      <c r="A5546" s="13" t="s">
        <v>54</v>
      </c>
      <c r="B5546" s="14" t="s">
        <v>1</v>
      </c>
      <c r="C5546" s="14" t="s">
        <v>23</v>
      </c>
      <c r="D5546" s="14" t="s">
        <v>55</v>
      </c>
      <c r="E5546" s="15">
        <v>45447</v>
      </c>
      <c r="F5546" s="14" t="s">
        <v>15</v>
      </c>
      <c r="G5546" s="16">
        <v>3.1166450871122466E-3</v>
      </c>
    </row>
    <row r="5547" spans="1:7" x14ac:dyDescent="0.3">
      <c r="A5547" s="13" t="s">
        <v>54</v>
      </c>
      <c r="B5547" s="14" t="s">
        <v>1</v>
      </c>
      <c r="C5547" s="14" t="s">
        <v>23</v>
      </c>
      <c r="D5547" s="14" t="s">
        <v>55</v>
      </c>
      <c r="E5547" s="15">
        <v>45448</v>
      </c>
      <c r="F5547" s="14" t="s">
        <v>15</v>
      </c>
      <c r="G5547" s="16">
        <v>7.0190850922519671E-2</v>
      </c>
    </row>
    <row r="5548" spans="1:7" x14ac:dyDescent="0.3">
      <c r="A5548" s="13" t="s">
        <v>54</v>
      </c>
      <c r="B5548" s="14" t="s">
        <v>1</v>
      </c>
      <c r="C5548" s="14" t="s">
        <v>23</v>
      </c>
      <c r="D5548" s="14" t="s">
        <v>55</v>
      </c>
      <c r="E5548" s="15">
        <v>45449</v>
      </c>
      <c r="F5548" s="14" t="s">
        <v>15</v>
      </c>
      <c r="G5548" s="16">
        <v>8.6265056757927103E-2</v>
      </c>
    </row>
    <row r="5549" spans="1:7" x14ac:dyDescent="0.3">
      <c r="A5549" s="13" t="s">
        <v>54</v>
      </c>
      <c r="B5549" s="14" t="s">
        <v>1</v>
      </c>
      <c r="C5549" s="14" t="s">
        <v>23</v>
      </c>
      <c r="D5549" s="14" t="s">
        <v>55</v>
      </c>
      <c r="E5549" s="15">
        <v>45450</v>
      </c>
      <c r="F5549" s="14" t="s">
        <v>15</v>
      </c>
      <c r="G5549" s="16">
        <v>0.12233926259333447</v>
      </c>
    </row>
    <row r="5550" spans="1:7" x14ac:dyDescent="0.3">
      <c r="A5550" s="13" t="s">
        <v>54</v>
      </c>
      <c r="B5550" s="14" t="s">
        <v>1</v>
      </c>
      <c r="C5550" s="14" t="s">
        <v>23</v>
      </c>
      <c r="D5550" s="14" t="s">
        <v>55</v>
      </c>
      <c r="E5550" s="15">
        <v>45451</v>
      </c>
      <c r="F5550" s="14" t="s">
        <v>15</v>
      </c>
      <c r="G5550" s="16">
        <v>0.12233926259333447</v>
      </c>
    </row>
    <row r="5551" spans="1:7" x14ac:dyDescent="0.3">
      <c r="A5551" s="13" t="s">
        <v>54</v>
      </c>
      <c r="B5551" s="14" t="s">
        <v>1</v>
      </c>
      <c r="C5551" s="14" t="s">
        <v>23</v>
      </c>
      <c r="D5551" s="14" t="s">
        <v>55</v>
      </c>
      <c r="E5551" s="15">
        <v>45452</v>
      </c>
      <c r="F5551" s="14" t="s">
        <v>15</v>
      </c>
      <c r="G5551" s="16">
        <v>0.12233926259333447</v>
      </c>
    </row>
    <row r="5552" spans="1:7" x14ac:dyDescent="0.3">
      <c r="A5552" s="13" t="s">
        <v>54</v>
      </c>
      <c r="B5552" s="14" t="s">
        <v>1</v>
      </c>
      <c r="C5552" s="14" t="s">
        <v>23</v>
      </c>
      <c r="D5552" s="14" t="s">
        <v>55</v>
      </c>
      <c r="E5552" s="15">
        <v>45453</v>
      </c>
      <c r="F5552" s="14" t="s">
        <v>15</v>
      </c>
      <c r="G5552" s="16">
        <v>0.13841346842874191</v>
      </c>
    </row>
    <row r="5553" spans="1:7" x14ac:dyDescent="0.3">
      <c r="A5553" s="13" t="s">
        <v>54</v>
      </c>
      <c r="B5553" s="14" t="s">
        <v>1</v>
      </c>
      <c r="C5553" s="14" t="s">
        <v>23</v>
      </c>
      <c r="D5553" s="14" t="s">
        <v>55</v>
      </c>
      <c r="E5553" s="15">
        <v>45454</v>
      </c>
      <c r="F5553" s="14" t="s">
        <v>15</v>
      </c>
      <c r="G5553" s="16">
        <v>0.18548767426414942</v>
      </c>
    </row>
    <row r="5554" spans="1:7" x14ac:dyDescent="0.3">
      <c r="A5554" s="13" t="s">
        <v>54</v>
      </c>
      <c r="B5554" s="14" t="s">
        <v>1</v>
      </c>
      <c r="C5554" s="14" t="s">
        <v>23</v>
      </c>
      <c r="D5554" s="14" t="s">
        <v>55</v>
      </c>
      <c r="E5554" s="15">
        <v>45455</v>
      </c>
      <c r="F5554" s="14" t="s">
        <v>15</v>
      </c>
      <c r="G5554" s="16">
        <v>0.20156188009955683</v>
      </c>
    </row>
    <row r="5555" spans="1:7" x14ac:dyDescent="0.3">
      <c r="A5555" s="13" t="s">
        <v>54</v>
      </c>
      <c r="B5555" s="14" t="s">
        <v>1</v>
      </c>
      <c r="C5555" s="14" t="s">
        <v>23</v>
      </c>
      <c r="D5555" s="14" t="s">
        <v>55</v>
      </c>
      <c r="E5555" s="15">
        <v>45456</v>
      </c>
      <c r="F5555" s="14" t="s">
        <v>15</v>
      </c>
      <c r="G5555" s="16">
        <v>0.21663608593496431</v>
      </c>
    </row>
    <row r="5556" spans="1:7" x14ac:dyDescent="0.3">
      <c r="A5556" s="13" t="s">
        <v>54</v>
      </c>
      <c r="B5556" s="14" t="s">
        <v>1</v>
      </c>
      <c r="C5556" s="14" t="s">
        <v>23</v>
      </c>
      <c r="D5556" s="14" t="s">
        <v>55</v>
      </c>
      <c r="E5556" s="15">
        <v>45457</v>
      </c>
      <c r="F5556" s="14" t="s">
        <v>15</v>
      </c>
      <c r="G5556" s="16">
        <v>0.23371029177037173</v>
      </c>
    </row>
    <row r="5557" spans="1:7" x14ac:dyDescent="0.3">
      <c r="A5557" s="13" t="s">
        <v>54</v>
      </c>
      <c r="B5557" s="14" t="s">
        <v>1</v>
      </c>
      <c r="C5557" s="14" t="s">
        <v>23</v>
      </c>
      <c r="D5557" s="14" t="s">
        <v>55</v>
      </c>
      <c r="E5557" s="15">
        <v>45458</v>
      </c>
      <c r="F5557" s="14" t="s">
        <v>15</v>
      </c>
      <c r="G5557" s="16">
        <v>0.23371029177037173</v>
      </c>
    </row>
    <row r="5558" spans="1:7" x14ac:dyDescent="0.3">
      <c r="A5558" s="13" t="s">
        <v>54</v>
      </c>
      <c r="B5558" s="14" t="s">
        <v>1</v>
      </c>
      <c r="C5558" s="14" t="s">
        <v>23</v>
      </c>
      <c r="D5558" s="14" t="s">
        <v>55</v>
      </c>
      <c r="E5558" s="15">
        <v>45459</v>
      </c>
      <c r="F5558" s="14" t="s">
        <v>15</v>
      </c>
      <c r="G5558" s="16">
        <v>0.23371029177037173</v>
      </c>
    </row>
    <row r="5559" spans="1:7" x14ac:dyDescent="0.3">
      <c r="A5559" s="13" t="s">
        <v>54</v>
      </c>
      <c r="B5559" s="14" t="s">
        <v>1</v>
      </c>
      <c r="C5559" s="14" t="s">
        <v>23</v>
      </c>
      <c r="D5559" s="14" t="s">
        <v>55</v>
      </c>
      <c r="E5559" s="15">
        <v>45460</v>
      </c>
      <c r="F5559" s="14" t="s">
        <v>15</v>
      </c>
      <c r="G5559" s="16">
        <v>0.24978449760577917</v>
      </c>
    </row>
    <row r="5560" spans="1:7" x14ac:dyDescent="0.3">
      <c r="A5560" s="13" t="s">
        <v>54</v>
      </c>
      <c r="B5560" s="14" t="s">
        <v>1</v>
      </c>
      <c r="C5560" s="14" t="s">
        <v>23</v>
      </c>
      <c r="D5560" s="14" t="s">
        <v>55</v>
      </c>
      <c r="E5560" s="15">
        <v>45461</v>
      </c>
      <c r="F5560" s="14" t="s">
        <v>15</v>
      </c>
      <c r="G5560" s="16">
        <v>0.29785870344118665</v>
      </c>
    </row>
    <row r="5561" spans="1:7" x14ac:dyDescent="0.3">
      <c r="A5561" s="13" t="s">
        <v>54</v>
      </c>
      <c r="B5561" s="14" t="s">
        <v>1</v>
      </c>
      <c r="C5561" s="14" t="s">
        <v>23</v>
      </c>
      <c r="D5561" s="14" t="s">
        <v>55</v>
      </c>
      <c r="E5561" s="15">
        <v>45462</v>
      </c>
      <c r="F5561" s="14" t="s">
        <v>15</v>
      </c>
      <c r="G5561" s="16">
        <v>0.29785870344118665</v>
      </c>
    </row>
    <row r="5562" spans="1:7" x14ac:dyDescent="0.3">
      <c r="A5562" s="13" t="s">
        <v>54</v>
      </c>
      <c r="B5562" s="14" t="s">
        <v>1</v>
      </c>
      <c r="C5562" s="14" t="s">
        <v>23</v>
      </c>
      <c r="D5562" s="14" t="s">
        <v>55</v>
      </c>
      <c r="E5562" s="15">
        <v>45463</v>
      </c>
      <c r="F5562" s="14" t="s">
        <v>15</v>
      </c>
      <c r="G5562" s="16">
        <v>0.31393290927659406</v>
      </c>
    </row>
    <row r="5563" spans="1:7" x14ac:dyDescent="0.3">
      <c r="A5563" s="13" t="s">
        <v>54</v>
      </c>
      <c r="B5563" s="14" t="s">
        <v>1</v>
      </c>
      <c r="C5563" s="14" t="s">
        <v>23</v>
      </c>
      <c r="D5563" s="14" t="s">
        <v>55</v>
      </c>
      <c r="E5563" s="15">
        <v>45464</v>
      </c>
      <c r="F5563" s="14" t="s">
        <v>15</v>
      </c>
      <c r="G5563" s="16">
        <v>0.3470071151120015</v>
      </c>
    </row>
    <row r="5564" spans="1:7" x14ac:dyDescent="0.3">
      <c r="A5564" s="13" t="s">
        <v>54</v>
      </c>
      <c r="B5564" s="14" t="s">
        <v>1</v>
      </c>
      <c r="C5564" s="14" t="s">
        <v>23</v>
      </c>
      <c r="D5564" s="14" t="s">
        <v>55</v>
      </c>
      <c r="E5564" s="15">
        <v>45465</v>
      </c>
      <c r="F5564" s="14" t="s">
        <v>15</v>
      </c>
      <c r="G5564" s="16">
        <v>0.3470071151120015</v>
      </c>
    </row>
    <row r="5565" spans="1:7" x14ac:dyDescent="0.3">
      <c r="A5565" s="13" t="s">
        <v>54</v>
      </c>
      <c r="B5565" s="14" t="s">
        <v>1</v>
      </c>
      <c r="C5565" s="14" t="s">
        <v>23</v>
      </c>
      <c r="D5565" s="14" t="s">
        <v>55</v>
      </c>
      <c r="E5565" s="15">
        <v>45466</v>
      </c>
      <c r="F5565" s="14" t="s">
        <v>15</v>
      </c>
      <c r="G5565" s="16">
        <v>0.3470071151120015</v>
      </c>
    </row>
    <row r="5566" spans="1:7" x14ac:dyDescent="0.3">
      <c r="A5566" s="13" t="s">
        <v>54</v>
      </c>
      <c r="B5566" s="14" t="s">
        <v>1</v>
      </c>
      <c r="C5566" s="14" t="s">
        <v>23</v>
      </c>
      <c r="D5566" s="14" t="s">
        <v>55</v>
      </c>
      <c r="E5566" s="15">
        <v>45467</v>
      </c>
      <c r="F5566" s="14" t="s">
        <v>15</v>
      </c>
      <c r="G5566" s="16">
        <v>0.36308132094740897</v>
      </c>
    </row>
    <row r="5567" spans="1:7" x14ac:dyDescent="0.3">
      <c r="A5567" s="13" t="s">
        <v>54</v>
      </c>
      <c r="B5567" s="14" t="s">
        <v>1</v>
      </c>
      <c r="C5567" s="14" t="s">
        <v>23</v>
      </c>
      <c r="D5567" s="14" t="s">
        <v>55</v>
      </c>
      <c r="E5567" s="15">
        <v>45468</v>
      </c>
      <c r="F5567" s="14" t="s">
        <v>15</v>
      </c>
      <c r="G5567" s="16">
        <v>0.41315552678281636</v>
      </c>
    </row>
    <row r="5568" spans="1:7" x14ac:dyDescent="0.3">
      <c r="A5568" s="13" t="s">
        <v>54</v>
      </c>
      <c r="B5568" s="14" t="s">
        <v>1</v>
      </c>
      <c r="C5568" s="14" t="s">
        <v>23</v>
      </c>
      <c r="D5568" s="14" t="s">
        <v>55</v>
      </c>
      <c r="E5568" s="15">
        <v>45469</v>
      </c>
      <c r="F5568" s="14" t="s">
        <v>15</v>
      </c>
      <c r="G5568" s="16">
        <v>0.42822973261822384</v>
      </c>
    </row>
    <row r="5569" spans="1:7" x14ac:dyDescent="0.3">
      <c r="A5569" s="13" t="s">
        <v>54</v>
      </c>
      <c r="B5569" s="14" t="s">
        <v>1</v>
      </c>
      <c r="C5569" s="14" t="s">
        <v>23</v>
      </c>
      <c r="D5569" s="14" t="s">
        <v>55</v>
      </c>
      <c r="E5569" s="15">
        <v>45470</v>
      </c>
      <c r="F5569" s="14" t="s">
        <v>15</v>
      </c>
      <c r="G5569" s="16">
        <v>0.44430393845363125</v>
      </c>
    </row>
    <row r="5570" spans="1:7" x14ac:dyDescent="0.3">
      <c r="A5570" s="13" t="s">
        <v>54</v>
      </c>
      <c r="B5570" s="14" t="s">
        <v>1</v>
      </c>
      <c r="C5570" s="14" t="s">
        <v>23</v>
      </c>
      <c r="D5570" s="14" t="s">
        <v>55</v>
      </c>
      <c r="E5570" s="15">
        <v>45471</v>
      </c>
      <c r="F5570" s="14" t="s">
        <v>15</v>
      </c>
      <c r="G5570" s="16">
        <v>0.46037814428903873</v>
      </c>
    </row>
    <row r="5571" spans="1:7" x14ac:dyDescent="0.3">
      <c r="A5571" s="13" t="s">
        <v>54</v>
      </c>
      <c r="B5571" s="14" t="s">
        <v>1</v>
      </c>
      <c r="C5571" s="14" t="s">
        <v>23</v>
      </c>
      <c r="D5571" s="14" t="s">
        <v>55</v>
      </c>
      <c r="E5571" s="15">
        <v>45472</v>
      </c>
      <c r="F5571" s="14" t="s">
        <v>15</v>
      </c>
      <c r="G5571" s="16">
        <v>0.46037814428903873</v>
      </c>
    </row>
    <row r="5572" spans="1:7" x14ac:dyDescent="0.3">
      <c r="A5572" s="13" t="s">
        <v>54</v>
      </c>
      <c r="B5572" s="14" t="s">
        <v>1</v>
      </c>
      <c r="C5572" s="14" t="s">
        <v>23</v>
      </c>
      <c r="D5572" s="14" t="s">
        <v>55</v>
      </c>
      <c r="E5572" s="15">
        <v>45473</v>
      </c>
      <c r="F5572" s="14" t="s">
        <v>15</v>
      </c>
      <c r="G5572" s="16">
        <v>0.46037814428903873</v>
      </c>
    </row>
    <row r="5573" spans="1:7" x14ac:dyDescent="0.3">
      <c r="A5573" s="13" t="s">
        <v>54</v>
      </c>
      <c r="B5573" s="14" t="s">
        <v>1</v>
      </c>
      <c r="C5573" s="14" t="s">
        <v>23</v>
      </c>
      <c r="D5573" s="14" t="s">
        <v>55</v>
      </c>
      <c r="E5573" s="15">
        <v>45474</v>
      </c>
      <c r="F5573" s="14" t="s">
        <v>15</v>
      </c>
      <c r="G5573" s="16">
        <v>4.4523501244460913E-3</v>
      </c>
    </row>
    <row r="5574" spans="1:7" x14ac:dyDescent="0.3">
      <c r="A5574" s="13" t="s">
        <v>54</v>
      </c>
      <c r="B5574" s="14" t="s">
        <v>1</v>
      </c>
      <c r="C5574" s="14" t="s">
        <v>23</v>
      </c>
      <c r="D5574" s="14" t="s">
        <v>55</v>
      </c>
      <c r="E5574" s="15">
        <v>45475</v>
      </c>
      <c r="F5574" s="14" t="s">
        <v>15</v>
      </c>
      <c r="G5574" s="16">
        <v>5.352655595985354E-2</v>
      </c>
    </row>
    <row r="5575" spans="1:7" x14ac:dyDescent="0.3">
      <c r="A5575" s="13" t="s">
        <v>54</v>
      </c>
      <c r="B5575" s="14" t="s">
        <v>1</v>
      </c>
      <c r="C5575" s="14" t="s">
        <v>23</v>
      </c>
      <c r="D5575" s="14" t="s">
        <v>55</v>
      </c>
      <c r="E5575" s="15">
        <v>45476</v>
      </c>
      <c r="F5575" s="14" t="s">
        <v>15</v>
      </c>
      <c r="G5575" s="16">
        <v>6.9600761795260979E-2</v>
      </c>
    </row>
    <row r="5576" spans="1:7" x14ac:dyDescent="0.3">
      <c r="A5576" s="13" t="s">
        <v>54</v>
      </c>
      <c r="B5576" s="14" t="s">
        <v>1</v>
      </c>
      <c r="C5576" s="14" t="s">
        <v>23</v>
      </c>
      <c r="D5576" s="14" t="s">
        <v>55</v>
      </c>
      <c r="E5576" s="15">
        <v>45477</v>
      </c>
      <c r="F5576" s="14" t="s">
        <v>15</v>
      </c>
      <c r="G5576" s="16">
        <v>6.9600761795260979E-2</v>
      </c>
    </row>
    <row r="5577" spans="1:7" x14ac:dyDescent="0.3">
      <c r="A5577" s="13" t="s">
        <v>54</v>
      </c>
      <c r="B5577" s="14" t="s">
        <v>1</v>
      </c>
      <c r="C5577" s="14" t="s">
        <v>23</v>
      </c>
      <c r="D5577" s="14" t="s">
        <v>55</v>
      </c>
      <c r="E5577" s="15">
        <v>45478</v>
      </c>
      <c r="F5577" s="14" t="s">
        <v>15</v>
      </c>
      <c r="G5577" s="16">
        <v>8.5674967630668425E-2</v>
      </c>
    </row>
    <row r="5578" spans="1:7" x14ac:dyDescent="0.3">
      <c r="A5578" s="13" t="s">
        <v>54</v>
      </c>
      <c r="B5578" s="14" t="s">
        <v>1</v>
      </c>
      <c r="C5578" s="14" t="s">
        <v>23</v>
      </c>
      <c r="D5578" s="14" t="s">
        <v>55</v>
      </c>
      <c r="E5578" s="15">
        <v>45479</v>
      </c>
      <c r="F5578" s="14" t="s">
        <v>15</v>
      </c>
      <c r="G5578" s="16">
        <v>8.5674967630668425E-2</v>
      </c>
    </row>
    <row r="5579" spans="1:7" x14ac:dyDescent="0.3">
      <c r="A5579" s="13" t="s">
        <v>54</v>
      </c>
      <c r="B5579" s="14" t="s">
        <v>1</v>
      </c>
      <c r="C5579" s="14" t="s">
        <v>23</v>
      </c>
      <c r="D5579" s="14" t="s">
        <v>55</v>
      </c>
      <c r="E5579" s="15">
        <v>45480</v>
      </c>
      <c r="F5579" s="14" t="s">
        <v>15</v>
      </c>
      <c r="G5579" s="16">
        <v>8.5674967630668425E-2</v>
      </c>
    </row>
    <row r="5580" spans="1:7" x14ac:dyDescent="0.3">
      <c r="A5580" s="13" t="s">
        <v>54</v>
      </c>
      <c r="B5580" s="14" t="s">
        <v>1</v>
      </c>
      <c r="C5580" s="14" t="s">
        <v>23</v>
      </c>
      <c r="D5580" s="14" t="s">
        <v>55</v>
      </c>
      <c r="E5580" s="15">
        <v>45481</v>
      </c>
      <c r="F5580" s="14" t="s">
        <v>15</v>
      </c>
      <c r="G5580" s="16">
        <v>0.14274917346607588</v>
      </c>
    </row>
    <row r="5581" spans="1:7" x14ac:dyDescent="0.3">
      <c r="A5581" s="13" t="s">
        <v>54</v>
      </c>
      <c r="B5581" s="14" t="s">
        <v>1</v>
      </c>
      <c r="C5581" s="14" t="s">
        <v>23</v>
      </c>
      <c r="D5581" s="14" t="s">
        <v>55</v>
      </c>
      <c r="E5581" s="15">
        <v>45482</v>
      </c>
      <c r="F5581" s="14" t="s">
        <v>15</v>
      </c>
      <c r="G5581" s="16">
        <v>0.19082337930148335</v>
      </c>
    </row>
    <row r="5582" spans="1:7" x14ac:dyDescent="0.3">
      <c r="A5582" s="13" t="s">
        <v>54</v>
      </c>
      <c r="B5582" s="14" t="s">
        <v>1</v>
      </c>
      <c r="C5582" s="14" t="s">
        <v>23</v>
      </c>
      <c r="D5582" s="14" t="s">
        <v>55</v>
      </c>
      <c r="E5582" s="15">
        <v>45483</v>
      </c>
      <c r="F5582" s="14" t="s">
        <v>15</v>
      </c>
      <c r="G5582" s="16">
        <v>0.20789758513689094</v>
      </c>
    </row>
    <row r="5583" spans="1:7" x14ac:dyDescent="0.3">
      <c r="A5583" s="13" t="s">
        <v>54</v>
      </c>
      <c r="B5583" s="14" t="s">
        <v>1</v>
      </c>
      <c r="C5583" s="14" t="s">
        <v>23</v>
      </c>
      <c r="D5583" s="14" t="s">
        <v>55</v>
      </c>
      <c r="E5583" s="15">
        <v>45484</v>
      </c>
      <c r="F5583" s="14" t="s">
        <v>15</v>
      </c>
      <c r="G5583" s="16">
        <v>0.22397179097229838</v>
      </c>
    </row>
    <row r="5584" spans="1:7" x14ac:dyDescent="0.3">
      <c r="A5584" s="13" t="s">
        <v>54</v>
      </c>
      <c r="B5584" s="14" t="s">
        <v>1</v>
      </c>
      <c r="C5584" s="14" t="s">
        <v>23</v>
      </c>
      <c r="D5584" s="14" t="s">
        <v>55</v>
      </c>
      <c r="E5584" s="15">
        <v>45485</v>
      </c>
      <c r="F5584" s="14" t="s">
        <v>15</v>
      </c>
      <c r="G5584" s="16">
        <v>0.24104599680770597</v>
      </c>
    </row>
    <row r="5585" spans="1:7" x14ac:dyDescent="0.3">
      <c r="A5585" s="13" t="s">
        <v>54</v>
      </c>
      <c r="B5585" s="14" t="s">
        <v>1</v>
      </c>
      <c r="C5585" s="14" t="s">
        <v>23</v>
      </c>
      <c r="D5585" s="14" t="s">
        <v>55</v>
      </c>
      <c r="E5585" s="15">
        <v>45486</v>
      </c>
      <c r="F5585" s="14" t="s">
        <v>15</v>
      </c>
      <c r="G5585" s="16">
        <v>0.24104599680770597</v>
      </c>
    </row>
    <row r="5586" spans="1:7" x14ac:dyDescent="0.3">
      <c r="A5586" s="13" t="s">
        <v>54</v>
      </c>
      <c r="B5586" s="14" t="s">
        <v>1</v>
      </c>
      <c r="C5586" s="14" t="s">
        <v>23</v>
      </c>
      <c r="D5586" s="14" t="s">
        <v>55</v>
      </c>
      <c r="E5586" s="15">
        <v>45487</v>
      </c>
      <c r="F5586" s="14" t="s">
        <v>15</v>
      </c>
      <c r="G5586" s="16">
        <v>0.24104599680770597</v>
      </c>
    </row>
    <row r="5587" spans="1:7" x14ac:dyDescent="0.3">
      <c r="A5587" s="13" t="s">
        <v>54</v>
      </c>
      <c r="B5587" s="14" t="s">
        <v>1</v>
      </c>
      <c r="C5587" s="14" t="s">
        <v>23</v>
      </c>
      <c r="D5587" s="14" t="s">
        <v>55</v>
      </c>
      <c r="E5587" s="15">
        <v>45488</v>
      </c>
      <c r="F5587" s="14" t="s">
        <v>15</v>
      </c>
      <c r="G5587" s="16">
        <v>0.25712020264311342</v>
      </c>
    </row>
    <row r="5588" spans="1:7" x14ac:dyDescent="0.3">
      <c r="A5588" s="13" t="s">
        <v>54</v>
      </c>
      <c r="B5588" s="14" t="s">
        <v>1</v>
      </c>
      <c r="C5588" s="14" t="s">
        <v>23</v>
      </c>
      <c r="D5588" s="14" t="s">
        <v>55</v>
      </c>
      <c r="E5588" s="15">
        <v>45489</v>
      </c>
      <c r="F5588" s="14" t="s">
        <v>15</v>
      </c>
      <c r="G5588" s="16">
        <v>0.30419440847852075</v>
      </c>
    </row>
    <row r="5589" spans="1:7" x14ac:dyDescent="0.3">
      <c r="A5589" s="13" t="s">
        <v>54</v>
      </c>
      <c r="B5589" s="14" t="s">
        <v>1</v>
      </c>
      <c r="C5589" s="14" t="s">
        <v>23</v>
      </c>
      <c r="D5589" s="14" t="s">
        <v>55</v>
      </c>
      <c r="E5589" s="15">
        <v>45490</v>
      </c>
      <c r="F5589" s="14" t="s">
        <v>15</v>
      </c>
      <c r="G5589" s="16">
        <v>0.32026861431392817</v>
      </c>
    </row>
    <row r="5590" spans="1:7" x14ac:dyDescent="0.3">
      <c r="A5590" s="13" t="s">
        <v>54</v>
      </c>
      <c r="B5590" s="14" t="s">
        <v>1</v>
      </c>
      <c r="C5590" s="14" t="s">
        <v>23</v>
      </c>
      <c r="D5590" s="14" t="s">
        <v>55</v>
      </c>
      <c r="E5590" s="15">
        <v>45491</v>
      </c>
      <c r="F5590" s="14" t="s">
        <v>15</v>
      </c>
      <c r="G5590" s="16">
        <v>0.33634282014933559</v>
      </c>
    </row>
    <row r="5591" spans="1:7" x14ac:dyDescent="0.3">
      <c r="A5591" s="13" t="s">
        <v>54</v>
      </c>
      <c r="B5591" s="14" t="s">
        <v>1</v>
      </c>
      <c r="C5591" s="14" t="s">
        <v>23</v>
      </c>
      <c r="D5591" s="14" t="s">
        <v>55</v>
      </c>
      <c r="E5591" s="15">
        <v>45492</v>
      </c>
      <c r="F5591" s="14" t="s">
        <v>15</v>
      </c>
      <c r="G5591" s="16">
        <v>0.35241702598474306</v>
      </c>
    </row>
    <row r="5592" spans="1:7" x14ac:dyDescent="0.3">
      <c r="A5592" s="13" t="s">
        <v>54</v>
      </c>
      <c r="B5592" s="14" t="s">
        <v>1</v>
      </c>
      <c r="C5592" s="14" t="s">
        <v>23</v>
      </c>
      <c r="D5592" s="14" t="s">
        <v>55</v>
      </c>
      <c r="E5592" s="15">
        <v>45493</v>
      </c>
      <c r="F5592" s="14" t="s">
        <v>15</v>
      </c>
      <c r="G5592" s="16">
        <v>0.35241702598474306</v>
      </c>
    </row>
    <row r="5593" spans="1:7" x14ac:dyDescent="0.3">
      <c r="A5593" s="13" t="s">
        <v>54</v>
      </c>
      <c r="B5593" s="14" t="s">
        <v>1</v>
      </c>
      <c r="C5593" s="14" t="s">
        <v>23</v>
      </c>
      <c r="D5593" s="14" t="s">
        <v>55</v>
      </c>
      <c r="E5593" s="15">
        <v>45494</v>
      </c>
      <c r="F5593" s="14" t="s">
        <v>15</v>
      </c>
      <c r="G5593" s="16">
        <v>0.35241702598474306</v>
      </c>
    </row>
    <row r="5594" spans="1:7" x14ac:dyDescent="0.3">
      <c r="A5594" s="13" t="s">
        <v>54</v>
      </c>
      <c r="B5594" s="14" t="s">
        <v>1</v>
      </c>
      <c r="C5594" s="14" t="s">
        <v>23</v>
      </c>
      <c r="D5594" s="14" t="s">
        <v>55</v>
      </c>
      <c r="E5594" s="15">
        <v>45495</v>
      </c>
      <c r="F5594" s="14" t="s">
        <v>15</v>
      </c>
      <c r="G5594" s="16">
        <v>0.36849123182015048</v>
      </c>
    </row>
    <row r="5595" spans="1:7" x14ac:dyDescent="0.3">
      <c r="A5595" s="13" t="s">
        <v>54</v>
      </c>
      <c r="B5595" s="14" t="s">
        <v>1</v>
      </c>
      <c r="C5595" s="14" t="s">
        <v>23</v>
      </c>
      <c r="D5595" s="14" t="s">
        <v>55</v>
      </c>
      <c r="E5595" s="15">
        <v>45496</v>
      </c>
      <c r="F5595" s="14" t="s">
        <v>15</v>
      </c>
      <c r="G5595" s="16">
        <v>0.41456543765555798</v>
      </c>
    </row>
    <row r="5596" spans="1:7" x14ac:dyDescent="0.3">
      <c r="A5596" s="13" t="s">
        <v>54</v>
      </c>
      <c r="B5596" s="14" t="s">
        <v>1</v>
      </c>
      <c r="C5596" s="14" t="s">
        <v>23</v>
      </c>
      <c r="D5596" s="14" t="s">
        <v>55</v>
      </c>
      <c r="E5596" s="15">
        <v>45497</v>
      </c>
      <c r="F5596" s="14" t="s">
        <v>15</v>
      </c>
      <c r="G5596" s="16">
        <v>0.4326396434909654</v>
      </c>
    </row>
    <row r="5597" spans="1:7" x14ac:dyDescent="0.3">
      <c r="A5597" s="13" t="s">
        <v>54</v>
      </c>
      <c r="B5597" s="14" t="s">
        <v>1</v>
      </c>
      <c r="C5597" s="14" t="s">
        <v>23</v>
      </c>
      <c r="D5597" s="14" t="s">
        <v>55</v>
      </c>
      <c r="E5597" s="15">
        <v>45498</v>
      </c>
      <c r="F5597" s="14" t="s">
        <v>15</v>
      </c>
      <c r="G5597" s="16">
        <v>0.4477138493263727</v>
      </c>
    </row>
    <row r="5598" spans="1:7" x14ac:dyDescent="0.3">
      <c r="A5598" s="13" t="s">
        <v>54</v>
      </c>
      <c r="B5598" s="14" t="s">
        <v>1</v>
      </c>
      <c r="C5598" s="14" t="s">
        <v>23</v>
      </c>
      <c r="D5598" s="14" t="s">
        <v>55</v>
      </c>
      <c r="E5598" s="15">
        <v>45499</v>
      </c>
      <c r="F5598" s="14" t="s">
        <v>15</v>
      </c>
      <c r="G5598" s="16">
        <v>0.46278805516177995</v>
      </c>
    </row>
    <row r="5599" spans="1:7" x14ac:dyDescent="0.3">
      <c r="A5599" s="13" t="s">
        <v>54</v>
      </c>
      <c r="B5599" s="14" t="s">
        <v>1</v>
      </c>
      <c r="C5599" s="14" t="s">
        <v>23</v>
      </c>
      <c r="D5599" s="14" t="s">
        <v>55</v>
      </c>
      <c r="E5599" s="15">
        <v>45500</v>
      </c>
      <c r="F5599" s="14" t="s">
        <v>15</v>
      </c>
      <c r="G5599" s="16">
        <v>0.46278805516177995</v>
      </c>
    </row>
    <row r="5600" spans="1:7" x14ac:dyDescent="0.3">
      <c r="A5600" s="13" t="s">
        <v>54</v>
      </c>
      <c r="B5600" s="14" t="s">
        <v>1</v>
      </c>
      <c r="C5600" s="14" t="s">
        <v>23</v>
      </c>
      <c r="D5600" s="14" t="s">
        <v>55</v>
      </c>
      <c r="E5600" s="15">
        <v>45501</v>
      </c>
      <c r="F5600" s="14" t="s">
        <v>15</v>
      </c>
      <c r="G5600" s="16">
        <v>0.46278805516177995</v>
      </c>
    </row>
    <row r="5601" spans="1:7" x14ac:dyDescent="0.3">
      <c r="A5601" s="13" t="s">
        <v>54</v>
      </c>
      <c r="B5601" s="14" t="s">
        <v>1</v>
      </c>
      <c r="C5601" s="14" t="s">
        <v>23</v>
      </c>
      <c r="D5601" s="14" t="s">
        <v>55</v>
      </c>
      <c r="E5601" s="15">
        <v>45502</v>
      </c>
      <c r="F5601" s="14" t="s">
        <v>15</v>
      </c>
      <c r="G5601" s="16">
        <v>0.47786226099718726</v>
      </c>
    </row>
    <row r="5602" spans="1:7" x14ac:dyDescent="0.3">
      <c r="A5602" s="13" t="s">
        <v>54</v>
      </c>
      <c r="B5602" s="14" t="s">
        <v>1</v>
      </c>
      <c r="C5602" s="14" t="s">
        <v>23</v>
      </c>
      <c r="D5602" s="14" t="s">
        <v>55</v>
      </c>
      <c r="E5602" s="15">
        <v>45503</v>
      </c>
      <c r="F5602" s="14" t="s">
        <v>15</v>
      </c>
      <c r="G5602" s="16">
        <v>0.52293646683259465</v>
      </c>
    </row>
    <row r="5603" spans="1:7" x14ac:dyDescent="0.3">
      <c r="A5603" s="13" t="s">
        <v>54</v>
      </c>
      <c r="B5603" s="14" t="s">
        <v>1</v>
      </c>
      <c r="C5603" s="14" t="s">
        <v>23</v>
      </c>
      <c r="D5603" s="14" t="s">
        <v>55</v>
      </c>
      <c r="E5603" s="15">
        <v>45504</v>
      </c>
      <c r="F5603" s="14" t="s">
        <v>15</v>
      </c>
      <c r="G5603" s="16">
        <v>0.54001067266800218</v>
      </c>
    </row>
    <row r="5604" spans="1:7" x14ac:dyDescent="0.3">
      <c r="A5604" s="13" t="s">
        <v>54</v>
      </c>
      <c r="B5604" s="14" t="s">
        <v>1</v>
      </c>
      <c r="C5604" s="14" t="s">
        <v>23</v>
      </c>
      <c r="D5604" s="14" t="s">
        <v>55</v>
      </c>
      <c r="E5604" s="15">
        <v>45505</v>
      </c>
      <c r="F5604" s="14" t="s">
        <v>15</v>
      </c>
      <c r="G5604" s="16">
        <v>6.0848785034096405E-3</v>
      </c>
    </row>
    <row r="5605" spans="1:7" x14ac:dyDescent="0.3">
      <c r="A5605" s="13" t="s">
        <v>54</v>
      </c>
      <c r="B5605" s="14" t="s">
        <v>1</v>
      </c>
      <c r="C5605" s="14" t="s">
        <v>23</v>
      </c>
      <c r="D5605" s="14" t="s">
        <v>55</v>
      </c>
      <c r="E5605" s="15">
        <v>45506</v>
      </c>
      <c r="F5605" s="14" t="s">
        <v>15</v>
      </c>
      <c r="G5605" s="16">
        <v>1.4159084338817251E-2</v>
      </c>
    </row>
    <row r="5606" spans="1:7" x14ac:dyDescent="0.3">
      <c r="A5606" s="13" t="s">
        <v>54</v>
      </c>
      <c r="B5606" s="14" t="s">
        <v>1</v>
      </c>
      <c r="C5606" s="14" t="s">
        <v>23</v>
      </c>
      <c r="D5606" s="14" t="s">
        <v>55</v>
      </c>
      <c r="E5606" s="15">
        <v>45507</v>
      </c>
      <c r="F5606" s="14" t="s">
        <v>15</v>
      </c>
      <c r="G5606" s="16">
        <v>1.4159084338817251E-2</v>
      </c>
    </row>
    <row r="5607" spans="1:7" x14ac:dyDescent="0.3">
      <c r="A5607" s="13" t="s">
        <v>54</v>
      </c>
      <c r="B5607" s="14" t="s">
        <v>1</v>
      </c>
      <c r="C5607" s="14" t="s">
        <v>23</v>
      </c>
      <c r="D5607" s="14" t="s">
        <v>55</v>
      </c>
      <c r="E5607" s="15">
        <v>45508</v>
      </c>
      <c r="F5607" s="14" t="s">
        <v>15</v>
      </c>
      <c r="G5607" s="16">
        <v>1.4159084338817251E-2</v>
      </c>
    </row>
    <row r="5608" spans="1:7" x14ac:dyDescent="0.3">
      <c r="A5608" s="13" t="s">
        <v>54</v>
      </c>
      <c r="B5608" s="14" t="s">
        <v>1</v>
      </c>
      <c r="C5608" s="14" t="s">
        <v>23</v>
      </c>
      <c r="D5608" s="14" t="s">
        <v>55</v>
      </c>
      <c r="E5608" s="15">
        <v>45509</v>
      </c>
      <c r="F5608" s="14" t="s">
        <v>15</v>
      </c>
      <c r="G5608" s="16">
        <v>1.4159084338817251E-2</v>
      </c>
    </row>
    <row r="5609" spans="1:7" x14ac:dyDescent="0.3">
      <c r="A5609" s="13" t="s">
        <v>54</v>
      </c>
      <c r="B5609" s="14" t="s">
        <v>1</v>
      </c>
      <c r="C5609" s="14" t="s">
        <v>23</v>
      </c>
      <c r="D5609" s="14" t="s">
        <v>55</v>
      </c>
      <c r="E5609" s="15">
        <v>45510</v>
      </c>
      <c r="F5609" s="14" t="s">
        <v>15</v>
      </c>
      <c r="G5609" s="16">
        <v>2.9233290174224536E-2</v>
      </c>
    </row>
    <row r="5610" spans="1:7" x14ac:dyDescent="0.3">
      <c r="A5610" s="13" t="s">
        <v>54</v>
      </c>
      <c r="B5610" s="14" t="s">
        <v>1</v>
      </c>
      <c r="C5610" s="14" t="s">
        <v>23</v>
      </c>
      <c r="D5610" s="14" t="s">
        <v>55</v>
      </c>
      <c r="E5610" s="15">
        <v>45511</v>
      </c>
      <c r="F5610" s="14" t="s">
        <v>15</v>
      </c>
      <c r="G5610" s="16">
        <v>0.10430749600963196</v>
      </c>
    </row>
    <row r="5611" spans="1:7" x14ac:dyDescent="0.3">
      <c r="A5611" s="13" t="s">
        <v>54</v>
      </c>
      <c r="B5611" s="14" t="s">
        <v>1</v>
      </c>
      <c r="C5611" s="14" t="s">
        <v>23</v>
      </c>
      <c r="D5611" s="14" t="s">
        <v>55</v>
      </c>
      <c r="E5611" s="15">
        <v>45512</v>
      </c>
      <c r="F5611" s="14" t="s">
        <v>15</v>
      </c>
      <c r="G5611" s="16">
        <v>0.11438170184503953</v>
      </c>
    </row>
    <row r="5612" spans="1:7" x14ac:dyDescent="0.3">
      <c r="A5612" s="13" t="s">
        <v>54</v>
      </c>
      <c r="B5612" s="14" t="s">
        <v>1</v>
      </c>
      <c r="C5612" s="14" t="s">
        <v>23</v>
      </c>
      <c r="D5612" s="14" t="s">
        <v>55</v>
      </c>
      <c r="E5612" s="15">
        <v>45513</v>
      </c>
      <c r="F5612" s="14" t="s">
        <v>15</v>
      </c>
      <c r="G5612" s="16">
        <v>0.12845590768044701</v>
      </c>
    </row>
    <row r="5613" spans="1:7" x14ac:dyDescent="0.3">
      <c r="A5613" s="13" t="s">
        <v>54</v>
      </c>
      <c r="B5613" s="14" t="s">
        <v>1</v>
      </c>
      <c r="C5613" s="14" t="s">
        <v>23</v>
      </c>
      <c r="D5613" s="14" t="s">
        <v>55</v>
      </c>
      <c r="E5613" s="15">
        <v>45514</v>
      </c>
      <c r="F5613" s="14" t="s">
        <v>15</v>
      </c>
      <c r="G5613" s="16">
        <v>0.12845590768044701</v>
      </c>
    </row>
    <row r="5614" spans="1:7" x14ac:dyDescent="0.3">
      <c r="A5614" s="13" t="s">
        <v>54</v>
      </c>
      <c r="B5614" s="14" t="s">
        <v>1</v>
      </c>
      <c r="C5614" s="14" t="s">
        <v>23</v>
      </c>
      <c r="D5614" s="14" t="s">
        <v>55</v>
      </c>
      <c r="E5614" s="15">
        <v>45515</v>
      </c>
      <c r="F5614" s="14" t="s">
        <v>15</v>
      </c>
      <c r="G5614" s="16">
        <v>0.12845590768044701</v>
      </c>
    </row>
    <row r="5615" spans="1:7" x14ac:dyDescent="0.3">
      <c r="A5615" s="13" t="s">
        <v>54</v>
      </c>
      <c r="B5615" s="14" t="s">
        <v>1</v>
      </c>
      <c r="C5615" s="14" t="s">
        <v>23</v>
      </c>
      <c r="D5615" s="14" t="s">
        <v>55</v>
      </c>
      <c r="E5615" s="15">
        <v>45516</v>
      </c>
      <c r="F5615" s="14" t="s">
        <v>15</v>
      </c>
      <c r="G5615" s="16">
        <v>0.14253011351585448</v>
      </c>
    </row>
    <row r="5616" spans="1:7" x14ac:dyDescent="0.3">
      <c r="A5616" s="13" t="s">
        <v>54</v>
      </c>
      <c r="B5616" s="14" t="s">
        <v>1</v>
      </c>
      <c r="C5616" s="14" t="s">
        <v>23</v>
      </c>
      <c r="D5616" s="14" t="s">
        <v>55</v>
      </c>
      <c r="E5616" s="15">
        <v>45517</v>
      </c>
      <c r="F5616" s="14" t="s">
        <v>15</v>
      </c>
      <c r="G5616" s="16">
        <v>0.18660431935126204</v>
      </c>
    </row>
    <row r="5617" spans="1:7" x14ac:dyDescent="0.3">
      <c r="A5617" s="13" t="s">
        <v>54</v>
      </c>
      <c r="B5617" s="14" t="s">
        <v>1</v>
      </c>
      <c r="C5617" s="14" t="s">
        <v>23</v>
      </c>
      <c r="D5617" s="14" t="s">
        <v>55</v>
      </c>
      <c r="E5617" s="15">
        <v>45518</v>
      </c>
      <c r="F5617" s="14" t="s">
        <v>15</v>
      </c>
      <c r="G5617" s="16">
        <v>0.20167852518666934</v>
      </c>
    </row>
    <row r="5618" spans="1:7" x14ac:dyDescent="0.3">
      <c r="A5618" s="13" t="s">
        <v>54</v>
      </c>
      <c r="B5618" s="14" t="s">
        <v>1</v>
      </c>
      <c r="C5618" s="14" t="s">
        <v>23</v>
      </c>
      <c r="D5618" s="14" t="s">
        <v>55</v>
      </c>
      <c r="E5618" s="15">
        <v>45519</v>
      </c>
      <c r="F5618" s="14" t="s">
        <v>15</v>
      </c>
      <c r="G5618" s="16">
        <v>0.2117527310220769</v>
      </c>
    </row>
    <row r="5619" spans="1:7" x14ac:dyDescent="0.3">
      <c r="A5619" s="13" t="s">
        <v>54</v>
      </c>
      <c r="B5619" s="14" t="s">
        <v>1</v>
      </c>
      <c r="C5619" s="14" t="s">
        <v>23</v>
      </c>
      <c r="D5619" s="14" t="s">
        <v>55</v>
      </c>
      <c r="E5619" s="15">
        <v>45520</v>
      </c>
      <c r="F5619" s="14" t="s">
        <v>15</v>
      </c>
      <c r="G5619" s="16">
        <v>0.22782693685748434</v>
      </c>
    </row>
    <row r="5620" spans="1:7" x14ac:dyDescent="0.3">
      <c r="A5620" s="13" t="s">
        <v>54</v>
      </c>
      <c r="B5620" s="14" t="s">
        <v>1</v>
      </c>
      <c r="C5620" s="14" t="s">
        <v>23</v>
      </c>
      <c r="D5620" s="14" t="s">
        <v>55</v>
      </c>
      <c r="E5620" s="15">
        <v>45521</v>
      </c>
      <c r="F5620" s="14" t="s">
        <v>15</v>
      </c>
      <c r="G5620" s="16">
        <v>0.22782693685748434</v>
      </c>
    </row>
    <row r="5621" spans="1:7" x14ac:dyDescent="0.3">
      <c r="A5621" s="13" t="s">
        <v>54</v>
      </c>
      <c r="B5621" s="14" t="s">
        <v>1</v>
      </c>
      <c r="C5621" s="14" t="s">
        <v>23</v>
      </c>
      <c r="D5621" s="14" t="s">
        <v>55</v>
      </c>
      <c r="E5621" s="15">
        <v>45522</v>
      </c>
      <c r="F5621" s="14" t="s">
        <v>15</v>
      </c>
      <c r="G5621" s="16">
        <v>0.22782693685748434</v>
      </c>
    </row>
    <row r="5622" spans="1:7" x14ac:dyDescent="0.3">
      <c r="A5622" s="13" t="s">
        <v>54</v>
      </c>
      <c r="B5622" s="14" t="s">
        <v>1</v>
      </c>
      <c r="C5622" s="14" t="s">
        <v>23</v>
      </c>
      <c r="D5622" s="14" t="s">
        <v>55</v>
      </c>
      <c r="E5622" s="15">
        <v>45523</v>
      </c>
      <c r="F5622" s="14" t="s">
        <v>15</v>
      </c>
      <c r="G5622" s="16">
        <v>0.24390114269289179</v>
      </c>
    </row>
    <row r="5623" spans="1:7" x14ac:dyDescent="0.3">
      <c r="A5623" s="13" t="s">
        <v>54</v>
      </c>
      <c r="B5623" s="14" t="s">
        <v>1</v>
      </c>
      <c r="C5623" s="14" t="s">
        <v>23</v>
      </c>
      <c r="D5623" s="14" t="s">
        <v>55</v>
      </c>
      <c r="E5623" s="15">
        <v>45524</v>
      </c>
      <c r="F5623" s="14" t="s">
        <v>15</v>
      </c>
      <c r="G5623" s="16">
        <v>0.28997534852829931</v>
      </c>
    </row>
    <row r="5624" spans="1:7" x14ac:dyDescent="0.3">
      <c r="A5624" s="13" t="s">
        <v>54</v>
      </c>
      <c r="B5624" s="14" t="s">
        <v>1</v>
      </c>
      <c r="C5624" s="14" t="s">
        <v>23</v>
      </c>
      <c r="D5624" s="14" t="s">
        <v>55</v>
      </c>
      <c r="E5624" s="15">
        <v>45525</v>
      </c>
      <c r="F5624" s="14" t="s">
        <v>15</v>
      </c>
      <c r="G5624" s="16">
        <v>0.30104955436370667</v>
      </c>
    </row>
    <row r="5625" spans="1:7" x14ac:dyDescent="0.3">
      <c r="A5625" s="13" t="s">
        <v>54</v>
      </c>
      <c r="B5625" s="14" t="s">
        <v>1</v>
      </c>
      <c r="C5625" s="14" t="s">
        <v>23</v>
      </c>
      <c r="D5625" s="14" t="s">
        <v>55</v>
      </c>
      <c r="E5625" s="15">
        <v>45526</v>
      </c>
      <c r="F5625" s="14" t="s">
        <v>15</v>
      </c>
      <c r="G5625" s="16">
        <v>0.31712376019911409</v>
      </c>
    </row>
    <row r="5626" spans="1:7" x14ac:dyDescent="0.3">
      <c r="A5626" s="13" t="s">
        <v>54</v>
      </c>
      <c r="B5626" s="14" t="s">
        <v>1</v>
      </c>
      <c r="C5626" s="14" t="s">
        <v>23</v>
      </c>
      <c r="D5626" s="14" t="s">
        <v>55</v>
      </c>
      <c r="E5626" s="15">
        <v>45527</v>
      </c>
      <c r="F5626" s="14" t="s">
        <v>15</v>
      </c>
      <c r="G5626" s="16">
        <v>0.33319796603452156</v>
      </c>
    </row>
    <row r="5627" spans="1:7" x14ac:dyDescent="0.3">
      <c r="A5627" s="13" t="s">
        <v>54</v>
      </c>
      <c r="B5627" s="14" t="s">
        <v>1</v>
      </c>
      <c r="C5627" s="14" t="s">
        <v>23</v>
      </c>
      <c r="D5627" s="14" t="s">
        <v>55</v>
      </c>
      <c r="E5627" s="15">
        <v>45528</v>
      </c>
      <c r="F5627" s="14" t="s">
        <v>15</v>
      </c>
      <c r="G5627" s="16">
        <v>0.33319796603452156</v>
      </c>
    </row>
    <row r="5628" spans="1:7" x14ac:dyDescent="0.3">
      <c r="A5628" s="13" t="s">
        <v>54</v>
      </c>
      <c r="B5628" s="14" t="s">
        <v>1</v>
      </c>
      <c r="C5628" s="14" t="s">
        <v>23</v>
      </c>
      <c r="D5628" s="14" t="s">
        <v>55</v>
      </c>
      <c r="E5628" s="15">
        <v>45529</v>
      </c>
      <c r="F5628" s="14" t="s">
        <v>15</v>
      </c>
      <c r="G5628" s="16">
        <v>0.33319796603452156</v>
      </c>
    </row>
    <row r="5629" spans="1:7" x14ac:dyDescent="0.3">
      <c r="A5629" s="13" t="s">
        <v>54</v>
      </c>
      <c r="B5629" s="14" t="s">
        <v>1</v>
      </c>
      <c r="C5629" s="14" t="s">
        <v>23</v>
      </c>
      <c r="D5629" s="14" t="s">
        <v>55</v>
      </c>
      <c r="E5629" s="15">
        <v>45530</v>
      </c>
      <c r="F5629" s="14" t="s">
        <v>15</v>
      </c>
      <c r="G5629" s="16">
        <v>0.34927217186992898</v>
      </c>
    </row>
    <row r="5630" spans="1:7" x14ac:dyDescent="0.3">
      <c r="A5630" s="13" t="s">
        <v>54</v>
      </c>
      <c r="B5630" s="14" t="s">
        <v>1</v>
      </c>
      <c r="C5630" s="14" t="s">
        <v>23</v>
      </c>
      <c r="D5630" s="14" t="s">
        <v>55</v>
      </c>
      <c r="E5630" s="15">
        <v>45531</v>
      </c>
      <c r="F5630" s="14" t="s">
        <v>15</v>
      </c>
      <c r="G5630" s="16">
        <v>0.39434637770533632</v>
      </c>
    </row>
    <row r="5631" spans="1:7" x14ac:dyDescent="0.3">
      <c r="A5631" s="13" t="s">
        <v>54</v>
      </c>
      <c r="B5631" s="14" t="s">
        <v>1</v>
      </c>
      <c r="C5631" s="14" t="s">
        <v>23</v>
      </c>
      <c r="D5631" s="14" t="s">
        <v>55</v>
      </c>
      <c r="E5631" s="15">
        <v>45532</v>
      </c>
      <c r="F5631" s="14" t="s">
        <v>15</v>
      </c>
      <c r="G5631" s="16">
        <v>0.41042058354074379</v>
      </c>
    </row>
    <row r="5632" spans="1:7" x14ac:dyDescent="0.3">
      <c r="A5632" s="13" t="s">
        <v>54</v>
      </c>
      <c r="B5632" s="14" t="s">
        <v>1</v>
      </c>
      <c r="C5632" s="14" t="s">
        <v>23</v>
      </c>
      <c r="D5632" s="14" t="s">
        <v>55</v>
      </c>
      <c r="E5632" s="15">
        <v>45533</v>
      </c>
      <c r="F5632" s="14" t="s">
        <v>15</v>
      </c>
      <c r="G5632" s="16">
        <v>0.42549478937615104</v>
      </c>
    </row>
    <row r="5633" spans="1:7" x14ac:dyDescent="0.3">
      <c r="A5633" s="13" t="s">
        <v>54</v>
      </c>
      <c r="B5633" s="14" t="s">
        <v>1</v>
      </c>
      <c r="C5633" s="14" t="s">
        <v>23</v>
      </c>
      <c r="D5633" s="14" t="s">
        <v>55</v>
      </c>
      <c r="E5633" s="15">
        <v>45534</v>
      </c>
      <c r="F5633" s="14" t="s">
        <v>15</v>
      </c>
      <c r="G5633" s="16">
        <v>0.44156899521155851</v>
      </c>
    </row>
    <row r="5634" spans="1:7" x14ac:dyDescent="0.3">
      <c r="A5634" s="13" t="s">
        <v>54</v>
      </c>
      <c r="B5634" s="14" t="s">
        <v>1</v>
      </c>
      <c r="C5634" s="14" t="s">
        <v>23</v>
      </c>
      <c r="D5634" s="14" t="s">
        <v>55</v>
      </c>
      <c r="E5634" s="15">
        <v>45535</v>
      </c>
      <c r="F5634" s="14" t="s">
        <v>15</v>
      </c>
      <c r="G5634" s="16">
        <v>0.44156899521155851</v>
      </c>
    </row>
    <row r="5635" spans="1:7" x14ac:dyDescent="0.3">
      <c r="A5635" s="13" t="s">
        <v>54</v>
      </c>
      <c r="B5635" s="14" t="s">
        <v>1</v>
      </c>
      <c r="C5635" s="14" t="s">
        <v>23</v>
      </c>
      <c r="D5635" s="14" t="s">
        <v>55</v>
      </c>
      <c r="E5635" s="15">
        <v>45536</v>
      </c>
      <c r="F5635" s="14" t="s">
        <v>15</v>
      </c>
      <c r="G5635" s="16">
        <v>0.44156899521155851</v>
      </c>
    </row>
    <row r="5636" spans="1:7" x14ac:dyDescent="0.3">
      <c r="A5636" s="13" t="s">
        <v>54</v>
      </c>
      <c r="B5636" s="14" t="s">
        <v>1</v>
      </c>
      <c r="C5636" s="14" t="s">
        <v>23</v>
      </c>
      <c r="D5636" s="14" t="s">
        <v>55</v>
      </c>
      <c r="E5636" s="15">
        <v>45537</v>
      </c>
      <c r="F5636" s="14" t="s">
        <v>15</v>
      </c>
      <c r="G5636" s="16">
        <v>0.44156899521155851</v>
      </c>
    </row>
    <row r="5637" spans="1:7" x14ac:dyDescent="0.3">
      <c r="A5637" s="13" t="s">
        <v>54</v>
      </c>
      <c r="B5637" s="14" t="s">
        <v>1</v>
      </c>
      <c r="C5637" s="14" t="s">
        <v>23</v>
      </c>
      <c r="D5637" s="14" t="s">
        <v>55</v>
      </c>
      <c r="E5637" s="15">
        <v>45538</v>
      </c>
      <c r="F5637" s="14" t="s">
        <v>15</v>
      </c>
      <c r="G5637" s="16">
        <v>7.6432010469659421E-3</v>
      </c>
    </row>
    <row r="5638" spans="1:7" x14ac:dyDescent="0.3">
      <c r="A5638" s="13" t="s">
        <v>54</v>
      </c>
      <c r="B5638" s="14" t="s">
        <v>1</v>
      </c>
      <c r="C5638" s="14" t="s">
        <v>23</v>
      </c>
      <c r="D5638" s="14" t="s">
        <v>55</v>
      </c>
      <c r="E5638" s="15">
        <v>45539</v>
      </c>
      <c r="F5638" s="14" t="s">
        <v>15</v>
      </c>
      <c r="G5638" s="16">
        <v>5.8717406882373521E-2</v>
      </c>
    </row>
    <row r="5639" spans="1:7" x14ac:dyDescent="0.3">
      <c r="A5639" s="13" t="s">
        <v>54</v>
      </c>
      <c r="B5639" s="14" t="s">
        <v>1</v>
      </c>
      <c r="C5639" s="14" t="s">
        <v>23</v>
      </c>
      <c r="D5639" s="14" t="s">
        <v>55</v>
      </c>
      <c r="E5639" s="15">
        <v>45540</v>
      </c>
      <c r="F5639" s="14" t="s">
        <v>15</v>
      </c>
      <c r="G5639" s="16">
        <v>7.4791612717780967E-2</v>
      </c>
    </row>
    <row r="5640" spans="1:7" x14ac:dyDescent="0.3">
      <c r="A5640" s="13" t="s">
        <v>54</v>
      </c>
      <c r="B5640" s="14" t="s">
        <v>1</v>
      </c>
      <c r="C5640" s="14" t="s">
        <v>23</v>
      </c>
      <c r="D5640" s="14" t="s">
        <v>55</v>
      </c>
      <c r="E5640" s="15">
        <v>45541</v>
      </c>
      <c r="F5640" s="14" t="s">
        <v>15</v>
      </c>
      <c r="G5640" s="16">
        <v>9.0865818553188399E-2</v>
      </c>
    </row>
    <row r="5641" spans="1:7" x14ac:dyDescent="0.3">
      <c r="A5641" s="13" t="s">
        <v>54</v>
      </c>
      <c r="B5641" s="14" t="s">
        <v>1</v>
      </c>
      <c r="C5641" s="14" t="s">
        <v>23</v>
      </c>
      <c r="D5641" s="14" t="s">
        <v>55</v>
      </c>
      <c r="E5641" s="15">
        <v>45542</v>
      </c>
      <c r="F5641" s="14" t="s">
        <v>15</v>
      </c>
      <c r="G5641" s="16">
        <v>9.0865818553188399E-2</v>
      </c>
    </row>
    <row r="5642" spans="1:7" x14ac:dyDescent="0.3">
      <c r="A5642" s="13" t="s">
        <v>54</v>
      </c>
      <c r="B5642" s="14" t="s">
        <v>1</v>
      </c>
      <c r="C5642" s="14" t="s">
        <v>23</v>
      </c>
      <c r="D5642" s="14" t="s">
        <v>55</v>
      </c>
      <c r="E5642" s="15">
        <v>45543</v>
      </c>
      <c r="F5642" s="14" t="s">
        <v>15</v>
      </c>
      <c r="G5642" s="16">
        <v>9.0865818553188399E-2</v>
      </c>
    </row>
    <row r="5643" spans="1:7" x14ac:dyDescent="0.3">
      <c r="A5643" s="13" t="s">
        <v>54</v>
      </c>
      <c r="B5643" s="14" t="s">
        <v>1</v>
      </c>
      <c r="C5643" s="14" t="s">
        <v>23</v>
      </c>
      <c r="D5643" s="14" t="s">
        <v>55</v>
      </c>
      <c r="E5643" s="15">
        <v>45544</v>
      </c>
      <c r="F5643" s="14" t="s">
        <v>15</v>
      </c>
      <c r="G5643" s="16">
        <v>0.13394002438859581</v>
      </c>
    </row>
    <row r="5644" spans="1:7" x14ac:dyDescent="0.3">
      <c r="A5644" s="13" t="s">
        <v>54</v>
      </c>
      <c r="B5644" s="14" t="s">
        <v>1</v>
      </c>
      <c r="C5644" s="14" t="s">
        <v>23</v>
      </c>
      <c r="D5644" s="14" t="s">
        <v>55</v>
      </c>
      <c r="E5644" s="15">
        <v>45545</v>
      </c>
      <c r="F5644" s="14" t="s">
        <v>15</v>
      </c>
      <c r="G5644" s="16">
        <v>0.17601423022400339</v>
      </c>
    </row>
    <row r="5645" spans="1:7" x14ac:dyDescent="0.3">
      <c r="A5645" s="13" t="s">
        <v>54</v>
      </c>
      <c r="B5645" s="14" t="s">
        <v>1</v>
      </c>
      <c r="C5645" s="14" t="s">
        <v>23</v>
      </c>
      <c r="D5645" s="14" t="s">
        <v>55</v>
      </c>
      <c r="E5645" s="15">
        <v>45546</v>
      </c>
      <c r="F5645" s="14" t="s">
        <v>15</v>
      </c>
      <c r="G5645" s="16">
        <v>0.19008843605941089</v>
      </c>
    </row>
    <row r="5646" spans="1:7" x14ac:dyDescent="0.3">
      <c r="A5646" s="13" t="s">
        <v>54</v>
      </c>
      <c r="B5646" s="14" t="s">
        <v>1</v>
      </c>
      <c r="C5646" s="14" t="s">
        <v>23</v>
      </c>
      <c r="D5646" s="14" t="s">
        <v>55</v>
      </c>
      <c r="E5646" s="15">
        <v>45547</v>
      </c>
      <c r="F5646" s="14" t="s">
        <v>15</v>
      </c>
      <c r="G5646" s="16">
        <v>0.20616264189481831</v>
      </c>
    </row>
    <row r="5647" spans="1:7" x14ac:dyDescent="0.3">
      <c r="A5647" s="13" t="s">
        <v>54</v>
      </c>
      <c r="B5647" s="14" t="s">
        <v>1</v>
      </c>
      <c r="C5647" s="14" t="s">
        <v>23</v>
      </c>
      <c r="D5647" s="14" t="s">
        <v>55</v>
      </c>
      <c r="E5647" s="15">
        <v>45548</v>
      </c>
      <c r="F5647" s="14" t="s">
        <v>15</v>
      </c>
      <c r="G5647" s="16">
        <v>0.22123684773022562</v>
      </c>
    </row>
    <row r="5648" spans="1:7" x14ac:dyDescent="0.3">
      <c r="A5648" s="13" t="s">
        <v>54</v>
      </c>
      <c r="B5648" s="14" t="s">
        <v>1</v>
      </c>
      <c r="C5648" s="14" t="s">
        <v>23</v>
      </c>
      <c r="D5648" s="14" t="s">
        <v>55</v>
      </c>
      <c r="E5648" s="15">
        <v>45549</v>
      </c>
      <c r="F5648" s="14" t="s">
        <v>15</v>
      </c>
      <c r="G5648" s="16">
        <v>0.22123684773022562</v>
      </c>
    </row>
    <row r="5649" spans="1:7" x14ac:dyDescent="0.3">
      <c r="A5649" s="13" t="s">
        <v>54</v>
      </c>
      <c r="B5649" s="14" t="s">
        <v>1</v>
      </c>
      <c r="C5649" s="14" t="s">
        <v>23</v>
      </c>
      <c r="D5649" s="14" t="s">
        <v>55</v>
      </c>
      <c r="E5649" s="15">
        <v>45550</v>
      </c>
      <c r="F5649" s="14" t="s">
        <v>15</v>
      </c>
      <c r="G5649" s="16">
        <v>0.22123684773022562</v>
      </c>
    </row>
    <row r="5650" spans="1:7" x14ac:dyDescent="0.3">
      <c r="A5650" s="13" t="s">
        <v>54</v>
      </c>
      <c r="B5650" s="14" t="s">
        <v>1</v>
      </c>
      <c r="C5650" s="14" t="s">
        <v>23</v>
      </c>
      <c r="D5650" s="14" t="s">
        <v>55</v>
      </c>
      <c r="E5650" s="15">
        <v>45551</v>
      </c>
      <c r="F5650" s="14" t="s">
        <v>15</v>
      </c>
      <c r="G5650" s="16">
        <v>0.23731105356563303</v>
      </c>
    </row>
    <row r="5651" spans="1:7" x14ac:dyDescent="0.3">
      <c r="A5651" s="13" t="s">
        <v>54</v>
      </c>
      <c r="B5651" s="14" t="s">
        <v>1</v>
      </c>
      <c r="C5651" s="14" t="s">
        <v>23</v>
      </c>
      <c r="D5651" s="14" t="s">
        <v>55</v>
      </c>
      <c r="E5651" s="15">
        <v>45552</v>
      </c>
      <c r="F5651" s="14" t="s">
        <v>15</v>
      </c>
      <c r="G5651" s="16">
        <v>0.28438525940104037</v>
      </c>
    </row>
    <row r="5652" spans="1:7" x14ac:dyDescent="0.3">
      <c r="A5652" s="13" t="s">
        <v>54</v>
      </c>
      <c r="B5652" s="14" t="s">
        <v>1</v>
      </c>
      <c r="C5652" s="14" t="s">
        <v>23</v>
      </c>
      <c r="D5652" s="14" t="s">
        <v>55</v>
      </c>
      <c r="E5652" s="15">
        <v>45553</v>
      </c>
      <c r="F5652" s="14" t="s">
        <v>15</v>
      </c>
      <c r="G5652" s="16">
        <v>0.30045946523644779</v>
      </c>
    </row>
    <row r="5653" spans="1:7" x14ac:dyDescent="0.3">
      <c r="A5653" s="13" t="s">
        <v>54</v>
      </c>
      <c r="B5653" s="14" t="s">
        <v>1</v>
      </c>
      <c r="C5653" s="14" t="s">
        <v>23</v>
      </c>
      <c r="D5653" s="14" t="s">
        <v>55</v>
      </c>
      <c r="E5653" s="15">
        <v>45554</v>
      </c>
      <c r="F5653" s="14" t="s">
        <v>15</v>
      </c>
      <c r="G5653" s="16">
        <v>0.31453367107185526</v>
      </c>
    </row>
    <row r="5654" spans="1:7" x14ac:dyDescent="0.3">
      <c r="A5654" s="13" t="s">
        <v>54</v>
      </c>
      <c r="B5654" s="14" t="s">
        <v>1</v>
      </c>
      <c r="C5654" s="14" t="s">
        <v>23</v>
      </c>
      <c r="D5654" s="14" t="s">
        <v>55</v>
      </c>
      <c r="E5654" s="15">
        <v>45555</v>
      </c>
      <c r="F5654" s="14" t="s">
        <v>15</v>
      </c>
      <c r="G5654" s="16">
        <v>0.33060787690726273</v>
      </c>
    </row>
    <row r="5655" spans="1:7" x14ac:dyDescent="0.3">
      <c r="A5655" s="13" t="s">
        <v>54</v>
      </c>
      <c r="B5655" s="14" t="s">
        <v>1</v>
      </c>
      <c r="C5655" s="14" t="s">
        <v>23</v>
      </c>
      <c r="D5655" s="14" t="s">
        <v>55</v>
      </c>
      <c r="E5655" s="15">
        <v>45556</v>
      </c>
      <c r="F5655" s="14" t="s">
        <v>15</v>
      </c>
      <c r="G5655" s="16">
        <v>0.33060787690726273</v>
      </c>
    </row>
    <row r="5656" spans="1:7" x14ac:dyDescent="0.3">
      <c r="A5656" s="13" t="s">
        <v>54</v>
      </c>
      <c r="B5656" s="14" t="s">
        <v>1</v>
      </c>
      <c r="C5656" s="14" t="s">
        <v>23</v>
      </c>
      <c r="D5656" s="14" t="s">
        <v>55</v>
      </c>
      <c r="E5656" s="15">
        <v>45557</v>
      </c>
      <c r="F5656" s="14" t="s">
        <v>15</v>
      </c>
      <c r="G5656" s="16">
        <v>0.33060787690726273</v>
      </c>
    </row>
    <row r="5657" spans="1:7" x14ac:dyDescent="0.3">
      <c r="A5657" s="13" t="s">
        <v>54</v>
      </c>
      <c r="B5657" s="14" t="s">
        <v>1</v>
      </c>
      <c r="C5657" s="14" t="s">
        <v>23</v>
      </c>
      <c r="D5657" s="14" t="s">
        <v>55</v>
      </c>
      <c r="E5657" s="15">
        <v>45558</v>
      </c>
      <c r="F5657" s="14" t="s">
        <v>15</v>
      </c>
      <c r="G5657" s="16">
        <v>0.34668208274267015</v>
      </c>
    </row>
    <row r="5658" spans="1:7" x14ac:dyDescent="0.3">
      <c r="A5658" s="13" t="s">
        <v>54</v>
      </c>
      <c r="B5658" s="14" t="s">
        <v>1</v>
      </c>
      <c r="C5658" s="14" t="s">
        <v>23</v>
      </c>
      <c r="D5658" s="14" t="s">
        <v>55</v>
      </c>
      <c r="E5658" s="15">
        <v>45559</v>
      </c>
      <c r="F5658" s="14" t="s">
        <v>15</v>
      </c>
      <c r="G5658" s="16">
        <v>0.40575628857807755</v>
      </c>
    </row>
    <row r="5659" spans="1:7" x14ac:dyDescent="0.3">
      <c r="A5659" s="13" t="s">
        <v>54</v>
      </c>
      <c r="B5659" s="14" t="s">
        <v>1</v>
      </c>
      <c r="C5659" s="14" t="s">
        <v>23</v>
      </c>
      <c r="D5659" s="14" t="s">
        <v>55</v>
      </c>
      <c r="E5659" s="15">
        <v>45560</v>
      </c>
      <c r="F5659" s="14" t="s">
        <v>15</v>
      </c>
      <c r="G5659" s="16">
        <v>0.42183049441348502</v>
      </c>
    </row>
    <row r="5660" spans="1:7" x14ac:dyDescent="0.3">
      <c r="A5660" s="13" t="s">
        <v>54</v>
      </c>
      <c r="B5660" s="14" t="s">
        <v>1</v>
      </c>
      <c r="C5660" s="14" t="s">
        <v>23</v>
      </c>
      <c r="D5660" s="14" t="s">
        <v>55</v>
      </c>
      <c r="E5660" s="15">
        <v>45561</v>
      </c>
      <c r="F5660" s="14" t="s">
        <v>15</v>
      </c>
      <c r="G5660" s="16">
        <v>0.43790470024889244</v>
      </c>
    </row>
    <row r="5661" spans="1:7" x14ac:dyDescent="0.3">
      <c r="A5661" s="13" t="s">
        <v>54</v>
      </c>
      <c r="B5661" s="14" t="s">
        <v>1</v>
      </c>
      <c r="C5661" s="14" t="s">
        <v>23</v>
      </c>
      <c r="D5661" s="14" t="s">
        <v>55</v>
      </c>
      <c r="E5661" s="15">
        <v>45562</v>
      </c>
      <c r="F5661" s="14" t="s">
        <v>15</v>
      </c>
      <c r="G5661" s="16">
        <v>0.45697890608430003</v>
      </c>
    </row>
    <row r="5662" spans="1:7" x14ac:dyDescent="0.3">
      <c r="A5662" s="13" t="s">
        <v>54</v>
      </c>
      <c r="B5662" s="14" t="s">
        <v>1</v>
      </c>
      <c r="C5662" s="14" t="s">
        <v>23</v>
      </c>
      <c r="D5662" s="14" t="s">
        <v>55</v>
      </c>
      <c r="E5662" s="15">
        <v>45563</v>
      </c>
      <c r="F5662" s="14" t="s">
        <v>15</v>
      </c>
      <c r="G5662" s="16">
        <v>0.45697890608430003</v>
      </c>
    </row>
    <row r="5663" spans="1:7" x14ac:dyDescent="0.3">
      <c r="A5663" s="13" t="s">
        <v>54</v>
      </c>
      <c r="B5663" s="14" t="s">
        <v>1</v>
      </c>
      <c r="C5663" s="14" t="s">
        <v>23</v>
      </c>
      <c r="D5663" s="14" t="s">
        <v>55</v>
      </c>
      <c r="E5663" s="15">
        <v>45564</v>
      </c>
      <c r="F5663" s="14" t="s">
        <v>15</v>
      </c>
      <c r="G5663" s="16">
        <v>0.45697890608430003</v>
      </c>
    </row>
    <row r="5664" spans="1:7" x14ac:dyDescent="0.3">
      <c r="A5664" s="13" t="s">
        <v>54</v>
      </c>
      <c r="B5664" s="14" t="s">
        <v>1</v>
      </c>
      <c r="C5664" s="14" t="s">
        <v>23</v>
      </c>
      <c r="D5664" s="14" t="s">
        <v>55</v>
      </c>
      <c r="E5664" s="15">
        <v>45565</v>
      </c>
      <c r="F5664" s="14" t="s">
        <v>15</v>
      </c>
      <c r="G5664" s="16">
        <v>0.47305311191970745</v>
      </c>
    </row>
    <row r="5665" spans="1:7" x14ac:dyDescent="0.3">
      <c r="A5665" s="13" t="s">
        <v>54</v>
      </c>
      <c r="B5665" s="14" t="s">
        <v>1</v>
      </c>
      <c r="C5665" s="14" t="s">
        <v>23</v>
      </c>
      <c r="D5665" s="14" t="s">
        <v>55</v>
      </c>
      <c r="E5665" s="15">
        <v>45566</v>
      </c>
      <c r="F5665" s="14" t="s">
        <v>15</v>
      </c>
      <c r="G5665" s="16">
        <v>9.1273177551148173E-3</v>
      </c>
    </row>
    <row r="5666" spans="1:7" x14ac:dyDescent="0.3">
      <c r="A5666" s="13" t="s">
        <v>54</v>
      </c>
      <c r="B5666" s="14" t="s">
        <v>1</v>
      </c>
      <c r="C5666" s="14" t="s">
        <v>23</v>
      </c>
      <c r="D5666" s="14" t="s">
        <v>55</v>
      </c>
      <c r="E5666" s="15">
        <v>45567</v>
      </c>
      <c r="F5666" s="14" t="s">
        <v>15</v>
      </c>
      <c r="G5666" s="16">
        <v>2.5201523590522256E-2</v>
      </c>
    </row>
    <row r="5667" spans="1:7" x14ac:dyDescent="0.3">
      <c r="A5667" s="13" t="s">
        <v>54</v>
      </c>
      <c r="B5667" s="14" t="s">
        <v>1</v>
      </c>
      <c r="C5667" s="14" t="s">
        <v>23</v>
      </c>
      <c r="D5667" s="14" t="s">
        <v>55</v>
      </c>
      <c r="E5667" s="15">
        <v>45568</v>
      </c>
      <c r="F5667" s="14" t="s">
        <v>15</v>
      </c>
      <c r="G5667" s="16">
        <v>3.2275729425929711E-2</v>
      </c>
    </row>
    <row r="5668" spans="1:7" x14ac:dyDescent="0.3">
      <c r="A5668" s="13" t="s">
        <v>54</v>
      </c>
      <c r="B5668" s="14" t="s">
        <v>1</v>
      </c>
      <c r="C5668" s="14" t="s">
        <v>23</v>
      </c>
      <c r="D5668" s="14" t="s">
        <v>55</v>
      </c>
      <c r="E5668" s="15">
        <v>45569</v>
      </c>
      <c r="F5668" s="14" t="s">
        <v>15</v>
      </c>
      <c r="G5668" s="16">
        <v>4.934993526133731E-2</v>
      </c>
    </row>
    <row r="5669" spans="1:7" x14ac:dyDescent="0.3">
      <c r="A5669" s="13" t="s">
        <v>54</v>
      </c>
      <c r="B5669" s="14" t="s">
        <v>1</v>
      </c>
      <c r="C5669" s="14" t="s">
        <v>23</v>
      </c>
      <c r="D5669" s="14" t="s">
        <v>55</v>
      </c>
      <c r="E5669" s="15">
        <v>45570</v>
      </c>
      <c r="F5669" s="14" t="s">
        <v>15</v>
      </c>
      <c r="G5669" s="16">
        <v>4.934993526133731E-2</v>
      </c>
    </row>
    <row r="5670" spans="1:7" x14ac:dyDescent="0.3">
      <c r="A5670" s="13" t="s">
        <v>54</v>
      </c>
      <c r="B5670" s="14" t="s">
        <v>1</v>
      </c>
      <c r="C5670" s="14" t="s">
        <v>23</v>
      </c>
      <c r="D5670" s="14" t="s">
        <v>55</v>
      </c>
      <c r="E5670" s="15">
        <v>45571</v>
      </c>
      <c r="F5670" s="14" t="s">
        <v>15</v>
      </c>
      <c r="G5670" s="16">
        <v>4.934993526133731E-2</v>
      </c>
    </row>
    <row r="5671" spans="1:7" x14ac:dyDescent="0.3">
      <c r="A5671" s="13" t="s">
        <v>54</v>
      </c>
      <c r="B5671" s="14" t="s">
        <v>1</v>
      </c>
      <c r="C5671" s="14" t="s">
        <v>23</v>
      </c>
      <c r="D5671" s="14" t="s">
        <v>55</v>
      </c>
      <c r="E5671" s="15">
        <v>45572</v>
      </c>
      <c r="F5671" s="14" t="s">
        <v>15</v>
      </c>
      <c r="G5671" s="16">
        <v>8.8424141096744791E-2</v>
      </c>
    </row>
    <row r="5672" spans="1:7" x14ac:dyDescent="0.3">
      <c r="A5672" s="13" t="s">
        <v>54</v>
      </c>
      <c r="B5672" s="14" t="s">
        <v>1</v>
      </c>
      <c r="C5672" s="14" t="s">
        <v>23</v>
      </c>
      <c r="D5672" s="14" t="s">
        <v>55</v>
      </c>
      <c r="E5672" s="15">
        <v>45573</v>
      </c>
      <c r="F5672" s="14" t="s">
        <v>15</v>
      </c>
      <c r="G5672" s="16">
        <v>0.13949834693215238</v>
      </c>
    </row>
    <row r="5673" spans="1:7" x14ac:dyDescent="0.3">
      <c r="A5673" s="13" t="s">
        <v>54</v>
      </c>
      <c r="B5673" s="14" t="s">
        <v>1</v>
      </c>
      <c r="C5673" s="14" t="s">
        <v>23</v>
      </c>
      <c r="D5673" s="14" t="s">
        <v>55</v>
      </c>
      <c r="E5673" s="15">
        <v>45574</v>
      </c>
      <c r="F5673" s="14" t="s">
        <v>15</v>
      </c>
      <c r="G5673" s="16">
        <v>0.15657255276755996</v>
      </c>
    </row>
    <row r="5674" spans="1:7" x14ac:dyDescent="0.3">
      <c r="A5674" s="13" t="s">
        <v>54</v>
      </c>
      <c r="B5674" s="14" t="s">
        <v>1</v>
      </c>
      <c r="C5674" s="14" t="s">
        <v>23</v>
      </c>
      <c r="D5674" s="14" t="s">
        <v>55</v>
      </c>
      <c r="E5674" s="15">
        <v>45575</v>
      </c>
      <c r="F5674" s="14" t="s">
        <v>15</v>
      </c>
      <c r="G5674" s="16">
        <v>0.17364675860296758</v>
      </c>
    </row>
    <row r="5675" spans="1:7" x14ac:dyDescent="0.3">
      <c r="A5675" s="13" t="s">
        <v>54</v>
      </c>
      <c r="B5675" s="14" t="s">
        <v>1</v>
      </c>
      <c r="C5675" s="14" t="s">
        <v>23</v>
      </c>
      <c r="D5675" s="14" t="s">
        <v>55</v>
      </c>
      <c r="E5675" s="15">
        <v>45576</v>
      </c>
      <c r="F5675" s="14" t="s">
        <v>15</v>
      </c>
      <c r="G5675" s="16">
        <v>0.18972096443837499</v>
      </c>
    </row>
    <row r="5676" spans="1:7" x14ac:dyDescent="0.3">
      <c r="A5676" s="13" t="s">
        <v>54</v>
      </c>
      <c r="B5676" s="14" t="s">
        <v>1</v>
      </c>
      <c r="C5676" s="14" t="s">
        <v>23</v>
      </c>
      <c r="D5676" s="14" t="s">
        <v>55</v>
      </c>
      <c r="E5676" s="15">
        <v>45577</v>
      </c>
      <c r="F5676" s="14" t="s">
        <v>15</v>
      </c>
      <c r="G5676" s="16">
        <v>0.18972096443837499</v>
      </c>
    </row>
    <row r="5677" spans="1:7" x14ac:dyDescent="0.3">
      <c r="A5677" s="13" t="s">
        <v>54</v>
      </c>
      <c r="B5677" s="14" t="s">
        <v>1</v>
      </c>
      <c r="C5677" s="14" t="s">
        <v>23</v>
      </c>
      <c r="D5677" s="14" t="s">
        <v>55</v>
      </c>
      <c r="E5677" s="15">
        <v>45578</v>
      </c>
      <c r="F5677" s="14" t="s">
        <v>15</v>
      </c>
      <c r="G5677" s="16">
        <v>0.18972096443837499</v>
      </c>
    </row>
    <row r="5678" spans="1:7" x14ac:dyDescent="0.3">
      <c r="A5678" s="13" t="s">
        <v>54</v>
      </c>
      <c r="B5678" s="14" t="s">
        <v>1</v>
      </c>
      <c r="C5678" s="14" t="s">
        <v>23</v>
      </c>
      <c r="D5678" s="14" t="s">
        <v>55</v>
      </c>
      <c r="E5678" s="15">
        <v>45579</v>
      </c>
      <c r="F5678" s="14" t="s">
        <v>15</v>
      </c>
      <c r="G5678" s="16">
        <v>0.18972096443837499</v>
      </c>
    </row>
    <row r="5679" spans="1:7" x14ac:dyDescent="0.3">
      <c r="A5679" s="13" t="s">
        <v>54</v>
      </c>
      <c r="B5679" s="14" t="s">
        <v>1</v>
      </c>
      <c r="C5679" s="14" t="s">
        <v>23</v>
      </c>
      <c r="D5679" s="14" t="s">
        <v>55</v>
      </c>
      <c r="E5679" s="15">
        <v>45580</v>
      </c>
      <c r="F5679" s="14" t="s">
        <v>15</v>
      </c>
      <c r="G5679" s="16">
        <v>0.20679517027378225</v>
      </c>
    </row>
    <row r="5680" spans="1:7" x14ac:dyDescent="0.3">
      <c r="A5680" s="13" t="s">
        <v>54</v>
      </c>
      <c r="B5680" s="14" t="s">
        <v>1</v>
      </c>
      <c r="C5680" s="14" t="s">
        <v>23</v>
      </c>
      <c r="D5680" s="14" t="s">
        <v>55</v>
      </c>
      <c r="E5680" s="15">
        <v>45581</v>
      </c>
      <c r="F5680" s="14" t="s">
        <v>15</v>
      </c>
      <c r="G5680" s="16">
        <v>0.27186937610918988</v>
      </c>
    </row>
    <row r="5681" spans="1:7" x14ac:dyDescent="0.3">
      <c r="A5681" s="13" t="s">
        <v>54</v>
      </c>
      <c r="B5681" s="14" t="s">
        <v>1</v>
      </c>
      <c r="C5681" s="14" t="s">
        <v>23</v>
      </c>
      <c r="D5681" s="14" t="s">
        <v>55</v>
      </c>
      <c r="E5681" s="15">
        <v>45582</v>
      </c>
      <c r="F5681" s="14" t="s">
        <v>15</v>
      </c>
      <c r="G5681" s="16">
        <v>0.28894358194459713</v>
      </c>
    </row>
    <row r="5682" spans="1:7" x14ac:dyDescent="0.3">
      <c r="A5682" s="13" t="s">
        <v>54</v>
      </c>
      <c r="B5682" s="14" t="s">
        <v>1</v>
      </c>
      <c r="C5682" s="14" t="s">
        <v>23</v>
      </c>
      <c r="D5682" s="14" t="s">
        <v>55</v>
      </c>
      <c r="E5682" s="15">
        <v>45583</v>
      </c>
      <c r="F5682" s="14" t="s">
        <v>15</v>
      </c>
      <c r="G5682" s="16">
        <v>0.30601778778000438</v>
      </c>
    </row>
    <row r="5683" spans="1:7" x14ac:dyDescent="0.3">
      <c r="A5683" s="13" t="s">
        <v>54</v>
      </c>
      <c r="B5683" s="14" t="s">
        <v>1</v>
      </c>
      <c r="C5683" s="14" t="s">
        <v>23</v>
      </c>
      <c r="D5683" s="14" t="s">
        <v>55</v>
      </c>
      <c r="E5683" s="15">
        <v>45584</v>
      </c>
      <c r="F5683" s="14" t="s">
        <v>15</v>
      </c>
      <c r="G5683" s="16">
        <v>0.30601778778000438</v>
      </c>
    </row>
    <row r="5684" spans="1:7" x14ac:dyDescent="0.3">
      <c r="A5684" s="13" t="s">
        <v>54</v>
      </c>
      <c r="B5684" s="14" t="s">
        <v>1</v>
      </c>
      <c r="C5684" s="14" t="s">
        <v>23</v>
      </c>
      <c r="D5684" s="14" t="s">
        <v>55</v>
      </c>
      <c r="E5684" s="15">
        <v>45585</v>
      </c>
      <c r="F5684" s="14" t="s">
        <v>15</v>
      </c>
      <c r="G5684" s="16">
        <v>0.30601778778000438</v>
      </c>
    </row>
    <row r="5685" spans="1:7" x14ac:dyDescent="0.3">
      <c r="A5685" s="13" t="s">
        <v>54</v>
      </c>
      <c r="B5685" s="14" t="s">
        <v>1</v>
      </c>
      <c r="C5685" s="14" t="s">
        <v>23</v>
      </c>
      <c r="D5685" s="14" t="s">
        <v>55</v>
      </c>
      <c r="E5685" s="15">
        <v>45586</v>
      </c>
      <c r="F5685" s="14" t="s">
        <v>15</v>
      </c>
      <c r="G5685" s="16">
        <v>0.3220919936154118</v>
      </c>
    </row>
    <row r="5686" spans="1:7" x14ac:dyDescent="0.3">
      <c r="A5686" s="13" t="s">
        <v>54</v>
      </c>
      <c r="B5686" s="14" t="s">
        <v>1</v>
      </c>
      <c r="C5686" s="14" t="s">
        <v>23</v>
      </c>
      <c r="D5686" s="14" t="s">
        <v>55</v>
      </c>
      <c r="E5686" s="15">
        <v>45587</v>
      </c>
      <c r="F5686" s="14" t="s">
        <v>15</v>
      </c>
      <c r="G5686" s="16">
        <v>0.37116619945081908</v>
      </c>
    </row>
    <row r="5687" spans="1:7" x14ac:dyDescent="0.3">
      <c r="A5687" s="13" t="s">
        <v>54</v>
      </c>
      <c r="B5687" s="14" t="s">
        <v>1</v>
      </c>
      <c r="C5687" s="14" t="s">
        <v>23</v>
      </c>
      <c r="D5687" s="14" t="s">
        <v>55</v>
      </c>
      <c r="E5687" s="15">
        <v>45588</v>
      </c>
      <c r="F5687" s="14" t="s">
        <v>15</v>
      </c>
      <c r="G5687" s="16">
        <v>0.38824040528622633</v>
      </c>
    </row>
    <row r="5688" spans="1:7" x14ac:dyDescent="0.3">
      <c r="A5688" s="13" t="s">
        <v>54</v>
      </c>
      <c r="B5688" s="14" t="s">
        <v>1</v>
      </c>
      <c r="C5688" s="14" t="s">
        <v>23</v>
      </c>
      <c r="D5688" s="14" t="s">
        <v>55</v>
      </c>
      <c r="E5688" s="15">
        <v>45589</v>
      </c>
      <c r="F5688" s="14" t="s">
        <v>15</v>
      </c>
      <c r="G5688" s="16">
        <v>0.40531461112163358</v>
      </c>
    </row>
    <row r="5689" spans="1:7" x14ac:dyDescent="0.3">
      <c r="A5689" s="13" t="s">
        <v>54</v>
      </c>
      <c r="B5689" s="14" t="s">
        <v>1</v>
      </c>
      <c r="C5689" s="14" t="s">
        <v>23</v>
      </c>
      <c r="D5689" s="14" t="s">
        <v>55</v>
      </c>
      <c r="E5689" s="15">
        <v>45590</v>
      </c>
      <c r="F5689" s="14" t="s">
        <v>15</v>
      </c>
      <c r="G5689" s="16">
        <v>0.42238881695704078</v>
      </c>
    </row>
    <row r="5690" spans="1:7" x14ac:dyDescent="0.3">
      <c r="A5690" s="13" t="s">
        <v>54</v>
      </c>
      <c r="B5690" s="14" t="s">
        <v>1</v>
      </c>
      <c r="C5690" s="14" t="s">
        <v>23</v>
      </c>
      <c r="D5690" s="14" t="s">
        <v>55</v>
      </c>
      <c r="E5690" s="15">
        <v>45591</v>
      </c>
      <c r="F5690" s="14" t="s">
        <v>15</v>
      </c>
      <c r="G5690" s="16">
        <v>0.42238881695704078</v>
      </c>
    </row>
    <row r="5691" spans="1:7" x14ac:dyDescent="0.3">
      <c r="A5691" s="13" t="s">
        <v>54</v>
      </c>
      <c r="B5691" s="14" t="s">
        <v>1</v>
      </c>
      <c r="C5691" s="14" t="s">
        <v>23</v>
      </c>
      <c r="D5691" s="14" t="s">
        <v>55</v>
      </c>
      <c r="E5691" s="15">
        <v>45592</v>
      </c>
      <c r="F5691" s="14" t="s">
        <v>15</v>
      </c>
      <c r="G5691" s="16">
        <v>0.42238881695704078</v>
      </c>
    </row>
    <row r="5692" spans="1:7" x14ac:dyDescent="0.3">
      <c r="A5692" s="13" t="s">
        <v>54</v>
      </c>
      <c r="B5692" s="14" t="s">
        <v>1</v>
      </c>
      <c r="C5692" s="14" t="s">
        <v>23</v>
      </c>
      <c r="D5692" s="14" t="s">
        <v>55</v>
      </c>
      <c r="E5692" s="15">
        <v>45593</v>
      </c>
      <c r="F5692" s="14" t="s">
        <v>15</v>
      </c>
      <c r="G5692" s="16">
        <v>0.42238881695704078</v>
      </c>
    </row>
    <row r="5693" spans="1:7" x14ac:dyDescent="0.3">
      <c r="A5693" s="13" t="s">
        <v>54</v>
      </c>
      <c r="B5693" s="14" t="s">
        <v>1</v>
      </c>
      <c r="C5693" s="14" t="s">
        <v>23</v>
      </c>
      <c r="D5693" s="14" t="s">
        <v>55</v>
      </c>
      <c r="E5693" s="15">
        <v>45594</v>
      </c>
      <c r="F5693" s="14" t="s">
        <v>15</v>
      </c>
      <c r="G5693" s="16">
        <v>0.44146302279244837</v>
      </c>
    </row>
    <row r="5694" spans="1:7" x14ac:dyDescent="0.3">
      <c r="A5694" s="13" t="s">
        <v>54</v>
      </c>
      <c r="B5694" s="14" t="s">
        <v>1</v>
      </c>
      <c r="C5694" s="14" t="s">
        <v>23</v>
      </c>
      <c r="D5694" s="14" t="s">
        <v>55</v>
      </c>
      <c r="E5694" s="15">
        <v>45595</v>
      </c>
      <c r="F5694" s="14" t="s">
        <v>15</v>
      </c>
      <c r="G5694" s="16">
        <v>0.5025372286278561</v>
      </c>
    </row>
    <row r="5695" spans="1:7" x14ac:dyDescent="0.3">
      <c r="A5695" s="13" t="s">
        <v>54</v>
      </c>
      <c r="B5695" s="14" t="s">
        <v>1</v>
      </c>
      <c r="C5695" s="14" t="s">
        <v>23</v>
      </c>
      <c r="D5695" s="14" t="s">
        <v>55</v>
      </c>
      <c r="E5695" s="15">
        <v>45596</v>
      </c>
      <c r="F5695" s="14" t="s">
        <v>15</v>
      </c>
      <c r="G5695" s="16">
        <v>0.50661143446326373</v>
      </c>
    </row>
    <row r="5696" spans="1:7" x14ac:dyDescent="0.3">
      <c r="A5696" s="13" t="s">
        <v>54</v>
      </c>
      <c r="B5696" s="14" t="s">
        <v>1</v>
      </c>
      <c r="C5696" s="14" t="s">
        <v>23</v>
      </c>
      <c r="D5696" s="14" t="s">
        <v>55</v>
      </c>
      <c r="E5696" s="15">
        <v>45597</v>
      </c>
      <c r="F5696" s="14" t="s">
        <v>15</v>
      </c>
      <c r="G5696" s="16">
        <v>1.0685640298671473E-2</v>
      </c>
    </row>
    <row r="5697" spans="1:7" x14ac:dyDescent="0.3">
      <c r="A5697" s="13" t="s">
        <v>54</v>
      </c>
      <c r="B5697" s="14" t="s">
        <v>1</v>
      </c>
      <c r="C5697" s="14" t="s">
        <v>23</v>
      </c>
      <c r="D5697" s="14" t="s">
        <v>55</v>
      </c>
      <c r="E5697" s="15">
        <v>45598</v>
      </c>
      <c r="F5697" s="14" t="s">
        <v>15</v>
      </c>
      <c r="G5697" s="16">
        <v>1.0685640298671473E-2</v>
      </c>
    </row>
    <row r="5698" spans="1:7" x14ac:dyDescent="0.3">
      <c r="A5698" s="13" t="s">
        <v>54</v>
      </c>
      <c r="B5698" s="14" t="s">
        <v>1</v>
      </c>
      <c r="C5698" s="14" t="s">
        <v>23</v>
      </c>
      <c r="D5698" s="14" t="s">
        <v>55</v>
      </c>
      <c r="E5698" s="15">
        <v>45599</v>
      </c>
      <c r="F5698" s="14" t="s">
        <v>15</v>
      </c>
      <c r="G5698" s="16">
        <v>1.0685640298671473E-2</v>
      </c>
    </row>
    <row r="5699" spans="1:7" x14ac:dyDescent="0.3">
      <c r="A5699" s="13" t="s">
        <v>54</v>
      </c>
      <c r="B5699" s="14" t="s">
        <v>1</v>
      </c>
      <c r="C5699" s="14" t="s">
        <v>23</v>
      </c>
      <c r="D5699" s="14" t="s">
        <v>55</v>
      </c>
      <c r="E5699" s="15">
        <v>45600</v>
      </c>
      <c r="F5699" s="14" t="s">
        <v>15</v>
      </c>
      <c r="G5699" s="16">
        <v>1.775984613407857E-2</v>
      </c>
    </row>
    <row r="5700" spans="1:7" x14ac:dyDescent="0.3">
      <c r="A5700" s="13" t="s">
        <v>54</v>
      </c>
      <c r="B5700" s="14" t="s">
        <v>1</v>
      </c>
      <c r="C5700" s="14" t="s">
        <v>23</v>
      </c>
      <c r="D5700" s="14" t="s">
        <v>55</v>
      </c>
      <c r="E5700" s="15">
        <v>45601</v>
      </c>
      <c r="F5700" s="14" t="s">
        <v>15</v>
      </c>
      <c r="G5700" s="16">
        <v>6.5834051969486038E-2</v>
      </c>
    </row>
    <row r="5701" spans="1:7" x14ac:dyDescent="0.3">
      <c r="A5701" s="13" t="s">
        <v>54</v>
      </c>
      <c r="B5701" s="14" t="s">
        <v>1</v>
      </c>
      <c r="C5701" s="14" t="s">
        <v>23</v>
      </c>
      <c r="D5701" s="14" t="s">
        <v>55</v>
      </c>
      <c r="E5701" s="15">
        <v>45602</v>
      </c>
      <c r="F5701" s="14" t="s">
        <v>15</v>
      </c>
      <c r="G5701" s="16">
        <v>8.1908257804893483E-2</v>
      </c>
    </row>
    <row r="5702" spans="1:7" x14ac:dyDescent="0.3">
      <c r="A5702" s="13" t="s">
        <v>54</v>
      </c>
      <c r="B5702" s="14" t="s">
        <v>1</v>
      </c>
      <c r="C5702" s="14" t="s">
        <v>23</v>
      </c>
      <c r="D5702" s="14" t="s">
        <v>55</v>
      </c>
      <c r="E5702" s="15">
        <v>45603</v>
      </c>
      <c r="F5702" s="14" t="s">
        <v>15</v>
      </c>
      <c r="G5702" s="16">
        <v>9.8982463640300722E-2</v>
      </c>
    </row>
    <row r="5703" spans="1:7" x14ac:dyDescent="0.3">
      <c r="A5703" s="13" t="s">
        <v>54</v>
      </c>
      <c r="B5703" s="14" t="s">
        <v>1</v>
      </c>
      <c r="C5703" s="14" t="s">
        <v>23</v>
      </c>
      <c r="D5703" s="14" t="s">
        <v>55</v>
      </c>
      <c r="E5703" s="15">
        <v>45604</v>
      </c>
      <c r="F5703" s="14" t="s">
        <v>15</v>
      </c>
      <c r="G5703" s="16">
        <v>0.11605666947570796</v>
      </c>
    </row>
    <row r="5704" spans="1:7" x14ac:dyDescent="0.3">
      <c r="A5704" s="13" t="s">
        <v>54</v>
      </c>
      <c r="B5704" s="14" t="s">
        <v>1</v>
      </c>
      <c r="C5704" s="14" t="s">
        <v>23</v>
      </c>
      <c r="D5704" s="14" t="s">
        <v>55</v>
      </c>
      <c r="E5704" s="15">
        <v>45605</v>
      </c>
      <c r="F5704" s="14" t="s">
        <v>15</v>
      </c>
      <c r="G5704" s="16">
        <v>0.11605666947570796</v>
      </c>
    </row>
    <row r="5705" spans="1:7" x14ac:dyDescent="0.3">
      <c r="A5705" s="13" t="s">
        <v>54</v>
      </c>
      <c r="B5705" s="14" t="s">
        <v>1</v>
      </c>
      <c r="C5705" s="14" t="s">
        <v>23</v>
      </c>
      <c r="D5705" s="14" t="s">
        <v>55</v>
      </c>
      <c r="E5705" s="15">
        <v>45606</v>
      </c>
      <c r="F5705" s="14" t="s">
        <v>15</v>
      </c>
      <c r="G5705" s="16">
        <v>0.11605666947570796</v>
      </c>
    </row>
    <row r="5706" spans="1:7" x14ac:dyDescent="0.3">
      <c r="A5706" s="13" t="s">
        <v>54</v>
      </c>
      <c r="B5706" s="14" t="s">
        <v>1</v>
      </c>
      <c r="C5706" s="14" t="s">
        <v>23</v>
      </c>
      <c r="D5706" s="14" t="s">
        <v>55</v>
      </c>
      <c r="E5706" s="15">
        <v>45607</v>
      </c>
      <c r="F5706" s="14" t="s">
        <v>15</v>
      </c>
      <c r="G5706" s="16">
        <v>0.11605666947570796</v>
      </c>
    </row>
    <row r="5707" spans="1:7" x14ac:dyDescent="0.3">
      <c r="A5707" s="13" t="s">
        <v>54</v>
      </c>
      <c r="B5707" s="14" t="s">
        <v>1</v>
      </c>
      <c r="C5707" s="14" t="s">
        <v>23</v>
      </c>
      <c r="D5707" s="14" t="s">
        <v>55</v>
      </c>
      <c r="E5707" s="15">
        <v>45608</v>
      </c>
      <c r="F5707" s="14" t="s">
        <v>15</v>
      </c>
      <c r="G5707" s="16">
        <v>0.13113087531111561</v>
      </c>
    </row>
    <row r="5708" spans="1:7" x14ac:dyDescent="0.3">
      <c r="A5708" s="13" t="s">
        <v>54</v>
      </c>
      <c r="B5708" s="14" t="s">
        <v>1</v>
      </c>
      <c r="C5708" s="14" t="s">
        <v>23</v>
      </c>
      <c r="D5708" s="14" t="s">
        <v>55</v>
      </c>
      <c r="E5708" s="15">
        <v>45609</v>
      </c>
      <c r="F5708" s="14" t="s">
        <v>15</v>
      </c>
      <c r="G5708" s="16">
        <v>0.20520508114652286</v>
      </c>
    </row>
    <row r="5709" spans="1:7" x14ac:dyDescent="0.3">
      <c r="A5709" s="13" t="s">
        <v>54</v>
      </c>
      <c r="B5709" s="14" t="s">
        <v>1</v>
      </c>
      <c r="C5709" s="14" t="s">
        <v>23</v>
      </c>
      <c r="D5709" s="14" t="s">
        <v>55</v>
      </c>
      <c r="E5709" s="15">
        <v>45610</v>
      </c>
      <c r="F5709" s="14" t="s">
        <v>15</v>
      </c>
      <c r="G5709" s="16">
        <v>0.2202792869819305</v>
      </c>
    </row>
    <row r="5710" spans="1:7" x14ac:dyDescent="0.3">
      <c r="A5710" s="13" t="s">
        <v>54</v>
      </c>
      <c r="B5710" s="14" t="s">
        <v>1</v>
      </c>
      <c r="C5710" s="14" t="s">
        <v>23</v>
      </c>
      <c r="D5710" s="14" t="s">
        <v>55</v>
      </c>
      <c r="E5710" s="15">
        <v>45611</v>
      </c>
      <c r="F5710" s="14" t="s">
        <v>15</v>
      </c>
      <c r="G5710" s="16">
        <v>0.23535349281733814</v>
      </c>
    </row>
    <row r="5711" spans="1:7" x14ac:dyDescent="0.3">
      <c r="A5711" s="13" t="s">
        <v>54</v>
      </c>
      <c r="B5711" s="14" t="s">
        <v>1</v>
      </c>
      <c r="C5711" s="14" t="s">
        <v>23</v>
      </c>
      <c r="D5711" s="14" t="s">
        <v>55</v>
      </c>
      <c r="E5711" s="15">
        <v>45612</v>
      </c>
      <c r="F5711" s="14" t="s">
        <v>15</v>
      </c>
      <c r="G5711" s="16">
        <v>0.23535349281733814</v>
      </c>
    </row>
    <row r="5712" spans="1:7" x14ac:dyDescent="0.3">
      <c r="A5712" s="13" t="s">
        <v>54</v>
      </c>
      <c r="B5712" s="14" t="s">
        <v>1</v>
      </c>
      <c r="C5712" s="14" t="s">
        <v>23</v>
      </c>
      <c r="D5712" s="14" t="s">
        <v>55</v>
      </c>
      <c r="E5712" s="15">
        <v>45613</v>
      </c>
      <c r="F5712" s="14" t="s">
        <v>15</v>
      </c>
      <c r="G5712" s="16">
        <v>0.23535349281733814</v>
      </c>
    </row>
    <row r="5713" spans="1:7" x14ac:dyDescent="0.3">
      <c r="A5713" s="13" t="s">
        <v>54</v>
      </c>
      <c r="B5713" s="14" t="s">
        <v>1</v>
      </c>
      <c r="C5713" s="14" t="s">
        <v>23</v>
      </c>
      <c r="D5713" s="14" t="s">
        <v>55</v>
      </c>
      <c r="E5713" s="15">
        <v>45614</v>
      </c>
      <c r="F5713" s="14" t="s">
        <v>15</v>
      </c>
      <c r="G5713" s="16">
        <v>0.25042769865274578</v>
      </c>
    </row>
    <row r="5714" spans="1:7" x14ac:dyDescent="0.3">
      <c r="A5714" s="13" t="s">
        <v>54</v>
      </c>
      <c r="B5714" s="14" t="s">
        <v>1</v>
      </c>
      <c r="C5714" s="14" t="s">
        <v>23</v>
      </c>
      <c r="D5714" s="14" t="s">
        <v>55</v>
      </c>
      <c r="E5714" s="15">
        <v>45615</v>
      </c>
      <c r="F5714" s="14" t="s">
        <v>15</v>
      </c>
      <c r="G5714" s="16">
        <v>0.29550190448815317</v>
      </c>
    </row>
    <row r="5715" spans="1:7" x14ac:dyDescent="0.3">
      <c r="A5715" s="13" t="s">
        <v>54</v>
      </c>
      <c r="B5715" s="14" t="s">
        <v>1</v>
      </c>
      <c r="C5715" s="14" t="s">
        <v>23</v>
      </c>
      <c r="D5715" s="14" t="s">
        <v>55</v>
      </c>
      <c r="E5715" s="15">
        <v>45616</v>
      </c>
      <c r="F5715" s="14" t="s">
        <v>15</v>
      </c>
      <c r="G5715" s="16">
        <v>0.31157611032356058</v>
      </c>
    </row>
    <row r="5716" spans="1:7" x14ac:dyDescent="0.3">
      <c r="A5716" s="13" t="s">
        <v>54</v>
      </c>
      <c r="B5716" s="14" t="s">
        <v>1</v>
      </c>
      <c r="C5716" s="14" t="s">
        <v>23</v>
      </c>
      <c r="D5716" s="14" t="s">
        <v>55</v>
      </c>
      <c r="E5716" s="15">
        <v>45617</v>
      </c>
      <c r="F5716" s="14" t="s">
        <v>15</v>
      </c>
      <c r="G5716" s="16">
        <v>0.327650316158968</v>
      </c>
    </row>
    <row r="5717" spans="1:7" x14ac:dyDescent="0.3">
      <c r="A5717" s="13" t="s">
        <v>54</v>
      </c>
      <c r="B5717" s="14" t="s">
        <v>1</v>
      </c>
      <c r="C5717" s="14" t="s">
        <v>23</v>
      </c>
      <c r="D5717" s="14" t="s">
        <v>55</v>
      </c>
      <c r="E5717" s="15">
        <v>45618</v>
      </c>
      <c r="F5717" s="14" t="s">
        <v>15</v>
      </c>
      <c r="G5717" s="16">
        <v>0.34372452199437548</v>
      </c>
    </row>
    <row r="5718" spans="1:7" x14ac:dyDescent="0.3">
      <c r="A5718" s="13" t="s">
        <v>54</v>
      </c>
      <c r="B5718" s="14" t="s">
        <v>1</v>
      </c>
      <c r="C5718" s="14" t="s">
        <v>23</v>
      </c>
      <c r="D5718" s="14" t="s">
        <v>55</v>
      </c>
      <c r="E5718" s="15">
        <v>45619</v>
      </c>
      <c r="F5718" s="14" t="s">
        <v>15</v>
      </c>
      <c r="G5718" s="16">
        <v>0.34372452199437548</v>
      </c>
    </row>
    <row r="5719" spans="1:7" x14ac:dyDescent="0.3">
      <c r="A5719" s="13" t="s">
        <v>54</v>
      </c>
      <c r="B5719" s="14" t="s">
        <v>1</v>
      </c>
      <c r="C5719" s="14" t="s">
        <v>23</v>
      </c>
      <c r="D5719" s="14" t="s">
        <v>55</v>
      </c>
      <c r="E5719" s="15">
        <v>45620</v>
      </c>
      <c r="F5719" s="14" t="s">
        <v>15</v>
      </c>
      <c r="G5719" s="16">
        <v>0.34372452199437548</v>
      </c>
    </row>
    <row r="5720" spans="1:7" x14ac:dyDescent="0.3">
      <c r="A5720" s="13" t="s">
        <v>54</v>
      </c>
      <c r="B5720" s="14" t="s">
        <v>1</v>
      </c>
      <c r="C5720" s="14" t="s">
        <v>23</v>
      </c>
      <c r="D5720" s="14" t="s">
        <v>55</v>
      </c>
      <c r="E5720" s="15">
        <v>45621</v>
      </c>
      <c r="F5720" s="14" t="s">
        <v>15</v>
      </c>
      <c r="G5720" s="16">
        <v>0.35979872782978289</v>
      </c>
    </row>
    <row r="5721" spans="1:7" x14ac:dyDescent="0.3">
      <c r="A5721" s="13" t="s">
        <v>54</v>
      </c>
      <c r="B5721" s="14" t="s">
        <v>1</v>
      </c>
      <c r="C5721" s="14" t="s">
        <v>23</v>
      </c>
      <c r="D5721" s="14" t="s">
        <v>55</v>
      </c>
      <c r="E5721" s="15">
        <v>45622</v>
      </c>
      <c r="F5721" s="14" t="s">
        <v>15</v>
      </c>
      <c r="G5721" s="16">
        <v>0.40687293366519056</v>
      </c>
    </row>
    <row r="5722" spans="1:7" x14ac:dyDescent="0.3">
      <c r="A5722" s="13" t="s">
        <v>54</v>
      </c>
      <c r="B5722" s="14" t="s">
        <v>1</v>
      </c>
      <c r="C5722" s="14" t="s">
        <v>23</v>
      </c>
      <c r="D5722" s="14" t="s">
        <v>55</v>
      </c>
      <c r="E5722" s="15">
        <v>45623</v>
      </c>
      <c r="F5722" s="14" t="s">
        <v>15</v>
      </c>
      <c r="G5722" s="16">
        <v>0.42294713950059803</v>
      </c>
    </row>
    <row r="5723" spans="1:7" x14ac:dyDescent="0.3">
      <c r="A5723" s="13" t="s">
        <v>54</v>
      </c>
      <c r="B5723" s="14" t="s">
        <v>1</v>
      </c>
      <c r="C5723" s="14" t="s">
        <v>23</v>
      </c>
      <c r="D5723" s="14" t="s">
        <v>55</v>
      </c>
      <c r="E5723" s="15">
        <v>45624</v>
      </c>
      <c r="F5723" s="14" t="s">
        <v>15</v>
      </c>
      <c r="G5723" s="16">
        <v>0.42294713950059803</v>
      </c>
    </row>
    <row r="5724" spans="1:7" x14ac:dyDescent="0.3">
      <c r="A5724" s="13" t="s">
        <v>54</v>
      </c>
      <c r="B5724" s="14" t="s">
        <v>1</v>
      </c>
      <c r="C5724" s="14" t="s">
        <v>23</v>
      </c>
      <c r="D5724" s="14" t="s">
        <v>55</v>
      </c>
      <c r="E5724" s="15">
        <v>45625</v>
      </c>
      <c r="F5724" s="14" t="s">
        <v>15</v>
      </c>
      <c r="G5724" s="16">
        <v>0.44202134533600557</v>
      </c>
    </row>
    <row r="5725" spans="1:7" x14ac:dyDescent="0.3">
      <c r="A5725" s="13" t="s">
        <v>54</v>
      </c>
      <c r="B5725" s="14" t="s">
        <v>1</v>
      </c>
      <c r="C5725" s="14" t="s">
        <v>23</v>
      </c>
      <c r="D5725" s="14" t="s">
        <v>55</v>
      </c>
      <c r="E5725" s="15">
        <v>45626</v>
      </c>
      <c r="F5725" s="14" t="s">
        <v>15</v>
      </c>
      <c r="G5725" s="16">
        <v>0.44202134533600557</v>
      </c>
    </row>
    <row r="5726" spans="1:7" x14ac:dyDescent="0.3">
      <c r="A5726" s="13" t="s">
        <v>54</v>
      </c>
      <c r="B5726" s="14" t="s">
        <v>1</v>
      </c>
      <c r="C5726" s="14" t="s">
        <v>23</v>
      </c>
      <c r="D5726" s="14" t="s">
        <v>55</v>
      </c>
      <c r="E5726" s="15">
        <v>45627</v>
      </c>
      <c r="F5726" s="14" t="s">
        <v>15</v>
      </c>
      <c r="G5726" s="16">
        <v>0.44202134533600557</v>
      </c>
    </row>
    <row r="5727" spans="1:7" x14ac:dyDescent="0.3">
      <c r="A5727" s="13" t="s">
        <v>54</v>
      </c>
      <c r="B5727" s="14" t="s">
        <v>1</v>
      </c>
      <c r="C5727" s="14" t="s">
        <v>23</v>
      </c>
      <c r="D5727" s="14" t="s">
        <v>55</v>
      </c>
      <c r="E5727" s="15">
        <v>45628</v>
      </c>
      <c r="F5727" s="14" t="s">
        <v>15</v>
      </c>
      <c r="G5727" s="16">
        <v>1.2095551171412922E-2</v>
      </c>
    </row>
    <row r="5728" spans="1:7" x14ac:dyDescent="0.3">
      <c r="A5728" s="13" t="s">
        <v>54</v>
      </c>
      <c r="B5728" s="14" t="s">
        <v>1</v>
      </c>
      <c r="C5728" s="14" t="s">
        <v>23</v>
      </c>
      <c r="D5728" s="14" t="s">
        <v>55</v>
      </c>
      <c r="E5728" s="15">
        <v>45629</v>
      </c>
      <c r="F5728" s="14" t="s">
        <v>15</v>
      </c>
      <c r="G5728" s="16">
        <v>4.6169757006820335E-2</v>
      </c>
    </row>
    <row r="5729" spans="1:7" x14ac:dyDescent="0.3">
      <c r="A5729" s="13" t="s">
        <v>54</v>
      </c>
      <c r="B5729" s="14" t="s">
        <v>1</v>
      </c>
      <c r="C5729" s="14" t="s">
        <v>23</v>
      </c>
      <c r="D5729" s="14" t="s">
        <v>55</v>
      </c>
      <c r="E5729" s="15">
        <v>45630</v>
      </c>
      <c r="F5729" s="14" t="s">
        <v>15</v>
      </c>
      <c r="G5729" s="16">
        <v>6.024396284222746E-2</v>
      </c>
    </row>
    <row r="5730" spans="1:7" x14ac:dyDescent="0.3">
      <c r="A5730" s="13" t="s">
        <v>54</v>
      </c>
      <c r="B5730" s="14" t="s">
        <v>1</v>
      </c>
      <c r="C5730" s="14" t="s">
        <v>23</v>
      </c>
      <c r="D5730" s="14" t="s">
        <v>55</v>
      </c>
      <c r="E5730" s="15">
        <v>45631</v>
      </c>
      <c r="F5730" s="14" t="s">
        <v>15</v>
      </c>
      <c r="G5730" s="16">
        <v>7.6318168677634898E-2</v>
      </c>
    </row>
    <row r="5731" spans="1:7" x14ac:dyDescent="0.3">
      <c r="A5731" s="13" t="s">
        <v>54</v>
      </c>
      <c r="B5731" s="14" t="s">
        <v>1</v>
      </c>
      <c r="C5731" s="14" t="s">
        <v>23</v>
      </c>
      <c r="D5731" s="14" t="s">
        <v>55</v>
      </c>
      <c r="E5731" s="15">
        <v>45632</v>
      </c>
      <c r="F5731" s="14" t="s">
        <v>15</v>
      </c>
      <c r="G5731" s="16">
        <v>9.2392374513042344E-2</v>
      </c>
    </row>
    <row r="5732" spans="1:7" x14ac:dyDescent="0.3">
      <c r="A5732" s="13" t="s">
        <v>54</v>
      </c>
      <c r="B5732" s="14" t="s">
        <v>1</v>
      </c>
      <c r="C5732" s="14" t="s">
        <v>23</v>
      </c>
      <c r="D5732" s="14" t="s">
        <v>55</v>
      </c>
      <c r="E5732" s="15">
        <v>45633</v>
      </c>
      <c r="F5732" s="14" t="s">
        <v>15</v>
      </c>
      <c r="G5732" s="16">
        <v>9.2392374513042344E-2</v>
      </c>
    </row>
    <row r="5733" spans="1:7" x14ac:dyDescent="0.3">
      <c r="A5733" s="13" t="s">
        <v>54</v>
      </c>
      <c r="B5733" s="14" t="s">
        <v>1</v>
      </c>
      <c r="C5733" s="14" t="s">
        <v>23</v>
      </c>
      <c r="D5733" s="14" t="s">
        <v>55</v>
      </c>
      <c r="E5733" s="15">
        <v>45634</v>
      </c>
      <c r="F5733" s="14" t="s">
        <v>15</v>
      </c>
      <c r="G5733" s="16">
        <v>9.2392374513042344E-2</v>
      </c>
    </row>
    <row r="5734" spans="1:7" x14ac:dyDescent="0.3">
      <c r="A5734" s="13" t="s">
        <v>54</v>
      </c>
      <c r="B5734" s="14" t="s">
        <v>1</v>
      </c>
      <c r="C5734" s="14" t="s">
        <v>23</v>
      </c>
      <c r="D5734" s="14" t="s">
        <v>55</v>
      </c>
      <c r="E5734" s="15">
        <v>45635</v>
      </c>
      <c r="F5734" s="14" t="s">
        <v>15</v>
      </c>
      <c r="G5734" s="16">
        <v>0.11446658034845</v>
      </c>
    </row>
    <row r="5735" spans="1:7" x14ac:dyDescent="0.3">
      <c r="A5735" s="13" t="s">
        <v>54</v>
      </c>
      <c r="B5735" s="14" t="s">
        <v>1</v>
      </c>
      <c r="C5735" s="14" t="s">
        <v>23</v>
      </c>
      <c r="D5735" s="14" t="s">
        <v>55</v>
      </c>
      <c r="E5735" s="15">
        <v>45636</v>
      </c>
      <c r="F5735" s="14" t="s">
        <v>15</v>
      </c>
      <c r="G5735" s="16">
        <v>0.16054078618385717</v>
      </c>
    </row>
    <row r="5736" spans="1:7" x14ac:dyDescent="0.3">
      <c r="A5736" s="13" t="s">
        <v>54</v>
      </c>
      <c r="B5736" s="14" t="s">
        <v>1</v>
      </c>
      <c r="C5736" s="14" t="s">
        <v>23</v>
      </c>
      <c r="D5736" s="14" t="s">
        <v>55</v>
      </c>
      <c r="E5736" s="15">
        <v>45637</v>
      </c>
      <c r="F5736" s="14" t="s">
        <v>15</v>
      </c>
      <c r="G5736" s="16">
        <v>0.17561499201926481</v>
      </c>
    </row>
    <row r="5737" spans="1:7" x14ac:dyDescent="0.3">
      <c r="A5737" s="13" t="s">
        <v>54</v>
      </c>
      <c r="B5737" s="14" t="s">
        <v>1</v>
      </c>
      <c r="C5737" s="14" t="s">
        <v>23</v>
      </c>
      <c r="D5737" s="14" t="s">
        <v>55</v>
      </c>
      <c r="E5737" s="15">
        <v>45638</v>
      </c>
      <c r="F5737" s="14" t="s">
        <v>15</v>
      </c>
      <c r="G5737" s="16">
        <v>0.19168919785467226</v>
      </c>
    </row>
    <row r="5738" spans="1:7" x14ac:dyDescent="0.3">
      <c r="A5738" s="13" t="s">
        <v>54</v>
      </c>
      <c r="B5738" s="14" t="s">
        <v>1</v>
      </c>
      <c r="C5738" s="14" t="s">
        <v>23</v>
      </c>
      <c r="D5738" s="14" t="s">
        <v>55</v>
      </c>
      <c r="E5738" s="15">
        <v>45639</v>
      </c>
      <c r="F5738" s="14" t="s">
        <v>15</v>
      </c>
      <c r="G5738" s="16">
        <v>0.20776340369007967</v>
      </c>
    </row>
    <row r="5739" spans="1:7" x14ac:dyDescent="0.3">
      <c r="A5739" s="13" t="s">
        <v>54</v>
      </c>
      <c r="B5739" s="14" t="s">
        <v>1</v>
      </c>
      <c r="C5739" s="14" t="s">
        <v>23</v>
      </c>
      <c r="D5739" s="14" t="s">
        <v>55</v>
      </c>
      <c r="E5739" s="15">
        <v>45640</v>
      </c>
      <c r="F5739" s="14" t="s">
        <v>15</v>
      </c>
      <c r="G5739" s="16">
        <v>0.20776340369007967</v>
      </c>
    </row>
    <row r="5740" spans="1:7" x14ac:dyDescent="0.3">
      <c r="A5740" s="13" t="s">
        <v>54</v>
      </c>
      <c r="B5740" s="14" t="s">
        <v>1</v>
      </c>
      <c r="C5740" s="14" t="s">
        <v>23</v>
      </c>
      <c r="D5740" s="14" t="s">
        <v>55</v>
      </c>
      <c r="E5740" s="15">
        <v>45641</v>
      </c>
      <c r="F5740" s="14" t="s">
        <v>15</v>
      </c>
      <c r="G5740" s="16">
        <v>0.20776340369007967</v>
      </c>
    </row>
    <row r="5741" spans="1:7" x14ac:dyDescent="0.3">
      <c r="A5741" s="13" t="s">
        <v>54</v>
      </c>
      <c r="B5741" s="14" t="s">
        <v>1</v>
      </c>
      <c r="C5741" s="14" t="s">
        <v>23</v>
      </c>
      <c r="D5741" s="14" t="s">
        <v>55</v>
      </c>
      <c r="E5741" s="15">
        <v>45642</v>
      </c>
      <c r="F5741" s="14" t="s">
        <v>15</v>
      </c>
      <c r="G5741" s="16">
        <v>0.22383760952548712</v>
      </c>
    </row>
    <row r="5742" spans="1:7" x14ac:dyDescent="0.3">
      <c r="A5742" s="13" t="s">
        <v>54</v>
      </c>
      <c r="B5742" s="14" t="s">
        <v>1</v>
      </c>
      <c r="C5742" s="14" t="s">
        <v>23</v>
      </c>
      <c r="D5742" s="14" t="s">
        <v>55</v>
      </c>
      <c r="E5742" s="15">
        <v>45643</v>
      </c>
      <c r="F5742" s="14" t="s">
        <v>15</v>
      </c>
      <c r="G5742" s="16">
        <v>0.26991181536089426</v>
      </c>
    </row>
    <row r="5743" spans="1:7" x14ac:dyDescent="0.3">
      <c r="A5743" s="13" t="s">
        <v>54</v>
      </c>
      <c r="B5743" s="14" t="s">
        <v>1</v>
      </c>
      <c r="C5743" s="14" t="s">
        <v>23</v>
      </c>
      <c r="D5743" s="14" t="s">
        <v>55</v>
      </c>
      <c r="E5743" s="15">
        <v>45644</v>
      </c>
      <c r="F5743" s="14" t="s">
        <v>15</v>
      </c>
      <c r="G5743" s="16">
        <v>0.28598602119630173</v>
      </c>
    </row>
    <row r="5744" spans="1:7" x14ac:dyDescent="0.3">
      <c r="A5744" s="13" t="s">
        <v>54</v>
      </c>
      <c r="B5744" s="14" t="s">
        <v>1</v>
      </c>
      <c r="C5744" s="14" t="s">
        <v>23</v>
      </c>
      <c r="D5744" s="14" t="s">
        <v>55</v>
      </c>
      <c r="E5744" s="15">
        <v>45645</v>
      </c>
      <c r="F5744" s="14" t="s">
        <v>15</v>
      </c>
      <c r="G5744" s="16">
        <v>0.30206022703170915</v>
      </c>
    </row>
    <row r="5745" spans="1:7" x14ac:dyDescent="0.3">
      <c r="A5745" s="13" t="s">
        <v>54</v>
      </c>
      <c r="B5745" s="14" t="s">
        <v>1</v>
      </c>
      <c r="C5745" s="14" t="s">
        <v>23</v>
      </c>
      <c r="D5745" s="14" t="s">
        <v>55</v>
      </c>
      <c r="E5745" s="15">
        <v>45646</v>
      </c>
      <c r="F5745" s="14" t="s">
        <v>15</v>
      </c>
      <c r="G5745" s="16">
        <v>0.31813443286711662</v>
      </c>
    </row>
    <row r="5746" spans="1:7" x14ac:dyDescent="0.3">
      <c r="A5746" s="13" t="s">
        <v>54</v>
      </c>
      <c r="B5746" s="14" t="s">
        <v>1</v>
      </c>
      <c r="C5746" s="14" t="s">
        <v>23</v>
      </c>
      <c r="D5746" s="14" t="s">
        <v>55</v>
      </c>
      <c r="E5746" s="15">
        <v>45647</v>
      </c>
      <c r="F5746" s="14" t="s">
        <v>15</v>
      </c>
      <c r="G5746" s="16">
        <v>0.31813443286711662</v>
      </c>
    </row>
    <row r="5747" spans="1:7" x14ac:dyDescent="0.3">
      <c r="A5747" s="13" t="s">
        <v>54</v>
      </c>
      <c r="B5747" s="14" t="s">
        <v>1</v>
      </c>
      <c r="C5747" s="14" t="s">
        <v>23</v>
      </c>
      <c r="D5747" s="14" t="s">
        <v>55</v>
      </c>
      <c r="E5747" s="15">
        <v>45648</v>
      </c>
      <c r="F5747" s="14" t="s">
        <v>15</v>
      </c>
      <c r="G5747" s="16">
        <v>0.31813443286711662</v>
      </c>
    </row>
    <row r="5748" spans="1:7" x14ac:dyDescent="0.3">
      <c r="A5748" s="13" t="s">
        <v>54</v>
      </c>
      <c r="B5748" s="14" t="s">
        <v>1</v>
      </c>
      <c r="C5748" s="14" t="s">
        <v>23</v>
      </c>
      <c r="D5748" s="14" t="s">
        <v>55</v>
      </c>
      <c r="E5748" s="15">
        <v>45649</v>
      </c>
      <c r="F5748" s="14" t="s">
        <v>15</v>
      </c>
      <c r="G5748" s="16">
        <v>0.29720863870252429</v>
      </c>
    </row>
    <row r="5749" spans="1:7" x14ac:dyDescent="0.3">
      <c r="A5749" s="13" t="s">
        <v>54</v>
      </c>
      <c r="B5749" s="14" t="s">
        <v>1</v>
      </c>
      <c r="C5749" s="14" t="s">
        <v>23</v>
      </c>
      <c r="D5749" s="14" t="s">
        <v>55</v>
      </c>
      <c r="E5749" s="15">
        <v>45650</v>
      </c>
      <c r="F5749" s="14" t="s">
        <v>15</v>
      </c>
      <c r="G5749" s="16">
        <v>0.33928284453793156</v>
      </c>
    </row>
    <row r="5750" spans="1:7" x14ac:dyDescent="0.3">
      <c r="A5750" s="13" t="s">
        <v>54</v>
      </c>
      <c r="B5750" s="14" t="s">
        <v>1</v>
      </c>
      <c r="C5750" s="14" t="s">
        <v>23</v>
      </c>
      <c r="D5750" s="14" t="s">
        <v>55</v>
      </c>
      <c r="E5750" s="15">
        <v>45651</v>
      </c>
      <c r="F5750" s="14" t="s">
        <v>15</v>
      </c>
      <c r="G5750" s="16">
        <v>0.33928284453793156</v>
      </c>
    </row>
    <row r="5751" spans="1:7" x14ac:dyDescent="0.3">
      <c r="A5751" s="13" t="s">
        <v>54</v>
      </c>
      <c r="B5751" s="14" t="s">
        <v>1</v>
      </c>
      <c r="C5751" s="14" t="s">
        <v>23</v>
      </c>
      <c r="D5751" s="14" t="s">
        <v>55</v>
      </c>
      <c r="E5751" s="15">
        <v>45652</v>
      </c>
      <c r="F5751" s="14" t="s">
        <v>15</v>
      </c>
      <c r="G5751" s="16">
        <v>0.33928284453793156</v>
      </c>
    </row>
    <row r="5752" spans="1:7" x14ac:dyDescent="0.3">
      <c r="A5752" s="13" t="s">
        <v>54</v>
      </c>
      <c r="B5752" s="14" t="s">
        <v>1</v>
      </c>
      <c r="C5752" s="14" t="s">
        <v>23</v>
      </c>
      <c r="D5752" s="14" t="s">
        <v>55</v>
      </c>
      <c r="E5752" s="15">
        <v>45653</v>
      </c>
      <c r="F5752" s="14" t="s">
        <v>15</v>
      </c>
      <c r="G5752" s="16">
        <v>0.33928284453793156</v>
      </c>
    </row>
    <row r="5753" spans="1:7" x14ac:dyDescent="0.3">
      <c r="A5753" s="13" t="s">
        <v>54</v>
      </c>
      <c r="B5753" s="14" t="s">
        <v>1</v>
      </c>
      <c r="C5753" s="14" t="s">
        <v>23</v>
      </c>
      <c r="D5753" s="14" t="s">
        <v>55</v>
      </c>
      <c r="E5753" s="15">
        <v>45654</v>
      </c>
      <c r="F5753" s="14" t="s">
        <v>15</v>
      </c>
      <c r="G5753" s="16">
        <v>0.33928284453793156</v>
      </c>
    </row>
    <row r="5754" spans="1:7" x14ac:dyDescent="0.3">
      <c r="A5754" s="13" t="s">
        <v>54</v>
      </c>
      <c r="B5754" s="14" t="s">
        <v>1</v>
      </c>
      <c r="C5754" s="14" t="s">
        <v>23</v>
      </c>
      <c r="D5754" s="14" t="s">
        <v>55</v>
      </c>
      <c r="E5754" s="15">
        <v>45655</v>
      </c>
      <c r="F5754" s="14" t="s">
        <v>15</v>
      </c>
      <c r="G5754" s="16">
        <v>0.33928284453793156</v>
      </c>
    </row>
    <row r="5755" spans="1:7" x14ac:dyDescent="0.3">
      <c r="A5755" s="13" t="s">
        <v>54</v>
      </c>
      <c r="B5755" s="14" t="s">
        <v>1</v>
      </c>
      <c r="C5755" s="14" t="s">
        <v>23</v>
      </c>
      <c r="D5755" s="14" t="s">
        <v>55</v>
      </c>
      <c r="E5755" s="15">
        <v>45656</v>
      </c>
      <c r="F5755" s="14" t="s">
        <v>15</v>
      </c>
      <c r="G5755" s="16">
        <v>0.35535705037333898</v>
      </c>
    </row>
    <row r="5756" spans="1:7" x14ac:dyDescent="0.3">
      <c r="A5756" s="13" t="s">
        <v>54</v>
      </c>
      <c r="B5756" s="14" t="s">
        <v>1</v>
      </c>
      <c r="C5756" s="14" t="s">
        <v>23</v>
      </c>
      <c r="D5756" s="14" t="s">
        <v>55</v>
      </c>
      <c r="E5756" s="15">
        <v>45657</v>
      </c>
      <c r="F5756" s="14" t="s">
        <v>15</v>
      </c>
      <c r="G5756" s="16">
        <v>0.45243125620874663</v>
      </c>
    </row>
    <row r="5757" spans="1:7" x14ac:dyDescent="0.3">
      <c r="A5757" s="13" t="s">
        <v>54</v>
      </c>
      <c r="B5757" s="14" t="s">
        <v>1</v>
      </c>
      <c r="C5757" s="14" t="s">
        <v>23</v>
      </c>
      <c r="D5757" s="14" t="s">
        <v>55</v>
      </c>
      <c r="E5757" s="15">
        <v>45658</v>
      </c>
      <c r="F5757" s="14" t="s">
        <v>15</v>
      </c>
      <c r="G5757" s="16">
        <v>0.45243125620874663</v>
      </c>
    </row>
    <row r="5758" spans="1:7" x14ac:dyDescent="0.3">
      <c r="A5758" s="13" t="s">
        <v>54</v>
      </c>
      <c r="B5758" s="14" t="s">
        <v>1</v>
      </c>
      <c r="C5758" s="14" t="s">
        <v>23</v>
      </c>
      <c r="D5758" s="14" t="s">
        <v>55</v>
      </c>
      <c r="E5758" s="15">
        <v>45659</v>
      </c>
      <c r="F5758" s="14" t="s">
        <v>15</v>
      </c>
      <c r="G5758" s="16">
        <v>1.350546204415437E-2</v>
      </c>
    </row>
    <row r="5759" spans="1:7" x14ac:dyDescent="0.3">
      <c r="A5759" s="13" t="s">
        <v>54</v>
      </c>
      <c r="B5759" s="14" t="s">
        <v>1</v>
      </c>
      <c r="C5759" s="14" t="s">
        <v>23</v>
      </c>
      <c r="D5759" s="14" t="s">
        <v>55</v>
      </c>
      <c r="E5759" s="15">
        <v>45660</v>
      </c>
      <c r="F5759" s="14" t="s">
        <v>15</v>
      </c>
      <c r="G5759" s="16">
        <v>3.6579667879561836E-2</v>
      </c>
    </row>
    <row r="5760" spans="1:7" x14ac:dyDescent="0.3">
      <c r="A5760" s="13" t="s">
        <v>54</v>
      </c>
      <c r="B5760" s="14" t="s">
        <v>1</v>
      </c>
      <c r="C5760" s="14" t="s">
        <v>23</v>
      </c>
      <c r="D5760" s="14" t="s">
        <v>55</v>
      </c>
      <c r="E5760" s="15">
        <v>45661</v>
      </c>
      <c r="F5760" s="14" t="s">
        <v>15</v>
      </c>
      <c r="G5760" s="16">
        <v>3.6579667879561836E-2</v>
      </c>
    </row>
    <row r="5761" spans="1:7" x14ac:dyDescent="0.3">
      <c r="A5761" s="13" t="s">
        <v>54</v>
      </c>
      <c r="B5761" s="14" t="s">
        <v>1</v>
      </c>
      <c r="C5761" s="14" t="s">
        <v>23</v>
      </c>
      <c r="D5761" s="14" t="s">
        <v>55</v>
      </c>
      <c r="E5761" s="15">
        <v>45662</v>
      </c>
      <c r="F5761" s="14" t="s">
        <v>15</v>
      </c>
      <c r="G5761" s="16">
        <v>3.6579667879561836E-2</v>
      </c>
    </row>
    <row r="5762" spans="1:7" x14ac:dyDescent="0.3">
      <c r="A5762" s="13" t="s">
        <v>54</v>
      </c>
      <c r="B5762" s="14" t="s">
        <v>1</v>
      </c>
      <c r="C5762" s="14" t="s">
        <v>23</v>
      </c>
      <c r="D5762" s="14" t="s">
        <v>55</v>
      </c>
      <c r="E5762" s="15">
        <v>45663</v>
      </c>
      <c r="F5762" s="14" t="s">
        <v>15</v>
      </c>
      <c r="G5762" s="16">
        <v>5.2653873714969282E-2</v>
      </c>
    </row>
    <row r="5763" spans="1:7" x14ac:dyDescent="0.3">
      <c r="A5763" s="13" t="s">
        <v>54</v>
      </c>
      <c r="B5763" s="14" t="s">
        <v>1</v>
      </c>
      <c r="C5763" s="14" t="s">
        <v>23</v>
      </c>
      <c r="D5763" s="14" t="s">
        <v>55</v>
      </c>
      <c r="E5763" s="15">
        <v>45664</v>
      </c>
      <c r="F5763" s="14" t="s">
        <v>15</v>
      </c>
      <c r="G5763" s="16">
        <v>0.10072807955037674</v>
      </c>
    </row>
    <row r="5764" spans="1:7" x14ac:dyDescent="0.3">
      <c r="A5764" s="13" t="s">
        <v>54</v>
      </c>
      <c r="B5764" s="14" t="s">
        <v>1</v>
      </c>
      <c r="C5764" s="14" t="s">
        <v>23</v>
      </c>
      <c r="D5764" s="14" t="s">
        <v>55</v>
      </c>
      <c r="E5764" s="15">
        <v>45665</v>
      </c>
      <c r="F5764" s="14" t="s">
        <v>15</v>
      </c>
      <c r="G5764" s="16">
        <v>0.1188022853857845</v>
      </c>
    </row>
    <row r="5765" spans="1:7" x14ac:dyDescent="0.3">
      <c r="A5765" s="13" t="s">
        <v>54</v>
      </c>
      <c r="B5765" s="14" t="s">
        <v>1</v>
      </c>
      <c r="C5765" s="14" t="s">
        <v>23</v>
      </c>
      <c r="D5765" s="14" t="s">
        <v>55</v>
      </c>
      <c r="E5765" s="15">
        <v>45666</v>
      </c>
      <c r="F5765" s="14" t="s">
        <v>15</v>
      </c>
      <c r="G5765" s="16">
        <v>0.1188022853857845</v>
      </c>
    </row>
    <row r="5766" spans="1:7" x14ac:dyDescent="0.3">
      <c r="A5766" s="13" t="s">
        <v>54</v>
      </c>
      <c r="B5766" s="14" t="s">
        <v>1</v>
      </c>
      <c r="C5766" s="14" t="s">
        <v>23</v>
      </c>
      <c r="D5766" s="14" t="s">
        <v>55</v>
      </c>
      <c r="E5766" s="15">
        <v>45667</v>
      </c>
      <c r="F5766" s="14" t="s">
        <v>15</v>
      </c>
      <c r="G5766" s="16">
        <v>0.13987649122119167</v>
      </c>
    </row>
    <row r="5767" spans="1:7" x14ac:dyDescent="0.3">
      <c r="A5767" s="13" t="s">
        <v>54</v>
      </c>
      <c r="B5767" s="14" t="s">
        <v>1</v>
      </c>
      <c r="C5767" s="14" t="s">
        <v>23</v>
      </c>
      <c r="D5767" s="14" t="s">
        <v>55</v>
      </c>
      <c r="E5767" s="15">
        <v>45668</v>
      </c>
      <c r="F5767" s="14" t="s">
        <v>15</v>
      </c>
      <c r="G5767" s="16">
        <v>0.13987649122119167</v>
      </c>
    </row>
    <row r="5768" spans="1:7" x14ac:dyDescent="0.3">
      <c r="A5768" s="13" t="s">
        <v>54</v>
      </c>
      <c r="B5768" s="14" t="s">
        <v>1</v>
      </c>
      <c r="C5768" s="14" t="s">
        <v>23</v>
      </c>
      <c r="D5768" s="14" t="s">
        <v>55</v>
      </c>
      <c r="E5768" s="15">
        <v>45669</v>
      </c>
      <c r="F5768" s="14" t="s">
        <v>15</v>
      </c>
      <c r="G5768" s="16">
        <v>0.13987649122119167</v>
      </c>
    </row>
    <row r="5769" spans="1:7" x14ac:dyDescent="0.3">
      <c r="A5769" s="13" t="s">
        <v>54</v>
      </c>
      <c r="B5769" s="14" t="s">
        <v>1</v>
      </c>
      <c r="C5769" s="14" t="s">
        <v>23</v>
      </c>
      <c r="D5769" s="14" t="s">
        <v>55</v>
      </c>
      <c r="E5769" s="15">
        <v>45670</v>
      </c>
      <c r="F5769" s="14" t="s">
        <v>15</v>
      </c>
      <c r="G5769" s="16">
        <v>0.17295069705659927</v>
      </c>
    </row>
    <row r="5770" spans="1:7" x14ac:dyDescent="0.3">
      <c r="A5770" s="13" t="s">
        <v>54</v>
      </c>
      <c r="B5770" s="14" t="s">
        <v>1</v>
      </c>
      <c r="C5770" s="14" t="s">
        <v>23</v>
      </c>
      <c r="D5770" s="14" t="s">
        <v>55</v>
      </c>
      <c r="E5770" s="15">
        <v>45671</v>
      </c>
      <c r="F5770" s="14" t="s">
        <v>15</v>
      </c>
      <c r="G5770" s="16">
        <v>0.21502490289200651</v>
      </c>
    </row>
    <row r="5771" spans="1:7" x14ac:dyDescent="0.3">
      <c r="A5771" s="13" t="s">
        <v>54</v>
      </c>
      <c r="B5771" s="14" t="s">
        <v>1</v>
      </c>
      <c r="C5771" s="14" t="s">
        <v>23</v>
      </c>
      <c r="D5771" s="14" t="s">
        <v>55</v>
      </c>
      <c r="E5771" s="15">
        <v>45672</v>
      </c>
      <c r="F5771" s="14" t="s">
        <v>15</v>
      </c>
      <c r="G5771" s="16">
        <v>0.23109910872741396</v>
      </c>
    </row>
    <row r="5772" spans="1:7" x14ac:dyDescent="0.3">
      <c r="A5772" s="13" t="s">
        <v>54</v>
      </c>
      <c r="B5772" s="14" t="s">
        <v>1</v>
      </c>
      <c r="C5772" s="14" t="s">
        <v>23</v>
      </c>
      <c r="D5772" s="14" t="s">
        <v>55</v>
      </c>
      <c r="E5772" s="15">
        <v>45673</v>
      </c>
      <c r="F5772" s="14" t="s">
        <v>15</v>
      </c>
      <c r="G5772" s="16">
        <v>0.24717331456282138</v>
      </c>
    </row>
    <row r="5773" spans="1:7" x14ac:dyDescent="0.3">
      <c r="A5773" s="13" t="s">
        <v>54</v>
      </c>
      <c r="B5773" s="14" t="s">
        <v>1</v>
      </c>
      <c r="C5773" s="14" t="s">
        <v>23</v>
      </c>
      <c r="D5773" s="14" t="s">
        <v>55</v>
      </c>
      <c r="E5773" s="15">
        <v>45674</v>
      </c>
      <c r="F5773" s="14" t="s">
        <v>15</v>
      </c>
      <c r="G5773" s="16">
        <v>0.25524752039822901</v>
      </c>
    </row>
    <row r="5774" spans="1:7" x14ac:dyDescent="0.3">
      <c r="A5774" s="13" t="s">
        <v>54</v>
      </c>
      <c r="B5774" s="14" t="s">
        <v>1</v>
      </c>
      <c r="C5774" s="14" t="s">
        <v>23</v>
      </c>
      <c r="D5774" s="14" t="s">
        <v>55</v>
      </c>
      <c r="E5774" s="15">
        <v>45675</v>
      </c>
      <c r="F5774" s="14" t="s">
        <v>15</v>
      </c>
      <c r="G5774" s="16">
        <v>0.25524752039822901</v>
      </c>
    </row>
    <row r="5775" spans="1:7" x14ac:dyDescent="0.3">
      <c r="A5775" s="13" t="s">
        <v>54</v>
      </c>
      <c r="B5775" s="14" t="s">
        <v>1</v>
      </c>
      <c r="C5775" s="14" t="s">
        <v>23</v>
      </c>
      <c r="D5775" s="14" t="s">
        <v>55</v>
      </c>
      <c r="E5775" s="15">
        <v>45676</v>
      </c>
      <c r="F5775" s="14" t="s">
        <v>15</v>
      </c>
      <c r="G5775" s="16">
        <v>0.25524752039822901</v>
      </c>
    </row>
    <row r="5776" spans="1:7" x14ac:dyDescent="0.3">
      <c r="A5776" s="13" t="s">
        <v>54</v>
      </c>
      <c r="B5776" s="14" t="s">
        <v>1</v>
      </c>
      <c r="C5776" s="14" t="s">
        <v>23</v>
      </c>
      <c r="D5776" s="14" t="s">
        <v>55</v>
      </c>
      <c r="E5776" s="15">
        <v>45677</v>
      </c>
      <c r="F5776" s="14" t="s">
        <v>15</v>
      </c>
      <c r="G5776" s="16">
        <v>0.25524752039822901</v>
      </c>
    </row>
    <row r="5777" spans="1:7" x14ac:dyDescent="0.3">
      <c r="A5777" s="13" t="s">
        <v>54</v>
      </c>
      <c r="B5777" s="14" t="s">
        <v>1</v>
      </c>
      <c r="C5777" s="14" t="s">
        <v>23</v>
      </c>
      <c r="D5777" s="14" t="s">
        <v>55</v>
      </c>
      <c r="E5777" s="15">
        <v>45678</v>
      </c>
      <c r="F5777" s="14" t="s">
        <v>15</v>
      </c>
      <c r="G5777" s="16">
        <v>0.27232172623363626</v>
      </c>
    </row>
    <row r="5778" spans="1:7" x14ac:dyDescent="0.3">
      <c r="A5778" s="13" t="s">
        <v>54</v>
      </c>
      <c r="B5778" s="14" t="s">
        <v>1</v>
      </c>
      <c r="C5778" s="14" t="s">
        <v>23</v>
      </c>
      <c r="D5778" s="14" t="s">
        <v>55</v>
      </c>
      <c r="E5778" s="15">
        <v>45679</v>
      </c>
      <c r="F5778" s="14" t="s">
        <v>15</v>
      </c>
      <c r="G5778" s="16">
        <v>0.33039593206904383</v>
      </c>
    </row>
    <row r="5779" spans="1:7" x14ac:dyDescent="0.3">
      <c r="A5779" s="13" t="s">
        <v>54</v>
      </c>
      <c r="B5779" s="14" t="s">
        <v>1</v>
      </c>
      <c r="C5779" s="14" t="s">
        <v>23</v>
      </c>
      <c r="D5779" s="14" t="s">
        <v>55</v>
      </c>
      <c r="E5779" s="15">
        <v>45680</v>
      </c>
      <c r="F5779" s="14" t="s">
        <v>15</v>
      </c>
      <c r="G5779" s="16">
        <v>0.3464701379044513</v>
      </c>
    </row>
    <row r="5780" spans="1:7" x14ac:dyDescent="0.3">
      <c r="A5780" s="13" t="s">
        <v>54</v>
      </c>
      <c r="B5780" s="14" t="s">
        <v>1</v>
      </c>
      <c r="C5780" s="14" t="s">
        <v>23</v>
      </c>
      <c r="D5780" s="14" t="s">
        <v>55</v>
      </c>
      <c r="E5780" s="15">
        <v>45681</v>
      </c>
      <c r="F5780" s="14" t="s">
        <v>15</v>
      </c>
      <c r="G5780" s="16">
        <v>0.36254434373985872</v>
      </c>
    </row>
    <row r="5781" spans="1:7" x14ac:dyDescent="0.3">
      <c r="A5781" s="13" t="s">
        <v>54</v>
      </c>
      <c r="B5781" s="14" t="s">
        <v>1</v>
      </c>
      <c r="C5781" s="14" t="s">
        <v>23</v>
      </c>
      <c r="D5781" s="14" t="s">
        <v>55</v>
      </c>
      <c r="E5781" s="15">
        <v>45682</v>
      </c>
      <c r="F5781" s="14" t="s">
        <v>15</v>
      </c>
      <c r="G5781" s="16">
        <v>0.36254434373985872</v>
      </c>
    </row>
    <row r="5782" spans="1:7" x14ac:dyDescent="0.3">
      <c r="A5782" s="13" t="s">
        <v>54</v>
      </c>
      <c r="B5782" s="14" t="s">
        <v>1</v>
      </c>
      <c r="C5782" s="14" t="s">
        <v>23</v>
      </c>
      <c r="D5782" s="14" t="s">
        <v>55</v>
      </c>
      <c r="E5782" s="15">
        <v>45683</v>
      </c>
      <c r="F5782" s="14" t="s">
        <v>15</v>
      </c>
      <c r="G5782" s="16">
        <v>0.36254434373985872</v>
      </c>
    </row>
    <row r="5783" spans="1:7" x14ac:dyDescent="0.3">
      <c r="A5783" s="13" t="s">
        <v>54</v>
      </c>
      <c r="B5783" s="14" t="s">
        <v>1</v>
      </c>
      <c r="C5783" s="14" t="s">
        <v>23</v>
      </c>
      <c r="D5783" s="14" t="s">
        <v>55</v>
      </c>
      <c r="E5783" s="15">
        <v>45684</v>
      </c>
      <c r="F5783" s="14" t="s">
        <v>15</v>
      </c>
      <c r="G5783" s="16">
        <v>0.37961854957526597</v>
      </c>
    </row>
    <row r="5784" spans="1:7" x14ac:dyDescent="0.3">
      <c r="A5784" s="13" t="s">
        <v>54</v>
      </c>
      <c r="B5784" s="14" t="s">
        <v>1</v>
      </c>
      <c r="C5784" s="14" t="s">
        <v>23</v>
      </c>
      <c r="D5784" s="14" t="s">
        <v>55</v>
      </c>
      <c r="E5784" s="15">
        <v>45685</v>
      </c>
      <c r="F5784" s="14" t="s">
        <v>15</v>
      </c>
      <c r="G5784" s="16">
        <v>0.42469275541067331</v>
      </c>
    </row>
    <row r="5785" spans="1:7" x14ac:dyDescent="0.3">
      <c r="A5785" s="13" t="s">
        <v>54</v>
      </c>
      <c r="B5785" s="14" t="s">
        <v>1</v>
      </c>
      <c r="C5785" s="14" t="s">
        <v>23</v>
      </c>
      <c r="D5785" s="14" t="s">
        <v>55</v>
      </c>
      <c r="E5785" s="15">
        <v>45686</v>
      </c>
      <c r="F5785" s="14" t="s">
        <v>15</v>
      </c>
      <c r="G5785" s="16">
        <v>0.44076696124608078</v>
      </c>
    </row>
    <row r="5786" spans="1:7" x14ac:dyDescent="0.3">
      <c r="A5786" s="13" t="s">
        <v>54</v>
      </c>
      <c r="B5786" s="14" t="s">
        <v>1</v>
      </c>
      <c r="C5786" s="14" t="s">
        <v>23</v>
      </c>
      <c r="D5786" s="14" t="s">
        <v>55</v>
      </c>
      <c r="E5786" s="15">
        <v>45687</v>
      </c>
      <c r="F5786" s="14" t="s">
        <v>15</v>
      </c>
      <c r="G5786" s="16">
        <v>0.45784116708148803</v>
      </c>
    </row>
    <row r="5787" spans="1:7" x14ac:dyDescent="0.3">
      <c r="A5787" s="13" t="s">
        <v>54</v>
      </c>
      <c r="B5787" s="14" t="s">
        <v>1</v>
      </c>
      <c r="C5787" s="14" t="s">
        <v>23</v>
      </c>
      <c r="D5787" s="14" t="s">
        <v>55</v>
      </c>
      <c r="E5787" s="15">
        <v>45688</v>
      </c>
      <c r="F5787" s="14" t="s">
        <v>15</v>
      </c>
      <c r="G5787" s="16">
        <v>0.47391537291689545</v>
      </c>
    </row>
    <row r="5788" spans="1:7" x14ac:dyDescent="0.3">
      <c r="A5788" s="13" t="s">
        <v>54</v>
      </c>
      <c r="B5788" s="14" t="s">
        <v>1</v>
      </c>
      <c r="C5788" s="14" t="s">
        <v>23</v>
      </c>
      <c r="D5788" s="14" t="s">
        <v>55</v>
      </c>
      <c r="E5788" s="15">
        <v>45689</v>
      </c>
      <c r="F5788" s="14" t="s">
        <v>15</v>
      </c>
      <c r="G5788" s="16">
        <v>0.47391537291689545</v>
      </c>
    </row>
    <row r="5789" spans="1:7" x14ac:dyDescent="0.3">
      <c r="A5789" s="13" t="s">
        <v>54</v>
      </c>
      <c r="B5789" s="14" t="s">
        <v>1</v>
      </c>
      <c r="C5789" s="14" t="s">
        <v>23</v>
      </c>
      <c r="D5789" s="14" t="s">
        <v>55</v>
      </c>
      <c r="E5789" s="15">
        <v>45690</v>
      </c>
      <c r="F5789" s="14" t="s">
        <v>15</v>
      </c>
      <c r="G5789" s="16">
        <v>0.47391537291689545</v>
      </c>
    </row>
    <row r="5790" spans="1:7" x14ac:dyDescent="0.3">
      <c r="A5790" s="13" t="s">
        <v>54</v>
      </c>
      <c r="B5790" s="14" t="s">
        <v>1</v>
      </c>
      <c r="C5790" s="14" t="s">
        <v>23</v>
      </c>
      <c r="D5790" s="14" t="s">
        <v>55</v>
      </c>
      <c r="E5790" s="15">
        <v>45691</v>
      </c>
      <c r="F5790" s="14" t="s">
        <v>15</v>
      </c>
      <c r="G5790" s="16">
        <v>0.47391537291689545</v>
      </c>
    </row>
    <row r="5791" spans="1:7" x14ac:dyDescent="0.3">
      <c r="A5791" s="13" t="s">
        <v>54</v>
      </c>
      <c r="B5791" s="14" t="s">
        <v>1</v>
      </c>
      <c r="C5791" s="14" t="s">
        <v>23</v>
      </c>
      <c r="D5791" s="14" t="s">
        <v>55</v>
      </c>
      <c r="E5791" s="15">
        <v>45692</v>
      </c>
      <c r="F5791" s="14" t="s">
        <v>15</v>
      </c>
      <c r="G5791" s="16">
        <v>1.4989578752302179E-2</v>
      </c>
    </row>
    <row r="5792" spans="1:7" x14ac:dyDescent="0.3">
      <c r="A5792" s="13" t="s">
        <v>54</v>
      </c>
      <c r="B5792" s="14" t="s">
        <v>1</v>
      </c>
      <c r="C5792" s="14" t="s">
        <v>23</v>
      </c>
      <c r="D5792" s="14" t="s">
        <v>55</v>
      </c>
      <c r="E5792" s="15">
        <v>45693</v>
      </c>
      <c r="F5792" s="14" t="s">
        <v>15</v>
      </c>
      <c r="G5792" s="16">
        <v>6.4063784587709449E-2</v>
      </c>
    </row>
    <row r="5793" spans="1:7" x14ac:dyDescent="0.3">
      <c r="A5793" s="13" t="s">
        <v>54</v>
      </c>
      <c r="B5793" s="14" t="s">
        <v>1</v>
      </c>
      <c r="C5793" s="14" t="s">
        <v>23</v>
      </c>
      <c r="D5793" s="14" t="s">
        <v>55</v>
      </c>
      <c r="E5793" s="15">
        <v>45694</v>
      </c>
      <c r="F5793" s="14" t="s">
        <v>15</v>
      </c>
      <c r="G5793" s="16">
        <v>8.0137990423116895E-2</v>
      </c>
    </row>
    <row r="5794" spans="1:7" x14ac:dyDescent="0.3">
      <c r="A5794" s="13" t="s">
        <v>54</v>
      </c>
      <c r="B5794" s="14" t="s">
        <v>1</v>
      </c>
      <c r="C5794" s="14" t="s">
        <v>23</v>
      </c>
      <c r="D5794" s="14" t="s">
        <v>55</v>
      </c>
      <c r="E5794" s="15">
        <v>45695</v>
      </c>
      <c r="F5794" s="14" t="s">
        <v>15</v>
      </c>
      <c r="G5794" s="16">
        <v>9.6212196258524327E-2</v>
      </c>
    </row>
    <row r="5795" spans="1:7" x14ac:dyDescent="0.3">
      <c r="A5795" s="13" t="s">
        <v>54</v>
      </c>
      <c r="B5795" s="14" t="s">
        <v>1</v>
      </c>
      <c r="C5795" s="14" t="s">
        <v>23</v>
      </c>
      <c r="D5795" s="14" t="s">
        <v>55</v>
      </c>
      <c r="E5795" s="15">
        <v>45696</v>
      </c>
      <c r="F5795" s="14" t="s">
        <v>15</v>
      </c>
      <c r="G5795" s="16">
        <v>9.6212196258524327E-2</v>
      </c>
    </row>
    <row r="5796" spans="1:7" x14ac:dyDescent="0.3">
      <c r="A5796" s="13" t="s">
        <v>54</v>
      </c>
      <c r="B5796" s="14" t="s">
        <v>1</v>
      </c>
      <c r="C5796" s="14" t="s">
        <v>23</v>
      </c>
      <c r="D5796" s="14" t="s">
        <v>55</v>
      </c>
      <c r="E5796" s="15">
        <v>45697</v>
      </c>
      <c r="F5796" s="14" t="s">
        <v>15</v>
      </c>
      <c r="G5796" s="16">
        <v>9.6212196258524327E-2</v>
      </c>
    </row>
    <row r="5797" spans="1:7" x14ac:dyDescent="0.3">
      <c r="A5797" s="13" t="s">
        <v>54</v>
      </c>
      <c r="B5797" s="14" t="s">
        <v>1</v>
      </c>
      <c r="C5797" s="14" t="s">
        <v>23</v>
      </c>
      <c r="D5797" s="14" t="s">
        <v>55</v>
      </c>
      <c r="E5797" s="15">
        <v>45698</v>
      </c>
      <c r="F5797" s="14" t="s">
        <v>15</v>
      </c>
      <c r="G5797" s="16">
        <v>0.1202864020939316</v>
      </c>
    </row>
    <row r="5798" spans="1:7" x14ac:dyDescent="0.3">
      <c r="A5798" s="13" t="s">
        <v>54</v>
      </c>
      <c r="B5798" s="14" t="s">
        <v>1</v>
      </c>
      <c r="C5798" s="14" t="s">
        <v>23</v>
      </c>
      <c r="D5798" s="14" t="s">
        <v>55</v>
      </c>
      <c r="E5798" s="15">
        <v>45699</v>
      </c>
      <c r="F5798" s="14" t="s">
        <v>15</v>
      </c>
      <c r="G5798" s="16">
        <v>0.16536060792933896</v>
      </c>
    </row>
    <row r="5799" spans="1:7" x14ac:dyDescent="0.3">
      <c r="A5799" s="13" t="s">
        <v>54</v>
      </c>
      <c r="B5799" s="14" t="s">
        <v>1</v>
      </c>
      <c r="C5799" s="14" t="s">
        <v>23</v>
      </c>
      <c r="D5799" s="14" t="s">
        <v>55</v>
      </c>
      <c r="E5799" s="15">
        <v>45700</v>
      </c>
      <c r="F5799" s="14" t="s">
        <v>15</v>
      </c>
      <c r="G5799" s="16">
        <v>0.18143481376474641</v>
      </c>
    </row>
    <row r="5800" spans="1:7" x14ac:dyDescent="0.3">
      <c r="A5800" s="13" t="s">
        <v>54</v>
      </c>
      <c r="B5800" s="14" t="s">
        <v>1</v>
      </c>
      <c r="C5800" s="14" t="s">
        <v>23</v>
      </c>
      <c r="D5800" s="14" t="s">
        <v>55</v>
      </c>
      <c r="E5800" s="15">
        <v>45701</v>
      </c>
      <c r="F5800" s="14" t="s">
        <v>15</v>
      </c>
      <c r="G5800" s="16">
        <v>0.19750901960015382</v>
      </c>
    </row>
    <row r="5801" spans="1:7" x14ac:dyDescent="0.3">
      <c r="A5801" s="13" t="s">
        <v>54</v>
      </c>
      <c r="B5801" s="14" t="s">
        <v>1</v>
      </c>
      <c r="C5801" s="14" t="s">
        <v>23</v>
      </c>
      <c r="D5801" s="14" t="s">
        <v>55</v>
      </c>
      <c r="E5801" s="15">
        <v>45702</v>
      </c>
      <c r="F5801" s="14" t="s">
        <v>15</v>
      </c>
      <c r="G5801" s="16">
        <v>0.21258322543556146</v>
      </c>
    </row>
    <row r="5802" spans="1:7" x14ac:dyDescent="0.3">
      <c r="A5802" s="13" t="s">
        <v>54</v>
      </c>
      <c r="B5802" s="14" t="s">
        <v>1</v>
      </c>
      <c r="C5802" s="14" t="s">
        <v>23</v>
      </c>
      <c r="D5802" s="14" t="s">
        <v>55</v>
      </c>
      <c r="E5802" s="15">
        <v>45703</v>
      </c>
      <c r="F5802" s="14" t="s">
        <v>15</v>
      </c>
      <c r="G5802" s="16">
        <v>0.21258322543556146</v>
      </c>
    </row>
    <row r="5803" spans="1:7" x14ac:dyDescent="0.3">
      <c r="A5803" s="13" t="s">
        <v>54</v>
      </c>
      <c r="B5803" s="14" t="s">
        <v>1</v>
      </c>
      <c r="C5803" s="14" t="s">
        <v>23</v>
      </c>
      <c r="D5803" s="14" t="s">
        <v>55</v>
      </c>
      <c r="E5803" s="15">
        <v>45704</v>
      </c>
      <c r="F5803" s="14" t="s">
        <v>15</v>
      </c>
      <c r="G5803" s="16">
        <v>0.21258322543556146</v>
      </c>
    </row>
    <row r="5804" spans="1:7" x14ac:dyDescent="0.3">
      <c r="A5804" s="13" t="s">
        <v>54</v>
      </c>
      <c r="B5804" s="14" t="s">
        <v>1</v>
      </c>
      <c r="C5804" s="14" t="s">
        <v>23</v>
      </c>
      <c r="D5804" s="14" t="s">
        <v>55</v>
      </c>
      <c r="E5804" s="15">
        <v>45705</v>
      </c>
      <c r="F5804" s="14" t="s">
        <v>15</v>
      </c>
      <c r="G5804" s="16">
        <v>0.21258322543556146</v>
      </c>
    </row>
    <row r="5805" spans="1:7" x14ac:dyDescent="0.3">
      <c r="A5805" s="13" t="s">
        <v>54</v>
      </c>
      <c r="B5805" s="14" t="s">
        <v>1</v>
      </c>
      <c r="C5805" s="14" t="s">
        <v>23</v>
      </c>
      <c r="D5805" s="14" t="s">
        <v>55</v>
      </c>
      <c r="E5805" s="15">
        <v>45706</v>
      </c>
      <c r="F5805" s="14" t="s">
        <v>15</v>
      </c>
      <c r="G5805" s="16">
        <v>0.2276574312709691</v>
      </c>
    </row>
    <row r="5806" spans="1:7" x14ac:dyDescent="0.3">
      <c r="A5806" s="13" t="s">
        <v>54</v>
      </c>
      <c r="B5806" s="14" t="s">
        <v>1</v>
      </c>
      <c r="C5806" s="14" t="s">
        <v>23</v>
      </c>
      <c r="D5806" s="14" t="s">
        <v>55</v>
      </c>
      <c r="E5806" s="15">
        <v>45707</v>
      </c>
      <c r="F5806" s="14" t="s">
        <v>15</v>
      </c>
      <c r="G5806" s="16">
        <v>0.2867316371063765</v>
      </c>
    </row>
    <row r="5807" spans="1:7" x14ac:dyDescent="0.3">
      <c r="A5807" s="13" t="s">
        <v>54</v>
      </c>
      <c r="B5807" s="14" t="s">
        <v>1</v>
      </c>
      <c r="C5807" s="14" t="s">
        <v>23</v>
      </c>
      <c r="D5807" s="14" t="s">
        <v>55</v>
      </c>
      <c r="E5807" s="15">
        <v>45708</v>
      </c>
      <c r="F5807" s="14" t="s">
        <v>15</v>
      </c>
      <c r="G5807" s="16">
        <v>0.30180584294178414</v>
      </c>
    </row>
    <row r="5808" spans="1:7" x14ac:dyDescent="0.3">
      <c r="A5808" s="13" t="s">
        <v>54</v>
      </c>
      <c r="B5808" s="14" t="s">
        <v>1</v>
      </c>
      <c r="C5808" s="14" t="s">
        <v>23</v>
      </c>
      <c r="D5808" s="14" t="s">
        <v>55</v>
      </c>
      <c r="E5808" s="15">
        <v>45709</v>
      </c>
      <c r="F5808" s="14" t="s">
        <v>15</v>
      </c>
      <c r="G5808" s="16">
        <v>0.31088004877719155</v>
      </c>
    </row>
    <row r="5809" spans="1:7" x14ac:dyDescent="0.3">
      <c r="A5809" s="13" t="s">
        <v>54</v>
      </c>
      <c r="B5809" s="14" t="s">
        <v>1</v>
      </c>
      <c r="C5809" s="14" t="s">
        <v>23</v>
      </c>
      <c r="D5809" s="14" t="s">
        <v>55</v>
      </c>
      <c r="E5809" s="15">
        <v>45710</v>
      </c>
      <c r="F5809" s="14" t="s">
        <v>15</v>
      </c>
      <c r="G5809" s="16">
        <v>0.31088004877719155</v>
      </c>
    </row>
    <row r="5810" spans="1:7" x14ac:dyDescent="0.3">
      <c r="A5810" s="13" t="s">
        <v>54</v>
      </c>
      <c r="B5810" s="14" t="s">
        <v>1</v>
      </c>
      <c r="C5810" s="14" t="s">
        <v>23</v>
      </c>
      <c r="D5810" s="14" t="s">
        <v>55</v>
      </c>
      <c r="E5810" s="15">
        <v>45711</v>
      </c>
      <c r="F5810" s="14" t="s">
        <v>15</v>
      </c>
      <c r="G5810" s="16">
        <v>0.31088004877719155</v>
      </c>
    </row>
    <row r="5811" spans="1:7" x14ac:dyDescent="0.3">
      <c r="A5811" s="13" t="s">
        <v>54</v>
      </c>
      <c r="B5811" s="14" t="s">
        <v>1</v>
      </c>
      <c r="C5811" s="14" t="s">
        <v>23</v>
      </c>
      <c r="D5811" s="14" t="s">
        <v>55</v>
      </c>
      <c r="E5811" s="15">
        <v>45712</v>
      </c>
      <c r="F5811" s="14" t="s">
        <v>15</v>
      </c>
      <c r="G5811" s="16">
        <v>0.32295425461259908</v>
      </c>
    </row>
    <row r="5812" spans="1:7" x14ac:dyDescent="0.3">
      <c r="A5812" s="13" t="s">
        <v>54</v>
      </c>
      <c r="B5812" s="14" t="s">
        <v>1</v>
      </c>
      <c r="C5812" s="14" t="s">
        <v>23</v>
      </c>
      <c r="D5812" s="14" t="s">
        <v>55</v>
      </c>
      <c r="E5812" s="15">
        <v>45713</v>
      </c>
      <c r="F5812" s="14" t="s">
        <v>15</v>
      </c>
      <c r="G5812" s="16">
        <v>0.36702846044800663</v>
      </c>
    </row>
    <row r="5813" spans="1:7" x14ac:dyDescent="0.3">
      <c r="A5813" s="13" t="s">
        <v>54</v>
      </c>
      <c r="B5813" s="14" t="s">
        <v>1</v>
      </c>
      <c r="C5813" s="14" t="s">
        <v>23</v>
      </c>
      <c r="D5813" s="14" t="s">
        <v>55</v>
      </c>
      <c r="E5813" s="15">
        <v>45714</v>
      </c>
      <c r="F5813" s="14" t="s">
        <v>15</v>
      </c>
      <c r="G5813" s="16">
        <v>0.37910266628341416</v>
      </c>
    </row>
    <row r="5814" spans="1:7" x14ac:dyDescent="0.3">
      <c r="A5814" s="13" t="s">
        <v>54</v>
      </c>
      <c r="B5814" s="14" t="s">
        <v>1</v>
      </c>
      <c r="C5814" s="14" t="s">
        <v>23</v>
      </c>
      <c r="D5814" s="14" t="s">
        <v>55</v>
      </c>
      <c r="E5814" s="15">
        <v>45715</v>
      </c>
      <c r="F5814" s="14" t="s">
        <v>15</v>
      </c>
      <c r="G5814" s="16">
        <v>0.3941768721188218</v>
      </c>
    </row>
    <row r="5815" spans="1:7" x14ac:dyDescent="0.3">
      <c r="A5815" s="13" t="s">
        <v>54</v>
      </c>
      <c r="B5815" s="14" t="s">
        <v>1</v>
      </c>
      <c r="C5815" s="14" t="s">
        <v>23</v>
      </c>
      <c r="D5815" s="14" t="s">
        <v>55</v>
      </c>
      <c r="E5815" s="15">
        <v>45716</v>
      </c>
      <c r="F5815" s="14" t="s">
        <v>15</v>
      </c>
      <c r="G5815" s="16">
        <v>0.40925107795422944</v>
      </c>
    </row>
    <row r="5816" spans="1:7" x14ac:dyDescent="0.3">
      <c r="A5816" s="13" t="s">
        <v>54</v>
      </c>
      <c r="B5816" s="14" t="s">
        <v>1</v>
      </c>
      <c r="C5816" s="14" t="s">
        <v>23</v>
      </c>
      <c r="D5816" s="14" t="s">
        <v>55</v>
      </c>
      <c r="E5816" s="15">
        <v>45717</v>
      </c>
      <c r="F5816" s="14" t="s">
        <v>15</v>
      </c>
      <c r="G5816" s="16">
        <v>0</v>
      </c>
    </row>
    <row r="5817" spans="1:7" x14ac:dyDescent="0.3">
      <c r="A5817" s="13" t="s">
        <v>54</v>
      </c>
      <c r="B5817" s="14" t="s">
        <v>1</v>
      </c>
      <c r="C5817" s="14" t="s">
        <v>23</v>
      </c>
      <c r="D5817" s="14" t="s">
        <v>55</v>
      </c>
      <c r="E5817" s="15">
        <v>45718</v>
      </c>
      <c r="F5817" s="14" t="s">
        <v>15</v>
      </c>
      <c r="G5817" s="16">
        <v>0</v>
      </c>
    </row>
    <row r="5818" spans="1:7" x14ac:dyDescent="0.3">
      <c r="A5818" s="13" t="s">
        <v>54</v>
      </c>
      <c r="B5818" s="14" t="s">
        <v>1</v>
      </c>
      <c r="C5818" s="14" t="s">
        <v>23</v>
      </c>
      <c r="D5818" s="14" t="s">
        <v>55</v>
      </c>
      <c r="E5818" s="15">
        <v>45719</v>
      </c>
      <c r="F5818" s="14" t="s">
        <v>15</v>
      </c>
      <c r="G5818" s="16">
        <v>0</v>
      </c>
    </row>
    <row r="5819" spans="1:7" x14ac:dyDescent="0.3">
      <c r="A5819" s="13" t="s">
        <v>54</v>
      </c>
      <c r="B5819" s="14" t="s">
        <v>1</v>
      </c>
      <c r="C5819" s="14" t="s">
        <v>23</v>
      </c>
      <c r="D5819" s="14" t="s">
        <v>55</v>
      </c>
      <c r="E5819" s="15">
        <v>45720</v>
      </c>
      <c r="F5819" s="14" t="s">
        <v>15</v>
      </c>
      <c r="G5819" s="16">
        <v>0</v>
      </c>
    </row>
    <row r="5820" spans="1:7" x14ac:dyDescent="0.3">
      <c r="A5820" s="13" t="s">
        <v>54</v>
      </c>
      <c r="B5820" s="14" t="s">
        <v>1</v>
      </c>
      <c r="C5820" s="14" t="s">
        <v>23</v>
      </c>
      <c r="D5820" s="14" t="s">
        <v>55</v>
      </c>
      <c r="E5820" s="15">
        <v>45721</v>
      </c>
      <c r="F5820" s="14" t="s">
        <v>15</v>
      </c>
      <c r="G5820" s="16">
        <v>0</v>
      </c>
    </row>
    <row r="5821" spans="1:7" x14ac:dyDescent="0.3">
      <c r="A5821" s="13" t="s">
        <v>54</v>
      </c>
      <c r="B5821" s="14" t="s">
        <v>1</v>
      </c>
      <c r="C5821" s="14" t="s">
        <v>23</v>
      </c>
      <c r="D5821" s="14" t="s">
        <v>55</v>
      </c>
      <c r="E5821" s="15">
        <v>45722</v>
      </c>
      <c r="F5821" s="14" t="s">
        <v>15</v>
      </c>
      <c r="G5821" s="16">
        <v>0</v>
      </c>
    </row>
    <row r="5822" spans="1:7" x14ac:dyDescent="0.3">
      <c r="A5822" s="13" t="s">
        <v>54</v>
      </c>
      <c r="B5822" s="14" t="s">
        <v>1</v>
      </c>
      <c r="C5822" s="14" t="s">
        <v>23</v>
      </c>
      <c r="D5822" s="14" t="s">
        <v>55</v>
      </c>
      <c r="E5822" s="15">
        <v>45723</v>
      </c>
      <c r="F5822" s="14" t="s">
        <v>15</v>
      </c>
      <c r="G5822" s="16">
        <v>0</v>
      </c>
    </row>
    <row r="5823" spans="1:7" x14ac:dyDescent="0.3">
      <c r="A5823" s="13" t="s">
        <v>54</v>
      </c>
      <c r="B5823" s="14" t="s">
        <v>1</v>
      </c>
      <c r="C5823" s="14" t="s">
        <v>23</v>
      </c>
      <c r="D5823" s="14" t="s">
        <v>55</v>
      </c>
      <c r="E5823" s="15">
        <v>45724</v>
      </c>
      <c r="F5823" s="14" t="s">
        <v>15</v>
      </c>
      <c r="G5823" s="16">
        <v>0</v>
      </c>
    </row>
    <row r="5824" spans="1:7" x14ac:dyDescent="0.3">
      <c r="A5824" s="13" t="s">
        <v>54</v>
      </c>
      <c r="B5824" s="14" t="s">
        <v>1</v>
      </c>
      <c r="C5824" s="14" t="s">
        <v>23</v>
      </c>
      <c r="D5824" s="14" t="s">
        <v>55</v>
      </c>
      <c r="E5824" s="15">
        <v>45725</v>
      </c>
      <c r="F5824" s="14" t="s">
        <v>15</v>
      </c>
      <c r="G5824" s="16">
        <v>0</v>
      </c>
    </row>
    <row r="5825" spans="1:7" x14ac:dyDescent="0.3">
      <c r="A5825" s="13" t="s">
        <v>54</v>
      </c>
      <c r="B5825" s="14" t="s">
        <v>1</v>
      </c>
      <c r="C5825" s="14" t="s">
        <v>23</v>
      </c>
      <c r="D5825" s="14" t="s">
        <v>55</v>
      </c>
      <c r="E5825" s="15">
        <v>45726</v>
      </c>
      <c r="F5825" s="14" t="s">
        <v>15</v>
      </c>
      <c r="G5825" s="16">
        <v>0</v>
      </c>
    </row>
    <row r="5826" spans="1:7" x14ac:dyDescent="0.3">
      <c r="A5826" s="13" t="s">
        <v>54</v>
      </c>
      <c r="B5826" s="14" t="s">
        <v>1</v>
      </c>
      <c r="C5826" s="14" t="s">
        <v>23</v>
      </c>
      <c r="D5826" s="14" t="s">
        <v>55</v>
      </c>
      <c r="E5826" s="15">
        <v>45727</v>
      </c>
      <c r="F5826" s="14" t="s">
        <v>15</v>
      </c>
      <c r="G5826" s="16">
        <v>0</v>
      </c>
    </row>
    <row r="5827" spans="1:7" x14ac:dyDescent="0.3">
      <c r="A5827" s="13" t="s">
        <v>54</v>
      </c>
      <c r="B5827" s="14" t="s">
        <v>1</v>
      </c>
      <c r="C5827" s="14" t="s">
        <v>23</v>
      </c>
      <c r="D5827" s="14" t="s">
        <v>55</v>
      </c>
      <c r="E5827" s="15">
        <v>45728</v>
      </c>
      <c r="F5827" s="14" t="s">
        <v>15</v>
      </c>
      <c r="G5827" s="16">
        <v>0</v>
      </c>
    </row>
    <row r="5828" spans="1:7" x14ac:dyDescent="0.3">
      <c r="A5828" s="13" t="s">
        <v>54</v>
      </c>
      <c r="B5828" s="14" t="s">
        <v>1</v>
      </c>
      <c r="C5828" s="14" t="s">
        <v>23</v>
      </c>
      <c r="D5828" s="14" t="s">
        <v>55</v>
      </c>
      <c r="E5828" s="15">
        <v>45729</v>
      </c>
      <c r="F5828" s="14" t="s">
        <v>15</v>
      </c>
      <c r="G5828" s="16">
        <v>0</v>
      </c>
    </row>
    <row r="5829" spans="1:7" x14ac:dyDescent="0.3">
      <c r="A5829" s="13" t="s">
        <v>54</v>
      </c>
      <c r="B5829" s="14" t="s">
        <v>1</v>
      </c>
      <c r="C5829" s="14" t="s">
        <v>23</v>
      </c>
      <c r="D5829" s="14" t="s">
        <v>55</v>
      </c>
      <c r="E5829" s="15">
        <v>45730</v>
      </c>
      <c r="F5829" s="14" t="s">
        <v>15</v>
      </c>
      <c r="G5829" s="16">
        <v>0</v>
      </c>
    </row>
    <row r="5830" spans="1:7" x14ac:dyDescent="0.3">
      <c r="A5830" s="13" t="s">
        <v>54</v>
      </c>
      <c r="B5830" s="14" t="s">
        <v>1</v>
      </c>
      <c r="C5830" s="14" t="s">
        <v>23</v>
      </c>
      <c r="D5830" s="14" t="s">
        <v>55</v>
      </c>
      <c r="E5830" s="15">
        <v>45731</v>
      </c>
      <c r="F5830" s="14" t="s">
        <v>15</v>
      </c>
      <c r="G5830" s="16">
        <v>0</v>
      </c>
    </row>
    <row r="5831" spans="1:7" x14ac:dyDescent="0.3">
      <c r="A5831" s="13" t="s">
        <v>54</v>
      </c>
      <c r="B5831" s="14" t="s">
        <v>1</v>
      </c>
      <c r="C5831" s="14" t="s">
        <v>23</v>
      </c>
      <c r="D5831" s="14" t="s">
        <v>55</v>
      </c>
      <c r="E5831" s="15">
        <v>45732</v>
      </c>
      <c r="F5831" s="14" t="s">
        <v>15</v>
      </c>
      <c r="G5831" s="16">
        <v>0</v>
      </c>
    </row>
    <row r="5832" spans="1:7" x14ac:dyDescent="0.3">
      <c r="A5832" s="13" t="s">
        <v>54</v>
      </c>
      <c r="B5832" s="14" t="s">
        <v>1</v>
      </c>
      <c r="C5832" s="14" t="s">
        <v>23</v>
      </c>
      <c r="D5832" s="14" t="s">
        <v>55</v>
      </c>
      <c r="E5832" s="15">
        <v>45733</v>
      </c>
      <c r="F5832" s="14" t="s">
        <v>15</v>
      </c>
      <c r="G5832" s="16">
        <v>0</v>
      </c>
    </row>
    <row r="5833" spans="1:7" x14ac:dyDescent="0.3">
      <c r="A5833" s="13" t="s">
        <v>54</v>
      </c>
      <c r="B5833" s="14" t="s">
        <v>1</v>
      </c>
      <c r="C5833" s="14" t="s">
        <v>23</v>
      </c>
      <c r="D5833" s="14" t="s">
        <v>55</v>
      </c>
      <c r="E5833" s="15">
        <v>45734</v>
      </c>
      <c r="F5833" s="14" t="s">
        <v>15</v>
      </c>
      <c r="G5833" s="16">
        <v>0</v>
      </c>
    </row>
    <row r="5834" spans="1:7" x14ac:dyDescent="0.3">
      <c r="A5834" s="13" t="s">
        <v>54</v>
      </c>
      <c r="B5834" s="14" t="s">
        <v>1</v>
      </c>
      <c r="C5834" s="14" t="s">
        <v>23</v>
      </c>
      <c r="D5834" s="14" t="s">
        <v>55</v>
      </c>
      <c r="E5834" s="15">
        <v>45735</v>
      </c>
      <c r="F5834" s="14" t="s">
        <v>15</v>
      </c>
      <c r="G5834" s="16">
        <v>0</v>
      </c>
    </row>
    <row r="5835" spans="1:7" x14ac:dyDescent="0.3">
      <c r="A5835" s="13" t="s">
        <v>54</v>
      </c>
      <c r="B5835" s="14" t="s">
        <v>1</v>
      </c>
      <c r="C5835" s="14" t="s">
        <v>23</v>
      </c>
      <c r="D5835" s="14" t="s">
        <v>55</v>
      </c>
      <c r="E5835" s="15">
        <v>45736</v>
      </c>
      <c r="F5835" s="14" t="s">
        <v>15</v>
      </c>
      <c r="G5835" s="16">
        <v>0</v>
      </c>
    </row>
    <row r="5836" spans="1:7" x14ac:dyDescent="0.3">
      <c r="A5836" s="13" t="s">
        <v>54</v>
      </c>
      <c r="B5836" s="14" t="s">
        <v>1</v>
      </c>
      <c r="C5836" s="14" t="s">
        <v>23</v>
      </c>
      <c r="D5836" s="14" t="s">
        <v>55</v>
      </c>
      <c r="E5836" s="15">
        <v>45737</v>
      </c>
      <c r="F5836" s="14" t="s">
        <v>15</v>
      </c>
      <c r="G5836" s="16">
        <v>0</v>
      </c>
    </row>
    <row r="5837" spans="1:7" x14ac:dyDescent="0.3">
      <c r="A5837" s="13" t="s">
        <v>54</v>
      </c>
      <c r="B5837" s="14" t="s">
        <v>1</v>
      </c>
      <c r="C5837" s="14" t="s">
        <v>23</v>
      </c>
      <c r="D5837" s="14" t="s">
        <v>55</v>
      </c>
      <c r="E5837" s="15">
        <v>45738</v>
      </c>
      <c r="F5837" s="14" t="s">
        <v>15</v>
      </c>
      <c r="G5837" s="16">
        <v>0</v>
      </c>
    </row>
    <row r="5838" spans="1:7" x14ac:dyDescent="0.3">
      <c r="A5838" s="13" t="s">
        <v>54</v>
      </c>
      <c r="B5838" s="14" t="s">
        <v>1</v>
      </c>
      <c r="C5838" s="14" t="s">
        <v>23</v>
      </c>
      <c r="D5838" s="14" t="s">
        <v>55</v>
      </c>
      <c r="E5838" s="15">
        <v>45739</v>
      </c>
      <c r="F5838" s="14" t="s">
        <v>15</v>
      </c>
      <c r="G5838" s="16">
        <v>0</v>
      </c>
    </row>
    <row r="5839" spans="1:7" x14ac:dyDescent="0.3">
      <c r="A5839" s="13" t="s">
        <v>54</v>
      </c>
      <c r="B5839" s="14" t="s">
        <v>1</v>
      </c>
      <c r="C5839" s="14" t="s">
        <v>23</v>
      </c>
      <c r="D5839" s="14" t="s">
        <v>55</v>
      </c>
      <c r="E5839" s="15">
        <v>45740</v>
      </c>
      <c r="F5839" s="14" t="s">
        <v>15</v>
      </c>
      <c r="G5839" s="16">
        <v>0</v>
      </c>
    </row>
    <row r="5840" spans="1:7" x14ac:dyDescent="0.3">
      <c r="A5840" s="13" t="s">
        <v>54</v>
      </c>
      <c r="B5840" s="14" t="s">
        <v>1</v>
      </c>
      <c r="C5840" s="14" t="s">
        <v>23</v>
      </c>
      <c r="D5840" s="14" t="s">
        <v>55</v>
      </c>
      <c r="E5840" s="15">
        <v>45741</v>
      </c>
      <c r="F5840" s="14" t="s">
        <v>15</v>
      </c>
      <c r="G5840" s="16">
        <v>0</v>
      </c>
    </row>
    <row r="5841" spans="1:7" x14ac:dyDescent="0.3">
      <c r="A5841" s="13" t="s">
        <v>54</v>
      </c>
      <c r="B5841" s="14" t="s">
        <v>1</v>
      </c>
      <c r="C5841" s="14" t="s">
        <v>23</v>
      </c>
      <c r="D5841" s="14" t="s">
        <v>55</v>
      </c>
      <c r="E5841" s="15">
        <v>45742</v>
      </c>
      <c r="F5841" s="14" t="s">
        <v>15</v>
      </c>
      <c r="G5841" s="16">
        <v>0</v>
      </c>
    </row>
    <row r="5842" spans="1:7" x14ac:dyDescent="0.3">
      <c r="A5842" s="13" t="s">
        <v>54</v>
      </c>
      <c r="B5842" s="14" t="s">
        <v>1</v>
      </c>
      <c r="C5842" s="14" t="s">
        <v>23</v>
      </c>
      <c r="D5842" s="14" t="s">
        <v>55</v>
      </c>
      <c r="E5842" s="15">
        <v>45743</v>
      </c>
      <c r="F5842" s="14" t="s">
        <v>15</v>
      </c>
      <c r="G5842" s="16">
        <v>0</v>
      </c>
    </row>
    <row r="5843" spans="1:7" x14ac:dyDescent="0.3">
      <c r="A5843" s="13" t="s">
        <v>54</v>
      </c>
      <c r="B5843" s="14" t="s">
        <v>1</v>
      </c>
      <c r="C5843" s="14" t="s">
        <v>23</v>
      </c>
      <c r="D5843" s="14" t="s">
        <v>55</v>
      </c>
      <c r="E5843" s="15">
        <v>45744</v>
      </c>
      <c r="F5843" s="14" t="s">
        <v>15</v>
      </c>
      <c r="G5843" s="16">
        <v>0</v>
      </c>
    </row>
    <row r="5844" spans="1:7" x14ac:dyDescent="0.3">
      <c r="A5844" s="13" t="s">
        <v>54</v>
      </c>
      <c r="B5844" s="14" t="s">
        <v>1</v>
      </c>
      <c r="C5844" s="14" t="s">
        <v>23</v>
      </c>
      <c r="D5844" s="14" t="s">
        <v>55</v>
      </c>
      <c r="E5844" s="15">
        <v>45745</v>
      </c>
      <c r="F5844" s="14" t="s">
        <v>15</v>
      </c>
      <c r="G5844" s="16">
        <v>0</v>
      </c>
    </row>
    <row r="5845" spans="1:7" x14ac:dyDescent="0.3">
      <c r="A5845" s="13" t="s">
        <v>54</v>
      </c>
      <c r="B5845" s="14" t="s">
        <v>1</v>
      </c>
      <c r="C5845" s="14" t="s">
        <v>23</v>
      </c>
      <c r="D5845" s="14" t="s">
        <v>55</v>
      </c>
      <c r="E5845" s="15">
        <v>45746</v>
      </c>
      <c r="F5845" s="14" t="s">
        <v>15</v>
      </c>
      <c r="G5845" s="16">
        <v>0</v>
      </c>
    </row>
    <row r="5846" spans="1:7" x14ac:dyDescent="0.3">
      <c r="A5846" s="13" t="s">
        <v>54</v>
      </c>
      <c r="B5846" s="14" t="s">
        <v>1</v>
      </c>
      <c r="C5846" s="14" t="s">
        <v>23</v>
      </c>
      <c r="D5846" s="14" t="s">
        <v>55</v>
      </c>
      <c r="E5846" s="15">
        <v>45747</v>
      </c>
      <c r="F5846" s="14" t="s">
        <v>15</v>
      </c>
      <c r="G5846" s="16">
        <v>0</v>
      </c>
    </row>
    <row r="5847" spans="1:7" x14ac:dyDescent="0.3">
      <c r="A5847" s="13" t="s">
        <v>56</v>
      </c>
      <c r="B5847" s="14" t="s">
        <v>1</v>
      </c>
      <c r="C5847" s="14" t="s">
        <v>47</v>
      </c>
      <c r="D5847" s="14" t="s">
        <v>57</v>
      </c>
      <c r="E5847" s="15">
        <v>45383</v>
      </c>
      <c r="F5847" s="14" t="s">
        <v>53</v>
      </c>
      <c r="G5847" s="16">
        <v>0</v>
      </c>
    </row>
    <row r="5848" spans="1:7" x14ac:dyDescent="0.3">
      <c r="A5848" s="13" t="s">
        <v>56</v>
      </c>
      <c r="B5848" s="14" t="s">
        <v>1</v>
      </c>
      <c r="C5848" s="14" t="s">
        <v>47</v>
      </c>
      <c r="D5848" s="14" t="s">
        <v>57</v>
      </c>
      <c r="E5848" s="15">
        <v>45384</v>
      </c>
      <c r="F5848" s="14" t="s">
        <v>53</v>
      </c>
      <c r="G5848" s="16">
        <v>0</v>
      </c>
    </row>
    <row r="5849" spans="1:7" x14ac:dyDescent="0.3">
      <c r="A5849" s="13" t="s">
        <v>56</v>
      </c>
      <c r="B5849" s="14" t="s">
        <v>1</v>
      </c>
      <c r="C5849" s="14" t="s">
        <v>47</v>
      </c>
      <c r="D5849" s="14" t="s">
        <v>57</v>
      </c>
      <c r="E5849" s="15">
        <v>45385</v>
      </c>
      <c r="F5849" s="14" t="s">
        <v>53</v>
      </c>
      <c r="G5849" s="16">
        <v>0</v>
      </c>
    </row>
    <row r="5850" spans="1:7" x14ac:dyDescent="0.3">
      <c r="A5850" s="13" t="s">
        <v>56</v>
      </c>
      <c r="B5850" s="14" t="s">
        <v>1</v>
      </c>
      <c r="C5850" s="14" t="s">
        <v>47</v>
      </c>
      <c r="D5850" s="14" t="s">
        <v>57</v>
      </c>
      <c r="E5850" s="15">
        <v>45386</v>
      </c>
      <c r="F5850" s="14" t="s">
        <v>53</v>
      </c>
      <c r="G5850" s="16">
        <v>0</v>
      </c>
    </row>
    <row r="5851" spans="1:7" x14ac:dyDescent="0.3">
      <c r="A5851" s="13" t="s">
        <v>56</v>
      </c>
      <c r="B5851" s="14" t="s">
        <v>1</v>
      </c>
      <c r="C5851" s="14" t="s">
        <v>47</v>
      </c>
      <c r="D5851" s="14" t="s">
        <v>57</v>
      </c>
      <c r="E5851" s="15">
        <v>45387</v>
      </c>
      <c r="F5851" s="14" t="s">
        <v>53</v>
      </c>
      <c r="G5851" s="16">
        <v>0</v>
      </c>
    </row>
    <row r="5852" spans="1:7" x14ac:dyDescent="0.3">
      <c r="A5852" s="13" t="s">
        <v>56</v>
      </c>
      <c r="B5852" s="14" t="s">
        <v>1</v>
      </c>
      <c r="C5852" s="14" t="s">
        <v>47</v>
      </c>
      <c r="D5852" s="14" t="s">
        <v>57</v>
      </c>
      <c r="E5852" s="15">
        <v>45388</v>
      </c>
      <c r="F5852" s="14" t="s">
        <v>53</v>
      </c>
      <c r="G5852" s="16">
        <v>0</v>
      </c>
    </row>
    <row r="5853" spans="1:7" x14ac:dyDescent="0.3">
      <c r="A5853" s="13" t="s">
        <v>56</v>
      </c>
      <c r="B5853" s="14" t="s">
        <v>1</v>
      </c>
      <c r="C5853" s="14" t="s">
        <v>47</v>
      </c>
      <c r="D5853" s="14" t="s">
        <v>57</v>
      </c>
      <c r="E5853" s="15">
        <v>45389</v>
      </c>
      <c r="F5853" s="14" t="s">
        <v>53</v>
      </c>
      <c r="G5853" s="16">
        <v>0</v>
      </c>
    </row>
    <row r="5854" spans="1:7" x14ac:dyDescent="0.3">
      <c r="A5854" s="13" t="s">
        <v>56</v>
      </c>
      <c r="B5854" s="14" t="s">
        <v>1</v>
      </c>
      <c r="C5854" s="14" t="s">
        <v>47</v>
      </c>
      <c r="D5854" s="14" t="s">
        <v>57</v>
      </c>
      <c r="E5854" s="15">
        <v>45390</v>
      </c>
      <c r="F5854" s="14" t="s">
        <v>53</v>
      </c>
      <c r="G5854" s="16">
        <v>0</v>
      </c>
    </row>
    <row r="5855" spans="1:7" x14ac:dyDescent="0.3">
      <c r="A5855" s="13" t="s">
        <v>56</v>
      </c>
      <c r="B5855" s="14" t="s">
        <v>1</v>
      </c>
      <c r="C5855" s="14" t="s">
        <v>47</v>
      </c>
      <c r="D5855" s="14" t="s">
        <v>57</v>
      </c>
      <c r="E5855" s="15">
        <v>45391</v>
      </c>
      <c r="F5855" s="14" t="s">
        <v>53</v>
      </c>
      <c r="G5855" s="16">
        <v>0</v>
      </c>
    </row>
    <row r="5856" spans="1:7" x14ac:dyDescent="0.3">
      <c r="A5856" s="13" t="s">
        <v>56</v>
      </c>
      <c r="B5856" s="14" t="s">
        <v>1</v>
      </c>
      <c r="C5856" s="14" t="s">
        <v>47</v>
      </c>
      <c r="D5856" s="14" t="s">
        <v>57</v>
      </c>
      <c r="E5856" s="15">
        <v>45392</v>
      </c>
      <c r="F5856" s="14" t="s">
        <v>53</v>
      </c>
      <c r="G5856" s="16">
        <v>0</v>
      </c>
    </row>
    <row r="5857" spans="1:7" x14ac:dyDescent="0.3">
      <c r="A5857" s="13" t="s">
        <v>56</v>
      </c>
      <c r="B5857" s="14" t="s">
        <v>1</v>
      </c>
      <c r="C5857" s="14" t="s">
        <v>47</v>
      </c>
      <c r="D5857" s="14" t="s">
        <v>57</v>
      </c>
      <c r="E5857" s="15">
        <v>45393</v>
      </c>
      <c r="F5857" s="14" t="s">
        <v>53</v>
      </c>
      <c r="G5857" s="16">
        <v>0</v>
      </c>
    </row>
    <row r="5858" spans="1:7" x14ac:dyDescent="0.3">
      <c r="A5858" s="13" t="s">
        <v>56</v>
      </c>
      <c r="B5858" s="14" t="s">
        <v>1</v>
      </c>
      <c r="C5858" s="14" t="s">
        <v>47</v>
      </c>
      <c r="D5858" s="14" t="s">
        <v>57</v>
      </c>
      <c r="E5858" s="15">
        <v>45394</v>
      </c>
      <c r="F5858" s="14" t="s">
        <v>53</v>
      </c>
      <c r="G5858" s="16">
        <v>0</v>
      </c>
    </row>
    <row r="5859" spans="1:7" x14ac:dyDescent="0.3">
      <c r="A5859" s="13" t="s">
        <v>56</v>
      </c>
      <c r="B5859" s="14" t="s">
        <v>1</v>
      </c>
      <c r="C5859" s="14" t="s">
        <v>47</v>
      </c>
      <c r="D5859" s="14" t="s">
        <v>57</v>
      </c>
      <c r="E5859" s="15">
        <v>45395</v>
      </c>
      <c r="F5859" s="14" t="s">
        <v>53</v>
      </c>
      <c r="G5859" s="16">
        <v>0</v>
      </c>
    </row>
    <row r="5860" spans="1:7" x14ac:dyDescent="0.3">
      <c r="A5860" s="13" t="s">
        <v>56</v>
      </c>
      <c r="B5860" s="14" t="s">
        <v>1</v>
      </c>
      <c r="C5860" s="14" t="s">
        <v>47</v>
      </c>
      <c r="D5860" s="14" t="s">
        <v>57</v>
      </c>
      <c r="E5860" s="15">
        <v>45396</v>
      </c>
      <c r="F5860" s="14" t="s">
        <v>53</v>
      </c>
      <c r="G5860" s="16">
        <v>0</v>
      </c>
    </row>
    <row r="5861" spans="1:7" x14ac:dyDescent="0.3">
      <c r="A5861" s="13" t="s">
        <v>56</v>
      </c>
      <c r="B5861" s="14" t="s">
        <v>1</v>
      </c>
      <c r="C5861" s="14" t="s">
        <v>47</v>
      </c>
      <c r="D5861" s="14" t="s">
        <v>57</v>
      </c>
      <c r="E5861" s="15">
        <v>45397</v>
      </c>
      <c r="F5861" s="14" t="s">
        <v>53</v>
      </c>
      <c r="G5861" s="16">
        <v>0</v>
      </c>
    </row>
    <row r="5862" spans="1:7" x14ac:dyDescent="0.3">
      <c r="A5862" s="13" t="s">
        <v>56</v>
      </c>
      <c r="B5862" s="14" t="s">
        <v>1</v>
      </c>
      <c r="C5862" s="14" t="s">
        <v>47</v>
      </c>
      <c r="D5862" s="14" t="s">
        <v>57</v>
      </c>
      <c r="E5862" s="15">
        <v>45398</v>
      </c>
      <c r="F5862" s="14" t="s">
        <v>53</v>
      </c>
      <c r="G5862" s="16">
        <v>0</v>
      </c>
    </row>
    <row r="5863" spans="1:7" x14ac:dyDescent="0.3">
      <c r="A5863" s="13" t="s">
        <v>56</v>
      </c>
      <c r="B5863" s="14" t="s">
        <v>1</v>
      </c>
      <c r="C5863" s="14" t="s">
        <v>47</v>
      </c>
      <c r="D5863" s="14" t="s">
        <v>57</v>
      </c>
      <c r="E5863" s="15">
        <v>45399</v>
      </c>
      <c r="F5863" s="14" t="s">
        <v>53</v>
      </c>
      <c r="G5863" s="16">
        <v>0</v>
      </c>
    </row>
    <row r="5864" spans="1:7" x14ac:dyDescent="0.3">
      <c r="A5864" s="13" t="s">
        <v>56</v>
      </c>
      <c r="B5864" s="14" t="s">
        <v>1</v>
      </c>
      <c r="C5864" s="14" t="s">
        <v>47</v>
      </c>
      <c r="D5864" s="14" t="s">
        <v>57</v>
      </c>
      <c r="E5864" s="15">
        <v>45400</v>
      </c>
      <c r="F5864" s="14" t="s">
        <v>53</v>
      </c>
      <c r="G5864" s="16">
        <v>0</v>
      </c>
    </row>
    <row r="5865" spans="1:7" x14ac:dyDescent="0.3">
      <c r="A5865" s="13" t="s">
        <v>56</v>
      </c>
      <c r="B5865" s="14" t="s">
        <v>1</v>
      </c>
      <c r="C5865" s="14" t="s">
        <v>47</v>
      </c>
      <c r="D5865" s="14" t="s">
        <v>57</v>
      </c>
      <c r="E5865" s="15">
        <v>45401</v>
      </c>
      <c r="F5865" s="14" t="s">
        <v>53</v>
      </c>
      <c r="G5865" s="16">
        <v>0</v>
      </c>
    </row>
    <row r="5866" spans="1:7" x14ac:dyDescent="0.3">
      <c r="A5866" s="13" t="s">
        <v>56</v>
      </c>
      <c r="B5866" s="14" t="s">
        <v>1</v>
      </c>
      <c r="C5866" s="14" t="s">
        <v>47</v>
      </c>
      <c r="D5866" s="14" t="s">
        <v>57</v>
      </c>
      <c r="E5866" s="15">
        <v>45402</v>
      </c>
      <c r="F5866" s="14" t="s">
        <v>53</v>
      </c>
      <c r="G5866" s="16">
        <v>0</v>
      </c>
    </row>
    <row r="5867" spans="1:7" x14ac:dyDescent="0.3">
      <c r="A5867" s="13" t="s">
        <v>56</v>
      </c>
      <c r="B5867" s="14" t="s">
        <v>1</v>
      </c>
      <c r="C5867" s="14" t="s">
        <v>47</v>
      </c>
      <c r="D5867" s="14" t="s">
        <v>57</v>
      </c>
      <c r="E5867" s="15">
        <v>45403</v>
      </c>
      <c r="F5867" s="14" t="s">
        <v>53</v>
      </c>
      <c r="G5867" s="16">
        <v>0</v>
      </c>
    </row>
    <row r="5868" spans="1:7" x14ac:dyDescent="0.3">
      <c r="A5868" s="13" t="s">
        <v>56</v>
      </c>
      <c r="B5868" s="14" t="s">
        <v>1</v>
      </c>
      <c r="C5868" s="14" t="s">
        <v>47</v>
      </c>
      <c r="D5868" s="14" t="s">
        <v>57</v>
      </c>
      <c r="E5868" s="15">
        <v>45404</v>
      </c>
      <c r="F5868" s="14" t="s">
        <v>53</v>
      </c>
      <c r="G5868" s="16">
        <v>0</v>
      </c>
    </row>
    <row r="5869" spans="1:7" x14ac:dyDescent="0.3">
      <c r="A5869" s="13" t="s">
        <v>56</v>
      </c>
      <c r="B5869" s="14" t="s">
        <v>1</v>
      </c>
      <c r="C5869" s="14" t="s">
        <v>47</v>
      </c>
      <c r="D5869" s="14" t="s">
        <v>57</v>
      </c>
      <c r="E5869" s="15">
        <v>45405</v>
      </c>
      <c r="F5869" s="14" t="s">
        <v>53</v>
      </c>
      <c r="G5869" s="16">
        <v>0</v>
      </c>
    </row>
    <row r="5870" spans="1:7" x14ac:dyDescent="0.3">
      <c r="A5870" s="13" t="s">
        <v>56</v>
      </c>
      <c r="B5870" s="14" t="s">
        <v>1</v>
      </c>
      <c r="C5870" s="14" t="s">
        <v>47</v>
      </c>
      <c r="D5870" s="14" t="s">
        <v>57</v>
      </c>
      <c r="E5870" s="15">
        <v>45406</v>
      </c>
      <c r="F5870" s="14" t="s">
        <v>53</v>
      </c>
      <c r="G5870" s="16">
        <v>0</v>
      </c>
    </row>
    <row r="5871" spans="1:7" x14ac:dyDescent="0.3">
      <c r="A5871" s="13" t="s">
        <v>56</v>
      </c>
      <c r="B5871" s="14" t="s">
        <v>1</v>
      </c>
      <c r="C5871" s="14" t="s">
        <v>47</v>
      </c>
      <c r="D5871" s="14" t="s">
        <v>57</v>
      </c>
      <c r="E5871" s="15">
        <v>45407</v>
      </c>
      <c r="F5871" s="14" t="s">
        <v>53</v>
      </c>
      <c r="G5871" s="16">
        <v>0</v>
      </c>
    </row>
    <row r="5872" spans="1:7" x14ac:dyDescent="0.3">
      <c r="A5872" s="13" t="s">
        <v>56</v>
      </c>
      <c r="B5872" s="14" t="s">
        <v>1</v>
      </c>
      <c r="C5872" s="14" t="s">
        <v>47</v>
      </c>
      <c r="D5872" s="14" t="s">
        <v>57</v>
      </c>
      <c r="E5872" s="15">
        <v>45408</v>
      </c>
      <c r="F5872" s="14" t="s">
        <v>53</v>
      </c>
      <c r="G5872" s="16">
        <v>0</v>
      </c>
    </row>
    <row r="5873" spans="1:7" x14ac:dyDescent="0.3">
      <c r="A5873" s="13" t="s">
        <v>56</v>
      </c>
      <c r="B5873" s="14" t="s">
        <v>1</v>
      </c>
      <c r="C5873" s="14" t="s">
        <v>47</v>
      </c>
      <c r="D5873" s="14" t="s">
        <v>57</v>
      </c>
      <c r="E5873" s="15">
        <v>45409</v>
      </c>
      <c r="F5873" s="14" t="s">
        <v>53</v>
      </c>
      <c r="G5873" s="16">
        <v>0</v>
      </c>
    </row>
    <row r="5874" spans="1:7" x14ac:dyDescent="0.3">
      <c r="A5874" s="13" t="s">
        <v>56</v>
      </c>
      <c r="B5874" s="14" t="s">
        <v>1</v>
      </c>
      <c r="C5874" s="14" t="s">
        <v>47</v>
      </c>
      <c r="D5874" s="14" t="s">
        <v>57</v>
      </c>
      <c r="E5874" s="15">
        <v>45410</v>
      </c>
      <c r="F5874" s="14" t="s">
        <v>53</v>
      </c>
      <c r="G5874" s="16">
        <v>0</v>
      </c>
    </row>
    <row r="5875" spans="1:7" x14ac:dyDescent="0.3">
      <c r="A5875" s="13" t="s">
        <v>56</v>
      </c>
      <c r="B5875" s="14" t="s">
        <v>1</v>
      </c>
      <c r="C5875" s="14" t="s">
        <v>47</v>
      </c>
      <c r="D5875" s="14" t="s">
        <v>57</v>
      </c>
      <c r="E5875" s="15">
        <v>45411</v>
      </c>
      <c r="F5875" s="14" t="s">
        <v>53</v>
      </c>
      <c r="G5875" s="16">
        <v>0</v>
      </c>
    </row>
    <row r="5876" spans="1:7" x14ac:dyDescent="0.3">
      <c r="A5876" s="13" t="s">
        <v>56</v>
      </c>
      <c r="B5876" s="14" t="s">
        <v>1</v>
      </c>
      <c r="C5876" s="14" t="s">
        <v>47</v>
      </c>
      <c r="D5876" s="14" t="s">
        <v>57</v>
      </c>
      <c r="E5876" s="15">
        <v>45412</v>
      </c>
      <c r="F5876" s="14" t="s">
        <v>53</v>
      </c>
      <c r="G5876" s="16">
        <v>0</v>
      </c>
    </row>
    <row r="5877" spans="1:7" x14ac:dyDescent="0.3">
      <c r="A5877" s="13" t="s">
        <v>56</v>
      </c>
      <c r="B5877" s="14" t="s">
        <v>1</v>
      </c>
      <c r="C5877" s="14" t="s">
        <v>47</v>
      </c>
      <c r="D5877" s="14" t="s">
        <v>57</v>
      </c>
      <c r="E5877" s="15">
        <v>45413</v>
      </c>
      <c r="F5877" s="14" t="s">
        <v>53</v>
      </c>
      <c r="G5877" s="16">
        <v>1.0523047875488415E-3</v>
      </c>
    </row>
    <row r="5878" spans="1:7" x14ac:dyDescent="0.3">
      <c r="A5878" s="13" t="s">
        <v>56</v>
      </c>
      <c r="B5878" s="14" t="s">
        <v>1</v>
      </c>
      <c r="C5878" s="14" t="s">
        <v>47</v>
      </c>
      <c r="D5878" s="14" t="s">
        <v>57</v>
      </c>
      <c r="E5878" s="15">
        <v>45414</v>
      </c>
      <c r="F5878" s="14" t="s">
        <v>53</v>
      </c>
      <c r="G5878" s="16">
        <v>1.637788572590837E-3</v>
      </c>
    </row>
    <row r="5879" spans="1:7" x14ac:dyDescent="0.3">
      <c r="A5879" s="13" t="s">
        <v>56</v>
      </c>
      <c r="B5879" s="14" t="s">
        <v>1</v>
      </c>
      <c r="C5879" s="14" t="s">
        <v>47</v>
      </c>
      <c r="D5879" s="14" t="s">
        <v>57</v>
      </c>
      <c r="E5879" s="15">
        <v>45415</v>
      </c>
      <c r="F5879" s="14" t="s">
        <v>53</v>
      </c>
      <c r="G5879" s="16">
        <v>2.0011064320201717E-3</v>
      </c>
    </row>
    <row r="5880" spans="1:7" x14ac:dyDescent="0.3">
      <c r="A5880" s="13" t="s">
        <v>56</v>
      </c>
      <c r="B5880" s="14" t="s">
        <v>1</v>
      </c>
      <c r="C5880" s="14" t="s">
        <v>47</v>
      </c>
      <c r="D5880" s="14" t="s">
        <v>57</v>
      </c>
      <c r="E5880" s="15">
        <v>45416</v>
      </c>
      <c r="F5880" s="14" t="s">
        <v>53</v>
      </c>
      <c r="G5880" s="16">
        <v>2.0011064320201717E-3</v>
      </c>
    </row>
    <row r="5881" spans="1:7" x14ac:dyDescent="0.3">
      <c r="A5881" s="13" t="s">
        <v>56</v>
      </c>
      <c r="B5881" s="14" t="s">
        <v>1</v>
      </c>
      <c r="C5881" s="14" t="s">
        <v>47</v>
      </c>
      <c r="D5881" s="14" t="s">
        <v>57</v>
      </c>
      <c r="E5881" s="15">
        <v>45417</v>
      </c>
      <c r="F5881" s="14" t="s">
        <v>53</v>
      </c>
      <c r="G5881" s="16">
        <v>2.0011064320201717E-3</v>
      </c>
    </row>
    <row r="5882" spans="1:7" x14ac:dyDescent="0.3">
      <c r="A5882" s="13" t="s">
        <v>56</v>
      </c>
      <c r="B5882" s="14" t="s">
        <v>1</v>
      </c>
      <c r="C5882" s="14" t="s">
        <v>47</v>
      </c>
      <c r="D5882" s="14" t="s">
        <v>57</v>
      </c>
      <c r="E5882" s="15">
        <v>45418</v>
      </c>
      <c r="F5882" s="14" t="s">
        <v>53</v>
      </c>
      <c r="G5882" s="16">
        <v>2.0011064320201717E-3</v>
      </c>
    </row>
    <row r="5883" spans="1:7" x14ac:dyDescent="0.3">
      <c r="A5883" s="13" t="s">
        <v>56</v>
      </c>
      <c r="B5883" s="14" t="s">
        <v>1</v>
      </c>
      <c r="C5883" s="14" t="s">
        <v>47</v>
      </c>
      <c r="D5883" s="14" t="s">
        <v>57</v>
      </c>
      <c r="E5883" s="15">
        <v>45419</v>
      </c>
      <c r="F5883" s="14" t="s">
        <v>53</v>
      </c>
      <c r="G5883" s="16">
        <v>0</v>
      </c>
    </row>
    <row r="5884" spans="1:7" x14ac:dyDescent="0.3">
      <c r="A5884" s="13" t="s">
        <v>56</v>
      </c>
      <c r="B5884" s="14" t="s">
        <v>1</v>
      </c>
      <c r="C5884" s="14" t="s">
        <v>47</v>
      </c>
      <c r="D5884" s="14" t="s">
        <v>57</v>
      </c>
      <c r="E5884" s="15">
        <v>45420</v>
      </c>
      <c r="F5884" s="14" t="s">
        <v>53</v>
      </c>
      <c r="G5884" s="16">
        <v>0</v>
      </c>
    </row>
    <row r="5885" spans="1:7" x14ac:dyDescent="0.3">
      <c r="A5885" s="13" t="s">
        <v>56</v>
      </c>
      <c r="B5885" s="14" t="s">
        <v>1</v>
      </c>
      <c r="C5885" s="14" t="s">
        <v>47</v>
      </c>
      <c r="D5885" s="14" t="s">
        <v>57</v>
      </c>
      <c r="E5885" s="15">
        <v>45421</v>
      </c>
      <c r="F5885" s="14" t="s">
        <v>53</v>
      </c>
      <c r="G5885" s="16">
        <v>0</v>
      </c>
    </row>
    <row r="5886" spans="1:7" x14ac:dyDescent="0.3">
      <c r="A5886" s="13" t="s">
        <v>56</v>
      </c>
      <c r="B5886" s="14" t="s">
        <v>1</v>
      </c>
      <c r="C5886" s="14" t="s">
        <v>47</v>
      </c>
      <c r="D5886" s="14" t="s">
        <v>57</v>
      </c>
      <c r="E5886" s="15">
        <v>45422</v>
      </c>
      <c r="F5886" s="14" t="s">
        <v>53</v>
      </c>
      <c r="G5886" s="16">
        <v>0</v>
      </c>
    </row>
    <row r="5887" spans="1:7" x14ac:dyDescent="0.3">
      <c r="A5887" s="13" t="s">
        <v>56</v>
      </c>
      <c r="B5887" s="14" t="s">
        <v>1</v>
      </c>
      <c r="C5887" s="14" t="s">
        <v>47</v>
      </c>
      <c r="D5887" s="14" t="s">
        <v>57</v>
      </c>
      <c r="E5887" s="15">
        <v>45423</v>
      </c>
      <c r="F5887" s="14" t="s">
        <v>53</v>
      </c>
      <c r="G5887" s="16">
        <v>0</v>
      </c>
    </row>
    <row r="5888" spans="1:7" x14ac:dyDescent="0.3">
      <c r="A5888" s="13" t="s">
        <v>56</v>
      </c>
      <c r="B5888" s="14" t="s">
        <v>1</v>
      </c>
      <c r="C5888" s="14" t="s">
        <v>47</v>
      </c>
      <c r="D5888" s="14" t="s">
        <v>57</v>
      </c>
      <c r="E5888" s="15">
        <v>45424</v>
      </c>
      <c r="F5888" s="14" t="s">
        <v>53</v>
      </c>
      <c r="G5888" s="16">
        <v>0</v>
      </c>
    </row>
    <row r="5889" spans="1:7" x14ac:dyDescent="0.3">
      <c r="A5889" s="13" t="s">
        <v>56</v>
      </c>
      <c r="B5889" s="14" t="s">
        <v>1</v>
      </c>
      <c r="C5889" s="14" t="s">
        <v>47</v>
      </c>
      <c r="D5889" s="14" t="s">
        <v>57</v>
      </c>
      <c r="E5889" s="15">
        <v>45425</v>
      </c>
      <c r="F5889" s="14" t="s">
        <v>53</v>
      </c>
      <c r="G5889" s="16">
        <v>0</v>
      </c>
    </row>
    <row r="5890" spans="1:7" x14ac:dyDescent="0.3">
      <c r="A5890" s="13" t="s">
        <v>56</v>
      </c>
      <c r="B5890" s="14" t="s">
        <v>1</v>
      </c>
      <c r="C5890" s="14" t="s">
        <v>47</v>
      </c>
      <c r="D5890" s="14" t="s">
        <v>57</v>
      </c>
      <c r="E5890" s="15">
        <v>45426</v>
      </c>
      <c r="F5890" s="14" t="s">
        <v>53</v>
      </c>
      <c r="G5890" s="16">
        <v>0</v>
      </c>
    </row>
    <row r="5891" spans="1:7" x14ac:dyDescent="0.3">
      <c r="A5891" s="13" t="s">
        <v>56</v>
      </c>
      <c r="B5891" s="14" t="s">
        <v>1</v>
      </c>
      <c r="C5891" s="14" t="s">
        <v>47</v>
      </c>
      <c r="D5891" s="14" t="s">
        <v>57</v>
      </c>
      <c r="E5891" s="15">
        <v>45427</v>
      </c>
      <c r="F5891" s="14" t="s">
        <v>53</v>
      </c>
      <c r="G5891" s="16">
        <v>0</v>
      </c>
    </row>
    <row r="5892" spans="1:7" x14ac:dyDescent="0.3">
      <c r="A5892" s="13" t="s">
        <v>56</v>
      </c>
      <c r="B5892" s="14" t="s">
        <v>1</v>
      </c>
      <c r="C5892" s="14" t="s">
        <v>47</v>
      </c>
      <c r="D5892" s="14" t="s">
        <v>57</v>
      </c>
      <c r="E5892" s="15">
        <v>45428</v>
      </c>
      <c r="F5892" s="14" t="s">
        <v>53</v>
      </c>
      <c r="G5892" s="16">
        <v>0</v>
      </c>
    </row>
    <row r="5893" spans="1:7" x14ac:dyDescent="0.3">
      <c r="A5893" s="13" t="s">
        <v>56</v>
      </c>
      <c r="B5893" s="14" t="s">
        <v>1</v>
      </c>
      <c r="C5893" s="14" t="s">
        <v>47</v>
      </c>
      <c r="D5893" s="14" t="s">
        <v>57</v>
      </c>
      <c r="E5893" s="15">
        <v>45429</v>
      </c>
      <c r="F5893" s="14" t="s">
        <v>53</v>
      </c>
      <c r="G5893" s="16">
        <v>2.1771667165182379E-3</v>
      </c>
    </row>
    <row r="5894" spans="1:7" x14ac:dyDescent="0.3">
      <c r="A5894" s="13" t="s">
        <v>56</v>
      </c>
      <c r="B5894" s="14" t="s">
        <v>1</v>
      </c>
      <c r="C5894" s="14" t="s">
        <v>47</v>
      </c>
      <c r="D5894" s="14" t="s">
        <v>57</v>
      </c>
      <c r="E5894" s="15">
        <v>45430</v>
      </c>
      <c r="F5894" s="14" t="s">
        <v>53</v>
      </c>
      <c r="G5894" s="16">
        <v>2.1771667165182379E-3</v>
      </c>
    </row>
    <row r="5895" spans="1:7" x14ac:dyDescent="0.3">
      <c r="A5895" s="13" t="s">
        <v>56</v>
      </c>
      <c r="B5895" s="14" t="s">
        <v>1</v>
      </c>
      <c r="C5895" s="14" t="s">
        <v>47</v>
      </c>
      <c r="D5895" s="14" t="s">
        <v>57</v>
      </c>
      <c r="E5895" s="15">
        <v>45431</v>
      </c>
      <c r="F5895" s="14" t="s">
        <v>53</v>
      </c>
      <c r="G5895" s="16">
        <v>2.1771667165182379E-3</v>
      </c>
    </row>
    <row r="5896" spans="1:7" x14ac:dyDescent="0.3">
      <c r="A5896" s="13" t="s">
        <v>56</v>
      </c>
      <c r="B5896" s="14" t="s">
        <v>1</v>
      </c>
      <c r="C5896" s="14" t="s">
        <v>47</v>
      </c>
      <c r="D5896" s="14" t="s">
        <v>57</v>
      </c>
      <c r="E5896" s="15">
        <v>45432</v>
      </c>
      <c r="F5896" s="14" t="s">
        <v>53</v>
      </c>
      <c r="G5896" s="16">
        <v>0</v>
      </c>
    </row>
    <row r="5897" spans="1:7" x14ac:dyDescent="0.3">
      <c r="A5897" s="13" t="s">
        <v>56</v>
      </c>
      <c r="B5897" s="14" t="s">
        <v>1</v>
      </c>
      <c r="C5897" s="14" t="s">
        <v>47</v>
      </c>
      <c r="D5897" s="14" t="s">
        <v>57</v>
      </c>
      <c r="E5897" s="15">
        <v>45433</v>
      </c>
      <c r="F5897" s="14" t="s">
        <v>53</v>
      </c>
      <c r="G5897" s="16">
        <v>5.8538618245327755E-3</v>
      </c>
    </row>
    <row r="5898" spans="1:7" x14ac:dyDescent="0.3">
      <c r="A5898" s="13" t="s">
        <v>56</v>
      </c>
      <c r="B5898" s="14" t="s">
        <v>1</v>
      </c>
      <c r="C5898" s="14" t="s">
        <v>47</v>
      </c>
      <c r="D5898" s="14" t="s">
        <v>57</v>
      </c>
      <c r="E5898" s="15">
        <v>45434</v>
      </c>
      <c r="F5898" s="14" t="s">
        <v>53</v>
      </c>
      <c r="G5898" s="16">
        <v>5.2497374434542707E-2</v>
      </c>
    </row>
    <row r="5899" spans="1:7" x14ac:dyDescent="0.3">
      <c r="A5899" s="13" t="s">
        <v>56</v>
      </c>
      <c r="B5899" s="14" t="s">
        <v>1</v>
      </c>
      <c r="C5899" s="14" t="s">
        <v>47</v>
      </c>
      <c r="D5899" s="14" t="s">
        <v>57</v>
      </c>
      <c r="E5899" s="15">
        <v>45435</v>
      </c>
      <c r="F5899" s="14" t="s">
        <v>53</v>
      </c>
      <c r="G5899" s="16">
        <v>5.0382817860014278E-2</v>
      </c>
    </row>
    <row r="5900" spans="1:7" x14ac:dyDescent="0.3">
      <c r="A5900" s="13" t="s">
        <v>56</v>
      </c>
      <c r="B5900" s="14" t="s">
        <v>1</v>
      </c>
      <c r="C5900" s="14" t="s">
        <v>47</v>
      </c>
      <c r="D5900" s="14" t="s">
        <v>57</v>
      </c>
      <c r="E5900" s="15">
        <v>45436</v>
      </c>
      <c r="F5900" s="14" t="s">
        <v>53</v>
      </c>
      <c r="G5900" s="16">
        <v>4.802711602275421E-2</v>
      </c>
    </row>
    <row r="5901" spans="1:7" x14ac:dyDescent="0.3">
      <c r="A5901" s="13" t="s">
        <v>56</v>
      </c>
      <c r="B5901" s="14" t="s">
        <v>1</v>
      </c>
      <c r="C5901" s="14" t="s">
        <v>47</v>
      </c>
      <c r="D5901" s="14" t="s">
        <v>57</v>
      </c>
      <c r="E5901" s="15">
        <v>45437</v>
      </c>
      <c r="F5901" s="14" t="s">
        <v>53</v>
      </c>
      <c r="G5901" s="16">
        <v>4.802711602275421E-2</v>
      </c>
    </row>
    <row r="5902" spans="1:7" x14ac:dyDescent="0.3">
      <c r="A5902" s="13" t="s">
        <v>56</v>
      </c>
      <c r="B5902" s="14" t="s">
        <v>1</v>
      </c>
      <c r="C5902" s="14" t="s">
        <v>47</v>
      </c>
      <c r="D5902" s="14" t="s">
        <v>57</v>
      </c>
      <c r="E5902" s="15">
        <v>45438</v>
      </c>
      <c r="F5902" s="14" t="s">
        <v>53</v>
      </c>
      <c r="G5902" s="16">
        <v>4.802711602275421E-2</v>
      </c>
    </row>
    <row r="5903" spans="1:7" x14ac:dyDescent="0.3">
      <c r="A5903" s="13" t="s">
        <v>56</v>
      </c>
      <c r="B5903" s="14" t="s">
        <v>1</v>
      </c>
      <c r="C5903" s="14" t="s">
        <v>47</v>
      </c>
      <c r="D5903" s="14" t="s">
        <v>57</v>
      </c>
      <c r="E5903" s="15">
        <v>45439</v>
      </c>
      <c r="F5903" s="14" t="s">
        <v>53</v>
      </c>
      <c r="G5903" s="16">
        <v>4.802711602275421E-2</v>
      </c>
    </row>
    <row r="5904" spans="1:7" x14ac:dyDescent="0.3">
      <c r="A5904" s="13" t="s">
        <v>56</v>
      </c>
      <c r="B5904" s="14" t="s">
        <v>1</v>
      </c>
      <c r="C5904" s="14" t="s">
        <v>47</v>
      </c>
      <c r="D5904" s="14" t="s">
        <v>57</v>
      </c>
      <c r="E5904" s="15">
        <v>45440</v>
      </c>
      <c r="F5904" s="14" t="s">
        <v>53</v>
      </c>
      <c r="G5904" s="16">
        <v>4.5741118724453675E-2</v>
      </c>
    </row>
    <row r="5905" spans="1:7" x14ac:dyDescent="0.3">
      <c r="A5905" s="13" t="s">
        <v>56</v>
      </c>
      <c r="B5905" s="14" t="s">
        <v>1</v>
      </c>
      <c r="C5905" s="14" t="s">
        <v>47</v>
      </c>
      <c r="D5905" s="14" t="s">
        <v>57</v>
      </c>
      <c r="E5905" s="15">
        <v>45441</v>
      </c>
      <c r="F5905" s="14" t="s">
        <v>53</v>
      </c>
      <c r="G5905" s="16">
        <v>8.9222466245274218E-2</v>
      </c>
    </row>
    <row r="5906" spans="1:7" x14ac:dyDescent="0.3">
      <c r="A5906" s="13" t="s">
        <v>56</v>
      </c>
      <c r="B5906" s="14" t="s">
        <v>1</v>
      </c>
      <c r="C5906" s="14" t="s">
        <v>47</v>
      </c>
      <c r="D5906" s="14" t="s">
        <v>57</v>
      </c>
      <c r="E5906" s="15">
        <v>45442</v>
      </c>
      <c r="F5906" s="14" t="s">
        <v>53</v>
      </c>
      <c r="G5906" s="16">
        <v>0.10535678357442645</v>
      </c>
    </row>
    <row r="5907" spans="1:7" x14ac:dyDescent="0.3">
      <c r="A5907" s="13" t="s">
        <v>56</v>
      </c>
      <c r="B5907" s="14" t="s">
        <v>1</v>
      </c>
      <c r="C5907" s="14" t="s">
        <v>47</v>
      </c>
      <c r="D5907" s="14" t="s">
        <v>57</v>
      </c>
      <c r="E5907" s="15">
        <v>45443</v>
      </c>
      <c r="F5907" s="14" t="s">
        <v>53</v>
      </c>
      <c r="G5907" s="16">
        <v>0.10306108628957227</v>
      </c>
    </row>
    <row r="5908" spans="1:7" x14ac:dyDescent="0.3">
      <c r="A5908" s="13" t="s">
        <v>56</v>
      </c>
      <c r="B5908" s="14" t="s">
        <v>1</v>
      </c>
      <c r="C5908" s="14" t="s">
        <v>47</v>
      </c>
      <c r="D5908" s="14" t="s">
        <v>57</v>
      </c>
      <c r="E5908" s="15">
        <v>45444</v>
      </c>
      <c r="F5908" s="14" t="s">
        <v>53</v>
      </c>
      <c r="G5908" s="16">
        <v>0.10306108628957227</v>
      </c>
    </row>
    <row r="5909" spans="1:7" x14ac:dyDescent="0.3">
      <c r="A5909" s="13" t="s">
        <v>56</v>
      </c>
      <c r="B5909" s="14" t="s">
        <v>1</v>
      </c>
      <c r="C5909" s="14" t="s">
        <v>47</v>
      </c>
      <c r="D5909" s="14" t="s">
        <v>57</v>
      </c>
      <c r="E5909" s="15">
        <v>45445</v>
      </c>
      <c r="F5909" s="14" t="s">
        <v>53</v>
      </c>
      <c r="G5909" s="16">
        <v>0.10306108628957227</v>
      </c>
    </row>
    <row r="5910" spans="1:7" x14ac:dyDescent="0.3">
      <c r="A5910" s="13" t="s">
        <v>56</v>
      </c>
      <c r="B5910" s="14" t="s">
        <v>1</v>
      </c>
      <c r="C5910" s="14" t="s">
        <v>47</v>
      </c>
      <c r="D5910" s="14" t="s">
        <v>57</v>
      </c>
      <c r="E5910" s="15">
        <v>45446</v>
      </c>
      <c r="F5910" s="14" t="s">
        <v>53</v>
      </c>
      <c r="G5910" s="16">
        <v>0.10306108628957227</v>
      </c>
    </row>
    <row r="5911" spans="1:7" x14ac:dyDescent="0.3">
      <c r="A5911" s="13" t="s">
        <v>56</v>
      </c>
      <c r="B5911" s="14" t="s">
        <v>1</v>
      </c>
      <c r="C5911" s="14" t="s">
        <v>47</v>
      </c>
      <c r="D5911" s="14" t="s">
        <v>57</v>
      </c>
      <c r="E5911" s="15">
        <v>45447</v>
      </c>
      <c r="F5911" s="14" t="s">
        <v>53</v>
      </c>
      <c r="G5911" s="16">
        <v>0.12737396755493996</v>
      </c>
    </row>
    <row r="5912" spans="1:7" x14ac:dyDescent="0.3">
      <c r="A5912" s="13" t="s">
        <v>56</v>
      </c>
      <c r="B5912" s="14" t="s">
        <v>1</v>
      </c>
      <c r="C5912" s="14" t="s">
        <v>47</v>
      </c>
      <c r="D5912" s="14" t="s">
        <v>57</v>
      </c>
      <c r="E5912" s="15">
        <v>45448</v>
      </c>
      <c r="F5912" s="14" t="s">
        <v>53</v>
      </c>
      <c r="G5912" s="16">
        <v>0.14519972975917922</v>
      </c>
    </row>
    <row r="5913" spans="1:7" x14ac:dyDescent="0.3">
      <c r="A5913" s="13" t="s">
        <v>56</v>
      </c>
      <c r="B5913" s="14" t="s">
        <v>1</v>
      </c>
      <c r="C5913" s="14" t="s">
        <v>47</v>
      </c>
      <c r="D5913" s="14" t="s">
        <v>57</v>
      </c>
      <c r="E5913" s="15">
        <v>45449</v>
      </c>
      <c r="F5913" s="14" t="s">
        <v>53</v>
      </c>
      <c r="G5913" s="16">
        <v>0.14299371289479235</v>
      </c>
    </row>
    <row r="5914" spans="1:7" x14ac:dyDescent="0.3">
      <c r="A5914" s="13" t="s">
        <v>56</v>
      </c>
      <c r="B5914" s="14" t="s">
        <v>1</v>
      </c>
      <c r="C5914" s="14" t="s">
        <v>47</v>
      </c>
      <c r="D5914" s="14" t="s">
        <v>57</v>
      </c>
      <c r="E5914" s="15">
        <v>45450</v>
      </c>
      <c r="F5914" s="14" t="s">
        <v>53</v>
      </c>
      <c r="G5914" s="16">
        <v>0.14153914921047367</v>
      </c>
    </row>
    <row r="5915" spans="1:7" x14ac:dyDescent="0.3">
      <c r="A5915" s="13" t="s">
        <v>56</v>
      </c>
      <c r="B5915" s="14" t="s">
        <v>1</v>
      </c>
      <c r="C5915" s="14" t="s">
        <v>47</v>
      </c>
      <c r="D5915" s="14" t="s">
        <v>57</v>
      </c>
      <c r="E5915" s="15">
        <v>45451</v>
      </c>
      <c r="F5915" s="14" t="s">
        <v>53</v>
      </c>
      <c r="G5915" s="16">
        <v>0.14153914921047367</v>
      </c>
    </row>
    <row r="5916" spans="1:7" x14ac:dyDescent="0.3">
      <c r="A5916" s="13" t="s">
        <v>56</v>
      </c>
      <c r="B5916" s="14" t="s">
        <v>1</v>
      </c>
      <c r="C5916" s="14" t="s">
        <v>47</v>
      </c>
      <c r="D5916" s="14" t="s">
        <v>57</v>
      </c>
      <c r="E5916" s="15">
        <v>45452</v>
      </c>
      <c r="F5916" s="14" t="s">
        <v>53</v>
      </c>
      <c r="G5916" s="16">
        <v>0.14153914921047367</v>
      </c>
    </row>
    <row r="5917" spans="1:7" x14ac:dyDescent="0.3">
      <c r="A5917" s="13" t="s">
        <v>56</v>
      </c>
      <c r="B5917" s="14" t="s">
        <v>1</v>
      </c>
      <c r="C5917" s="14" t="s">
        <v>47</v>
      </c>
      <c r="D5917" s="14" t="s">
        <v>57</v>
      </c>
      <c r="E5917" s="15">
        <v>45453</v>
      </c>
      <c r="F5917" s="14" t="s">
        <v>53</v>
      </c>
      <c r="G5917" s="16">
        <v>0.13923769594852164</v>
      </c>
    </row>
    <row r="5918" spans="1:7" x14ac:dyDescent="0.3">
      <c r="A5918" s="13" t="s">
        <v>56</v>
      </c>
      <c r="B5918" s="14" t="s">
        <v>1</v>
      </c>
      <c r="C5918" s="14" t="s">
        <v>47</v>
      </c>
      <c r="D5918" s="14" t="s">
        <v>57</v>
      </c>
      <c r="E5918" s="15">
        <v>45454</v>
      </c>
      <c r="F5918" s="14" t="s">
        <v>53</v>
      </c>
      <c r="G5918" s="16">
        <v>0.13253051801169163</v>
      </c>
    </row>
    <row r="5919" spans="1:7" x14ac:dyDescent="0.3">
      <c r="A5919" s="13" t="s">
        <v>56</v>
      </c>
      <c r="B5919" s="14" t="s">
        <v>1</v>
      </c>
      <c r="C5919" s="14" t="s">
        <v>47</v>
      </c>
      <c r="D5919" s="14" t="s">
        <v>57</v>
      </c>
      <c r="E5919" s="15">
        <v>45455</v>
      </c>
      <c r="F5919" s="14" t="s">
        <v>53</v>
      </c>
      <c r="G5919" s="16">
        <v>0.12977211100596625</v>
      </c>
    </row>
    <row r="5920" spans="1:7" x14ac:dyDescent="0.3">
      <c r="A5920" s="13" t="s">
        <v>56</v>
      </c>
      <c r="B5920" s="14" t="s">
        <v>1</v>
      </c>
      <c r="C5920" s="14" t="s">
        <v>47</v>
      </c>
      <c r="D5920" s="14" t="s">
        <v>57</v>
      </c>
      <c r="E5920" s="15">
        <v>45456</v>
      </c>
      <c r="F5920" s="14" t="s">
        <v>53</v>
      </c>
      <c r="G5920" s="16">
        <v>0.15798524349945683</v>
      </c>
    </row>
    <row r="5921" spans="1:7" x14ac:dyDescent="0.3">
      <c r="A5921" s="13" t="s">
        <v>56</v>
      </c>
      <c r="B5921" s="14" t="s">
        <v>1</v>
      </c>
      <c r="C5921" s="14" t="s">
        <v>47</v>
      </c>
      <c r="D5921" s="14" t="s">
        <v>57</v>
      </c>
      <c r="E5921" s="15">
        <v>45457</v>
      </c>
      <c r="F5921" s="14" t="s">
        <v>53</v>
      </c>
      <c r="G5921" s="16">
        <v>0.16278650372527392</v>
      </c>
    </row>
    <row r="5922" spans="1:7" x14ac:dyDescent="0.3">
      <c r="A5922" s="13" t="s">
        <v>56</v>
      </c>
      <c r="B5922" s="14" t="s">
        <v>1</v>
      </c>
      <c r="C5922" s="14" t="s">
        <v>47</v>
      </c>
      <c r="D5922" s="14" t="s">
        <v>57</v>
      </c>
      <c r="E5922" s="15">
        <v>45458</v>
      </c>
      <c r="F5922" s="14" t="s">
        <v>53</v>
      </c>
      <c r="G5922" s="16">
        <v>0.16278650372527392</v>
      </c>
    </row>
    <row r="5923" spans="1:7" x14ac:dyDescent="0.3">
      <c r="A5923" s="13" t="s">
        <v>56</v>
      </c>
      <c r="B5923" s="14" t="s">
        <v>1</v>
      </c>
      <c r="C5923" s="14" t="s">
        <v>47</v>
      </c>
      <c r="D5923" s="14" t="s">
        <v>57</v>
      </c>
      <c r="E5923" s="15">
        <v>45459</v>
      </c>
      <c r="F5923" s="14" t="s">
        <v>53</v>
      </c>
      <c r="G5923" s="16">
        <v>0.16278650372527392</v>
      </c>
    </row>
    <row r="5924" spans="1:7" x14ac:dyDescent="0.3">
      <c r="A5924" s="13" t="s">
        <v>56</v>
      </c>
      <c r="B5924" s="14" t="s">
        <v>1</v>
      </c>
      <c r="C5924" s="14" t="s">
        <v>47</v>
      </c>
      <c r="D5924" s="14" t="s">
        <v>57</v>
      </c>
      <c r="E5924" s="15">
        <v>45460</v>
      </c>
      <c r="F5924" s="14" t="s">
        <v>53</v>
      </c>
      <c r="G5924" s="16">
        <v>0.16142578751788111</v>
      </c>
    </row>
    <row r="5925" spans="1:7" x14ac:dyDescent="0.3">
      <c r="A5925" s="13" t="s">
        <v>56</v>
      </c>
      <c r="B5925" s="14" t="s">
        <v>1</v>
      </c>
      <c r="C5925" s="14" t="s">
        <v>47</v>
      </c>
      <c r="D5925" s="14" t="s">
        <v>57</v>
      </c>
      <c r="E5925" s="15">
        <v>45461</v>
      </c>
      <c r="F5925" s="14" t="s">
        <v>53</v>
      </c>
      <c r="G5925" s="16">
        <v>0.16203097341635472</v>
      </c>
    </row>
    <row r="5926" spans="1:7" x14ac:dyDescent="0.3">
      <c r="A5926" s="13" t="s">
        <v>56</v>
      </c>
      <c r="B5926" s="14" t="s">
        <v>1</v>
      </c>
      <c r="C5926" s="14" t="s">
        <v>47</v>
      </c>
      <c r="D5926" s="14" t="s">
        <v>57</v>
      </c>
      <c r="E5926" s="15">
        <v>45462</v>
      </c>
      <c r="F5926" s="14" t="s">
        <v>53</v>
      </c>
      <c r="G5926" s="16">
        <v>0.16203097341635472</v>
      </c>
    </row>
    <row r="5927" spans="1:7" x14ac:dyDescent="0.3">
      <c r="A5927" s="13" t="s">
        <v>56</v>
      </c>
      <c r="B5927" s="14" t="s">
        <v>1</v>
      </c>
      <c r="C5927" s="14" t="s">
        <v>47</v>
      </c>
      <c r="D5927" s="14" t="s">
        <v>57</v>
      </c>
      <c r="E5927" s="15">
        <v>45463</v>
      </c>
      <c r="F5927" s="14" t="s">
        <v>53</v>
      </c>
      <c r="G5927" s="16">
        <v>0.1982739491606052</v>
      </c>
    </row>
    <row r="5928" spans="1:7" x14ac:dyDescent="0.3">
      <c r="A5928" s="13" t="s">
        <v>56</v>
      </c>
      <c r="B5928" s="14" t="s">
        <v>1</v>
      </c>
      <c r="C5928" s="14" t="s">
        <v>47</v>
      </c>
      <c r="D5928" s="14" t="s">
        <v>57</v>
      </c>
      <c r="E5928" s="15">
        <v>45464</v>
      </c>
      <c r="F5928" s="14" t="s">
        <v>53</v>
      </c>
      <c r="G5928" s="16">
        <v>0.19399811239856157</v>
      </c>
    </row>
    <row r="5929" spans="1:7" x14ac:dyDescent="0.3">
      <c r="A5929" s="13" t="s">
        <v>56</v>
      </c>
      <c r="B5929" s="14" t="s">
        <v>1</v>
      </c>
      <c r="C5929" s="14" t="s">
        <v>47</v>
      </c>
      <c r="D5929" s="14" t="s">
        <v>57</v>
      </c>
      <c r="E5929" s="15">
        <v>45465</v>
      </c>
      <c r="F5929" s="14" t="s">
        <v>53</v>
      </c>
      <c r="G5929" s="16">
        <v>0.19399811239856157</v>
      </c>
    </row>
    <row r="5930" spans="1:7" x14ac:dyDescent="0.3">
      <c r="A5930" s="13" t="s">
        <v>56</v>
      </c>
      <c r="B5930" s="14" t="s">
        <v>1</v>
      </c>
      <c r="C5930" s="14" t="s">
        <v>47</v>
      </c>
      <c r="D5930" s="14" t="s">
        <v>57</v>
      </c>
      <c r="E5930" s="15">
        <v>45466</v>
      </c>
      <c r="F5930" s="14" t="s">
        <v>53</v>
      </c>
      <c r="G5930" s="16">
        <v>0.19399811239856157</v>
      </c>
    </row>
    <row r="5931" spans="1:7" x14ac:dyDescent="0.3">
      <c r="A5931" s="13" t="s">
        <v>56</v>
      </c>
      <c r="B5931" s="14" t="s">
        <v>1</v>
      </c>
      <c r="C5931" s="14" t="s">
        <v>47</v>
      </c>
      <c r="D5931" s="14" t="s">
        <v>57</v>
      </c>
      <c r="E5931" s="15">
        <v>45467</v>
      </c>
      <c r="F5931" s="14" t="s">
        <v>53</v>
      </c>
      <c r="G5931" s="16">
        <v>0.19406768538206159</v>
      </c>
    </row>
    <row r="5932" spans="1:7" x14ac:dyDescent="0.3">
      <c r="A5932" s="13" t="s">
        <v>56</v>
      </c>
      <c r="B5932" s="14" t="s">
        <v>1</v>
      </c>
      <c r="C5932" s="14" t="s">
        <v>47</v>
      </c>
      <c r="D5932" s="14" t="s">
        <v>57</v>
      </c>
      <c r="E5932" s="15">
        <v>45468</v>
      </c>
      <c r="F5932" s="14" t="s">
        <v>53</v>
      </c>
      <c r="G5932" s="16">
        <v>0.1905954153377159</v>
      </c>
    </row>
    <row r="5933" spans="1:7" x14ac:dyDescent="0.3">
      <c r="A5933" s="13" t="s">
        <v>56</v>
      </c>
      <c r="B5933" s="14" t="s">
        <v>1</v>
      </c>
      <c r="C5933" s="14" t="s">
        <v>47</v>
      </c>
      <c r="D5933" s="14" t="s">
        <v>57</v>
      </c>
      <c r="E5933" s="15">
        <v>45469</v>
      </c>
      <c r="F5933" s="14" t="s">
        <v>53</v>
      </c>
      <c r="G5933" s="16">
        <v>0.1893930708570935</v>
      </c>
    </row>
    <row r="5934" spans="1:7" x14ac:dyDescent="0.3">
      <c r="A5934" s="13" t="s">
        <v>56</v>
      </c>
      <c r="B5934" s="14" t="s">
        <v>1</v>
      </c>
      <c r="C5934" s="14" t="s">
        <v>47</v>
      </c>
      <c r="D5934" s="14" t="s">
        <v>57</v>
      </c>
      <c r="E5934" s="15">
        <v>45470</v>
      </c>
      <c r="F5934" s="14" t="s">
        <v>53</v>
      </c>
      <c r="G5934" s="16">
        <v>0.18699575959621098</v>
      </c>
    </row>
    <row r="5935" spans="1:7" x14ac:dyDescent="0.3">
      <c r="A5935" s="13" t="s">
        <v>56</v>
      </c>
      <c r="B5935" s="14" t="s">
        <v>1</v>
      </c>
      <c r="C5935" s="14" t="s">
        <v>47</v>
      </c>
      <c r="D5935" s="14" t="s">
        <v>57</v>
      </c>
      <c r="E5935" s="15">
        <v>45471</v>
      </c>
      <c r="F5935" s="14" t="s">
        <v>53</v>
      </c>
      <c r="G5935" s="16">
        <v>0.18482728031634049</v>
      </c>
    </row>
    <row r="5936" spans="1:7" x14ac:dyDescent="0.3">
      <c r="A5936" s="13" t="s">
        <v>56</v>
      </c>
      <c r="B5936" s="14" t="s">
        <v>1</v>
      </c>
      <c r="C5936" s="14" t="s">
        <v>47</v>
      </c>
      <c r="D5936" s="14" t="s">
        <v>57</v>
      </c>
      <c r="E5936" s="15">
        <v>45472</v>
      </c>
      <c r="F5936" s="14" t="s">
        <v>53</v>
      </c>
      <c r="G5936" s="16">
        <v>0.18482728031634049</v>
      </c>
    </row>
    <row r="5937" spans="1:7" x14ac:dyDescent="0.3">
      <c r="A5937" s="13" t="s">
        <v>56</v>
      </c>
      <c r="B5937" s="14" t="s">
        <v>1</v>
      </c>
      <c r="C5937" s="14" t="s">
        <v>47</v>
      </c>
      <c r="D5937" s="14" t="s">
        <v>57</v>
      </c>
      <c r="E5937" s="15">
        <v>45473</v>
      </c>
      <c r="F5937" s="14" t="s">
        <v>53</v>
      </c>
      <c r="G5937" s="16">
        <v>0.18482728031634049</v>
      </c>
    </row>
    <row r="5938" spans="1:7" x14ac:dyDescent="0.3">
      <c r="A5938" s="13" t="s">
        <v>56</v>
      </c>
      <c r="B5938" s="14" t="s">
        <v>1</v>
      </c>
      <c r="C5938" s="14" t="s">
        <v>47</v>
      </c>
      <c r="D5938" s="14" t="s">
        <v>57</v>
      </c>
      <c r="E5938" s="15">
        <v>45474</v>
      </c>
      <c r="F5938" s="14" t="s">
        <v>53</v>
      </c>
      <c r="G5938" s="16">
        <v>0.19133286362482682</v>
      </c>
    </row>
    <row r="5939" spans="1:7" x14ac:dyDescent="0.3">
      <c r="A5939" s="13" t="s">
        <v>56</v>
      </c>
      <c r="B5939" s="14" t="s">
        <v>1</v>
      </c>
      <c r="C5939" s="14" t="s">
        <v>47</v>
      </c>
      <c r="D5939" s="14" t="s">
        <v>57</v>
      </c>
      <c r="E5939" s="15">
        <v>45475</v>
      </c>
      <c r="F5939" s="14" t="s">
        <v>53</v>
      </c>
      <c r="G5939" s="16">
        <v>0.18565055385937604</v>
      </c>
    </row>
    <row r="5940" spans="1:7" x14ac:dyDescent="0.3">
      <c r="A5940" s="13" t="s">
        <v>56</v>
      </c>
      <c r="B5940" s="14" t="s">
        <v>1</v>
      </c>
      <c r="C5940" s="14" t="s">
        <v>47</v>
      </c>
      <c r="D5940" s="14" t="s">
        <v>57</v>
      </c>
      <c r="E5940" s="15">
        <v>45476</v>
      </c>
      <c r="F5940" s="14" t="s">
        <v>53</v>
      </c>
      <c r="G5940" s="16">
        <v>0.193279450442258</v>
      </c>
    </row>
    <row r="5941" spans="1:7" x14ac:dyDescent="0.3">
      <c r="A5941" s="13" t="s">
        <v>56</v>
      </c>
      <c r="B5941" s="14" t="s">
        <v>1</v>
      </c>
      <c r="C5941" s="14" t="s">
        <v>47</v>
      </c>
      <c r="D5941" s="14" t="s">
        <v>57</v>
      </c>
      <c r="E5941" s="15">
        <v>45477</v>
      </c>
      <c r="F5941" s="14" t="s">
        <v>53</v>
      </c>
      <c r="G5941" s="16">
        <v>0.193279450442258</v>
      </c>
    </row>
    <row r="5942" spans="1:7" x14ac:dyDescent="0.3">
      <c r="A5942" s="13" t="s">
        <v>56</v>
      </c>
      <c r="B5942" s="14" t="s">
        <v>1</v>
      </c>
      <c r="C5942" s="14" t="s">
        <v>47</v>
      </c>
      <c r="D5942" s="14" t="s">
        <v>57</v>
      </c>
      <c r="E5942" s="15">
        <v>45478</v>
      </c>
      <c r="F5942" s="14" t="s">
        <v>53</v>
      </c>
      <c r="G5942" s="16">
        <v>0.19004445204508871</v>
      </c>
    </row>
    <row r="5943" spans="1:7" x14ac:dyDescent="0.3">
      <c r="A5943" s="13" t="s">
        <v>56</v>
      </c>
      <c r="B5943" s="14" t="s">
        <v>1</v>
      </c>
      <c r="C5943" s="14" t="s">
        <v>47</v>
      </c>
      <c r="D5943" s="14" t="s">
        <v>57</v>
      </c>
      <c r="E5943" s="15">
        <v>45479</v>
      </c>
      <c r="F5943" s="14" t="s">
        <v>53</v>
      </c>
      <c r="G5943" s="16">
        <v>0.19004445204508871</v>
      </c>
    </row>
    <row r="5944" spans="1:7" x14ac:dyDescent="0.3">
      <c r="A5944" s="13" t="s">
        <v>56</v>
      </c>
      <c r="B5944" s="14" t="s">
        <v>1</v>
      </c>
      <c r="C5944" s="14" t="s">
        <v>47</v>
      </c>
      <c r="D5944" s="14" t="s">
        <v>57</v>
      </c>
      <c r="E5944" s="15">
        <v>45480</v>
      </c>
      <c r="F5944" s="14" t="s">
        <v>53</v>
      </c>
      <c r="G5944" s="16">
        <v>0.19004445204508871</v>
      </c>
    </row>
    <row r="5945" spans="1:7" x14ac:dyDescent="0.3">
      <c r="A5945" s="13" t="s">
        <v>56</v>
      </c>
      <c r="B5945" s="14" t="s">
        <v>1</v>
      </c>
      <c r="C5945" s="14" t="s">
        <v>47</v>
      </c>
      <c r="D5945" s="14" t="s">
        <v>57</v>
      </c>
      <c r="E5945" s="15">
        <v>45481</v>
      </c>
      <c r="F5945" s="14" t="s">
        <v>53</v>
      </c>
      <c r="G5945" s="16">
        <v>0.18584726367401239</v>
      </c>
    </row>
    <row r="5946" spans="1:7" x14ac:dyDescent="0.3">
      <c r="A5946" s="13" t="s">
        <v>56</v>
      </c>
      <c r="B5946" s="14" t="s">
        <v>1</v>
      </c>
      <c r="C5946" s="14" t="s">
        <v>47</v>
      </c>
      <c r="D5946" s="14" t="s">
        <v>57</v>
      </c>
      <c r="E5946" s="15">
        <v>45482</v>
      </c>
      <c r="F5946" s="14" t="s">
        <v>53</v>
      </c>
      <c r="G5946" s="16">
        <v>0.17961559893173021</v>
      </c>
    </row>
    <row r="5947" spans="1:7" x14ac:dyDescent="0.3">
      <c r="A5947" s="13" t="s">
        <v>56</v>
      </c>
      <c r="B5947" s="14" t="s">
        <v>1</v>
      </c>
      <c r="C5947" s="14" t="s">
        <v>47</v>
      </c>
      <c r="D5947" s="14" t="s">
        <v>57</v>
      </c>
      <c r="E5947" s="15">
        <v>45483</v>
      </c>
      <c r="F5947" s="14" t="s">
        <v>53</v>
      </c>
      <c r="G5947" s="16">
        <v>0.17655521835509694</v>
      </c>
    </row>
    <row r="5948" spans="1:7" x14ac:dyDescent="0.3">
      <c r="A5948" s="13" t="s">
        <v>56</v>
      </c>
      <c r="B5948" s="14" t="s">
        <v>1</v>
      </c>
      <c r="C5948" s="14" t="s">
        <v>47</v>
      </c>
      <c r="D5948" s="14" t="s">
        <v>57</v>
      </c>
      <c r="E5948" s="15">
        <v>45484</v>
      </c>
      <c r="F5948" s="14" t="s">
        <v>53</v>
      </c>
      <c r="G5948" s="16">
        <v>0.17351694099207385</v>
      </c>
    </row>
    <row r="5949" spans="1:7" x14ac:dyDescent="0.3">
      <c r="A5949" s="13" t="s">
        <v>56</v>
      </c>
      <c r="B5949" s="14" t="s">
        <v>1</v>
      </c>
      <c r="C5949" s="14" t="s">
        <v>47</v>
      </c>
      <c r="D5949" s="14" t="s">
        <v>57</v>
      </c>
      <c r="E5949" s="15">
        <v>45485</v>
      </c>
      <c r="F5949" s="14" t="s">
        <v>53</v>
      </c>
      <c r="G5949" s="16">
        <v>0.1702866177197461</v>
      </c>
    </row>
    <row r="5950" spans="1:7" x14ac:dyDescent="0.3">
      <c r="A5950" s="13" t="s">
        <v>56</v>
      </c>
      <c r="B5950" s="14" t="s">
        <v>1</v>
      </c>
      <c r="C5950" s="14" t="s">
        <v>47</v>
      </c>
      <c r="D5950" s="14" t="s">
        <v>57</v>
      </c>
      <c r="E5950" s="15">
        <v>45486</v>
      </c>
      <c r="F5950" s="14" t="s">
        <v>53</v>
      </c>
      <c r="G5950" s="16">
        <v>0.1702866177197461</v>
      </c>
    </row>
    <row r="5951" spans="1:7" x14ac:dyDescent="0.3">
      <c r="A5951" s="13" t="s">
        <v>56</v>
      </c>
      <c r="B5951" s="14" t="s">
        <v>1</v>
      </c>
      <c r="C5951" s="14" t="s">
        <v>47</v>
      </c>
      <c r="D5951" s="14" t="s">
        <v>57</v>
      </c>
      <c r="E5951" s="15">
        <v>45487</v>
      </c>
      <c r="F5951" s="14" t="s">
        <v>53</v>
      </c>
      <c r="G5951" s="16">
        <v>0.1702866177197461</v>
      </c>
    </row>
    <row r="5952" spans="1:7" x14ac:dyDescent="0.3">
      <c r="A5952" s="13" t="s">
        <v>56</v>
      </c>
      <c r="B5952" s="14" t="s">
        <v>1</v>
      </c>
      <c r="C5952" s="14" t="s">
        <v>47</v>
      </c>
      <c r="D5952" s="14" t="s">
        <v>57</v>
      </c>
      <c r="E5952" s="15">
        <v>45488</v>
      </c>
      <c r="F5952" s="14" t="s">
        <v>53</v>
      </c>
      <c r="G5952" s="16">
        <v>0.17142827626685975</v>
      </c>
    </row>
    <row r="5953" spans="1:7" x14ac:dyDescent="0.3">
      <c r="A5953" s="13" t="s">
        <v>56</v>
      </c>
      <c r="B5953" s="14" t="s">
        <v>1</v>
      </c>
      <c r="C5953" s="14" t="s">
        <v>47</v>
      </c>
      <c r="D5953" s="14" t="s">
        <v>57</v>
      </c>
      <c r="E5953" s="15">
        <v>45489</v>
      </c>
      <c r="F5953" s="14" t="s">
        <v>53</v>
      </c>
      <c r="G5953" s="16">
        <v>0.16467188630049212</v>
      </c>
    </row>
    <row r="5954" spans="1:7" x14ac:dyDescent="0.3">
      <c r="A5954" s="13" t="s">
        <v>56</v>
      </c>
      <c r="B5954" s="14" t="s">
        <v>1</v>
      </c>
      <c r="C5954" s="14" t="s">
        <v>47</v>
      </c>
      <c r="D5954" s="14" t="s">
        <v>57</v>
      </c>
      <c r="E5954" s="15">
        <v>45490</v>
      </c>
      <c r="F5954" s="14" t="s">
        <v>53</v>
      </c>
      <c r="G5954" s="16">
        <v>0.16191477510486296</v>
      </c>
    </row>
    <row r="5955" spans="1:7" x14ac:dyDescent="0.3">
      <c r="A5955" s="13" t="s">
        <v>56</v>
      </c>
      <c r="B5955" s="14" t="s">
        <v>1</v>
      </c>
      <c r="C5955" s="14" t="s">
        <v>47</v>
      </c>
      <c r="D5955" s="14" t="s">
        <v>57</v>
      </c>
      <c r="E5955" s="15">
        <v>45491</v>
      </c>
      <c r="F5955" s="14" t="s">
        <v>53</v>
      </c>
      <c r="G5955" s="16">
        <v>0.16047586769918828</v>
      </c>
    </row>
    <row r="5956" spans="1:7" x14ac:dyDescent="0.3">
      <c r="A5956" s="13" t="s">
        <v>56</v>
      </c>
      <c r="B5956" s="14" t="s">
        <v>1</v>
      </c>
      <c r="C5956" s="14" t="s">
        <v>47</v>
      </c>
      <c r="D5956" s="14" t="s">
        <v>57</v>
      </c>
      <c r="E5956" s="15">
        <v>45492</v>
      </c>
      <c r="F5956" s="14" t="s">
        <v>53</v>
      </c>
      <c r="G5956" s="16">
        <v>0.15853513069582761</v>
      </c>
    </row>
    <row r="5957" spans="1:7" x14ac:dyDescent="0.3">
      <c r="A5957" s="13" t="s">
        <v>56</v>
      </c>
      <c r="B5957" s="14" t="s">
        <v>1</v>
      </c>
      <c r="C5957" s="14" t="s">
        <v>47</v>
      </c>
      <c r="D5957" s="14" t="s">
        <v>57</v>
      </c>
      <c r="E5957" s="15">
        <v>45493</v>
      </c>
      <c r="F5957" s="14" t="s">
        <v>53</v>
      </c>
      <c r="G5957" s="16">
        <v>0.15853513069582761</v>
      </c>
    </row>
    <row r="5958" spans="1:7" x14ac:dyDescent="0.3">
      <c r="A5958" s="13" t="s">
        <v>56</v>
      </c>
      <c r="B5958" s="14" t="s">
        <v>1</v>
      </c>
      <c r="C5958" s="14" t="s">
        <v>47</v>
      </c>
      <c r="D5958" s="14" t="s">
        <v>57</v>
      </c>
      <c r="E5958" s="15">
        <v>45494</v>
      </c>
      <c r="F5958" s="14" t="s">
        <v>53</v>
      </c>
      <c r="G5958" s="16">
        <v>0.15853513069582761</v>
      </c>
    </row>
    <row r="5959" spans="1:7" x14ac:dyDescent="0.3">
      <c r="A5959" s="13" t="s">
        <v>56</v>
      </c>
      <c r="B5959" s="14" t="s">
        <v>1</v>
      </c>
      <c r="C5959" s="14" t="s">
        <v>47</v>
      </c>
      <c r="D5959" s="14" t="s">
        <v>57</v>
      </c>
      <c r="E5959" s="15">
        <v>45495</v>
      </c>
      <c r="F5959" s="14" t="s">
        <v>53</v>
      </c>
      <c r="G5959" s="16">
        <v>0.15624646865046565</v>
      </c>
    </row>
    <row r="5960" spans="1:7" x14ac:dyDescent="0.3">
      <c r="A5960" s="13" t="s">
        <v>56</v>
      </c>
      <c r="B5960" s="14" t="s">
        <v>1</v>
      </c>
      <c r="C5960" s="14" t="s">
        <v>47</v>
      </c>
      <c r="D5960" s="14" t="s">
        <v>57</v>
      </c>
      <c r="E5960" s="15">
        <v>45496</v>
      </c>
      <c r="F5960" s="14" t="s">
        <v>53</v>
      </c>
      <c r="G5960" s="16">
        <v>0.15014971294520837</v>
      </c>
    </row>
    <row r="5961" spans="1:7" x14ac:dyDescent="0.3">
      <c r="A5961" s="13" t="s">
        <v>56</v>
      </c>
      <c r="B5961" s="14" t="s">
        <v>1</v>
      </c>
      <c r="C5961" s="14" t="s">
        <v>47</v>
      </c>
      <c r="D5961" s="14" t="s">
        <v>57</v>
      </c>
      <c r="E5961" s="15">
        <v>45497</v>
      </c>
      <c r="F5961" s="14" t="s">
        <v>53</v>
      </c>
      <c r="G5961" s="16">
        <v>0.1480014908609904</v>
      </c>
    </row>
    <row r="5962" spans="1:7" x14ac:dyDescent="0.3">
      <c r="A5962" s="13" t="s">
        <v>56</v>
      </c>
      <c r="B5962" s="14" t="s">
        <v>1</v>
      </c>
      <c r="C5962" s="14" t="s">
        <v>47</v>
      </c>
      <c r="D5962" s="14" t="s">
        <v>57</v>
      </c>
      <c r="E5962" s="15">
        <v>45498</v>
      </c>
      <c r="F5962" s="14" t="s">
        <v>53</v>
      </c>
      <c r="G5962" s="16">
        <v>0.14650720168482623</v>
      </c>
    </row>
    <row r="5963" spans="1:7" x14ac:dyDescent="0.3">
      <c r="A5963" s="13" t="s">
        <v>56</v>
      </c>
      <c r="B5963" s="14" t="s">
        <v>1</v>
      </c>
      <c r="C5963" s="14" t="s">
        <v>47</v>
      </c>
      <c r="D5963" s="14" t="s">
        <v>57</v>
      </c>
      <c r="E5963" s="15">
        <v>45499</v>
      </c>
      <c r="F5963" s="14" t="s">
        <v>53</v>
      </c>
      <c r="G5963" s="16">
        <v>0.14419298659075294</v>
      </c>
    </row>
    <row r="5964" spans="1:7" x14ac:dyDescent="0.3">
      <c r="A5964" s="13" t="s">
        <v>56</v>
      </c>
      <c r="B5964" s="14" t="s">
        <v>1</v>
      </c>
      <c r="C5964" s="14" t="s">
        <v>47</v>
      </c>
      <c r="D5964" s="14" t="s">
        <v>57</v>
      </c>
      <c r="E5964" s="15">
        <v>45500</v>
      </c>
      <c r="F5964" s="14" t="s">
        <v>53</v>
      </c>
      <c r="G5964" s="16">
        <v>0.14419298659075294</v>
      </c>
    </row>
    <row r="5965" spans="1:7" x14ac:dyDescent="0.3">
      <c r="A5965" s="13" t="s">
        <v>56</v>
      </c>
      <c r="B5965" s="14" t="s">
        <v>1</v>
      </c>
      <c r="C5965" s="14" t="s">
        <v>47</v>
      </c>
      <c r="D5965" s="14" t="s">
        <v>57</v>
      </c>
      <c r="E5965" s="15">
        <v>45501</v>
      </c>
      <c r="F5965" s="14" t="s">
        <v>53</v>
      </c>
      <c r="G5965" s="16">
        <v>0.14419298659075294</v>
      </c>
    </row>
    <row r="5966" spans="1:7" x14ac:dyDescent="0.3">
      <c r="A5966" s="13" t="s">
        <v>56</v>
      </c>
      <c r="B5966" s="14" t="s">
        <v>1</v>
      </c>
      <c r="C5966" s="14" t="s">
        <v>47</v>
      </c>
      <c r="D5966" s="14" t="s">
        <v>57</v>
      </c>
      <c r="E5966" s="15">
        <v>45502</v>
      </c>
      <c r="F5966" s="14" t="s">
        <v>53</v>
      </c>
      <c r="G5966" s="16">
        <v>0.14225428029790416</v>
      </c>
    </row>
    <row r="5967" spans="1:7" x14ac:dyDescent="0.3">
      <c r="A5967" s="13" t="s">
        <v>56</v>
      </c>
      <c r="B5967" s="14" t="s">
        <v>1</v>
      </c>
      <c r="C5967" s="14" t="s">
        <v>47</v>
      </c>
      <c r="D5967" s="14" t="s">
        <v>57</v>
      </c>
      <c r="E5967" s="15">
        <v>45503</v>
      </c>
      <c r="F5967" s="14" t="s">
        <v>53</v>
      </c>
      <c r="G5967" s="16">
        <v>0.13633729094061095</v>
      </c>
    </row>
    <row r="5968" spans="1:7" x14ac:dyDescent="0.3">
      <c r="A5968" s="13" t="s">
        <v>56</v>
      </c>
      <c r="B5968" s="14" t="s">
        <v>1</v>
      </c>
      <c r="C5968" s="14" t="s">
        <v>47</v>
      </c>
      <c r="D5968" s="14" t="s">
        <v>57</v>
      </c>
      <c r="E5968" s="15">
        <v>45504</v>
      </c>
      <c r="F5968" s="14" t="s">
        <v>53</v>
      </c>
      <c r="G5968" s="16">
        <v>0.13407437247752424</v>
      </c>
    </row>
    <row r="5969" spans="1:7" x14ac:dyDescent="0.3">
      <c r="A5969" s="13" t="s">
        <v>56</v>
      </c>
      <c r="B5969" s="14" t="s">
        <v>1</v>
      </c>
      <c r="C5969" s="14" t="s">
        <v>47</v>
      </c>
      <c r="D5969" s="14" t="s">
        <v>57</v>
      </c>
      <c r="E5969" s="15">
        <v>45505</v>
      </c>
      <c r="F5969" s="14" t="s">
        <v>53</v>
      </c>
      <c r="G5969" s="16">
        <v>0.13326107286029348</v>
      </c>
    </row>
    <row r="5970" spans="1:7" x14ac:dyDescent="0.3">
      <c r="A5970" s="13" t="s">
        <v>56</v>
      </c>
      <c r="B5970" s="14" t="s">
        <v>1</v>
      </c>
      <c r="C5970" s="14" t="s">
        <v>47</v>
      </c>
      <c r="D5970" s="14" t="s">
        <v>57</v>
      </c>
      <c r="E5970" s="15">
        <v>45506</v>
      </c>
      <c r="F5970" s="14" t="s">
        <v>53</v>
      </c>
      <c r="G5970" s="16">
        <v>0.13006593205977238</v>
      </c>
    </row>
    <row r="5971" spans="1:7" x14ac:dyDescent="0.3">
      <c r="A5971" s="13" t="s">
        <v>56</v>
      </c>
      <c r="B5971" s="14" t="s">
        <v>1</v>
      </c>
      <c r="C5971" s="14" t="s">
        <v>47</v>
      </c>
      <c r="D5971" s="14" t="s">
        <v>57</v>
      </c>
      <c r="E5971" s="15">
        <v>45507</v>
      </c>
      <c r="F5971" s="14" t="s">
        <v>53</v>
      </c>
      <c r="G5971" s="16">
        <v>0.13006593205977238</v>
      </c>
    </row>
    <row r="5972" spans="1:7" x14ac:dyDescent="0.3">
      <c r="A5972" s="13" t="s">
        <v>56</v>
      </c>
      <c r="B5972" s="14" t="s">
        <v>1</v>
      </c>
      <c r="C5972" s="14" t="s">
        <v>47</v>
      </c>
      <c r="D5972" s="14" t="s">
        <v>57</v>
      </c>
      <c r="E5972" s="15">
        <v>45508</v>
      </c>
      <c r="F5972" s="14" t="s">
        <v>53</v>
      </c>
      <c r="G5972" s="16">
        <v>0.13006593205977238</v>
      </c>
    </row>
    <row r="5973" spans="1:7" x14ac:dyDescent="0.3">
      <c r="A5973" s="13" t="s">
        <v>56</v>
      </c>
      <c r="B5973" s="14" t="s">
        <v>1</v>
      </c>
      <c r="C5973" s="14" t="s">
        <v>47</v>
      </c>
      <c r="D5973" s="14" t="s">
        <v>57</v>
      </c>
      <c r="E5973" s="15">
        <v>45509</v>
      </c>
      <c r="F5973" s="14" t="s">
        <v>53</v>
      </c>
      <c r="G5973" s="16">
        <v>0.13006593205977238</v>
      </c>
    </row>
    <row r="5974" spans="1:7" x14ac:dyDescent="0.3">
      <c r="A5974" s="13" t="s">
        <v>56</v>
      </c>
      <c r="B5974" s="14" t="s">
        <v>1</v>
      </c>
      <c r="C5974" s="14" t="s">
        <v>47</v>
      </c>
      <c r="D5974" s="14" t="s">
        <v>57</v>
      </c>
      <c r="E5974" s="15">
        <v>45510</v>
      </c>
      <c r="F5974" s="14" t="s">
        <v>53</v>
      </c>
      <c r="G5974" s="16">
        <v>0.12914070976579117</v>
      </c>
    </row>
    <row r="5975" spans="1:7" x14ac:dyDescent="0.3">
      <c r="A5975" s="13" t="s">
        <v>56</v>
      </c>
      <c r="B5975" s="14" t="s">
        <v>1</v>
      </c>
      <c r="C5975" s="14" t="s">
        <v>47</v>
      </c>
      <c r="D5975" s="14" t="s">
        <v>57</v>
      </c>
      <c r="E5975" s="15">
        <v>45511</v>
      </c>
      <c r="F5975" s="14" t="s">
        <v>53</v>
      </c>
      <c r="G5975" s="16">
        <v>0.12135257510740025</v>
      </c>
    </row>
    <row r="5976" spans="1:7" x14ac:dyDescent="0.3">
      <c r="A5976" s="13" t="s">
        <v>56</v>
      </c>
      <c r="B5976" s="14" t="s">
        <v>1</v>
      </c>
      <c r="C5976" s="14" t="s">
        <v>47</v>
      </c>
      <c r="D5976" s="14" t="s">
        <v>57</v>
      </c>
      <c r="E5976" s="15">
        <v>45512</v>
      </c>
      <c r="F5976" s="14" t="s">
        <v>53</v>
      </c>
      <c r="G5976" s="16">
        <v>0.11890318056913689</v>
      </c>
    </row>
    <row r="5977" spans="1:7" x14ac:dyDescent="0.3">
      <c r="A5977" s="13" t="s">
        <v>56</v>
      </c>
      <c r="B5977" s="14" t="s">
        <v>1</v>
      </c>
      <c r="C5977" s="14" t="s">
        <v>47</v>
      </c>
      <c r="D5977" s="14" t="s">
        <v>57</v>
      </c>
      <c r="E5977" s="15">
        <v>45513</v>
      </c>
      <c r="F5977" s="14" t="s">
        <v>53</v>
      </c>
      <c r="G5977" s="16">
        <v>0.11687736696636224</v>
      </c>
    </row>
    <row r="5978" spans="1:7" x14ac:dyDescent="0.3">
      <c r="A5978" s="13" t="s">
        <v>56</v>
      </c>
      <c r="B5978" s="14" t="s">
        <v>1</v>
      </c>
      <c r="C5978" s="14" t="s">
        <v>47</v>
      </c>
      <c r="D5978" s="14" t="s">
        <v>57</v>
      </c>
      <c r="E5978" s="15">
        <v>45514</v>
      </c>
      <c r="F5978" s="14" t="s">
        <v>53</v>
      </c>
      <c r="G5978" s="16">
        <v>0.11687736696636224</v>
      </c>
    </row>
    <row r="5979" spans="1:7" x14ac:dyDescent="0.3">
      <c r="A5979" s="13" t="s">
        <v>56</v>
      </c>
      <c r="B5979" s="14" t="s">
        <v>1</v>
      </c>
      <c r="C5979" s="14" t="s">
        <v>47</v>
      </c>
      <c r="D5979" s="14" t="s">
        <v>57</v>
      </c>
      <c r="E5979" s="15">
        <v>45515</v>
      </c>
      <c r="F5979" s="14" t="s">
        <v>53</v>
      </c>
      <c r="G5979" s="16">
        <v>0.11687736696636224</v>
      </c>
    </row>
    <row r="5980" spans="1:7" x14ac:dyDescent="0.3">
      <c r="A5980" s="13" t="s">
        <v>56</v>
      </c>
      <c r="B5980" s="14" t="s">
        <v>1</v>
      </c>
      <c r="C5980" s="14" t="s">
        <v>47</v>
      </c>
      <c r="D5980" s="14" t="s">
        <v>57</v>
      </c>
      <c r="E5980" s="15">
        <v>45516</v>
      </c>
      <c r="F5980" s="14" t="s">
        <v>53</v>
      </c>
      <c r="G5980" s="16">
        <v>0.11494826931824224</v>
      </c>
    </row>
    <row r="5981" spans="1:7" x14ac:dyDescent="0.3">
      <c r="A5981" s="13" t="s">
        <v>56</v>
      </c>
      <c r="B5981" s="14" t="s">
        <v>1</v>
      </c>
      <c r="C5981" s="14" t="s">
        <v>47</v>
      </c>
      <c r="D5981" s="14" t="s">
        <v>57</v>
      </c>
      <c r="E5981" s="15">
        <v>45517</v>
      </c>
      <c r="F5981" s="14" t="s">
        <v>53</v>
      </c>
      <c r="G5981" s="16">
        <v>0.10909114669381061</v>
      </c>
    </row>
    <row r="5982" spans="1:7" x14ac:dyDescent="0.3">
      <c r="A5982" s="13" t="s">
        <v>56</v>
      </c>
      <c r="B5982" s="14" t="s">
        <v>1</v>
      </c>
      <c r="C5982" s="14" t="s">
        <v>47</v>
      </c>
      <c r="D5982" s="14" t="s">
        <v>57</v>
      </c>
      <c r="E5982" s="15">
        <v>45518</v>
      </c>
      <c r="F5982" s="14" t="s">
        <v>53</v>
      </c>
      <c r="G5982" s="16">
        <v>0.10744351976722671</v>
      </c>
    </row>
    <row r="5983" spans="1:7" x14ac:dyDescent="0.3">
      <c r="A5983" s="13" t="s">
        <v>56</v>
      </c>
      <c r="B5983" s="14" t="s">
        <v>1</v>
      </c>
      <c r="C5983" s="14" t="s">
        <v>47</v>
      </c>
      <c r="D5983" s="14" t="s">
        <v>57</v>
      </c>
      <c r="E5983" s="15">
        <v>45519</v>
      </c>
      <c r="F5983" s="14" t="s">
        <v>53</v>
      </c>
      <c r="G5983" s="16">
        <v>0.105222147431102</v>
      </c>
    </row>
    <row r="5984" spans="1:7" x14ac:dyDescent="0.3">
      <c r="A5984" s="13" t="s">
        <v>56</v>
      </c>
      <c r="B5984" s="14" t="s">
        <v>1</v>
      </c>
      <c r="C5984" s="14" t="s">
        <v>47</v>
      </c>
      <c r="D5984" s="14" t="s">
        <v>57</v>
      </c>
      <c r="E5984" s="15">
        <v>45520</v>
      </c>
      <c r="F5984" s="14" t="s">
        <v>53</v>
      </c>
      <c r="G5984" s="16">
        <v>0.1042509116484092</v>
      </c>
    </row>
    <row r="5985" spans="1:7" x14ac:dyDescent="0.3">
      <c r="A5985" s="13" t="s">
        <v>56</v>
      </c>
      <c r="B5985" s="14" t="s">
        <v>1</v>
      </c>
      <c r="C5985" s="14" t="s">
        <v>47</v>
      </c>
      <c r="D5985" s="14" t="s">
        <v>57</v>
      </c>
      <c r="E5985" s="15">
        <v>45521</v>
      </c>
      <c r="F5985" s="14" t="s">
        <v>53</v>
      </c>
      <c r="G5985" s="16">
        <v>0.1042509116484092</v>
      </c>
    </row>
    <row r="5986" spans="1:7" x14ac:dyDescent="0.3">
      <c r="A5986" s="13" t="s">
        <v>56</v>
      </c>
      <c r="B5986" s="14" t="s">
        <v>1</v>
      </c>
      <c r="C5986" s="14" t="s">
        <v>47</v>
      </c>
      <c r="D5986" s="14" t="s">
        <v>57</v>
      </c>
      <c r="E5986" s="15">
        <v>45522</v>
      </c>
      <c r="F5986" s="14" t="s">
        <v>53</v>
      </c>
      <c r="G5986" s="16">
        <v>0.1042509116484092</v>
      </c>
    </row>
    <row r="5987" spans="1:7" x14ac:dyDescent="0.3">
      <c r="A5987" s="13" t="s">
        <v>56</v>
      </c>
      <c r="B5987" s="14" t="s">
        <v>1</v>
      </c>
      <c r="C5987" s="14" t="s">
        <v>47</v>
      </c>
      <c r="D5987" s="14" t="s">
        <v>57</v>
      </c>
      <c r="E5987" s="15">
        <v>45523</v>
      </c>
      <c r="F5987" s="14" t="s">
        <v>53</v>
      </c>
      <c r="G5987" s="16">
        <v>0.10181944827933606</v>
      </c>
    </row>
    <row r="5988" spans="1:7" x14ac:dyDescent="0.3">
      <c r="A5988" s="13" t="s">
        <v>56</v>
      </c>
      <c r="B5988" s="14" t="s">
        <v>1</v>
      </c>
      <c r="C5988" s="14" t="s">
        <v>47</v>
      </c>
      <c r="D5988" s="14" t="s">
        <v>57</v>
      </c>
      <c r="E5988" s="15">
        <v>45524</v>
      </c>
      <c r="F5988" s="14" t="s">
        <v>53</v>
      </c>
      <c r="G5988" s="16">
        <v>9.5288974229831805E-2</v>
      </c>
    </row>
    <row r="5989" spans="1:7" x14ac:dyDescent="0.3">
      <c r="A5989" s="13" t="s">
        <v>56</v>
      </c>
      <c r="B5989" s="14" t="s">
        <v>1</v>
      </c>
      <c r="C5989" s="14" t="s">
        <v>47</v>
      </c>
      <c r="D5989" s="14" t="s">
        <v>57</v>
      </c>
      <c r="E5989" s="15">
        <v>45525</v>
      </c>
      <c r="F5989" s="14" t="s">
        <v>53</v>
      </c>
      <c r="G5989" s="16">
        <v>9.2793385102329748E-2</v>
      </c>
    </row>
    <row r="5990" spans="1:7" x14ac:dyDescent="0.3">
      <c r="A5990" s="13" t="s">
        <v>56</v>
      </c>
      <c r="B5990" s="14" t="s">
        <v>1</v>
      </c>
      <c r="C5990" s="14" t="s">
        <v>47</v>
      </c>
      <c r="D5990" s="14" t="s">
        <v>57</v>
      </c>
      <c r="E5990" s="15">
        <v>45526</v>
      </c>
      <c r="F5990" s="14" t="s">
        <v>53</v>
      </c>
      <c r="G5990" s="16">
        <v>9.0703493426640469E-2</v>
      </c>
    </row>
    <row r="5991" spans="1:7" x14ac:dyDescent="0.3">
      <c r="A5991" s="13" t="s">
        <v>56</v>
      </c>
      <c r="B5991" s="14" t="s">
        <v>1</v>
      </c>
      <c r="C5991" s="14" t="s">
        <v>47</v>
      </c>
      <c r="D5991" s="14" t="s">
        <v>57</v>
      </c>
      <c r="E5991" s="15">
        <v>45527</v>
      </c>
      <c r="F5991" s="14" t="s">
        <v>53</v>
      </c>
      <c r="G5991" s="16">
        <v>8.775966563016499E-2</v>
      </c>
    </row>
    <row r="5992" spans="1:7" x14ac:dyDescent="0.3">
      <c r="A5992" s="13" t="s">
        <v>56</v>
      </c>
      <c r="B5992" s="14" t="s">
        <v>1</v>
      </c>
      <c r="C5992" s="14" t="s">
        <v>47</v>
      </c>
      <c r="D5992" s="14" t="s">
        <v>57</v>
      </c>
      <c r="E5992" s="15">
        <v>45528</v>
      </c>
      <c r="F5992" s="14" t="s">
        <v>53</v>
      </c>
      <c r="G5992" s="16">
        <v>8.775966563016499E-2</v>
      </c>
    </row>
    <row r="5993" spans="1:7" x14ac:dyDescent="0.3">
      <c r="A5993" s="13" t="s">
        <v>56</v>
      </c>
      <c r="B5993" s="14" t="s">
        <v>1</v>
      </c>
      <c r="C5993" s="14" t="s">
        <v>47</v>
      </c>
      <c r="D5993" s="14" t="s">
        <v>57</v>
      </c>
      <c r="E5993" s="15">
        <v>45529</v>
      </c>
      <c r="F5993" s="14" t="s">
        <v>53</v>
      </c>
      <c r="G5993" s="16">
        <v>8.775966563016499E-2</v>
      </c>
    </row>
    <row r="5994" spans="1:7" x14ac:dyDescent="0.3">
      <c r="A5994" s="13" t="s">
        <v>56</v>
      </c>
      <c r="B5994" s="14" t="s">
        <v>1</v>
      </c>
      <c r="C5994" s="14" t="s">
        <v>47</v>
      </c>
      <c r="D5994" s="14" t="s">
        <v>57</v>
      </c>
      <c r="E5994" s="15">
        <v>45530</v>
      </c>
      <c r="F5994" s="14" t="s">
        <v>53</v>
      </c>
      <c r="G5994" s="16">
        <v>8.775966563016499E-2</v>
      </c>
    </row>
    <row r="5995" spans="1:7" x14ac:dyDescent="0.3">
      <c r="A5995" s="13" t="s">
        <v>56</v>
      </c>
      <c r="B5995" s="14" t="s">
        <v>1</v>
      </c>
      <c r="C5995" s="14" t="s">
        <v>47</v>
      </c>
      <c r="D5995" s="14" t="s">
        <v>57</v>
      </c>
      <c r="E5995" s="15">
        <v>45531</v>
      </c>
      <c r="F5995" s="14" t="s">
        <v>53</v>
      </c>
      <c r="G5995" s="16">
        <v>8.5355002181063608E-2</v>
      </c>
    </row>
    <row r="5996" spans="1:7" x14ac:dyDescent="0.3">
      <c r="A5996" s="13" t="s">
        <v>56</v>
      </c>
      <c r="B5996" s="14" t="s">
        <v>1</v>
      </c>
      <c r="C5996" s="14" t="s">
        <v>47</v>
      </c>
      <c r="D5996" s="14" t="s">
        <v>57</v>
      </c>
      <c r="E5996" s="15">
        <v>45532</v>
      </c>
      <c r="F5996" s="14" t="s">
        <v>53</v>
      </c>
      <c r="G5996" s="16">
        <v>7.7117465665311205E-2</v>
      </c>
    </row>
    <row r="5997" spans="1:7" x14ac:dyDescent="0.3">
      <c r="A5997" s="13" t="s">
        <v>56</v>
      </c>
      <c r="B5997" s="14" t="s">
        <v>1</v>
      </c>
      <c r="C5997" s="14" t="s">
        <v>47</v>
      </c>
      <c r="D5997" s="14" t="s">
        <v>57</v>
      </c>
      <c r="E5997" s="15">
        <v>45533</v>
      </c>
      <c r="F5997" s="14" t="s">
        <v>53</v>
      </c>
      <c r="G5997" s="16">
        <v>7.5094504252402022E-2</v>
      </c>
    </row>
    <row r="5998" spans="1:7" x14ac:dyDescent="0.3">
      <c r="A5998" s="13" t="s">
        <v>56</v>
      </c>
      <c r="B5998" s="14" t="s">
        <v>1</v>
      </c>
      <c r="C5998" s="14" t="s">
        <v>47</v>
      </c>
      <c r="D5998" s="14" t="s">
        <v>57</v>
      </c>
      <c r="E5998" s="15">
        <v>45534</v>
      </c>
      <c r="F5998" s="14" t="s">
        <v>53</v>
      </c>
      <c r="G5998" s="16">
        <v>7.3144655476639689E-2</v>
      </c>
    </row>
    <row r="5999" spans="1:7" x14ac:dyDescent="0.3">
      <c r="A5999" s="13" t="s">
        <v>56</v>
      </c>
      <c r="B5999" s="14" t="s">
        <v>1</v>
      </c>
      <c r="C5999" s="14" t="s">
        <v>47</v>
      </c>
      <c r="D5999" s="14" t="s">
        <v>57</v>
      </c>
      <c r="E5999" s="15">
        <v>45535</v>
      </c>
      <c r="F5999" s="14" t="s">
        <v>53</v>
      </c>
      <c r="G5999" s="16">
        <v>7.3144655476639689E-2</v>
      </c>
    </row>
    <row r="6000" spans="1:7" x14ac:dyDescent="0.3">
      <c r="A6000" s="13" t="s">
        <v>56</v>
      </c>
      <c r="B6000" s="14" t="s">
        <v>1</v>
      </c>
      <c r="C6000" s="14" t="s">
        <v>47</v>
      </c>
      <c r="D6000" s="14" t="s">
        <v>57</v>
      </c>
      <c r="E6000" s="15">
        <v>45536</v>
      </c>
      <c r="F6000" s="14" t="s">
        <v>53</v>
      </c>
      <c r="G6000" s="16">
        <v>7.3144655476639689E-2</v>
      </c>
    </row>
    <row r="6001" spans="1:7" x14ac:dyDescent="0.3">
      <c r="A6001" s="13" t="s">
        <v>56</v>
      </c>
      <c r="B6001" s="14" t="s">
        <v>1</v>
      </c>
      <c r="C6001" s="14" t="s">
        <v>47</v>
      </c>
      <c r="D6001" s="14" t="s">
        <v>57</v>
      </c>
      <c r="E6001" s="15">
        <v>45537</v>
      </c>
      <c r="F6001" s="14" t="s">
        <v>53</v>
      </c>
      <c r="G6001" s="16">
        <v>7.3144655476639689E-2</v>
      </c>
    </row>
    <row r="6002" spans="1:7" x14ac:dyDescent="0.3">
      <c r="A6002" s="13" t="s">
        <v>56</v>
      </c>
      <c r="B6002" s="14" t="s">
        <v>1</v>
      </c>
      <c r="C6002" s="14" t="s">
        <v>47</v>
      </c>
      <c r="D6002" s="14" t="s">
        <v>57</v>
      </c>
      <c r="E6002" s="15">
        <v>45538</v>
      </c>
      <c r="F6002" s="14" t="s">
        <v>53</v>
      </c>
      <c r="G6002" s="16">
        <v>7.4339153686479767E-2</v>
      </c>
    </row>
    <row r="6003" spans="1:7" x14ac:dyDescent="0.3">
      <c r="A6003" s="13" t="s">
        <v>56</v>
      </c>
      <c r="B6003" s="14" t="s">
        <v>1</v>
      </c>
      <c r="C6003" s="14" t="s">
        <v>47</v>
      </c>
      <c r="D6003" s="14" t="s">
        <v>57</v>
      </c>
      <c r="E6003" s="15">
        <v>45539</v>
      </c>
      <c r="F6003" s="14" t="s">
        <v>53</v>
      </c>
      <c r="G6003" s="16">
        <v>7.0002949674677128E-2</v>
      </c>
    </row>
    <row r="6004" spans="1:7" x14ac:dyDescent="0.3">
      <c r="A6004" s="13" t="s">
        <v>56</v>
      </c>
      <c r="B6004" s="14" t="s">
        <v>1</v>
      </c>
      <c r="C6004" s="14" t="s">
        <v>47</v>
      </c>
      <c r="D6004" s="14" t="s">
        <v>57</v>
      </c>
      <c r="E6004" s="15">
        <v>45540</v>
      </c>
      <c r="F6004" s="14" t="s">
        <v>53</v>
      </c>
      <c r="G6004" s="16">
        <v>7.4115268946994162E-2</v>
      </c>
    </row>
    <row r="6005" spans="1:7" x14ac:dyDescent="0.3">
      <c r="A6005" s="13" t="s">
        <v>56</v>
      </c>
      <c r="B6005" s="14" t="s">
        <v>1</v>
      </c>
      <c r="C6005" s="14" t="s">
        <v>47</v>
      </c>
      <c r="D6005" s="14" t="s">
        <v>57</v>
      </c>
      <c r="E6005" s="15">
        <v>45541</v>
      </c>
      <c r="F6005" s="14" t="s">
        <v>53</v>
      </c>
      <c r="G6005" s="16">
        <v>7.2326758552030315E-2</v>
      </c>
    </row>
    <row r="6006" spans="1:7" x14ac:dyDescent="0.3">
      <c r="A6006" s="13" t="s">
        <v>56</v>
      </c>
      <c r="B6006" s="14" t="s">
        <v>1</v>
      </c>
      <c r="C6006" s="14" t="s">
        <v>47</v>
      </c>
      <c r="D6006" s="14" t="s">
        <v>57</v>
      </c>
      <c r="E6006" s="15">
        <v>45542</v>
      </c>
      <c r="F6006" s="14" t="s">
        <v>53</v>
      </c>
      <c r="G6006" s="16">
        <v>7.2326758552030315E-2</v>
      </c>
    </row>
    <row r="6007" spans="1:7" x14ac:dyDescent="0.3">
      <c r="A6007" s="13" t="s">
        <v>56</v>
      </c>
      <c r="B6007" s="14" t="s">
        <v>1</v>
      </c>
      <c r="C6007" s="14" t="s">
        <v>47</v>
      </c>
      <c r="D6007" s="14" t="s">
        <v>57</v>
      </c>
      <c r="E6007" s="15">
        <v>45543</v>
      </c>
      <c r="F6007" s="14" t="s">
        <v>53</v>
      </c>
      <c r="G6007" s="16">
        <v>7.2326758552030315E-2</v>
      </c>
    </row>
    <row r="6008" spans="1:7" x14ac:dyDescent="0.3">
      <c r="A6008" s="13" t="s">
        <v>56</v>
      </c>
      <c r="B6008" s="14" t="s">
        <v>1</v>
      </c>
      <c r="C6008" s="14" t="s">
        <v>47</v>
      </c>
      <c r="D6008" s="14" t="s">
        <v>57</v>
      </c>
      <c r="E6008" s="15">
        <v>45544</v>
      </c>
      <c r="F6008" s="14" t="s">
        <v>53</v>
      </c>
      <c r="G6008" s="16">
        <v>7.0554653967095371E-2</v>
      </c>
    </row>
    <row r="6009" spans="1:7" x14ac:dyDescent="0.3">
      <c r="A6009" s="13" t="s">
        <v>56</v>
      </c>
      <c r="B6009" s="14" t="s">
        <v>1</v>
      </c>
      <c r="C6009" s="14" t="s">
        <v>47</v>
      </c>
      <c r="D6009" s="14" t="s">
        <v>57</v>
      </c>
      <c r="E6009" s="15">
        <v>45545</v>
      </c>
      <c r="F6009" s="14" t="s">
        <v>53</v>
      </c>
      <c r="G6009" s="16">
        <v>6.4459938077475701E-2</v>
      </c>
    </row>
    <row r="6010" spans="1:7" x14ac:dyDescent="0.3">
      <c r="A6010" s="13" t="s">
        <v>56</v>
      </c>
      <c r="B6010" s="14" t="s">
        <v>1</v>
      </c>
      <c r="C6010" s="14" t="s">
        <v>47</v>
      </c>
      <c r="D6010" s="14" t="s">
        <v>57</v>
      </c>
      <c r="E6010" s="15">
        <v>45546</v>
      </c>
      <c r="F6010" s="14" t="s">
        <v>53</v>
      </c>
      <c r="G6010" s="16">
        <v>6.2624407641137511E-2</v>
      </c>
    </row>
    <row r="6011" spans="1:7" x14ac:dyDescent="0.3">
      <c r="A6011" s="13" t="s">
        <v>56</v>
      </c>
      <c r="B6011" s="14" t="s">
        <v>1</v>
      </c>
      <c r="C6011" s="14" t="s">
        <v>47</v>
      </c>
      <c r="D6011" s="14" t="s">
        <v>57</v>
      </c>
      <c r="E6011" s="15">
        <v>45547</v>
      </c>
      <c r="F6011" s="14" t="s">
        <v>53</v>
      </c>
      <c r="G6011" s="16">
        <v>6.5060846281887699E-2</v>
      </c>
    </row>
    <row r="6012" spans="1:7" x14ac:dyDescent="0.3">
      <c r="A6012" s="13" t="s">
        <v>56</v>
      </c>
      <c r="B6012" s="14" t="s">
        <v>1</v>
      </c>
      <c r="C6012" s="14" t="s">
        <v>47</v>
      </c>
      <c r="D6012" s="14" t="s">
        <v>57</v>
      </c>
      <c r="E6012" s="15">
        <v>45548</v>
      </c>
      <c r="F6012" s="14" t="s">
        <v>53</v>
      </c>
      <c r="G6012" s="16">
        <v>6.9336252906292112E-2</v>
      </c>
    </row>
    <row r="6013" spans="1:7" x14ac:dyDescent="0.3">
      <c r="A6013" s="13" t="s">
        <v>56</v>
      </c>
      <c r="B6013" s="14" t="s">
        <v>1</v>
      </c>
      <c r="C6013" s="14" t="s">
        <v>47</v>
      </c>
      <c r="D6013" s="14" t="s">
        <v>57</v>
      </c>
      <c r="E6013" s="15">
        <v>45549</v>
      </c>
      <c r="F6013" s="14" t="s">
        <v>53</v>
      </c>
      <c r="G6013" s="16">
        <v>6.9336252906292112E-2</v>
      </c>
    </row>
    <row r="6014" spans="1:7" x14ac:dyDescent="0.3">
      <c r="A6014" s="13" t="s">
        <v>56</v>
      </c>
      <c r="B6014" s="14" t="s">
        <v>1</v>
      </c>
      <c r="C6014" s="14" t="s">
        <v>47</v>
      </c>
      <c r="D6014" s="14" t="s">
        <v>57</v>
      </c>
      <c r="E6014" s="15">
        <v>45550</v>
      </c>
      <c r="F6014" s="14" t="s">
        <v>53</v>
      </c>
      <c r="G6014" s="16">
        <v>6.9336252906292112E-2</v>
      </c>
    </row>
    <row r="6015" spans="1:7" x14ac:dyDescent="0.3">
      <c r="A6015" s="13" t="s">
        <v>56</v>
      </c>
      <c r="B6015" s="14" t="s">
        <v>1</v>
      </c>
      <c r="C6015" s="14" t="s">
        <v>47</v>
      </c>
      <c r="D6015" s="14" t="s">
        <v>57</v>
      </c>
      <c r="E6015" s="15">
        <v>45551</v>
      </c>
      <c r="F6015" s="14" t="s">
        <v>53</v>
      </c>
      <c r="G6015" s="16">
        <v>6.6774984536007137E-2</v>
      </c>
    </row>
    <row r="6016" spans="1:7" x14ac:dyDescent="0.3">
      <c r="A6016" s="13" t="s">
        <v>56</v>
      </c>
      <c r="B6016" s="14" t="s">
        <v>1</v>
      </c>
      <c r="C6016" s="14" t="s">
        <v>47</v>
      </c>
      <c r="D6016" s="14" t="s">
        <v>57</v>
      </c>
      <c r="E6016" s="15">
        <v>45552</v>
      </c>
      <c r="F6016" s="14" t="s">
        <v>53</v>
      </c>
      <c r="G6016" s="16">
        <v>6.2395617201853437E-2</v>
      </c>
    </row>
    <row r="6017" spans="1:7" x14ac:dyDescent="0.3">
      <c r="A6017" s="13" t="s">
        <v>56</v>
      </c>
      <c r="B6017" s="14" t="s">
        <v>1</v>
      </c>
      <c r="C6017" s="14" t="s">
        <v>47</v>
      </c>
      <c r="D6017" s="14" t="s">
        <v>57</v>
      </c>
      <c r="E6017" s="15">
        <v>45553</v>
      </c>
      <c r="F6017" s="14" t="s">
        <v>53</v>
      </c>
      <c r="G6017" s="16">
        <v>6.0702599663740101E-2</v>
      </c>
    </row>
    <row r="6018" spans="1:7" x14ac:dyDescent="0.3">
      <c r="A6018" s="13" t="s">
        <v>56</v>
      </c>
      <c r="B6018" s="14" t="s">
        <v>1</v>
      </c>
      <c r="C6018" s="14" t="s">
        <v>47</v>
      </c>
      <c r="D6018" s="14" t="s">
        <v>57</v>
      </c>
      <c r="E6018" s="15">
        <v>45554</v>
      </c>
      <c r="F6018" s="14" t="s">
        <v>53</v>
      </c>
      <c r="G6018" s="16">
        <v>5.8271760317112849E-2</v>
      </c>
    </row>
    <row r="6019" spans="1:7" x14ac:dyDescent="0.3">
      <c r="A6019" s="13" t="s">
        <v>56</v>
      </c>
      <c r="B6019" s="14" t="s">
        <v>1</v>
      </c>
      <c r="C6019" s="14" t="s">
        <v>47</v>
      </c>
      <c r="D6019" s="14" t="s">
        <v>57</v>
      </c>
      <c r="E6019" s="15">
        <v>45555</v>
      </c>
      <c r="F6019" s="14" t="s">
        <v>53</v>
      </c>
      <c r="G6019" s="16">
        <v>6.6794714961633278E-2</v>
      </c>
    </row>
    <row r="6020" spans="1:7" x14ac:dyDescent="0.3">
      <c r="A6020" s="13" t="s">
        <v>56</v>
      </c>
      <c r="B6020" s="14" t="s">
        <v>1</v>
      </c>
      <c r="C6020" s="14" t="s">
        <v>47</v>
      </c>
      <c r="D6020" s="14" t="s">
        <v>57</v>
      </c>
      <c r="E6020" s="15">
        <v>45556</v>
      </c>
      <c r="F6020" s="14" t="s">
        <v>53</v>
      </c>
      <c r="G6020" s="16">
        <v>6.6794714961633278E-2</v>
      </c>
    </row>
    <row r="6021" spans="1:7" x14ac:dyDescent="0.3">
      <c r="A6021" s="13" t="s">
        <v>56</v>
      </c>
      <c r="B6021" s="14" t="s">
        <v>1</v>
      </c>
      <c r="C6021" s="14" t="s">
        <v>47</v>
      </c>
      <c r="D6021" s="14" t="s">
        <v>57</v>
      </c>
      <c r="E6021" s="15">
        <v>45557</v>
      </c>
      <c r="F6021" s="14" t="s">
        <v>53</v>
      </c>
      <c r="G6021" s="16">
        <v>6.6794714961633278E-2</v>
      </c>
    </row>
    <row r="6022" spans="1:7" x14ac:dyDescent="0.3">
      <c r="A6022" s="13" t="s">
        <v>56</v>
      </c>
      <c r="B6022" s="14" t="s">
        <v>1</v>
      </c>
      <c r="C6022" s="14" t="s">
        <v>47</v>
      </c>
      <c r="D6022" s="14" t="s">
        <v>57</v>
      </c>
      <c r="E6022" s="15">
        <v>45558</v>
      </c>
      <c r="F6022" s="14" t="s">
        <v>53</v>
      </c>
      <c r="G6022" s="16">
        <v>6.4507221899923639E-2</v>
      </c>
    </row>
    <row r="6023" spans="1:7" x14ac:dyDescent="0.3">
      <c r="A6023" s="13" t="s">
        <v>56</v>
      </c>
      <c r="B6023" s="14" t="s">
        <v>1</v>
      </c>
      <c r="C6023" s="14" t="s">
        <v>47</v>
      </c>
      <c r="D6023" s="14" t="s">
        <v>57</v>
      </c>
      <c r="E6023" s="15">
        <v>45559</v>
      </c>
      <c r="F6023" s="14" t="s">
        <v>53</v>
      </c>
      <c r="G6023" s="16">
        <v>6.4861530602377593E-2</v>
      </c>
    </row>
    <row r="6024" spans="1:7" x14ac:dyDescent="0.3">
      <c r="A6024" s="13" t="s">
        <v>56</v>
      </c>
      <c r="B6024" s="14" t="s">
        <v>1</v>
      </c>
      <c r="C6024" s="14" t="s">
        <v>47</v>
      </c>
      <c r="D6024" s="14" t="s">
        <v>57</v>
      </c>
      <c r="E6024" s="15">
        <v>45560</v>
      </c>
      <c r="F6024" s="14" t="s">
        <v>53</v>
      </c>
      <c r="G6024" s="16">
        <v>6.3109553877162758E-2</v>
      </c>
    </row>
    <row r="6025" spans="1:7" x14ac:dyDescent="0.3">
      <c r="A6025" s="13" t="s">
        <v>56</v>
      </c>
      <c r="B6025" s="14" t="s">
        <v>1</v>
      </c>
      <c r="C6025" s="14" t="s">
        <v>47</v>
      </c>
      <c r="D6025" s="14" t="s">
        <v>57</v>
      </c>
      <c r="E6025" s="15">
        <v>45561</v>
      </c>
      <c r="F6025" s="14" t="s">
        <v>53</v>
      </c>
      <c r="G6025" s="16">
        <v>6.0487666444448432E-2</v>
      </c>
    </row>
    <row r="6026" spans="1:7" x14ac:dyDescent="0.3">
      <c r="A6026" s="13" t="s">
        <v>56</v>
      </c>
      <c r="B6026" s="14" t="s">
        <v>1</v>
      </c>
      <c r="C6026" s="14" t="s">
        <v>47</v>
      </c>
      <c r="D6026" s="14" t="s">
        <v>57</v>
      </c>
      <c r="E6026" s="15">
        <v>45562</v>
      </c>
      <c r="F6026" s="14" t="s">
        <v>53</v>
      </c>
      <c r="G6026" s="16">
        <v>5.8459007560140108E-2</v>
      </c>
    </row>
    <row r="6027" spans="1:7" x14ac:dyDescent="0.3">
      <c r="A6027" s="13" t="s">
        <v>56</v>
      </c>
      <c r="B6027" s="14" t="s">
        <v>1</v>
      </c>
      <c r="C6027" s="14" t="s">
        <v>47</v>
      </c>
      <c r="D6027" s="14" t="s">
        <v>57</v>
      </c>
      <c r="E6027" s="15">
        <v>45563</v>
      </c>
      <c r="F6027" s="14" t="s">
        <v>53</v>
      </c>
      <c r="G6027" s="16">
        <v>5.8459007560140108E-2</v>
      </c>
    </row>
    <row r="6028" spans="1:7" x14ac:dyDescent="0.3">
      <c r="A6028" s="13" t="s">
        <v>56</v>
      </c>
      <c r="B6028" s="14" t="s">
        <v>1</v>
      </c>
      <c r="C6028" s="14" t="s">
        <v>47</v>
      </c>
      <c r="D6028" s="14" t="s">
        <v>57</v>
      </c>
      <c r="E6028" s="15">
        <v>45564</v>
      </c>
      <c r="F6028" s="14" t="s">
        <v>53</v>
      </c>
      <c r="G6028" s="16">
        <v>5.8459007560140108E-2</v>
      </c>
    </row>
    <row r="6029" spans="1:7" x14ac:dyDescent="0.3">
      <c r="A6029" s="13" t="s">
        <v>56</v>
      </c>
      <c r="B6029" s="14" t="s">
        <v>1</v>
      </c>
      <c r="C6029" s="14" t="s">
        <v>47</v>
      </c>
      <c r="D6029" s="14" t="s">
        <v>57</v>
      </c>
      <c r="E6029" s="15">
        <v>45565</v>
      </c>
      <c r="F6029" s="14" t="s">
        <v>53</v>
      </c>
      <c r="G6029" s="16">
        <v>6.4297969739354963E-2</v>
      </c>
    </row>
    <row r="6030" spans="1:7" x14ac:dyDescent="0.3">
      <c r="A6030" s="13" t="s">
        <v>56</v>
      </c>
      <c r="B6030" s="14" t="s">
        <v>1</v>
      </c>
      <c r="C6030" s="14" t="s">
        <v>47</v>
      </c>
      <c r="D6030" s="14" t="s">
        <v>57</v>
      </c>
      <c r="E6030" s="15">
        <v>45566</v>
      </c>
      <c r="F6030" s="14" t="s">
        <v>53</v>
      </c>
      <c r="G6030" s="16">
        <v>6.2507770710167387E-2</v>
      </c>
    </row>
    <row r="6031" spans="1:7" x14ac:dyDescent="0.3">
      <c r="A6031" s="13" t="s">
        <v>56</v>
      </c>
      <c r="B6031" s="14" t="s">
        <v>1</v>
      </c>
      <c r="C6031" s="14" t="s">
        <v>47</v>
      </c>
      <c r="D6031" s="14" t="s">
        <v>57</v>
      </c>
      <c r="E6031" s="15">
        <v>45567</v>
      </c>
      <c r="F6031" s="14" t="s">
        <v>53</v>
      </c>
      <c r="G6031" s="16">
        <v>6.5313029130216874E-2</v>
      </c>
    </row>
    <row r="6032" spans="1:7" x14ac:dyDescent="0.3">
      <c r="A6032" s="13" t="s">
        <v>56</v>
      </c>
      <c r="B6032" s="14" t="s">
        <v>1</v>
      </c>
      <c r="C6032" s="14" t="s">
        <v>47</v>
      </c>
      <c r="D6032" s="14" t="s">
        <v>57</v>
      </c>
      <c r="E6032" s="15">
        <v>45568</v>
      </c>
      <c r="F6032" s="14" t="s">
        <v>53</v>
      </c>
      <c r="G6032" s="16">
        <v>6.3774428531409619E-2</v>
      </c>
    </row>
    <row r="6033" spans="1:7" x14ac:dyDescent="0.3">
      <c r="A6033" s="13" t="s">
        <v>56</v>
      </c>
      <c r="B6033" s="14" t="s">
        <v>1</v>
      </c>
      <c r="C6033" s="14" t="s">
        <v>47</v>
      </c>
      <c r="D6033" s="14" t="s">
        <v>57</v>
      </c>
      <c r="E6033" s="15">
        <v>45569</v>
      </c>
      <c r="F6033" s="14" t="s">
        <v>53</v>
      </c>
      <c r="G6033" s="16">
        <v>6.1525981238772842E-2</v>
      </c>
    </row>
    <row r="6034" spans="1:7" x14ac:dyDescent="0.3">
      <c r="A6034" s="13" t="s">
        <v>56</v>
      </c>
      <c r="B6034" s="14" t="s">
        <v>1</v>
      </c>
      <c r="C6034" s="14" t="s">
        <v>47</v>
      </c>
      <c r="D6034" s="14" t="s">
        <v>57</v>
      </c>
      <c r="E6034" s="15">
        <v>45570</v>
      </c>
      <c r="F6034" s="14" t="s">
        <v>53</v>
      </c>
      <c r="G6034" s="16">
        <v>6.1525981238772842E-2</v>
      </c>
    </row>
    <row r="6035" spans="1:7" x14ac:dyDescent="0.3">
      <c r="A6035" s="13" t="s">
        <v>56</v>
      </c>
      <c r="B6035" s="14" t="s">
        <v>1</v>
      </c>
      <c r="C6035" s="14" t="s">
        <v>47</v>
      </c>
      <c r="D6035" s="14" t="s">
        <v>57</v>
      </c>
      <c r="E6035" s="15">
        <v>45571</v>
      </c>
      <c r="F6035" s="14" t="s">
        <v>53</v>
      </c>
      <c r="G6035" s="16">
        <v>6.1525981238772842E-2</v>
      </c>
    </row>
    <row r="6036" spans="1:7" x14ac:dyDescent="0.3">
      <c r="A6036" s="13" t="s">
        <v>56</v>
      </c>
      <c r="B6036" s="14" t="s">
        <v>1</v>
      </c>
      <c r="C6036" s="14" t="s">
        <v>47</v>
      </c>
      <c r="D6036" s="14" t="s">
        <v>57</v>
      </c>
      <c r="E6036" s="15">
        <v>45572</v>
      </c>
      <c r="F6036" s="14" t="s">
        <v>53</v>
      </c>
      <c r="G6036" s="16">
        <v>5.946812774582938E-2</v>
      </c>
    </row>
    <row r="6037" spans="1:7" x14ac:dyDescent="0.3">
      <c r="A6037" s="13" t="s">
        <v>56</v>
      </c>
      <c r="B6037" s="14" t="s">
        <v>1</v>
      </c>
      <c r="C6037" s="14" t="s">
        <v>47</v>
      </c>
      <c r="D6037" s="14" t="s">
        <v>57</v>
      </c>
      <c r="E6037" s="15">
        <v>45573</v>
      </c>
      <c r="F6037" s="14" t="s">
        <v>53</v>
      </c>
      <c r="G6037" s="16">
        <v>5.2615054261900836E-2</v>
      </c>
    </row>
    <row r="6038" spans="1:7" x14ac:dyDescent="0.3">
      <c r="A6038" s="13" t="s">
        <v>56</v>
      </c>
      <c r="B6038" s="14" t="s">
        <v>1</v>
      </c>
      <c r="C6038" s="14" t="s">
        <v>47</v>
      </c>
      <c r="D6038" s="14" t="s">
        <v>57</v>
      </c>
      <c r="E6038" s="15">
        <v>45574</v>
      </c>
      <c r="F6038" s="14" t="s">
        <v>53</v>
      </c>
      <c r="G6038" s="16">
        <v>5.0489812789254365E-2</v>
      </c>
    </row>
    <row r="6039" spans="1:7" x14ac:dyDescent="0.3">
      <c r="A6039" s="13" t="s">
        <v>56</v>
      </c>
      <c r="B6039" s="14" t="s">
        <v>1</v>
      </c>
      <c r="C6039" s="14" t="s">
        <v>47</v>
      </c>
      <c r="D6039" s="14" t="s">
        <v>57</v>
      </c>
      <c r="E6039" s="15">
        <v>45575</v>
      </c>
      <c r="F6039" s="14" t="s">
        <v>53</v>
      </c>
      <c r="G6039" s="16">
        <v>4.8258362888853969E-2</v>
      </c>
    </row>
    <row r="6040" spans="1:7" x14ac:dyDescent="0.3">
      <c r="A6040" s="13" t="s">
        <v>56</v>
      </c>
      <c r="B6040" s="14" t="s">
        <v>1</v>
      </c>
      <c r="C6040" s="14" t="s">
        <v>47</v>
      </c>
      <c r="D6040" s="14" t="s">
        <v>57</v>
      </c>
      <c r="E6040" s="15">
        <v>45576</v>
      </c>
      <c r="F6040" s="14" t="s">
        <v>53</v>
      </c>
      <c r="G6040" s="16">
        <v>4.5953339547520733E-2</v>
      </c>
    </row>
    <row r="6041" spans="1:7" x14ac:dyDescent="0.3">
      <c r="A6041" s="13" t="s">
        <v>56</v>
      </c>
      <c r="B6041" s="14" t="s">
        <v>1</v>
      </c>
      <c r="C6041" s="14" t="s">
        <v>47</v>
      </c>
      <c r="D6041" s="14" t="s">
        <v>57</v>
      </c>
      <c r="E6041" s="15">
        <v>45577</v>
      </c>
      <c r="F6041" s="14" t="s">
        <v>53</v>
      </c>
      <c r="G6041" s="16">
        <v>4.5953339547520733E-2</v>
      </c>
    </row>
    <row r="6042" spans="1:7" x14ac:dyDescent="0.3">
      <c r="A6042" s="13" t="s">
        <v>56</v>
      </c>
      <c r="B6042" s="14" t="s">
        <v>1</v>
      </c>
      <c r="C6042" s="14" t="s">
        <v>47</v>
      </c>
      <c r="D6042" s="14" t="s">
        <v>57</v>
      </c>
      <c r="E6042" s="15">
        <v>45578</v>
      </c>
      <c r="F6042" s="14" t="s">
        <v>53</v>
      </c>
      <c r="G6042" s="16">
        <v>4.5953339547520733E-2</v>
      </c>
    </row>
    <row r="6043" spans="1:7" x14ac:dyDescent="0.3">
      <c r="A6043" s="13" t="s">
        <v>56</v>
      </c>
      <c r="B6043" s="14" t="s">
        <v>1</v>
      </c>
      <c r="C6043" s="14" t="s">
        <v>47</v>
      </c>
      <c r="D6043" s="14" t="s">
        <v>57</v>
      </c>
      <c r="E6043" s="15">
        <v>45579</v>
      </c>
      <c r="F6043" s="14" t="s">
        <v>53</v>
      </c>
      <c r="G6043" s="16">
        <v>4.5953339547520733E-2</v>
      </c>
    </row>
    <row r="6044" spans="1:7" x14ac:dyDescent="0.3">
      <c r="A6044" s="13" t="s">
        <v>56</v>
      </c>
      <c r="B6044" s="14" t="s">
        <v>1</v>
      </c>
      <c r="C6044" s="14" t="s">
        <v>47</v>
      </c>
      <c r="D6044" s="14" t="s">
        <v>57</v>
      </c>
      <c r="E6044" s="15">
        <v>45580</v>
      </c>
      <c r="F6044" s="14" t="s">
        <v>53</v>
      </c>
      <c r="G6044" s="16">
        <v>4.698897065019024E-2</v>
      </c>
    </row>
    <row r="6045" spans="1:7" x14ac:dyDescent="0.3">
      <c r="A6045" s="13" t="s">
        <v>56</v>
      </c>
      <c r="B6045" s="14" t="s">
        <v>1</v>
      </c>
      <c r="C6045" s="14" t="s">
        <v>47</v>
      </c>
      <c r="D6045" s="14" t="s">
        <v>57</v>
      </c>
      <c r="E6045" s="15">
        <v>45581</v>
      </c>
      <c r="F6045" s="14" t="s">
        <v>53</v>
      </c>
      <c r="G6045" s="16">
        <v>3.8123314014128697E-2</v>
      </c>
    </row>
    <row r="6046" spans="1:7" x14ac:dyDescent="0.3">
      <c r="A6046" s="13" t="s">
        <v>56</v>
      </c>
      <c r="B6046" s="14" t="s">
        <v>1</v>
      </c>
      <c r="C6046" s="14" t="s">
        <v>47</v>
      </c>
      <c r="D6046" s="14" t="s">
        <v>57</v>
      </c>
      <c r="E6046" s="15">
        <v>45582</v>
      </c>
      <c r="F6046" s="14" t="s">
        <v>53</v>
      </c>
      <c r="G6046" s="16">
        <v>3.5792275802857966E-2</v>
      </c>
    </row>
    <row r="6047" spans="1:7" x14ac:dyDescent="0.3">
      <c r="A6047" s="13" t="s">
        <v>56</v>
      </c>
      <c r="B6047" s="14" t="s">
        <v>1</v>
      </c>
      <c r="C6047" s="14" t="s">
        <v>47</v>
      </c>
      <c r="D6047" s="14" t="s">
        <v>57</v>
      </c>
      <c r="E6047" s="15">
        <v>45583</v>
      </c>
      <c r="F6047" s="14" t="s">
        <v>53</v>
      </c>
      <c r="G6047" s="16">
        <v>3.3418137801927032E-2</v>
      </c>
    </row>
    <row r="6048" spans="1:7" x14ac:dyDescent="0.3">
      <c r="A6048" s="13" t="s">
        <v>56</v>
      </c>
      <c r="B6048" s="14" t="s">
        <v>1</v>
      </c>
      <c r="C6048" s="14" t="s">
        <v>47</v>
      </c>
      <c r="D6048" s="14" t="s">
        <v>57</v>
      </c>
      <c r="E6048" s="15">
        <v>45584</v>
      </c>
      <c r="F6048" s="14" t="s">
        <v>53</v>
      </c>
      <c r="G6048" s="16">
        <v>3.3418137801927032E-2</v>
      </c>
    </row>
    <row r="6049" spans="1:7" x14ac:dyDescent="0.3">
      <c r="A6049" s="13" t="s">
        <v>56</v>
      </c>
      <c r="B6049" s="14" t="s">
        <v>1</v>
      </c>
      <c r="C6049" s="14" t="s">
        <v>47</v>
      </c>
      <c r="D6049" s="14" t="s">
        <v>57</v>
      </c>
      <c r="E6049" s="15">
        <v>45585</v>
      </c>
      <c r="F6049" s="14" t="s">
        <v>53</v>
      </c>
      <c r="G6049" s="16">
        <v>3.3418137801927032E-2</v>
      </c>
    </row>
    <row r="6050" spans="1:7" x14ac:dyDescent="0.3">
      <c r="A6050" s="13" t="s">
        <v>56</v>
      </c>
      <c r="B6050" s="14" t="s">
        <v>1</v>
      </c>
      <c r="C6050" s="14" t="s">
        <v>47</v>
      </c>
      <c r="D6050" s="14" t="s">
        <v>57</v>
      </c>
      <c r="E6050" s="15">
        <v>45586</v>
      </c>
      <c r="F6050" s="14" t="s">
        <v>53</v>
      </c>
      <c r="G6050" s="16">
        <v>3.4124445553574599E-2</v>
      </c>
    </row>
    <row r="6051" spans="1:7" x14ac:dyDescent="0.3">
      <c r="A6051" s="13" t="s">
        <v>56</v>
      </c>
      <c r="B6051" s="14" t="s">
        <v>1</v>
      </c>
      <c r="C6051" s="14" t="s">
        <v>47</v>
      </c>
      <c r="D6051" s="14" t="s">
        <v>57</v>
      </c>
      <c r="E6051" s="15">
        <v>45587</v>
      </c>
      <c r="F6051" s="14" t="s">
        <v>53</v>
      </c>
      <c r="G6051" s="16">
        <v>2.7264518347703902E-2</v>
      </c>
    </row>
    <row r="6052" spans="1:7" x14ac:dyDescent="0.3">
      <c r="A6052" s="13" t="s">
        <v>56</v>
      </c>
      <c r="B6052" s="14" t="s">
        <v>1</v>
      </c>
      <c r="C6052" s="14" t="s">
        <v>47</v>
      </c>
      <c r="D6052" s="14" t="s">
        <v>57</v>
      </c>
      <c r="E6052" s="15">
        <v>45588</v>
      </c>
      <c r="F6052" s="14" t="s">
        <v>53</v>
      </c>
      <c r="G6052" s="16">
        <v>2.5116905202386051E-2</v>
      </c>
    </row>
    <row r="6053" spans="1:7" x14ac:dyDescent="0.3">
      <c r="A6053" s="13" t="s">
        <v>56</v>
      </c>
      <c r="B6053" s="14" t="s">
        <v>1</v>
      </c>
      <c r="C6053" s="14" t="s">
        <v>47</v>
      </c>
      <c r="D6053" s="14" t="s">
        <v>57</v>
      </c>
      <c r="E6053" s="15">
        <v>45589</v>
      </c>
      <c r="F6053" s="14" t="s">
        <v>53</v>
      </c>
      <c r="G6053" s="16">
        <v>2.2761381828185302E-2</v>
      </c>
    </row>
    <row r="6054" spans="1:7" x14ac:dyDescent="0.3">
      <c r="A6054" s="13" t="s">
        <v>56</v>
      </c>
      <c r="B6054" s="14" t="s">
        <v>1</v>
      </c>
      <c r="C6054" s="14" t="s">
        <v>47</v>
      </c>
      <c r="D6054" s="14" t="s">
        <v>57</v>
      </c>
      <c r="E6054" s="15">
        <v>45590</v>
      </c>
      <c r="F6054" s="14" t="s">
        <v>53</v>
      </c>
      <c r="G6054" s="16">
        <v>2.05471769788401E-2</v>
      </c>
    </row>
    <row r="6055" spans="1:7" x14ac:dyDescent="0.3">
      <c r="A6055" s="13" t="s">
        <v>56</v>
      </c>
      <c r="B6055" s="14" t="s">
        <v>1</v>
      </c>
      <c r="C6055" s="14" t="s">
        <v>47</v>
      </c>
      <c r="D6055" s="14" t="s">
        <v>57</v>
      </c>
      <c r="E6055" s="15">
        <v>45591</v>
      </c>
      <c r="F6055" s="14" t="s">
        <v>53</v>
      </c>
      <c r="G6055" s="16">
        <v>2.05471769788401E-2</v>
      </c>
    </row>
    <row r="6056" spans="1:7" x14ac:dyDescent="0.3">
      <c r="A6056" s="13" t="s">
        <v>56</v>
      </c>
      <c r="B6056" s="14" t="s">
        <v>1</v>
      </c>
      <c r="C6056" s="14" t="s">
        <v>47</v>
      </c>
      <c r="D6056" s="14" t="s">
        <v>57</v>
      </c>
      <c r="E6056" s="15">
        <v>45592</v>
      </c>
      <c r="F6056" s="14" t="s">
        <v>53</v>
      </c>
      <c r="G6056" s="16">
        <v>2.05471769788401E-2</v>
      </c>
    </row>
    <row r="6057" spans="1:7" x14ac:dyDescent="0.3">
      <c r="A6057" s="13" t="s">
        <v>56</v>
      </c>
      <c r="B6057" s="14" t="s">
        <v>1</v>
      </c>
      <c r="C6057" s="14" t="s">
        <v>47</v>
      </c>
      <c r="D6057" s="14" t="s">
        <v>57</v>
      </c>
      <c r="E6057" s="15">
        <v>45593</v>
      </c>
      <c r="F6057" s="14" t="s">
        <v>53</v>
      </c>
      <c r="G6057" s="16">
        <v>2.05471769788401E-2</v>
      </c>
    </row>
    <row r="6058" spans="1:7" x14ac:dyDescent="0.3">
      <c r="A6058" s="13" t="s">
        <v>56</v>
      </c>
      <c r="B6058" s="14" t="s">
        <v>1</v>
      </c>
      <c r="C6058" s="14" t="s">
        <v>47</v>
      </c>
      <c r="D6058" s="14" t="s">
        <v>57</v>
      </c>
      <c r="E6058" s="15">
        <v>45594</v>
      </c>
      <c r="F6058" s="14" t="s">
        <v>53</v>
      </c>
      <c r="G6058" s="16">
        <v>2.2228216858460225E-2</v>
      </c>
    </row>
    <row r="6059" spans="1:7" x14ac:dyDescent="0.3">
      <c r="A6059" s="13" t="s">
        <v>56</v>
      </c>
      <c r="B6059" s="14" t="s">
        <v>1</v>
      </c>
      <c r="C6059" s="14" t="s">
        <v>47</v>
      </c>
      <c r="D6059" s="14" t="s">
        <v>57</v>
      </c>
      <c r="E6059" s="15">
        <v>45595</v>
      </c>
      <c r="F6059" s="14" t="s">
        <v>53</v>
      </c>
      <c r="G6059" s="16">
        <v>1.3211804803581688E-2</v>
      </c>
    </row>
    <row r="6060" spans="1:7" x14ac:dyDescent="0.3">
      <c r="A6060" s="13" t="s">
        <v>56</v>
      </c>
      <c r="B6060" s="14" t="s">
        <v>1</v>
      </c>
      <c r="C6060" s="14" t="s">
        <v>47</v>
      </c>
      <c r="D6060" s="14" t="s">
        <v>57</v>
      </c>
      <c r="E6060" s="15">
        <v>45596</v>
      </c>
      <c r="F6060" s="14" t="s">
        <v>53</v>
      </c>
      <c r="G6060" s="16">
        <v>1.0956862217935697E-2</v>
      </c>
    </row>
    <row r="6061" spans="1:7" x14ac:dyDescent="0.3">
      <c r="A6061" s="13" t="s">
        <v>56</v>
      </c>
      <c r="B6061" s="14" t="s">
        <v>1</v>
      </c>
      <c r="C6061" s="14" t="s">
        <v>47</v>
      </c>
      <c r="D6061" s="14" t="s">
        <v>57</v>
      </c>
      <c r="E6061" s="15">
        <v>45597</v>
      </c>
      <c r="F6061" s="14" t="s">
        <v>53</v>
      </c>
      <c r="G6061" s="16">
        <v>8.6386548537839593E-3</v>
      </c>
    </row>
    <row r="6062" spans="1:7" x14ac:dyDescent="0.3">
      <c r="A6062" s="13" t="s">
        <v>56</v>
      </c>
      <c r="B6062" s="14" t="s">
        <v>1</v>
      </c>
      <c r="C6062" s="14" t="s">
        <v>47</v>
      </c>
      <c r="D6062" s="14" t="s">
        <v>57</v>
      </c>
      <c r="E6062" s="15">
        <v>45598</v>
      </c>
      <c r="F6062" s="14" t="s">
        <v>53</v>
      </c>
      <c r="G6062" s="16">
        <v>8.6386548537839593E-3</v>
      </c>
    </row>
    <row r="6063" spans="1:7" x14ac:dyDescent="0.3">
      <c r="A6063" s="13" t="s">
        <v>56</v>
      </c>
      <c r="B6063" s="14" t="s">
        <v>1</v>
      </c>
      <c r="C6063" s="14" t="s">
        <v>47</v>
      </c>
      <c r="D6063" s="14" t="s">
        <v>57</v>
      </c>
      <c r="E6063" s="15">
        <v>45599</v>
      </c>
      <c r="F6063" s="14" t="s">
        <v>53</v>
      </c>
      <c r="G6063" s="16">
        <v>8.6386548537839593E-3</v>
      </c>
    </row>
    <row r="6064" spans="1:7" x14ac:dyDescent="0.3">
      <c r="A6064" s="13" t="s">
        <v>56</v>
      </c>
      <c r="B6064" s="14" t="s">
        <v>1</v>
      </c>
      <c r="C6064" s="14" t="s">
        <v>47</v>
      </c>
      <c r="D6064" s="14" t="s">
        <v>57</v>
      </c>
      <c r="E6064" s="15">
        <v>45600</v>
      </c>
      <c r="F6064" s="14" t="s">
        <v>53</v>
      </c>
      <c r="G6064" s="16">
        <v>9.0451280709510397E-3</v>
      </c>
    </row>
    <row r="6065" spans="1:7" x14ac:dyDescent="0.3">
      <c r="A6065" s="13" t="s">
        <v>56</v>
      </c>
      <c r="B6065" s="14" t="s">
        <v>1</v>
      </c>
      <c r="C6065" s="14" t="s">
        <v>47</v>
      </c>
      <c r="D6065" s="14" t="s">
        <v>57</v>
      </c>
      <c r="E6065" s="15">
        <v>45601</v>
      </c>
      <c r="F6065" s="14" t="s">
        <v>53</v>
      </c>
      <c r="G6065" s="16">
        <v>2.3385415049483882E-3</v>
      </c>
    </row>
    <row r="6066" spans="1:7" x14ac:dyDescent="0.3">
      <c r="A6066" s="13" t="s">
        <v>56</v>
      </c>
      <c r="B6066" s="14" t="s">
        <v>1</v>
      </c>
      <c r="C6066" s="14" t="s">
        <v>47</v>
      </c>
      <c r="D6066" s="14" t="s">
        <v>57</v>
      </c>
      <c r="E6066" s="15">
        <v>45602</v>
      </c>
      <c r="F6066" s="14" t="s">
        <v>53</v>
      </c>
      <c r="G6066" s="16">
        <v>1.2144500745348493E-4</v>
      </c>
    </row>
    <row r="6067" spans="1:7" x14ac:dyDescent="0.3">
      <c r="A6067" s="13" t="s">
        <v>56</v>
      </c>
      <c r="B6067" s="14" t="s">
        <v>1</v>
      </c>
      <c r="C6067" s="14" t="s">
        <v>47</v>
      </c>
      <c r="D6067" s="14" t="s">
        <v>57</v>
      </c>
      <c r="E6067" s="15">
        <v>45603</v>
      </c>
      <c r="F6067" s="14" t="s">
        <v>53</v>
      </c>
      <c r="G6067" s="16">
        <v>0</v>
      </c>
    </row>
    <row r="6068" spans="1:7" x14ac:dyDescent="0.3">
      <c r="A6068" s="13" t="s">
        <v>56</v>
      </c>
      <c r="B6068" s="14" t="s">
        <v>1</v>
      </c>
      <c r="C6068" s="14" t="s">
        <v>47</v>
      </c>
      <c r="D6068" s="14" t="s">
        <v>57</v>
      </c>
      <c r="E6068" s="15">
        <v>45604</v>
      </c>
      <c r="F6068" s="14" t="s">
        <v>53</v>
      </c>
      <c r="G6068" s="16">
        <v>0</v>
      </c>
    </row>
    <row r="6069" spans="1:7" x14ac:dyDescent="0.3">
      <c r="A6069" s="13" t="s">
        <v>56</v>
      </c>
      <c r="B6069" s="14" t="s">
        <v>1</v>
      </c>
      <c r="C6069" s="14" t="s">
        <v>47</v>
      </c>
      <c r="D6069" s="14" t="s">
        <v>57</v>
      </c>
      <c r="E6069" s="15">
        <v>45605</v>
      </c>
      <c r="F6069" s="14" t="s">
        <v>53</v>
      </c>
      <c r="G6069" s="16">
        <v>0</v>
      </c>
    </row>
    <row r="6070" spans="1:7" x14ac:dyDescent="0.3">
      <c r="A6070" s="13" t="s">
        <v>56</v>
      </c>
      <c r="B6070" s="14" t="s">
        <v>1</v>
      </c>
      <c r="C6070" s="14" t="s">
        <v>47</v>
      </c>
      <c r="D6070" s="14" t="s">
        <v>57</v>
      </c>
      <c r="E6070" s="15">
        <v>45606</v>
      </c>
      <c r="F6070" s="14" t="s">
        <v>53</v>
      </c>
      <c r="G6070" s="16">
        <v>0</v>
      </c>
    </row>
    <row r="6071" spans="1:7" x14ac:dyDescent="0.3">
      <c r="A6071" s="13" t="s">
        <v>56</v>
      </c>
      <c r="B6071" s="14" t="s">
        <v>1</v>
      </c>
      <c r="C6071" s="14" t="s">
        <v>47</v>
      </c>
      <c r="D6071" s="14" t="s">
        <v>57</v>
      </c>
      <c r="E6071" s="15">
        <v>45607</v>
      </c>
      <c r="F6071" s="14" t="s">
        <v>53</v>
      </c>
      <c r="G6071" s="16">
        <v>0</v>
      </c>
    </row>
    <row r="6072" spans="1:7" x14ac:dyDescent="0.3">
      <c r="A6072" s="13" t="s">
        <v>56</v>
      </c>
      <c r="B6072" s="14" t="s">
        <v>1</v>
      </c>
      <c r="C6072" s="14" t="s">
        <v>47</v>
      </c>
      <c r="D6072" s="14" t="s">
        <v>57</v>
      </c>
      <c r="E6072" s="15">
        <v>45608</v>
      </c>
      <c r="F6072" s="14" t="s">
        <v>53</v>
      </c>
      <c r="G6072" s="16">
        <v>0</v>
      </c>
    </row>
    <row r="6073" spans="1:7" x14ac:dyDescent="0.3">
      <c r="A6073" s="13" t="s">
        <v>56</v>
      </c>
      <c r="B6073" s="14" t="s">
        <v>1</v>
      </c>
      <c r="C6073" s="14" t="s">
        <v>47</v>
      </c>
      <c r="D6073" s="14" t="s">
        <v>57</v>
      </c>
      <c r="E6073" s="15">
        <v>45609</v>
      </c>
      <c r="F6073" s="14" t="s">
        <v>53</v>
      </c>
      <c r="G6073" s="16">
        <v>0</v>
      </c>
    </row>
    <row r="6074" spans="1:7" x14ac:dyDescent="0.3">
      <c r="A6074" s="13" t="s">
        <v>56</v>
      </c>
      <c r="B6074" s="14" t="s">
        <v>1</v>
      </c>
      <c r="C6074" s="14" t="s">
        <v>47</v>
      </c>
      <c r="D6074" s="14" t="s">
        <v>57</v>
      </c>
      <c r="E6074" s="15">
        <v>45610</v>
      </c>
      <c r="F6074" s="14" t="s">
        <v>53</v>
      </c>
      <c r="G6074" s="16">
        <v>0</v>
      </c>
    </row>
    <row r="6075" spans="1:7" x14ac:dyDescent="0.3">
      <c r="A6075" s="13" t="s">
        <v>56</v>
      </c>
      <c r="B6075" s="14" t="s">
        <v>1</v>
      </c>
      <c r="C6075" s="14" t="s">
        <v>47</v>
      </c>
      <c r="D6075" s="14" t="s">
        <v>57</v>
      </c>
      <c r="E6075" s="15">
        <v>45611</v>
      </c>
      <c r="F6075" s="14" t="s">
        <v>53</v>
      </c>
      <c r="G6075" s="16">
        <v>0</v>
      </c>
    </row>
    <row r="6076" spans="1:7" x14ac:dyDescent="0.3">
      <c r="A6076" s="13" t="s">
        <v>56</v>
      </c>
      <c r="B6076" s="14" t="s">
        <v>1</v>
      </c>
      <c r="C6076" s="14" t="s">
        <v>47</v>
      </c>
      <c r="D6076" s="14" t="s">
        <v>57</v>
      </c>
      <c r="E6076" s="15">
        <v>45612</v>
      </c>
      <c r="F6076" s="14" t="s">
        <v>53</v>
      </c>
      <c r="G6076" s="16">
        <v>0</v>
      </c>
    </row>
    <row r="6077" spans="1:7" x14ac:dyDescent="0.3">
      <c r="A6077" s="13" t="s">
        <v>56</v>
      </c>
      <c r="B6077" s="14" t="s">
        <v>1</v>
      </c>
      <c r="C6077" s="14" t="s">
        <v>47</v>
      </c>
      <c r="D6077" s="14" t="s">
        <v>57</v>
      </c>
      <c r="E6077" s="15">
        <v>45613</v>
      </c>
      <c r="F6077" s="14" t="s">
        <v>53</v>
      </c>
      <c r="G6077" s="16">
        <v>0</v>
      </c>
    </row>
    <row r="6078" spans="1:7" x14ac:dyDescent="0.3">
      <c r="A6078" s="13" t="s">
        <v>56</v>
      </c>
      <c r="B6078" s="14" t="s">
        <v>1</v>
      </c>
      <c r="C6078" s="14" t="s">
        <v>47</v>
      </c>
      <c r="D6078" s="14" t="s">
        <v>57</v>
      </c>
      <c r="E6078" s="15">
        <v>45614</v>
      </c>
      <c r="F6078" s="14" t="s">
        <v>53</v>
      </c>
      <c r="G6078" s="16">
        <v>0</v>
      </c>
    </row>
    <row r="6079" spans="1:7" x14ac:dyDescent="0.3">
      <c r="A6079" s="13" t="s">
        <v>56</v>
      </c>
      <c r="B6079" s="14" t="s">
        <v>1</v>
      </c>
      <c r="C6079" s="14" t="s">
        <v>47</v>
      </c>
      <c r="D6079" s="14" t="s">
        <v>57</v>
      </c>
      <c r="E6079" s="15">
        <v>45615</v>
      </c>
      <c r="F6079" s="14" t="s">
        <v>53</v>
      </c>
      <c r="G6079" s="16">
        <v>0</v>
      </c>
    </row>
    <row r="6080" spans="1:7" x14ac:dyDescent="0.3">
      <c r="A6080" s="13" t="s">
        <v>56</v>
      </c>
      <c r="B6080" s="14" t="s">
        <v>1</v>
      </c>
      <c r="C6080" s="14" t="s">
        <v>47</v>
      </c>
      <c r="D6080" s="14" t="s">
        <v>57</v>
      </c>
      <c r="E6080" s="15">
        <v>45616</v>
      </c>
      <c r="F6080" s="14" t="s">
        <v>53</v>
      </c>
      <c r="G6080" s="16">
        <v>0</v>
      </c>
    </row>
    <row r="6081" spans="1:7" x14ac:dyDescent="0.3">
      <c r="A6081" s="13" t="s">
        <v>56</v>
      </c>
      <c r="B6081" s="14" t="s">
        <v>1</v>
      </c>
      <c r="C6081" s="14" t="s">
        <v>47</v>
      </c>
      <c r="D6081" s="14" t="s">
        <v>57</v>
      </c>
      <c r="E6081" s="15">
        <v>45617</v>
      </c>
      <c r="F6081" s="14" t="s">
        <v>53</v>
      </c>
      <c r="G6081" s="16">
        <v>0</v>
      </c>
    </row>
    <row r="6082" spans="1:7" x14ac:dyDescent="0.3">
      <c r="A6082" s="13" t="s">
        <v>56</v>
      </c>
      <c r="B6082" s="14" t="s">
        <v>1</v>
      </c>
      <c r="C6082" s="14" t="s">
        <v>47</v>
      </c>
      <c r="D6082" s="14" t="s">
        <v>57</v>
      </c>
      <c r="E6082" s="15">
        <v>45618</v>
      </c>
      <c r="F6082" s="14" t="s">
        <v>53</v>
      </c>
      <c r="G6082" s="16">
        <v>0</v>
      </c>
    </row>
    <row r="6083" spans="1:7" x14ac:dyDescent="0.3">
      <c r="A6083" s="13" t="s">
        <v>56</v>
      </c>
      <c r="B6083" s="14" t="s">
        <v>1</v>
      </c>
      <c r="C6083" s="14" t="s">
        <v>47</v>
      </c>
      <c r="D6083" s="14" t="s">
        <v>57</v>
      </c>
      <c r="E6083" s="15">
        <v>45619</v>
      </c>
      <c r="F6083" s="14" t="s">
        <v>53</v>
      </c>
      <c r="G6083" s="16">
        <v>0</v>
      </c>
    </row>
    <row r="6084" spans="1:7" x14ac:dyDescent="0.3">
      <c r="A6084" s="13" t="s">
        <v>56</v>
      </c>
      <c r="B6084" s="14" t="s">
        <v>1</v>
      </c>
      <c r="C6084" s="14" t="s">
        <v>47</v>
      </c>
      <c r="D6084" s="14" t="s">
        <v>57</v>
      </c>
      <c r="E6084" s="15">
        <v>45620</v>
      </c>
      <c r="F6084" s="14" t="s">
        <v>53</v>
      </c>
      <c r="G6084" s="16">
        <v>0</v>
      </c>
    </row>
    <row r="6085" spans="1:7" x14ac:dyDescent="0.3">
      <c r="A6085" s="13" t="s">
        <v>56</v>
      </c>
      <c r="B6085" s="14" t="s">
        <v>1</v>
      </c>
      <c r="C6085" s="14" t="s">
        <v>47</v>
      </c>
      <c r="D6085" s="14" t="s">
        <v>57</v>
      </c>
      <c r="E6085" s="15">
        <v>45621</v>
      </c>
      <c r="F6085" s="14" t="s">
        <v>53</v>
      </c>
      <c r="G6085" s="16">
        <v>0</v>
      </c>
    </row>
    <row r="6086" spans="1:7" x14ac:dyDescent="0.3">
      <c r="A6086" s="13" t="s">
        <v>56</v>
      </c>
      <c r="B6086" s="14" t="s">
        <v>1</v>
      </c>
      <c r="C6086" s="14" t="s">
        <v>47</v>
      </c>
      <c r="D6086" s="14" t="s">
        <v>57</v>
      </c>
      <c r="E6086" s="15">
        <v>45622</v>
      </c>
      <c r="F6086" s="14" t="s">
        <v>53</v>
      </c>
      <c r="G6086" s="16">
        <v>0</v>
      </c>
    </row>
    <row r="6087" spans="1:7" x14ac:dyDescent="0.3">
      <c r="A6087" s="13" t="s">
        <v>56</v>
      </c>
      <c r="B6087" s="14" t="s">
        <v>1</v>
      </c>
      <c r="C6087" s="14" t="s">
        <v>47</v>
      </c>
      <c r="D6087" s="14" t="s">
        <v>57</v>
      </c>
      <c r="E6087" s="15">
        <v>45623</v>
      </c>
      <c r="F6087" s="14" t="s">
        <v>53</v>
      </c>
      <c r="G6087" s="16">
        <v>0</v>
      </c>
    </row>
    <row r="6088" spans="1:7" x14ac:dyDescent="0.3">
      <c r="A6088" s="13" t="s">
        <v>56</v>
      </c>
      <c r="B6088" s="14" t="s">
        <v>1</v>
      </c>
      <c r="C6088" s="14" t="s">
        <v>47</v>
      </c>
      <c r="D6088" s="14" t="s">
        <v>57</v>
      </c>
      <c r="E6088" s="15">
        <v>45624</v>
      </c>
      <c r="F6088" s="14" t="s">
        <v>53</v>
      </c>
      <c r="G6088" s="16">
        <v>0</v>
      </c>
    </row>
    <row r="6089" spans="1:7" x14ac:dyDescent="0.3">
      <c r="A6089" s="13" t="s">
        <v>56</v>
      </c>
      <c r="B6089" s="14" t="s">
        <v>1</v>
      </c>
      <c r="C6089" s="14" t="s">
        <v>47</v>
      </c>
      <c r="D6089" s="14" t="s">
        <v>57</v>
      </c>
      <c r="E6089" s="15">
        <v>45625</v>
      </c>
      <c r="F6089" s="14" t="s">
        <v>53</v>
      </c>
      <c r="G6089" s="16">
        <v>0</v>
      </c>
    </row>
    <row r="6090" spans="1:7" x14ac:dyDescent="0.3">
      <c r="A6090" s="13" t="s">
        <v>56</v>
      </c>
      <c r="B6090" s="14" t="s">
        <v>1</v>
      </c>
      <c r="C6090" s="14" t="s">
        <v>47</v>
      </c>
      <c r="D6090" s="14" t="s">
        <v>57</v>
      </c>
      <c r="E6090" s="15">
        <v>45626</v>
      </c>
      <c r="F6090" s="14" t="s">
        <v>53</v>
      </c>
      <c r="G6090" s="16">
        <v>0</v>
      </c>
    </row>
    <row r="6091" spans="1:7" x14ac:dyDescent="0.3">
      <c r="A6091" s="13" t="s">
        <v>56</v>
      </c>
      <c r="B6091" s="14" t="s">
        <v>1</v>
      </c>
      <c r="C6091" s="14" t="s">
        <v>47</v>
      </c>
      <c r="D6091" s="14" t="s">
        <v>57</v>
      </c>
      <c r="E6091" s="15">
        <v>45627</v>
      </c>
      <c r="F6091" s="14" t="s">
        <v>53</v>
      </c>
      <c r="G6091" s="16">
        <v>0</v>
      </c>
    </row>
    <row r="6092" spans="1:7" x14ac:dyDescent="0.3">
      <c r="A6092" s="13" t="s">
        <v>56</v>
      </c>
      <c r="B6092" s="14" t="s">
        <v>1</v>
      </c>
      <c r="C6092" s="14" t="s">
        <v>47</v>
      </c>
      <c r="D6092" s="14" t="s">
        <v>57</v>
      </c>
      <c r="E6092" s="15">
        <v>45628</v>
      </c>
      <c r="F6092" s="14" t="s">
        <v>53</v>
      </c>
      <c r="G6092" s="16">
        <v>0</v>
      </c>
    </row>
    <row r="6093" spans="1:7" x14ac:dyDescent="0.3">
      <c r="A6093" s="13" t="s">
        <v>56</v>
      </c>
      <c r="B6093" s="14" t="s">
        <v>1</v>
      </c>
      <c r="C6093" s="14" t="s">
        <v>47</v>
      </c>
      <c r="D6093" s="14" t="s">
        <v>57</v>
      </c>
      <c r="E6093" s="15">
        <v>45629</v>
      </c>
      <c r="F6093" s="14" t="s">
        <v>53</v>
      </c>
      <c r="G6093" s="16">
        <v>0</v>
      </c>
    </row>
    <row r="6094" spans="1:7" x14ac:dyDescent="0.3">
      <c r="A6094" s="13" t="s">
        <v>56</v>
      </c>
      <c r="B6094" s="14" t="s">
        <v>1</v>
      </c>
      <c r="C6094" s="14" t="s">
        <v>47</v>
      </c>
      <c r="D6094" s="14" t="s">
        <v>57</v>
      </c>
      <c r="E6094" s="15">
        <v>45630</v>
      </c>
      <c r="F6094" s="14" t="s">
        <v>53</v>
      </c>
      <c r="G6094" s="16">
        <v>0</v>
      </c>
    </row>
    <row r="6095" spans="1:7" x14ac:dyDescent="0.3">
      <c r="A6095" s="13" t="s">
        <v>56</v>
      </c>
      <c r="B6095" s="14" t="s">
        <v>1</v>
      </c>
      <c r="C6095" s="14" t="s">
        <v>47</v>
      </c>
      <c r="D6095" s="14" t="s">
        <v>57</v>
      </c>
      <c r="E6095" s="15">
        <v>45631</v>
      </c>
      <c r="F6095" s="14" t="s">
        <v>53</v>
      </c>
      <c r="G6095" s="16">
        <v>0</v>
      </c>
    </row>
    <row r="6096" spans="1:7" x14ac:dyDescent="0.3">
      <c r="A6096" s="13" t="s">
        <v>56</v>
      </c>
      <c r="B6096" s="14" t="s">
        <v>1</v>
      </c>
      <c r="C6096" s="14" t="s">
        <v>47</v>
      </c>
      <c r="D6096" s="14" t="s">
        <v>57</v>
      </c>
      <c r="E6096" s="15">
        <v>45632</v>
      </c>
      <c r="F6096" s="14" t="s">
        <v>53</v>
      </c>
      <c r="G6096" s="16">
        <v>0</v>
      </c>
    </row>
    <row r="6097" spans="1:7" x14ac:dyDescent="0.3">
      <c r="A6097" s="13" t="s">
        <v>56</v>
      </c>
      <c r="B6097" s="14" t="s">
        <v>1</v>
      </c>
      <c r="C6097" s="14" t="s">
        <v>47</v>
      </c>
      <c r="D6097" s="14" t="s">
        <v>57</v>
      </c>
      <c r="E6097" s="15">
        <v>45633</v>
      </c>
      <c r="F6097" s="14" t="s">
        <v>53</v>
      </c>
      <c r="G6097" s="16">
        <v>0</v>
      </c>
    </row>
    <row r="6098" spans="1:7" x14ac:dyDescent="0.3">
      <c r="A6098" s="13" t="s">
        <v>56</v>
      </c>
      <c r="B6098" s="14" t="s">
        <v>1</v>
      </c>
      <c r="C6098" s="14" t="s">
        <v>47</v>
      </c>
      <c r="D6098" s="14" t="s">
        <v>57</v>
      </c>
      <c r="E6098" s="15">
        <v>45634</v>
      </c>
      <c r="F6098" s="14" t="s">
        <v>53</v>
      </c>
      <c r="G6098" s="16">
        <v>0</v>
      </c>
    </row>
    <row r="6099" spans="1:7" x14ac:dyDescent="0.3">
      <c r="A6099" s="13" t="s">
        <v>56</v>
      </c>
      <c r="B6099" s="14" t="s">
        <v>1</v>
      </c>
      <c r="C6099" s="14" t="s">
        <v>47</v>
      </c>
      <c r="D6099" s="14" t="s">
        <v>57</v>
      </c>
      <c r="E6099" s="15">
        <v>45635</v>
      </c>
      <c r="F6099" s="14" t="s">
        <v>53</v>
      </c>
      <c r="G6099" s="16">
        <v>0</v>
      </c>
    </row>
    <row r="6100" spans="1:7" x14ac:dyDescent="0.3">
      <c r="A6100" s="13" t="s">
        <v>56</v>
      </c>
      <c r="B6100" s="14" t="s">
        <v>1</v>
      </c>
      <c r="C6100" s="14" t="s">
        <v>47</v>
      </c>
      <c r="D6100" s="14" t="s">
        <v>57</v>
      </c>
      <c r="E6100" s="15">
        <v>45636</v>
      </c>
      <c r="F6100" s="14" t="s">
        <v>53</v>
      </c>
      <c r="G6100" s="16">
        <v>0</v>
      </c>
    </row>
    <row r="6101" spans="1:7" x14ac:dyDescent="0.3">
      <c r="A6101" s="13" t="s">
        <v>56</v>
      </c>
      <c r="B6101" s="14" t="s">
        <v>1</v>
      </c>
      <c r="C6101" s="14" t="s">
        <v>47</v>
      </c>
      <c r="D6101" s="14" t="s">
        <v>57</v>
      </c>
      <c r="E6101" s="15">
        <v>45637</v>
      </c>
      <c r="F6101" s="14" t="s">
        <v>53</v>
      </c>
      <c r="G6101" s="16">
        <v>0</v>
      </c>
    </row>
    <row r="6102" spans="1:7" x14ac:dyDescent="0.3">
      <c r="A6102" s="13" t="s">
        <v>56</v>
      </c>
      <c r="B6102" s="14" t="s">
        <v>1</v>
      </c>
      <c r="C6102" s="14" t="s">
        <v>47</v>
      </c>
      <c r="D6102" s="14" t="s">
        <v>57</v>
      </c>
      <c r="E6102" s="15">
        <v>45638</v>
      </c>
      <c r="F6102" s="14" t="s">
        <v>53</v>
      </c>
      <c r="G6102" s="16">
        <v>0</v>
      </c>
    </row>
    <row r="6103" spans="1:7" x14ac:dyDescent="0.3">
      <c r="A6103" s="13" t="s">
        <v>56</v>
      </c>
      <c r="B6103" s="14" t="s">
        <v>1</v>
      </c>
      <c r="C6103" s="14" t="s">
        <v>47</v>
      </c>
      <c r="D6103" s="14" t="s">
        <v>57</v>
      </c>
      <c r="E6103" s="15">
        <v>45639</v>
      </c>
      <c r="F6103" s="14" t="s">
        <v>53</v>
      </c>
      <c r="G6103" s="16">
        <v>0</v>
      </c>
    </row>
    <row r="6104" spans="1:7" x14ac:dyDescent="0.3">
      <c r="A6104" s="13" t="s">
        <v>56</v>
      </c>
      <c r="B6104" s="14" t="s">
        <v>1</v>
      </c>
      <c r="C6104" s="14" t="s">
        <v>47</v>
      </c>
      <c r="D6104" s="14" t="s">
        <v>57</v>
      </c>
      <c r="E6104" s="15">
        <v>45640</v>
      </c>
      <c r="F6104" s="14" t="s">
        <v>53</v>
      </c>
      <c r="G6104" s="16">
        <v>0</v>
      </c>
    </row>
    <row r="6105" spans="1:7" x14ac:dyDescent="0.3">
      <c r="A6105" s="13" t="s">
        <v>56</v>
      </c>
      <c r="B6105" s="14" t="s">
        <v>1</v>
      </c>
      <c r="C6105" s="14" t="s">
        <v>47</v>
      </c>
      <c r="D6105" s="14" t="s">
        <v>57</v>
      </c>
      <c r="E6105" s="15">
        <v>45641</v>
      </c>
      <c r="F6105" s="14" t="s">
        <v>53</v>
      </c>
      <c r="G6105" s="16">
        <v>0</v>
      </c>
    </row>
    <row r="6106" spans="1:7" x14ac:dyDescent="0.3">
      <c r="A6106" s="13" t="s">
        <v>56</v>
      </c>
      <c r="B6106" s="14" t="s">
        <v>1</v>
      </c>
      <c r="C6106" s="14" t="s">
        <v>47</v>
      </c>
      <c r="D6106" s="14" t="s">
        <v>57</v>
      </c>
      <c r="E6106" s="15">
        <v>45642</v>
      </c>
      <c r="F6106" s="14" t="s">
        <v>53</v>
      </c>
      <c r="G6106" s="16">
        <v>0</v>
      </c>
    </row>
    <row r="6107" spans="1:7" x14ac:dyDescent="0.3">
      <c r="A6107" s="13" t="s">
        <v>56</v>
      </c>
      <c r="B6107" s="14" t="s">
        <v>1</v>
      </c>
      <c r="C6107" s="14" t="s">
        <v>47</v>
      </c>
      <c r="D6107" s="14" t="s">
        <v>57</v>
      </c>
      <c r="E6107" s="15">
        <v>45643</v>
      </c>
      <c r="F6107" s="14" t="s">
        <v>53</v>
      </c>
      <c r="G6107" s="16">
        <v>0</v>
      </c>
    </row>
    <row r="6108" spans="1:7" x14ac:dyDescent="0.3">
      <c r="A6108" s="13" t="s">
        <v>56</v>
      </c>
      <c r="B6108" s="14" t="s">
        <v>1</v>
      </c>
      <c r="C6108" s="14" t="s">
        <v>47</v>
      </c>
      <c r="D6108" s="14" t="s">
        <v>57</v>
      </c>
      <c r="E6108" s="15">
        <v>45644</v>
      </c>
      <c r="F6108" s="14" t="s">
        <v>53</v>
      </c>
      <c r="G6108" s="16">
        <v>0</v>
      </c>
    </row>
    <row r="6109" spans="1:7" x14ac:dyDescent="0.3">
      <c r="A6109" s="13" t="s">
        <v>56</v>
      </c>
      <c r="B6109" s="14" t="s">
        <v>1</v>
      </c>
      <c r="C6109" s="14" t="s">
        <v>47</v>
      </c>
      <c r="D6109" s="14" t="s">
        <v>57</v>
      </c>
      <c r="E6109" s="15">
        <v>45645</v>
      </c>
      <c r="F6109" s="14" t="s">
        <v>53</v>
      </c>
      <c r="G6109" s="16">
        <v>0</v>
      </c>
    </row>
    <row r="6110" spans="1:7" x14ac:dyDescent="0.3">
      <c r="A6110" s="13" t="s">
        <v>56</v>
      </c>
      <c r="B6110" s="14" t="s">
        <v>1</v>
      </c>
      <c r="C6110" s="14" t="s">
        <v>47</v>
      </c>
      <c r="D6110" s="14" t="s">
        <v>57</v>
      </c>
      <c r="E6110" s="15">
        <v>45646</v>
      </c>
      <c r="F6110" s="14" t="s">
        <v>53</v>
      </c>
      <c r="G6110" s="16">
        <v>0</v>
      </c>
    </row>
    <row r="6111" spans="1:7" x14ac:dyDescent="0.3">
      <c r="A6111" s="13" t="s">
        <v>56</v>
      </c>
      <c r="B6111" s="14" t="s">
        <v>1</v>
      </c>
      <c r="C6111" s="14" t="s">
        <v>47</v>
      </c>
      <c r="D6111" s="14" t="s">
        <v>57</v>
      </c>
      <c r="E6111" s="15">
        <v>45647</v>
      </c>
      <c r="F6111" s="14" t="s">
        <v>53</v>
      </c>
      <c r="G6111" s="16">
        <v>0</v>
      </c>
    </row>
    <row r="6112" spans="1:7" x14ac:dyDescent="0.3">
      <c r="A6112" s="13" t="s">
        <v>56</v>
      </c>
      <c r="B6112" s="14" t="s">
        <v>1</v>
      </c>
      <c r="C6112" s="14" t="s">
        <v>47</v>
      </c>
      <c r="D6112" s="14" t="s">
        <v>57</v>
      </c>
      <c r="E6112" s="15">
        <v>45648</v>
      </c>
      <c r="F6112" s="14" t="s">
        <v>53</v>
      </c>
      <c r="G6112" s="16">
        <v>0</v>
      </c>
    </row>
    <row r="6113" spans="1:7" x14ac:dyDescent="0.3">
      <c r="A6113" s="13" t="s">
        <v>56</v>
      </c>
      <c r="B6113" s="14" t="s">
        <v>1</v>
      </c>
      <c r="C6113" s="14" t="s">
        <v>47</v>
      </c>
      <c r="D6113" s="14" t="s">
        <v>57</v>
      </c>
      <c r="E6113" s="15">
        <v>45649</v>
      </c>
      <c r="F6113" s="14" t="s">
        <v>53</v>
      </c>
      <c r="G6113" s="16">
        <v>0</v>
      </c>
    </row>
    <row r="6114" spans="1:7" x14ac:dyDescent="0.3">
      <c r="A6114" s="13" t="s">
        <v>56</v>
      </c>
      <c r="B6114" s="14" t="s">
        <v>1</v>
      </c>
      <c r="C6114" s="14" t="s">
        <v>47</v>
      </c>
      <c r="D6114" s="14" t="s">
        <v>57</v>
      </c>
      <c r="E6114" s="15">
        <v>45650</v>
      </c>
      <c r="F6114" s="14" t="s">
        <v>53</v>
      </c>
      <c r="G6114" s="16">
        <v>0</v>
      </c>
    </row>
    <row r="6115" spans="1:7" x14ac:dyDescent="0.3">
      <c r="A6115" s="13" t="s">
        <v>56</v>
      </c>
      <c r="B6115" s="14" t="s">
        <v>1</v>
      </c>
      <c r="C6115" s="14" t="s">
        <v>47</v>
      </c>
      <c r="D6115" s="14" t="s">
        <v>57</v>
      </c>
      <c r="E6115" s="15">
        <v>45651</v>
      </c>
      <c r="F6115" s="14" t="s">
        <v>53</v>
      </c>
      <c r="G6115" s="16">
        <v>0</v>
      </c>
    </row>
    <row r="6116" spans="1:7" x14ac:dyDescent="0.3">
      <c r="A6116" s="13" t="s">
        <v>56</v>
      </c>
      <c r="B6116" s="14" t="s">
        <v>1</v>
      </c>
      <c r="C6116" s="14" t="s">
        <v>47</v>
      </c>
      <c r="D6116" s="14" t="s">
        <v>57</v>
      </c>
      <c r="E6116" s="15">
        <v>45652</v>
      </c>
      <c r="F6116" s="14" t="s">
        <v>53</v>
      </c>
      <c r="G6116" s="16">
        <v>0</v>
      </c>
    </row>
    <row r="6117" spans="1:7" x14ac:dyDescent="0.3">
      <c r="A6117" s="13" t="s">
        <v>56</v>
      </c>
      <c r="B6117" s="14" t="s">
        <v>1</v>
      </c>
      <c r="C6117" s="14" t="s">
        <v>47</v>
      </c>
      <c r="D6117" s="14" t="s">
        <v>57</v>
      </c>
      <c r="E6117" s="15">
        <v>45653</v>
      </c>
      <c r="F6117" s="14" t="s">
        <v>53</v>
      </c>
      <c r="G6117" s="16">
        <v>0</v>
      </c>
    </row>
    <row r="6118" spans="1:7" x14ac:dyDescent="0.3">
      <c r="A6118" s="13" t="s">
        <v>56</v>
      </c>
      <c r="B6118" s="14" t="s">
        <v>1</v>
      </c>
      <c r="C6118" s="14" t="s">
        <v>47</v>
      </c>
      <c r="D6118" s="14" t="s">
        <v>57</v>
      </c>
      <c r="E6118" s="15">
        <v>45654</v>
      </c>
      <c r="F6118" s="14" t="s">
        <v>53</v>
      </c>
      <c r="G6118" s="16">
        <v>0</v>
      </c>
    </row>
    <row r="6119" spans="1:7" x14ac:dyDescent="0.3">
      <c r="A6119" s="13" t="s">
        <v>56</v>
      </c>
      <c r="B6119" s="14" t="s">
        <v>1</v>
      </c>
      <c r="C6119" s="14" t="s">
        <v>47</v>
      </c>
      <c r="D6119" s="14" t="s">
        <v>57</v>
      </c>
      <c r="E6119" s="15">
        <v>45655</v>
      </c>
      <c r="F6119" s="14" t="s">
        <v>53</v>
      </c>
      <c r="G6119" s="16">
        <v>0</v>
      </c>
    </row>
    <row r="6120" spans="1:7" x14ac:dyDescent="0.3">
      <c r="A6120" s="13" t="s">
        <v>56</v>
      </c>
      <c r="B6120" s="14" t="s">
        <v>1</v>
      </c>
      <c r="C6120" s="14" t="s">
        <v>47</v>
      </c>
      <c r="D6120" s="14" t="s">
        <v>57</v>
      </c>
      <c r="E6120" s="15">
        <v>45656</v>
      </c>
      <c r="F6120" s="14" t="s">
        <v>53</v>
      </c>
      <c r="G6120" s="16">
        <v>0</v>
      </c>
    </row>
    <row r="6121" spans="1:7" x14ac:dyDescent="0.3">
      <c r="A6121" s="13" t="s">
        <v>56</v>
      </c>
      <c r="B6121" s="14" t="s">
        <v>1</v>
      </c>
      <c r="C6121" s="14" t="s">
        <v>47</v>
      </c>
      <c r="D6121" s="14" t="s">
        <v>57</v>
      </c>
      <c r="E6121" s="15">
        <v>45657</v>
      </c>
      <c r="F6121" s="14" t="s">
        <v>53</v>
      </c>
      <c r="G6121" s="16">
        <v>0</v>
      </c>
    </row>
    <row r="6122" spans="1:7" x14ac:dyDescent="0.3">
      <c r="A6122" s="13" t="s">
        <v>56</v>
      </c>
      <c r="B6122" s="14" t="s">
        <v>1</v>
      </c>
      <c r="C6122" s="14" t="s">
        <v>47</v>
      </c>
      <c r="D6122" s="14" t="s">
        <v>57</v>
      </c>
      <c r="E6122" s="15">
        <v>45658</v>
      </c>
      <c r="F6122" s="14" t="s">
        <v>53</v>
      </c>
      <c r="G6122" s="16">
        <v>0</v>
      </c>
    </row>
    <row r="6123" spans="1:7" x14ac:dyDescent="0.3">
      <c r="A6123" s="13" t="s">
        <v>56</v>
      </c>
      <c r="B6123" s="14" t="s">
        <v>1</v>
      </c>
      <c r="C6123" s="14" t="s">
        <v>47</v>
      </c>
      <c r="D6123" s="14" t="s">
        <v>57</v>
      </c>
      <c r="E6123" s="15">
        <v>45659</v>
      </c>
      <c r="F6123" s="14" t="s">
        <v>53</v>
      </c>
      <c r="G6123" s="16">
        <v>0</v>
      </c>
    </row>
    <row r="6124" spans="1:7" x14ac:dyDescent="0.3">
      <c r="A6124" s="13" t="s">
        <v>56</v>
      </c>
      <c r="B6124" s="14" t="s">
        <v>1</v>
      </c>
      <c r="C6124" s="14" t="s">
        <v>47</v>
      </c>
      <c r="D6124" s="14" t="s">
        <v>57</v>
      </c>
      <c r="E6124" s="15">
        <v>45660</v>
      </c>
      <c r="F6124" s="14" t="s">
        <v>53</v>
      </c>
      <c r="G6124" s="16">
        <v>0</v>
      </c>
    </row>
    <row r="6125" spans="1:7" x14ac:dyDescent="0.3">
      <c r="A6125" s="13" t="s">
        <v>56</v>
      </c>
      <c r="B6125" s="14" t="s">
        <v>1</v>
      </c>
      <c r="C6125" s="14" t="s">
        <v>47</v>
      </c>
      <c r="D6125" s="14" t="s">
        <v>57</v>
      </c>
      <c r="E6125" s="15">
        <v>45661</v>
      </c>
      <c r="F6125" s="14" t="s">
        <v>53</v>
      </c>
      <c r="G6125" s="16">
        <v>0</v>
      </c>
    </row>
    <row r="6126" spans="1:7" x14ac:dyDescent="0.3">
      <c r="A6126" s="13" t="s">
        <v>56</v>
      </c>
      <c r="B6126" s="14" t="s">
        <v>1</v>
      </c>
      <c r="C6126" s="14" t="s">
        <v>47</v>
      </c>
      <c r="D6126" s="14" t="s">
        <v>57</v>
      </c>
      <c r="E6126" s="15">
        <v>45662</v>
      </c>
      <c r="F6126" s="14" t="s">
        <v>53</v>
      </c>
      <c r="G6126" s="16">
        <v>0</v>
      </c>
    </row>
    <row r="6127" spans="1:7" x14ac:dyDescent="0.3">
      <c r="A6127" s="13" t="s">
        <v>56</v>
      </c>
      <c r="B6127" s="14" t="s">
        <v>1</v>
      </c>
      <c r="C6127" s="14" t="s">
        <v>47</v>
      </c>
      <c r="D6127" s="14" t="s">
        <v>57</v>
      </c>
      <c r="E6127" s="15">
        <v>45663</v>
      </c>
      <c r="F6127" s="14" t="s">
        <v>53</v>
      </c>
      <c r="G6127" s="16">
        <v>0</v>
      </c>
    </row>
    <row r="6128" spans="1:7" x14ac:dyDescent="0.3">
      <c r="A6128" s="13" t="s">
        <v>56</v>
      </c>
      <c r="B6128" s="14" t="s">
        <v>1</v>
      </c>
      <c r="C6128" s="14" t="s">
        <v>47</v>
      </c>
      <c r="D6128" s="14" t="s">
        <v>57</v>
      </c>
      <c r="E6128" s="15">
        <v>45664</v>
      </c>
      <c r="F6128" s="14" t="s">
        <v>53</v>
      </c>
      <c r="G6128" s="16">
        <v>0</v>
      </c>
    </row>
    <row r="6129" spans="1:7" x14ac:dyDescent="0.3">
      <c r="A6129" s="13" t="s">
        <v>56</v>
      </c>
      <c r="B6129" s="14" t="s">
        <v>1</v>
      </c>
      <c r="C6129" s="14" t="s">
        <v>47</v>
      </c>
      <c r="D6129" s="14" t="s">
        <v>57</v>
      </c>
      <c r="E6129" s="15">
        <v>45665</v>
      </c>
      <c r="F6129" s="14" t="s">
        <v>53</v>
      </c>
      <c r="G6129" s="16">
        <v>0</v>
      </c>
    </row>
    <row r="6130" spans="1:7" x14ac:dyDescent="0.3">
      <c r="A6130" s="13" t="s">
        <v>56</v>
      </c>
      <c r="B6130" s="14" t="s">
        <v>1</v>
      </c>
      <c r="C6130" s="14" t="s">
        <v>47</v>
      </c>
      <c r="D6130" s="14" t="s">
        <v>57</v>
      </c>
      <c r="E6130" s="15">
        <v>45666</v>
      </c>
      <c r="F6130" s="14" t="s">
        <v>53</v>
      </c>
      <c r="G6130" s="16">
        <v>0</v>
      </c>
    </row>
    <row r="6131" spans="1:7" x14ac:dyDescent="0.3">
      <c r="A6131" s="13" t="s">
        <v>56</v>
      </c>
      <c r="B6131" s="14" t="s">
        <v>1</v>
      </c>
      <c r="C6131" s="14" t="s">
        <v>47</v>
      </c>
      <c r="D6131" s="14" t="s">
        <v>57</v>
      </c>
      <c r="E6131" s="15">
        <v>45667</v>
      </c>
      <c r="F6131" s="14" t="s">
        <v>53</v>
      </c>
      <c r="G6131" s="16">
        <v>0</v>
      </c>
    </row>
    <row r="6132" spans="1:7" x14ac:dyDescent="0.3">
      <c r="A6132" s="13" t="s">
        <v>56</v>
      </c>
      <c r="B6132" s="14" t="s">
        <v>1</v>
      </c>
      <c r="C6132" s="14" t="s">
        <v>47</v>
      </c>
      <c r="D6132" s="14" t="s">
        <v>57</v>
      </c>
      <c r="E6132" s="15">
        <v>45668</v>
      </c>
      <c r="F6132" s="14" t="s">
        <v>53</v>
      </c>
      <c r="G6132" s="16">
        <v>0</v>
      </c>
    </row>
    <row r="6133" spans="1:7" x14ac:dyDescent="0.3">
      <c r="A6133" s="13" t="s">
        <v>56</v>
      </c>
      <c r="B6133" s="14" t="s">
        <v>1</v>
      </c>
      <c r="C6133" s="14" t="s">
        <v>47</v>
      </c>
      <c r="D6133" s="14" t="s">
        <v>57</v>
      </c>
      <c r="E6133" s="15">
        <v>45669</v>
      </c>
      <c r="F6133" s="14" t="s">
        <v>53</v>
      </c>
      <c r="G6133" s="16">
        <v>0</v>
      </c>
    </row>
    <row r="6134" spans="1:7" x14ac:dyDescent="0.3">
      <c r="A6134" s="13" t="s">
        <v>56</v>
      </c>
      <c r="B6134" s="14" t="s">
        <v>1</v>
      </c>
      <c r="C6134" s="14" t="s">
        <v>47</v>
      </c>
      <c r="D6134" s="14" t="s">
        <v>57</v>
      </c>
      <c r="E6134" s="15">
        <v>45670</v>
      </c>
      <c r="F6134" s="14" t="s">
        <v>53</v>
      </c>
      <c r="G6134" s="16">
        <v>0</v>
      </c>
    </row>
    <row r="6135" spans="1:7" x14ac:dyDescent="0.3">
      <c r="A6135" s="13" t="s">
        <v>56</v>
      </c>
      <c r="B6135" s="14" t="s">
        <v>1</v>
      </c>
      <c r="C6135" s="14" t="s">
        <v>47</v>
      </c>
      <c r="D6135" s="14" t="s">
        <v>57</v>
      </c>
      <c r="E6135" s="15">
        <v>45671</v>
      </c>
      <c r="F6135" s="14" t="s">
        <v>53</v>
      </c>
      <c r="G6135" s="16">
        <v>0</v>
      </c>
    </row>
    <row r="6136" spans="1:7" x14ac:dyDescent="0.3">
      <c r="A6136" s="13" t="s">
        <v>56</v>
      </c>
      <c r="B6136" s="14" t="s">
        <v>1</v>
      </c>
      <c r="C6136" s="14" t="s">
        <v>47</v>
      </c>
      <c r="D6136" s="14" t="s">
        <v>57</v>
      </c>
      <c r="E6136" s="15">
        <v>45672</v>
      </c>
      <c r="F6136" s="14" t="s">
        <v>53</v>
      </c>
      <c r="G6136" s="16">
        <v>0</v>
      </c>
    </row>
    <row r="6137" spans="1:7" x14ac:dyDescent="0.3">
      <c r="A6137" s="13" t="s">
        <v>56</v>
      </c>
      <c r="B6137" s="14" t="s">
        <v>1</v>
      </c>
      <c r="C6137" s="14" t="s">
        <v>47</v>
      </c>
      <c r="D6137" s="14" t="s">
        <v>57</v>
      </c>
      <c r="E6137" s="15">
        <v>45673</v>
      </c>
      <c r="F6137" s="14" t="s">
        <v>53</v>
      </c>
      <c r="G6137" s="16">
        <v>0</v>
      </c>
    </row>
    <row r="6138" spans="1:7" x14ac:dyDescent="0.3">
      <c r="A6138" s="13" t="s">
        <v>56</v>
      </c>
      <c r="B6138" s="14" t="s">
        <v>1</v>
      </c>
      <c r="C6138" s="14" t="s">
        <v>47</v>
      </c>
      <c r="D6138" s="14" t="s">
        <v>57</v>
      </c>
      <c r="E6138" s="15">
        <v>45674</v>
      </c>
      <c r="F6138" s="14" t="s">
        <v>53</v>
      </c>
      <c r="G6138" s="16">
        <v>0</v>
      </c>
    </row>
    <row r="6139" spans="1:7" x14ac:dyDescent="0.3">
      <c r="A6139" s="13" t="s">
        <v>56</v>
      </c>
      <c r="B6139" s="14" t="s">
        <v>1</v>
      </c>
      <c r="C6139" s="14" t="s">
        <v>47</v>
      </c>
      <c r="D6139" s="14" t="s">
        <v>57</v>
      </c>
      <c r="E6139" s="15">
        <v>45675</v>
      </c>
      <c r="F6139" s="14" t="s">
        <v>53</v>
      </c>
      <c r="G6139" s="16">
        <v>0</v>
      </c>
    </row>
    <row r="6140" spans="1:7" x14ac:dyDescent="0.3">
      <c r="A6140" s="13" t="s">
        <v>56</v>
      </c>
      <c r="B6140" s="14" t="s">
        <v>1</v>
      </c>
      <c r="C6140" s="14" t="s">
        <v>47</v>
      </c>
      <c r="D6140" s="14" t="s">
        <v>57</v>
      </c>
      <c r="E6140" s="15">
        <v>45676</v>
      </c>
      <c r="F6140" s="14" t="s">
        <v>53</v>
      </c>
      <c r="G6140" s="16">
        <v>0</v>
      </c>
    </row>
    <row r="6141" spans="1:7" x14ac:dyDescent="0.3">
      <c r="A6141" s="13" t="s">
        <v>56</v>
      </c>
      <c r="B6141" s="14" t="s">
        <v>1</v>
      </c>
      <c r="C6141" s="14" t="s">
        <v>47</v>
      </c>
      <c r="D6141" s="14" t="s">
        <v>57</v>
      </c>
      <c r="E6141" s="15">
        <v>45677</v>
      </c>
      <c r="F6141" s="14" t="s">
        <v>53</v>
      </c>
      <c r="G6141" s="16">
        <v>0</v>
      </c>
    </row>
    <row r="6142" spans="1:7" x14ac:dyDescent="0.3">
      <c r="A6142" s="13" t="s">
        <v>56</v>
      </c>
      <c r="B6142" s="14" t="s">
        <v>1</v>
      </c>
      <c r="C6142" s="14" t="s">
        <v>47</v>
      </c>
      <c r="D6142" s="14" t="s">
        <v>57</v>
      </c>
      <c r="E6142" s="15">
        <v>45678</v>
      </c>
      <c r="F6142" s="14" t="s">
        <v>53</v>
      </c>
      <c r="G6142" s="16">
        <v>0</v>
      </c>
    </row>
    <row r="6143" spans="1:7" x14ac:dyDescent="0.3">
      <c r="A6143" s="13" t="s">
        <v>56</v>
      </c>
      <c r="B6143" s="14" t="s">
        <v>1</v>
      </c>
      <c r="C6143" s="14" t="s">
        <v>47</v>
      </c>
      <c r="D6143" s="14" t="s">
        <v>57</v>
      </c>
      <c r="E6143" s="15">
        <v>45679</v>
      </c>
      <c r="F6143" s="14" t="s">
        <v>53</v>
      </c>
      <c r="G6143" s="16">
        <v>0</v>
      </c>
    </row>
    <row r="6144" spans="1:7" x14ac:dyDescent="0.3">
      <c r="A6144" s="13" t="s">
        <v>56</v>
      </c>
      <c r="B6144" s="14" t="s">
        <v>1</v>
      </c>
      <c r="C6144" s="14" t="s">
        <v>47</v>
      </c>
      <c r="D6144" s="14" t="s">
        <v>57</v>
      </c>
      <c r="E6144" s="15">
        <v>45680</v>
      </c>
      <c r="F6144" s="14" t="s">
        <v>53</v>
      </c>
      <c r="G6144" s="16">
        <v>0</v>
      </c>
    </row>
    <row r="6145" spans="1:7" x14ac:dyDescent="0.3">
      <c r="A6145" s="13" t="s">
        <v>56</v>
      </c>
      <c r="B6145" s="14" t="s">
        <v>1</v>
      </c>
      <c r="C6145" s="14" t="s">
        <v>47</v>
      </c>
      <c r="D6145" s="14" t="s">
        <v>57</v>
      </c>
      <c r="E6145" s="15">
        <v>45681</v>
      </c>
      <c r="F6145" s="14" t="s">
        <v>53</v>
      </c>
      <c r="G6145" s="16">
        <v>0</v>
      </c>
    </row>
    <row r="6146" spans="1:7" x14ac:dyDescent="0.3">
      <c r="A6146" s="13" t="s">
        <v>56</v>
      </c>
      <c r="B6146" s="14" t="s">
        <v>1</v>
      </c>
      <c r="C6146" s="14" t="s">
        <v>47</v>
      </c>
      <c r="D6146" s="14" t="s">
        <v>57</v>
      </c>
      <c r="E6146" s="15">
        <v>45682</v>
      </c>
      <c r="F6146" s="14" t="s">
        <v>53</v>
      </c>
      <c r="G6146" s="16">
        <v>0</v>
      </c>
    </row>
    <row r="6147" spans="1:7" x14ac:dyDescent="0.3">
      <c r="A6147" s="13" t="s">
        <v>56</v>
      </c>
      <c r="B6147" s="14" t="s">
        <v>1</v>
      </c>
      <c r="C6147" s="14" t="s">
        <v>47</v>
      </c>
      <c r="D6147" s="14" t="s">
        <v>57</v>
      </c>
      <c r="E6147" s="15">
        <v>45683</v>
      </c>
      <c r="F6147" s="14" t="s">
        <v>53</v>
      </c>
      <c r="G6147" s="16">
        <v>0</v>
      </c>
    </row>
    <row r="6148" spans="1:7" x14ac:dyDescent="0.3">
      <c r="A6148" s="13" t="s">
        <v>56</v>
      </c>
      <c r="B6148" s="14" t="s">
        <v>1</v>
      </c>
      <c r="C6148" s="14" t="s">
        <v>47</v>
      </c>
      <c r="D6148" s="14" t="s">
        <v>57</v>
      </c>
      <c r="E6148" s="15">
        <v>45684</v>
      </c>
      <c r="F6148" s="14" t="s">
        <v>53</v>
      </c>
      <c r="G6148" s="16">
        <v>0</v>
      </c>
    </row>
    <row r="6149" spans="1:7" x14ac:dyDescent="0.3">
      <c r="A6149" s="13" t="s">
        <v>56</v>
      </c>
      <c r="B6149" s="14" t="s">
        <v>1</v>
      </c>
      <c r="C6149" s="14" t="s">
        <v>47</v>
      </c>
      <c r="D6149" s="14" t="s">
        <v>57</v>
      </c>
      <c r="E6149" s="15">
        <v>45685</v>
      </c>
      <c r="F6149" s="14" t="s">
        <v>53</v>
      </c>
      <c r="G6149" s="16">
        <v>0</v>
      </c>
    </row>
    <row r="6150" spans="1:7" x14ac:dyDescent="0.3">
      <c r="A6150" s="13" t="s">
        <v>56</v>
      </c>
      <c r="B6150" s="14" t="s">
        <v>1</v>
      </c>
      <c r="C6150" s="14" t="s">
        <v>47</v>
      </c>
      <c r="D6150" s="14" t="s">
        <v>57</v>
      </c>
      <c r="E6150" s="15">
        <v>45686</v>
      </c>
      <c r="F6150" s="14" t="s">
        <v>53</v>
      </c>
      <c r="G6150" s="16">
        <v>0</v>
      </c>
    </row>
    <row r="6151" spans="1:7" x14ac:dyDescent="0.3">
      <c r="A6151" s="13" t="s">
        <v>56</v>
      </c>
      <c r="B6151" s="14" t="s">
        <v>1</v>
      </c>
      <c r="C6151" s="14" t="s">
        <v>47</v>
      </c>
      <c r="D6151" s="14" t="s">
        <v>57</v>
      </c>
      <c r="E6151" s="15">
        <v>45687</v>
      </c>
      <c r="F6151" s="14" t="s">
        <v>53</v>
      </c>
      <c r="G6151" s="16">
        <v>0</v>
      </c>
    </row>
    <row r="6152" spans="1:7" x14ac:dyDescent="0.3">
      <c r="A6152" s="13" t="s">
        <v>56</v>
      </c>
      <c r="B6152" s="14" t="s">
        <v>1</v>
      </c>
      <c r="C6152" s="14" t="s">
        <v>47</v>
      </c>
      <c r="D6152" s="14" t="s">
        <v>57</v>
      </c>
      <c r="E6152" s="15">
        <v>45688</v>
      </c>
      <c r="F6152" s="14" t="s">
        <v>53</v>
      </c>
      <c r="G6152" s="16">
        <v>0</v>
      </c>
    </row>
    <row r="6153" spans="1:7" x14ac:dyDescent="0.3">
      <c r="A6153" s="13" t="s">
        <v>56</v>
      </c>
      <c r="B6153" s="14" t="s">
        <v>1</v>
      </c>
      <c r="C6153" s="14" t="s">
        <v>47</v>
      </c>
      <c r="D6153" s="14" t="s">
        <v>57</v>
      </c>
      <c r="E6153" s="15">
        <v>45689</v>
      </c>
      <c r="F6153" s="14" t="s">
        <v>53</v>
      </c>
      <c r="G6153" s="16">
        <v>0</v>
      </c>
    </row>
    <row r="6154" spans="1:7" x14ac:dyDescent="0.3">
      <c r="A6154" s="13" t="s">
        <v>56</v>
      </c>
      <c r="B6154" s="14" t="s">
        <v>1</v>
      </c>
      <c r="C6154" s="14" t="s">
        <v>47</v>
      </c>
      <c r="D6154" s="14" t="s">
        <v>57</v>
      </c>
      <c r="E6154" s="15">
        <v>45690</v>
      </c>
      <c r="F6154" s="14" t="s">
        <v>53</v>
      </c>
      <c r="G6154" s="16">
        <v>0</v>
      </c>
    </row>
    <row r="6155" spans="1:7" x14ac:dyDescent="0.3">
      <c r="A6155" s="13" t="s">
        <v>56</v>
      </c>
      <c r="B6155" s="14" t="s">
        <v>1</v>
      </c>
      <c r="C6155" s="14" t="s">
        <v>47</v>
      </c>
      <c r="D6155" s="14" t="s">
        <v>57</v>
      </c>
      <c r="E6155" s="15">
        <v>45691</v>
      </c>
      <c r="F6155" s="14" t="s">
        <v>53</v>
      </c>
      <c r="G6155" s="16">
        <v>0</v>
      </c>
    </row>
    <row r="6156" spans="1:7" x14ac:dyDescent="0.3">
      <c r="A6156" s="13" t="s">
        <v>56</v>
      </c>
      <c r="B6156" s="14" t="s">
        <v>1</v>
      </c>
      <c r="C6156" s="14" t="s">
        <v>47</v>
      </c>
      <c r="D6156" s="14" t="s">
        <v>57</v>
      </c>
      <c r="E6156" s="15">
        <v>45692</v>
      </c>
      <c r="F6156" s="14" t="s">
        <v>53</v>
      </c>
      <c r="G6156" s="16">
        <v>0</v>
      </c>
    </row>
    <row r="6157" spans="1:7" x14ac:dyDescent="0.3">
      <c r="A6157" s="13" t="s">
        <v>56</v>
      </c>
      <c r="B6157" s="14" t="s">
        <v>1</v>
      </c>
      <c r="C6157" s="14" t="s">
        <v>47</v>
      </c>
      <c r="D6157" s="14" t="s">
        <v>57</v>
      </c>
      <c r="E6157" s="15">
        <v>45693</v>
      </c>
      <c r="F6157" s="14" t="s">
        <v>53</v>
      </c>
      <c r="G6157" s="16">
        <v>0</v>
      </c>
    </row>
    <row r="6158" spans="1:7" x14ac:dyDescent="0.3">
      <c r="A6158" s="13" t="s">
        <v>56</v>
      </c>
      <c r="B6158" s="14" t="s">
        <v>1</v>
      </c>
      <c r="C6158" s="14" t="s">
        <v>47</v>
      </c>
      <c r="D6158" s="14" t="s">
        <v>57</v>
      </c>
      <c r="E6158" s="15">
        <v>45694</v>
      </c>
      <c r="F6158" s="14" t="s">
        <v>53</v>
      </c>
      <c r="G6158" s="16">
        <v>0</v>
      </c>
    </row>
    <row r="6159" spans="1:7" x14ac:dyDescent="0.3">
      <c r="A6159" s="13" t="s">
        <v>56</v>
      </c>
      <c r="B6159" s="14" t="s">
        <v>1</v>
      </c>
      <c r="C6159" s="14" t="s">
        <v>47</v>
      </c>
      <c r="D6159" s="14" t="s">
        <v>57</v>
      </c>
      <c r="E6159" s="15">
        <v>45695</v>
      </c>
      <c r="F6159" s="14" t="s">
        <v>53</v>
      </c>
      <c r="G6159" s="16">
        <v>0</v>
      </c>
    </row>
    <row r="6160" spans="1:7" x14ac:dyDescent="0.3">
      <c r="A6160" s="13" t="s">
        <v>56</v>
      </c>
      <c r="B6160" s="14" t="s">
        <v>1</v>
      </c>
      <c r="C6160" s="14" t="s">
        <v>47</v>
      </c>
      <c r="D6160" s="14" t="s">
        <v>57</v>
      </c>
      <c r="E6160" s="15">
        <v>45696</v>
      </c>
      <c r="F6160" s="14" t="s">
        <v>53</v>
      </c>
      <c r="G6160" s="16">
        <v>0</v>
      </c>
    </row>
    <row r="6161" spans="1:7" x14ac:dyDescent="0.3">
      <c r="A6161" s="13" t="s">
        <v>56</v>
      </c>
      <c r="B6161" s="14" t="s">
        <v>1</v>
      </c>
      <c r="C6161" s="14" t="s">
        <v>47</v>
      </c>
      <c r="D6161" s="14" t="s">
        <v>57</v>
      </c>
      <c r="E6161" s="15">
        <v>45697</v>
      </c>
      <c r="F6161" s="14" t="s">
        <v>53</v>
      </c>
      <c r="G6161" s="16">
        <v>0</v>
      </c>
    </row>
    <row r="6162" spans="1:7" x14ac:dyDescent="0.3">
      <c r="A6162" s="13" t="s">
        <v>56</v>
      </c>
      <c r="B6162" s="14" t="s">
        <v>1</v>
      </c>
      <c r="C6162" s="14" t="s">
        <v>47</v>
      </c>
      <c r="D6162" s="14" t="s">
        <v>57</v>
      </c>
      <c r="E6162" s="15">
        <v>45698</v>
      </c>
      <c r="F6162" s="14" t="s">
        <v>53</v>
      </c>
      <c r="G6162" s="16">
        <v>0</v>
      </c>
    </row>
    <row r="6163" spans="1:7" x14ac:dyDescent="0.3">
      <c r="A6163" s="13" t="s">
        <v>56</v>
      </c>
      <c r="B6163" s="14" t="s">
        <v>1</v>
      </c>
      <c r="C6163" s="14" t="s">
        <v>47</v>
      </c>
      <c r="D6163" s="14" t="s">
        <v>57</v>
      </c>
      <c r="E6163" s="15">
        <v>45699</v>
      </c>
      <c r="F6163" s="14" t="s">
        <v>53</v>
      </c>
      <c r="G6163" s="16">
        <v>0</v>
      </c>
    </row>
    <row r="6164" spans="1:7" x14ac:dyDescent="0.3">
      <c r="A6164" s="13" t="s">
        <v>56</v>
      </c>
      <c r="B6164" s="14" t="s">
        <v>1</v>
      </c>
      <c r="C6164" s="14" t="s">
        <v>47</v>
      </c>
      <c r="D6164" s="14" t="s">
        <v>57</v>
      </c>
      <c r="E6164" s="15">
        <v>45700</v>
      </c>
      <c r="F6164" s="14" t="s">
        <v>53</v>
      </c>
      <c r="G6164" s="16">
        <v>0</v>
      </c>
    </row>
    <row r="6165" spans="1:7" x14ac:dyDescent="0.3">
      <c r="A6165" s="13" t="s">
        <v>56</v>
      </c>
      <c r="B6165" s="14" t="s">
        <v>1</v>
      </c>
      <c r="C6165" s="14" t="s">
        <v>47</v>
      </c>
      <c r="D6165" s="14" t="s">
        <v>57</v>
      </c>
      <c r="E6165" s="15">
        <v>45701</v>
      </c>
      <c r="F6165" s="14" t="s">
        <v>53</v>
      </c>
      <c r="G6165" s="16">
        <v>0</v>
      </c>
    </row>
    <row r="6166" spans="1:7" x14ac:dyDescent="0.3">
      <c r="A6166" s="13" t="s">
        <v>56</v>
      </c>
      <c r="B6166" s="14" t="s">
        <v>1</v>
      </c>
      <c r="C6166" s="14" t="s">
        <v>47</v>
      </c>
      <c r="D6166" s="14" t="s">
        <v>57</v>
      </c>
      <c r="E6166" s="15">
        <v>45702</v>
      </c>
      <c r="F6166" s="14" t="s">
        <v>53</v>
      </c>
      <c r="G6166" s="16">
        <v>0</v>
      </c>
    </row>
    <row r="6167" spans="1:7" x14ac:dyDescent="0.3">
      <c r="A6167" s="13" t="s">
        <v>56</v>
      </c>
      <c r="B6167" s="14" t="s">
        <v>1</v>
      </c>
      <c r="C6167" s="14" t="s">
        <v>47</v>
      </c>
      <c r="D6167" s="14" t="s">
        <v>57</v>
      </c>
      <c r="E6167" s="15">
        <v>45703</v>
      </c>
      <c r="F6167" s="14" t="s">
        <v>53</v>
      </c>
      <c r="G6167" s="16">
        <v>0</v>
      </c>
    </row>
    <row r="6168" spans="1:7" x14ac:dyDescent="0.3">
      <c r="A6168" s="13" t="s">
        <v>56</v>
      </c>
      <c r="B6168" s="14" t="s">
        <v>1</v>
      </c>
      <c r="C6168" s="14" t="s">
        <v>47</v>
      </c>
      <c r="D6168" s="14" t="s">
        <v>57</v>
      </c>
      <c r="E6168" s="15">
        <v>45704</v>
      </c>
      <c r="F6168" s="14" t="s">
        <v>53</v>
      </c>
      <c r="G6168" s="16">
        <v>0</v>
      </c>
    </row>
    <row r="6169" spans="1:7" x14ac:dyDescent="0.3">
      <c r="A6169" s="13" t="s">
        <v>56</v>
      </c>
      <c r="B6169" s="14" t="s">
        <v>1</v>
      </c>
      <c r="C6169" s="14" t="s">
        <v>47</v>
      </c>
      <c r="D6169" s="14" t="s">
        <v>57</v>
      </c>
      <c r="E6169" s="15">
        <v>45705</v>
      </c>
      <c r="F6169" s="14" t="s">
        <v>53</v>
      </c>
      <c r="G6169" s="16">
        <v>0</v>
      </c>
    </row>
    <row r="6170" spans="1:7" x14ac:dyDescent="0.3">
      <c r="A6170" s="13" t="s">
        <v>56</v>
      </c>
      <c r="B6170" s="14" t="s">
        <v>1</v>
      </c>
      <c r="C6170" s="14" t="s">
        <v>47</v>
      </c>
      <c r="D6170" s="14" t="s">
        <v>57</v>
      </c>
      <c r="E6170" s="15">
        <v>45706</v>
      </c>
      <c r="F6170" s="14" t="s">
        <v>53</v>
      </c>
      <c r="G6170" s="16">
        <v>0</v>
      </c>
    </row>
    <row r="6171" spans="1:7" x14ac:dyDescent="0.3">
      <c r="A6171" s="13" t="s">
        <v>56</v>
      </c>
      <c r="B6171" s="14" t="s">
        <v>1</v>
      </c>
      <c r="C6171" s="14" t="s">
        <v>47</v>
      </c>
      <c r="D6171" s="14" t="s">
        <v>57</v>
      </c>
      <c r="E6171" s="15">
        <v>45707</v>
      </c>
      <c r="F6171" s="14" t="s">
        <v>53</v>
      </c>
      <c r="G6171" s="16">
        <v>0</v>
      </c>
    </row>
    <row r="6172" spans="1:7" x14ac:dyDescent="0.3">
      <c r="A6172" s="13" t="s">
        <v>56</v>
      </c>
      <c r="B6172" s="14" t="s">
        <v>1</v>
      </c>
      <c r="C6172" s="14" t="s">
        <v>47</v>
      </c>
      <c r="D6172" s="14" t="s">
        <v>57</v>
      </c>
      <c r="E6172" s="15">
        <v>45708</v>
      </c>
      <c r="F6172" s="14" t="s">
        <v>53</v>
      </c>
      <c r="G6172" s="16">
        <v>0</v>
      </c>
    </row>
    <row r="6173" spans="1:7" x14ac:dyDescent="0.3">
      <c r="A6173" s="13" t="s">
        <v>56</v>
      </c>
      <c r="B6173" s="14" t="s">
        <v>1</v>
      </c>
      <c r="C6173" s="14" t="s">
        <v>47</v>
      </c>
      <c r="D6173" s="14" t="s">
        <v>57</v>
      </c>
      <c r="E6173" s="15">
        <v>45709</v>
      </c>
      <c r="F6173" s="14" t="s">
        <v>53</v>
      </c>
      <c r="G6173" s="16">
        <v>0</v>
      </c>
    </row>
    <row r="6174" spans="1:7" x14ac:dyDescent="0.3">
      <c r="A6174" s="13" t="s">
        <v>56</v>
      </c>
      <c r="B6174" s="14" t="s">
        <v>1</v>
      </c>
      <c r="C6174" s="14" t="s">
        <v>47</v>
      </c>
      <c r="D6174" s="14" t="s">
        <v>57</v>
      </c>
      <c r="E6174" s="15">
        <v>45710</v>
      </c>
      <c r="F6174" s="14" t="s">
        <v>53</v>
      </c>
      <c r="G6174" s="16">
        <v>0</v>
      </c>
    </row>
    <row r="6175" spans="1:7" x14ac:dyDescent="0.3">
      <c r="A6175" s="13" t="s">
        <v>56</v>
      </c>
      <c r="B6175" s="14" t="s">
        <v>1</v>
      </c>
      <c r="C6175" s="14" t="s">
        <v>47</v>
      </c>
      <c r="D6175" s="14" t="s">
        <v>57</v>
      </c>
      <c r="E6175" s="15">
        <v>45711</v>
      </c>
      <c r="F6175" s="14" t="s">
        <v>53</v>
      </c>
      <c r="G6175" s="16">
        <v>0</v>
      </c>
    </row>
    <row r="6176" spans="1:7" x14ac:dyDescent="0.3">
      <c r="A6176" s="13" t="s">
        <v>56</v>
      </c>
      <c r="B6176" s="14" t="s">
        <v>1</v>
      </c>
      <c r="C6176" s="14" t="s">
        <v>47</v>
      </c>
      <c r="D6176" s="14" t="s">
        <v>57</v>
      </c>
      <c r="E6176" s="15">
        <v>45712</v>
      </c>
      <c r="F6176" s="14" t="s">
        <v>53</v>
      </c>
      <c r="G6176" s="16">
        <v>0</v>
      </c>
    </row>
    <row r="6177" spans="1:7" x14ac:dyDescent="0.3">
      <c r="A6177" s="13" t="s">
        <v>56</v>
      </c>
      <c r="B6177" s="14" t="s">
        <v>1</v>
      </c>
      <c r="C6177" s="14" t="s">
        <v>47</v>
      </c>
      <c r="D6177" s="14" t="s">
        <v>57</v>
      </c>
      <c r="E6177" s="15">
        <v>45713</v>
      </c>
      <c r="F6177" s="14" t="s">
        <v>53</v>
      </c>
      <c r="G6177" s="16">
        <v>0</v>
      </c>
    </row>
    <row r="6178" spans="1:7" x14ac:dyDescent="0.3">
      <c r="A6178" s="13" t="s">
        <v>56</v>
      </c>
      <c r="B6178" s="14" t="s">
        <v>1</v>
      </c>
      <c r="C6178" s="14" t="s">
        <v>47</v>
      </c>
      <c r="D6178" s="14" t="s">
        <v>57</v>
      </c>
      <c r="E6178" s="15">
        <v>45714</v>
      </c>
      <c r="F6178" s="14" t="s">
        <v>53</v>
      </c>
      <c r="G6178" s="16">
        <v>0</v>
      </c>
    </row>
    <row r="6179" spans="1:7" x14ac:dyDescent="0.3">
      <c r="A6179" s="13" t="s">
        <v>56</v>
      </c>
      <c r="B6179" s="14" t="s">
        <v>1</v>
      </c>
      <c r="C6179" s="14" t="s">
        <v>47</v>
      </c>
      <c r="D6179" s="14" t="s">
        <v>57</v>
      </c>
      <c r="E6179" s="15">
        <v>45715</v>
      </c>
      <c r="F6179" s="14" t="s">
        <v>53</v>
      </c>
      <c r="G6179" s="16">
        <v>0</v>
      </c>
    </row>
    <row r="6180" spans="1:7" x14ac:dyDescent="0.3">
      <c r="A6180" s="13" t="s">
        <v>56</v>
      </c>
      <c r="B6180" s="14" t="s">
        <v>1</v>
      </c>
      <c r="C6180" s="14" t="s">
        <v>47</v>
      </c>
      <c r="D6180" s="14" t="s">
        <v>57</v>
      </c>
      <c r="E6180" s="15">
        <v>45716</v>
      </c>
      <c r="F6180" s="14" t="s">
        <v>53</v>
      </c>
      <c r="G6180" s="16">
        <v>0</v>
      </c>
    </row>
    <row r="6181" spans="1:7" x14ac:dyDescent="0.3">
      <c r="A6181" s="13" t="s">
        <v>56</v>
      </c>
      <c r="B6181" s="14" t="s">
        <v>1</v>
      </c>
      <c r="C6181" s="14" t="s">
        <v>47</v>
      </c>
      <c r="D6181" s="14" t="s">
        <v>57</v>
      </c>
      <c r="E6181" s="15">
        <v>45717</v>
      </c>
      <c r="F6181" s="14" t="s">
        <v>53</v>
      </c>
      <c r="G6181" s="16">
        <v>0</v>
      </c>
    </row>
    <row r="6182" spans="1:7" x14ac:dyDescent="0.3">
      <c r="A6182" s="13" t="s">
        <v>56</v>
      </c>
      <c r="B6182" s="14" t="s">
        <v>1</v>
      </c>
      <c r="C6182" s="14" t="s">
        <v>47</v>
      </c>
      <c r="D6182" s="14" t="s">
        <v>57</v>
      </c>
      <c r="E6182" s="15">
        <v>45718</v>
      </c>
      <c r="F6182" s="14" t="s">
        <v>53</v>
      </c>
      <c r="G6182" s="16">
        <v>0</v>
      </c>
    </row>
    <row r="6183" spans="1:7" x14ac:dyDescent="0.3">
      <c r="A6183" s="13" t="s">
        <v>56</v>
      </c>
      <c r="B6183" s="14" t="s">
        <v>1</v>
      </c>
      <c r="C6183" s="14" t="s">
        <v>47</v>
      </c>
      <c r="D6183" s="14" t="s">
        <v>57</v>
      </c>
      <c r="E6183" s="15">
        <v>45719</v>
      </c>
      <c r="F6183" s="14" t="s">
        <v>53</v>
      </c>
      <c r="G6183" s="16">
        <v>0</v>
      </c>
    </row>
    <row r="6184" spans="1:7" x14ac:dyDescent="0.3">
      <c r="A6184" s="13" t="s">
        <v>56</v>
      </c>
      <c r="B6184" s="14" t="s">
        <v>1</v>
      </c>
      <c r="C6184" s="14" t="s">
        <v>47</v>
      </c>
      <c r="D6184" s="14" t="s">
        <v>57</v>
      </c>
      <c r="E6184" s="15">
        <v>45720</v>
      </c>
      <c r="F6184" s="14" t="s">
        <v>53</v>
      </c>
      <c r="G6184" s="16">
        <v>0</v>
      </c>
    </row>
    <row r="6185" spans="1:7" x14ac:dyDescent="0.3">
      <c r="A6185" s="13" t="s">
        <v>56</v>
      </c>
      <c r="B6185" s="14" t="s">
        <v>1</v>
      </c>
      <c r="C6185" s="14" t="s">
        <v>47</v>
      </c>
      <c r="D6185" s="14" t="s">
        <v>57</v>
      </c>
      <c r="E6185" s="15">
        <v>45721</v>
      </c>
      <c r="F6185" s="14" t="s">
        <v>53</v>
      </c>
      <c r="G6185" s="16">
        <v>0</v>
      </c>
    </row>
    <row r="6186" spans="1:7" x14ac:dyDescent="0.3">
      <c r="A6186" s="13" t="s">
        <v>56</v>
      </c>
      <c r="B6186" s="14" t="s">
        <v>1</v>
      </c>
      <c r="C6186" s="14" t="s">
        <v>47</v>
      </c>
      <c r="D6186" s="14" t="s">
        <v>57</v>
      </c>
      <c r="E6186" s="15">
        <v>45722</v>
      </c>
      <c r="F6186" s="14" t="s">
        <v>53</v>
      </c>
      <c r="G6186" s="16">
        <v>0</v>
      </c>
    </row>
    <row r="6187" spans="1:7" x14ac:dyDescent="0.3">
      <c r="A6187" s="13" t="s">
        <v>56</v>
      </c>
      <c r="B6187" s="14" t="s">
        <v>1</v>
      </c>
      <c r="C6187" s="14" t="s">
        <v>47</v>
      </c>
      <c r="D6187" s="14" t="s">
        <v>57</v>
      </c>
      <c r="E6187" s="15">
        <v>45723</v>
      </c>
      <c r="F6187" s="14" t="s">
        <v>53</v>
      </c>
      <c r="G6187" s="16">
        <v>0</v>
      </c>
    </row>
    <row r="6188" spans="1:7" x14ac:dyDescent="0.3">
      <c r="A6188" s="13" t="s">
        <v>56</v>
      </c>
      <c r="B6188" s="14" t="s">
        <v>1</v>
      </c>
      <c r="C6188" s="14" t="s">
        <v>47</v>
      </c>
      <c r="D6188" s="14" t="s">
        <v>57</v>
      </c>
      <c r="E6188" s="15">
        <v>45724</v>
      </c>
      <c r="F6188" s="14" t="s">
        <v>53</v>
      </c>
      <c r="G6188" s="16">
        <v>0</v>
      </c>
    </row>
    <row r="6189" spans="1:7" x14ac:dyDescent="0.3">
      <c r="A6189" s="13" t="s">
        <v>56</v>
      </c>
      <c r="B6189" s="14" t="s">
        <v>1</v>
      </c>
      <c r="C6189" s="14" t="s">
        <v>47</v>
      </c>
      <c r="D6189" s="14" t="s">
        <v>57</v>
      </c>
      <c r="E6189" s="15">
        <v>45725</v>
      </c>
      <c r="F6189" s="14" t="s">
        <v>53</v>
      </c>
      <c r="G6189" s="16">
        <v>0</v>
      </c>
    </row>
    <row r="6190" spans="1:7" x14ac:dyDescent="0.3">
      <c r="A6190" s="13" t="s">
        <v>56</v>
      </c>
      <c r="B6190" s="14" t="s">
        <v>1</v>
      </c>
      <c r="C6190" s="14" t="s">
        <v>47</v>
      </c>
      <c r="D6190" s="14" t="s">
        <v>57</v>
      </c>
      <c r="E6190" s="15">
        <v>45726</v>
      </c>
      <c r="F6190" s="14" t="s">
        <v>53</v>
      </c>
      <c r="G6190" s="16">
        <v>0</v>
      </c>
    </row>
    <row r="6191" spans="1:7" x14ac:dyDescent="0.3">
      <c r="A6191" s="13" t="s">
        <v>56</v>
      </c>
      <c r="B6191" s="14" t="s">
        <v>1</v>
      </c>
      <c r="C6191" s="14" t="s">
        <v>47</v>
      </c>
      <c r="D6191" s="14" t="s">
        <v>57</v>
      </c>
      <c r="E6191" s="15">
        <v>45727</v>
      </c>
      <c r="F6191" s="14" t="s">
        <v>53</v>
      </c>
      <c r="G6191" s="16">
        <v>0</v>
      </c>
    </row>
    <row r="6192" spans="1:7" x14ac:dyDescent="0.3">
      <c r="A6192" s="13" t="s">
        <v>56</v>
      </c>
      <c r="B6192" s="14" t="s">
        <v>1</v>
      </c>
      <c r="C6192" s="14" t="s">
        <v>47</v>
      </c>
      <c r="D6192" s="14" t="s">
        <v>57</v>
      </c>
      <c r="E6192" s="15">
        <v>45728</v>
      </c>
      <c r="F6192" s="14" t="s">
        <v>53</v>
      </c>
      <c r="G6192" s="16">
        <v>0</v>
      </c>
    </row>
    <row r="6193" spans="1:7" x14ac:dyDescent="0.3">
      <c r="A6193" s="13" t="s">
        <v>56</v>
      </c>
      <c r="B6193" s="14" t="s">
        <v>1</v>
      </c>
      <c r="C6193" s="14" t="s">
        <v>47</v>
      </c>
      <c r="D6193" s="14" t="s">
        <v>57</v>
      </c>
      <c r="E6193" s="15">
        <v>45729</v>
      </c>
      <c r="F6193" s="14" t="s">
        <v>53</v>
      </c>
      <c r="G6193" s="16">
        <v>0</v>
      </c>
    </row>
    <row r="6194" spans="1:7" x14ac:dyDescent="0.3">
      <c r="A6194" s="13" t="s">
        <v>56</v>
      </c>
      <c r="B6194" s="14" t="s">
        <v>1</v>
      </c>
      <c r="C6194" s="14" t="s">
        <v>47</v>
      </c>
      <c r="D6194" s="14" t="s">
        <v>57</v>
      </c>
      <c r="E6194" s="15">
        <v>45730</v>
      </c>
      <c r="F6194" s="14" t="s">
        <v>53</v>
      </c>
      <c r="G6194" s="16">
        <v>0</v>
      </c>
    </row>
    <row r="6195" spans="1:7" x14ac:dyDescent="0.3">
      <c r="A6195" s="13" t="s">
        <v>56</v>
      </c>
      <c r="B6195" s="14" t="s">
        <v>1</v>
      </c>
      <c r="C6195" s="14" t="s">
        <v>47</v>
      </c>
      <c r="D6195" s="14" t="s">
        <v>57</v>
      </c>
      <c r="E6195" s="15">
        <v>45731</v>
      </c>
      <c r="F6195" s="14" t="s">
        <v>53</v>
      </c>
      <c r="G6195" s="16">
        <v>0</v>
      </c>
    </row>
    <row r="6196" spans="1:7" x14ac:dyDescent="0.3">
      <c r="A6196" s="13" t="s">
        <v>56</v>
      </c>
      <c r="B6196" s="14" t="s">
        <v>1</v>
      </c>
      <c r="C6196" s="14" t="s">
        <v>47</v>
      </c>
      <c r="D6196" s="14" t="s">
        <v>57</v>
      </c>
      <c r="E6196" s="15">
        <v>45732</v>
      </c>
      <c r="F6196" s="14" t="s">
        <v>53</v>
      </c>
      <c r="G6196" s="16">
        <v>0</v>
      </c>
    </row>
    <row r="6197" spans="1:7" x14ac:dyDescent="0.3">
      <c r="A6197" s="13" t="s">
        <v>56</v>
      </c>
      <c r="B6197" s="14" t="s">
        <v>1</v>
      </c>
      <c r="C6197" s="14" t="s">
        <v>47</v>
      </c>
      <c r="D6197" s="14" t="s">
        <v>57</v>
      </c>
      <c r="E6197" s="15">
        <v>45733</v>
      </c>
      <c r="F6197" s="14" t="s">
        <v>53</v>
      </c>
      <c r="G6197" s="16">
        <v>0</v>
      </c>
    </row>
    <row r="6198" spans="1:7" x14ac:dyDescent="0.3">
      <c r="A6198" s="13" t="s">
        <v>56</v>
      </c>
      <c r="B6198" s="14" t="s">
        <v>1</v>
      </c>
      <c r="C6198" s="14" t="s">
        <v>47</v>
      </c>
      <c r="D6198" s="14" t="s">
        <v>57</v>
      </c>
      <c r="E6198" s="15">
        <v>45734</v>
      </c>
      <c r="F6198" s="14" t="s">
        <v>53</v>
      </c>
      <c r="G6198" s="16">
        <v>0</v>
      </c>
    </row>
    <row r="6199" spans="1:7" x14ac:dyDescent="0.3">
      <c r="A6199" s="13" t="s">
        <v>56</v>
      </c>
      <c r="B6199" s="14" t="s">
        <v>1</v>
      </c>
      <c r="C6199" s="14" t="s">
        <v>47</v>
      </c>
      <c r="D6199" s="14" t="s">
        <v>57</v>
      </c>
      <c r="E6199" s="15">
        <v>45735</v>
      </c>
      <c r="F6199" s="14" t="s">
        <v>53</v>
      </c>
      <c r="G6199" s="16">
        <v>0</v>
      </c>
    </row>
    <row r="6200" spans="1:7" x14ac:dyDescent="0.3">
      <c r="A6200" s="13" t="s">
        <v>56</v>
      </c>
      <c r="B6200" s="14" t="s">
        <v>1</v>
      </c>
      <c r="C6200" s="14" t="s">
        <v>47</v>
      </c>
      <c r="D6200" s="14" t="s">
        <v>57</v>
      </c>
      <c r="E6200" s="15">
        <v>45736</v>
      </c>
      <c r="F6200" s="14" t="s">
        <v>53</v>
      </c>
      <c r="G6200" s="16">
        <v>0</v>
      </c>
    </row>
    <row r="6201" spans="1:7" x14ac:dyDescent="0.3">
      <c r="A6201" s="13" t="s">
        <v>56</v>
      </c>
      <c r="B6201" s="14" t="s">
        <v>1</v>
      </c>
      <c r="C6201" s="14" t="s">
        <v>47</v>
      </c>
      <c r="D6201" s="14" t="s">
        <v>57</v>
      </c>
      <c r="E6201" s="15">
        <v>45737</v>
      </c>
      <c r="F6201" s="14" t="s">
        <v>53</v>
      </c>
      <c r="G6201" s="16">
        <v>0</v>
      </c>
    </row>
    <row r="6202" spans="1:7" x14ac:dyDescent="0.3">
      <c r="A6202" s="13" t="s">
        <v>56</v>
      </c>
      <c r="B6202" s="14" t="s">
        <v>1</v>
      </c>
      <c r="C6202" s="14" t="s">
        <v>47</v>
      </c>
      <c r="D6202" s="14" t="s">
        <v>57</v>
      </c>
      <c r="E6202" s="15">
        <v>45738</v>
      </c>
      <c r="F6202" s="14" t="s">
        <v>53</v>
      </c>
      <c r="G6202" s="16">
        <v>0</v>
      </c>
    </row>
    <row r="6203" spans="1:7" x14ac:dyDescent="0.3">
      <c r="A6203" s="13" t="s">
        <v>56</v>
      </c>
      <c r="B6203" s="14" t="s">
        <v>1</v>
      </c>
      <c r="C6203" s="14" t="s">
        <v>47</v>
      </c>
      <c r="D6203" s="14" t="s">
        <v>57</v>
      </c>
      <c r="E6203" s="15">
        <v>45739</v>
      </c>
      <c r="F6203" s="14" t="s">
        <v>53</v>
      </c>
      <c r="G6203" s="16">
        <v>0</v>
      </c>
    </row>
    <row r="6204" spans="1:7" x14ac:dyDescent="0.3">
      <c r="A6204" s="13" t="s">
        <v>56</v>
      </c>
      <c r="B6204" s="14" t="s">
        <v>1</v>
      </c>
      <c r="C6204" s="14" t="s">
        <v>47</v>
      </c>
      <c r="D6204" s="14" t="s">
        <v>57</v>
      </c>
      <c r="E6204" s="15">
        <v>45740</v>
      </c>
      <c r="F6204" s="14" t="s">
        <v>53</v>
      </c>
      <c r="G6204" s="16">
        <v>0</v>
      </c>
    </row>
    <row r="6205" spans="1:7" x14ac:dyDescent="0.3">
      <c r="A6205" s="13" t="s">
        <v>56</v>
      </c>
      <c r="B6205" s="14" t="s">
        <v>1</v>
      </c>
      <c r="C6205" s="14" t="s">
        <v>47</v>
      </c>
      <c r="D6205" s="14" t="s">
        <v>57</v>
      </c>
      <c r="E6205" s="15">
        <v>45741</v>
      </c>
      <c r="F6205" s="14" t="s">
        <v>53</v>
      </c>
      <c r="G6205" s="16">
        <v>0</v>
      </c>
    </row>
    <row r="6206" spans="1:7" x14ac:dyDescent="0.3">
      <c r="A6206" s="13" t="s">
        <v>56</v>
      </c>
      <c r="B6206" s="14" t="s">
        <v>1</v>
      </c>
      <c r="C6206" s="14" t="s">
        <v>47</v>
      </c>
      <c r="D6206" s="14" t="s">
        <v>57</v>
      </c>
      <c r="E6206" s="15">
        <v>45742</v>
      </c>
      <c r="F6206" s="14" t="s">
        <v>53</v>
      </c>
      <c r="G6206" s="16">
        <v>0</v>
      </c>
    </row>
    <row r="6207" spans="1:7" x14ac:dyDescent="0.3">
      <c r="A6207" s="13" t="s">
        <v>56</v>
      </c>
      <c r="B6207" s="14" t="s">
        <v>1</v>
      </c>
      <c r="C6207" s="14" t="s">
        <v>47</v>
      </c>
      <c r="D6207" s="14" t="s">
        <v>57</v>
      </c>
      <c r="E6207" s="15">
        <v>45743</v>
      </c>
      <c r="F6207" s="14" t="s">
        <v>53</v>
      </c>
      <c r="G6207" s="16">
        <v>0</v>
      </c>
    </row>
    <row r="6208" spans="1:7" x14ac:dyDescent="0.3">
      <c r="A6208" s="13" t="s">
        <v>56</v>
      </c>
      <c r="B6208" s="14" t="s">
        <v>1</v>
      </c>
      <c r="C6208" s="14" t="s">
        <v>47</v>
      </c>
      <c r="D6208" s="14" t="s">
        <v>57</v>
      </c>
      <c r="E6208" s="15">
        <v>45744</v>
      </c>
      <c r="F6208" s="14" t="s">
        <v>53</v>
      </c>
      <c r="G6208" s="16">
        <v>0</v>
      </c>
    </row>
    <row r="6209" spans="1:7" x14ac:dyDescent="0.3">
      <c r="A6209" s="13" t="s">
        <v>56</v>
      </c>
      <c r="B6209" s="14" t="s">
        <v>1</v>
      </c>
      <c r="C6209" s="14" t="s">
        <v>47</v>
      </c>
      <c r="D6209" s="14" t="s">
        <v>57</v>
      </c>
      <c r="E6209" s="15">
        <v>45745</v>
      </c>
      <c r="F6209" s="14" t="s">
        <v>53</v>
      </c>
      <c r="G6209" s="16">
        <v>0</v>
      </c>
    </row>
    <row r="6210" spans="1:7" x14ac:dyDescent="0.3">
      <c r="A6210" s="13" t="s">
        <v>56</v>
      </c>
      <c r="B6210" s="14" t="s">
        <v>1</v>
      </c>
      <c r="C6210" s="14" t="s">
        <v>47</v>
      </c>
      <c r="D6210" s="14" t="s">
        <v>57</v>
      </c>
      <c r="E6210" s="15">
        <v>45746</v>
      </c>
      <c r="F6210" s="14" t="s">
        <v>53</v>
      </c>
      <c r="G6210" s="16">
        <v>0</v>
      </c>
    </row>
    <row r="6211" spans="1:7" x14ac:dyDescent="0.3">
      <c r="A6211" s="13" t="s">
        <v>56</v>
      </c>
      <c r="B6211" s="14" t="s">
        <v>1</v>
      </c>
      <c r="C6211" s="14" t="s">
        <v>47</v>
      </c>
      <c r="D6211" s="14" t="s">
        <v>57</v>
      </c>
      <c r="E6211" s="15">
        <v>45747</v>
      </c>
      <c r="F6211" s="14" t="s">
        <v>53</v>
      </c>
      <c r="G6211" s="16">
        <v>0</v>
      </c>
    </row>
    <row r="6212" spans="1:7" x14ac:dyDescent="0.3">
      <c r="A6212" s="13" t="s">
        <v>58</v>
      </c>
      <c r="B6212" s="14" t="s">
        <v>1</v>
      </c>
      <c r="C6212" s="14" t="s">
        <v>59</v>
      </c>
      <c r="D6212" s="14" t="s">
        <v>60</v>
      </c>
      <c r="E6212" s="15">
        <v>45383</v>
      </c>
      <c r="F6212" s="14" t="s">
        <v>61</v>
      </c>
      <c r="G6212" s="16">
        <v>0</v>
      </c>
    </row>
    <row r="6213" spans="1:7" x14ac:dyDescent="0.3">
      <c r="A6213" s="13" t="s">
        <v>58</v>
      </c>
      <c r="B6213" s="14" t="s">
        <v>1</v>
      </c>
      <c r="C6213" s="14" t="s">
        <v>59</v>
      </c>
      <c r="D6213" s="14" t="s">
        <v>60</v>
      </c>
      <c r="E6213" s="15">
        <v>45384</v>
      </c>
      <c r="F6213" s="14" t="s">
        <v>61</v>
      </c>
      <c r="G6213" s="16">
        <v>0</v>
      </c>
    </row>
    <row r="6214" spans="1:7" x14ac:dyDescent="0.3">
      <c r="A6214" s="13" t="s">
        <v>58</v>
      </c>
      <c r="B6214" s="14" t="s">
        <v>1</v>
      </c>
      <c r="C6214" s="14" t="s">
        <v>59</v>
      </c>
      <c r="D6214" s="14" t="s">
        <v>60</v>
      </c>
      <c r="E6214" s="15">
        <v>45385</v>
      </c>
      <c r="F6214" s="14" t="s">
        <v>61</v>
      </c>
      <c r="G6214" s="16">
        <v>0</v>
      </c>
    </row>
    <row r="6215" spans="1:7" x14ac:dyDescent="0.3">
      <c r="A6215" s="13" t="s">
        <v>58</v>
      </c>
      <c r="B6215" s="14" t="s">
        <v>1</v>
      </c>
      <c r="C6215" s="14" t="s">
        <v>59</v>
      </c>
      <c r="D6215" s="14" t="s">
        <v>60</v>
      </c>
      <c r="E6215" s="15">
        <v>45386</v>
      </c>
      <c r="F6215" s="14" t="s">
        <v>61</v>
      </c>
      <c r="G6215" s="16">
        <v>0</v>
      </c>
    </row>
    <row r="6216" spans="1:7" x14ac:dyDescent="0.3">
      <c r="A6216" s="13" t="s">
        <v>58</v>
      </c>
      <c r="B6216" s="14" t="s">
        <v>1</v>
      </c>
      <c r="C6216" s="14" t="s">
        <v>59</v>
      </c>
      <c r="D6216" s="14" t="s">
        <v>60</v>
      </c>
      <c r="E6216" s="15">
        <v>45387</v>
      </c>
      <c r="F6216" s="14" t="s">
        <v>61</v>
      </c>
      <c r="G6216" s="16">
        <v>9.2394237159112351E-4</v>
      </c>
    </row>
    <row r="6217" spans="1:7" x14ac:dyDescent="0.3">
      <c r="A6217" s="13" t="s">
        <v>58</v>
      </c>
      <c r="B6217" s="14" t="s">
        <v>1</v>
      </c>
      <c r="C6217" s="14" t="s">
        <v>59</v>
      </c>
      <c r="D6217" s="14" t="s">
        <v>60</v>
      </c>
      <c r="E6217" s="15">
        <v>45388</v>
      </c>
      <c r="F6217" s="14" t="s">
        <v>61</v>
      </c>
      <c r="G6217" s="16">
        <v>9.2394237159112351E-4</v>
      </c>
    </row>
    <row r="6218" spans="1:7" x14ac:dyDescent="0.3">
      <c r="A6218" s="13" t="s">
        <v>58</v>
      </c>
      <c r="B6218" s="14" t="s">
        <v>1</v>
      </c>
      <c r="C6218" s="14" t="s">
        <v>59</v>
      </c>
      <c r="D6218" s="14" t="s">
        <v>60</v>
      </c>
      <c r="E6218" s="15">
        <v>45389</v>
      </c>
      <c r="F6218" s="14" t="s">
        <v>61</v>
      </c>
      <c r="G6218" s="16">
        <v>9.2394237159112351E-4</v>
      </c>
    </row>
    <row r="6219" spans="1:7" x14ac:dyDescent="0.3">
      <c r="A6219" s="13" t="s">
        <v>58</v>
      </c>
      <c r="B6219" s="14" t="s">
        <v>1</v>
      </c>
      <c r="C6219" s="14" t="s">
        <v>59</v>
      </c>
      <c r="D6219" s="14" t="s">
        <v>60</v>
      </c>
      <c r="E6219" s="15">
        <v>45390</v>
      </c>
      <c r="F6219" s="14" t="s">
        <v>61</v>
      </c>
      <c r="G6219" s="16">
        <v>0</v>
      </c>
    </row>
    <row r="6220" spans="1:7" x14ac:dyDescent="0.3">
      <c r="A6220" s="13" t="s">
        <v>58</v>
      </c>
      <c r="B6220" s="14" t="s">
        <v>1</v>
      </c>
      <c r="C6220" s="14" t="s">
        <v>59</v>
      </c>
      <c r="D6220" s="14" t="s">
        <v>60</v>
      </c>
      <c r="E6220" s="15">
        <v>45391</v>
      </c>
      <c r="F6220" s="14" t="s">
        <v>61</v>
      </c>
      <c r="G6220" s="16">
        <v>0</v>
      </c>
    </row>
    <row r="6221" spans="1:7" x14ac:dyDescent="0.3">
      <c r="A6221" s="13" t="s">
        <v>58</v>
      </c>
      <c r="B6221" s="14" t="s">
        <v>1</v>
      </c>
      <c r="C6221" s="14" t="s">
        <v>59</v>
      </c>
      <c r="D6221" s="14" t="s">
        <v>60</v>
      </c>
      <c r="E6221" s="15">
        <v>45392</v>
      </c>
      <c r="F6221" s="14" t="s">
        <v>61</v>
      </c>
      <c r="G6221" s="16">
        <v>0</v>
      </c>
    </row>
    <row r="6222" spans="1:7" x14ac:dyDescent="0.3">
      <c r="A6222" s="13" t="s">
        <v>58</v>
      </c>
      <c r="B6222" s="14" t="s">
        <v>1</v>
      </c>
      <c r="C6222" s="14" t="s">
        <v>59</v>
      </c>
      <c r="D6222" s="14" t="s">
        <v>60</v>
      </c>
      <c r="E6222" s="15">
        <v>45393</v>
      </c>
      <c r="F6222" s="14" t="s">
        <v>61</v>
      </c>
      <c r="G6222" s="16">
        <v>0</v>
      </c>
    </row>
    <row r="6223" spans="1:7" x14ac:dyDescent="0.3">
      <c r="A6223" s="13" t="s">
        <v>58</v>
      </c>
      <c r="B6223" s="14" t="s">
        <v>1</v>
      </c>
      <c r="C6223" s="14" t="s">
        <v>59</v>
      </c>
      <c r="D6223" s="14" t="s">
        <v>60</v>
      </c>
      <c r="E6223" s="15">
        <v>45394</v>
      </c>
      <c r="F6223" s="14" t="s">
        <v>61</v>
      </c>
      <c r="G6223" s="16">
        <v>0</v>
      </c>
    </row>
    <row r="6224" spans="1:7" x14ac:dyDescent="0.3">
      <c r="A6224" s="13" t="s">
        <v>58</v>
      </c>
      <c r="B6224" s="14" t="s">
        <v>1</v>
      </c>
      <c r="C6224" s="14" t="s">
        <v>59</v>
      </c>
      <c r="D6224" s="14" t="s">
        <v>60</v>
      </c>
      <c r="E6224" s="15">
        <v>45395</v>
      </c>
      <c r="F6224" s="14" t="s">
        <v>61</v>
      </c>
      <c r="G6224" s="16">
        <v>0</v>
      </c>
    </row>
    <row r="6225" spans="1:7" x14ac:dyDescent="0.3">
      <c r="A6225" s="13" t="s">
        <v>58</v>
      </c>
      <c r="B6225" s="14" t="s">
        <v>1</v>
      </c>
      <c r="C6225" s="14" t="s">
        <v>59</v>
      </c>
      <c r="D6225" s="14" t="s">
        <v>60</v>
      </c>
      <c r="E6225" s="15">
        <v>45396</v>
      </c>
      <c r="F6225" s="14" t="s">
        <v>61</v>
      </c>
      <c r="G6225" s="16">
        <v>0</v>
      </c>
    </row>
    <row r="6226" spans="1:7" x14ac:dyDescent="0.3">
      <c r="A6226" s="13" t="s">
        <v>58</v>
      </c>
      <c r="B6226" s="14" t="s">
        <v>1</v>
      </c>
      <c r="C6226" s="14" t="s">
        <v>59</v>
      </c>
      <c r="D6226" s="14" t="s">
        <v>60</v>
      </c>
      <c r="E6226" s="15">
        <v>45397</v>
      </c>
      <c r="F6226" s="14" t="s">
        <v>61</v>
      </c>
      <c r="G6226" s="16">
        <v>0</v>
      </c>
    </row>
    <row r="6227" spans="1:7" x14ac:dyDescent="0.3">
      <c r="A6227" s="13" t="s">
        <v>58</v>
      </c>
      <c r="B6227" s="14" t="s">
        <v>1</v>
      </c>
      <c r="C6227" s="14" t="s">
        <v>59</v>
      </c>
      <c r="D6227" s="14" t="s">
        <v>60</v>
      </c>
      <c r="E6227" s="15">
        <v>45398</v>
      </c>
      <c r="F6227" s="14" t="s">
        <v>61</v>
      </c>
      <c r="G6227" s="16">
        <v>0</v>
      </c>
    </row>
    <row r="6228" spans="1:7" x14ac:dyDescent="0.3">
      <c r="A6228" s="13" t="s">
        <v>58</v>
      </c>
      <c r="B6228" s="14" t="s">
        <v>1</v>
      </c>
      <c r="C6228" s="14" t="s">
        <v>59</v>
      </c>
      <c r="D6228" s="14" t="s">
        <v>60</v>
      </c>
      <c r="E6228" s="15">
        <v>45399</v>
      </c>
      <c r="F6228" s="14" t="s">
        <v>61</v>
      </c>
      <c r="G6228" s="16">
        <v>0</v>
      </c>
    </row>
    <row r="6229" spans="1:7" x14ac:dyDescent="0.3">
      <c r="A6229" s="13" t="s">
        <v>58</v>
      </c>
      <c r="B6229" s="14" t="s">
        <v>1</v>
      </c>
      <c r="C6229" s="14" t="s">
        <v>59</v>
      </c>
      <c r="D6229" s="14" t="s">
        <v>60</v>
      </c>
      <c r="E6229" s="15">
        <v>45400</v>
      </c>
      <c r="F6229" s="14" t="s">
        <v>61</v>
      </c>
      <c r="G6229" s="16">
        <v>0</v>
      </c>
    </row>
    <row r="6230" spans="1:7" x14ac:dyDescent="0.3">
      <c r="A6230" s="13" t="s">
        <v>58</v>
      </c>
      <c r="B6230" s="14" t="s">
        <v>1</v>
      </c>
      <c r="C6230" s="14" t="s">
        <v>59</v>
      </c>
      <c r="D6230" s="14" t="s">
        <v>60</v>
      </c>
      <c r="E6230" s="15">
        <v>45401</v>
      </c>
      <c r="F6230" s="14" t="s">
        <v>61</v>
      </c>
      <c r="G6230" s="16">
        <v>0</v>
      </c>
    </row>
    <row r="6231" spans="1:7" x14ac:dyDescent="0.3">
      <c r="A6231" s="13" t="s">
        <v>58</v>
      </c>
      <c r="B6231" s="14" t="s">
        <v>1</v>
      </c>
      <c r="C6231" s="14" t="s">
        <v>59</v>
      </c>
      <c r="D6231" s="14" t="s">
        <v>60</v>
      </c>
      <c r="E6231" s="15">
        <v>45402</v>
      </c>
      <c r="F6231" s="14" t="s">
        <v>61</v>
      </c>
      <c r="G6231" s="16">
        <v>0</v>
      </c>
    </row>
    <row r="6232" spans="1:7" x14ac:dyDescent="0.3">
      <c r="A6232" s="13" t="s">
        <v>58</v>
      </c>
      <c r="B6232" s="14" t="s">
        <v>1</v>
      </c>
      <c r="C6232" s="14" t="s">
        <v>59</v>
      </c>
      <c r="D6232" s="14" t="s">
        <v>60</v>
      </c>
      <c r="E6232" s="15">
        <v>45403</v>
      </c>
      <c r="F6232" s="14" t="s">
        <v>61</v>
      </c>
      <c r="G6232" s="16">
        <v>0</v>
      </c>
    </row>
    <row r="6233" spans="1:7" x14ac:dyDescent="0.3">
      <c r="A6233" s="13" t="s">
        <v>58</v>
      </c>
      <c r="B6233" s="14" t="s">
        <v>1</v>
      </c>
      <c r="C6233" s="14" t="s">
        <v>59</v>
      </c>
      <c r="D6233" s="14" t="s">
        <v>60</v>
      </c>
      <c r="E6233" s="15">
        <v>45404</v>
      </c>
      <c r="F6233" s="14" t="s">
        <v>61</v>
      </c>
      <c r="G6233" s="16">
        <v>0</v>
      </c>
    </row>
    <row r="6234" spans="1:7" x14ac:dyDescent="0.3">
      <c r="A6234" s="13" t="s">
        <v>58</v>
      </c>
      <c r="B6234" s="14" t="s">
        <v>1</v>
      </c>
      <c r="C6234" s="14" t="s">
        <v>59</v>
      </c>
      <c r="D6234" s="14" t="s">
        <v>60</v>
      </c>
      <c r="E6234" s="15">
        <v>45405</v>
      </c>
      <c r="F6234" s="14" t="s">
        <v>61</v>
      </c>
      <c r="G6234" s="16">
        <v>0</v>
      </c>
    </row>
    <row r="6235" spans="1:7" x14ac:dyDescent="0.3">
      <c r="A6235" s="13" t="s">
        <v>58</v>
      </c>
      <c r="B6235" s="14" t="s">
        <v>1</v>
      </c>
      <c r="C6235" s="14" t="s">
        <v>59</v>
      </c>
      <c r="D6235" s="14" t="s">
        <v>60</v>
      </c>
      <c r="E6235" s="15">
        <v>45406</v>
      </c>
      <c r="F6235" s="14" t="s">
        <v>61</v>
      </c>
      <c r="G6235" s="16">
        <v>0</v>
      </c>
    </row>
    <row r="6236" spans="1:7" x14ac:dyDescent="0.3">
      <c r="A6236" s="13" t="s">
        <v>58</v>
      </c>
      <c r="B6236" s="14" t="s">
        <v>1</v>
      </c>
      <c r="C6236" s="14" t="s">
        <v>59</v>
      </c>
      <c r="D6236" s="14" t="s">
        <v>60</v>
      </c>
      <c r="E6236" s="15">
        <v>45407</v>
      </c>
      <c r="F6236" s="14" t="s">
        <v>61</v>
      </c>
      <c r="G6236" s="16">
        <v>0</v>
      </c>
    </row>
    <row r="6237" spans="1:7" x14ac:dyDescent="0.3">
      <c r="A6237" s="13" t="s">
        <v>58</v>
      </c>
      <c r="B6237" s="14" t="s">
        <v>1</v>
      </c>
      <c r="C6237" s="14" t="s">
        <v>59</v>
      </c>
      <c r="D6237" s="14" t="s">
        <v>60</v>
      </c>
      <c r="E6237" s="15">
        <v>45408</v>
      </c>
      <c r="F6237" s="14" t="s">
        <v>61</v>
      </c>
      <c r="G6237" s="16">
        <v>0</v>
      </c>
    </row>
    <row r="6238" spans="1:7" x14ac:dyDescent="0.3">
      <c r="A6238" s="13" t="s">
        <v>58</v>
      </c>
      <c r="B6238" s="14" t="s">
        <v>1</v>
      </c>
      <c r="C6238" s="14" t="s">
        <v>59</v>
      </c>
      <c r="D6238" s="14" t="s">
        <v>60</v>
      </c>
      <c r="E6238" s="15">
        <v>45409</v>
      </c>
      <c r="F6238" s="14" t="s">
        <v>61</v>
      </c>
      <c r="G6238" s="16">
        <v>0</v>
      </c>
    </row>
    <row r="6239" spans="1:7" x14ac:dyDescent="0.3">
      <c r="A6239" s="13" t="s">
        <v>58</v>
      </c>
      <c r="B6239" s="14" t="s">
        <v>1</v>
      </c>
      <c r="C6239" s="14" t="s">
        <v>59</v>
      </c>
      <c r="D6239" s="14" t="s">
        <v>60</v>
      </c>
      <c r="E6239" s="15">
        <v>45410</v>
      </c>
      <c r="F6239" s="14" t="s">
        <v>61</v>
      </c>
      <c r="G6239" s="16">
        <v>0</v>
      </c>
    </row>
    <row r="6240" spans="1:7" x14ac:dyDescent="0.3">
      <c r="A6240" s="13" t="s">
        <v>58</v>
      </c>
      <c r="B6240" s="14" t="s">
        <v>1</v>
      </c>
      <c r="C6240" s="14" t="s">
        <v>59</v>
      </c>
      <c r="D6240" s="14" t="s">
        <v>60</v>
      </c>
      <c r="E6240" s="15">
        <v>45411</v>
      </c>
      <c r="F6240" s="14" t="s">
        <v>61</v>
      </c>
      <c r="G6240" s="16">
        <v>0</v>
      </c>
    </row>
    <row r="6241" spans="1:7" x14ac:dyDescent="0.3">
      <c r="A6241" s="13" t="s">
        <v>58</v>
      </c>
      <c r="B6241" s="14" t="s">
        <v>1</v>
      </c>
      <c r="C6241" s="14" t="s">
        <v>59</v>
      </c>
      <c r="D6241" s="14" t="s">
        <v>60</v>
      </c>
      <c r="E6241" s="15">
        <v>45412</v>
      </c>
      <c r="F6241" s="14" t="s">
        <v>61</v>
      </c>
      <c r="G6241" s="16">
        <v>0</v>
      </c>
    </row>
    <row r="6242" spans="1:7" x14ac:dyDescent="0.3">
      <c r="A6242" s="13" t="s">
        <v>58</v>
      </c>
      <c r="B6242" s="14" t="s">
        <v>1</v>
      </c>
      <c r="C6242" s="14" t="s">
        <v>59</v>
      </c>
      <c r="D6242" s="14" t="s">
        <v>60</v>
      </c>
      <c r="E6242" s="15">
        <v>45413</v>
      </c>
      <c r="F6242" s="14" t="s">
        <v>61</v>
      </c>
      <c r="G6242" s="16">
        <v>0</v>
      </c>
    </row>
    <row r="6243" spans="1:7" x14ac:dyDescent="0.3">
      <c r="A6243" s="13" t="s">
        <v>58</v>
      </c>
      <c r="B6243" s="14" t="s">
        <v>1</v>
      </c>
      <c r="C6243" s="14" t="s">
        <v>59</v>
      </c>
      <c r="D6243" s="14" t="s">
        <v>60</v>
      </c>
      <c r="E6243" s="15">
        <v>45414</v>
      </c>
      <c r="F6243" s="14" t="s">
        <v>61</v>
      </c>
      <c r="G6243" s="16">
        <v>0</v>
      </c>
    </row>
    <row r="6244" spans="1:7" x14ac:dyDescent="0.3">
      <c r="A6244" s="13" t="s">
        <v>58</v>
      </c>
      <c r="B6244" s="14" t="s">
        <v>1</v>
      </c>
      <c r="C6244" s="14" t="s">
        <v>59</v>
      </c>
      <c r="D6244" s="14" t="s">
        <v>60</v>
      </c>
      <c r="E6244" s="15">
        <v>45415</v>
      </c>
      <c r="F6244" s="14" t="s">
        <v>61</v>
      </c>
      <c r="G6244" s="16">
        <v>0</v>
      </c>
    </row>
    <row r="6245" spans="1:7" x14ac:dyDescent="0.3">
      <c r="A6245" s="13" t="s">
        <v>58</v>
      </c>
      <c r="B6245" s="14" t="s">
        <v>1</v>
      </c>
      <c r="C6245" s="14" t="s">
        <v>59</v>
      </c>
      <c r="D6245" s="14" t="s">
        <v>60</v>
      </c>
      <c r="E6245" s="15">
        <v>45416</v>
      </c>
      <c r="F6245" s="14" t="s">
        <v>61</v>
      </c>
      <c r="G6245" s="16">
        <v>0</v>
      </c>
    </row>
    <row r="6246" spans="1:7" x14ac:dyDescent="0.3">
      <c r="A6246" s="13" t="s">
        <v>58</v>
      </c>
      <c r="B6246" s="14" t="s">
        <v>1</v>
      </c>
      <c r="C6246" s="14" t="s">
        <v>59</v>
      </c>
      <c r="D6246" s="14" t="s">
        <v>60</v>
      </c>
      <c r="E6246" s="15">
        <v>45417</v>
      </c>
      <c r="F6246" s="14" t="s">
        <v>61</v>
      </c>
      <c r="G6246" s="16">
        <v>0</v>
      </c>
    </row>
    <row r="6247" spans="1:7" x14ac:dyDescent="0.3">
      <c r="A6247" s="13" t="s">
        <v>58</v>
      </c>
      <c r="B6247" s="14" t="s">
        <v>1</v>
      </c>
      <c r="C6247" s="14" t="s">
        <v>59</v>
      </c>
      <c r="D6247" s="14" t="s">
        <v>60</v>
      </c>
      <c r="E6247" s="15">
        <v>45418</v>
      </c>
      <c r="F6247" s="14" t="s">
        <v>61</v>
      </c>
      <c r="G6247" s="16">
        <v>0</v>
      </c>
    </row>
    <row r="6248" spans="1:7" x14ac:dyDescent="0.3">
      <c r="A6248" s="13" t="s">
        <v>58</v>
      </c>
      <c r="B6248" s="14" t="s">
        <v>1</v>
      </c>
      <c r="C6248" s="14" t="s">
        <v>59</v>
      </c>
      <c r="D6248" s="14" t="s">
        <v>60</v>
      </c>
      <c r="E6248" s="15">
        <v>45419</v>
      </c>
      <c r="F6248" s="14" t="s">
        <v>61</v>
      </c>
      <c r="G6248" s="16">
        <v>0</v>
      </c>
    </row>
    <row r="6249" spans="1:7" x14ac:dyDescent="0.3">
      <c r="A6249" s="13" t="s">
        <v>58</v>
      </c>
      <c r="B6249" s="14" t="s">
        <v>1</v>
      </c>
      <c r="C6249" s="14" t="s">
        <v>59</v>
      </c>
      <c r="D6249" s="14" t="s">
        <v>60</v>
      </c>
      <c r="E6249" s="15">
        <v>45420</v>
      </c>
      <c r="F6249" s="14" t="s">
        <v>61</v>
      </c>
      <c r="G6249" s="16">
        <v>0</v>
      </c>
    </row>
    <row r="6250" spans="1:7" x14ac:dyDescent="0.3">
      <c r="A6250" s="13" t="s">
        <v>58</v>
      </c>
      <c r="B6250" s="14" t="s">
        <v>1</v>
      </c>
      <c r="C6250" s="14" t="s">
        <v>59</v>
      </c>
      <c r="D6250" s="14" t="s">
        <v>60</v>
      </c>
      <c r="E6250" s="15">
        <v>45421</v>
      </c>
      <c r="F6250" s="14" t="s">
        <v>61</v>
      </c>
      <c r="G6250" s="16">
        <v>0</v>
      </c>
    </row>
    <row r="6251" spans="1:7" x14ac:dyDescent="0.3">
      <c r="A6251" s="13" t="s">
        <v>58</v>
      </c>
      <c r="B6251" s="14" t="s">
        <v>1</v>
      </c>
      <c r="C6251" s="14" t="s">
        <v>59</v>
      </c>
      <c r="D6251" s="14" t="s">
        <v>60</v>
      </c>
      <c r="E6251" s="15">
        <v>45422</v>
      </c>
      <c r="F6251" s="14" t="s">
        <v>61</v>
      </c>
      <c r="G6251" s="16">
        <v>0</v>
      </c>
    </row>
    <row r="6252" spans="1:7" x14ac:dyDescent="0.3">
      <c r="A6252" s="13" t="s">
        <v>58</v>
      </c>
      <c r="B6252" s="14" t="s">
        <v>1</v>
      </c>
      <c r="C6252" s="14" t="s">
        <v>59</v>
      </c>
      <c r="D6252" s="14" t="s">
        <v>60</v>
      </c>
      <c r="E6252" s="15">
        <v>45423</v>
      </c>
      <c r="F6252" s="14" t="s">
        <v>61</v>
      </c>
      <c r="G6252" s="16">
        <v>0</v>
      </c>
    </row>
    <row r="6253" spans="1:7" x14ac:dyDescent="0.3">
      <c r="A6253" s="13" t="s">
        <v>58</v>
      </c>
      <c r="B6253" s="14" t="s">
        <v>1</v>
      </c>
      <c r="C6253" s="14" t="s">
        <v>59</v>
      </c>
      <c r="D6253" s="14" t="s">
        <v>60</v>
      </c>
      <c r="E6253" s="15">
        <v>45424</v>
      </c>
      <c r="F6253" s="14" t="s">
        <v>61</v>
      </c>
      <c r="G6253" s="16">
        <v>0</v>
      </c>
    </row>
    <row r="6254" spans="1:7" x14ac:dyDescent="0.3">
      <c r="A6254" s="13" t="s">
        <v>58</v>
      </c>
      <c r="B6254" s="14" t="s">
        <v>1</v>
      </c>
      <c r="C6254" s="14" t="s">
        <v>59</v>
      </c>
      <c r="D6254" s="14" t="s">
        <v>60</v>
      </c>
      <c r="E6254" s="15">
        <v>45425</v>
      </c>
      <c r="F6254" s="14" t="s">
        <v>61</v>
      </c>
      <c r="G6254" s="16">
        <v>0</v>
      </c>
    </row>
    <row r="6255" spans="1:7" x14ac:dyDescent="0.3">
      <c r="A6255" s="13" t="s">
        <v>58</v>
      </c>
      <c r="B6255" s="14" t="s">
        <v>1</v>
      </c>
      <c r="C6255" s="14" t="s">
        <v>59</v>
      </c>
      <c r="D6255" s="14" t="s">
        <v>60</v>
      </c>
      <c r="E6255" s="15">
        <v>45426</v>
      </c>
      <c r="F6255" s="14" t="s">
        <v>61</v>
      </c>
      <c r="G6255" s="16">
        <v>0</v>
      </c>
    </row>
    <row r="6256" spans="1:7" x14ac:dyDescent="0.3">
      <c r="A6256" s="13" t="s">
        <v>58</v>
      </c>
      <c r="B6256" s="14" t="s">
        <v>1</v>
      </c>
      <c r="C6256" s="14" t="s">
        <v>59</v>
      </c>
      <c r="D6256" s="14" t="s">
        <v>60</v>
      </c>
      <c r="E6256" s="15">
        <v>45427</v>
      </c>
      <c r="F6256" s="14" t="s">
        <v>61</v>
      </c>
      <c r="G6256" s="16">
        <v>0</v>
      </c>
    </row>
    <row r="6257" spans="1:7" x14ac:dyDescent="0.3">
      <c r="A6257" s="13" t="s">
        <v>58</v>
      </c>
      <c r="B6257" s="14" t="s">
        <v>1</v>
      </c>
      <c r="C6257" s="14" t="s">
        <v>59</v>
      </c>
      <c r="D6257" s="14" t="s">
        <v>60</v>
      </c>
      <c r="E6257" s="15">
        <v>45428</v>
      </c>
      <c r="F6257" s="14" t="s">
        <v>61</v>
      </c>
      <c r="G6257" s="16">
        <v>0</v>
      </c>
    </row>
    <row r="6258" spans="1:7" x14ac:dyDescent="0.3">
      <c r="A6258" s="13" t="s">
        <v>58</v>
      </c>
      <c r="B6258" s="14" t="s">
        <v>1</v>
      </c>
      <c r="C6258" s="14" t="s">
        <v>59</v>
      </c>
      <c r="D6258" s="14" t="s">
        <v>60</v>
      </c>
      <c r="E6258" s="15">
        <v>45429</v>
      </c>
      <c r="F6258" s="14" t="s">
        <v>61</v>
      </c>
      <c r="G6258" s="16">
        <v>8.9654563506855217E-2</v>
      </c>
    </row>
    <row r="6259" spans="1:7" x14ac:dyDescent="0.3">
      <c r="A6259" s="13" t="s">
        <v>58</v>
      </c>
      <c r="B6259" s="14" t="s">
        <v>1</v>
      </c>
      <c r="C6259" s="14" t="s">
        <v>59</v>
      </c>
      <c r="D6259" s="14" t="s">
        <v>60</v>
      </c>
      <c r="E6259" s="15">
        <v>45430</v>
      </c>
      <c r="F6259" s="14" t="s">
        <v>61</v>
      </c>
      <c r="G6259" s="16">
        <v>8.9654563506855217E-2</v>
      </c>
    </row>
    <row r="6260" spans="1:7" x14ac:dyDescent="0.3">
      <c r="A6260" s="13" t="s">
        <v>58</v>
      </c>
      <c r="B6260" s="14" t="s">
        <v>1</v>
      </c>
      <c r="C6260" s="14" t="s">
        <v>59</v>
      </c>
      <c r="D6260" s="14" t="s">
        <v>60</v>
      </c>
      <c r="E6260" s="15">
        <v>45431</v>
      </c>
      <c r="F6260" s="14" t="s">
        <v>61</v>
      </c>
      <c r="G6260" s="16">
        <v>8.9654563506855217E-2</v>
      </c>
    </row>
    <row r="6261" spans="1:7" x14ac:dyDescent="0.3">
      <c r="A6261" s="13" t="s">
        <v>58</v>
      </c>
      <c r="B6261" s="14" t="s">
        <v>1</v>
      </c>
      <c r="C6261" s="14" t="s">
        <v>59</v>
      </c>
      <c r="D6261" s="14" t="s">
        <v>60</v>
      </c>
      <c r="E6261" s="15">
        <v>45432</v>
      </c>
      <c r="F6261" s="14" t="s">
        <v>61</v>
      </c>
      <c r="G6261" s="16">
        <v>8.9654563506855217E-2</v>
      </c>
    </row>
    <row r="6262" spans="1:7" x14ac:dyDescent="0.3">
      <c r="A6262" s="13" t="s">
        <v>58</v>
      </c>
      <c r="B6262" s="14" t="s">
        <v>1</v>
      </c>
      <c r="C6262" s="14" t="s">
        <v>59</v>
      </c>
      <c r="D6262" s="14" t="s">
        <v>60</v>
      </c>
      <c r="E6262" s="15">
        <v>45433</v>
      </c>
      <c r="F6262" s="14" t="s">
        <v>61</v>
      </c>
      <c r="G6262" s="16">
        <v>8.7060260322174732E-2</v>
      </c>
    </row>
    <row r="6263" spans="1:7" x14ac:dyDescent="0.3">
      <c r="A6263" s="13" t="s">
        <v>58</v>
      </c>
      <c r="B6263" s="14" t="s">
        <v>1</v>
      </c>
      <c r="C6263" s="14" t="s">
        <v>59</v>
      </c>
      <c r="D6263" s="14" t="s">
        <v>60</v>
      </c>
      <c r="E6263" s="15">
        <v>45434</v>
      </c>
      <c r="F6263" s="14" t="s">
        <v>61</v>
      </c>
      <c r="G6263" s="16">
        <v>7.6232940192109855E-2</v>
      </c>
    </row>
    <row r="6264" spans="1:7" x14ac:dyDescent="0.3">
      <c r="A6264" s="13" t="s">
        <v>58</v>
      </c>
      <c r="B6264" s="14" t="s">
        <v>1</v>
      </c>
      <c r="C6264" s="14" t="s">
        <v>59</v>
      </c>
      <c r="D6264" s="14" t="s">
        <v>60</v>
      </c>
      <c r="E6264" s="15">
        <v>45435</v>
      </c>
      <c r="F6264" s="14" t="s">
        <v>61</v>
      </c>
      <c r="G6264" s="16">
        <v>7.3544126639175172E-2</v>
      </c>
    </row>
    <row r="6265" spans="1:7" x14ac:dyDescent="0.3">
      <c r="A6265" s="13" t="s">
        <v>58</v>
      </c>
      <c r="B6265" s="14" t="s">
        <v>1</v>
      </c>
      <c r="C6265" s="14" t="s">
        <v>59</v>
      </c>
      <c r="D6265" s="14" t="s">
        <v>60</v>
      </c>
      <c r="E6265" s="15">
        <v>45436</v>
      </c>
      <c r="F6265" s="14" t="s">
        <v>61</v>
      </c>
      <c r="G6265" s="16">
        <v>7.0575658543573005E-2</v>
      </c>
    </row>
    <row r="6266" spans="1:7" x14ac:dyDescent="0.3">
      <c r="A6266" s="13" t="s">
        <v>58</v>
      </c>
      <c r="B6266" s="14" t="s">
        <v>1</v>
      </c>
      <c r="C6266" s="14" t="s">
        <v>59</v>
      </c>
      <c r="D6266" s="14" t="s">
        <v>60</v>
      </c>
      <c r="E6266" s="15">
        <v>45437</v>
      </c>
      <c r="F6266" s="14" t="s">
        <v>61</v>
      </c>
      <c r="G6266" s="16">
        <v>7.0575658543573005E-2</v>
      </c>
    </row>
    <row r="6267" spans="1:7" x14ac:dyDescent="0.3">
      <c r="A6267" s="13" t="s">
        <v>58</v>
      </c>
      <c r="B6267" s="14" t="s">
        <v>1</v>
      </c>
      <c r="C6267" s="14" t="s">
        <v>59</v>
      </c>
      <c r="D6267" s="14" t="s">
        <v>60</v>
      </c>
      <c r="E6267" s="15">
        <v>45438</v>
      </c>
      <c r="F6267" s="14" t="s">
        <v>61</v>
      </c>
      <c r="G6267" s="16">
        <v>7.0575658543573005E-2</v>
      </c>
    </row>
    <row r="6268" spans="1:7" x14ac:dyDescent="0.3">
      <c r="A6268" s="13" t="s">
        <v>58</v>
      </c>
      <c r="B6268" s="14" t="s">
        <v>1</v>
      </c>
      <c r="C6268" s="14" t="s">
        <v>59</v>
      </c>
      <c r="D6268" s="14" t="s">
        <v>60</v>
      </c>
      <c r="E6268" s="15">
        <v>45439</v>
      </c>
      <c r="F6268" s="14" t="s">
        <v>61</v>
      </c>
      <c r="G6268" s="16">
        <v>6.7784570350299084E-2</v>
      </c>
    </row>
    <row r="6269" spans="1:7" x14ac:dyDescent="0.3">
      <c r="A6269" s="13" t="s">
        <v>58</v>
      </c>
      <c r="B6269" s="14" t="s">
        <v>1</v>
      </c>
      <c r="C6269" s="14" t="s">
        <v>59</v>
      </c>
      <c r="D6269" s="14" t="s">
        <v>60</v>
      </c>
      <c r="E6269" s="15">
        <v>45440</v>
      </c>
      <c r="F6269" s="14" t="s">
        <v>61</v>
      </c>
      <c r="G6269" s="16">
        <v>5.9544655759256632E-2</v>
      </c>
    </row>
    <row r="6270" spans="1:7" x14ac:dyDescent="0.3">
      <c r="A6270" s="13" t="s">
        <v>58</v>
      </c>
      <c r="B6270" s="14" t="s">
        <v>1</v>
      </c>
      <c r="C6270" s="14" t="s">
        <v>59</v>
      </c>
      <c r="D6270" s="14" t="s">
        <v>60</v>
      </c>
      <c r="E6270" s="15">
        <v>45441</v>
      </c>
      <c r="F6270" s="14" t="s">
        <v>61</v>
      </c>
      <c r="G6270" s="16">
        <v>5.7098048235718242E-2</v>
      </c>
    </row>
    <row r="6271" spans="1:7" x14ac:dyDescent="0.3">
      <c r="A6271" s="13" t="s">
        <v>58</v>
      </c>
      <c r="B6271" s="14" t="s">
        <v>1</v>
      </c>
      <c r="C6271" s="14" t="s">
        <v>59</v>
      </c>
      <c r="D6271" s="14" t="s">
        <v>60</v>
      </c>
      <c r="E6271" s="15">
        <v>45442</v>
      </c>
      <c r="F6271" s="14" t="s">
        <v>61</v>
      </c>
      <c r="G6271" s="16">
        <v>5.4192079459762642E-2</v>
      </c>
    </row>
    <row r="6272" spans="1:7" x14ac:dyDescent="0.3">
      <c r="A6272" s="13" t="s">
        <v>58</v>
      </c>
      <c r="B6272" s="14" t="s">
        <v>1</v>
      </c>
      <c r="C6272" s="14" t="s">
        <v>59</v>
      </c>
      <c r="D6272" s="14" t="s">
        <v>60</v>
      </c>
      <c r="E6272" s="15">
        <v>45443</v>
      </c>
      <c r="F6272" s="14" t="s">
        <v>61</v>
      </c>
      <c r="G6272" s="16">
        <v>5.1428798311470625E-2</v>
      </c>
    </row>
    <row r="6273" spans="1:7" x14ac:dyDescent="0.3">
      <c r="A6273" s="13" t="s">
        <v>58</v>
      </c>
      <c r="B6273" s="14" t="s">
        <v>1</v>
      </c>
      <c r="C6273" s="14" t="s">
        <v>59</v>
      </c>
      <c r="D6273" s="14" t="s">
        <v>60</v>
      </c>
      <c r="E6273" s="15">
        <v>45444</v>
      </c>
      <c r="F6273" s="14" t="s">
        <v>61</v>
      </c>
      <c r="G6273" s="16">
        <v>5.1428798311470625E-2</v>
      </c>
    </row>
    <row r="6274" spans="1:7" x14ac:dyDescent="0.3">
      <c r="A6274" s="13" t="s">
        <v>58</v>
      </c>
      <c r="B6274" s="14" t="s">
        <v>1</v>
      </c>
      <c r="C6274" s="14" t="s">
        <v>59</v>
      </c>
      <c r="D6274" s="14" t="s">
        <v>60</v>
      </c>
      <c r="E6274" s="15">
        <v>45445</v>
      </c>
      <c r="F6274" s="14" t="s">
        <v>61</v>
      </c>
      <c r="G6274" s="16">
        <v>5.1428798311470625E-2</v>
      </c>
    </row>
    <row r="6275" spans="1:7" x14ac:dyDescent="0.3">
      <c r="A6275" s="13" t="s">
        <v>58</v>
      </c>
      <c r="B6275" s="14" t="s">
        <v>1</v>
      </c>
      <c r="C6275" s="14" t="s">
        <v>59</v>
      </c>
      <c r="D6275" s="14" t="s">
        <v>60</v>
      </c>
      <c r="E6275" s="15">
        <v>45446</v>
      </c>
      <c r="F6275" s="14" t="s">
        <v>61</v>
      </c>
      <c r="G6275" s="16">
        <v>5.1428798311470625E-2</v>
      </c>
    </row>
    <row r="6276" spans="1:7" x14ac:dyDescent="0.3">
      <c r="A6276" s="13" t="s">
        <v>58</v>
      </c>
      <c r="B6276" s="14" t="s">
        <v>1</v>
      </c>
      <c r="C6276" s="14" t="s">
        <v>59</v>
      </c>
      <c r="D6276" s="14" t="s">
        <v>60</v>
      </c>
      <c r="E6276" s="15">
        <v>45447</v>
      </c>
      <c r="F6276" s="14" t="s">
        <v>61</v>
      </c>
      <c r="G6276" s="16">
        <v>4.8543711721554694E-2</v>
      </c>
    </row>
    <row r="6277" spans="1:7" x14ac:dyDescent="0.3">
      <c r="A6277" s="13" t="s">
        <v>58</v>
      </c>
      <c r="B6277" s="14" t="s">
        <v>1</v>
      </c>
      <c r="C6277" s="14" t="s">
        <v>59</v>
      </c>
      <c r="D6277" s="14" t="s">
        <v>60</v>
      </c>
      <c r="E6277" s="15">
        <v>45448</v>
      </c>
      <c r="F6277" s="14" t="s">
        <v>61</v>
      </c>
      <c r="G6277" s="16">
        <v>0.10461003979186113</v>
      </c>
    </row>
    <row r="6278" spans="1:7" x14ac:dyDescent="0.3">
      <c r="A6278" s="13" t="s">
        <v>58</v>
      </c>
      <c r="B6278" s="14" t="s">
        <v>1</v>
      </c>
      <c r="C6278" s="14" t="s">
        <v>59</v>
      </c>
      <c r="D6278" s="14" t="s">
        <v>60</v>
      </c>
      <c r="E6278" s="15">
        <v>45449</v>
      </c>
      <c r="F6278" s="14" t="s">
        <v>61</v>
      </c>
      <c r="G6278" s="16">
        <v>0.10167824151620217</v>
      </c>
    </row>
    <row r="6279" spans="1:7" x14ac:dyDescent="0.3">
      <c r="A6279" s="13" t="s">
        <v>58</v>
      </c>
      <c r="B6279" s="14" t="s">
        <v>1</v>
      </c>
      <c r="C6279" s="14" t="s">
        <v>59</v>
      </c>
      <c r="D6279" s="14" t="s">
        <v>60</v>
      </c>
      <c r="E6279" s="15">
        <v>45450</v>
      </c>
      <c r="F6279" s="14" t="s">
        <v>61</v>
      </c>
      <c r="G6279" s="16">
        <v>9.9740370505718365E-2</v>
      </c>
    </row>
    <row r="6280" spans="1:7" x14ac:dyDescent="0.3">
      <c r="A6280" s="13" t="s">
        <v>58</v>
      </c>
      <c r="B6280" s="14" t="s">
        <v>1</v>
      </c>
      <c r="C6280" s="14" t="s">
        <v>59</v>
      </c>
      <c r="D6280" s="14" t="s">
        <v>60</v>
      </c>
      <c r="E6280" s="15">
        <v>45451</v>
      </c>
      <c r="F6280" s="14" t="s">
        <v>61</v>
      </c>
      <c r="G6280" s="16">
        <v>9.9740370505718365E-2</v>
      </c>
    </row>
    <row r="6281" spans="1:7" x14ac:dyDescent="0.3">
      <c r="A6281" s="13" t="s">
        <v>58</v>
      </c>
      <c r="B6281" s="14" t="s">
        <v>1</v>
      </c>
      <c r="C6281" s="14" t="s">
        <v>59</v>
      </c>
      <c r="D6281" s="14" t="s">
        <v>60</v>
      </c>
      <c r="E6281" s="15">
        <v>45452</v>
      </c>
      <c r="F6281" s="14" t="s">
        <v>61</v>
      </c>
      <c r="G6281" s="16">
        <v>9.9740370505718365E-2</v>
      </c>
    </row>
    <row r="6282" spans="1:7" x14ac:dyDescent="0.3">
      <c r="A6282" s="13" t="s">
        <v>58</v>
      </c>
      <c r="B6282" s="14" t="s">
        <v>1</v>
      </c>
      <c r="C6282" s="14" t="s">
        <v>59</v>
      </c>
      <c r="D6282" s="14" t="s">
        <v>60</v>
      </c>
      <c r="E6282" s="15">
        <v>45453</v>
      </c>
      <c r="F6282" s="14" t="s">
        <v>61</v>
      </c>
      <c r="G6282" s="16">
        <v>9.7293607093449405E-2</v>
      </c>
    </row>
    <row r="6283" spans="1:7" x14ac:dyDescent="0.3">
      <c r="A6283" s="13" t="s">
        <v>58</v>
      </c>
      <c r="B6283" s="14" t="s">
        <v>1</v>
      </c>
      <c r="C6283" s="14" t="s">
        <v>59</v>
      </c>
      <c r="D6283" s="14" t="s">
        <v>60</v>
      </c>
      <c r="E6283" s="15">
        <v>45454</v>
      </c>
      <c r="F6283" s="14" t="s">
        <v>61</v>
      </c>
      <c r="G6283" s="16">
        <v>8.9170039674434515E-2</v>
      </c>
    </row>
    <row r="6284" spans="1:7" x14ac:dyDescent="0.3">
      <c r="A6284" s="13" t="s">
        <v>58</v>
      </c>
      <c r="B6284" s="14" t="s">
        <v>1</v>
      </c>
      <c r="C6284" s="14" t="s">
        <v>59</v>
      </c>
      <c r="D6284" s="14" t="s">
        <v>60</v>
      </c>
      <c r="E6284" s="15">
        <v>45455</v>
      </c>
      <c r="F6284" s="14" t="s">
        <v>61</v>
      </c>
      <c r="G6284" s="16">
        <v>8.5869103856386172E-2</v>
      </c>
    </row>
    <row r="6285" spans="1:7" x14ac:dyDescent="0.3">
      <c r="A6285" s="13" t="s">
        <v>58</v>
      </c>
      <c r="B6285" s="14" t="s">
        <v>1</v>
      </c>
      <c r="C6285" s="14" t="s">
        <v>59</v>
      </c>
      <c r="D6285" s="14" t="s">
        <v>60</v>
      </c>
      <c r="E6285" s="15">
        <v>45456</v>
      </c>
      <c r="F6285" s="14" t="s">
        <v>61</v>
      </c>
      <c r="G6285" s="16">
        <v>8.3702948704000302E-2</v>
      </c>
    </row>
    <row r="6286" spans="1:7" x14ac:dyDescent="0.3">
      <c r="A6286" s="13" t="s">
        <v>58</v>
      </c>
      <c r="B6286" s="14" t="s">
        <v>1</v>
      </c>
      <c r="C6286" s="14" t="s">
        <v>59</v>
      </c>
      <c r="D6286" s="14" t="s">
        <v>60</v>
      </c>
      <c r="E6286" s="15">
        <v>45457</v>
      </c>
      <c r="F6286" s="14" t="s">
        <v>61</v>
      </c>
      <c r="G6286" s="16">
        <v>0.13185112524016127</v>
      </c>
    </row>
    <row r="6287" spans="1:7" x14ac:dyDescent="0.3">
      <c r="A6287" s="13" t="s">
        <v>58</v>
      </c>
      <c r="B6287" s="14" t="s">
        <v>1</v>
      </c>
      <c r="C6287" s="14" t="s">
        <v>59</v>
      </c>
      <c r="D6287" s="14" t="s">
        <v>60</v>
      </c>
      <c r="E6287" s="15">
        <v>45458</v>
      </c>
      <c r="F6287" s="14" t="s">
        <v>61</v>
      </c>
      <c r="G6287" s="16">
        <v>0.13185112524016127</v>
      </c>
    </row>
    <row r="6288" spans="1:7" x14ac:dyDescent="0.3">
      <c r="A6288" s="13" t="s">
        <v>58</v>
      </c>
      <c r="B6288" s="14" t="s">
        <v>1</v>
      </c>
      <c r="C6288" s="14" t="s">
        <v>59</v>
      </c>
      <c r="D6288" s="14" t="s">
        <v>60</v>
      </c>
      <c r="E6288" s="15">
        <v>45459</v>
      </c>
      <c r="F6288" s="14" t="s">
        <v>61</v>
      </c>
      <c r="G6288" s="16">
        <v>0.13185112524016127</v>
      </c>
    </row>
    <row r="6289" spans="1:7" x14ac:dyDescent="0.3">
      <c r="A6289" s="13" t="s">
        <v>58</v>
      </c>
      <c r="B6289" s="14" t="s">
        <v>1</v>
      </c>
      <c r="C6289" s="14" t="s">
        <v>59</v>
      </c>
      <c r="D6289" s="14" t="s">
        <v>60</v>
      </c>
      <c r="E6289" s="15">
        <v>45460</v>
      </c>
      <c r="F6289" s="14" t="s">
        <v>61</v>
      </c>
      <c r="G6289" s="16">
        <v>0.12868674768998142</v>
      </c>
    </row>
    <row r="6290" spans="1:7" x14ac:dyDescent="0.3">
      <c r="A6290" s="13" t="s">
        <v>58</v>
      </c>
      <c r="B6290" s="14" t="s">
        <v>1</v>
      </c>
      <c r="C6290" s="14" t="s">
        <v>59</v>
      </c>
      <c r="D6290" s="14" t="s">
        <v>60</v>
      </c>
      <c r="E6290" s="15">
        <v>45461</v>
      </c>
      <c r="F6290" s="14" t="s">
        <v>61</v>
      </c>
      <c r="G6290" s="16">
        <v>0.12027785676031151</v>
      </c>
    </row>
    <row r="6291" spans="1:7" x14ac:dyDescent="0.3">
      <c r="A6291" s="13" t="s">
        <v>58</v>
      </c>
      <c r="B6291" s="14" t="s">
        <v>1</v>
      </c>
      <c r="C6291" s="14" t="s">
        <v>59</v>
      </c>
      <c r="D6291" s="14" t="s">
        <v>60</v>
      </c>
      <c r="E6291" s="15">
        <v>45462</v>
      </c>
      <c r="F6291" s="14" t="s">
        <v>61</v>
      </c>
      <c r="G6291" s="16">
        <v>0.11745658917095959</v>
      </c>
    </row>
    <row r="6292" spans="1:7" x14ac:dyDescent="0.3">
      <c r="A6292" s="13" t="s">
        <v>58</v>
      </c>
      <c r="B6292" s="14" t="s">
        <v>1</v>
      </c>
      <c r="C6292" s="14" t="s">
        <v>59</v>
      </c>
      <c r="D6292" s="14" t="s">
        <v>60</v>
      </c>
      <c r="E6292" s="15">
        <v>45463</v>
      </c>
      <c r="F6292" s="14" t="s">
        <v>61</v>
      </c>
      <c r="G6292" s="16">
        <v>0.11512546108860132</v>
      </c>
    </row>
    <row r="6293" spans="1:7" x14ac:dyDescent="0.3">
      <c r="A6293" s="13" t="s">
        <v>58</v>
      </c>
      <c r="B6293" s="14" t="s">
        <v>1</v>
      </c>
      <c r="C6293" s="14" t="s">
        <v>59</v>
      </c>
      <c r="D6293" s="14" t="s">
        <v>60</v>
      </c>
      <c r="E6293" s="15">
        <v>45464</v>
      </c>
      <c r="F6293" s="14" t="s">
        <v>61</v>
      </c>
      <c r="G6293" s="16">
        <v>0.11241609661490076</v>
      </c>
    </row>
    <row r="6294" spans="1:7" x14ac:dyDescent="0.3">
      <c r="A6294" s="13" t="s">
        <v>58</v>
      </c>
      <c r="B6294" s="14" t="s">
        <v>1</v>
      </c>
      <c r="C6294" s="14" t="s">
        <v>59</v>
      </c>
      <c r="D6294" s="14" t="s">
        <v>60</v>
      </c>
      <c r="E6294" s="15">
        <v>45465</v>
      </c>
      <c r="F6294" s="14" t="s">
        <v>61</v>
      </c>
      <c r="G6294" s="16">
        <v>0.11241609661490076</v>
      </c>
    </row>
    <row r="6295" spans="1:7" x14ac:dyDescent="0.3">
      <c r="A6295" s="13" t="s">
        <v>58</v>
      </c>
      <c r="B6295" s="14" t="s">
        <v>1</v>
      </c>
      <c r="C6295" s="14" t="s">
        <v>59</v>
      </c>
      <c r="D6295" s="14" t="s">
        <v>60</v>
      </c>
      <c r="E6295" s="15">
        <v>45466</v>
      </c>
      <c r="F6295" s="14" t="s">
        <v>61</v>
      </c>
      <c r="G6295" s="16">
        <v>0.11241609661490076</v>
      </c>
    </row>
    <row r="6296" spans="1:7" x14ac:dyDescent="0.3">
      <c r="A6296" s="13" t="s">
        <v>58</v>
      </c>
      <c r="B6296" s="14" t="s">
        <v>1</v>
      </c>
      <c r="C6296" s="14" t="s">
        <v>59</v>
      </c>
      <c r="D6296" s="14" t="s">
        <v>60</v>
      </c>
      <c r="E6296" s="15">
        <v>45467</v>
      </c>
      <c r="F6296" s="14" t="s">
        <v>61</v>
      </c>
      <c r="G6296" s="16">
        <v>0.10921522461977642</v>
      </c>
    </row>
    <row r="6297" spans="1:7" x14ac:dyDescent="0.3">
      <c r="A6297" s="13" t="s">
        <v>58</v>
      </c>
      <c r="B6297" s="14" t="s">
        <v>1</v>
      </c>
      <c r="C6297" s="14" t="s">
        <v>59</v>
      </c>
      <c r="D6297" s="14" t="s">
        <v>60</v>
      </c>
      <c r="E6297" s="15">
        <v>45468</v>
      </c>
      <c r="F6297" s="14" t="s">
        <v>61</v>
      </c>
      <c r="G6297" s="16">
        <v>0.10103300167590167</v>
      </c>
    </row>
    <row r="6298" spans="1:7" x14ac:dyDescent="0.3">
      <c r="A6298" s="13" t="s">
        <v>58</v>
      </c>
      <c r="B6298" s="14" t="s">
        <v>1</v>
      </c>
      <c r="C6298" s="14" t="s">
        <v>59</v>
      </c>
      <c r="D6298" s="14" t="s">
        <v>60</v>
      </c>
      <c r="E6298" s="15">
        <v>45469</v>
      </c>
      <c r="F6298" s="14" t="s">
        <v>61</v>
      </c>
      <c r="G6298" s="16">
        <v>9.8556470535443363E-2</v>
      </c>
    </row>
    <row r="6299" spans="1:7" x14ac:dyDescent="0.3">
      <c r="A6299" s="13" t="s">
        <v>58</v>
      </c>
      <c r="B6299" s="14" t="s">
        <v>1</v>
      </c>
      <c r="C6299" s="14" t="s">
        <v>59</v>
      </c>
      <c r="D6299" s="14" t="s">
        <v>60</v>
      </c>
      <c r="E6299" s="15">
        <v>45470</v>
      </c>
      <c r="F6299" s="14" t="s">
        <v>61</v>
      </c>
      <c r="G6299" s="16">
        <v>9.5552829020919869E-2</v>
      </c>
    </row>
    <row r="6300" spans="1:7" x14ac:dyDescent="0.3">
      <c r="A6300" s="13" t="s">
        <v>58</v>
      </c>
      <c r="B6300" s="14" t="s">
        <v>1</v>
      </c>
      <c r="C6300" s="14" t="s">
        <v>59</v>
      </c>
      <c r="D6300" s="14" t="s">
        <v>60</v>
      </c>
      <c r="E6300" s="15">
        <v>45471</v>
      </c>
      <c r="F6300" s="14" t="s">
        <v>61</v>
      </c>
      <c r="G6300" s="16">
        <v>9.2680007950332072E-2</v>
      </c>
    </row>
    <row r="6301" spans="1:7" x14ac:dyDescent="0.3">
      <c r="A6301" s="13" t="s">
        <v>58</v>
      </c>
      <c r="B6301" s="14" t="s">
        <v>1</v>
      </c>
      <c r="C6301" s="14" t="s">
        <v>59</v>
      </c>
      <c r="D6301" s="14" t="s">
        <v>60</v>
      </c>
      <c r="E6301" s="15">
        <v>45472</v>
      </c>
      <c r="F6301" s="14" t="s">
        <v>61</v>
      </c>
      <c r="G6301" s="16">
        <v>9.2680007950332072E-2</v>
      </c>
    </row>
    <row r="6302" spans="1:7" x14ac:dyDescent="0.3">
      <c r="A6302" s="13" t="s">
        <v>58</v>
      </c>
      <c r="B6302" s="14" t="s">
        <v>1</v>
      </c>
      <c r="C6302" s="14" t="s">
        <v>59</v>
      </c>
      <c r="D6302" s="14" t="s">
        <v>60</v>
      </c>
      <c r="E6302" s="15">
        <v>45473</v>
      </c>
      <c r="F6302" s="14" t="s">
        <v>61</v>
      </c>
      <c r="G6302" s="16">
        <v>9.2680007950332072E-2</v>
      </c>
    </row>
    <row r="6303" spans="1:7" x14ac:dyDescent="0.3">
      <c r="A6303" s="13" t="s">
        <v>58</v>
      </c>
      <c r="B6303" s="14" t="s">
        <v>1</v>
      </c>
      <c r="C6303" s="14" t="s">
        <v>59</v>
      </c>
      <c r="D6303" s="14" t="s">
        <v>60</v>
      </c>
      <c r="E6303" s="15">
        <v>45474</v>
      </c>
      <c r="F6303" s="14" t="s">
        <v>61</v>
      </c>
      <c r="G6303" s="16">
        <v>8.968450173593899E-2</v>
      </c>
    </row>
    <row r="6304" spans="1:7" x14ac:dyDescent="0.3">
      <c r="A6304" s="13" t="s">
        <v>58</v>
      </c>
      <c r="B6304" s="14" t="s">
        <v>1</v>
      </c>
      <c r="C6304" s="14" t="s">
        <v>59</v>
      </c>
      <c r="D6304" s="14" t="s">
        <v>60</v>
      </c>
      <c r="E6304" s="15">
        <v>45475</v>
      </c>
      <c r="F6304" s="14" t="s">
        <v>61</v>
      </c>
      <c r="G6304" s="16">
        <v>8.9390435642073329E-2</v>
      </c>
    </row>
    <row r="6305" spans="1:7" x14ac:dyDescent="0.3">
      <c r="A6305" s="13" t="s">
        <v>58</v>
      </c>
      <c r="B6305" s="14" t="s">
        <v>1</v>
      </c>
      <c r="C6305" s="14" t="s">
        <v>59</v>
      </c>
      <c r="D6305" s="14" t="s">
        <v>60</v>
      </c>
      <c r="E6305" s="15">
        <v>45476</v>
      </c>
      <c r="F6305" s="14" t="s">
        <v>61</v>
      </c>
      <c r="G6305" s="16">
        <v>8.6294470466793588E-2</v>
      </c>
    </row>
    <row r="6306" spans="1:7" x14ac:dyDescent="0.3">
      <c r="A6306" s="13" t="s">
        <v>58</v>
      </c>
      <c r="B6306" s="14" t="s">
        <v>1</v>
      </c>
      <c r="C6306" s="14" t="s">
        <v>59</v>
      </c>
      <c r="D6306" s="14" t="s">
        <v>60</v>
      </c>
      <c r="E6306" s="15">
        <v>45477</v>
      </c>
      <c r="F6306" s="14" t="s">
        <v>61</v>
      </c>
      <c r="G6306" s="16">
        <v>8.3334274260058405E-2</v>
      </c>
    </row>
    <row r="6307" spans="1:7" x14ac:dyDescent="0.3">
      <c r="A6307" s="13" t="s">
        <v>58</v>
      </c>
      <c r="B6307" s="14" t="s">
        <v>1</v>
      </c>
      <c r="C6307" s="14" t="s">
        <v>59</v>
      </c>
      <c r="D6307" s="14" t="s">
        <v>60</v>
      </c>
      <c r="E6307" s="15">
        <v>45478</v>
      </c>
      <c r="F6307" s="14" t="s">
        <v>61</v>
      </c>
      <c r="G6307" s="16">
        <v>8.0328580702049068E-2</v>
      </c>
    </row>
    <row r="6308" spans="1:7" x14ac:dyDescent="0.3">
      <c r="A6308" s="13" t="s">
        <v>58</v>
      </c>
      <c r="B6308" s="14" t="s">
        <v>1</v>
      </c>
      <c r="C6308" s="14" t="s">
        <v>59</v>
      </c>
      <c r="D6308" s="14" t="s">
        <v>60</v>
      </c>
      <c r="E6308" s="15">
        <v>45479</v>
      </c>
      <c r="F6308" s="14" t="s">
        <v>61</v>
      </c>
      <c r="G6308" s="16">
        <v>8.0328580702049068E-2</v>
      </c>
    </row>
    <row r="6309" spans="1:7" x14ac:dyDescent="0.3">
      <c r="A6309" s="13" t="s">
        <v>58</v>
      </c>
      <c r="B6309" s="14" t="s">
        <v>1</v>
      </c>
      <c r="C6309" s="14" t="s">
        <v>59</v>
      </c>
      <c r="D6309" s="14" t="s">
        <v>60</v>
      </c>
      <c r="E6309" s="15">
        <v>45480</v>
      </c>
      <c r="F6309" s="14" t="s">
        <v>61</v>
      </c>
      <c r="G6309" s="16">
        <v>8.0328580702049068E-2</v>
      </c>
    </row>
    <row r="6310" spans="1:7" x14ac:dyDescent="0.3">
      <c r="A6310" s="13" t="s">
        <v>58</v>
      </c>
      <c r="B6310" s="14" t="s">
        <v>1</v>
      </c>
      <c r="C6310" s="14" t="s">
        <v>59</v>
      </c>
      <c r="D6310" s="14" t="s">
        <v>60</v>
      </c>
      <c r="E6310" s="15">
        <v>45481</v>
      </c>
      <c r="F6310" s="14" t="s">
        <v>61</v>
      </c>
      <c r="G6310" s="16">
        <v>7.7636068174989373E-2</v>
      </c>
    </row>
    <row r="6311" spans="1:7" x14ac:dyDescent="0.3">
      <c r="A6311" s="13" t="s">
        <v>58</v>
      </c>
      <c r="B6311" s="14" t="s">
        <v>1</v>
      </c>
      <c r="C6311" s="14" t="s">
        <v>59</v>
      </c>
      <c r="D6311" s="14" t="s">
        <v>60</v>
      </c>
      <c r="E6311" s="15">
        <v>45482</v>
      </c>
      <c r="F6311" s="14" t="s">
        <v>61</v>
      </c>
      <c r="G6311" s="16">
        <v>6.9222049551902143E-2</v>
      </c>
    </row>
    <row r="6312" spans="1:7" x14ac:dyDescent="0.3">
      <c r="A6312" s="13" t="s">
        <v>58</v>
      </c>
      <c r="B6312" s="14" t="s">
        <v>1</v>
      </c>
      <c r="C6312" s="14" t="s">
        <v>59</v>
      </c>
      <c r="D6312" s="14" t="s">
        <v>60</v>
      </c>
      <c r="E6312" s="15">
        <v>45483</v>
      </c>
      <c r="F6312" s="14" t="s">
        <v>61</v>
      </c>
      <c r="G6312" s="16">
        <v>6.6307070752750302E-2</v>
      </c>
    </row>
    <row r="6313" spans="1:7" x14ac:dyDescent="0.3">
      <c r="A6313" s="13" t="s">
        <v>58</v>
      </c>
      <c r="B6313" s="14" t="s">
        <v>1</v>
      </c>
      <c r="C6313" s="14" t="s">
        <v>59</v>
      </c>
      <c r="D6313" s="14" t="s">
        <v>60</v>
      </c>
      <c r="E6313" s="15">
        <v>45484</v>
      </c>
      <c r="F6313" s="14" t="s">
        <v>61</v>
      </c>
      <c r="G6313" s="16">
        <v>6.326082388211017E-2</v>
      </c>
    </row>
    <row r="6314" spans="1:7" x14ac:dyDescent="0.3">
      <c r="A6314" s="13" t="s">
        <v>58</v>
      </c>
      <c r="B6314" s="14" t="s">
        <v>1</v>
      </c>
      <c r="C6314" s="14" t="s">
        <v>59</v>
      </c>
      <c r="D6314" s="14" t="s">
        <v>60</v>
      </c>
      <c r="E6314" s="15">
        <v>45485</v>
      </c>
      <c r="F6314" s="14" t="s">
        <v>61</v>
      </c>
      <c r="G6314" s="16">
        <v>6.9435117527870072E-2</v>
      </c>
    </row>
    <row r="6315" spans="1:7" x14ac:dyDescent="0.3">
      <c r="A6315" s="13" t="s">
        <v>58</v>
      </c>
      <c r="B6315" s="14" t="s">
        <v>1</v>
      </c>
      <c r="C6315" s="14" t="s">
        <v>59</v>
      </c>
      <c r="D6315" s="14" t="s">
        <v>60</v>
      </c>
      <c r="E6315" s="15">
        <v>45486</v>
      </c>
      <c r="F6315" s="14" t="s">
        <v>61</v>
      </c>
      <c r="G6315" s="16">
        <v>6.9435117527870072E-2</v>
      </c>
    </row>
    <row r="6316" spans="1:7" x14ac:dyDescent="0.3">
      <c r="A6316" s="13" t="s">
        <v>58</v>
      </c>
      <c r="B6316" s="14" t="s">
        <v>1</v>
      </c>
      <c r="C6316" s="14" t="s">
        <v>59</v>
      </c>
      <c r="D6316" s="14" t="s">
        <v>60</v>
      </c>
      <c r="E6316" s="15">
        <v>45487</v>
      </c>
      <c r="F6316" s="14" t="s">
        <v>61</v>
      </c>
      <c r="G6316" s="16">
        <v>6.9435117527870072E-2</v>
      </c>
    </row>
    <row r="6317" spans="1:7" x14ac:dyDescent="0.3">
      <c r="A6317" s="13" t="s">
        <v>58</v>
      </c>
      <c r="B6317" s="14" t="s">
        <v>1</v>
      </c>
      <c r="C6317" s="14" t="s">
        <v>59</v>
      </c>
      <c r="D6317" s="14" t="s">
        <v>60</v>
      </c>
      <c r="E6317" s="15">
        <v>45488</v>
      </c>
      <c r="F6317" s="14" t="s">
        <v>61</v>
      </c>
      <c r="G6317" s="16">
        <v>6.6689736310629771E-2</v>
      </c>
    </row>
    <row r="6318" spans="1:7" x14ac:dyDescent="0.3">
      <c r="A6318" s="13" t="s">
        <v>58</v>
      </c>
      <c r="B6318" s="14" t="s">
        <v>1</v>
      </c>
      <c r="C6318" s="14" t="s">
        <v>59</v>
      </c>
      <c r="D6318" s="14" t="s">
        <v>60</v>
      </c>
      <c r="E6318" s="15">
        <v>45489</v>
      </c>
      <c r="F6318" s="14" t="s">
        <v>61</v>
      </c>
      <c r="G6318" s="16">
        <v>5.8055907397504367E-2</v>
      </c>
    </row>
    <row r="6319" spans="1:7" x14ac:dyDescent="0.3">
      <c r="A6319" s="13" t="s">
        <v>58</v>
      </c>
      <c r="B6319" s="14" t="s">
        <v>1</v>
      </c>
      <c r="C6319" s="14" t="s">
        <v>59</v>
      </c>
      <c r="D6319" s="14" t="s">
        <v>60</v>
      </c>
      <c r="E6319" s="15">
        <v>45490</v>
      </c>
      <c r="F6319" s="14" t="s">
        <v>61</v>
      </c>
      <c r="G6319" s="16">
        <v>5.5002298380173439E-2</v>
      </c>
    </row>
    <row r="6320" spans="1:7" x14ac:dyDescent="0.3">
      <c r="A6320" s="13" t="s">
        <v>58</v>
      </c>
      <c r="B6320" s="14" t="s">
        <v>1</v>
      </c>
      <c r="C6320" s="14" t="s">
        <v>59</v>
      </c>
      <c r="D6320" s="14" t="s">
        <v>60</v>
      </c>
      <c r="E6320" s="15">
        <v>45491</v>
      </c>
      <c r="F6320" s="14" t="s">
        <v>61</v>
      </c>
      <c r="G6320" s="16">
        <v>5.2384102162275813E-2</v>
      </c>
    </row>
    <row r="6321" spans="1:7" x14ac:dyDescent="0.3">
      <c r="A6321" s="13" t="s">
        <v>58</v>
      </c>
      <c r="B6321" s="14" t="s">
        <v>1</v>
      </c>
      <c r="C6321" s="14" t="s">
        <v>59</v>
      </c>
      <c r="D6321" s="14" t="s">
        <v>60</v>
      </c>
      <c r="E6321" s="15">
        <v>45492</v>
      </c>
      <c r="F6321" s="14" t="s">
        <v>61</v>
      </c>
      <c r="G6321" s="16">
        <v>4.960031267500669E-2</v>
      </c>
    </row>
    <row r="6322" spans="1:7" x14ac:dyDescent="0.3">
      <c r="A6322" s="13" t="s">
        <v>58</v>
      </c>
      <c r="B6322" s="14" t="s">
        <v>1</v>
      </c>
      <c r="C6322" s="14" t="s">
        <v>59</v>
      </c>
      <c r="D6322" s="14" t="s">
        <v>60</v>
      </c>
      <c r="E6322" s="15">
        <v>45493</v>
      </c>
      <c r="F6322" s="14" t="s">
        <v>61</v>
      </c>
      <c r="G6322" s="16">
        <v>4.960031267500669E-2</v>
      </c>
    </row>
    <row r="6323" spans="1:7" x14ac:dyDescent="0.3">
      <c r="A6323" s="13" t="s">
        <v>58</v>
      </c>
      <c r="B6323" s="14" t="s">
        <v>1</v>
      </c>
      <c r="C6323" s="14" t="s">
        <v>59</v>
      </c>
      <c r="D6323" s="14" t="s">
        <v>60</v>
      </c>
      <c r="E6323" s="15">
        <v>45494</v>
      </c>
      <c r="F6323" s="14" t="s">
        <v>61</v>
      </c>
      <c r="G6323" s="16">
        <v>4.960031267500669E-2</v>
      </c>
    </row>
    <row r="6324" spans="1:7" x14ac:dyDescent="0.3">
      <c r="A6324" s="13" t="s">
        <v>58</v>
      </c>
      <c r="B6324" s="14" t="s">
        <v>1</v>
      </c>
      <c r="C6324" s="14" t="s">
        <v>59</v>
      </c>
      <c r="D6324" s="14" t="s">
        <v>60</v>
      </c>
      <c r="E6324" s="15">
        <v>45495</v>
      </c>
      <c r="F6324" s="14" t="s">
        <v>61</v>
      </c>
      <c r="G6324" s="16">
        <v>4.6710052017834555E-2</v>
      </c>
    </row>
    <row r="6325" spans="1:7" x14ac:dyDescent="0.3">
      <c r="A6325" s="13" t="s">
        <v>58</v>
      </c>
      <c r="B6325" s="14" t="s">
        <v>1</v>
      </c>
      <c r="C6325" s="14" t="s">
        <v>59</v>
      </c>
      <c r="D6325" s="14" t="s">
        <v>60</v>
      </c>
      <c r="E6325" s="15">
        <v>45496</v>
      </c>
      <c r="F6325" s="14" t="s">
        <v>61</v>
      </c>
      <c r="G6325" s="16">
        <v>3.8380392444866962E-2</v>
      </c>
    </row>
    <row r="6326" spans="1:7" x14ac:dyDescent="0.3">
      <c r="A6326" s="13" t="s">
        <v>58</v>
      </c>
      <c r="B6326" s="14" t="s">
        <v>1</v>
      </c>
      <c r="C6326" s="14" t="s">
        <v>59</v>
      </c>
      <c r="D6326" s="14" t="s">
        <v>60</v>
      </c>
      <c r="E6326" s="15">
        <v>45497</v>
      </c>
      <c r="F6326" s="14" t="s">
        <v>61</v>
      </c>
      <c r="G6326" s="16">
        <v>3.5601515140913892E-2</v>
      </c>
    </row>
    <row r="6327" spans="1:7" x14ac:dyDescent="0.3">
      <c r="A6327" s="13" t="s">
        <v>58</v>
      </c>
      <c r="B6327" s="14" t="s">
        <v>1</v>
      </c>
      <c r="C6327" s="14" t="s">
        <v>59</v>
      </c>
      <c r="D6327" s="14" t="s">
        <v>60</v>
      </c>
      <c r="E6327" s="15">
        <v>45498</v>
      </c>
      <c r="F6327" s="14" t="s">
        <v>61</v>
      </c>
      <c r="G6327" s="16">
        <v>3.2755654339974967E-2</v>
      </c>
    </row>
    <row r="6328" spans="1:7" x14ac:dyDescent="0.3">
      <c r="A6328" s="13" t="s">
        <v>58</v>
      </c>
      <c r="B6328" s="14" t="s">
        <v>1</v>
      </c>
      <c r="C6328" s="14" t="s">
        <v>59</v>
      </c>
      <c r="D6328" s="14" t="s">
        <v>60</v>
      </c>
      <c r="E6328" s="15">
        <v>45499</v>
      </c>
      <c r="F6328" s="14" t="s">
        <v>61</v>
      </c>
      <c r="G6328" s="16">
        <v>2.9924800368592235E-2</v>
      </c>
    </row>
    <row r="6329" spans="1:7" x14ac:dyDescent="0.3">
      <c r="A6329" s="13" t="s">
        <v>58</v>
      </c>
      <c r="B6329" s="14" t="s">
        <v>1</v>
      </c>
      <c r="C6329" s="14" t="s">
        <v>59</v>
      </c>
      <c r="D6329" s="14" t="s">
        <v>60</v>
      </c>
      <c r="E6329" s="15">
        <v>45500</v>
      </c>
      <c r="F6329" s="14" t="s">
        <v>61</v>
      </c>
      <c r="G6329" s="16">
        <v>2.9924800368592235E-2</v>
      </c>
    </row>
    <row r="6330" spans="1:7" x14ac:dyDescent="0.3">
      <c r="A6330" s="13" t="s">
        <v>58</v>
      </c>
      <c r="B6330" s="14" t="s">
        <v>1</v>
      </c>
      <c r="C6330" s="14" t="s">
        <v>59</v>
      </c>
      <c r="D6330" s="14" t="s">
        <v>60</v>
      </c>
      <c r="E6330" s="15">
        <v>45501</v>
      </c>
      <c r="F6330" s="14" t="s">
        <v>61</v>
      </c>
      <c r="G6330" s="16">
        <v>2.9924800368592235E-2</v>
      </c>
    </row>
    <row r="6331" spans="1:7" x14ac:dyDescent="0.3">
      <c r="A6331" s="13" t="s">
        <v>58</v>
      </c>
      <c r="B6331" s="14" t="s">
        <v>1</v>
      </c>
      <c r="C6331" s="14" t="s">
        <v>59</v>
      </c>
      <c r="D6331" s="14" t="s">
        <v>60</v>
      </c>
      <c r="E6331" s="15">
        <v>45502</v>
      </c>
      <c r="F6331" s="14" t="s">
        <v>61</v>
      </c>
      <c r="G6331" s="16">
        <v>3.4875981843589456E-2</v>
      </c>
    </row>
    <row r="6332" spans="1:7" x14ac:dyDescent="0.3">
      <c r="A6332" s="13" t="s">
        <v>58</v>
      </c>
      <c r="B6332" s="14" t="s">
        <v>1</v>
      </c>
      <c r="C6332" s="14" t="s">
        <v>59</v>
      </c>
      <c r="D6332" s="14" t="s">
        <v>60</v>
      </c>
      <c r="E6332" s="15">
        <v>45503</v>
      </c>
      <c r="F6332" s="14" t="s">
        <v>61</v>
      </c>
      <c r="G6332" s="16">
        <v>2.6456811210612254E-2</v>
      </c>
    </row>
    <row r="6333" spans="1:7" x14ac:dyDescent="0.3">
      <c r="A6333" s="13" t="s">
        <v>58</v>
      </c>
      <c r="B6333" s="14" t="s">
        <v>1</v>
      </c>
      <c r="C6333" s="14" t="s">
        <v>59</v>
      </c>
      <c r="D6333" s="14" t="s">
        <v>60</v>
      </c>
      <c r="E6333" s="15">
        <v>45504</v>
      </c>
      <c r="F6333" s="14" t="s">
        <v>61</v>
      </c>
      <c r="G6333" s="16">
        <v>2.3650110987492041E-2</v>
      </c>
    </row>
    <row r="6334" spans="1:7" x14ac:dyDescent="0.3">
      <c r="A6334" s="13" t="s">
        <v>58</v>
      </c>
      <c r="B6334" s="14" t="s">
        <v>1</v>
      </c>
      <c r="C6334" s="14" t="s">
        <v>59</v>
      </c>
      <c r="D6334" s="14" t="s">
        <v>60</v>
      </c>
      <c r="E6334" s="15">
        <v>45505</v>
      </c>
      <c r="F6334" s="14" t="s">
        <v>61</v>
      </c>
      <c r="G6334" s="16">
        <v>2.3650110987492041E-2</v>
      </c>
    </row>
    <row r="6335" spans="1:7" x14ac:dyDescent="0.3">
      <c r="A6335" s="13" t="s">
        <v>58</v>
      </c>
      <c r="B6335" s="14" t="s">
        <v>1</v>
      </c>
      <c r="C6335" s="14" t="s">
        <v>59</v>
      </c>
      <c r="D6335" s="14" t="s">
        <v>60</v>
      </c>
      <c r="E6335" s="15">
        <v>45506</v>
      </c>
      <c r="F6335" s="14" t="s">
        <v>61</v>
      </c>
      <c r="G6335" s="16">
        <v>2.0700869899486208E-2</v>
      </c>
    </row>
    <row r="6336" spans="1:7" x14ac:dyDescent="0.3">
      <c r="A6336" s="13" t="s">
        <v>58</v>
      </c>
      <c r="B6336" s="14" t="s">
        <v>1</v>
      </c>
      <c r="C6336" s="14" t="s">
        <v>59</v>
      </c>
      <c r="D6336" s="14" t="s">
        <v>60</v>
      </c>
      <c r="E6336" s="15">
        <v>45507</v>
      </c>
      <c r="F6336" s="14" t="s">
        <v>61</v>
      </c>
      <c r="G6336" s="16">
        <v>2.0700869899486208E-2</v>
      </c>
    </row>
    <row r="6337" spans="1:7" x14ac:dyDescent="0.3">
      <c r="A6337" s="13" t="s">
        <v>58</v>
      </c>
      <c r="B6337" s="14" t="s">
        <v>1</v>
      </c>
      <c r="C6337" s="14" t="s">
        <v>59</v>
      </c>
      <c r="D6337" s="14" t="s">
        <v>60</v>
      </c>
      <c r="E6337" s="15">
        <v>45508</v>
      </c>
      <c r="F6337" s="14" t="s">
        <v>61</v>
      </c>
      <c r="G6337" s="16">
        <v>2.0700869899486208E-2</v>
      </c>
    </row>
    <row r="6338" spans="1:7" x14ac:dyDescent="0.3">
      <c r="A6338" s="13" t="s">
        <v>58</v>
      </c>
      <c r="B6338" s="14" t="s">
        <v>1</v>
      </c>
      <c r="C6338" s="14" t="s">
        <v>59</v>
      </c>
      <c r="D6338" s="14" t="s">
        <v>60</v>
      </c>
      <c r="E6338" s="15">
        <v>45509</v>
      </c>
      <c r="F6338" s="14" t="s">
        <v>61</v>
      </c>
      <c r="G6338" s="16">
        <v>2.0700869899486208E-2</v>
      </c>
    </row>
    <row r="6339" spans="1:7" x14ac:dyDescent="0.3">
      <c r="A6339" s="13" t="s">
        <v>58</v>
      </c>
      <c r="B6339" s="14" t="s">
        <v>1</v>
      </c>
      <c r="C6339" s="14" t="s">
        <v>59</v>
      </c>
      <c r="D6339" s="14" t="s">
        <v>60</v>
      </c>
      <c r="E6339" s="15">
        <v>45510</v>
      </c>
      <c r="F6339" s="14" t="s">
        <v>61</v>
      </c>
      <c r="G6339" s="16">
        <v>0.10821040239965708</v>
      </c>
    </row>
    <row r="6340" spans="1:7" x14ac:dyDescent="0.3">
      <c r="A6340" s="13" t="s">
        <v>58</v>
      </c>
      <c r="B6340" s="14" t="s">
        <v>1</v>
      </c>
      <c r="C6340" s="14" t="s">
        <v>59</v>
      </c>
      <c r="D6340" s="14" t="s">
        <v>60</v>
      </c>
      <c r="E6340" s="15">
        <v>45511</v>
      </c>
      <c r="F6340" s="14" t="s">
        <v>61</v>
      </c>
      <c r="G6340" s="16">
        <v>9.7155719945053481E-2</v>
      </c>
    </row>
    <row r="6341" spans="1:7" x14ac:dyDescent="0.3">
      <c r="A6341" s="13" t="s">
        <v>58</v>
      </c>
      <c r="B6341" s="14" t="s">
        <v>1</v>
      </c>
      <c r="C6341" s="14" t="s">
        <v>59</v>
      </c>
      <c r="D6341" s="14" t="s">
        <v>60</v>
      </c>
      <c r="E6341" s="15">
        <v>45512</v>
      </c>
      <c r="F6341" s="14" t="s">
        <v>61</v>
      </c>
      <c r="G6341" s="16">
        <v>0.11549225711810447</v>
      </c>
    </row>
    <row r="6342" spans="1:7" x14ac:dyDescent="0.3">
      <c r="A6342" s="13" t="s">
        <v>58</v>
      </c>
      <c r="B6342" s="14" t="s">
        <v>1</v>
      </c>
      <c r="C6342" s="14" t="s">
        <v>59</v>
      </c>
      <c r="D6342" s="14" t="s">
        <v>60</v>
      </c>
      <c r="E6342" s="15">
        <v>45513</v>
      </c>
      <c r="F6342" s="14" t="s">
        <v>61</v>
      </c>
      <c r="G6342" s="16">
        <v>0.11275376015808715</v>
      </c>
    </row>
    <row r="6343" spans="1:7" x14ac:dyDescent="0.3">
      <c r="A6343" s="13" t="s">
        <v>58</v>
      </c>
      <c r="B6343" s="14" t="s">
        <v>1</v>
      </c>
      <c r="C6343" s="14" t="s">
        <v>59</v>
      </c>
      <c r="D6343" s="14" t="s">
        <v>60</v>
      </c>
      <c r="E6343" s="15">
        <v>45514</v>
      </c>
      <c r="F6343" s="14" t="s">
        <v>61</v>
      </c>
      <c r="G6343" s="16">
        <v>0.11275376015808715</v>
      </c>
    </row>
    <row r="6344" spans="1:7" x14ac:dyDescent="0.3">
      <c r="A6344" s="13" t="s">
        <v>58</v>
      </c>
      <c r="B6344" s="14" t="s">
        <v>1</v>
      </c>
      <c r="C6344" s="14" t="s">
        <v>59</v>
      </c>
      <c r="D6344" s="14" t="s">
        <v>60</v>
      </c>
      <c r="E6344" s="15">
        <v>45515</v>
      </c>
      <c r="F6344" s="14" t="s">
        <v>61</v>
      </c>
      <c r="G6344" s="16">
        <v>0.11275376015808715</v>
      </c>
    </row>
    <row r="6345" spans="1:7" x14ac:dyDescent="0.3">
      <c r="A6345" s="13" t="s">
        <v>58</v>
      </c>
      <c r="B6345" s="14" t="s">
        <v>1</v>
      </c>
      <c r="C6345" s="14" t="s">
        <v>59</v>
      </c>
      <c r="D6345" s="14" t="s">
        <v>60</v>
      </c>
      <c r="E6345" s="15">
        <v>45516</v>
      </c>
      <c r="F6345" s="14" t="s">
        <v>61</v>
      </c>
      <c r="G6345" s="16">
        <v>0.10984554852384891</v>
      </c>
    </row>
    <row r="6346" spans="1:7" x14ac:dyDescent="0.3">
      <c r="A6346" s="13" t="s">
        <v>58</v>
      </c>
      <c r="B6346" s="14" t="s">
        <v>1</v>
      </c>
      <c r="C6346" s="14" t="s">
        <v>59</v>
      </c>
      <c r="D6346" s="14" t="s">
        <v>60</v>
      </c>
      <c r="E6346" s="15">
        <v>45517</v>
      </c>
      <c r="F6346" s="14" t="s">
        <v>61</v>
      </c>
      <c r="G6346" s="16">
        <v>0.10094998156663389</v>
      </c>
    </row>
    <row r="6347" spans="1:7" x14ac:dyDescent="0.3">
      <c r="A6347" s="13" t="s">
        <v>58</v>
      </c>
      <c r="B6347" s="14" t="s">
        <v>1</v>
      </c>
      <c r="C6347" s="14" t="s">
        <v>59</v>
      </c>
      <c r="D6347" s="14" t="s">
        <v>60</v>
      </c>
      <c r="E6347" s="15">
        <v>45518</v>
      </c>
      <c r="F6347" s="14" t="s">
        <v>61</v>
      </c>
      <c r="G6347" s="16">
        <v>9.8022073464154452E-2</v>
      </c>
    </row>
    <row r="6348" spans="1:7" x14ac:dyDescent="0.3">
      <c r="A6348" s="13" t="s">
        <v>58</v>
      </c>
      <c r="B6348" s="14" t="s">
        <v>1</v>
      </c>
      <c r="C6348" s="14" t="s">
        <v>59</v>
      </c>
      <c r="D6348" s="14" t="s">
        <v>60</v>
      </c>
      <c r="E6348" s="15">
        <v>45519</v>
      </c>
      <c r="F6348" s="14" t="s">
        <v>61</v>
      </c>
      <c r="G6348" s="16">
        <v>9.5729772643536895E-2</v>
      </c>
    </row>
    <row r="6349" spans="1:7" x14ac:dyDescent="0.3">
      <c r="A6349" s="13" t="s">
        <v>58</v>
      </c>
      <c r="B6349" s="14" t="s">
        <v>1</v>
      </c>
      <c r="C6349" s="14" t="s">
        <v>59</v>
      </c>
      <c r="D6349" s="14" t="s">
        <v>60</v>
      </c>
      <c r="E6349" s="15">
        <v>45520</v>
      </c>
      <c r="F6349" s="14" t="s">
        <v>61</v>
      </c>
      <c r="G6349" s="16">
        <v>9.2438027336626316E-2</v>
      </c>
    </row>
    <row r="6350" spans="1:7" x14ac:dyDescent="0.3">
      <c r="A6350" s="13" t="s">
        <v>58</v>
      </c>
      <c r="B6350" s="14" t="s">
        <v>1</v>
      </c>
      <c r="C6350" s="14" t="s">
        <v>59</v>
      </c>
      <c r="D6350" s="14" t="s">
        <v>60</v>
      </c>
      <c r="E6350" s="15">
        <v>45521</v>
      </c>
      <c r="F6350" s="14" t="s">
        <v>61</v>
      </c>
      <c r="G6350" s="16">
        <v>9.2438027336626316E-2</v>
      </c>
    </row>
    <row r="6351" spans="1:7" x14ac:dyDescent="0.3">
      <c r="A6351" s="13" t="s">
        <v>58</v>
      </c>
      <c r="B6351" s="14" t="s">
        <v>1</v>
      </c>
      <c r="C6351" s="14" t="s">
        <v>59</v>
      </c>
      <c r="D6351" s="14" t="s">
        <v>60</v>
      </c>
      <c r="E6351" s="15">
        <v>45522</v>
      </c>
      <c r="F6351" s="14" t="s">
        <v>61</v>
      </c>
      <c r="G6351" s="16">
        <v>9.2438027336626316E-2</v>
      </c>
    </row>
    <row r="6352" spans="1:7" x14ac:dyDescent="0.3">
      <c r="A6352" s="13" t="s">
        <v>58</v>
      </c>
      <c r="B6352" s="14" t="s">
        <v>1</v>
      </c>
      <c r="C6352" s="14" t="s">
        <v>59</v>
      </c>
      <c r="D6352" s="14" t="s">
        <v>60</v>
      </c>
      <c r="E6352" s="15">
        <v>45523</v>
      </c>
      <c r="F6352" s="14" t="s">
        <v>61</v>
      </c>
      <c r="G6352" s="16">
        <v>8.9161078782165462E-2</v>
      </c>
    </row>
    <row r="6353" spans="1:7" x14ac:dyDescent="0.3">
      <c r="A6353" s="13" t="s">
        <v>58</v>
      </c>
      <c r="B6353" s="14" t="s">
        <v>1</v>
      </c>
      <c r="C6353" s="14" t="s">
        <v>59</v>
      </c>
      <c r="D6353" s="14" t="s">
        <v>60</v>
      </c>
      <c r="E6353" s="15">
        <v>45524</v>
      </c>
      <c r="F6353" s="14" t="s">
        <v>61</v>
      </c>
      <c r="G6353" s="16">
        <v>8.0387742753279187E-2</v>
      </c>
    </row>
    <row r="6354" spans="1:7" x14ac:dyDescent="0.3">
      <c r="A6354" s="13" t="s">
        <v>58</v>
      </c>
      <c r="B6354" s="14" t="s">
        <v>1</v>
      </c>
      <c r="C6354" s="14" t="s">
        <v>59</v>
      </c>
      <c r="D6354" s="14" t="s">
        <v>60</v>
      </c>
      <c r="E6354" s="15">
        <v>45525</v>
      </c>
      <c r="F6354" s="14" t="s">
        <v>61</v>
      </c>
      <c r="G6354" s="16">
        <v>7.7424989580715947E-2</v>
      </c>
    </row>
    <row r="6355" spans="1:7" x14ac:dyDescent="0.3">
      <c r="A6355" s="13" t="s">
        <v>58</v>
      </c>
      <c r="B6355" s="14" t="s">
        <v>1</v>
      </c>
      <c r="C6355" s="14" t="s">
        <v>59</v>
      </c>
      <c r="D6355" s="14" t="s">
        <v>60</v>
      </c>
      <c r="E6355" s="15">
        <v>45526</v>
      </c>
      <c r="F6355" s="14" t="s">
        <v>61</v>
      </c>
      <c r="G6355" s="16">
        <v>0.10441722186682025</v>
      </c>
    </row>
    <row r="6356" spans="1:7" x14ac:dyDescent="0.3">
      <c r="A6356" s="13" t="s">
        <v>58</v>
      </c>
      <c r="B6356" s="14" t="s">
        <v>1</v>
      </c>
      <c r="C6356" s="14" t="s">
        <v>59</v>
      </c>
      <c r="D6356" s="14" t="s">
        <v>60</v>
      </c>
      <c r="E6356" s="15">
        <v>45527</v>
      </c>
      <c r="F6356" s="14" t="s">
        <v>61</v>
      </c>
      <c r="G6356" s="16">
        <v>0.10083691763005904</v>
      </c>
    </row>
    <row r="6357" spans="1:7" x14ac:dyDescent="0.3">
      <c r="A6357" s="13" t="s">
        <v>58</v>
      </c>
      <c r="B6357" s="14" t="s">
        <v>1</v>
      </c>
      <c r="C6357" s="14" t="s">
        <v>59</v>
      </c>
      <c r="D6357" s="14" t="s">
        <v>60</v>
      </c>
      <c r="E6357" s="15">
        <v>45528</v>
      </c>
      <c r="F6357" s="14" t="s">
        <v>61</v>
      </c>
      <c r="G6357" s="16">
        <v>0.10083691763005904</v>
      </c>
    </row>
    <row r="6358" spans="1:7" x14ac:dyDescent="0.3">
      <c r="A6358" s="13" t="s">
        <v>58</v>
      </c>
      <c r="B6358" s="14" t="s">
        <v>1</v>
      </c>
      <c r="C6358" s="14" t="s">
        <v>59</v>
      </c>
      <c r="D6358" s="14" t="s">
        <v>60</v>
      </c>
      <c r="E6358" s="15">
        <v>45529</v>
      </c>
      <c r="F6358" s="14" t="s">
        <v>61</v>
      </c>
      <c r="G6358" s="16">
        <v>0.10083691763005904</v>
      </c>
    </row>
    <row r="6359" spans="1:7" x14ac:dyDescent="0.3">
      <c r="A6359" s="13" t="s">
        <v>58</v>
      </c>
      <c r="B6359" s="14" t="s">
        <v>1</v>
      </c>
      <c r="C6359" s="14" t="s">
        <v>59</v>
      </c>
      <c r="D6359" s="14" t="s">
        <v>60</v>
      </c>
      <c r="E6359" s="15">
        <v>45530</v>
      </c>
      <c r="F6359" s="14" t="s">
        <v>61</v>
      </c>
      <c r="G6359" s="16">
        <v>0.10524383277825079</v>
      </c>
    </row>
    <row r="6360" spans="1:7" x14ac:dyDescent="0.3">
      <c r="A6360" s="13" t="s">
        <v>58</v>
      </c>
      <c r="B6360" s="14" t="s">
        <v>1</v>
      </c>
      <c r="C6360" s="14" t="s">
        <v>59</v>
      </c>
      <c r="D6360" s="14" t="s">
        <v>60</v>
      </c>
      <c r="E6360" s="15">
        <v>45531</v>
      </c>
      <c r="F6360" s="14" t="s">
        <v>61</v>
      </c>
      <c r="G6360" s="16">
        <v>9.6416176232060988E-2</v>
      </c>
    </row>
    <row r="6361" spans="1:7" x14ac:dyDescent="0.3">
      <c r="A6361" s="13" t="s">
        <v>58</v>
      </c>
      <c r="B6361" s="14" t="s">
        <v>1</v>
      </c>
      <c r="C6361" s="14" t="s">
        <v>59</v>
      </c>
      <c r="D6361" s="14" t="s">
        <v>60</v>
      </c>
      <c r="E6361" s="15">
        <v>45532</v>
      </c>
      <c r="F6361" s="14" t="s">
        <v>61</v>
      </c>
      <c r="G6361" s="16">
        <v>9.4104015753932624E-2</v>
      </c>
    </row>
    <row r="6362" spans="1:7" x14ac:dyDescent="0.3">
      <c r="A6362" s="13" t="s">
        <v>58</v>
      </c>
      <c r="B6362" s="14" t="s">
        <v>1</v>
      </c>
      <c r="C6362" s="14" t="s">
        <v>59</v>
      </c>
      <c r="D6362" s="14" t="s">
        <v>60</v>
      </c>
      <c r="E6362" s="15">
        <v>45533</v>
      </c>
      <c r="F6362" s="14" t="s">
        <v>61</v>
      </c>
      <c r="G6362" s="16">
        <v>9.159474596685889E-2</v>
      </c>
    </row>
    <row r="6363" spans="1:7" x14ac:dyDescent="0.3">
      <c r="A6363" s="13" t="s">
        <v>58</v>
      </c>
      <c r="B6363" s="14" t="s">
        <v>1</v>
      </c>
      <c r="C6363" s="14" t="s">
        <v>59</v>
      </c>
      <c r="D6363" s="14" t="s">
        <v>60</v>
      </c>
      <c r="E6363" s="15">
        <v>45534</v>
      </c>
      <c r="F6363" s="14" t="s">
        <v>61</v>
      </c>
      <c r="G6363" s="16">
        <v>8.8968083820198926E-2</v>
      </c>
    </row>
    <row r="6364" spans="1:7" x14ac:dyDescent="0.3">
      <c r="A6364" s="13" t="s">
        <v>58</v>
      </c>
      <c r="B6364" s="14" t="s">
        <v>1</v>
      </c>
      <c r="C6364" s="14" t="s">
        <v>59</v>
      </c>
      <c r="D6364" s="14" t="s">
        <v>60</v>
      </c>
      <c r="E6364" s="15">
        <v>45535</v>
      </c>
      <c r="F6364" s="14" t="s">
        <v>61</v>
      </c>
      <c r="G6364" s="16">
        <v>8.8968083820198926E-2</v>
      </c>
    </row>
    <row r="6365" spans="1:7" x14ac:dyDescent="0.3">
      <c r="A6365" s="13" t="s">
        <v>58</v>
      </c>
      <c r="B6365" s="14" t="s">
        <v>1</v>
      </c>
      <c r="C6365" s="14" t="s">
        <v>59</v>
      </c>
      <c r="D6365" s="14" t="s">
        <v>60</v>
      </c>
      <c r="E6365" s="15">
        <v>45536</v>
      </c>
      <c r="F6365" s="14" t="s">
        <v>61</v>
      </c>
      <c r="G6365" s="16">
        <v>8.8968083820198926E-2</v>
      </c>
    </row>
    <row r="6366" spans="1:7" x14ac:dyDescent="0.3">
      <c r="A6366" s="13" t="s">
        <v>58</v>
      </c>
      <c r="B6366" s="14" t="s">
        <v>1</v>
      </c>
      <c r="C6366" s="14" t="s">
        <v>59</v>
      </c>
      <c r="D6366" s="14" t="s">
        <v>60</v>
      </c>
      <c r="E6366" s="15">
        <v>45537</v>
      </c>
      <c r="F6366" s="14" t="s">
        <v>61</v>
      </c>
      <c r="G6366" s="16">
        <v>8.5914524818998222E-2</v>
      </c>
    </row>
    <row r="6367" spans="1:7" x14ac:dyDescent="0.3">
      <c r="A6367" s="13" t="s">
        <v>58</v>
      </c>
      <c r="B6367" s="14" t="s">
        <v>1</v>
      </c>
      <c r="C6367" s="14" t="s">
        <v>59</v>
      </c>
      <c r="D6367" s="14" t="s">
        <v>60</v>
      </c>
      <c r="E6367" s="15">
        <v>45538</v>
      </c>
      <c r="F6367" s="14" t="s">
        <v>61</v>
      </c>
      <c r="G6367" s="16">
        <v>8.2087140191257596E-2</v>
      </c>
    </row>
    <row r="6368" spans="1:7" x14ac:dyDescent="0.3">
      <c r="A6368" s="13" t="s">
        <v>58</v>
      </c>
      <c r="B6368" s="14" t="s">
        <v>1</v>
      </c>
      <c r="C6368" s="14" t="s">
        <v>59</v>
      </c>
      <c r="D6368" s="14" t="s">
        <v>60</v>
      </c>
      <c r="E6368" s="15">
        <v>45539</v>
      </c>
      <c r="F6368" s="14" t="s">
        <v>61</v>
      </c>
      <c r="G6368" s="16">
        <v>7.8941848923393995E-2</v>
      </c>
    </row>
    <row r="6369" spans="1:7" x14ac:dyDescent="0.3">
      <c r="A6369" s="13" t="s">
        <v>58</v>
      </c>
      <c r="B6369" s="14" t="s">
        <v>1</v>
      </c>
      <c r="C6369" s="14" t="s">
        <v>59</v>
      </c>
      <c r="D6369" s="14" t="s">
        <v>60</v>
      </c>
      <c r="E6369" s="15">
        <v>45540</v>
      </c>
      <c r="F6369" s="14" t="s">
        <v>61</v>
      </c>
      <c r="G6369" s="16">
        <v>7.591782701587789E-2</v>
      </c>
    </row>
    <row r="6370" spans="1:7" x14ac:dyDescent="0.3">
      <c r="A6370" s="13" t="s">
        <v>58</v>
      </c>
      <c r="B6370" s="14" t="s">
        <v>1</v>
      </c>
      <c r="C6370" s="14" t="s">
        <v>59</v>
      </c>
      <c r="D6370" s="14" t="s">
        <v>60</v>
      </c>
      <c r="E6370" s="15">
        <v>45541</v>
      </c>
      <c r="F6370" s="14" t="s">
        <v>61</v>
      </c>
      <c r="G6370" s="16">
        <v>7.325593844954964E-2</v>
      </c>
    </row>
    <row r="6371" spans="1:7" x14ac:dyDescent="0.3">
      <c r="A6371" s="13" t="s">
        <v>58</v>
      </c>
      <c r="B6371" s="14" t="s">
        <v>1</v>
      </c>
      <c r="C6371" s="14" t="s">
        <v>59</v>
      </c>
      <c r="D6371" s="14" t="s">
        <v>60</v>
      </c>
      <c r="E6371" s="15">
        <v>45542</v>
      </c>
      <c r="F6371" s="14" t="s">
        <v>61</v>
      </c>
      <c r="G6371" s="16">
        <v>7.325593844954964E-2</v>
      </c>
    </row>
    <row r="6372" spans="1:7" x14ac:dyDescent="0.3">
      <c r="A6372" s="13" t="s">
        <v>58</v>
      </c>
      <c r="B6372" s="14" t="s">
        <v>1</v>
      </c>
      <c r="C6372" s="14" t="s">
        <v>59</v>
      </c>
      <c r="D6372" s="14" t="s">
        <v>60</v>
      </c>
      <c r="E6372" s="15">
        <v>45543</v>
      </c>
      <c r="F6372" s="14" t="s">
        <v>61</v>
      </c>
      <c r="G6372" s="16">
        <v>7.325593844954964E-2</v>
      </c>
    </row>
    <row r="6373" spans="1:7" x14ac:dyDescent="0.3">
      <c r="A6373" s="13" t="s">
        <v>58</v>
      </c>
      <c r="B6373" s="14" t="s">
        <v>1</v>
      </c>
      <c r="C6373" s="14" t="s">
        <v>59</v>
      </c>
      <c r="D6373" s="14" t="s">
        <v>60</v>
      </c>
      <c r="E6373" s="15">
        <v>45544</v>
      </c>
      <c r="F6373" s="14" t="s">
        <v>61</v>
      </c>
      <c r="G6373" s="16">
        <v>7.0764765514065783E-2</v>
      </c>
    </row>
    <row r="6374" spans="1:7" x14ac:dyDescent="0.3">
      <c r="A6374" s="13" t="s">
        <v>58</v>
      </c>
      <c r="B6374" s="14" t="s">
        <v>1</v>
      </c>
      <c r="C6374" s="14" t="s">
        <v>59</v>
      </c>
      <c r="D6374" s="14" t="s">
        <v>60</v>
      </c>
      <c r="E6374" s="15">
        <v>45545</v>
      </c>
      <c r="F6374" s="14" t="s">
        <v>61</v>
      </c>
      <c r="G6374" s="16">
        <v>6.2325193464249834E-2</v>
      </c>
    </row>
    <row r="6375" spans="1:7" x14ac:dyDescent="0.3">
      <c r="A6375" s="13" t="s">
        <v>58</v>
      </c>
      <c r="B6375" s="14" t="s">
        <v>1</v>
      </c>
      <c r="C6375" s="14" t="s">
        <v>59</v>
      </c>
      <c r="D6375" s="14" t="s">
        <v>60</v>
      </c>
      <c r="E6375" s="15">
        <v>45546</v>
      </c>
      <c r="F6375" s="14" t="s">
        <v>61</v>
      </c>
      <c r="G6375" s="16">
        <v>5.9541916009250025E-2</v>
      </c>
    </row>
    <row r="6376" spans="1:7" x14ac:dyDescent="0.3">
      <c r="A6376" s="13" t="s">
        <v>58</v>
      </c>
      <c r="B6376" s="14" t="s">
        <v>1</v>
      </c>
      <c r="C6376" s="14" t="s">
        <v>59</v>
      </c>
      <c r="D6376" s="14" t="s">
        <v>60</v>
      </c>
      <c r="E6376" s="15">
        <v>45547</v>
      </c>
      <c r="F6376" s="14" t="s">
        <v>61</v>
      </c>
      <c r="G6376" s="16">
        <v>5.640808390785737E-2</v>
      </c>
    </row>
    <row r="6377" spans="1:7" x14ac:dyDescent="0.3">
      <c r="A6377" s="13" t="s">
        <v>58</v>
      </c>
      <c r="B6377" s="14" t="s">
        <v>1</v>
      </c>
      <c r="C6377" s="14" t="s">
        <v>59</v>
      </c>
      <c r="D6377" s="14" t="s">
        <v>60</v>
      </c>
      <c r="E6377" s="15">
        <v>45548</v>
      </c>
      <c r="F6377" s="14" t="s">
        <v>61</v>
      </c>
      <c r="G6377" s="16">
        <v>0.10664460355002596</v>
      </c>
    </row>
    <row r="6378" spans="1:7" x14ac:dyDescent="0.3">
      <c r="A6378" s="13" t="s">
        <v>58</v>
      </c>
      <c r="B6378" s="14" t="s">
        <v>1</v>
      </c>
      <c r="C6378" s="14" t="s">
        <v>59</v>
      </c>
      <c r="D6378" s="14" t="s">
        <v>60</v>
      </c>
      <c r="E6378" s="15">
        <v>45549</v>
      </c>
      <c r="F6378" s="14" t="s">
        <v>61</v>
      </c>
      <c r="G6378" s="16">
        <v>0.10664460355002596</v>
      </c>
    </row>
    <row r="6379" spans="1:7" x14ac:dyDescent="0.3">
      <c r="A6379" s="13" t="s">
        <v>58</v>
      </c>
      <c r="B6379" s="14" t="s">
        <v>1</v>
      </c>
      <c r="C6379" s="14" t="s">
        <v>59</v>
      </c>
      <c r="D6379" s="14" t="s">
        <v>60</v>
      </c>
      <c r="E6379" s="15">
        <v>45550</v>
      </c>
      <c r="F6379" s="14" t="s">
        <v>61</v>
      </c>
      <c r="G6379" s="16">
        <v>0.10664460355002596</v>
      </c>
    </row>
    <row r="6380" spans="1:7" x14ac:dyDescent="0.3">
      <c r="A6380" s="13" t="s">
        <v>58</v>
      </c>
      <c r="B6380" s="14" t="s">
        <v>1</v>
      </c>
      <c r="C6380" s="14" t="s">
        <v>59</v>
      </c>
      <c r="D6380" s="14" t="s">
        <v>60</v>
      </c>
      <c r="E6380" s="15">
        <v>45551</v>
      </c>
      <c r="F6380" s="14" t="s">
        <v>61</v>
      </c>
      <c r="G6380" s="16">
        <v>0.10327951236867092</v>
      </c>
    </row>
    <row r="6381" spans="1:7" x14ac:dyDescent="0.3">
      <c r="A6381" s="13" t="s">
        <v>58</v>
      </c>
      <c r="B6381" s="14" t="s">
        <v>1</v>
      </c>
      <c r="C6381" s="14" t="s">
        <v>59</v>
      </c>
      <c r="D6381" s="14" t="s">
        <v>60</v>
      </c>
      <c r="E6381" s="15">
        <v>45552</v>
      </c>
      <c r="F6381" s="14" t="s">
        <v>61</v>
      </c>
      <c r="G6381" s="16">
        <v>9.4845636483803342E-2</v>
      </c>
    </row>
    <row r="6382" spans="1:7" x14ac:dyDescent="0.3">
      <c r="A6382" s="13" t="s">
        <v>58</v>
      </c>
      <c r="B6382" s="14" t="s">
        <v>1</v>
      </c>
      <c r="C6382" s="14" t="s">
        <v>59</v>
      </c>
      <c r="D6382" s="14" t="s">
        <v>60</v>
      </c>
      <c r="E6382" s="15">
        <v>45553</v>
      </c>
      <c r="F6382" s="14" t="s">
        <v>61</v>
      </c>
      <c r="G6382" s="16">
        <v>9.1937669379881362E-2</v>
      </c>
    </row>
    <row r="6383" spans="1:7" x14ac:dyDescent="0.3">
      <c r="A6383" s="13" t="s">
        <v>58</v>
      </c>
      <c r="B6383" s="14" t="s">
        <v>1</v>
      </c>
      <c r="C6383" s="14" t="s">
        <v>59</v>
      </c>
      <c r="D6383" s="14" t="s">
        <v>60</v>
      </c>
      <c r="E6383" s="15">
        <v>45554</v>
      </c>
      <c r="F6383" s="14" t="s">
        <v>61</v>
      </c>
      <c r="G6383" s="16">
        <v>8.8717664708450605E-2</v>
      </c>
    </row>
    <row r="6384" spans="1:7" x14ac:dyDescent="0.3">
      <c r="A6384" s="13" t="s">
        <v>58</v>
      </c>
      <c r="B6384" s="14" t="s">
        <v>1</v>
      </c>
      <c r="C6384" s="14" t="s">
        <v>59</v>
      </c>
      <c r="D6384" s="14" t="s">
        <v>60</v>
      </c>
      <c r="E6384" s="15">
        <v>45555</v>
      </c>
      <c r="F6384" s="14" t="s">
        <v>61</v>
      </c>
      <c r="G6384" s="16">
        <v>8.5856460039360996E-2</v>
      </c>
    </row>
    <row r="6385" spans="1:7" x14ac:dyDescent="0.3">
      <c r="A6385" s="13" t="s">
        <v>58</v>
      </c>
      <c r="B6385" s="14" t="s">
        <v>1</v>
      </c>
      <c r="C6385" s="14" t="s">
        <v>59</v>
      </c>
      <c r="D6385" s="14" t="s">
        <v>60</v>
      </c>
      <c r="E6385" s="15">
        <v>45556</v>
      </c>
      <c r="F6385" s="14" t="s">
        <v>61</v>
      </c>
      <c r="G6385" s="16">
        <v>8.5856460039360996E-2</v>
      </c>
    </row>
    <row r="6386" spans="1:7" x14ac:dyDescent="0.3">
      <c r="A6386" s="13" t="s">
        <v>58</v>
      </c>
      <c r="B6386" s="14" t="s">
        <v>1</v>
      </c>
      <c r="C6386" s="14" t="s">
        <v>59</v>
      </c>
      <c r="D6386" s="14" t="s">
        <v>60</v>
      </c>
      <c r="E6386" s="15">
        <v>45557</v>
      </c>
      <c r="F6386" s="14" t="s">
        <v>61</v>
      </c>
      <c r="G6386" s="16">
        <v>8.5856460039360996E-2</v>
      </c>
    </row>
    <row r="6387" spans="1:7" x14ac:dyDescent="0.3">
      <c r="A6387" s="13" t="s">
        <v>58</v>
      </c>
      <c r="B6387" s="14" t="s">
        <v>1</v>
      </c>
      <c r="C6387" s="14" t="s">
        <v>59</v>
      </c>
      <c r="D6387" s="14" t="s">
        <v>60</v>
      </c>
      <c r="E6387" s="15">
        <v>45558</v>
      </c>
      <c r="F6387" s="14" t="s">
        <v>61</v>
      </c>
      <c r="G6387" s="16">
        <v>8.3349873810333791E-2</v>
      </c>
    </row>
    <row r="6388" spans="1:7" x14ac:dyDescent="0.3">
      <c r="A6388" s="13" t="s">
        <v>58</v>
      </c>
      <c r="B6388" s="14" t="s">
        <v>1</v>
      </c>
      <c r="C6388" s="14" t="s">
        <v>59</v>
      </c>
      <c r="D6388" s="14" t="s">
        <v>60</v>
      </c>
      <c r="E6388" s="15">
        <v>45559</v>
      </c>
      <c r="F6388" s="14" t="s">
        <v>61</v>
      </c>
      <c r="G6388" s="16">
        <v>7.4210290914045643E-2</v>
      </c>
    </row>
    <row r="6389" spans="1:7" x14ac:dyDescent="0.3">
      <c r="A6389" s="13" t="s">
        <v>58</v>
      </c>
      <c r="B6389" s="14" t="s">
        <v>1</v>
      </c>
      <c r="C6389" s="14" t="s">
        <v>59</v>
      </c>
      <c r="D6389" s="14" t="s">
        <v>60</v>
      </c>
      <c r="E6389" s="15">
        <v>45560</v>
      </c>
      <c r="F6389" s="14" t="s">
        <v>61</v>
      </c>
      <c r="G6389" s="16">
        <v>7.1633586918307623E-2</v>
      </c>
    </row>
    <row r="6390" spans="1:7" x14ac:dyDescent="0.3">
      <c r="A6390" s="13" t="s">
        <v>58</v>
      </c>
      <c r="B6390" s="14" t="s">
        <v>1</v>
      </c>
      <c r="C6390" s="14" t="s">
        <v>59</v>
      </c>
      <c r="D6390" s="14" t="s">
        <v>60</v>
      </c>
      <c r="E6390" s="15">
        <v>45561</v>
      </c>
      <c r="F6390" s="14" t="s">
        <v>61</v>
      </c>
      <c r="G6390" s="16">
        <v>6.9861180427045172E-2</v>
      </c>
    </row>
    <row r="6391" spans="1:7" x14ac:dyDescent="0.3">
      <c r="A6391" s="13" t="s">
        <v>58</v>
      </c>
      <c r="B6391" s="14" t="s">
        <v>1</v>
      </c>
      <c r="C6391" s="14" t="s">
        <v>59</v>
      </c>
      <c r="D6391" s="14" t="s">
        <v>60</v>
      </c>
      <c r="E6391" s="15">
        <v>45562</v>
      </c>
      <c r="F6391" s="14" t="s">
        <v>61</v>
      </c>
      <c r="G6391" s="16">
        <v>6.7167605358509685E-2</v>
      </c>
    </row>
    <row r="6392" spans="1:7" x14ac:dyDescent="0.3">
      <c r="A6392" s="13" t="s">
        <v>58</v>
      </c>
      <c r="B6392" s="14" t="s">
        <v>1</v>
      </c>
      <c r="C6392" s="14" t="s">
        <v>59</v>
      </c>
      <c r="D6392" s="14" t="s">
        <v>60</v>
      </c>
      <c r="E6392" s="15">
        <v>45563</v>
      </c>
      <c r="F6392" s="14" t="s">
        <v>61</v>
      </c>
      <c r="G6392" s="16">
        <v>6.7167605358509685E-2</v>
      </c>
    </row>
    <row r="6393" spans="1:7" x14ac:dyDescent="0.3">
      <c r="A6393" s="13" t="s">
        <v>58</v>
      </c>
      <c r="B6393" s="14" t="s">
        <v>1</v>
      </c>
      <c r="C6393" s="14" t="s">
        <v>59</v>
      </c>
      <c r="D6393" s="14" t="s">
        <v>60</v>
      </c>
      <c r="E6393" s="15">
        <v>45564</v>
      </c>
      <c r="F6393" s="14" t="s">
        <v>61</v>
      </c>
      <c r="G6393" s="16">
        <v>6.7167605358509685E-2</v>
      </c>
    </row>
    <row r="6394" spans="1:7" x14ac:dyDescent="0.3">
      <c r="A6394" s="13" t="s">
        <v>58</v>
      </c>
      <c r="B6394" s="14" t="s">
        <v>1</v>
      </c>
      <c r="C6394" s="14" t="s">
        <v>59</v>
      </c>
      <c r="D6394" s="14" t="s">
        <v>60</v>
      </c>
      <c r="E6394" s="15">
        <v>45565</v>
      </c>
      <c r="F6394" s="14" t="s">
        <v>61</v>
      </c>
      <c r="G6394" s="16">
        <v>6.4446308804348443E-2</v>
      </c>
    </row>
    <row r="6395" spans="1:7" x14ac:dyDescent="0.3">
      <c r="A6395" s="13" t="s">
        <v>58</v>
      </c>
      <c r="B6395" s="14" t="s">
        <v>1</v>
      </c>
      <c r="C6395" s="14" t="s">
        <v>59</v>
      </c>
      <c r="D6395" s="14" t="s">
        <v>60</v>
      </c>
      <c r="E6395" s="15">
        <v>45566</v>
      </c>
      <c r="F6395" s="14" t="s">
        <v>61</v>
      </c>
      <c r="G6395" s="16">
        <v>5.5999104918651232E-2</v>
      </c>
    </row>
    <row r="6396" spans="1:7" x14ac:dyDescent="0.3">
      <c r="A6396" s="13" t="s">
        <v>58</v>
      </c>
      <c r="B6396" s="14" t="s">
        <v>1</v>
      </c>
      <c r="C6396" s="14" t="s">
        <v>59</v>
      </c>
      <c r="D6396" s="14" t="s">
        <v>60</v>
      </c>
      <c r="E6396" s="15">
        <v>45567</v>
      </c>
      <c r="F6396" s="14" t="s">
        <v>61</v>
      </c>
      <c r="G6396" s="16">
        <v>5.8449788594757746E-2</v>
      </c>
    </row>
    <row r="6397" spans="1:7" x14ac:dyDescent="0.3">
      <c r="A6397" s="13" t="s">
        <v>58</v>
      </c>
      <c r="B6397" s="14" t="s">
        <v>1</v>
      </c>
      <c r="C6397" s="14" t="s">
        <v>59</v>
      </c>
      <c r="D6397" s="14" t="s">
        <v>60</v>
      </c>
      <c r="E6397" s="15">
        <v>45568</v>
      </c>
      <c r="F6397" s="14" t="s">
        <v>61</v>
      </c>
      <c r="G6397" s="16">
        <v>5.5631147576669308E-2</v>
      </c>
    </row>
    <row r="6398" spans="1:7" x14ac:dyDescent="0.3">
      <c r="A6398" s="13" t="s">
        <v>58</v>
      </c>
      <c r="B6398" s="14" t="s">
        <v>1</v>
      </c>
      <c r="C6398" s="14" t="s">
        <v>59</v>
      </c>
      <c r="D6398" s="14" t="s">
        <v>60</v>
      </c>
      <c r="E6398" s="15">
        <v>45569</v>
      </c>
      <c r="F6398" s="14" t="s">
        <v>61</v>
      </c>
      <c r="G6398" s="16">
        <v>5.299947345198304E-2</v>
      </c>
    </row>
    <row r="6399" spans="1:7" x14ac:dyDescent="0.3">
      <c r="A6399" s="13" t="s">
        <v>58</v>
      </c>
      <c r="B6399" s="14" t="s">
        <v>1</v>
      </c>
      <c r="C6399" s="14" t="s">
        <v>59</v>
      </c>
      <c r="D6399" s="14" t="s">
        <v>60</v>
      </c>
      <c r="E6399" s="15">
        <v>45570</v>
      </c>
      <c r="F6399" s="14" t="s">
        <v>61</v>
      </c>
      <c r="G6399" s="16">
        <v>5.299947345198304E-2</v>
      </c>
    </row>
    <row r="6400" spans="1:7" x14ac:dyDescent="0.3">
      <c r="A6400" s="13" t="s">
        <v>58</v>
      </c>
      <c r="B6400" s="14" t="s">
        <v>1</v>
      </c>
      <c r="C6400" s="14" t="s">
        <v>59</v>
      </c>
      <c r="D6400" s="14" t="s">
        <v>60</v>
      </c>
      <c r="E6400" s="15">
        <v>45571</v>
      </c>
      <c r="F6400" s="14" t="s">
        <v>61</v>
      </c>
      <c r="G6400" s="16">
        <v>5.299947345198304E-2</v>
      </c>
    </row>
    <row r="6401" spans="1:7" x14ac:dyDescent="0.3">
      <c r="A6401" s="13" t="s">
        <v>58</v>
      </c>
      <c r="B6401" s="14" t="s">
        <v>1</v>
      </c>
      <c r="C6401" s="14" t="s">
        <v>59</v>
      </c>
      <c r="D6401" s="14" t="s">
        <v>60</v>
      </c>
      <c r="E6401" s="15">
        <v>45572</v>
      </c>
      <c r="F6401" s="14" t="s">
        <v>61</v>
      </c>
      <c r="G6401" s="16">
        <v>5.0115991173906367E-2</v>
      </c>
    </row>
    <row r="6402" spans="1:7" x14ac:dyDescent="0.3">
      <c r="A6402" s="13" t="s">
        <v>58</v>
      </c>
      <c r="B6402" s="14" t="s">
        <v>1</v>
      </c>
      <c r="C6402" s="14" t="s">
        <v>59</v>
      </c>
      <c r="D6402" s="14" t="s">
        <v>60</v>
      </c>
      <c r="E6402" s="15">
        <v>45573</v>
      </c>
      <c r="F6402" s="14" t="s">
        <v>61</v>
      </c>
      <c r="G6402" s="16">
        <v>4.1434948118632429E-2</v>
      </c>
    </row>
    <row r="6403" spans="1:7" x14ac:dyDescent="0.3">
      <c r="A6403" s="13" t="s">
        <v>58</v>
      </c>
      <c r="B6403" s="14" t="s">
        <v>1</v>
      </c>
      <c r="C6403" s="14" t="s">
        <v>59</v>
      </c>
      <c r="D6403" s="14" t="s">
        <v>60</v>
      </c>
      <c r="E6403" s="15">
        <v>45574</v>
      </c>
      <c r="F6403" s="14" t="s">
        <v>61</v>
      </c>
      <c r="G6403" s="16">
        <v>5.4600696833010123E-2</v>
      </c>
    </row>
    <row r="6404" spans="1:7" x14ac:dyDescent="0.3">
      <c r="A6404" s="13" t="s">
        <v>58</v>
      </c>
      <c r="B6404" s="14" t="s">
        <v>1</v>
      </c>
      <c r="C6404" s="14" t="s">
        <v>59</v>
      </c>
      <c r="D6404" s="14" t="s">
        <v>60</v>
      </c>
      <c r="E6404" s="15">
        <v>45575</v>
      </c>
      <c r="F6404" s="14" t="s">
        <v>61</v>
      </c>
      <c r="G6404" s="16">
        <v>5.1733848928470265E-2</v>
      </c>
    </row>
    <row r="6405" spans="1:7" x14ac:dyDescent="0.3">
      <c r="A6405" s="13" t="s">
        <v>58</v>
      </c>
      <c r="B6405" s="14" t="s">
        <v>1</v>
      </c>
      <c r="C6405" s="14" t="s">
        <v>59</v>
      </c>
      <c r="D6405" s="14" t="s">
        <v>60</v>
      </c>
      <c r="E6405" s="15">
        <v>45576</v>
      </c>
      <c r="F6405" s="14" t="s">
        <v>61</v>
      </c>
      <c r="G6405" s="16">
        <v>4.8831591248092165E-2</v>
      </c>
    </row>
    <row r="6406" spans="1:7" x14ac:dyDescent="0.3">
      <c r="A6406" s="13" t="s">
        <v>58</v>
      </c>
      <c r="B6406" s="14" t="s">
        <v>1</v>
      </c>
      <c r="C6406" s="14" t="s">
        <v>59</v>
      </c>
      <c r="D6406" s="14" t="s">
        <v>60</v>
      </c>
      <c r="E6406" s="15">
        <v>45577</v>
      </c>
      <c r="F6406" s="14" t="s">
        <v>61</v>
      </c>
      <c r="G6406" s="16">
        <v>4.8831591248092165E-2</v>
      </c>
    </row>
    <row r="6407" spans="1:7" x14ac:dyDescent="0.3">
      <c r="A6407" s="13" t="s">
        <v>58</v>
      </c>
      <c r="B6407" s="14" t="s">
        <v>1</v>
      </c>
      <c r="C6407" s="14" t="s">
        <v>59</v>
      </c>
      <c r="D6407" s="14" t="s">
        <v>60</v>
      </c>
      <c r="E6407" s="15">
        <v>45578</v>
      </c>
      <c r="F6407" s="14" t="s">
        <v>61</v>
      </c>
      <c r="G6407" s="16">
        <v>4.8831591248092165E-2</v>
      </c>
    </row>
    <row r="6408" spans="1:7" x14ac:dyDescent="0.3">
      <c r="A6408" s="13" t="s">
        <v>58</v>
      </c>
      <c r="B6408" s="14" t="s">
        <v>1</v>
      </c>
      <c r="C6408" s="14" t="s">
        <v>59</v>
      </c>
      <c r="D6408" s="14" t="s">
        <v>60</v>
      </c>
      <c r="E6408" s="15">
        <v>45579</v>
      </c>
      <c r="F6408" s="14" t="s">
        <v>61</v>
      </c>
      <c r="G6408" s="16">
        <v>4.6067225222786633E-2</v>
      </c>
    </row>
    <row r="6409" spans="1:7" x14ac:dyDescent="0.3">
      <c r="A6409" s="13" t="s">
        <v>58</v>
      </c>
      <c r="B6409" s="14" t="s">
        <v>1</v>
      </c>
      <c r="C6409" s="14" t="s">
        <v>59</v>
      </c>
      <c r="D6409" s="14" t="s">
        <v>60</v>
      </c>
      <c r="E6409" s="15">
        <v>45580</v>
      </c>
      <c r="F6409" s="14" t="s">
        <v>61</v>
      </c>
      <c r="G6409" s="16">
        <v>3.7357893659825926E-2</v>
      </c>
    </row>
    <row r="6410" spans="1:7" x14ac:dyDescent="0.3">
      <c r="A6410" s="13" t="s">
        <v>58</v>
      </c>
      <c r="B6410" s="14" t="s">
        <v>1</v>
      </c>
      <c r="C6410" s="14" t="s">
        <v>59</v>
      </c>
      <c r="D6410" s="14" t="s">
        <v>60</v>
      </c>
      <c r="E6410" s="15">
        <v>45581</v>
      </c>
      <c r="F6410" s="14" t="s">
        <v>61</v>
      </c>
      <c r="G6410" s="16">
        <v>3.4540728735053421E-2</v>
      </c>
    </row>
    <row r="6411" spans="1:7" x14ac:dyDescent="0.3">
      <c r="A6411" s="13" t="s">
        <v>58</v>
      </c>
      <c r="B6411" s="14" t="s">
        <v>1</v>
      </c>
      <c r="C6411" s="14" t="s">
        <v>59</v>
      </c>
      <c r="D6411" s="14" t="s">
        <v>60</v>
      </c>
      <c r="E6411" s="15">
        <v>45582</v>
      </c>
      <c r="F6411" s="14" t="s">
        <v>61</v>
      </c>
      <c r="G6411" s="16">
        <v>3.1712004637612042E-2</v>
      </c>
    </row>
    <row r="6412" spans="1:7" x14ac:dyDescent="0.3">
      <c r="A6412" s="13" t="s">
        <v>58</v>
      </c>
      <c r="B6412" s="14" t="s">
        <v>1</v>
      </c>
      <c r="C6412" s="14" t="s">
        <v>59</v>
      </c>
      <c r="D6412" s="14" t="s">
        <v>60</v>
      </c>
      <c r="E6412" s="15">
        <v>45583</v>
      </c>
      <c r="F6412" s="14" t="s">
        <v>61</v>
      </c>
      <c r="G6412" s="16">
        <v>2.8701607415403115E-2</v>
      </c>
    </row>
    <row r="6413" spans="1:7" x14ac:dyDescent="0.3">
      <c r="A6413" s="13" t="s">
        <v>58</v>
      </c>
      <c r="B6413" s="14" t="s">
        <v>1</v>
      </c>
      <c r="C6413" s="14" t="s">
        <v>59</v>
      </c>
      <c r="D6413" s="14" t="s">
        <v>60</v>
      </c>
      <c r="E6413" s="15">
        <v>45584</v>
      </c>
      <c r="F6413" s="14" t="s">
        <v>61</v>
      </c>
      <c r="G6413" s="16">
        <v>2.8701607415403115E-2</v>
      </c>
    </row>
    <row r="6414" spans="1:7" x14ac:dyDescent="0.3">
      <c r="A6414" s="13" t="s">
        <v>58</v>
      </c>
      <c r="B6414" s="14" t="s">
        <v>1</v>
      </c>
      <c r="C6414" s="14" t="s">
        <v>59</v>
      </c>
      <c r="D6414" s="14" t="s">
        <v>60</v>
      </c>
      <c r="E6414" s="15">
        <v>45585</v>
      </c>
      <c r="F6414" s="14" t="s">
        <v>61</v>
      </c>
      <c r="G6414" s="16">
        <v>2.8701607415403115E-2</v>
      </c>
    </row>
    <row r="6415" spans="1:7" x14ac:dyDescent="0.3">
      <c r="A6415" s="13" t="s">
        <v>58</v>
      </c>
      <c r="B6415" s="14" t="s">
        <v>1</v>
      </c>
      <c r="C6415" s="14" t="s">
        <v>59</v>
      </c>
      <c r="D6415" s="14" t="s">
        <v>60</v>
      </c>
      <c r="E6415" s="15">
        <v>45586</v>
      </c>
      <c r="F6415" s="14" t="s">
        <v>61</v>
      </c>
      <c r="G6415" s="16">
        <v>2.592362040248156E-2</v>
      </c>
    </row>
    <row r="6416" spans="1:7" x14ac:dyDescent="0.3">
      <c r="A6416" s="13" t="s">
        <v>58</v>
      </c>
      <c r="B6416" s="14" t="s">
        <v>1</v>
      </c>
      <c r="C6416" s="14" t="s">
        <v>59</v>
      </c>
      <c r="D6416" s="14" t="s">
        <v>60</v>
      </c>
      <c r="E6416" s="15">
        <v>45587</v>
      </c>
      <c r="F6416" s="14" t="s">
        <v>61</v>
      </c>
      <c r="G6416" s="16">
        <v>1.7126438329436715E-2</v>
      </c>
    </row>
    <row r="6417" spans="1:7" x14ac:dyDescent="0.3">
      <c r="A6417" s="13" t="s">
        <v>58</v>
      </c>
      <c r="B6417" s="14" t="s">
        <v>1</v>
      </c>
      <c r="C6417" s="14" t="s">
        <v>59</v>
      </c>
      <c r="D6417" s="14" t="s">
        <v>60</v>
      </c>
      <c r="E6417" s="15">
        <v>45588</v>
      </c>
      <c r="F6417" s="14" t="s">
        <v>61</v>
      </c>
      <c r="G6417" s="16">
        <v>1.4240803317752442E-2</v>
      </c>
    </row>
    <row r="6418" spans="1:7" x14ac:dyDescent="0.3">
      <c r="A6418" s="13" t="s">
        <v>58</v>
      </c>
      <c r="B6418" s="14" t="s">
        <v>1</v>
      </c>
      <c r="C6418" s="14" t="s">
        <v>59</v>
      </c>
      <c r="D6418" s="14" t="s">
        <v>60</v>
      </c>
      <c r="E6418" s="15">
        <v>45589</v>
      </c>
      <c r="F6418" s="14" t="s">
        <v>61</v>
      </c>
      <c r="G6418" s="16">
        <v>1.1285297804973952E-2</v>
      </c>
    </row>
    <row r="6419" spans="1:7" x14ac:dyDescent="0.3">
      <c r="A6419" s="13" t="s">
        <v>58</v>
      </c>
      <c r="B6419" s="14" t="s">
        <v>1</v>
      </c>
      <c r="C6419" s="14" t="s">
        <v>59</v>
      </c>
      <c r="D6419" s="14" t="s">
        <v>60</v>
      </c>
      <c r="E6419" s="15">
        <v>45590</v>
      </c>
      <c r="F6419" s="14" t="s">
        <v>61</v>
      </c>
      <c r="G6419" s="16">
        <v>8.4333596951085259E-3</v>
      </c>
    </row>
    <row r="6420" spans="1:7" x14ac:dyDescent="0.3">
      <c r="A6420" s="13" t="s">
        <v>58</v>
      </c>
      <c r="B6420" s="14" t="s">
        <v>1</v>
      </c>
      <c r="C6420" s="14" t="s">
        <v>59</v>
      </c>
      <c r="D6420" s="14" t="s">
        <v>60</v>
      </c>
      <c r="E6420" s="15">
        <v>45591</v>
      </c>
      <c r="F6420" s="14" t="s">
        <v>61</v>
      </c>
      <c r="G6420" s="16">
        <v>8.4333596951085259E-3</v>
      </c>
    </row>
    <row r="6421" spans="1:7" x14ac:dyDescent="0.3">
      <c r="A6421" s="13" t="s">
        <v>58</v>
      </c>
      <c r="B6421" s="14" t="s">
        <v>1</v>
      </c>
      <c r="C6421" s="14" t="s">
        <v>59</v>
      </c>
      <c r="D6421" s="14" t="s">
        <v>60</v>
      </c>
      <c r="E6421" s="15">
        <v>45592</v>
      </c>
      <c r="F6421" s="14" t="s">
        <v>61</v>
      </c>
      <c r="G6421" s="16">
        <v>8.4333596951085259E-3</v>
      </c>
    </row>
    <row r="6422" spans="1:7" x14ac:dyDescent="0.3">
      <c r="A6422" s="13" t="s">
        <v>58</v>
      </c>
      <c r="B6422" s="14" t="s">
        <v>1</v>
      </c>
      <c r="C6422" s="14" t="s">
        <v>59</v>
      </c>
      <c r="D6422" s="14" t="s">
        <v>60</v>
      </c>
      <c r="E6422" s="15">
        <v>45593</v>
      </c>
      <c r="F6422" s="14" t="s">
        <v>61</v>
      </c>
      <c r="G6422" s="16">
        <v>8.4333596951085259E-3</v>
      </c>
    </row>
    <row r="6423" spans="1:7" x14ac:dyDescent="0.3">
      <c r="A6423" s="13" t="s">
        <v>58</v>
      </c>
      <c r="B6423" s="14" t="s">
        <v>1</v>
      </c>
      <c r="C6423" s="14" t="s">
        <v>59</v>
      </c>
      <c r="D6423" s="14" t="s">
        <v>60</v>
      </c>
      <c r="E6423" s="15">
        <v>45594</v>
      </c>
      <c r="F6423" s="14" t="s">
        <v>61</v>
      </c>
      <c r="G6423" s="16">
        <v>5.5800519081871981E-3</v>
      </c>
    </row>
    <row r="6424" spans="1:7" x14ac:dyDescent="0.3">
      <c r="A6424" s="13" t="s">
        <v>58</v>
      </c>
      <c r="B6424" s="14" t="s">
        <v>1</v>
      </c>
      <c r="C6424" s="14" t="s">
        <v>59</v>
      </c>
      <c r="D6424" s="14" t="s">
        <v>60</v>
      </c>
      <c r="E6424" s="15">
        <v>45595</v>
      </c>
      <c r="F6424" s="14" t="s">
        <v>61</v>
      </c>
      <c r="G6424" s="16">
        <v>0</v>
      </c>
    </row>
    <row r="6425" spans="1:7" x14ac:dyDescent="0.3">
      <c r="A6425" s="13" t="s">
        <v>58</v>
      </c>
      <c r="B6425" s="14" t="s">
        <v>1</v>
      </c>
      <c r="C6425" s="14" t="s">
        <v>59</v>
      </c>
      <c r="D6425" s="14" t="s">
        <v>60</v>
      </c>
      <c r="E6425" s="15">
        <v>45596</v>
      </c>
      <c r="F6425" s="14" t="s">
        <v>61</v>
      </c>
      <c r="G6425" s="16">
        <v>0</v>
      </c>
    </row>
    <row r="6426" spans="1:7" x14ac:dyDescent="0.3">
      <c r="A6426" s="13" t="s">
        <v>58</v>
      </c>
      <c r="B6426" s="14" t="s">
        <v>1</v>
      </c>
      <c r="C6426" s="14" t="s">
        <v>59</v>
      </c>
      <c r="D6426" s="14" t="s">
        <v>60</v>
      </c>
      <c r="E6426" s="15">
        <v>45597</v>
      </c>
      <c r="F6426" s="14" t="s">
        <v>61</v>
      </c>
      <c r="G6426" s="16">
        <v>0</v>
      </c>
    </row>
    <row r="6427" spans="1:7" x14ac:dyDescent="0.3">
      <c r="A6427" s="13" t="s">
        <v>58</v>
      </c>
      <c r="B6427" s="14" t="s">
        <v>1</v>
      </c>
      <c r="C6427" s="14" t="s">
        <v>59</v>
      </c>
      <c r="D6427" s="14" t="s">
        <v>60</v>
      </c>
      <c r="E6427" s="15">
        <v>45598</v>
      </c>
      <c r="F6427" s="14" t="s">
        <v>61</v>
      </c>
      <c r="G6427" s="16">
        <v>0</v>
      </c>
    </row>
    <row r="6428" spans="1:7" x14ac:dyDescent="0.3">
      <c r="A6428" s="13" t="s">
        <v>58</v>
      </c>
      <c r="B6428" s="14" t="s">
        <v>1</v>
      </c>
      <c r="C6428" s="14" t="s">
        <v>59</v>
      </c>
      <c r="D6428" s="14" t="s">
        <v>60</v>
      </c>
      <c r="E6428" s="15">
        <v>45599</v>
      </c>
      <c r="F6428" s="14" t="s">
        <v>61</v>
      </c>
      <c r="G6428" s="16">
        <v>0</v>
      </c>
    </row>
    <row r="6429" spans="1:7" x14ac:dyDescent="0.3">
      <c r="A6429" s="13" t="s">
        <v>58</v>
      </c>
      <c r="B6429" s="14" t="s">
        <v>1</v>
      </c>
      <c r="C6429" s="14" t="s">
        <v>59</v>
      </c>
      <c r="D6429" s="14" t="s">
        <v>60</v>
      </c>
      <c r="E6429" s="15">
        <v>45600</v>
      </c>
      <c r="F6429" s="14" t="s">
        <v>61</v>
      </c>
      <c r="G6429" s="16">
        <v>0</v>
      </c>
    </row>
    <row r="6430" spans="1:7" x14ac:dyDescent="0.3">
      <c r="A6430" s="13" t="s">
        <v>58</v>
      </c>
      <c r="B6430" s="14" t="s">
        <v>1</v>
      </c>
      <c r="C6430" s="14" t="s">
        <v>59</v>
      </c>
      <c r="D6430" s="14" t="s">
        <v>60</v>
      </c>
      <c r="E6430" s="15">
        <v>45601</v>
      </c>
      <c r="F6430" s="14" t="s">
        <v>61</v>
      </c>
      <c r="G6430" s="16">
        <v>0</v>
      </c>
    </row>
    <row r="6431" spans="1:7" x14ac:dyDescent="0.3">
      <c r="A6431" s="13" t="s">
        <v>58</v>
      </c>
      <c r="B6431" s="14" t="s">
        <v>1</v>
      </c>
      <c r="C6431" s="14" t="s">
        <v>59</v>
      </c>
      <c r="D6431" s="14" t="s">
        <v>60</v>
      </c>
      <c r="E6431" s="15">
        <v>45602</v>
      </c>
      <c r="F6431" s="14" t="s">
        <v>61</v>
      </c>
      <c r="G6431" s="16">
        <v>0</v>
      </c>
    </row>
    <row r="6432" spans="1:7" x14ac:dyDescent="0.3">
      <c r="A6432" s="13" t="s">
        <v>58</v>
      </c>
      <c r="B6432" s="14" t="s">
        <v>1</v>
      </c>
      <c r="C6432" s="14" t="s">
        <v>59</v>
      </c>
      <c r="D6432" s="14" t="s">
        <v>60</v>
      </c>
      <c r="E6432" s="15">
        <v>45603</v>
      </c>
      <c r="F6432" s="14" t="s">
        <v>61</v>
      </c>
      <c r="G6432" s="16">
        <v>0</v>
      </c>
    </row>
    <row r="6433" spans="1:7" x14ac:dyDescent="0.3">
      <c r="A6433" s="13" t="s">
        <v>58</v>
      </c>
      <c r="B6433" s="14" t="s">
        <v>1</v>
      </c>
      <c r="C6433" s="14" t="s">
        <v>59</v>
      </c>
      <c r="D6433" s="14" t="s">
        <v>60</v>
      </c>
      <c r="E6433" s="15">
        <v>45604</v>
      </c>
      <c r="F6433" s="14" t="s">
        <v>61</v>
      </c>
      <c r="G6433" s="16">
        <v>0</v>
      </c>
    </row>
    <row r="6434" spans="1:7" x14ac:dyDescent="0.3">
      <c r="A6434" s="13" t="s">
        <v>58</v>
      </c>
      <c r="B6434" s="14" t="s">
        <v>1</v>
      </c>
      <c r="C6434" s="14" t="s">
        <v>59</v>
      </c>
      <c r="D6434" s="14" t="s">
        <v>60</v>
      </c>
      <c r="E6434" s="15">
        <v>45605</v>
      </c>
      <c r="F6434" s="14" t="s">
        <v>61</v>
      </c>
      <c r="G6434" s="16">
        <v>0</v>
      </c>
    </row>
    <row r="6435" spans="1:7" x14ac:dyDescent="0.3">
      <c r="A6435" s="13" t="s">
        <v>58</v>
      </c>
      <c r="B6435" s="14" t="s">
        <v>1</v>
      </c>
      <c r="C6435" s="14" t="s">
        <v>59</v>
      </c>
      <c r="D6435" s="14" t="s">
        <v>60</v>
      </c>
      <c r="E6435" s="15">
        <v>45606</v>
      </c>
      <c r="F6435" s="14" t="s">
        <v>61</v>
      </c>
      <c r="G6435" s="16">
        <v>0</v>
      </c>
    </row>
    <row r="6436" spans="1:7" x14ac:dyDescent="0.3">
      <c r="A6436" s="13" t="s">
        <v>58</v>
      </c>
      <c r="B6436" s="14" t="s">
        <v>1</v>
      </c>
      <c r="C6436" s="14" t="s">
        <v>59</v>
      </c>
      <c r="D6436" s="14" t="s">
        <v>60</v>
      </c>
      <c r="E6436" s="15">
        <v>45607</v>
      </c>
      <c r="F6436" s="14" t="s">
        <v>61</v>
      </c>
      <c r="G6436" s="16">
        <v>0</v>
      </c>
    </row>
    <row r="6437" spans="1:7" x14ac:dyDescent="0.3">
      <c r="A6437" s="13" t="s">
        <v>58</v>
      </c>
      <c r="B6437" s="14" t="s">
        <v>1</v>
      </c>
      <c r="C6437" s="14" t="s">
        <v>59</v>
      </c>
      <c r="D6437" s="14" t="s">
        <v>60</v>
      </c>
      <c r="E6437" s="15">
        <v>45608</v>
      </c>
      <c r="F6437" s="14" t="s">
        <v>61</v>
      </c>
      <c r="G6437" s="16">
        <v>0</v>
      </c>
    </row>
    <row r="6438" spans="1:7" x14ac:dyDescent="0.3">
      <c r="A6438" s="13" t="s">
        <v>58</v>
      </c>
      <c r="B6438" s="14" t="s">
        <v>1</v>
      </c>
      <c r="C6438" s="14" t="s">
        <v>59</v>
      </c>
      <c r="D6438" s="14" t="s">
        <v>60</v>
      </c>
      <c r="E6438" s="15">
        <v>45609</v>
      </c>
      <c r="F6438" s="14" t="s">
        <v>61</v>
      </c>
      <c r="G6438" s="16">
        <v>0</v>
      </c>
    </row>
    <row r="6439" spans="1:7" x14ac:dyDescent="0.3">
      <c r="A6439" s="13" t="s">
        <v>58</v>
      </c>
      <c r="B6439" s="14" t="s">
        <v>1</v>
      </c>
      <c r="C6439" s="14" t="s">
        <v>59</v>
      </c>
      <c r="D6439" s="14" t="s">
        <v>60</v>
      </c>
      <c r="E6439" s="15">
        <v>45610</v>
      </c>
      <c r="F6439" s="14" t="s">
        <v>61</v>
      </c>
      <c r="G6439" s="16">
        <v>0</v>
      </c>
    </row>
    <row r="6440" spans="1:7" x14ac:dyDescent="0.3">
      <c r="A6440" s="13" t="s">
        <v>58</v>
      </c>
      <c r="B6440" s="14" t="s">
        <v>1</v>
      </c>
      <c r="C6440" s="14" t="s">
        <v>59</v>
      </c>
      <c r="D6440" s="14" t="s">
        <v>60</v>
      </c>
      <c r="E6440" s="15">
        <v>45611</v>
      </c>
      <c r="F6440" s="14" t="s">
        <v>61</v>
      </c>
      <c r="G6440" s="16">
        <v>0.16827650003815453</v>
      </c>
    </row>
    <row r="6441" spans="1:7" x14ac:dyDescent="0.3">
      <c r="A6441" s="13" t="s">
        <v>58</v>
      </c>
      <c r="B6441" s="14" t="s">
        <v>1</v>
      </c>
      <c r="C6441" s="14" t="s">
        <v>59</v>
      </c>
      <c r="D6441" s="14" t="s">
        <v>60</v>
      </c>
      <c r="E6441" s="15">
        <v>45612</v>
      </c>
      <c r="F6441" s="14" t="s">
        <v>61</v>
      </c>
      <c r="G6441" s="16">
        <v>0.16827650003815453</v>
      </c>
    </row>
    <row r="6442" spans="1:7" x14ac:dyDescent="0.3">
      <c r="A6442" s="13" t="s">
        <v>58</v>
      </c>
      <c r="B6442" s="14" t="s">
        <v>1</v>
      </c>
      <c r="C6442" s="14" t="s">
        <v>59</v>
      </c>
      <c r="D6442" s="14" t="s">
        <v>60</v>
      </c>
      <c r="E6442" s="15">
        <v>45613</v>
      </c>
      <c r="F6442" s="14" t="s">
        <v>61</v>
      </c>
      <c r="G6442" s="16">
        <v>0.16827650003815453</v>
      </c>
    </row>
    <row r="6443" spans="1:7" x14ac:dyDescent="0.3">
      <c r="A6443" s="13" t="s">
        <v>58</v>
      </c>
      <c r="B6443" s="14" t="s">
        <v>1</v>
      </c>
      <c r="C6443" s="14" t="s">
        <v>59</v>
      </c>
      <c r="D6443" s="14" t="s">
        <v>60</v>
      </c>
      <c r="E6443" s="15">
        <v>45614</v>
      </c>
      <c r="F6443" s="14" t="s">
        <v>61</v>
      </c>
      <c r="G6443" s="16">
        <v>0.16443673696536126</v>
      </c>
    </row>
    <row r="6444" spans="1:7" x14ac:dyDescent="0.3">
      <c r="A6444" s="13" t="s">
        <v>58</v>
      </c>
      <c r="B6444" s="14" t="s">
        <v>1</v>
      </c>
      <c r="C6444" s="14" t="s">
        <v>59</v>
      </c>
      <c r="D6444" s="14" t="s">
        <v>60</v>
      </c>
      <c r="E6444" s="15">
        <v>45615</v>
      </c>
      <c r="F6444" s="14" t="s">
        <v>61</v>
      </c>
      <c r="G6444" s="16">
        <v>0.15588163953841119</v>
      </c>
    </row>
    <row r="6445" spans="1:7" x14ac:dyDescent="0.3">
      <c r="A6445" s="13" t="s">
        <v>58</v>
      </c>
      <c r="B6445" s="14" t="s">
        <v>1</v>
      </c>
      <c r="C6445" s="14" t="s">
        <v>59</v>
      </c>
      <c r="D6445" s="14" t="s">
        <v>60</v>
      </c>
      <c r="E6445" s="15">
        <v>45616</v>
      </c>
      <c r="F6445" s="14" t="s">
        <v>61</v>
      </c>
      <c r="G6445" s="16">
        <v>0.15375035929050138</v>
      </c>
    </row>
    <row r="6446" spans="1:7" x14ac:dyDescent="0.3">
      <c r="A6446" s="13" t="s">
        <v>58</v>
      </c>
      <c r="B6446" s="14" t="s">
        <v>1</v>
      </c>
      <c r="C6446" s="14" t="s">
        <v>59</v>
      </c>
      <c r="D6446" s="14" t="s">
        <v>60</v>
      </c>
      <c r="E6446" s="15">
        <v>45617</v>
      </c>
      <c r="F6446" s="14" t="s">
        <v>61</v>
      </c>
      <c r="G6446" s="16">
        <v>0.15185614330507313</v>
      </c>
    </row>
    <row r="6447" spans="1:7" x14ac:dyDescent="0.3">
      <c r="A6447" s="13" t="s">
        <v>58</v>
      </c>
      <c r="B6447" s="14" t="s">
        <v>1</v>
      </c>
      <c r="C6447" s="14" t="s">
        <v>59</v>
      </c>
      <c r="D6447" s="14" t="s">
        <v>60</v>
      </c>
      <c r="E6447" s="15">
        <v>45618</v>
      </c>
      <c r="F6447" s="14" t="s">
        <v>61</v>
      </c>
      <c r="G6447" s="16">
        <v>0.14972911738685779</v>
      </c>
    </row>
    <row r="6448" spans="1:7" x14ac:dyDescent="0.3">
      <c r="A6448" s="13" t="s">
        <v>58</v>
      </c>
      <c r="B6448" s="14" t="s">
        <v>1</v>
      </c>
      <c r="C6448" s="14" t="s">
        <v>59</v>
      </c>
      <c r="D6448" s="14" t="s">
        <v>60</v>
      </c>
      <c r="E6448" s="15">
        <v>45619</v>
      </c>
      <c r="F6448" s="14" t="s">
        <v>61</v>
      </c>
      <c r="G6448" s="16">
        <v>0.14972911738685779</v>
      </c>
    </row>
    <row r="6449" spans="1:7" x14ac:dyDescent="0.3">
      <c r="A6449" s="13" t="s">
        <v>58</v>
      </c>
      <c r="B6449" s="14" t="s">
        <v>1</v>
      </c>
      <c r="C6449" s="14" t="s">
        <v>59</v>
      </c>
      <c r="D6449" s="14" t="s">
        <v>60</v>
      </c>
      <c r="E6449" s="15">
        <v>45620</v>
      </c>
      <c r="F6449" s="14" t="s">
        <v>61</v>
      </c>
      <c r="G6449" s="16">
        <v>0.14972911738685779</v>
      </c>
    </row>
    <row r="6450" spans="1:7" x14ac:dyDescent="0.3">
      <c r="A6450" s="13" t="s">
        <v>58</v>
      </c>
      <c r="B6450" s="14" t="s">
        <v>1</v>
      </c>
      <c r="C6450" s="14" t="s">
        <v>59</v>
      </c>
      <c r="D6450" s="14" t="s">
        <v>60</v>
      </c>
      <c r="E6450" s="15">
        <v>45621</v>
      </c>
      <c r="F6450" s="14" t="s">
        <v>61</v>
      </c>
      <c r="G6450" s="16">
        <v>0.14578230123870001</v>
      </c>
    </row>
    <row r="6451" spans="1:7" x14ac:dyDescent="0.3">
      <c r="A6451" s="13" t="s">
        <v>58</v>
      </c>
      <c r="B6451" s="14" t="s">
        <v>1</v>
      </c>
      <c r="C6451" s="14" t="s">
        <v>59</v>
      </c>
      <c r="D6451" s="14" t="s">
        <v>60</v>
      </c>
      <c r="E6451" s="15">
        <v>45622</v>
      </c>
      <c r="F6451" s="14" t="s">
        <v>61</v>
      </c>
      <c r="G6451" s="16">
        <v>0.13716486913195733</v>
      </c>
    </row>
    <row r="6452" spans="1:7" x14ac:dyDescent="0.3">
      <c r="A6452" s="13" t="s">
        <v>58</v>
      </c>
      <c r="B6452" s="14" t="s">
        <v>1</v>
      </c>
      <c r="C6452" s="14" t="s">
        <v>59</v>
      </c>
      <c r="D6452" s="14" t="s">
        <v>60</v>
      </c>
      <c r="E6452" s="15">
        <v>45623</v>
      </c>
      <c r="F6452" s="14" t="s">
        <v>61</v>
      </c>
      <c r="G6452" s="16">
        <v>0.13326121440677965</v>
      </c>
    </row>
    <row r="6453" spans="1:7" x14ac:dyDescent="0.3">
      <c r="A6453" s="13" t="s">
        <v>58</v>
      </c>
      <c r="B6453" s="14" t="s">
        <v>1</v>
      </c>
      <c r="C6453" s="14" t="s">
        <v>59</v>
      </c>
      <c r="D6453" s="14" t="s">
        <v>60</v>
      </c>
      <c r="E6453" s="15">
        <v>45624</v>
      </c>
      <c r="F6453" s="14" t="s">
        <v>61</v>
      </c>
      <c r="G6453" s="16">
        <v>0.20235817491969918</v>
      </c>
    </row>
    <row r="6454" spans="1:7" x14ac:dyDescent="0.3">
      <c r="A6454" s="13" t="s">
        <v>58</v>
      </c>
      <c r="B6454" s="14" t="s">
        <v>1</v>
      </c>
      <c r="C6454" s="14" t="s">
        <v>59</v>
      </c>
      <c r="D6454" s="14" t="s">
        <v>60</v>
      </c>
      <c r="E6454" s="15">
        <v>45625</v>
      </c>
      <c r="F6454" s="14" t="s">
        <v>61</v>
      </c>
      <c r="G6454" s="16">
        <v>0.19905176328128946</v>
      </c>
    </row>
    <row r="6455" spans="1:7" x14ac:dyDescent="0.3">
      <c r="A6455" s="13" t="s">
        <v>58</v>
      </c>
      <c r="B6455" s="14" t="s">
        <v>1</v>
      </c>
      <c r="C6455" s="14" t="s">
        <v>59</v>
      </c>
      <c r="D6455" s="14" t="s">
        <v>60</v>
      </c>
      <c r="E6455" s="15">
        <v>45626</v>
      </c>
      <c r="F6455" s="14" t="s">
        <v>61</v>
      </c>
      <c r="G6455" s="16">
        <v>0.19905176328128946</v>
      </c>
    </row>
    <row r="6456" spans="1:7" x14ac:dyDescent="0.3">
      <c r="A6456" s="13" t="s">
        <v>58</v>
      </c>
      <c r="B6456" s="14" t="s">
        <v>1</v>
      </c>
      <c r="C6456" s="14" t="s">
        <v>59</v>
      </c>
      <c r="D6456" s="14" t="s">
        <v>60</v>
      </c>
      <c r="E6456" s="15">
        <v>45627</v>
      </c>
      <c r="F6456" s="14" t="s">
        <v>61</v>
      </c>
      <c r="G6456" s="16">
        <v>0.19905176328128946</v>
      </c>
    </row>
    <row r="6457" spans="1:7" x14ac:dyDescent="0.3">
      <c r="A6457" s="13" t="s">
        <v>58</v>
      </c>
      <c r="B6457" s="14" t="s">
        <v>1</v>
      </c>
      <c r="C6457" s="14" t="s">
        <v>59</v>
      </c>
      <c r="D6457" s="14" t="s">
        <v>60</v>
      </c>
      <c r="E6457" s="15">
        <v>45628</v>
      </c>
      <c r="F6457" s="14" t="s">
        <v>61</v>
      </c>
      <c r="G6457" s="16">
        <v>0.19762270487174613</v>
      </c>
    </row>
    <row r="6458" spans="1:7" x14ac:dyDescent="0.3">
      <c r="A6458" s="13" t="s">
        <v>58</v>
      </c>
      <c r="B6458" s="14" t="s">
        <v>1</v>
      </c>
      <c r="C6458" s="14" t="s">
        <v>59</v>
      </c>
      <c r="D6458" s="14" t="s">
        <v>60</v>
      </c>
      <c r="E6458" s="15">
        <v>45629</v>
      </c>
      <c r="F6458" s="14" t="s">
        <v>61</v>
      </c>
      <c r="G6458" s="16">
        <v>0.18849650868336629</v>
      </c>
    </row>
    <row r="6459" spans="1:7" x14ac:dyDescent="0.3">
      <c r="A6459" s="13" t="s">
        <v>58</v>
      </c>
      <c r="B6459" s="14" t="s">
        <v>1</v>
      </c>
      <c r="C6459" s="14" t="s">
        <v>59</v>
      </c>
      <c r="D6459" s="14" t="s">
        <v>60</v>
      </c>
      <c r="E6459" s="15">
        <v>45630</v>
      </c>
      <c r="F6459" s="14" t="s">
        <v>61</v>
      </c>
      <c r="G6459" s="16">
        <v>0.18446864302239785</v>
      </c>
    </row>
    <row r="6460" spans="1:7" x14ac:dyDescent="0.3">
      <c r="A6460" s="13" t="s">
        <v>58</v>
      </c>
      <c r="B6460" s="14" t="s">
        <v>1</v>
      </c>
      <c r="C6460" s="14" t="s">
        <v>59</v>
      </c>
      <c r="D6460" s="14" t="s">
        <v>60</v>
      </c>
      <c r="E6460" s="15">
        <v>45631</v>
      </c>
      <c r="F6460" s="14" t="s">
        <v>61</v>
      </c>
      <c r="G6460" s="16">
        <v>0.18023359589944285</v>
      </c>
    </row>
    <row r="6461" spans="1:7" x14ac:dyDescent="0.3">
      <c r="A6461" s="13" t="s">
        <v>58</v>
      </c>
      <c r="B6461" s="14" t="s">
        <v>1</v>
      </c>
      <c r="C6461" s="14" t="s">
        <v>59</v>
      </c>
      <c r="D6461" s="14" t="s">
        <v>60</v>
      </c>
      <c r="E6461" s="15">
        <v>45632</v>
      </c>
      <c r="F6461" s="14" t="s">
        <v>61</v>
      </c>
      <c r="G6461" s="16">
        <v>0.17758731203671196</v>
      </c>
    </row>
    <row r="6462" spans="1:7" x14ac:dyDescent="0.3">
      <c r="A6462" s="13" t="s">
        <v>58</v>
      </c>
      <c r="B6462" s="14" t="s">
        <v>1</v>
      </c>
      <c r="C6462" s="14" t="s">
        <v>59</v>
      </c>
      <c r="D6462" s="14" t="s">
        <v>60</v>
      </c>
      <c r="E6462" s="15">
        <v>45633</v>
      </c>
      <c r="F6462" s="14" t="s">
        <v>61</v>
      </c>
      <c r="G6462" s="16">
        <v>0.17758731203671196</v>
      </c>
    </row>
    <row r="6463" spans="1:7" x14ac:dyDescent="0.3">
      <c r="A6463" s="13" t="s">
        <v>58</v>
      </c>
      <c r="B6463" s="14" t="s">
        <v>1</v>
      </c>
      <c r="C6463" s="14" t="s">
        <v>59</v>
      </c>
      <c r="D6463" s="14" t="s">
        <v>60</v>
      </c>
      <c r="E6463" s="15">
        <v>45634</v>
      </c>
      <c r="F6463" s="14" t="s">
        <v>61</v>
      </c>
      <c r="G6463" s="16">
        <v>0.17758731203671196</v>
      </c>
    </row>
    <row r="6464" spans="1:7" x14ac:dyDescent="0.3">
      <c r="A6464" s="13" t="s">
        <v>58</v>
      </c>
      <c r="B6464" s="14" t="s">
        <v>1</v>
      </c>
      <c r="C6464" s="14" t="s">
        <v>59</v>
      </c>
      <c r="D6464" s="14" t="s">
        <v>60</v>
      </c>
      <c r="E6464" s="15">
        <v>45635</v>
      </c>
      <c r="F6464" s="14" t="s">
        <v>61</v>
      </c>
      <c r="G6464" s="16">
        <v>0.17489915988893032</v>
      </c>
    </row>
    <row r="6465" spans="1:7" x14ac:dyDescent="0.3">
      <c r="A6465" s="13" t="s">
        <v>58</v>
      </c>
      <c r="B6465" s="14" t="s">
        <v>1</v>
      </c>
      <c r="C6465" s="14" t="s">
        <v>59</v>
      </c>
      <c r="D6465" s="14" t="s">
        <v>60</v>
      </c>
      <c r="E6465" s="15">
        <v>45636</v>
      </c>
      <c r="F6465" s="14" t="s">
        <v>61</v>
      </c>
      <c r="G6465" s="16">
        <v>0.16642035229727728</v>
      </c>
    </row>
    <row r="6466" spans="1:7" x14ac:dyDescent="0.3">
      <c r="A6466" s="13" t="s">
        <v>58</v>
      </c>
      <c r="B6466" s="14" t="s">
        <v>1</v>
      </c>
      <c r="C6466" s="14" t="s">
        <v>59</v>
      </c>
      <c r="D6466" s="14" t="s">
        <v>60</v>
      </c>
      <c r="E6466" s="15">
        <v>45637</v>
      </c>
      <c r="F6466" s="14" t="s">
        <v>61</v>
      </c>
      <c r="G6466" s="16">
        <v>0.16395834478818763</v>
      </c>
    </row>
    <row r="6467" spans="1:7" x14ac:dyDescent="0.3">
      <c r="A6467" s="13" t="s">
        <v>58</v>
      </c>
      <c r="B6467" s="14" t="s">
        <v>1</v>
      </c>
      <c r="C6467" s="14" t="s">
        <v>59</v>
      </c>
      <c r="D6467" s="14" t="s">
        <v>60</v>
      </c>
      <c r="E6467" s="15">
        <v>45638</v>
      </c>
      <c r="F6467" s="14" t="s">
        <v>61</v>
      </c>
      <c r="G6467" s="16">
        <v>0.16146045324583047</v>
      </c>
    </row>
    <row r="6468" spans="1:7" x14ac:dyDescent="0.3">
      <c r="A6468" s="13" t="s">
        <v>58</v>
      </c>
      <c r="B6468" s="14" t="s">
        <v>1</v>
      </c>
      <c r="C6468" s="14" t="s">
        <v>59</v>
      </c>
      <c r="D6468" s="14" t="s">
        <v>60</v>
      </c>
      <c r="E6468" s="15">
        <v>45639</v>
      </c>
      <c r="F6468" s="14" t="s">
        <v>61</v>
      </c>
      <c r="G6468" s="16">
        <v>0.21149345331605851</v>
      </c>
    </row>
    <row r="6469" spans="1:7" x14ac:dyDescent="0.3">
      <c r="A6469" s="13" t="s">
        <v>58</v>
      </c>
      <c r="B6469" s="14" t="s">
        <v>1</v>
      </c>
      <c r="C6469" s="14" t="s">
        <v>59</v>
      </c>
      <c r="D6469" s="14" t="s">
        <v>60</v>
      </c>
      <c r="E6469" s="15">
        <v>45640</v>
      </c>
      <c r="F6469" s="14" t="s">
        <v>61</v>
      </c>
      <c r="G6469" s="16">
        <v>0.21149345331605851</v>
      </c>
    </row>
    <row r="6470" spans="1:7" x14ac:dyDescent="0.3">
      <c r="A6470" s="13" t="s">
        <v>58</v>
      </c>
      <c r="B6470" s="14" t="s">
        <v>1</v>
      </c>
      <c r="C6470" s="14" t="s">
        <v>59</v>
      </c>
      <c r="D6470" s="14" t="s">
        <v>60</v>
      </c>
      <c r="E6470" s="15">
        <v>45641</v>
      </c>
      <c r="F6470" s="14" t="s">
        <v>61</v>
      </c>
      <c r="G6470" s="16">
        <v>0.21149345331605851</v>
      </c>
    </row>
    <row r="6471" spans="1:7" x14ac:dyDescent="0.3">
      <c r="A6471" s="13" t="s">
        <v>58</v>
      </c>
      <c r="B6471" s="14" t="s">
        <v>1</v>
      </c>
      <c r="C6471" s="14" t="s">
        <v>59</v>
      </c>
      <c r="D6471" s="14" t="s">
        <v>60</v>
      </c>
      <c r="E6471" s="15">
        <v>45642</v>
      </c>
      <c r="F6471" s="14" t="s">
        <v>61</v>
      </c>
      <c r="G6471" s="16">
        <v>0.20834600161779773</v>
      </c>
    </row>
    <row r="6472" spans="1:7" x14ac:dyDescent="0.3">
      <c r="A6472" s="13" t="s">
        <v>58</v>
      </c>
      <c r="B6472" s="14" t="s">
        <v>1</v>
      </c>
      <c r="C6472" s="14" t="s">
        <v>59</v>
      </c>
      <c r="D6472" s="14" t="s">
        <v>60</v>
      </c>
      <c r="E6472" s="15">
        <v>45643</v>
      </c>
      <c r="F6472" s="14" t="s">
        <v>61</v>
      </c>
      <c r="G6472" s="16">
        <v>0.1999406477711764</v>
      </c>
    </row>
    <row r="6473" spans="1:7" x14ac:dyDescent="0.3">
      <c r="A6473" s="13" t="s">
        <v>58</v>
      </c>
      <c r="B6473" s="14" t="s">
        <v>1</v>
      </c>
      <c r="C6473" s="14" t="s">
        <v>59</v>
      </c>
      <c r="D6473" s="14" t="s">
        <v>60</v>
      </c>
      <c r="E6473" s="15">
        <v>45644</v>
      </c>
      <c r="F6473" s="14" t="s">
        <v>61</v>
      </c>
      <c r="G6473" s="16">
        <v>0.19966186441340761</v>
      </c>
    </row>
    <row r="6474" spans="1:7" x14ac:dyDescent="0.3">
      <c r="A6474" s="13" t="s">
        <v>58</v>
      </c>
      <c r="B6474" s="14" t="s">
        <v>1</v>
      </c>
      <c r="C6474" s="14" t="s">
        <v>59</v>
      </c>
      <c r="D6474" s="14" t="s">
        <v>60</v>
      </c>
      <c r="E6474" s="15">
        <v>45645</v>
      </c>
      <c r="F6474" s="14" t="s">
        <v>61</v>
      </c>
      <c r="G6474" s="16">
        <v>0.19648020740037694</v>
      </c>
    </row>
    <row r="6475" spans="1:7" x14ac:dyDescent="0.3">
      <c r="A6475" s="13" t="s">
        <v>58</v>
      </c>
      <c r="B6475" s="14" t="s">
        <v>1</v>
      </c>
      <c r="C6475" s="14" t="s">
        <v>59</v>
      </c>
      <c r="D6475" s="14" t="s">
        <v>60</v>
      </c>
      <c r="E6475" s="15">
        <v>45646</v>
      </c>
      <c r="F6475" s="14" t="s">
        <v>61</v>
      </c>
      <c r="G6475" s="16">
        <v>0.192269915315645</v>
      </c>
    </row>
    <row r="6476" spans="1:7" x14ac:dyDescent="0.3">
      <c r="A6476" s="13" t="s">
        <v>58</v>
      </c>
      <c r="B6476" s="14" t="s">
        <v>1</v>
      </c>
      <c r="C6476" s="14" t="s">
        <v>59</v>
      </c>
      <c r="D6476" s="14" t="s">
        <v>60</v>
      </c>
      <c r="E6476" s="15">
        <v>45647</v>
      </c>
      <c r="F6476" s="14" t="s">
        <v>61</v>
      </c>
      <c r="G6476" s="16">
        <v>0.192269915315645</v>
      </c>
    </row>
    <row r="6477" spans="1:7" x14ac:dyDescent="0.3">
      <c r="A6477" s="13" t="s">
        <v>58</v>
      </c>
      <c r="B6477" s="14" t="s">
        <v>1</v>
      </c>
      <c r="C6477" s="14" t="s">
        <v>59</v>
      </c>
      <c r="D6477" s="14" t="s">
        <v>60</v>
      </c>
      <c r="E6477" s="15">
        <v>45648</v>
      </c>
      <c r="F6477" s="14" t="s">
        <v>61</v>
      </c>
      <c r="G6477" s="16">
        <v>0.192269915315645</v>
      </c>
    </row>
    <row r="6478" spans="1:7" x14ac:dyDescent="0.3">
      <c r="A6478" s="13" t="s">
        <v>58</v>
      </c>
      <c r="B6478" s="14" t="s">
        <v>1</v>
      </c>
      <c r="C6478" s="14" t="s">
        <v>59</v>
      </c>
      <c r="D6478" s="14" t="s">
        <v>60</v>
      </c>
      <c r="E6478" s="15">
        <v>45649</v>
      </c>
      <c r="F6478" s="14" t="s">
        <v>61</v>
      </c>
      <c r="G6478" s="16">
        <v>0.18985501042322001</v>
      </c>
    </row>
    <row r="6479" spans="1:7" x14ac:dyDescent="0.3">
      <c r="A6479" s="13" t="s">
        <v>58</v>
      </c>
      <c r="B6479" s="14" t="s">
        <v>1</v>
      </c>
      <c r="C6479" s="14" t="s">
        <v>59</v>
      </c>
      <c r="D6479" s="14" t="s">
        <v>60</v>
      </c>
      <c r="E6479" s="15">
        <v>45650</v>
      </c>
      <c r="F6479" s="14" t="s">
        <v>61</v>
      </c>
      <c r="G6479" s="16">
        <v>0.18123702683492121</v>
      </c>
    </row>
    <row r="6480" spans="1:7" x14ac:dyDescent="0.3">
      <c r="A6480" s="13" t="s">
        <v>58</v>
      </c>
      <c r="B6480" s="14" t="s">
        <v>1</v>
      </c>
      <c r="C6480" s="14" t="s">
        <v>59</v>
      </c>
      <c r="D6480" s="14" t="s">
        <v>60</v>
      </c>
      <c r="E6480" s="15">
        <v>45651</v>
      </c>
      <c r="F6480" s="14" t="s">
        <v>61</v>
      </c>
      <c r="G6480" s="16">
        <v>0.18123702683492121</v>
      </c>
    </row>
    <row r="6481" spans="1:7" x14ac:dyDescent="0.3">
      <c r="A6481" s="13" t="s">
        <v>58</v>
      </c>
      <c r="B6481" s="14" t="s">
        <v>1</v>
      </c>
      <c r="C6481" s="14" t="s">
        <v>59</v>
      </c>
      <c r="D6481" s="14" t="s">
        <v>60</v>
      </c>
      <c r="E6481" s="15">
        <v>45652</v>
      </c>
      <c r="F6481" s="14" t="s">
        <v>61</v>
      </c>
      <c r="G6481" s="16">
        <v>0.18123702683492121</v>
      </c>
    </row>
    <row r="6482" spans="1:7" x14ac:dyDescent="0.3">
      <c r="A6482" s="13" t="s">
        <v>58</v>
      </c>
      <c r="B6482" s="14" t="s">
        <v>1</v>
      </c>
      <c r="C6482" s="14" t="s">
        <v>59</v>
      </c>
      <c r="D6482" s="14" t="s">
        <v>60</v>
      </c>
      <c r="E6482" s="15">
        <v>45653</v>
      </c>
      <c r="F6482" s="14" t="s">
        <v>61</v>
      </c>
      <c r="G6482" s="16">
        <v>0.18123702683492121</v>
      </c>
    </row>
    <row r="6483" spans="1:7" x14ac:dyDescent="0.3">
      <c r="A6483" s="13" t="s">
        <v>58</v>
      </c>
      <c r="B6483" s="14" t="s">
        <v>1</v>
      </c>
      <c r="C6483" s="14" t="s">
        <v>59</v>
      </c>
      <c r="D6483" s="14" t="s">
        <v>60</v>
      </c>
      <c r="E6483" s="15">
        <v>45654</v>
      </c>
      <c r="F6483" s="14" t="s">
        <v>61</v>
      </c>
      <c r="G6483" s="16">
        <v>0.18123702683492121</v>
      </c>
    </row>
    <row r="6484" spans="1:7" x14ac:dyDescent="0.3">
      <c r="A6484" s="13" t="s">
        <v>58</v>
      </c>
      <c r="B6484" s="14" t="s">
        <v>1</v>
      </c>
      <c r="C6484" s="14" t="s">
        <v>59</v>
      </c>
      <c r="D6484" s="14" t="s">
        <v>60</v>
      </c>
      <c r="E6484" s="15">
        <v>45655</v>
      </c>
      <c r="F6484" s="14" t="s">
        <v>61</v>
      </c>
      <c r="G6484" s="16">
        <v>0.18123702683492121</v>
      </c>
    </row>
    <row r="6485" spans="1:7" x14ac:dyDescent="0.3">
      <c r="A6485" s="13" t="s">
        <v>58</v>
      </c>
      <c r="B6485" s="14" t="s">
        <v>1</v>
      </c>
      <c r="C6485" s="14" t="s">
        <v>59</v>
      </c>
      <c r="D6485" s="14" t="s">
        <v>60</v>
      </c>
      <c r="E6485" s="15">
        <v>45656</v>
      </c>
      <c r="F6485" s="14" t="s">
        <v>61</v>
      </c>
      <c r="G6485" s="16">
        <v>0.17820172865427003</v>
      </c>
    </row>
    <row r="6486" spans="1:7" x14ac:dyDescent="0.3">
      <c r="A6486" s="13" t="s">
        <v>58</v>
      </c>
      <c r="B6486" s="14" t="s">
        <v>1</v>
      </c>
      <c r="C6486" s="14" t="s">
        <v>59</v>
      </c>
      <c r="D6486" s="14" t="s">
        <v>60</v>
      </c>
      <c r="E6486" s="15">
        <v>45657</v>
      </c>
      <c r="F6486" s="14" t="s">
        <v>61</v>
      </c>
      <c r="G6486" s="16">
        <v>0.16160415224139152</v>
      </c>
    </row>
    <row r="6487" spans="1:7" x14ac:dyDescent="0.3">
      <c r="A6487" s="13" t="s">
        <v>58</v>
      </c>
      <c r="B6487" s="14" t="s">
        <v>1</v>
      </c>
      <c r="C6487" s="14" t="s">
        <v>59</v>
      </c>
      <c r="D6487" s="14" t="s">
        <v>60</v>
      </c>
      <c r="E6487" s="15">
        <v>45658</v>
      </c>
      <c r="F6487" s="14" t="s">
        <v>61</v>
      </c>
      <c r="G6487" s="16">
        <v>0.16160415224139152</v>
      </c>
    </row>
    <row r="6488" spans="1:7" x14ac:dyDescent="0.3">
      <c r="A6488" s="13" t="s">
        <v>58</v>
      </c>
      <c r="B6488" s="14" t="s">
        <v>1</v>
      </c>
      <c r="C6488" s="14" t="s">
        <v>59</v>
      </c>
      <c r="D6488" s="14" t="s">
        <v>60</v>
      </c>
      <c r="E6488" s="15">
        <v>45659</v>
      </c>
      <c r="F6488" s="14" t="s">
        <v>61</v>
      </c>
      <c r="G6488" s="16">
        <v>0.16160415224139152</v>
      </c>
    </row>
    <row r="6489" spans="1:7" x14ac:dyDescent="0.3">
      <c r="A6489" s="13" t="s">
        <v>58</v>
      </c>
      <c r="B6489" s="14" t="s">
        <v>1</v>
      </c>
      <c r="C6489" s="14" t="s">
        <v>59</v>
      </c>
      <c r="D6489" s="14" t="s">
        <v>60</v>
      </c>
      <c r="E6489" s="15">
        <v>45660</v>
      </c>
      <c r="F6489" s="14" t="s">
        <v>61</v>
      </c>
      <c r="G6489" s="16">
        <v>0.15940200687261896</v>
      </c>
    </row>
    <row r="6490" spans="1:7" x14ac:dyDescent="0.3">
      <c r="A6490" s="13" t="s">
        <v>58</v>
      </c>
      <c r="B6490" s="14" t="s">
        <v>1</v>
      </c>
      <c r="C6490" s="14" t="s">
        <v>59</v>
      </c>
      <c r="D6490" s="14" t="s">
        <v>60</v>
      </c>
      <c r="E6490" s="15">
        <v>45661</v>
      </c>
      <c r="F6490" s="14" t="s">
        <v>61</v>
      </c>
      <c r="G6490" s="16">
        <v>0.15940200687261896</v>
      </c>
    </row>
    <row r="6491" spans="1:7" x14ac:dyDescent="0.3">
      <c r="A6491" s="13" t="s">
        <v>58</v>
      </c>
      <c r="B6491" s="14" t="s">
        <v>1</v>
      </c>
      <c r="C6491" s="14" t="s">
        <v>59</v>
      </c>
      <c r="D6491" s="14" t="s">
        <v>60</v>
      </c>
      <c r="E6491" s="15">
        <v>45662</v>
      </c>
      <c r="F6491" s="14" t="s">
        <v>61</v>
      </c>
      <c r="G6491" s="16">
        <v>0.15940200687261896</v>
      </c>
    </row>
    <row r="6492" spans="1:7" x14ac:dyDescent="0.3">
      <c r="A6492" s="13" t="s">
        <v>58</v>
      </c>
      <c r="B6492" s="14" t="s">
        <v>1</v>
      </c>
      <c r="C6492" s="14" t="s">
        <v>59</v>
      </c>
      <c r="D6492" s="14" t="s">
        <v>60</v>
      </c>
      <c r="E6492" s="15">
        <v>45663</v>
      </c>
      <c r="F6492" s="14" t="s">
        <v>61</v>
      </c>
      <c r="G6492" s="16">
        <v>0.14943347702273838</v>
      </c>
    </row>
    <row r="6493" spans="1:7" x14ac:dyDescent="0.3">
      <c r="A6493" s="13" t="s">
        <v>58</v>
      </c>
      <c r="B6493" s="14" t="s">
        <v>1</v>
      </c>
      <c r="C6493" s="14" t="s">
        <v>59</v>
      </c>
      <c r="D6493" s="14" t="s">
        <v>60</v>
      </c>
      <c r="E6493" s="15">
        <v>45664</v>
      </c>
      <c r="F6493" s="14" t="s">
        <v>61</v>
      </c>
      <c r="G6493" s="16">
        <v>0.14431731831760819</v>
      </c>
    </row>
    <row r="6494" spans="1:7" x14ac:dyDescent="0.3">
      <c r="A6494" s="13" t="s">
        <v>58</v>
      </c>
      <c r="B6494" s="14" t="s">
        <v>1</v>
      </c>
      <c r="C6494" s="14" t="s">
        <v>59</v>
      </c>
      <c r="D6494" s="14" t="s">
        <v>60</v>
      </c>
      <c r="E6494" s="15">
        <v>45665</v>
      </c>
      <c r="F6494" s="14" t="s">
        <v>61</v>
      </c>
      <c r="G6494" s="16">
        <v>0.14167420392972599</v>
      </c>
    </row>
    <row r="6495" spans="1:7" x14ac:dyDescent="0.3">
      <c r="A6495" s="13" t="s">
        <v>58</v>
      </c>
      <c r="B6495" s="14" t="s">
        <v>1</v>
      </c>
      <c r="C6495" s="14" t="s">
        <v>59</v>
      </c>
      <c r="D6495" s="14" t="s">
        <v>60</v>
      </c>
      <c r="E6495" s="15">
        <v>45666</v>
      </c>
      <c r="F6495" s="14" t="s">
        <v>61</v>
      </c>
      <c r="G6495" s="16">
        <v>0.13901470449746151</v>
      </c>
    </row>
    <row r="6496" spans="1:7" x14ac:dyDescent="0.3">
      <c r="A6496" s="13" t="s">
        <v>58</v>
      </c>
      <c r="B6496" s="14" t="s">
        <v>1</v>
      </c>
      <c r="C6496" s="14" t="s">
        <v>59</v>
      </c>
      <c r="D6496" s="14" t="s">
        <v>60</v>
      </c>
      <c r="E6496" s="15">
        <v>45667</v>
      </c>
      <c r="F6496" s="14" t="s">
        <v>61</v>
      </c>
      <c r="G6496" s="16">
        <v>0.136836947967196</v>
      </c>
    </row>
    <row r="6497" spans="1:7" x14ac:dyDescent="0.3">
      <c r="A6497" s="13" t="s">
        <v>58</v>
      </c>
      <c r="B6497" s="14" t="s">
        <v>1</v>
      </c>
      <c r="C6497" s="14" t="s">
        <v>59</v>
      </c>
      <c r="D6497" s="14" t="s">
        <v>60</v>
      </c>
      <c r="E6497" s="15">
        <v>45668</v>
      </c>
      <c r="F6497" s="14" t="s">
        <v>61</v>
      </c>
      <c r="G6497" s="16">
        <v>0.136836947967196</v>
      </c>
    </row>
    <row r="6498" spans="1:7" x14ac:dyDescent="0.3">
      <c r="A6498" s="13" t="s">
        <v>58</v>
      </c>
      <c r="B6498" s="14" t="s">
        <v>1</v>
      </c>
      <c r="C6498" s="14" t="s">
        <v>59</v>
      </c>
      <c r="D6498" s="14" t="s">
        <v>60</v>
      </c>
      <c r="E6498" s="15">
        <v>45669</v>
      </c>
      <c r="F6498" s="14" t="s">
        <v>61</v>
      </c>
      <c r="G6498" s="16">
        <v>0.136836947967196</v>
      </c>
    </row>
    <row r="6499" spans="1:7" x14ac:dyDescent="0.3">
      <c r="A6499" s="13" t="s">
        <v>58</v>
      </c>
      <c r="B6499" s="14" t="s">
        <v>1</v>
      </c>
      <c r="C6499" s="14" t="s">
        <v>59</v>
      </c>
      <c r="D6499" s="14" t="s">
        <v>60</v>
      </c>
      <c r="E6499" s="15">
        <v>45670</v>
      </c>
      <c r="F6499" s="14" t="s">
        <v>61</v>
      </c>
      <c r="G6499" s="16">
        <v>0.13393989058525846</v>
      </c>
    </row>
    <row r="6500" spans="1:7" x14ac:dyDescent="0.3">
      <c r="A6500" s="13" t="s">
        <v>58</v>
      </c>
      <c r="B6500" s="14" t="s">
        <v>1</v>
      </c>
      <c r="C6500" s="14" t="s">
        <v>59</v>
      </c>
      <c r="D6500" s="14" t="s">
        <v>60</v>
      </c>
      <c r="E6500" s="15">
        <v>45671</v>
      </c>
      <c r="F6500" s="14" t="s">
        <v>61</v>
      </c>
      <c r="G6500" s="16">
        <v>0.12449391585352104</v>
      </c>
    </row>
    <row r="6501" spans="1:7" x14ac:dyDescent="0.3">
      <c r="A6501" s="13" t="s">
        <v>58</v>
      </c>
      <c r="B6501" s="14" t="s">
        <v>1</v>
      </c>
      <c r="C6501" s="14" t="s">
        <v>59</v>
      </c>
      <c r="D6501" s="14" t="s">
        <v>60</v>
      </c>
      <c r="E6501" s="15">
        <v>45672</v>
      </c>
      <c r="F6501" s="14" t="s">
        <v>61</v>
      </c>
      <c r="G6501" s="16">
        <v>0.13943491847221781</v>
      </c>
    </row>
    <row r="6502" spans="1:7" x14ac:dyDescent="0.3">
      <c r="A6502" s="13" t="s">
        <v>58</v>
      </c>
      <c r="B6502" s="14" t="s">
        <v>1</v>
      </c>
      <c r="C6502" s="14" t="s">
        <v>59</v>
      </c>
      <c r="D6502" s="14" t="s">
        <v>60</v>
      </c>
      <c r="E6502" s="15">
        <v>45673</v>
      </c>
      <c r="F6502" s="14" t="s">
        <v>61</v>
      </c>
      <c r="G6502" s="16">
        <v>0.13643431255117</v>
      </c>
    </row>
    <row r="6503" spans="1:7" x14ac:dyDescent="0.3">
      <c r="A6503" s="13" t="s">
        <v>58</v>
      </c>
      <c r="B6503" s="14" t="s">
        <v>1</v>
      </c>
      <c r="C6503" s="14" t="s">
        <v>59</v>
      </c>
      <c r="D6503" s="14" t="s">
        <v>60</v>
      </c>
      <c r="E6503" s="15">
        <v>45674</v>
      </c>
      <c r="F6503" s="14" t="s">
        <v>61</v>
      </c>
      <c r="G6503" s="16">
        <v>0.1338869922502112</v>
      </c>
    </row>
    <row r="6504" spans="1:7" x14ac:dyDescent="0.3">
      <c r="A6504" s="13" t="s">
        <v>58</v>
      </c>
      <c r="B6504" s="14" t="s">
        <v>1</v>
      </c>
      <c r="C6504" s="14" t="s">
        <v>59</v>
      </c>
      <c r="D6504" s="14" t="s">
        <v>60</v>
      </c>
      <c r="E6504" s="15">
        <v>45675</v>
      </c>
      <c r="F6504" s="14" t="s">
        <v>61</v>
      </c>
      <c r="G6504" s="16">
        <v>0.1338869922502112</v>
      </c>
    </row>
    <row r="6505" spans="1:7" x14ac:dyDescent="0.3">
      <c r="A6505" s="13" t="s">
        <v>58</v>
      </c>
      <c r="B6505" s="14" t="s">
        <v>1</v>
      </c>
      <c r="C6505" s="14" t="s">
        <v>59</v>
      </c>
      <c r="D6505" s="14" t="s">
        <v>60</v>
      </c>
      <c r="E6505" s="15">
        <v>45676</v>
      </c>
      <c r="F6505" s="14" t="s">
        <v>61</v>
      </c>
      <c r="G6505" s="16">
        <v>0.1338869922502112</v>
      </c>
    </row>
    <row r="6506" spans="1:7" x14ac:dyDescent="0.3">
      <c r="A6506" s="13" t="s">
        <v>58</v>
      </c>
      <c r="B6506" s="14" t="s">
        <v>1</v>
      </c>
      <c r="C6506" s="14" t="s">
        <v>59</v>
      </c>
      <c r="D6506" s="14" t="s">
        <v>60</v>
      </c>
      <c r="E6506" s="15">
        <v>45677</v>
      </c>
      <c r="F6506" s="14" t="s">
        <v>61</v>
      </c>
      <c r="G6506" s="16">
        <v>0.12913385287223295</v>
      </c>
    </row>
    <row r="6507" spans="1:7" x14ac:dyDescent="0.3">
      <c r="A6507" s="13" t="s">
        <v>58</v>
      </c>
      <c r="B6507" s="14" t="s">
        <v>1</v>
      </c>
      <c r="C6507" s="14" t="s">
        <v>59</v>
      </c>
      <c r="D6507" s="14" t="s">
        <v>60</v>
      </c>
      <c r="E6507" s="15">
        <v>45678</v>
      </c>
      <c r="F6507" s="14" t="s">
        <v>61</v>
      </c>
      <c r="G6507" s="16">
        <v>0.12025516194878975</v>
      </c>
    </row>
    <row r="6508" spans="1:7" x14ac:dyDescent="0.3">
      <c r="A6508" s="13" t="s">
        <v>58</v>
      </c>
      <c r="B6508" s="14" t="s">
        <v>1</v>
      </c>
      <c r="C6508" s="14" t="s">
        <v>59</v>
      </c>
      <c r="D6508" s="14" t="s">
        <v>60</v>
      </c>
      <c r="E6508" s="15">
        <v>45679</v>
      </c>
      <c r="F6508" s="14" t="s">
        <v>61</v>
      </c>
      <c r="G6508" s="16">
        <v>0.11754605129619949</v>
      </c>
    </row>
    <row r="6509" spans="1:7" x14ac:dyDescent="0.3">
      <c r="A6509" s="13" t="s">
        <v>58</v>
      </c>
      <c r="B6509" s="14" t="s">
        <v>1</v>
      </c>
      <c r="C6509" s="14" t="s">
        <v>59</v>
      </c>
      <c r="D6509" s="14" t="s">
        <v>60</v>
      </c>
      <c r="E6509" s="15">
        <v>45680</v>
      </c>
      <c r="F6509" s="14" t="s">
        <v>61</v>
      </c>
      <c r="G6509" s="16">
        <v>0.11453691270168635</v>
      </c>
    </row>
    <row r="6510" spans="1:7" x14ac:dyDescent="0.3">
      <c r="A6510" s="13" t="s">
        <v>58</v>
      </c>
      <c r="B6510" s="14" t="s">
        <v>1</v>
      </c>
      <c r="C6510" s="14" t="s">
        <v>59</v>
      </c>
      <c r="D6510" s="14" t="s">
        <v>60</v>
      </c>
      <c r="E6510" s="15">
        <v>45681</v>
      </c>
      <c r="F6510" s="14" t="s">
        <v>61</v>
      </c>
      <c r="G6510" s="16">
        <v>0.11074290581073243</v>
      </c>
    </row>
    <row r="6511" spans="1:7" x14ac:dyDescent="0.3">
      <c r="A6511" s="13" t="s">
        <v>58</v>
      </c>
      <c r="B6511" s="14" t="s">
        <v>1</v>
      </c>
      <c r="C6511" s="14" t="s">
        <v>59</v>
      </c>
      <c r="D6511" s="14" t="s">
        <v>60</v>
      </c>
      <c r="E6511" s="15">
        <v>45682</v>
      </c>
      <c r="F6511" s="14" t="s">
        <v>61</v>
      </c>
      <c r="G6511" s="16">
        <v>0.11074290581073243</v>
      </c>
    </row>
    <row r="6512" spans="1:7" x14ac:dyDescent="0.3">
      <c r="A6512" s="13" t="s">
        <v>58</v>
      </c>
      <c r="B6512" s="14" t="s">
        <v>1</v>
      </c>
      <c r="C6512" s="14" t="s">
        <v>59</v>
      </c>
      <c r="D6512" s="14" t="s">
        <v>60</v>
      </c>
      <c r="E6512" s="15">
        <v>45683</v>
      </c>
      <c r="F6512" s="14" t="s">
        <v>61</v>
      </c>
      <c r="G6512" s="16">
        <v>0.11074290581073243</v>
      </c>
    </row>
    <row r="6513" spans="1:7" x14ac:dyDescent="0.3">
      <c r="A6513" s="13" t="s">
        <v>58</v>
      </c>
      <c r="B6513" s="14" t="s">
        <v>1</v>
      </c>
      <c r="C6513" s="14" t="s">
        <v>59</v>
      </c>
      <c r="D6513" s="14" t="s">
        <v>60</v>
      </c>
      <c r="E6513" s="15">
        <v>45684</v>
      </c>
      <c r="F6513" s="14" t="s">
        <v>61</v>
      </c>
      <c r="G6513" s="16">
        <v>0.10783676336368897</v>
      </c>
    </row>
    <row r="6514" spans="1:7" x14ac:dyDescent="0.3">
      <c r="A6514" s="13" t="s">
        <v>58</v>
      </c>
      <c r="B6514" s="14" t="s">
        <v>1</v>
      </c>
      <c r="C6514" s="14" t="s">
        <v>59</v>
      </c>
      <c r="D6514" s="14" t="s">
        <v>60</v>
      </c>
      <c r="E6514" s="15">
        <v>45685</v>
      </c>
      <c r="F6514" s="14" t="s">
        <v>61</v>
      </c>
      <c r="G6514" s="16">
        <v>9.9451626008063398E-2</v>
      </c>
    </row>
    <row r="6515" spans="1:7" x14ac:dyDescent="0.3">
      <c r="A6515" s="13" t="s">
        <v>58</v>
      </c>
      <c r="B6515" s="14" t="s">
        <v>1</v>
      </c>
      <c r="C6515" s="14" t="s">
        <v>59</v>
      </c>
      <c r="D6515" s="14" t="s">
        <v>60</v>
      </c>
      <c r="E6515" s="15">
        <v>45686</v>
      </c>
      <c r="F6515" s="14" t="s">
        <v>61</v>
      </c>
      <c r="G6515" s="16">
        <v>9.6595874228670331E-2</v>
      </c>
    </row>
    <row r="6516" spans="1:7" x14ac:dyDescent="0.3">
      <c r="A6516" s="13" t="s">
        <v>58</v>
      </c>
      <c r="B6516" s="14" t="s">
        <v>1</v>
      </c>
      <c r="C6516" s="14" t="s">
        <v>59</v>
      </c>
      <c r="D6516" s="14" t="s">
        <v>60</v>
      </c>
      <c r="E6516" s="15">
        <v>45687</v>
      </c>
      <c r="F6516" s="14" t="s">
        <v>61</v>
      </c>
      <c r="G6516" s="16">
        <v>9.3923029481490145E-2</v>
      </c>
    </row>
    <row r="6517" spans="1:7" x14ac:dyDescent="0.3">
      <c r="A6517" s="13" t="s">
        <v>58</v>
      </c>
      <c r="B6517" s="14" t="s">
        <v>1</v>
      </c>
      <c r="C6517" s="14" t="s">
        <v>59</v>
      </c>
      <c r="D6517" s="14" t="s">
        <v>60</v>
      </c>
      <c r="E6517" s="15">
        <v>45688</v>
      </c>
      <c r="F6517" s="14" t="s">
        <v>61</v>
      </c>
      <c r="G6517" s="16">
        <v>9.1189796082481095E-2</v>
      </c>
    </row>
    <row r="6518" spans="1:7" x14ac:dyDescent="0.3">
      <c r="A6518" s="13" t="s">
        <v>58</v>
      </c>
      <c r="B6518" s="14" t="s">
        <v>1</v>
      </c>
      <c r="C6518" s="14" t="s">
        <v>59</v>
      </c>
      <c r="D6518" s="14" t="s">
        <v>60</v>
      </c>
      <c r="E6518" s="15">
        <v>45689</v>
      </c>
      <c r="F6518" s="14" t="s">
        <v>61</v>
      </c>
      <c r="G6518" s="16">
        <v>9.1189796082481095E-2</v>
      </c>
    </row>
    <row r="6519" spans="1:7" x14ac:dyDescent="0.3">
      <c r="A6519" s="13" t="s">
        <v>58</v>
      </c>
      <c r="B6519" s="14" t="s">
        <v>1</v>
      </c>
      <c r="C6519" s="14" t="s">
        <v>59</v>
      </c>
      <c r="D6519" s="14" t="s">
        <v>60</v>
      </c>
      <c r="E6519" s="15">
        <v>45690</v>
      </c>
      <c r="F6519" s="14" t="s">
        <v>61</v>
      </c>
      <c r="G6519" s="16">
        <v>9.1189796082481095E-2</v>
      </c>
    </row>
    <row r="6520" spans="1:7" x14ac:dyDescent="0.3">
      <c r="A6520" s="13" t="s">
        <v>58</v>
      </c>
      <c r="B6520" s="14" t="s">
        <v>1</v>
      </c>
      <c r="C6520" s="14" t="s">
        <v>59</v>
      </c>
      <c r="D6520" s="14" t="s">
        <v>60</v>
      </c>
      <c r="E6520" s="15">
        <v>45691</v>
      </c>
      <c r="F6520" s="14" t="s">
        <v>61</v>
      </c>
      <c r="G6520" s="16">
        <v>9.1189796082481095E-2</v>
      </c>
    </row>
    <row r="6521" spans="1:7" x14ac:dyDescent="0.3">
      <c r="A6521" s="13" t="s">
        <v>58</v>
      </c>
      <c r="B6521" s="14" t="s">
        <v>1</v>
      </c>
      <c r="C6521" s="14" t="s">
        <v>59</v>
      </c>
      <c r="D6521" s="14" t="s">
        <v>60</v>
      </c>
      <c r="E6521" s="15">
        <v>45692</v>
      </c>
      <c r="F6521" s="14" t="s">
        <v>61</v>
      </c>
      <c r="G6521" s="16">
        <v>8.8078904079481352E-2</v>
      </c>
    </row>
    <row r="6522" spans="1:7" x14ac:dyDescent="0.3">
      <c r="A6522" s="13" t="s">
        <v>58</v>
      </c>
      <c r="B6522" s="14" t="s">
        <v>1</v>
      </c>
      <c r="C6522" s="14" t="s">
        <v>59</v>
      </c>
      <c r="D6522" s="14" t="s">
        <v>60</v>
      </c>
      <c r="E6522" s="15">
        <v>45693</v>
      </c>
      <c r="F6522" s="14" t="s">
        <v>61</v>
      </c>
      <c r="G6522" s="16">
        <v>0.11538051124695871</v>
      </c>
    </row>
    <row r="6523" spans="1:7" x14ac:dyDescent="0.3">
      <c r="A6523" s="13" t="s">
        <v>58</v>
      </c>
      <c r="B6523" s="14" t="s">
        <v>1</v>
      </c>
      <c r="C6523" s="14" t="s">
        <v>59</v>
      </c>
      <c r="D6523" s="14" t="s">
        <v>60</v>
      </c>
      <c r="E6523" s="15">
        <v>45694</v>
      </c>
      <c r="F6523" s="14" t="s">
        <v>61</v>
      </c>
      <c r="G6523" s="16">
        <v>0.11262258920212052</v>
      </c>
    </row>
    <row r="6524" spans="1:7" x14ac:dyDescent="0.3">
      <c r="A6524" s="13" t="s">
        <v>58</v>
      </c>
      <c r="B6524" s="14" t="s">
        <v>1</v>
      </c>
      <c r="C6524" s="14" t="s">
        <v>59</v>
      </c>
      <c r="D6524" s="14" t="s">
        <v>60</v>
      </c>
      <c r="E6524" s="15">
        <v>45695</v>
      </c>
      <c r="F6524" s="14" t="s">
        <v>61</v>
      </c>
      <c r="G6524" s="16">
        <v>0.12540565094966943</v>
      </c>
    </row>
    <row r="6525" spans="1:7" x14ac:dyDescent="0.3">
      <c r="A6525" s="13" t="s">
        <v>58</v>
      </c>
      <c r="B6525" s="14" t="s">
        <v>1</v>
      </c>
      <c r="C6525" s="14" t="s">
        <v>59</v>
      </c>
      <c r="D6525" s="14" t="s">
        <v>60</v>
      </c>
      <c r="E6525" s="15">
        <v>45696</v>
      </c>
      <c r="F6525" s="14" t="s">
        <v>61</v>
      </c>
      <c r="G6525" s="16">
        <v>0.12540565094966943</v>
      </c>
    </row>
    <row r="6526" spans="1:7" x14ac:dyDescent="0.3">
      <c r="A6526" s="13" t="s">
        <v>58</v>
      </c>
      <c r="B6526" s="14" t="s">
        <v>1</v>
      </c>
      <c r="C6526" s="14" t="s">
        <v>59</v>
      </c>
      <c r="D6526" s="14" t="s">
        <v>60</v>
      </c>
      <c r="E6526" s="15">
        <v>45697</v>
      </c>
      <c r="F6526" s="14" t="s">
        <v>61</v>
      </c>
      <c r="G6526" s="16">
        <v>0.12540565094966943</v>
      </c>
    </row>
    <row r="6527" spans="1:7" x14ac:dyDescent="0.3">
      <c r="A6527" s="13" t="s">
        <v>58</v>
      </c>
      <c r="B6527" s="14" t="s">
        <v>1</v>
      </c>
      <c r="C6527" s="14" t="s">
        <v>59</v>
      </c>
      <c r="D6527" s="14" t="s">
        <v>60</v>
      </c>
      <c r="E6527" s="15">
        <v>45698</v>
      </c>
      <c r="F6527" s="14" t="s">
        <v>61</v>
      </c>
      <c r="G6527" s="16">
        <v>0.12265444327830866</v>
      </c>
    </row>
    <row r="6528" spans="1:7" x14ac:dyDescent="0.3">
      <c r="A6528" s="13" t="s">
        <v>58</v>
      </c>
      <c r="B6528" s="14" t="s">
        <v>1</v>
      </c>
      <c r="C6528" s="14" t="s">
        <v>59</v>
      </c>
      <c r="D6528" s="14" t="s">
        <v>60</v>
      </c>
      <c r="E6528" s="15">
        <v>45699</v>
      </c>
      <c r="F6528" s="14" t="s">
        <v>61</v>
      </c>
      <c r="G6528" s="16">
        <v>0.1131173987192223</v>
      </c>
    </row>
    <row r="6529" spans="1:7" x14ac:dyDescent="0.3">
      <c r="A6529" s="13" t="s">
        <v>58</v>
      </c>
      <c r="B6529" s="14" t="s">
        <v>1</v>
      </c>
      <c r="C6529" s="14" t="s">
        <v>59</v>
      </c>
      <c r="D6529" s="14" t="s">
        <v>60</v>
      </c>
      <c r="E6529" s="15">
        <v>45700</v>
      </c>
      <c r="F6529" s="14" t="s">
        <v>61</v>
      </c>
      <c r="G6529" s="16">
        <v>0.10995306736314484</v>
      </c>
    </row>
    <row r="6530" spans="1:7" x14ac:dyDescent="0.3">
      <c r="A6530" s="13" t="s">
        <v>58</v>
      </c>
      <c r="B6530" s="14" t="s">
        <v>1</v>
      </c>
      <c r="C6530" s="14" t="s">
        <v>59</v>
      </c>
      <c r="D6530" s="14" t="s">
        <v>60</v>
      </c>
      <c r="E6530" s="15">
        <v>45701</v>
      </c>
      <c r="F6530" s="14" t="s">
        <v>61</v>
      </c>
      <c r="G6530" s="16">
        <v>0.10617011484625413</v>
      </c>
    </row>
    <row r="6531" spans="1:7" x14ac:dyDescent="0.3">
      <c r="A6531" s="13" t="s">
        <v>58</v>
      </c>
      <c r="B6531" s="14" t="s">
        <v>1</v>
      </c>
      <c r="C6531" s="14" t="s">
        <v>59</v>
      </c>
      <c r="D6531" s="14" t="s">
        <v>60</v>
      </c>
      <c r="E6531" s="15">
        <v>45702</v>
      </c>
      <c r="F6531" s="14" t="s">
        <v>61</v>
      </c>
      <c r="G6531" s="16">
        <v>0.10294798584107133</v>
      </c>
    </row>
    <row r="6532" spans="1:7" x14ac:dyDescent="0.3">
      <c r="A6532" s="13" t="s">
        <v>58</v>
      </c>
      <c r="B6532" s="14" t="s">
        <v>1</v>
      </c>
      <c r="C6532" s="14" t="s">
        <v>59</v>
      </c>
      <c r="D6532" s="14" t="s">
        <v>60</v>
      </c>
      <c r="E6532" s="15">
        <v>45703</v>
      </c>
      <c r="F6532" s="14" t="s">
        <v>61</v>
      </c>
      <c r="G6532" s="16">
        <v>0.10294798584107133</v>
      </c>
    </row>
    <row r="6533" spans="1:7" x14ac:dyDescent="0.3">
      <c r="A6533" s="13" t="s">
        <v>58</v>
      </c>
      <c r="B6533" s="14" t="s">
        <v>1</v>
      </c>
      <c r="C6533" s="14" t="s">
        <v>59</v>
      </c>
      <c r="D6533" s="14" t="s">
        <v>60</v>
      </c>
      <c r="E6533" s="15">
        <v>45704</v>
      </c>
      <c r="F6533" s="14" t="s">
        <v>61</v>
      </c>
      <c r="G6533" s="16">
        <v>0.10294798584107133</v>
      </c>
    </row>
    <row r="6534" spans="1:7" x14ac:dyDescent="0.3">
      <c r="A6534" s="13" t="s">
        <v>58</v>
      </c>
      <c r="B6534" s="14" t="s">
        <v>1</v>
      </c>
      <c r="C6534" s="14" t="s">
        <v>59</v>
      </c>
      <c r="D6534" s="14" t="s">
        <v>60</v>
      </c>
      <c r="E6534" s="15">
        <v>45705</v>
      </c>
      <c r="F6534" s="14" t="s">
        <v>61</v>
      </c>
      <c r="G6534" s="16">
        <v>0.1000923891373872</v>
      </c>
    </row>
    <row r="6535" spans="1:7" x14ac:dyDescent="0.3">
      <c r="A6535" s="13" t="s">
        <v>58</v>
      </c>
      <c r="B6535" s="14" t="s">
        <v>1</v>
      </c>
      <c r="C6535" s="14" t="s">
        <v>59</v>
      </c>
      <c r="D6535" s="14" t="s">
        <v>60</v>
      </c>
      <c r="E6535" s="15">
        <v>45706</v>
      </c>
      <c r="F6535" s="14" t="s">
        <v>61</v>
      </c>
      <c r="G6535" s="16">
        <v>9.1408014637420917E-2</v>
      </c>
    </row>
    <row r="6536" spans="1:7" x14ac:dyDescent="0.3">
      <c r="A6536" s="13" t="s">
        <v>58</v>
      </c>
      <c r="B6536" s="14" t="s">
        <v>1</v>
      </c>
      <c r="C6536" s="14" t="s">
        <v>59</v>
      </c>
      <c r="D6536" s="14" t="s">
        <v>60</v>
      </c>
      <c r="E6536" s="15">
        <v>45707</v>
      </c>
      <c r="F6536" s="14" t="s">
        <v>61</v>
      </c>
      <c r="G6536" s="16">
        <v>9.3646139925248756E-2</v>
      </c>
    </row>
    <row r="6537" spans="1:7" x14ac:dyDescent="0.3">
      <c r="A6537" s="13" t="s">
        <v>58</v>
      </c>
      <c r="B6537" s="14" t="s">
        <v>1</v>
      </c>
      <c r="C6537" s="14" t="s">
        <v>59</v>
      </c>
      <c r="D6537" s="14" t="s">
        <v>60</v>
      </c>
      <c r="E6537" s="15">
        <v>45708</v>
      </c>
      <c r="F6537" s="14" t="s">
        <v>61</v>
      </c>
      <c r="G6537" s="16">
        <v>8.9962341535188534E-2</v>
      </c>
    </row>
    <row r="6538" spans="1:7" x14ac:dyDescent="0.3">
      <c r="A6538" s="13" t="s">
        <v>58</v>
      </c>
      <c r="B6538" s="14" t="s">
        <v>1</v>
      </c>
      <c r="C6538" s="14" t="s">
        <v>59</v>
      </c>
      <c r="D6538" s="14" t="s">
        <v>60</v>
      </c>
      <c r="E6538" s="15">
        <v>45709</v>
      </c>
      <c r="F6538" s="14" t="s">
        <v>61</v>
      </c>
      <c r="G6538" s="16">
        <v>8.736144350361999E-2</v>
      </c>
    </row>
    <row r="6539" spans="1:7" x14ac:dyDescent="0.3">
      <c r="A6539" s="13" t="s">
        <v>58</v>
      </c>
      <c r="B6539" s="14" t="s">
        <v>1</v>
      </c>
      <c r="C6539" s="14" t="s">
        <v>59</v>
      </c>
      <c r="D6539" s="14" t="s">
        <v>60</v>
      </c>
      <c r="E6539" s="15">
        <v>45710</v>
      </c>
      <c r="F6539" s="14" t="s">
        <v>61</v>
      </c>
      <c r="G6539" s="16">
        <v>8.736144350361999E-2</v>
      </c>
    </row>
    <row r="6540" spans="1:7" x14ac:dyDescent="0.3">
      <c r="A6540" s="13" t="s">
        <v>58</v>
      </c>
      <c r="B6540" s="14" t="s">
        <v>1</v>
      </c>
      <c r="C6540" s="14" t="s">
        <v>59</v>
      </c>
      <c r="D6540" s="14" t="s">
        <v>60</v>
      </c>
      <c r="E6540" s="15">
        <v>45711</v>
      </c>
      <c r="F6540" s="14" t="s">
        <v>61</v>
      </c>
      <c r="G6540" s="16">
        <v>8.736144350361999E-2</v>
      </c>
    </row>
    <row r="6541" spans="1:7" x14ac:dyDescent="0.3">
      <c r="A6541" s="13" t="s">
        <v>58</v>
      </c>
      <c r="B6541" s="14" t="s">
        <v>1</v>
      </c>
      <c r="C6541" s="14" t="s">
        <v>59</v>
      </c>
      <c r="D6541" s="14" t="s">
        <v>60</v>
      </c>
      <c r="E6541" s="15">
        <v>45712</v>
      </c>
      <c r="F6541" s="14" t="s">
        <v>61</v>
      </c>
      <c r="G6541" s="16">
        <v>9.6453040384398225E-2</v>
      </c>
    </row>
    <row r="6542" spans="1:7" x14ac:dyDescent="0.3">
      <c r="A6542" s="13" t="s">
        <v>58</v>
      </c>
      <c r="B6542" s="14" t="s">
        <v>1</v>
      </c>
      <c r="C6542" s="14" t="s">
        <v>59</v>
      </c>
      <c r="D6542" s="14" t="s">
        <v>60</v>
      </c>
      <c r="E6542" s="15">
        <v>45713</v>
      </c>
      <c r="F6542" s="14" t="s">
        <v>61</v>
      </c>
      <c r="G6542" s="16">
        <v>8.7103862454315562E-2</v>
      </c>
    </row>
    <row r="6543" spans="1:7" x14ac:dyDescent="0.3">
      <c r="A6543" s="13" t="s">
        <v>58</v>
      </c>
      <c r="B6543" s="14" t="s">
        <v>1</v>
      </c>
      <c r="C6543" s="14" t="s">
        <v>59</v>
      </c>
      <c r="D6543" s="14" t="s">
        <v>60</v>
      </c>
      <c r="E6543" s="15">
        <v>45714</v>
      </c>
      <c r="F6543" s="14" t="s">
        <v>61</v>
      </c>
      <c r="G6543" s="16">
        <v>8.438471297894809E-2</v>
      </c>
    </row>
    <row r="6544" spans="1:7" x14ac:dyDescent="0.3">
      <c r="A6544" s="13" t="s">
        <v>58</v>
      </c>
      <c r="B6544" s="14" t="s">
        <v>1</v>
      </c>
      <c r="C6544" s="14" t="s">
        <v>59</v>
      </c>
      <c r="D6544" s="14" t="s">
        <v>60</v>
      </c>
      <c r="E6544" s="15">
        <v>45715</v>
      </c>
      <c r="F6544" s="14" t="s">
        <v>61</v>
      </c>
      <c r="G6544" s="16">
        <v>8.2100468739829471E-2</v>
      </c>
    </row>
    <row r="6545" spans="1:7" x14ac:dyDescent="0.3">
      <c r="A6545" s="13" t="s">
        <v>58</v>
      </c>
      <c r="B6545" s="14" t="s">
        <v>1</v>
      </c>
      <c r="C6545" s="14" t="s">
        <v>59</v>
      </c>
      <c r="D6545" s="14" t="s">
        <v>60</v>
      </c>
      <c r="E6545" s="15">
        <v>45716</v>
      </c>
      <c r="F6545" s="14" t="s">
        <v>61</v>
      </c>
      <c r="G6545" s="16">
        <v>7.9281878935357361E-2</v>
      </c>
    </row>
    <row r="6546" spans="1:7" x14ac:dyDescent="0.3">
      <c r="A6546" s="13" t="s">
        <v>58</v>
      </c>
      <c r="B6546" s="14" t="s">
        <v>1</v>
      </c>
      <c r="C6546" s="14" t="s">
        <v>59</v>
      </c>
      <c r="D6546" s="14" t="s">
        <v>60</v>
      </c>
      <c r="E6546" s="15">
        <v>45717</v>
      </c>
      <c r="F6546" s="14" t="s">
        <v>61</v>
      </c>
      <c r="G6546" s="16">
        <v>7.9281878935357361E-2</v>
      </c>
    </row>
    <row r="6547" spans="1:7" x14ac:dyDescent="0.3">
      <c r="A6547" s="13" t="s">
        <v>58</v>
      </c>
      <c r="B6547" s="14" t="s">
        <v>1</v>
      </c>
      <c r="C6547" s="14" t="s">
        <v>59</v>
      </c>
      <c r="D6547" s="14" t="s">
        <v>60</v>
      </c>
      <c r="E6547" s="15">
        <v>45718</v>
      </c>
      <c r="F6547" s="14" t="s">
        <v>61</v>
      </c>
      <c r="G6547" s="16">
        <v>7.9281878935357361E-2</v>
      </c>
    </row>
    <row r="6548" spans="1:7" x14ac:dyDescent="0.3">
      <c r="A6548" s="13" t="s">
        <v>58</v>
      </c>
      <c r="B6548" s="14" t="s">
        <v>1</v>
      </c>
      <c r="C6548" s="14" t="s">
        <v>59</v>
      </c>
      <c r="D6548" s="14" t="s">
        <v>60</v>
      </c>
      <c r="E6548" s="15">
        <v>45719</v>
      </c>
      <c r="F6548" s="14" t="s">
        <v>61</v>
      </c>
      <c r="G6548" s="16">
        <v>7.5491237949261325E-2</v>
      </c>
    </row>
    <row r="6549" spans="1:7" x14ac:dyDescent="0.3">
      <c r="A6549" s="13" t="s">
        <v>58</v>
      </c>
      <c r="B6549" s="14" t="s">
        <v>1</v>
      </c>
      <c r="C6549" s="14" t="s">
        <v>59</v>
      </c>
      <c r="D6549" s="14" t="s">
        <v>60</v>
      </c>
      <c r="E6549" s="15">
        <v>45720</v>
      </c>
      <c r="F6549" s="14" t="s">
        <v>61</v>
      </c>
      <c r="G6549" s="16">
        <v>6.8466225774842904E-2</v>
      </c>
    </row>
    <row r="6550" spans="1:7" x14ac:dyDescent="0.3">
      <c r="A6550" s="13" t="s">
        <v>58</v>
      </c>
      <c r="B6550" s="14" t="s">
        <v>1</v>
      </c>
      <c r="C6550" s="14" t="s">
        <v>59</v>
      </c>
      <c r="D6550" s="14" t="s">
        <v>60</v>
      </c>
      <c r="E6550" s="15">
        <v>45721</v>
      </c>
      <c r="F6550" s="14" t="s">
        <v>61</v>
      </c>
      <c r="G6550" s="16">
        <v>6.4557455694530294E-2</v>
      </c>
    </row>
    <row r="6551" spans="1:7" x14ac:dyDescent="0.3">
      <c r="A6551" s="13" t="s">
        <v>58</v>
      </c>
      <c r="B6551" s="14" t="s">
        <v>1</v>
      </c>
      <c r="C6551" s="14" t="s">
        <v>59</v>
      </c>
      <c r="D6551" s="14" t="s">
        <v>60</v>
      </c>
      <c r="E6551" s="15">
        <v>45722</v>
      </c>
      <c r="F6551" s="14" t="s">
        <v>61</v>
      </c>
      <c r="G6551" s="16">
        <v>6.1739675826291203E-2</v>
      </c>
    </row>
    <row r="6552" spans="1:7" x14ac:dyDescent="0.3">
      <c r="A6552" s="13" t="s">
        <v>58</v>
      </c>
      <c r="B6552" s="14" t="s">
        <v>1</v>
      </c>
      <c r="C6552" s="14" t="s">
        <v>59</v>
      </c>
      <c r="D6552" s="14" t="s">
        <v>60</v>
      </c>
      <c r="E6552" s="15">
        <v>45723</v>
      </c>
      <c r="F6552" s="14" t="s">
        <v>61</v>
      </c>
      <c r="G6552" s="16">
        <v>5.8559549953321181E-2</v>
      </c>
    </row>
    <row r="6553" spans="1:7" x14ac:dyDescent="0.3">
      <c r="A6553" s="13" t="s">
        <v>58</v>
      </c>
      <c r="B6553" s="14" t="s">
        <v>1</v>
      </c>
      <c r="C6553" s="14" t="s">
        <v>59</v>
      </c>
      <c r="D6553" s="14" t="s">
        <v>60</v>
      </c>
      <c r="E6553" s="15">
        <v>45724</v>
      </c>
      <c r="F6553" s="14" t="s">
        <v>61</v>
      </c>
      <c r="G6553" s="16">
        <v>5.8559549953321181E-2</v>
      </c>
    </row>
    <row r="6554" spans="1:7" x14ac:dyDescent="0.3">
      <c r="A6554" s="13" t="s">
        <v>58</v>
      </c>
      <c r="B6554" s="14" t="s">
        <v>1</v>
      </c>
      <c r="C6554" s="14" t="s">
        <v>59</v>
      </c>
      <c r="D6554" s="14" t="s">
        <v>60</v>
      </c>
      <c r="E6554" s="15">
        <v>45725</v>
      </c>
      <c r="F6554" s="14" t="s">
        <v>61</v>
      </c>
      <c r="G6554" s="16">
        <v>5.8559549953321181E-2</v>
      </c>
    </row>
    <row r="6555" spans="1:7" x14ac:dyDescent="0.3">
      <c r="A6555" s="13" t="s">
        <v>58</v>
      </c>
      <c r="B6555" s="14" t="s">
        <v>1</v>
      </c>
      <c r="C6555" s="14" t="s">
        <v>59</v>
      </c>
      <c r="D6555" s="14" t="s">
        <v>60</v>
      </c>
      <c r="E6555" s="15">
        <v>45726</v>
      </c>
      <c r="F6555" s="14" t="s">
        <v>61</v>
      </c>
      <c r="G6555" s="16">
        <v>5.5629889197904785E-2</v>
      </c>
    </row>
    <row r="6556" spans="1:7" x14ac:dyDescent="0.3">
      <c r="A6556" s="13" t="s">
        <v>58</v>
      </c>
      <c r="B6556" s="14" t="s">
        <v>1</v>
      </c>
      <c r="C6556" s="14" t="s">
        <v>59</v>
      </c>
      <c r="D6556" s="14" t="s">
        <v>60</v>
      </c>
      <c r="E6556" s="15">
        <v>45727</v>
      </c>
      <c r="F6556" s="14" t="s">
        <v>61</v>
      </c>
      <c r="G6556" s="16">
        <v>4.6475804261790092E-2</v>
      </c>
    </row>
    <row r="6557" spans="1:7" x14ac:dyDescent="0.3">
      <c r="A6557" s="13" t="s">
        <v>58</v>
      </c>
      <c r="B6557" s="14" t="s">
        <v>1</v>
      </c>
      <c r="C6557" s="14" t="s">
        <v>59</v>
      </c>
      <c r="D6557" s="14" t="s">
        <v>60</v>
      </c>
      <c r="E6557" s="15">
        <v>45728</v>
      </c>
      <c r="F6557" s="14" t="s">
        <v>61</v>
      </c>
      <c r="G6557" s="16">
        <v>4.3720502159661084E-2</v>
      </c>
    </row>
    <row r="6558" spans="1:7" x14ac:dyDescent="0.3">
      <c r="A6558" s="13" t="s">
        <v>58</v>
      </c>
      <c r="B6558" s="14" t="s">
        <v>1</v>
      </c>
      <c r="C6558" s="14" t="s">
        <v>59</v>
      </c>
      <c r="D6558" s="14" t="s">
        <v>60</v>
      </c>
      <c r="E6558" s="15">
        <v>45729</v>
      </c>
      <c r="F6558" s="14" t="s">
        <v>61</v>
      </c>
      <c r="G6558" s="16">
        <v>4.099173265735747E-2</v>
      </c>
    </row>
    <row r="6559" spans="1:7" x14ac:dyDescent="0.3">
      <c r="A6559" s="13" t="s">
        <v>58</v>
      </c>
      <c r="B6559" s="14" t="s">
        <v>1</v>
      </c>
      <c r="C6559" s="14" t="s">
        <v>59</v>
      </c>
      <c r="D6559" s="14" t="s">
        <v>60</v>
      </c>
      <c r="E6559" s="15">
        <v>45730</v>
      </c>
      <c r="F6559" s="14" t="s">
        <v>61</v>
      </c>
      <c r="G6559" s="16">
        <v>5.272912902302971E-2</v>
      </c>
    </row>
    <row r="6560" spans="1:7" x14ac:dyDescent="0.3">
      <c r="A6560" s="13" t="s">
        <v>58</v>
      </c>
      <c r="B6560" s="14" t="s">
        <v>1</v>
      </c>
      <c r="C6560" s="14" t="s">
        <v>59</v>
      </c>
      <c r="D6560" s="14" t="s">
        <v>60</v>
      </c>
      <c r="E6560" s="15">
        <v>45731</v>
      </c>
      <c r="F6560" s="14" t="s">
        <v>61</v>
      </c>
      <c r="G6560" s="16">
        <v>5.272912902302971E-2</v>
      </c>
    </row>
    <row r="6561" spans="1:7" x14ac:dyDescent="0.3">
      <c r="A6561" s="13" t="s">
        <v>58</v>
      </c>
      <c r="B6561" s="14" t="s">
        <v>1</v>
      </c>
      <c r="C6561" s="14" t="s">
        <v>59</v>
      </c>
      <c r="D6561" s="14" t="s">
        <v>60</v>
      </c>
      <c r="E6561" s="15">
        <v>45732</v>
      </c>
      <c r="F6561" s="14" t="s">
        <v>61</v>
      </c>
      <c r="G6561" s="16">
        <v>5.272912902302971E-2</v>
      </c>
    </row>
    <row r="6562" spans="1:7" x14ac:dyDescent="0.3">
      <c r="A6562" s="13" t="s">
        <v>58</v>
      </c>
      <c r="B6562" s="14" t="s">
        <v>1</v>
      </c>
      <c r="C6562" s="14" t="s">
        <v>59</v>
      </c>
      <c r="D6562" s="14" t="s">
        <v>60</v>
      </c>
      <c r="E6562" s="15">
        <v>45733</v>
      </c>
      <c r="F6562" s="14" t="s">
        <v>61</v>
      </c>
      <c r="G6562" s="16">
        <v>5.272912902302971E-2</v>
      </c>
    </row>
    <row r="6563" spans="1:7" x14ac:dyDescent="0.3">
      <c r="A6563" s="13" t="s">
        <v>58</v>
      </c>
      <c r="B6563" s="14" t="s">
        <v>1</v>
      </c>
      <c r="C6563" s="14" t="s">
        <v>59</v>
      </c>
      <c r="D6563" s="14" t="s">
        <v>60</v>
      </c>
      <c r="E6563" s="15">
        <v>45734</v>
      </c>
      <c r="F6563" s="14" t="s">
        <v>61</v>
      </c>
      <c r="G6563" s="16">
        <v>4.9597822128103292E-2</v>
      </c>
    </row>
    <row r="6564" spans="1:7" x14ac:dyDescent="0.3">
      <c r="A6564" s="13" t="s">
        <v>58</v>
      </c>
      <c r="B6564" s="14" t="s">
        <v>1</v>
      </c>
      <c r="C6564" s="14" t="s">
        <v>59</v>
      </c>
      <c r="D6564" s="14" t="s">
        <v>60</v>
      </c>
      <c r="E6564" s="15">
        <v>45735</v>
      </c>
      <c r="F6564" s="14" t="s">
        <v>61</v>
      </c>
      <c r="G6564" s="16">
        <v>3.8278395353609156E-2</v>
      </c>
    </row>
    <row r="6565" spans="1:7" x14ac:dyDescent="0.3">
      <c r="A6565" s="13" t="s">
        <v>58</v>
      </c>
      <c r="B6565" s="14" t="s">
        <v>1</v>
      </c>
      <c r="C6565" s="14" t="s">
        <v>59</v>
      </c>
      <c r="D6565" s="14" t="s">
        <v>60</v>
      </c>
      <c r="E6565" s="15">
        <v>45736</v>
      </c>
      <c r="F6565" s="14" t="s">
        <v>61</v>
      </c>
      <c r="G6565" s="16">
        <v>3.5553470566142296E-2</v>
      </c>
    </row>
    <row r="6566" spans="1:7" x14ac:dyDescent="0.3">
      <c r="A6566" s="13" t="s">
        <v>58</v>
      </c>
      <c r="B6566" s="14" t="s">
        <v>1</v>
      </c>
      <c r="C6566" s="14" t="s">
        <v>59</v>
      </c>
      <c r="D6566" s="14" t="s">
        <v>60</v>
      </c>
      <c r="E6566" s="15">
        <v>45737</v>
      </c>
      <c r="F6566" s="14" t="s">
        <v>61</v>
      </c>
      <c r="G6566" s="16">
        <v>5.7330315747848651E-2</v>
      </c>
    </row>
    <row r="6567" spans="1:7" x14ac:dyDescent="0.3">
      <c r="A6567" s="13" t="s">
        <v>58</v>
      </c>
      <c r="B6567" s="14" t="s">
        <v>1</v>
      </c>
      <c r="C6567" s="14" t="s">
        <v>59</v>
      </c>
      <c r="D6567" s="14" t="s">
        <v>60</v>
      </c>
      <c r="E6567" s="15">
        <v>45738</v>
      </c>
      <c r="F6567" s="14" t="s">
        <v>61</v>
      </c>
      <c r="G6567" s="16">
        <v>5.7330315747848651E-2</v>
      </c>
    </row>
    <row r="6568" spans="1:7" x14ac:dyDescent="0.3">
      <c r="A6568" s="13" t="s">
        <v>58</v>
      </c>
      <c r="B6568" s="14" t="s">
        <v>1</v>
      </c>
      <c r="C6568" s="14" t="s">
        <v>59</v>
      </c>
      <c r="D6568" s="14" t="s">
        <v>60</v>
      </c>
      <c r="E6568" s="15">
        <v>45739</v>
      </c>
      <c r="F6568" s="14" t="s">
        <v>61</v>
      </c>
      <c r="G6568" s="16">
        <v>5.7330315747848651E-2</v>
      </c>
    </row>
    <row r="6569" spans="1:7" x14ac:dyDescent="0.3">
      <c r="A6569" s="13" t="s">
        <v>58</v>
      </c>
      <c r="B6569" s="14" t="s">
        <v>1</v>
      </c>
      <c r="C6569" s="14" t="s">
        <v>59</v>
      </c>
      <c r="D6569" s="14" t="s">
        <v>60</v>
      </c>
      <c r="E6569" s="15">
        <v>45740</v>
      </c>
      <c r="F6569" s="14" t="s">
        <v>61</v>
      </c>
      <c r="G6569" s="16">
        <v>5.4500028251169154E-2</v>
      </c>
    </row>
    <row r="6570" spans="1:7" x14ac:dyDescent="0.3">
      <c r="A6570" s="13" t="s">
        <v>58</v>
      </c>
      <c r="B6570" s="14" t="s">
        <v>1</v>
      </c>
      <c r="C6570" s="14" t="s">
        <v>59</v>
      </c>
      <c r="D6570" s="14" t="s">
        <v>60</v>
      </c>
      <c r="E6570" s="15">
        <v>45741</v>
      </c>
      <c r="F6570" s="14" t="s">
        <v>61</v>
      </c>
      <c r="G6570" s="16">
        <v>4.5848813571760738E-2</v>
      </c>
    </row>
    <row r="6571" spans="1:7" x14ac:dyDescent="0.3">
      <c r="A6571" s="13" t="s">
        <v>58</v>
      </c>
      <c r="B6571" s="14" t="s">
        <v>1</v>
      </c>
      <c r="C6571" s="14" t="s">
        <v>59</v>
      </c>
      <c r="D6571" s="14" t="s">
        <v>60</v>
      </c>
      <c r="E6571" s="15">
        <v>45742</v>
      </c>
      <c r="F6571" s="14" t="s">
        <v>61</v>
      </c>
      <c r="G6571" s="16">
        <v>4.3095924443784961E-2</v>
      </c>
    </row>
    <row r="6572" spans="1:7" x14ac:dyDescent="0.3">
      <c r="A6572" s="13" t="s">
        <v>58</v>
      </c>
      <c r="B6572" s="14" t="s">
        <v>1</v>
      </c>
      <c r="C6572" s="14" t="s">
        <v>59</v>
      </c>
      <c r="D6572" s="14" t="s">
        <v>60</v>
      </c>
      <c r="E6572" s="15">
        <v>45743</v>
      </c>
      <c r="F6572" s="14" t="s">
        <v>61</v>
      </c>
      <c r="G6572" s="16">
        <v>4.0009789117601766E-2</v>
      </c>
    </row>
    <row r="6573" spans="1:7" x14ac:dyDescent="0.3">
      <c r="A6573" s="13" t="s">
        <v>58</v>
      </c>
      <c r="B6573" s="14" t="s">
        <v>1</v>
      </c>
      <c r="C6573" s="14" t="s">
        <v>59</v>
      </c>
      <c r="D6573" s="14" t="s">
        <v>60</v>
      </c>
      <c r="E6573" s="15">
        <v>45744</v>
      </c>
      <c r="F6573" s="14" t="s">
        <v>61</v>
      </c>
      <c r="G6573" s="16">
        <v>3.7026035466386956E-2</v>
      </c>
    </row>
    <row r="6574" spans="1:7" x14ac:dyDescent="0.3">
      <c r="A6574" s="13" t="s">
        <v>58</v>
      </c>
      <c r="B6574" s="14" t="s">
        <v>1</v>
      </c>
      <c r="C6574" s="14" t="s">
        <v>59</v>
      </c>
      <c r="D6574" s="14" t="s">
        <v>60</v>
      </c>
      <c r="E6574" s="15">
        <v>45745</v>
      </c>
      <c r="F6574" s="14" t="s">
        <v>61</v>
      </c>
      <c r="G6574" s="16">
        <v>3.7026035466386956E-2</v>
      </c>
    </row>
    <row r="6575" spans="1:7" x14ac:dyDescent="0.3">
      <c r="A6575" s="13" t="s">
        <v>58</v>
      </c>
      <c r="B6575" s="14" t="s">
        <v>1</v>
      </c>
      <c r="C6575" s="14" t="s">
        <v>59</v>
      </c>
      <c r="D6575" s="14" t="s">
        <v>60</v>
      </c>
      <c r="E6575" s="15">
        <v>45746</v>
      </c>
      <c r="F6575" s="14" t="s">
        <v>61</v>
      </c>
      <c r="G6575" s="16">
        <v>3.7026035466386956E-2</v>
      </c>
    </row>
    <row r="6576" spans="1:7" x14ac:dyDescent="0.3">
      <c r="A6576" s="13" t="s">
        <v>58</v>
      </c>
      <c r="B6576" s="14" t="s">
        <v>1</v>
      </c>
      <c r="C6576" s="14" t="s">
        <v>59</v>
      </c>
      <c r="D6576" s="14" t="s">
        <v>60</v>
      </c>
      <c r="E6576" s="15">
        <v>45747</v>
      </c>
      <c r="F6576" s="14" t="s">
        <v>61</v>
      </c>
      <c r="G6576" s="16">
        <v>3.4181964698477854E-2</v>
      </c>
    </row>
    <row r="6577" spans="1:7" x14ac:dyDescent="0.3">
      <c r="A6577" s="13" t="s">
        <v>62</v>
      </c>
      <c r="B6577" s="14" t="s">
        <v>1</v>
      </c>
      <c r="C6577" s="14" t="s">
        <v>63</v>
      </c>
      <c r="D6577" s="14" t="s">
        <v>64</v>
      </c>
      <c r="E6577" s="15">
        <v>45383</v>
      </c>
      <c r="F6577" s="14" t="s">
        <v>28</v>
      </c>
      <c r="G6577" s="16">
        <v>0</v>
      </c>
    </row>
    <row r="6578" spans="1:7" x14ac:dyDescent="0.3">
      <c r="A6578" s="13" t="s">
        <v>62</v>
      </c>
      <c r="B6578" s="14" t="s">
        <v>1</v>
      </c>
      <c r="C6578" s="14" t="s">
        <v>63</v>
      </c>
      <c r="D6578" s="14" t="s">
        <v>64</v>
      </c>
      <c r="E6578" s="15">
        <v>45384</v>
      </c>
      <c r="F6578" s="14" t="s">
        <v>28</v>
      </c>
      <c r="G6578" s="16">
        <v>0</v>
      </c>
    </row>
    <row r="6579" spans="1:7" x14ac:dyDescent="0.3">
      <c r="A6579" s="13" t="s">
        <v>62</v>
      </c>
      <c r="B6579" s="14" t="s">
        <v>1</v>
      </c>
      <c r="C6579" s="14" t="s">
        <v>63</v>
      </c>
      <c r="D6579" s="14" t="s">
        <v>64</v>
      </c>
      <c r="E6579" s="15">
        <v>45385</v>
      </c>
      <c r="F6579" s="14" t="s">
        <v>28</v>
      </c>
      <c r="G6579" s="16">
        <v>3.9544811716319836E-2</v>
      </c>
    </row>
    <row r="6580" spans="1:7" x14ac:dyDescent="0.3">
      <c r="A6580" s="13" t="s">
        <v>62</v>
      </c>
      <c r="B6580" s="14" t="s">
        <v>1</v>
      </c>
      <c r="C6580" s="14" t="s">
        <v>63</v>
      </c>
      <c r="D6580" s="14" t="s">
        <v>64</v>
      </c>
      <c r="E6580" s="15">
        <v>45386</v>
      </c>
      <c r="F6580" s="14" t="s">
        <v>28</v>
      </c>
      <c r="G6580" s="16">
        <v>3.9544811716319836E-2</v>
      </c>
    </row>
    <row r="6581" spans="1:7" x14ac:dyDescent="0.3">
      <c r="A6581" s="13" t="s">
        <v>62</v>
      </c>
      <c r="B6581" s="14" t="s">
        <v>1</v>
      </c>
      <c r="C6581" s="14" t="s">
        <v>63</v>
      </c>
      <c r="D6581" s="14" t="s">
        <v>64</v>
      </c>
      <c r="E6581" s="15">
        <v>45387</v>
      </c>
      <c r="F6581" s="14" t="s">
        <v>28</v>
      </c>
      <c r="G6581" s="16">
        <v>5.1692460428343419E-2</v>
      </c>
    </row>
    <row r="6582" spans="1:7" x14ac:dyDescent="0.3">
      <c r="A6582" s="13" t="s">
        <v>62</v>
      </c>
      <c r="B6582" s="14" t="s">
        <v>1</v>
      </c>
      <c r="C6582" s="14" t="s">
        <v>63</v>
      </c>
      <c r="D6582" s="14" t="s">
        <v>64</v>
      </c>
      <c r="E6582" s="15">
        <v>45388</v>
      </c>
      <c r="F6582" s="14" t="s">
        <v>28</v>
      </c>
      <c r="G6582" s="16">
        <v>5.1692460428343419E-2</v>
      </c>
    </row>
    <row r="6583" spans="1:7" x14ac:dyDescent="0.3">
      <c r="A6583" s="13" t="s">
        <v>62</v>
      </c>
      <c r="B6583" s="14" t="s">
        <v>1</v>
      </c>
      <c r="C6583" s="14" t="s">
        <v>63</v>
      </c>
      <c r="D6583" s="14" t="s">
        <v>64</v>
      </c>
      <c r="E6583" s="15">
        <v>45389</v>
      </c>
      <c r="F6583" s="14" t="s">
        <v>28</v>
      </c>
      <c r="G6583" s="16">
        <v>5.1692460428343419E-2</v>
      </c>
    </row>
    <row r="6584" spans="1:7" x14ac:dyDescent="0.3">
      <c r="A6584" s="13" t="s">
        <v>62</v>
      </c>
      <c r="B6584" s="14" t="s">
        <v>1</v>
      </c>
      <c r="C6584" s="14" t="s">
        <v>63</v>
      </c>
      <c r="D6584" s="14" t="s">
        <v>64</v>
      </c>
      <c r="E6584" s="15">
        <v>45390</v>
      </c>
      <c r="F6584" s="14" t="s">
        <v>28</v>
      </c>
      <c r="G6584" s="16">
        <v>7.1160485283539812E-2</v>
      </c>
    </row>
    <row r="6585" spans="1:7" x14ac:dyDescent="0.3">
      <c r="A6585" s="13" t="s">
        <v>62</v>
      </c>
      <c r="B6585" s="14" t="s">
        <v>1</v>
      </c>
      <c r="C6585" s="14" t="s">
        <v>63</v>
      </c>
      <c r="D6585" s="14" t="s">
        <v>64</v>
      </c>
      <c r="E6585" s="15">
        <v>45391</v>
      </c>
      <c r="F6585" s="14" t="s">
        <v>28</v>
      </c>
      <c r="G6585" s="16">
        <v>0.10076672574814249</v>
      </c>
    </row>
    <row r="6586" spans="1:7" x14ac:dyDescent="0.3">
      <c r="A6586" s="13" t="s">
        <v>62</v>
      </c>
      <c r="B6586" s="14" t="s">
        <v>1</v>
      </c>
      <c r="C6586" s="14" t="s">
        <v>63</v>
      </c>
      <c r="D6586" s="14" t="s">
        <v>64</v>
      </c>
      <c r="E6586" s="15">
        <v>45392</v>
      </c>
      <c r="F6586" s="14" t="s">
        <v>28</v>
      </c>
      <c r="G6586" s="16">
        <v>0.10076672574814249</v>
      </c>
    </row>
    <row r="6587" spans="1:7" x14ac:dyDescent="0.3">
      <c r="A6587" s="13" t="s">
        <v>62</v>
      </c>
      <c r="B6587" s="14" t="s">
        <v>1</v>
      </c>
      <c r="C6587" s="14" t="s">
        <v>63</v>
      </c>
      <c r="D6587" s="14" t="s">
        <v>64</v>
      </c>
      <c r="E6587" s="15">
        <v>45393</v>
      </c>
      <c r="F6587" s="14" t="s">
        <v>28</v>
      </c>
      <c r="G6587" s="16">
        <v>0.1111368967531278</v>
      </c>
    </row>
    <row r="6588" spans="1:7" x14ac:dyDescent="0.3">
      <c r="A6588" s="13" t="s">
        <v>62</v>
      </c>
      <c r="B6588" s="14" t="s">
        <v>1</v>
      </c>
      <c r="C6588" s="14" t="s">
        <v>63</v>
      </c>
      <c r="D6588" s="14" t="s">
        <v>64</v>
      </c>
      <c r="E6588" s="15">
        <v>45394</v>
      </c>
      <c r="F6588" s="14" t="s">
        <v>28</v>
      </c>
      <c r="G6588" s="16">
        <v>0.13420616528185186</v>
      </c>
    </row>
    <row r="6589" spans="1:7" x14ac:dyDescent="0.3">
      <c r="A6589" s="13" t="s">
        <v>62</v>
      </c>
      <c r="B6589" s="14" t="s">
        <v>1</v>
      </c>
      <c r="C6589" s="14" t="s">
        <v>63</v>
      </c>
      <c r="D6589" s="14" t="s">
        <v>64</v>
      </c>
      <c r="E6589" s="15">
        <v>45395</v>
      </c>
      <c r="F6589" s="14" t="s">
        <v>28</v>
      </c>
      <c r="G6589" s="16">
        <v>0.13420616528185186</v>
      </c>
    </row>
    <row r="6590" spans="1:7" x14ac:dyDescent="0.3">
      <c r="A6590" s="13" t="s">
        <v>62</v>
      </c>
      <c r="B6590" s="14" t="s">
        <v>1</v>
      </c>
      <c r="C6590" s="14" t="s">
        <v>63</v>
      </c>
      <c r="D6590" s="14" t="s">
        <v>64</v>
      </c>
      <c r="E6590" s="15">
        <v>45396</v>
      </c>
      <c r="F6590" s="14" t="s">
        <v>28</v>
      </c>
      <c r="G6590" s="16">
        <v>0.13420616528185186</v>
      </c>
    </row>
    <row r="6591" spans="1:7" x14ac:dyDescent="0.3">
      <c r="A6591" s="13" t="s">
        <v>62</v>
      </c>
      <c r="B6591" s="14" t="s">
        <v>1</v>
      </c>
      <c r="C6591" s="14" t="s">
        <v>63</v>
      </c>
      <c r="D6591" s="14" t="s">
        <v>64</v>
      </c>
      <c r="E6591" s="15">
        <v>45397</v>
      </c>
      <c r="F6591" s="14" t="s">
        <v>28</v>
      </c>
      <c r="G6591" s="16">
        <v>0.14401693203281965</v>
      </c>
    </row>
    <row r="6592" spans="1:7" x14ac:dyDescent="0.3">
      <c r="A6592" s="13" t="s">
        <v>62</v>
      </c>
      <c r="B6592" s="14" t="s">
        <v>1</v>
      </c>
      <c r="C6592" s="14" t="s">
        <v>63</v>
      </c>
      <c r="D6592" s="14" t="s">
        <v>64</v>
      </c>
      <c r="E6592" s="15">
        <v>45398</v>
      </c>
      <c r="F6592" s="14" t="s">
        <v>28</v>
      </c>
      <c r="G6592" s="16">
        <v>0.17336295408003041</v>
      </c>
    </row>
    <row r="6593" spans="1:7" x14ac:dyDescent="0.3">
      <c r="A6593" s="13" t="s">
        <v>62</v>
      </c>
      <c r="B6593" s="14" t="s">
        <v>1</v>
      </c>
      <c r="C6593" s="14" t="s">
        <v>63</v>
      </c>
      <c r="D6593" s="14" t="s">
        <v>64</v>
      </c>
      <c r="E6593" s="15">
        <v>45399</v>
      </c>
      <c r="F6593" s="14" t="s">
        <v>28</v>
      </c>
      <c r="G6593" s="16">
        <v>0.18410778438878661</v>
      </c>
    </row>
    <row r="6594" spans="1:7" x14ac:dyDescent="0.3">
      <c r="A6594" s="13" t="s">
        <v>62</v>
      </c>
      <c r="B6594" s="14" t="s">
        <v>1</v>
      </c>
      <c r="C6594" s="14" t="s">
        <v>63</v>
      </c>
      <c r="D6594" s="14" t="s">
        <v>64</v>
      </c>
      <c r="E6594" s="15">
        <v>45400</v>
      </c>
      <c r="F6594" s="14" t="s">
        <v>28</v>
      </c>
      <c r="G6594" s="16">
        <v>0.19409375524835271</v>
      </c>
    </row>
    <row r="6595" spans="1:7" x14ac:dyDescent="0.3">
      <c r="A6595" s="13" t="s">
        <v>62</v>
      </c>
      <c r="B6595" s="14" t="s">
        <v>1</v>
      </c>
      <c r="C6595" s="14" t="s">
        <v>63</v>
      </c>
      <c r="D6595" s="14" t="s">
        <v>64</v>
      </c>
      <c r="E6595" s="15">
        <v>45401</v>
      </c>
      <c r="F6595" s="14" t="s">
        <v>28</v>
      </c>
      <c r="G6595" s="16">
        <v>0.20358689387712739</v>
      </c>
    </row>
    <row r="6596" spans="1:7" x14ac:dyDescent="0.3">
      <c r="A6596" s="13" t="s">
        <v>62</v>
      </c>
      <c r="B6596" s="14" t="s">
        <v>1</v>
      </c>
      <c r="C6596" s="14" t="s">
        <v>63</v>
      </c>
      <c r="D6596" s="14" t="s">
        <v>64</v>
      </c>
      <c r="E6596" s="15">
        <v>45402</v>
      </c>
      <c r="F6596" s="14" t="s">
        <v>28</v>
      </c>
      <c r="G6596" s="16">
        <v>0.20358689387712739</v>
      </c>
    </row>
    <row r="6597" spans="1:7" x14ac:dyDescent="0.3">
      <c r="A6597" s="13" t="s">
        <v>62</v>
      </c>
      <c r="B6597" s="14" t="s">
        <v>1</v>
      </c>
      <c r="C6597" s="14" t="s">
        <v>63</v>
      </c>
      <c r="D6597" s="14" t="s">
        <v>64</v>
      </c>
      <c r="E6597" s="15">
        <v>45403</v>
      </c>
      <c r="F6597" s="14" t="s">
        <v>28</v>
      </c>
      <c r="G6597" s="16">
        <v>0.20358689387712739</v>
      </c>
    </row>
    <row r="6598" spans="1:7" x14ac:dyDescent="0.3">
      <c r="A6598" s="13" t="s">
        <v>62</v>
      </c>
      <c r="B6598" s="14" t="s">
        <v>1</v>
      </c>
      <c r="C6598" s="14" t="s">
        <v>63</v>
      </c>
      <c r="D6598" s="14" t="s">
        <v>64</v>
      </c>
      <c r="E6598" s="15">
        <v>45404</v>
      </c>
      <c r="F6598" s="14" t="s">
        <v>28</v>
      </c>
      <c r="G6598" s="16">
        <v>0.21387407495557037</v>
      </c>
    </row>
    <row r="6599" spans="1:7" x14ac:dyDescent="0.3">
      <c r="A6599" s="13" t="s">
        <v>62</v>
      </c>
      <c r="B6599" s="14" t="s">
        <v>1</v>
      </c>
      <c r="C6599" s="14" t="s">
        <v>63</v>
      </c>
      <c r="D6599" s="14" t="s">
        <v>64</v>
      </c>
      <c r="E6599" s="15">
        <v>45405</v>
      </c>
      <c r="F6599" s="14" t="s">
        <v>28</v>
      </c>
      <c r="G6599" s="16">
        <v>0.24290298296904111</v>
      </c>
    </row>
    <row r="6600" spans="1:7" x14ac:dyDescent="0.3">
      <c r="A6600" s="13" t="s">
        <v>62</v>
      </c>
      <c r="B6600" s="14" t="s">
        <v>1</v>
      </c>
      <c r="C6600" s="14" t="s">
        <v>63</v>
      </c>
      <c r="D6600" s="14" t="s">
        <v>64</v>
      </c>
      <c r="E6600" s="15">
        <v>45406</v>
      </c>
      <c r="F6600" s="14" t="s">
        <v>28</v>
      </c>
      <c r="G6600" s="16">
        <v>0.25351709569177572</v>
      </c>
    </row>
    <row r="6601" spans="1:7" x14ac:dyDescent="0.3">
      <c r="A6601" s="13" t="s">
        <v>62</v>
      </c>
      <c r="B6601" s="14" t="s">
        <v>1</v>
      </c>
      <c r="C6601" s="14" t="s">
        <v>63</v>
      </c>
      <c r="D6601" s="14" t="s">
        <v>64</v>
      </c>
      <c r="E6601" s="15">
        <v>45407</v>
      </c>
      <c r="F6601" s="14" t="s">
        <v>28</v>
      </c>
      <c r="G6601" s="16">
        <v>0.26508856406717746</v>
      </c>
    </row>
    <row r="6602" spans="1:7" x14ac:dyDescent="0.3">
      <c r="A6602" s="13" t="s">
        <v>62</v>
      </c>
      <c r="B6602" s="14" t="s">
        <v>1</v>
      </c>
      <c r="C6602" s="14" t="s">
        <v>63</v>
      </c>
      <c r="D6602" s="14" t="s">
        <v>64</v>
      </c>
      <c r="E6602" s="15">
        <v>45408</v>
      </c>
      <c r="F6602" s="14" t="s">
        <v>28</v>
      </c>
      <c r="G6602" s="16">
        <v>0.2784184908099816</v>
      </c>
    </row>
    <row r="6603" spans="1:7" x14ac:dyDescent="0.3">
      <c r="A6603" s="13" t="s">
        <v>62</v>
      </c>
      <c r="B6603" s="14" t="s">
        <v>1</v>
      </c>
      <c r="C6603" s="14" t="s">
        <v>63</v>
      </c>
      <c r="D6603" s="14" t="s">
        <v>64</v>
      </c>
      <c r="E6603" s="15">
        <v>45409</v>
      </c>
      <c r="F6603" s="14" t="s">
        <v>28</v>
      </c>
      <c r="G6603" s="16">
        <v>0.2784184908099816</v>
      </c>
    </row>
    <row r="6604" spans="1:7" x14ac:dyDescent="0.3">
      <c r="A6604" s="13" t="s">
        <v>62</v>
      </c>
      <c r="B6604" s="14" t="s">
        <v>1</v>
      </c>
      <c r="C6604" s="14" t="s">
        <v>63</v>
      </c>
      <c r="D6604" s="14" t="s">
        <v>64</v>
      </c>
      <c r="E6604" s="15">
        <v>45410</v>
      </c>
      <c r="F6604" s="14" t="s">
        <v>28</v>
      </c>
      <c r="G6604" s="16">
        <v>0.2784184908099816</v>
      </c>
    </row>
    <row r="6605" spans="1:7" x14ac:dyDescent="0.3">
      <c r="A6605" s="13" t="s">
        <v>62</v>
      </c>
      <c r="B6605" s="14" t="s">
        <v>1</v>
      </c>
      <c r="C6605" s="14" t="s">
        <v>63</v>
      </c>
      <c r="D6605" s="14" t="s">
        <v>64</v>
      </c>
      <c r="E6605" s="15">
        <v>45411</v>
      </c>
      <c r="F6605" s="14" t="s">
        <v>28</v>
      </c>
      <c r="G6605" s="16">
        <v>0.28733841640662161</v>
      </c>
    </row>
    <row r="6606" spans="1:7" x14ac:dyDescent="0.3">
      <c r="A6606" s="13" t="s">
        <v>62</v>
      </c>
      <c r="B6606" s="14" t="s">
        <v>1</v>
      </c>
      <c r="C6606" s="14" t="s">
        <v>63</v>
      </c>
      <c r="D6606" s="14" t="s">
        <v>64</v>
      </c>
      <c r="E6606" s="15">
        <v>45412</v>
      </c>
      <c r="F6606" s="14" t="s">
        <v>28</v>
      </c>
      <c r="G6606" s="16">
        <v>0.320247040944941</v>
      </c>
    </row>
    <row r="6607" spans="1:7" x14ac:dyDescent="0.3">
      <c r="A6607" s="13" t="s">
        <v>62</v>
      </c>
      <c r="B6607" s="14" t="s">
        <v>1</v>
      </c>
      <c r="C6607" s="14" t="s">
        <v>63</v>
      </c>
      <c r="D6607" s="14" t="s">
        <v>64</v>
      </c>
      <c r="E6607" s="15">
        <v>45413</v>
      </c>
      <c r="F6607" s="14" t="s">
        <v>28</v>
      </c>
      <c r="G6607" s="16">
        <v>0.320247040944941</v>
      </c>
    </row>
    <row r="6608" spans="1:7" x14ac:dyDescent="0.3">
      <c r="A6608" s="13" t="s">
        <v>62</v>
      </c>
      <c r="B6608" s="14" t="s">
        <v>1</v>
      </c>
      <c r="C6608" s="14" t="s">
        <v>63</v>
      </c>
      <c r="D6608" s="14" t="s">
        <v>64</v>
      </c>
      <c r="E6608" s="15">
        <v>45414</v>
      </c>
      <c r="F6608" s="14" t="s">
        <v>28</v>
      </c>
      <c r="G6608" s="16">
        <v>0.32853517359851342</v>
      </c>
    </row>
    <row r="6609" spans="1:7" x14ac:dyDescent="0.3">
      <c r="A6609" s="13" t="s">
        <v>62</v>
      </c>
      <c r="B6609" s="14" t="s">
        <v>1</v>
      </c>
      <c r="C6609" s="14" t="s">
        <v>63</v>
      </c>
      <c r="D6609" s="14" t="s">
        <v>64</v>
      </c>
      <c r="E6609" s="15">
        <v>45415</v>
      </c>
      <c r="F6609" s="14" t="s">
        <v>28</v>
      </c>
      <c r="G6609" s="16">
        <v>0.35174294356371921</v>
      </c>
    </row>
    <row r="6610" spans="1:7" x14ac:dyDescent="0.3">
      <c r="A6610" s="13" t="s">
        <v>62</v>
      </c>
      <c r="B6610" s="14" t="s">
        <v>1</v>
      </c>
      <c r="C6610" s="14" t="s">
        <v>63</v>
      </c>
      <c r="D6610" s="14" t="s">
        <v>64</v>
      </c>
      <c r="E6610" s="15">
        <v>45416</v>
      </c>
      <c r="F6610" s="14" t="s">
        <v>28</v>
      </c>
      <c r="G6610" s="16">
        <v>0.35174294356371921</v>
      </c>
    </row>
    <row r="6611" spans="1:7" x14ac:dyDescent="0.3">
      <c r="A6611" s="13" t="s">
        <v>62</v>
      </c>
      <c r="B6611" s="14" t="s">
        <v>1</v>
      </c>
      <c r="C6611" s="14" t="s">
        <v>63</v>
      </c>
      <c r="D6611" s="14" t="s">
        <v>64</v>
      </c>
      <c r="E6611" s="15">
        <v>45417</v>
      </c>
      <c r="F6611" s="14" t="s">
        <v>28</v>
      </c>
      <c r="G6611" s="16">
        <v>0.35174294356371921</v>
      </c>
    </row>
    <row r="6612" spans="1:7" x14ac:dyDescent="0.3">
      <c r="A6612" s="13" t="s">
        <v>62</v>
      </c>
      <c r="B6612" s="14" t="s">
        <v>1</v>
      </c>
      <c r="C6612" s="14" t="s">
        <v>63</v>
      </c>
      <c r="D6612" s="14" t="s">
        <v>64</v>
      </c>
      <c r="E6612" s="15">
        <v>45418</v>
      </c>
      <c r="F6612" s="14" t="s">
        <v>28</v>
      </c>
      <c r="G6612" s="16">
        <v>0.35174294356371921</v>
      </c>
    </row>
    <row r="6613" spans="1:7" x14ac:dyDescent="0.3">
      <c r="A6613" s="13" t="s">
        <v>62</v>
      </c>
      <c r="B6613" s="14" t="s">
        <v>1</v>
      </c>
      <c r="C6613" s="14" t="s">
        <v>63</v>
      </c>
      <c r="D6613" s="14" t="s">
        <v>64</v>
      </c>
      <c r="E6613" s="15">
        <v>45419</v>
      </c>
      <c r="F6613" s="14" t="s">
        <v>28</v>
      </c>
      <c r="G6613" s="16">
        <v>0.36242482069297233</v>
      </c>
    </row>
    <row r="6614" spans="1:7" x14ac:dyDescent="0.3">
      <c r="A6614" s="13" t="s">
        <v>62</v>
      </c>
      <c r="B6614" s="14" t="s">
        <v>1</v>
      </c>
      <c r="C6614" s="14" t="s">
        <v>63</v>
      </c>
      <c r="D6614" s="14" t="s">
        <v>64</v>
      </c>
      <c r="E6614" s="15">
        <v>45420</v>
      </c>
      <c r="F6614" s="14" t="s">
        <v>28</v>
      </c>
      <c r="G6614" s="16">
        <v>0.40122015447856763</v>
      </c>
    </row>
    <row r="6615" spans="1:7" x14ac:dyDescent="0.3">
      <c r="A6615" s="13" t="s">
        <v>62</v>
      </c>
      <c r="B6615" s="14" t="s">
        <v>1</v>
      </c>
      <c r="C6615" s="14" t="s">
        <v>63</v>
      </c>
      <c r="D6615" s="14" t="s">
        <v>64</v>
      </c>
      <c r="E6615" s="15">
        <v>45421</v>
      </c>
      <c r="F6615" s="14" t="s">
        <v>28</v>
      </c>
      <c r="G6615" s="16">
        <v>0.40122015447856763</v>
      </c>
    </row>
    <row r="6616" spans="1:7" x14ac:dyDescent="0.3">
      <c r="A6616" s="13" t="s">
        <v>62</v>
      </c>
      <c r="B6616" s="14" t="s">
        <v>1</v>
      </c>
      <c r="C6616" s="14" t="s">
        <v>63</v>
      </c>
      <c r="D6616" s="14" t="s">
        <v>64</v>
      </c>
      <c r="E6616" s="15">
        <v>45422</v>
      </c>
      <c r="F6616" s="14" t="s">
        <v>28</v>
      </c>
      <c r="G6616" s="16">
        <v>0.41007731474246073</v>
      </c>
    </row>
    <row r="6617" spans="1:7" x14ac:dyDescent="0.3">
      <c r="A6617" s="13" t="s">
        <v>62</v>
      </c>
      <c r="B6617" s="14" t="s">
        <v>1</v>
      </c>
      <c r="C6617" s="14" t="s">
        <v>63</v>
      </c>
      <c r="D6617" s="14" t="s">
        <v>64</v>
      </c>
      <c r="E6617" s="15">
        <v>45423</v>
      </c>
      <c r="F6617" s="14" t="s">
        <v>28</v>
      </c>
      <c r="G6617" s="16">
        <v>0.41007731474246073</v>
      </c>
    </row>
    <row r="6618" spans="1:7" x14ac:dyDescent="0.3">
      <c r="A6618" s="13" t="s">
        <v>62</v>
      </c>
      <c r="B6618" s="14" t="s">
        <v>1</v>
      </c>
      <c r="C6618" s="14" t="s">
        <v>63</v>
      </c>
      <c r="D6618" s="14" t="s">
        <v>64</v>
      </c>
      <c r="E6618" s="15">
        <v>45424</v>
      </c>
      <c r="F6618" s="14" t="s">
        <v>28</v>
      </c>
      <c r="G6618" s="16">
        <v>0.41007731474246073</v>
      </c>
    </row>
    <row r="6619" spans="1:7" x14ac:dyDescent="0.3">
      <c r="A6619" s="13" t="s">
        <v>62</v>
      </c>
      <c r="B6619" s="14" t="s">
        <v>1</v>
      </c>
      <c r="C6619" s="14" t="s">
        <v>63</v>
      </c>
      <c r="D6619" s="14" t="s">
        <v>64</v>
      </c>
      <c r="E6619" s="15">
        <v>45425</v>
      </c>
      <c r="F6619" s="14" t="s">
        <v>28</v>
      </c>
      <c r="G6619" s="16">
        <v>0.42789959733222538</v>
      </c>
    </row>
    <row r="6620" spans="1:7" x14ac:dyDescent="0.3">
      <c r="A6620" s="13" t="s">
        <v>62</v>
      </c>
      <c r="B6620" s="14" t="s">
        <v>1</v>
      </c>
      <c r="C6620" s="14" t="s">
        <v>63</v>
      </c>
      <c r="D6620" s="14" t="s">
        <v>64</v>
      </c>
      <c r="E6620" s="15">
        <v>45426</v>
      </c>
      <c r="F6620" s="14" t="s">
        <v>28</v>
      </c>
      <c r="G6620" s="16">
        <v>0.45754035502002022</v>
      </c>
    </row>
    <row r="6621" spans="1:7" x14ac:dyDescent="0.3">
      <c r="A6621" s="13" t="s">
        <v>62</v>
      </c>
      <c r="B6621" s="14" t="s">
        <v>1</v>
      </c>
      <c r="C6621" s="14" t="s">
        <v>63</v>
      </c>
      <c r="D6621" s="14" t="s">
        <v>64</v>
      </c>
      <c r="E6621" s="15">
        <v>45427</v>
      </c>
      <c r="F6621" s="14" t="s">
        <v>28</v>
      </c>
      <c r="G6621" s="16">
        <v>0.45754035502002022</v>
      </c>
    </row>
    <row r="6622" spans="1:7" x14ac:dyDescent="0.3">
      <c r="A6622" s="13" t="s">
        <v>62</v>
      </c>
      <c r="B6622" s="14" t="s">
        <v>1</v>
      </c>
      <c r="C6622" s="14" t="s">
        <v>63</v>
      </c>
      <c r="D6622" s="14" t="s">
        <v>64</v>
      </c>
      <c r="E6622" s="15">
        <v>45428</v>
      </c>
      <c r="F6622" s="14" t="s">
        <v>28</v>
      </c>
      <c r="G6622" s="16">
        <v>0.46481637156372224</v>
      </c>
    </row>
    <row r="6623" spans="1:7" x14ac:dyDescent="0.3">
      <c r="A6623" s="13" t="s">
        <v>62</v>
      </c>
      <c r="B6623" s="14" t="s">
        <v>1</v>
      </c>
      <c r="C6623" s="14" t="s">
        <v>63</v>
      </c>
      <c r="D6623" s="14" t="s">
        <v>64</v>
      </c>
      <c r="E6623" s="15">
        <v>45429</v>
      </c>
      <c r="F6623" s="14" t="s">
        <v>28</v>
      </c>
      <c r="G6623" s="16">
        <v>0.48626799868735887</v>
      </c>
    </row>
    <row r="6624" spans="1:7" x14ac:dyDescent="0.3">
      <c r="A6624" s="13" t="s">
        <v>62</v>
      </c>
      <c r="B6624" s="14" t="s">
        <v>1</v>
      </c>
      <c r="C6624" s="14" t="s">
        <v>63</v>
      </c>
      <c r="D6624" s="14" t="s">
        <v>64</v>
      </c>
      <c r="E6624" s="15">
        <v>45430</v>
      </c>
      <c r="F6624" s="14" t="s">
        <v>28</v>
      </c>
      <c r="G6624" s="16">
        <v>0.48626799868735887</v>
      </c>
    </row>
    <row r="6625" spans="1:7" x14ac:dyDescent="0.3">
      <c r="A6625" s="13" t="s">
        <v>62</v>
      </c>
      <c r="B6625" s="14" t="s">
        <v>1</v>
      </c>
      <c r="C6625" s="14" t="s">
        <v>63</v>
      </c>
      <c r="D6625" s="14" t="s">
        <v>64</v>
      </c>
      <c r="E6625" s="15">
        <v>45431</v>
      </c>
      <c r="F6625" s="14" t="s">
        <v>28</v>
      </c>
      <c r="G6625" s="16">
        <v>0.48626799868735887</v>
      </c>
    </row>
    <row r="6626" spans="1:7" x14ac:dyDescent="0.3">
      <c r="A6626" s="13" t="s">
        <v>62</v>
      </c>
      <c r="B6626" s="14" t="s">
        <v>1</v>
      </c>
      <c r="C6626" s="14" t="s">
        <v>63</v>
      </c>
      <c r="D6626" s="14" t="s">
        <v>64</v>
      </c>
      <c r="E6626" s="15">
        <v>45432</v>
      </c>
      <c r="F6626" s="14" t="s">
        <v>28</v>
      </c>
      <c r="G6626" s="16">
        <v>0.48626799868735887</v>
      </c>
    </row>
    <row r="6627" spans="1:7" x14ac:dyDescent="0.3">
      <c r="A6627" s="13" t="s">
        <v>62</v>
      </c>
      <c r="B6627" s="14" t="s">
        <v>1</v>
      </c>
      <c r="C6627" s="14" t="s">
        <v>63</v>
      </c>
      <c r="D6627" s="14" t="s">
        <v>64</v>
      </c>
      <c r="E6627" s="15">
        <v>45433</v>
      </c>
      <c r="F6627" s="14" t="s">
        <v>28</v>
      </c>
      <c r="G6627" s="16">
        <v>0.5016003863316193</v>
      </c>
    </row>
    <row r="6628" spans="1:7" x14ac:dyDescent="0.3">
      <c r="A6628" s="13" t="s">
        <v>62</v>
      </c>
      <c r="B6628" s="14" t="s">
        <v>1</v>
      </c>
      <c r="C6628" s="14" t="s">
        <v>63</v>
      </c>
      <c r="D6628" s="14" t="s">
        <v>64</v>
      </c>
      <c r="E6628" s="15">
        <v>45434</v>
      </c>
      <c r="F6628" s="14" t="s">
        <v>28</v>
      </c>
      <c r="G6628" s="16">
        <v>0.5016003863316193</v>
      </c>
    </row>
    <row r="6629" spans="1:7" x14ac:dyDescent="0.3">
      <c r="A6629" s="13" t="s">
        <v>62</v>
      </c>
      <c r="B6629" s="14" t="s">
        <v>1</v>
      </c>
      <c r="C6629" s="14" t="s">
        <v>63</v>
      </c>
      <c r="D6629" s="14" t="s">
        <v>64</v>
      </c>
      <c r="E6629" s="15">
        <v>45435</v>
      </c>
      <c r="F6629" s="14" t="s">
        <v>28</v>
      </c>
      <c r="G6629" s="16">
        <v>0.54134694246487869</v>
      </c>
    </row>
    <row r="6630" spans="1:7" x14ac:dyDescent="0.3">
      <c r="A6630" s="13" t="s">
        <v>62</v>
      </c>
      <c r="B6630" s="14" t="s">
        <v>1</v>
      </c>
      <c r="C6630" s="14" t="s">
        <v>63</v>
      </c>
      <c r="D6630" s="14" t="s">
        <v>64</v>
      </c>
      <c r="E6630" s="15">
        <v>45436</v>
      </c>
      <c r="F6630" s="14" t="s">
        <v>28</v>
      </c>
      <c r="G6630" s="16">
        <v>0.56013440792200708</v>
      </c>
    </row>
    <row r="6631" spans="1:7" x14ac:dyDescent="0.3">
      <c r="A6631" s="13" t="s">
        <v>62</v>
      </c>
      <c r="B6631" s="14" t="s">
        <v>1</v>
      </c>
      <c r="C6631" s="14" t="s">
        <v>63</v>
      </c>
      <c r="D6631" s="14" t="s">
        <v>64</v>
      </c>
      <c r="E6631" s="15">
        <v>45437</v>
      </c>
      <c r="F6631" s="14" t="s">
        <v>28</v>
      </c>
      <c r="G6631" s="16">
        <v>0.56013440792200708</v>
      </c>
    </row>
    <row r="6632" spans="1:7" x14ac:dyDescent="0.3">
      <c r="A6632" s="13" t="s">
        <v>62</v>
      </c>
      <c r="B6632" s="14" t="s">
        <v>1</v>
      </c>
      <c r="C6632" s="14" t="s">
        <v>63</v>
      </c>
      <c r="D6632" s="14" t="s">
        <v>64</v>
      </c>
      <c r="E6632" s="15">
        <v>45438</v>
      </c>
      <c r="F6632" s="14" t="s">
        <v>28</v>
      </c>
      <c r="G6632" s="16">
        <v>0.56013440792200708</v>
      </c>
    </row>
    <row r="6633" spans="1:7" x14ac:dyDescent="0.3">
      <c r="A6633" s="13" t="s">
        <v>62</v>
      </c>
      <c r="B6633" s="14" t="s">
        <v>1</v>
      </c>
      <c r="C6633" s="14" t="s">
        <v>63</v>
      </c>
      <c r="D6633" s="14" t="s">
        <v>64</v>
      </c>
      <c r="E6633" s="15">
        <v>45439</v>
      </c>
      <c r="F6633" s="14" t="s">
        <v>28</v>
      </c>
      <c r="G6633" s="16">
        <v>0.56873041729701745</v>
      </c>
    </row>
    <row r="6634" spans="1:7" x14ac:dyDescent="0.3">
      <c r="A6634" s="13" t="s">
        <v>62</v>
      </c>
      <c r="B6634" s="14" t="s">
        <v>1</v>
      </c>
      <c r="C6634" s="14" t="s">
        <v>63</v>
      </c>
      <c r="D6634" s="14" t="s">
        <v>64</v>
      </c>
      <c r="E6634" s="15">
        <v>45440</v>
      </c>
      <c r="F6634" s="14" t="s">
        <v>28</v>
      </c>
      <c r="G6634" s="16">
        <v>0.59655545567766199</v>
      </c>
    </row>
    <row r="6635" spans="1:7" x14ac:dyDescent="0.3">
      <c r="A6635" s="13" t="s">
        <v>62</v>
      </c>
      <c r="B6635" s="14" t="s">
        <v>1</v>
      </c>
      <c r="C6635" s="14" t="s">
        <v>63</v>
      </c>
      <c r="D6635" s="14" t="s">
        <v>64</v>
      </c>
      <c r="E6635" s="15">
        <v>45441</v>
      </c>
      <c r="F6635" s="14" t="s">
        <v>28</v>
      </c>
      <c r="G6635" s="16">
        <v>0.60794451115021497</v>
      </c>
    </row>
    <row r="6636" spans="1:7" x14ac:dyDescent="0.3">
      <c r="A6636" s="13" t="s">
        <v>62</v>
      </c>
      <c r="B6636" s="14" t="s">
        <v>1</v>
      </c>
      <c r="C6636" s="14" t="s">
        <v>63</v>
      </c>
      <c r="D6636" s="14" t="s">
        <v>64</v>
      </c>
      <c r="E6636" s="15">
        <v>45442</v>
      </c>
      <c r="F6636" s="14" t="s">
        <v>28</v>
      </c>
      <c r="G6636" s="16">
        <v>0.61914080358209056</v>
      </c>
    </row>
    <row r="6637" spans="1:7" x14ac:dyDescent="0.3">
      <c r="A6637" s="13" t="s">
        <v>62</v>
      </c>
      <c r="B6637" s="14" t="s">
        <v>1</v>
      </c>
      <c r="C6637" s="14" t="s">
        <v>63</v>
      </c>
      <c r="D6637" s="14" t="s">
        <v>64</v>
      </c>
      <c r="E6637" s="15">
        <v>45443</v>
      </c>
      <c r="F6637" s="14" t="s">
        <v>28</v>
      </c>
      <c r="G6637" s="16">
        <v>0.6292084999161015</v>
      </c>
    </row>
    <row r="6638" spans="1:7" x14ac:dyDescent="0.3">
      <c r="A6638" s="13" t="s">
        <v>62</v>
      </c>
      <c r="B6638" s="14" t="s">
        <v>1</v>
      </c>
      <c r="C6638" s="14" t="s">
        <v>63</v>
      </c>
      <c r="D6638" s="14" t="s">
        <v>64</v>
      </c>
      <c r="E6638" s="15">
        <v>45444</v>
      </c>
      <c r="F6638" s="14" t="s">
        <v>28</v>
      </c>
      <c r="G6638" s="16">
        <v>0.6292084999161015</v>
      </c>
    </row>
    <row r="6639" spans="1:7" x14ac:dyDescent="0.3">
      <c r="A6639" s="13" t="s">
        <v>62</v>
      </c>
      <c r="B6639" s="14" t="s">
        <v>1</v>
      </c>
      <c r="C6639" s="14" t="s">
        <v>63</v>
      </c>
      <c r="D6639" s="14" t="s">
        <v>64</v>
      </c>
      <c r="E6639" s="15">
        <v>45445</v>
      </c>
      <c r="F6639" s="14" t="s">
        <v>28</v>
      </c>
      <c r="G6639" s="16">
        <v>0.6292084999161015</v>
      </c>
    </row>
    <row r="6640" spans="1:7" x14ac:dyDescent="0.3">
      <c r="A6640" s="13" t="s">
        <v>62</v>
      </c>
      <c r="B6640" s="14" t="s">
        <v>1</v>
      </c>
      <c r="C6640" s="14" t="s">
        <v>63</v>
      </c>
      <c r="D6640" s="14" t="s">
        <v>64</v>
      </c>
      <c r="E6640" s="15">
        <v>45446</v>
      </c>
      <c r="F6640" s="14" t="s">
        <v>28</v>
      </c>
      <c r="G6640" s="16">
        <v>0.6292084999161015</v>
      </c>
    </row>
    <row r="6641" spans="1:7" x14ac:dyDescent="0.3">
      <c r="A6641" s="13" t="s">
        <v>62</v>
      </c>
      <c r="B6641" s="14" t="s">
        <v>1</v>
      </c>
      <c r="C6641" s="14" t="s">
        <v>63</v>
      </c>
      <c r="D6641" s="14" t="s">
        <v>64</v>
      </c>
      <c r="E6641" s="15">
        <v>45447</v>
      </c>
      <c r="F6641" s="14" t="s">
        <v>28</v>
      </c>
      <c r="G6641" s="16">
        <v>0.63689728984626637</v>
      </c>
    </row>
    <row r="6642" spans="1:7" x14ac:dyDescent="0.3">
      <c r="A6642" s="13" t="s">
        <v>62</v>
      </c>
      <c r="B6642" s="14" t="s">
        <v>1</v>
      </c>
      <c r="C6642" s="14" t="s">
        <v>63</v>
      </c>
      <c r="D6642" s="14" t="s">
        <v>64</v>
      </c>
      <c r="E6642" s="15">
        <v>45448</v>
      </c>
      <c r="F6642" s="14" t="s">
        <v>28</v>
      </c>
      <c r="G6642" s="16">
        <v>0.67006463991218645</v>
      </c>
    </row>
    <row r="6643" spans="1:7" x14ac:dyDescent="0.3">
      <c r="A6643" s="13" t="s">
        <v>62</v>
      </c>
      <c r="B6643" s="14" t="s">
        <v>1</v>
      </c>
      <c r="C6643" s="14" t="s">
        <v>63</v>
      </c>
      <c r="D6643" s="14" t="s">
        <v>64</v>
      </c>
      <c r="E6643" s="15">
        <v>45449</v>
      </c>
      <c r="F6643" s="14" t="s">
        <v>28</v>
      </c>
      <c r="G6643" s="16">
        <v>0.67832645787222712</v>
      </c>
    </row>
    <row r="6644" spans="1:7" x14ac:dyDescent="0.3">
      <c r="A6644" s="13" t="s">
        <v>62</v>
      </c>
      <c r="B6644" s="14" t="s">
        <v>1</v>
      </c>
      <c r="C6644" s="14" t="s">
        <v>63</v>
      </c>
      <c r="D6644" s="14" t="s">
        <v>64</v>
      </c>
      <c r="E6644" s="15">
        <v>45450</v>
      </c>
      <c r="F6644" s="14" t="s">
        <v>28</v>
      </c>
      <c r="G6644" s="16">
        <v>0.69113214501988651</v>
      </c>
    </row>
    <row r="6645" spans="1:7" x14ac:dyDescent="0.3">
      <c r="A6645" s="13" t="s">
        <v>62</v>
      </c>
      <c r="B6645" s="14" t="s">
        <v>1</v>
      </c>
      <c r="C6645" s="14" t="s">
        <v>63</v>
      </c>
      <c r="D6645" s="14" t="s">
        <v>64</v>
      </c>
      <c r="E6645" s="15">
        <v>45451</v>
      </c>
      <c r="F6645" s="14" t="s">
        <v>28</v>
      </c>
      <c r="G6645" s="16">
        <v>0.69113214501988651</v>
      </c>
    </row>
    <row r="6646" spans="1:7" x14ac:dyDescent="0.3">
      <c r="A6646" s="13" t="s">
        <v>62</v>
      </c>
      <c r="B6646" s="14" t="s">
        <v>1</v>
      </c>
      <c r="C6646" s="14" t="s">
        <v>63</v>
      </c>
      <c r="D6646" s="14" t="s">
        <v>64</v>
      </c>
      <c r="E6646" s="15">
        <v>45452</v>
      </c>
      <c r="F6646" s="14" t="s">
        <v>28</v>
      </c>
      <c r="G6646" s="16">
        <v>0.69113214501988651</v>
      </c>
    </row>
    <row r="6647" spans="1:7" x14ac:dyDescent="0.3">
      <c r="A6647" s="13" t="s">
        <v>62</v>
      </c>
      <c r="B6647" s="14" t="s">
        <v>1</v>
      </c>
      <c r="C6647" s="14" t="s">
        <v>63</v>
      </c>
      <c r="D6647" s="14" t="s">
        <v>64</v>
      </c>
      <c r="E6647" s="15">
        <v>45453</v>
      </c>
      <c r="F6647" s="14" t="s">
        <v>28</v>
      </c>
      <c r="G6647" s="16">
        <v>0.69113214501988651</v>
      </c>
    </row>
    <row r="6648" spans="1:7" x14ac:dyDescent="0.3">
      <c r="A6648" s="13" t="s">
        <v>62</v>
      </c>
      <c r="B6648" s="14" t="s">
        <v>1</v>
      </c>
      <c r="C6648" s="14" t="s">
        <v>63</v>
      </c>
      <c r="D6648" s="14" t="s">
        <v>64</v>
      </c>
      <c r="E6648" s="15">
        <v>45454</v>
      </c>
      <c r="F6648" s="14" t="s">
        <v>28</v>
      </c>
      <c r="G6648" s="16">
        <v>0.71046825066958508</v>
      </c>
    </row>
    <row r="6649" spans="1:7" x14ac:dyDescent="0.3">
      <c r="A6649" s="13" t="s">
        <v>62</v>
      </c>
      <c r="B6649" s="14" t="s">
        <v>1</v>
      </c>
      <c r="C6649" s="14" t="s">
        <v>63</v>
      </c>
      <c r="D6649" s="14" t="s">
        <v>64</v>
      </c>
      <c r="E6649" s="15">
        <v>45455</v>
      </c>
      <c r="F6649" s="14" t="s">
        <v>28</v>
      </c>
      <c r="G6649" s="16">
        <v>0.74710820358065655</v>
      </c>
    </row>
    <row r="6650" spans="1:7" x14ac:dyDescent="0.3">
      <c r="A6650" s="13" t="s">
        <v>62</v>
      </c>
      <c r="B6650" s="14" t="s">
        <v>1</v>
      </c>
      <c r="C6650" s="14" t="s">
        <v>63</v>
      </c>
      <c r="D6650" s="14" t="s">
        <v>64</v>
      </c>
      <c r="E6650" s="15">
        <v>45456</v>
      </c>
      <c r="F6650" s="14" t="s">
        <v>28</v>
      </c>
      <c r="G6650" s="16">
        <v>0.76470431361840763</v>
      </c>
    </row>
    <row r="6651" spans="1:7" x14ac:dyDescent="0.3">
      <c r="A6651" s="13" t="s">
        <v>62</v>
      </c>
      <c r="B6651" s="14" t="s">
        <v>1</v>
      </c>
      <c r="C6651" s="14" t="s">
        <v>63</v>
      </c>
      <c r="D6651" s="14" t="s">
        <v>64</v>
      </c>
      <c r="E6651" s="15">
        <v>45457</v>
      </c>
      <c r="F6651" s="14" t="s">
        <v>28</v>
      </c>
      <c r="G6651" s="16">
        <v>0.77615099640444507</v>
      </c>
    </row>
    <row r="6652" spans="1:7" x14ac:dyDescent="0.3">
      <c r="A6652" s="13" t="s">
        <v>62</v>
      </c>
      <c r="B6652" s="14" t="s">
        <v>1</v>
      </c>
      <c r="C6652" s="14" t="s">
        <v>63</v>
      </c>
      <c r="D6652" s="14" t="s">
        <v>64</v>
      </c>
      <c r="E6652" s="15">
        <v>45458</v>
      </c>
      <c r="F6652" s="14" t="s">
        <v>28</v>
      </c>
      <c r="G6652" s="16">
        <v>0.77615099640444507</v>
      </c>
    </row>
    <row r="6653" spans="1:7" x14ac:dyDescent="0.3">
      <c r="A6653" s="13" t="s">
        <v>62</v>
      </c>
      <c r="B6653" s="14" t="s">
        <v>1</v>
      </c>
      <c r="C6653" s="14" t="s">
        <v>63</v>
      </c>
      <c r="D6653" s="14" t="s">
        <v>64</v>
      </c>
      <c r="E6653" s="15">
        <v>45459</v>
      </c>
      <c r="F6653" s="14" t="s">
        <v>28</v>
      </c>
      <c r="G6653" s="16">
        <v>0.77615099640444507</v>
      </c>
    </row>
    <row r="6654" spans="1:7" x14ac:dyDescent="0.3">
      <c r="A6654" s="13" t="s">
        <v>62</v>
      </c>
      <c r="B6654" s="14" t="s">
        <v>1</v>
      </c>
      <c r="C6654" s="14" t="s">
        <v>63</v>
      </c>
      <c r="D6654" s="14" t="s">
        <v>64</v>
      </c>
      <c r="E6654" s="15">
        <v>45460</v>
      </c>
      <c r="F6654" s="14" t="s">
        <v>28</v>
      </c>
      <c r="G6654" s="16">
        <v>0.77615099640444507</v>
      </c>
    </row>
    <row r="6655" spans="1:7" x14ac:dyDescent="0.3">
      <c r="A6655" s="13" t="s">
        <v>62</v>
      </c>
      <c r="B6655" s="14" t="s">
        <v>1</v>
      </c>
      <c r="C6655" s="14" t="s">
        <v>63</v>
      </c>
      <c r="D6655" s="14" t="s">
        <v>64</v>
      </c>
      <c r="E6655" s="15">
        <v>45461</v>
      </c>
      <c r="F6655" s="14" t="s">
        <v>28</v>
      </c>
      <c r="G6655" s="16">
        <v>0.78474583108499274</v>
      </c>
    </row>
    <row r="6656" spans="1:7" x14ac:dyDescent="0.3">
      <c r="A6656" s="13" t="s">
        <v>62</v>
      </c>
      <c r="B6656" s="14" t="s">
        <v>1</v>
      </c>
      <c r="C6656" s="14" t="s">
        <v>63</v>
      </c>
      <c r="D6656" s="14" t="s">
        <v>64</v>
      </c>
      <c r="E6656" s="15">
        <v>45462</v>
      </c>
      <c r="F6656" s="14" t="s">
        <v>28</v>
      </c>
      <c r="G6656" s="16">
        <v>0.82334771368453019</v>
      </c>
    </row>
    <row r="6657" spans="1:7" x14ac:dyDescent="0.3">
      <c r="A6657" s="13" t="s">
        <v>62</v>
      </c>
      <c r="B6657" s="14" t="s">
        <v>1</v>
      </c>
      <c r="C6657" s="14" t="s">
        <v>63</v>
      </c>
      <c r="D6657" s="14" t="s">
        <v>64</v>
      </c>
      <c r="E6657" s="15">
        <v>45463</v>
      </c>
      <c r="F6657" s="14" t="s">
        <v>28</v>
      </c>
      <c r="G6657" s="16">
        <v>0.83546040621466067</v>
      </c>
    </row>
    <row r="6658" spans="1:7" x14ac:dyDescent="0.3">
      <c r="A6658" s="13" t="s">
        <v>62</v>
      </c>
      <c r="B6658" s="14" t="s">
        <v>1</v>
      </c>
      <c r="C6658" s="14" t="s">
        <v>63</v>
      </c>
      <c r="D6658" s="14" t="s">
        <v>64</v>
      </c>
      <c r="E6658" s="15">
        <v>45464</v>
      </c>
      <c r="F6658" s="14" t="s">
        <v>28</v>
      </c>
      <c r="G6658" s="16">
        <v>0.84651916240231895</v>
      </c>
    </row>
    <row r="6659" spans="1:7" x14ac:dyDescent="0.3">
      <c r="A6659" s="13" t="s">
        <v>62</v>
      </c>
      <c r="B6659" s="14" t="s">
        <v>1</v>
      </c>
      <c r="C6659" s="14" t="s">
        <v>63</v>
      </c>
      <c r="D6659" s="14" t="s">
        <v>64</v>
      </c>
      <c r="E6659" s="15">
        <v>45465</v>
      </c>
      <c r="F6659" s="14" t="s">
        <v>28</v>
      </c>
      <c r="G6659" s="16">
        <v>0.84651916240231895</v>
      </c>
    </row>
    <row r="6660" spans="1:7" x14ac:dyDescent="0.3">
      <c r="A6660" s="13" t="s">
        <v>62</v>
      </c>
      <c r="B6660" s="14" t="s">
        <v>1</v>
      </c>
      <c r="C6660" s="14" t="s">
        <v>63</v>
      </c>
      <c r="D6660" s="14" t="s">
        <v>64</v>
      </c>
      <c r="E6660" s="15">
        <v>45466</v>
      </c>
      <c r="F6660" s="14" t="s">
        <v>28</v>
      </c>
      <c r="G6660" s="16">
        <v>0.84651916240231895</v>
      </c>
    </row>
    <row r="6661" spans="1:7" x14ac:dyDescent="0.3">
      <c r="A6661" s="13" t="s">
        <v>62</v>
      </c>
      <c r="B6661" s="14" t="s">
        <v>1</v>
      </c>
      <c r="C6661" s="14" t="s">
        <v>63</v>
      </c>
      <c r="D6661" s="14" t="s">
        <v>64</v>
      </c>
      <c r="E6661" s="15">
        <v>45467</v>
      </c>
      <c r="F6661" s="14" t="s">
        <v>28</v>
      </c>
      <c r="G6661" s="16">
        <v>0.85631591815675179</v>
      </c>
    </row>
    <row r="6662" spans="1:7" x14ac:dyDescent="0.3">
      <c r="A6662" s="13" t="s">
        <v>62</v>
      </c>
      <c r="B6662" s="14" t="s">
        <v>1</v>
      </c>
      <c r="C6662" s="14" t="s">
        <v>63</v>
      </c>
      <c r="D6662" s="14" t="s">
        <v>64</v>
      </c>
      <c r="E6662" s="15">
        <v>45468</v>
      </c>
      <c r="F6662" s="14" t="s">
        <v>28</v>
      </c>
      <c r="G6662" s="16">
        <v>0.88884070437159957</v>
      </c>
    </row>
    <row r="6663" spans="1:7" x14ac:dyDescent="0.3">
      <c r="A6663" s="13" t="s">
        <v>62</v>
      </c>
      <c r="B6663" s="14" t="s">
        <v>1</v>
      </c>
      <c r="C6663" s="14" t="s">
        <v>63</v>
      </c>
      <c r="D6663" s="14" t="s">
        <v>64</v>
      </c>
      <c r="E6663" s="15">
        <v>45469</v>
      </c>
      <c r="F6663" s="14" t="s">
        <v>28</v>
      </c>
      <c r="G6663" s="16">
        <v>0.90131968082365599</v>
      </c>
    </row>
    <row r="6664" spans="1:7" x14ac:dyDescent="0.3">
      <c r="A6664" s="13" t="s">
        <v>62</v>
      </c>
      <c r="B6664" s="14" t="s">
        <v>1</v>
      </c>
      <c r="C6664" s="14" t="s">
        <v>63</v>
      </c>
      <c r="D6664" s="14" t="s">
        <v>64</v>
      </c>
      <c r="E6664" s="15">
        <v>45470</v>
      </c>
      <c r="F6664" s="14" t="s">
        <v>28</v>
      </c>
      <c r="G6664" s="16">
        <v>0.91128038402904266</v>
      </c>
    </row>
    <row r="6665" spans="1:7" x14ac:dyDescent="0.3">
      <c r="A6665" s="13" t="s">
        <v>62</v>
      </c>
      <c r="B6665" s="14" t="s">
        <v>1</v>
      </c>
      <c r="C6665" s="14" t="s">
        <v>63</v>
      </c>
      <c r="D6665" s="14" t="s">
        <v>64</v>
      </c>
      <c r="E6665" s="15">
        <v>45471</v>
      </c>
      <c r="F6665" s="14" t="s">
        <v>28</v>
      </c>
      <c r="G6665" s="16">
        <v>0.9191070887174615</v>
      </c>
    </row>
    <row r="6666" spans="1:7" x14ac:dyDescent="0.3">
      <c r="A6666" s="13" t="s">
        <v>62</v>
      </c>
      <c r="B6666" s="14" t="s">
        <v>1</v>
      </c>
      <c r="C6666" s="14" t="s">
        <v>63</v>
      </c>
      <c r="D6666" s="14" t="s">
        <v>64</v>
      </c>
      <c r="E6666" s="15">
        <v>45472</v>
      </c>
      <c r="F6666" s="14" t="s">
        <v>28</v>
      </c>
      <c r="G6666" s="16">
        <v>0.9191070887174615</v>
      </c>
    </row>
    <row r="6667" spans="1:7" x14ac:dyDescent="0.3">
      <c r="A6667" s="13" t="s">
        <v>62</v>
      </c>
      <c r="B6667" s="14" t="s">
        <v>1</v>
      </c>
      <c r="C6667" s="14" t="s">
        <v>63</v>
      </c>
      <c r="D6667" s="14" t="s">
        <v>64</v>
      </c>
      <c r="E6667" s="15">
        <v>45473</v>
      </c>
      <c r="F6667" s="14" t="s">
        <v>28</v>
      </c>
      <c r="G6667" s="16">
        <v>0.9191070887174615</v>
      </c>
    </row>
    <row r="6668" spans="1:7" x14ac:dyDescent="0.3">
      <c r="A6668" s="13" t="s">
        <v>62</v>
      </c>
      <c r="B6668" s="14" t="s">
        <v>1</v>
      </c>
      <c r="C6668" s="14" t="s">
        <v>63</v>
      </c>
      <c r="D6668" s="14" t="s">
        <v>64</v>
      </c>
      <c r="E6668" s="15">
        <v>45474</v>
      </c>
      <c r="F6668" s="14" t="s">
        <v>28</v>
      </c>
      <c r="G6668" s="16">
        <v>0.9191070887174615</v>
      </c>
    </row>
    <row r="6669" spans="1:7" x14ac:dyDescent="0.3">
      <c r="A6669" s="13" t="s">
        <v>62</v>
      </c>
      <c r="B6669" s="14" t="s">
        <v>1</v>
      </c>
      <c r="C6669" s="14" t="s">
        <v>63</v>
      </c>
      <c r="D6669" s="14" t="s">
        <v>64</v>
      </c>
      <c r="E6669" s="15">
        <v>45475</v>
      </c>
      <c r="F6669" s="14" t="s">
        <v>28</v>
      </c>
      <c r="G6669" s="16">
        <v>0</v>
      </c>
    </row>
    <row r="6670" spans="1:7" x14ac:dyDescent="0.3">
      <c r="A6670" s="13" t="s">
        <v>62</v>
      </c>
      <c r="B6670" s="14" t="s">
        <v>1</v>
      </c>
      <c r="C6670" s="14" t="s">
        <v>63</v>
      </c>
      <c r="D6670" s="14" t="s">
        <v>64</v>
      </c>
      <c r="E6670" s="15">
        <v>45476</v>
      </c>
      <c r="F6670" s="14" t="s">
        <v>28</v>
      </c>
      <c r="G6670" s="16">
        <v>0</v>
      </c>
    </row>
    <row r="6671" spans="1:7" x14ac:dyDescent="0.3">
      <c r="A6671" s="13" t="s">
        <v>62</v>
      </c>
      <c r="B6671" s="14" t="s">
        <v>1</v>
      </c>
      <c r="C6671" s="14" t="s">
        <v>63</v>
      </c>
      <c r="D6671" s="14" t="s">
        <v>64</v>
      </c>
      <c r="E6671" s="15">
        <v>45477</v>
      </c>
      <c r="F6671" s="14" t="s">
        <v>28</v>
      </c>
      <c r="G6671" s="16">
        <v>0</v>
      </c>
    </row>
    <row r="6672" spans="1:7" x14ac:dyDescent="0.3">
      <c r="A6672" s="13" t="s">
        <v>62</v>
      </c>
      <c r="B6672" s="14" t="s">
        <v>1</v>
      </c>
      <c r="C6672" s="14" t="s">
        <v>63</v>
      </c>
      <c r="D6672" s="14" t="s">
        <v>64</v>
      </c>
      <c r="E6672" s="15">
        <v>45478</v>
      </c>
      <c r="F6672" s="14" t="s">
        <v>28</v>
      </c>
      <c r="G6672" s="16">
        <v>0</v>
      </c>
    </row>
    <row r="6673" spans="1:7" x14ac:dyDescent="0.3">
      <c r="A6673" s="13" t="s">
        <v>62</v>
      </c>
      <c r="B6673" s="14" t="s">
        <v>1</v>
      </c>
      <c r="C6673" s="14" t="s">
        <v>63</v>
      </c>
      <c r="D6673" s="14" t="s">
        <v>64</v>
      </c>
      <c r="E6673" s="15">
        <v>45479</v>
      </c>
      <c r="F6673" s="14" t="s">
        <v>28</v>
      </c>
      <c r="G6673" s="16">
        <v>0</v>
      </c>
    </row>
    <row r="6674" spans="1:7" x14ac:dyDescent="0.3">
      <c r="A6674" s="13" t="s">
        <v>62</v>
      </c>
      <c r="B6674" s="14" t="s">
        <v>1</v>
      </c>
      <c r="C6674" s="14" t="s">
        <v>63</v>
      </c>
      <c r="D6674" s="14" t="s">
        <v>64</v>
      </c>
      <c r="E6674" s="15">
        <v>45480</v>
      </c>
      <c r="F6674" s="14" t="s">
        <v>28</v>
      </c>
      <c r="G6674" s="16">
        <v>0</v>
      </c>
    </row>
    <row r="6675" spans="1:7" x14ac:dyDescent="0.3">
      <c r="A6675" s="13" t="s">
        <v>62</v>
      </c>
      <c r="B6675" s="14" t="s">
        <v>1</v>
      </c>
      <c r="C6675" s="14" t="s">
        <v>63</v>
      </c>
      <c r="D6675" s="14" t="s">
        <v>64</v>
      </c>
      <c r="E6675" s="15">
        <v>45481</v>
      </c>
      <c r="F6675" s="14" t="s">
        <v>28</v>
      </c>
      <c r="G6675" s="16">
        <v>0</v>
      </c>
    </row>
    <row r="6676" spans="1:7" x14ac:dyDescent="0.3">
      <c r="A6676" s="13" t="s">
        <v>62</v>
      </c>
      <c r="B6676" s="14" t="s">
        <v>1</v>
      </c>
      <c r="C6676" s="14" t="s">
        <v>63</v>
      </c>
      <c r="D6676" s="14" t="s">
        <v>64</v>
      </c>
      <c r="E6676" s="15">
        <v>45482</v>
      </c>
      <c r="F6676" s="14" t="s">
        <v>28</v>
      </c>
      <c r="G6676" s="16">
        <v>0</v>
      </c>
    </row>
    <row r="6677" spans="1:7" x14ac:dyDescent="0.3">
      <c r="A6677" s="13" t="s">
        <v>62</v>
      </c>
      <c r="B6677" s="14" t="s">
        <v>1</v>
      </c>
      <c r="C6677" s="14" t="s">
        <v>63</v>
      </c>
      <c r="D6677" s="14" t="s">
        <v>64</v>
      </c>
      <c r="E6677" s="15">
        <v>45483</v>
      </c>
      <c r="F6677" s="14" t="s">
        <v>28</v>
      </c>
      <c r="G6677" s="16">
        <v>0</v>
      </c>
    </row>
    <row r="6678" spans="1:7" x14ac:dyDescent="0.3">
      <c r="A6678" s="13" t="s">
        <v>62</v>
      </c>
      <c r="B6678" s="14" t="s">
        <v>1</v>
      </c>
      <c r="C6678" s="14" t="s">
        <v>63</v>
      </c>
      <c r="D6678" s="14" t="s">
        <v>64</v>
      </c>
      <c r="E6678" s="15">
        <v>45484</v>
      </c>
      <c r="F6678" s="14" t="s">
        <v>28</v>
      </c>
      <c r="G6678" s="16">
        <v>0</v>
      </c>
    </row>
    <row r="6679" spans="1:7" x14ac:dyDescent="0.3">
      <c r="A6679" s="13" t="s">
        <v>62</v>
      </c>
      <c r="B6679" s="14" t="s">
        <v>1</v>
      </c>
      <c r="C6679" s="14" t="s">
        <v>63</v>
      </c>
      <c r="D6679" s="14" t="s">
        <v>64</v>
      </c>
      <c r="E6679" s="15">
        <v>45485</v>
      </c>
      <c r="F6679" s="14" t="s">
        <v>28</v>
      </c>
      <c r="G6679" s="16">
        <v>0</v>
      </c>
    </row>
    <row r="6680" spans="1:7" x14ac:dyDescent="0.3">
      <c r="A6680" s="13" t="s">
        <v>62</v>
      </c>
      <c r="B6680" s="14" t="s">
        <v>1</v>
      </c>
      <c r="C6680" s="14" t="s">
        <v>63</v>
      </c>
      <c r="D6680" s="14" t="s">
        <v>64</v>
      </c>
      <c r="E6680" s="15">
        <v>45486</v>
      </c>
      <c r="F6680" s="14" t="s">
        <v>28</v>
      </c>
      <c r="G6680" s="16">
        <v>0</v>
      </c>
    </row>
    <row r="6681" spans="1:7" x14ac:dyDescent="0.3">
      <c r="A6681" s="13" t="s">
        <v>62</v>
      </c>
      <c r="B6681" s="14" t="s">
        <v>1</v>
      </c>
      <c r="C6681" s="14" t="s">
        <v>63</v>
      </c>
      <c r="D6681" s="14" t="s">
        <v>64</v>
      </c>
      <c r="E6681" s="15">
        <v>45487</v>
      </c>
      <c r="F6681" s="14" t="s">
        <v>28</v>
      </c>
      <c r="G6681" s="16">
        <v>0</v>
      </c>
    </row>
    <row r="6682" spans="1:7" x14ac:dyDescent="0.3">
      <c r="A6682" s="13" t="s">
        <v>62</v>
      </c>
      <c r="B6682" s="14" t="s">
        <v>1</v>
      </c>
      <c r="C6682" s="14" t="s">
        <v>63</v>
      </c>
      <c r="D6682" s="14" t="s">
        <v>64</v>
      </c>
      <c r="E6682" s="15">
        <v>45488</v>
      </c>
      <c r="F6682" s="14" t="s">
        <v>28</v>
      </c>
      <c r="G6682" s="16">
        <v>0</v>
      </c>
    </row>
    <row r="6683" spans="1:7" x14ac:dyDescent="0.3">
      <c r="A6683" s="13" t="s">
        <v>62</v>
      </c>
      <c r="B6683" s="14" t="s">
        <v>1</v>
      </c>
      <c r="C6683" s="14" t="s">
        <v>63</v>
      </c>
      <c r="D6683" s="14" t="s">
        <v>64</v>
      </c>
      <c r="E6683" s="15">
        <v>45489</v>
      </c>
      <c r="F6683" s="14" t="s">
        <v>28</v>
      </c>
      <c r="G6683" s="16">
        <v>0</v>
      </c>
    </row>
    <row r="6684" spans="1:7" x14ac:dyDescent="0.3">
      <c r="A6684" s="13" t="s">
        <v>62</v>
      </c>
      <c r="B6684" s="14" t="s">
        <v>1</v>
      </c>
      <c r="C6684" s="14" t="s">
        <v>63</v>
      </c>
      <c r="D6684" s="14" t="s">
        <v>64</v>
      </c>
      <c r="E6684" s="15">
        <v>45490</v>
      </c>
      <c r="F6684" s="14" t="s">
        <v>28</v>
      </c>
      <c r="G6684" s="16">
        <v>0</v>
      </c>
    </row>
    <row r="6685" spans="1:7" x14ac:dyDescent="0.3">
      <c r="A6685" s="13" t="s">
        <v>62</v>
      </c>
      <c r="B6685" s="14" t="s">
        <v>1</v>
      </c>
      <c r="C6685" s="14" t="s">
        <v>63</v>
      </c>
      <c r="D6685" s="14" t="s">
        <v>64</v>
      </c>
      <c r="E6685" s="15">
        <v>45491</v>
      </c>
      <c r="F6685" s="14" t="s">
        <v>28</v>
      </c>
      <c r="G6685" s="16">
        <v>0</v>
      </c>
    </row>
    <row r="6686" spans="1:7" x14ac:dyDescent="0.3">
      <c r="A6686" s="13" t="s">
        <v>62</v>
      </c>
      <c r="B6686" s="14" t="s">
        <v>1</v>
      </c>
      <c r="C6686" s="14" t="s">
        <v>63</v>
      </c>
      <c r="D6686" s="14" t="s">
        <v>64</v>
      </c>
      <c r="E6686" s="15">
        <v>45492</v>
      </c>
      <c r="F6686" s="14" t="s">
        <v>28</v>
      </c>
      <c r="G6686" s="16">
        <v>0</v>
      </c>
    </row>
    <row r="6687" spans="1:7" x14ac:dyDescent="0.3">
      <c r="A6687" s="13" t="s">
        <v>62</v>
      </c>
      <c r="B6687" s="14" t="s">
        <v>1</v>
      </c>
      <c r="C6687" s="14" t="s">
        <v>63</v>
      </c>
      <c r="D6687" s="14" t="s">
        <v>64</v>
      </c>
      <c r="E6687" s="15">
        <v>45493</v>
      </c>
      <c r="F6687" s="14" t="s">
        <v>28</v>
      </c>
      <c r="G6687" s="16">
        <v>0</v>
      </c>
    </row>
    <row r="6688" spans="1:7" x14ac:dyDescent="0.3">
      <c r="A6688" s="13" t="s">
        <v>62</v>
      </c>
      <c r="B6688" s="14" t="s">
        <v>1</v>
      </c>
      <c r="C6688" s="14" t="s">
        <v>63</v>
      </c>
      <c r="D6688" s="14" t="s">
        <v>64</v>
      </c>
      <c r="E6688" s="15">
        <v>45494</v>
      </c>
      <c r="F6688" s="14" t="s">
        <v>28</v>
      </c>
      <c r="G6688" s="16">
        <v>0</v>
      </c>
    </row>
    <row r="6689" spans="1:7" x14ac:dyDescent="0.3">
      <c r="A6689" s="13" t="s">
        <v>62</v>
      </c>
      <c r="B6689" s="14" t="s">
        <v>1</v>
      </c>
      <c r="C6689" s="14" t="s">
        <v>63</v>
      </c>
      <c r="D6689" s="14" t="s">
        <v>64</v>
      </c>
      <c r="E6689" s="15">
        <v>45495</v>
      </c>
      <c r="F6689" s="14" t="s">
        <v>28</v>
      </c>
      <c r="G6689" s="16">
        <v>0</v>
      </c>
    </row>
    <row r="6690" spans="1:7" x14ac:dyDescent="0.3">
      <c r="A6690" s="13" t="s">
        <v>62</v>
      </c>
      <c r="B6690" s="14" t="s">
        <v>1</v>
      </c>
      <c r="C6690" s="14" t="s">
        <v>63</v>
      </c>
      <c r="D6690" s="14" t="s">
        <v>64</v>
      </c>
      <c r="E6690" s="15">
        <v>45496</v>
      </c>
      <c r="F6690" s="14" t="s">
        <v>28</v>
      </c>
      <c r="G6690" s="16">
        <v>0</v>
      </c>
    </row>
    <row r="6691" spans="1:7" x14ac:dyDescent="0.3">
      <c r="A6691" s="13" t="s">
        <v>62</v>
      </c>
      <c r="B6691" s="14" t="s">
        <v>1</v>
      </c>
      <c r="C6691" s="14" t="s">
        <v>63</v>
      </c>
      <c r="D6691" s="14" t="s">
        <v>64</v>
      </c>
      <c r="E6691" s="15">
        <v>45497</v>
      </c>
      <c r="F6691" s="14" t="s">
        <v>28</v>
      </c>
      <c r="G6691" s="16">
        <v>8.0044576303574082E-3</v>
      </c>
    </row>
    <row r="6692" spans="1:7" x14ac:dyDescent="0.3">
      <c r="A6692" s="13" t="s">
        <v>62</v>
      </c>
      <c r="B6692" s="14" t="s">
        <v>1</v>
      </c>
      <c r="C6692" s="14" t="s">
        <v>63</v>
      </c>
      <c r="D6692" s="14" t="s">
        <v>64</v>
      </c>
      <c r="E6692" s="15">
        <v>45498</v>
      </c>
      <c r="F6692" s="14" t="s">
        <v>28</v>
      </c>
      <c r="G6692" s="16">
        <v>1.7139731939036295E-2</v>
      </c>
    </row>
    <row r="6693" spans="1:7" x14ac:dyDescent="0.3">
      <c r="A6693" s="13" t="s">
        <v>62</v>
      </c>
      <c r="B6693" s="14" t="s">
        <v>1</v>
      </c>
      <c r="C6693" s="14" t="s">
        <v>63</v>
      </c>
      <c r="D6693" s="14" t="s">
        <v>64</v>
      </c>
      <c r="E6693" s="15">
        <v>45499</v>
      </c>
      <c r="F6693" s="14" t="s">
        <v>28</v>
      </c>
      <c r="G6693" s="16">
        <v>2.6617838243665599E-2</v>
      </c>
    </row>
    <row r="6694" spans="1:7" x14ac:dyDescent="0.3">
      <c r="A6694" s="13" t="s">
        <v>62</v>
      </c>
      <c r="B6694" s="14" t="s">
        <v>1</v>
      </c>
      <c r="C6694" s="14" t="s">
        <v>63</v>
      </c>
      <c r="D6694" s="14" t="s">
        <v>64</v>
      </c>
      <c r="E6694" s="15">
        <v>45500</v>
      </c>
      <c r="F6694" s="14" t="s">
        <v>28</v>
      </c>
      <c r="G6694" s="16">
        <v>2.6617838243665599E-2</v>
      </c>
    </row>
    <row r="6695" spans="1:7" x14ac:dyDescent="0.3">
      <c r="A6695" s="13" t="s">
        <v>62</v>
      </c>
      <c r="B6695" s="14" t="s">
        <v>1</v>
      </c>
      <c r="C6695" s="14" t="s">
        <v>63</v>
      </c>
      <c r="D6695" s="14" t="s">
        <v>64</v>
      </c>
      <c r="E6695" s="15">
        <v>45501</v>
      </c>
      <c r="F6695" s="14" t="s">
        <v>28</v>
      </c>
      <c r="G6695" s="16">
        <v>2.6617838243665599E-2</v>
      </c>
    </row>
    <row r="6696" spans="1:7" x14ac:dyDescent="0.3">
      <c r="A6696" s="13" t="s">
        <v>62</v>
      </c>
      <c r="B6696" s="14" t="s">
        <v>1</v>
      </c>
      <c r="C6696" s="14" t="s">
        <v>63</v>
      </c>
      <c r="D6696" s="14" t="s">
        <v>64</v>
      </c>
      <c r="E6696" s="15">
        <v>45502</v>
      </c>
      <c r="F6696" s="14" t="s">
        <v>28</v>
      </c>
      <c r="G6696" s="16">
        <v>3.6539224884249683E-2</v>
      </c>
    </row>
    <row r="6697" spans="1:7" x14ac:dyDescent="0.3">
      <c r="A6697" s="13" t="s">
        <v>62</v>
      </c>
      <c r="B6697" s="14" t="s">
        <v>1</v>
      </c>
      <c r="C6697" s="14" t="s">
        <v>63</v>
      </c>
      <c r="D6697" s="14" t="s">
        <v>64</v>
      </c>
      <c r="E6697" s="15">
        <v>45503</v>
      </c>
      <c r="F6697" s="14" t="s">
        <v>28</v>
      </c>
      <c r="G6697" s="16">
        <v>6.5402497204116256E-2</v>
      </c>
    </row>
    <row r="6698" spans="1:7" x14ac:dyDescent="0.3">
      <c r="A6698" s="13" t="s">
        <v>62</v>
      </c>
      <c r="B6698" s="14" t="s">
        <v>1</v>
      </c>
      <c r="C6698" s="14" t="s">
        <v>63</v>
      </c>
      <c r="D6698" s="14" t="s">
        <v>64</v>
      </c>
      <c r="E6698" s="15">
        <v>45504</v>
      </c>
      <c r="F6698" s="14" t="s">
        <v>28</v>
      </c>
      <c r="G6698" s="16">
        <v>7.5823630945528298E-2</v>
      </c>
    </row>
    <row r="6699" spans="1:7" x14ac:dyDescent="0.3">
      <c r="A6699" s="13" t="s">
        <v>62</v>
      </c>
      <c r="B6699" s="14" t="s">
        <v>1</v>
      </c>
      <c r="C6699" s="14" t="s">
        <v>63</v>
      </c>
      <c r="D6699" s="14" t="s">
        <v>64</v>
      </c>
      <c r="E6699" s="15">
        <v>45505</v>
      </c>
      <c r="F6699" s="14" t="s">
        <v>28</v>
      </c>
      <c r="G6699" s="16">
        <v>7.5823630945528298E-2</v>
      </c>
    </row>
    <row r="6700" spans="1:7" x14ac:dyDescent="0.3">
      <c r="A6700" s="13" t="s">
        <v>62</v>
      </c>
      <c r="B6700" s="14" t="s">
        <v>1</v>
      </c>
      <c r="C6700" s="14" t="s">
        <v>63</v>
      </c>
      <c r="D6700" s="14" t="s">
        <v>64</v>
      </c>
      <c r="E6700" s="15">
        <v>45506</v>
      </c>
      <c r="F6700" s="14" t="s">
        <v>28</v>
      </c>
      <c r="G6700" s="16">
        <v>9.4658973918973016E-2</v>
      </c>
    </row>
    <row r="6701" spans="1:7" x14ac:dyDescent="0.3">
      <c r="A6701" s="13" t="s">
        <v>62</v>
      </c>
      <c r="B6701" s="14" t="s">
        <v>1</v>
      </c>
      <c r="C6701" s="14" t="s">
        <v>63</v>
      </c>
      <c r="D6701" s="14" t="s">
        <v>64</v>
      </c>
      <c r="E6701" s="15">
        <v>45507</v>
      </c>
      <c r="F6701" s="14" t="s">
        <v>28</v>
      </c>
      <c r="G6701" s="16">
        <v>9.4658973918973016E-2</v>
      </c>
    </row>
    <row r="6702" spans="1:7" x14ac:dyDescent="0.3">
      <c r="A6702" s="13" t="s">
        <v>62</v>
      </c>
      <c r="B6702" s="14" t="s">
        <v>1</v>
      </c>
      <c r="C6702" s="14" t="s">
        <v>63</v>
      </c>
      <c r="D6702" s="14" t="s">
        <v>64</v>
      </c>
      <c r="E6702" s="15">
        <v>45508</v>
      </c>
      <c r="F6702" s="14" t="s">
        <v>28</v>
      </c>
      <c r="G6702" s="16">
        <v>9.4658973918973016E-2</v>
      </c>
    </row>
    <row r="6703" spans="1:7" x14ac:dyDescent="0.3">
      <c r="A6703" s="13" t="s">
        <v>62</v>
      </c>
      <c r="B6703" s="14" t="s">
        <v>1</v>
      </c>
      <c r="C6703" s="14" t="s">
        <v>63</v>
      </c>
      <c r="D6703" s="14" t="s">
        <v>64</v>
      </c>
      <c r="E6703" s="15">
        <v>45509</v>
      </c>
      <c r="F6703" s="14" t="s">
        <v>28</v>
      </c>
      <c r="G6703" s="16">
        <v>9.4658973918973016E-2</v>
      </c>
    </row>
    <row r="6704" spans="1:7" x14ac:dyDescent="0.3">
      <c r="A6704" s="13" t="s">
        <v>62</v>
      </c>
      <c r="B6704" s="14" t="s">
        <v>1</v>
      </c>
      <c r="C6704" s="14" t="s">
        <v>63</v>
      </c>
      <c r="D6704" s="14" t="s">
        <v>64</v>
      </c>
      <c r="E6704" s="15">
        <v>45510</v>
      </c>
      <c r="F6704" s="14" t="s">
        <v>28</v>
      </c>
      <c r="G6704" s="16">
        <v>0.10310639716973596</v>
      </c>
    </row>
    <row r="6705" spans="1:7" x14ac:dyDescent="0.3">
      <c r="A6705" s="13" t="s">
        <v>62</v>
      </c>
      <c r="B6705" s="14" t="s">
        <v>1</v>
      </c>
      <c r="C6705" s="14" t="s">
        <v>63</v>
      </c>
      <c r="D6705" s="14" t="s">
        <v>64</v>
      </c>
      <c r="E6705" s="15">
        <v>45511</v>
      </c>
      <c r="F6705" s="14" t="s">
        <v>28</v>
      </c>
      <c r="G6705" s="16">
        <v>0.12638574350645715</v>
      </c>
    </row>
    <row r="6706" spans="1:7" x14ac:dyDescent="0.3">
      <c r="A6706" s="13" t="s">
        <v>62</v>
      </c>
      <c r="B6706" s="14" t="s">
        <v>1</v>
      </c>
      <c r="C6706" s="14" t="s">
        <v>63</v>
      </c>
      <c r="D6706" s="14" t="s">
        <v>64</v>
      </c>
      <c r="E6706" s="15">
        <v>45512</v>
      </c>
      <c r="F6706" s="14" t="s">
        <v>28</v>
      </c>
      <c r="G6706" s="16">
        <v>0.13433766952066742</v>
      </c>
    </row>
    <row r="6707" spans="1:7" x14ac:dyDescent="0.3">
      <c r="A6707" s="13" t="s">
        <v>62</v>
      </c>
      <c r="B6707" s="14" t="s">
        <v>1</v>
      </c>
      <c r="C6707" s="14" t="s">
        <v>63</v>
      </c>
      <c r="D6707" s="14" t="s">
        <v>64</v>
      </c>
      <c r="E6707" s="15">
        <v>45513</v>
      </c>
      <c r="F6707" s="14" t="s">
        <v>28</v>
      </c>
      <c r="G6707" s="16">
        <v>0.13433766952066742</v>
      </c>
    </row>
    <row r="6708" spans="1:7" x14ac:dyDescent="0.3">
      <c r="A6708" s="13" t="s">
        <v>62</v>
      </c>
      <c r="B6708" s="14" t="s">
        <v>1</v>
      </c>
      <c r="C6708" s="14" t="s">
        <v>63</v>
      </c>
      <c r="D6708" s="14" t="s">
        <v>64</v>
      </c>
      <c r="E6708" s="15">
        <v>45514</v>
      </c>
      <c r="F6708" s="14" t="s">
        <v>28</v>
      </c>
      <c r="G6708" s="16">
        <v>0.13433766952066742</v>
      </c>
    </row>
    <row r="6709" spans="1:7" x14ac:dyDescent="0.3">
      <c r="A6709" s="13" t="s">
        <v>62</v>
      </c>
      <c r="B6709" s="14" t="s">
        <v>1</v>
      </c>
      <c r="C6709" s="14" t="s">
        <v>63</v>
      </c>
      <c r="D6709" s="14" t="s">
        <v>64</v>
      </c>
      <c r="E6709" s="15">
        <v>45515</v>
      </c>
      <c r="F6709" s="14" t="s">
        <v>28</v>
      </c>
      <c r="G6709" s="16">
        <v>0.13433766952066742</v>
      </c>
    </row>
    <row r="6710" spans="1:7" x14ac:dyDescent="0.3">
      <c r="A6710" s="13" t="s">
        <v>62</v>
      </c>
      <c r="B6710" s="14" t="s">
        <v>1</v>
      </c>
      <c r="C6710" s="14" t="s">
        <v>63</v>
      </c>
      <c r="D6710" s="14" t="s">
        <v>64</v>
      </c>
      <c r="E6710" s="15">
        <v>45516</v>
      </c>
      <c r="F6710" s="14" t="s">
        <v>28</v>
      </c>
      <c r="G6710" s="16">
        <v>0.14827321009585012</v>
      </c>
    </row>
    <row r="6711" spans="1:7" x14ac:dyDescent="0.3">
      <c r="A6711" s="13" t="s">
        <v>62</v>
      </c>
      <c r="B6711" s="14" t="s">
        <v>1</v>
      </c>
      <c r="C6711" s="14" t="s">
        <v>63</v>
      </c>
      <c r="D6711" s="14" t="s">
        <v>64</v>
      </c>
      <c r="E6711" s="15">
        <v>45517</v>
      </c>
      <c r="F6711" s="14" t="s">
        <v>28</v>
      </c>
      <c r="G6711" s="16">
        <v>0.18589080872761821</v>
      </c>
    </row>
    <row r="6712" spans="1:7" x14ac:dyDescent="0.3">
      <c r="A6712" s="13" t="s">
        <v>62</v>
      </c>
      <c r="B6712" s="14" t="s">
        <v>1</v>
      </c>
      <c r="C6712" s="14" t="s">
        <v>63</v>
      </c>
      <c r="D6712" s="14" t="s">
        <v>64</v>
      </c>
      <c r="E6712" s="15">
        <v>45518</v>
      </c>
      <c r="F6712" s="14" t="s">
        <v>28</v>
      </c>
      <c r="G6712" s="16">
        <v>0.19527673969420278</v>
      </c>
    </row>
    <row r="6713" spans="1:7" x14ac:dyDescent="0.3">
      <c r="A6713" s="13" t="s">
        <v>62</v>
      </c>
      <c r="B6713" s="14" t="s">
        <v>1</v>
      </c>
      <c r="C6713" s="14" t="s">
        <v>63</v>
      </c>
      <c r="D6713" s="14" t="s">
        <v>64</v>
      </c>
      <c r="E6713" s="15">
        <v>45519</v>
      </c>
      <c r="F6713" s="14" t="s">
        <v>28</v>
      </c>
      <c r="G6713" s="16">
        <v>0.20940502572804123</v>
      </c>
    </row>
    <row r="6714" spans="1:7" x14ac:dyDescent="0.3">
      <c r="A6714" s="13" t="s">
        <v>62</v>
      </c>
      <c r="B6714" s="14" t="s">
        <v>1</v>
      </c>
      <c r="C6714" s="14" t="s">
        <v>63</v>
      </c>
      <c r="D6714" s="14" t="s">
        <v>64</v>
      </c>
      <c r="E6714" s="15">
        <v>45520</v>
      </c>
      <c r="F6714" s="14" t="s">
        <v>28</v>
      </c>
      <c r="G6714" s="16">
        <v>0.22090458703692711</v>
      </c>
    </row>
    <row r="6715" spans="1:7" x14ac:dyDescent="0.3">
      <c r="A6715" s="13" t="s">
        <v>62</v>
      </c>
      <c r="B6715" s="14" t="s">
        <v>1</v>
      </c>
      <c r="C6715" s="14" t="s">
        <v>63</v>
      </c>
      <c r="D6715" s="14" t="s">
        <v>64</v>
      </c>
      <c r="E6715" s="15">
        <v>45521</v>
      </c>
      <c r="F6715" s="14" t="s">
        <v>28</v>
      </c>
      <c r="G6715" s="16">
        <v>0.22090458703692711</v>
      </c>
    </row>
    <row r="6716" spans="1:7" x14ac:dyDescent="0.3">
      <c r="A6716" s="13" t="s">
        <v>62</v>
      </c>
      <c r="B6716" s="14" t="s">
        <v>1</v>
      </c>
      <c r="C6716" s="14" t="s">
        <v>63</v>
      </c>
      <c r="D6716" s="14" t="s">
        <v>64</v>
      </c>
      <c r="E6716" s="15">
        <v>45522</v>
      </c>
      <c r="F6716" s="14" t="s">
        <v>28</v>
      </c>
      <c r="G6716" s="16">
        <v>0.22090458703692711</v>
      </c>
    </row>
    <row r="6717" spans="1:7" x14ac:dyDescent="0.3">
      <c r="A6717" s="13" t="s">
        <v>62</v>
      </c>
      <c r="B6717" s="14" t="s">
        <v>1</v>
      </c>
      <c r="C6717" s="14" t="s">
        <v>63</v>
      </c>
      <c r="D6717" s="14" t="s">
        <v>64</v>
      </c>
      <c r="E6717" s="15">
        <v>45523</v>
      </c>
      <c r="F6717" s="14" t="s">
        <v>28</v>
      </c>
      <c r="G6717" s="16">
        <v>0.23012010778703212</v>
      </c>
    </row>
    <row r="6718" spans="1:7" x14ac:dyDescent="0.3">
      <c r="A6718" s="13" t="s">
        <v>62</v>
      </c>
      <c r="B6718" s="14" t="s">
        <v>1</v>
      </c>
      <c r="C6718" s="14" t="s">
        <v>63</v>
      </c>
      <c r="D6718" s="14" t="s">
        <v>64</v>
      </c>
      <c r="E6718" s="15">
        <v>45524</v>
      </c>
      <c r="F6718" s="14" t="s">
        <v>28</v>
      </c>
      <c r="G6718" s="16">
        <v>0.25812495510499922</v>
      </c>
    </row>
    <row r="6719" spans="1:7" x14ac:dyDescent="0.3">
      <c r="A6719" s="13" t="s">
        <v>62</v>
      </c>
      <c r="B6719" s="14" t="s">
        <v>1</v>
      </c>
      <c r="C6719" s="14" t="s">
        <v>63</v>
      </c>
      <c r="D6719" s="14" t="s">
        <v>64</v>
      </c>
      <c r="E6719" s="15">
        <v>45525</v>
      </c>
      <c r="F6719" s="14" t="s">
        <v>28</v>
      </c>
      <c r="G6719" s="16">
        <v>0.267753509454429</v>
      </c>
    </row>
    <row r="6720" spans="1:7" x14ac:dyDescent="0.3">
      <c r="A6720" s="13" t="s">
        <v>62</v>
      </c>
      <c r="B6720" s="14" t="s">
        <v>1</v>
      </c>
      <c r="C6720" s="14" t="s">
        <v>63</v>
      </c>
      <c r="D6720" s="14" t="s">
        <v>64</v>
      </c>
      <c r="E6720" s="15">
        <v>45526</v>
      </c>
      <c r="F6720" s="14" t="s">
        <v>28</v>
      </c>
      <c r="G6720" s="16">
        <v>0.27850641466732484</v>
      </c>
    </row>
    <row r="6721" spans="1:7" x14ac:dyDescent="0.3">
      <c r="A6721" s="13" t="s">
        <v>62</v>
      </c>
      <c r="B6721" s="14" t="s">
        <v>1</v>
      </c>
      <c r="C6721" s="14" t="s">
        <v>63</v>
      </c>
      <c r="D6721" s="14" t="s">
        <v>64</v>
      </c>
      <c r="E6721" s="15">
        <v>45527</v>
      </c>
      <c r="F6721" s="14" t="s">
        <v>28</v>
      </c>
      <c r="G6721" s="16">
        <v>0.28593723482881456</v>
      </c>
    </row>
    <row r="6722" spans="1:7" x14ac:dyDescent="0.3">
      <c r="A6722" s="13" t="s">
        <v>62</v>
      </c>
      <c r="B6722" s="14" t="s">
        <v>1</v>
      </c>
      <c r="C6722" s="14" t="s">
        <v>63</v>
      </c>
      <c r="D6722" s="14" t="s">
        <v>64</v>
      </c>
      <c r="E6722" s="15">
        <v>45528</v>
      </c>
      <c r="F6722" s="14" t="s">
        <v>28</v>
      </c>
      <c r="G6722" s="16">
        <v>0.28593723482881456</v>
      </c>
    </row>
    <row r="6723" spans="1:7" x14ac:dyDescent="0.3">
      <c r="A6723" s="13" t="s">
        <v>62</v>
      </c>
      <c r="B6723" s="14" t="s">
        <v>1</v>
      </c>
      <c r="C6723" s="14" t="s">
        <v>63</v>
      </c>
      <c r="D6723" s="14" t="s">
        <v>64</v>
      </c>
      <c r="E6723" s="15">
        <v>45529</v>
      </c>
      <c r="F6723" s="14" t="s">
        <v>28</v>
      </c>
      <c r="G6723" s="16">
        <v>0.28593723482881456</v>
      </c>
    </row>
    <row r="6724" spans="1:7" x14ac:dyDescent="0.3">
      <c r="A6724" s="13" t="s">
        <v>62</v>
      </c>
      <c r="B6724" s="14" t="s">
        <v>1</v>
      </c>
      <c r="C6724" s="14" t="s">
        <v>63</v>
      </c>
      <c r="D6724" s="14" t="s">
        <v>64</v>
      </c>
      <c r="E6724" s="15">
        <v>45530</v>
      </c>
      <c r="F6724" s="14" t="s">
        <v>28</v>
      </c>
      <c r="G6724" s="16">
        <v>0.29677429847427911</v>
      </c>
    </row>
    <row r="6725" spans="1:7" x14ac:dyDescent="0.3">
      <c r="A6725" s="13" t="s">
        <v>62</v>
      </c>
      <c r="B6725" s="14" t="s">
        <v>1</v>
      </c>
      <c r="C6725" s="14" t="s">
        <v>63</v>
      </c>
      <c r="D6725" s="14" t="s">
        <v>64</v>
      </c>
      <c r="E6725" s="15">
        <v>45531</v>
      </c>
      <c r="F6725" s="14" t="s">
        <v>28</v>
      </c>
      <c r="G6725" s="16">
        <v>0.32429718764891141</v>
      </c>
    </row>
    <row r="6726" spans="1:7" x14ac:dyDescent="0.3">
      <c r="A6726" s="13" t="s">
        <v>62</v>
      </c>
      <c r="B6726" s="14" t="s">
        <v>1</v>
      </c>
      <c r="C6726" s="14" t="s">
        <v>63</v>
      </c>
      <c r="D6726" s="14" t="s">
        <v>64</v>
      </c>
      <c r="E6726" s="15">
        <v>45532</v>
      </c>
      <c r="F6726" s="14" t="s">
        <v>28</v>
      </c>
      <c r="G6726" s="16">
        <v>0.33645208902414914</v>
      </c>
    </row>
    <row r="6727" spans="1:7" x14ac:dyDescent="0.3">
      <c r="A6727" s="13" t="s">
        <v>62</v>
      </c>
      <c r="B6727" s="14" t="s">
        <v>1</v>
      </c>
      <c r="C6727" s="14" t="s">
        <v>63</v>
      </c>
      <c r="D6727" s="14" t="s">
        <v>64</v>
      </c>
      <c r="E6727" s="15">
        <v>45533</v>
      </c>
      <c r="F6727" s="14" t="s">
        <v>28</v>
      </c>
      <c r="G6727" s="16">
        <v>0.34558319946119559</v>
      </c>
    </row>
    <row r="6728" spans="1:7" x14ac:dyDescent="0.3">
      <c r="A6728" s="13" t="s">
        <v>62</v>
      </c>
      <c r="B6728" s="14" t="s">
        <v>1</v>
      </c>
      <c r="C6728" s="14" t="s">
        <v>63</v>
      </c>
      <c r="D6728" s="14" t="s">
        <v>64</v>
      </c>
      <c r="E6728" s="15">
        <v>45534</v>
      </c>
      <c r="F6728" s="14" t="s">
        <v>28</v>
      </c>
      <c r="G6728" s="16">
        <v>0.35665726870814313</v>
      </c>
    </row>
    <row r="6729" spans="1:7" x14ac:dyDescent="0.3">
      <c r="A6729" s="13" t="s">
        <v>62</v>
      </c>
      <c r="B6729" s="14" t="s">
        <v>1</v>
      </c>
      <c r="C6729" s="14" t="s">
        <v>63</v>
      </c>
      <c r="D6729" s="14" t="s">
        <v>64</v>
      </c>
      <c r="E6729" s="15">
        <v>45535</v>
      </c>
      <c r="F6729" s="14" t="s">
        <v>28</v>
      </c>
      <c r="G6729" s="16">
        <v>0.35665726870814313</v>
      </c>
    </row>
    <row r="6730" spans="1:7" x14ac:dyDescent="0.3">
      <c r="A6730" s="13" t="s">
        <v>62</v>
      </c>
      <c r="B6730" s="14" t="s">
        <v>1</v>
      </c>
      <c r="C6730" s="14" t="s">
        <v>63</v>
      </c>
      <c r="D6730" s="14" t="s">
        <v>64</v>
      </c>
      <c r="E6730" s="15">
        <v>45536</v>
      </c>
      <c r="F6730" s="14" t="s">
        <v>28</v>
      </c>
      <c r="G6730" s="16">
        <v>0.35665726870814313</v>
      </c>
    </row>
    <row r="6731" spans="1:7" x14ac:dyDescent="0.3">
      <c r="A6731" s="13" t="s">
        <v>62</v>
      </c>
      <c r="B6731" s="14" t="s">
        <v>1</v>
      </c>
      <c r="C6731" s="14" t="s">
        <v>63</v>
      </c>
      <c r="D6731" s="14" t="s">
        <v>64</v>
      </c>
      <c r="E6731" s="15">
        <v>45537</v>
      </c>
      <c r="F6731" s="14" t="s">
        <v>28</v>
      </c>
      <c r="G6731" s="16">
        <v>0.36632666805077835</v>
      </c>
    </row>
    <row r="6732" spans="1:7" x14ac:dyDescent="0.3">
      <c r="A6732" s="13" t="s">
        <v>62</v>
      </c>
      <c r="B6732" s="14" t="s">
        <v>1</v>
      </c>
      <c r="C6732" s="14" t="s">
        <v>63</v>
      </c>
      <c r="D6732" s="14" t="s">
        <v>64</v>
      </c>
      <c r="E6732" s="15">
        <v>45538</v>
      </c>
      <c r="F6732" s="14" t="s">
        <v>28</v>
      </c>
      <c r="G6732" s="16">
        <v>0.38462201554535919</v>
      </c>
    </row>
    <row r="6733" spans="1:7" x14ac:dyDescent="0.3">
      <c r="A6733" s="13" t="s">
        <v>62</v>
      </c>
      <c r="B6733" s="14" t="s">
        <v>1</v>
      </c>
      <c r="C6733" s="14" t="s">
        <v>63</v>
      </c>
      <c r="D6733" s="14" t="s">
        <v>64</v>
      </c>
      <c r="E6733" s="15">
        <v>45539</v>
      </c>
      <c r="F6733" s="14" t="s">
        <v>28</v>
      </c>
      <c r="G6733" s="16">
        <v>0.39353507297355239</v>
      </c>
    </row>
    <row r="6734" spans="1:7" x14ac:dyDescent="0.3">
      <c r="A6734" s="13" t="s">
        <v>62</v>
      </c>
      <c r="B6734" s="14" t="s">
        <v>1</v>
      </c>
      <c r="C6734" s="14" t="s">
        <v>63</v>
      </c>
      <c r="D6734" s="14" t="s">
        <v>64</v>
      </c>
      <c r="E6734" s="15">
        <v>45540</v>
      </c>
      <c r="F6734" s="14" t="s">
        <v>28</v>
      </c>
      <c r="G6734" s="16">
        <v>0.40185809244074955</v>
      </c>
    </row>
    <row r="6735" spans="1:7" x14ac:dyDescent="0.3">
      <c r="A6735" s="13" t="s">
        <v>62</v>
      </c>
      <c r="B6735" s="14" t="s">
        <v>1</v>
      </c>
      <c r="C6735" s="14" t="s">
        <v>63</v>
      </c>
      <c r="D6735" s="14" t="s">
        <v>64</v>
      </c>
      <c r="E6735" s="15">
        <v>45541</v>
      </c>
      <c r="F6735" s="14" t="s">
        <v>28</v>
      </c>
      <c r="G6735" s="16">
        <v>0.41206834838862677</v>
      </c>
    </row>
    <row r="6736" spans="1:7" x14ac:dyDescent="0.3">
      <c r="A6736" s="13" t="s">
        <v>62</v>
      </c>
      <c r="B6736" s="14" t="s">
        <v>1</v>
      </c>
      <c r="C6736" s="14" t="s">
        <v>63</v>
      </c>
      <c r="D6736" s="14" t="s">
        <v>64</v>
      </c>
      <c r="E6736" s="15">
        <v>45542</v>
      </c>
      <c r="F6736" s="14" t="s">
        <v>28</v>
      </c>
      <c r="G6736" s="16">
        <v>0.41206834838862677</v>
      </c>
    </row>
    <row r="6737" spans="1:7" x14ac:dyDescent="0.3">
      <c r="A6737" s="13" t="s">
        <v>62</v>
      </c>
      <c r="B6737" s="14" t="s">
        <v>1</v>
      </c>
      <c r="C6737" s="14" t="s">
        <v>63</v>
      </c>
      <c r="D6737" s="14" t="s">
        <v>64</v>
      </c>
      <c r="E6737" s="15">
        <v>45543</v>
      </c>
      <c r="F6737" s="14" t="s">
        <v>28</v>
      </c>
      <c r="G6737" s="16">
        <v>0.41206834838862677</v>
      </c>
    </row>
    <row r="6738" spans="1:7" x14ac:dyDescent="0.3">
      <c r="A6738" s="13" t="s">
        <v>62</v>
      </c>
      <c r="B6738" s="14" t="s">
        <v>1</v>
      </c>
      <c r="C6738" s="14" t="s">
        <v>63</v>
      </c>
      <c r="D6738" s="14" t="s">
        <v>64</v>
      </c>
      <c r="E6738" s="15">
        <v>45544</v>
      </c>
      <c r="F6738" s="14" t="s">
        <v>28</v>
      </c>
      <c r="G6738" s="16">
        <v>0.42471633496254996</v>
      </c>
    </row>
    <row r="6739" spans="1:7" x14ac:dyDescent="0.3">
      <c r="A6739" s="13" t="s">
        <v>62</v>
      </c>
      <c r="B6739" s="14" t="s">
        <v>1</v>
      </c>
      <c r="C6739" s="14" t="s">
        <v>63</v>
      </c>
      <c r="D6739" s="14" t="s">
        <v>64</v>
      </c>
      <c r="E6739" s="15">
        <v>45545</v>
      </c>
      <c r="F6739" s="14" t="s">
        <v>28</v>
      </c>
      <c r="G6739" s="16">
        <v>0.45284759054869567</v>
      </c>
    </row>
    <row r="6740" spans="1:7" x14ac:dyDescent="0.3">
      <c r="A6740" s="13" t="s">
        <v>62</v>
      </c>
      <c r="B6740" s="14" t="s">
        <v>1</v>
      </c>
      <c r="C6740" s="14" t="s">
        <v>63</v>
      </c>
      <c r="D6740" s="14" t="s">
        <v>64</v>
      </c>
      <c r="E6740" s="15">
        <v>45546</v>
      </c>
      <c r="F6740" s="14" t="s">
        <v>28</v>
      </c>
      <c r="G6740" s="16">
        <v>0.46195826943948953</v>
      </c>
    </row>
    <row r="6741" spans="1:7" x14ac:dyDescent="0.3">
      <c r="A6741" s="13" t="s">
        <v>62</v>
      </c>
      <c r="B6741" s="14" t="s">
        <v>1</v>
      </c>
      <c r="C6741" s="14" t="s">
        <v>63</v>
      </c>
      <c r="D6741" s="14" t="s">
        <v>64</v>
      </c>
      <c r="E6741" s="15">
        <v>45547</v>
      </c>
      <c r="F6741" s="14" t="s">
        <v>28</v>
      </c>
      <c r="G6741" s="16">
        <v>0.47049450333525994</v>
      </c>
    </row>
    <row r="6742" spans="1:7" x14ac:dyDescent="0.3">
      <c r="A6742" s="13" t="s">
        <v>62</v>
      </c>
      <c r="B6742" s="14" t="s">
        <v>1</v>
      </c>
      <c r="C6742" s="14" t="s">
        <v>63</v>
      </c>
      <c r="D6742" s="14" t="s">
        <v>64</v>
      </c>
      <c r="E6742" s="15">
        <v>45548</v>
      </c>
      <c r="F6742" s="14" t="s">
        <v>28</v>
      </c>
      <c r="G6742" s="16">
        <v>0.48004510718585991</v>
      </c>
    </row>
    <row r="6743" spans="1:7" x14ac:dyDescent="0.3">
      <c r="A6743" s="13" t="s">
        <v>62</v>
      </c>
      <c r="B6743" s="14" t="s">
        <v>1</v>
      </c>
      <c r="C6743" s="14" t="s">
        <v>63</v>
      </c>
      <c r="D6743" s="14" t="s">
        <v>64</v>
      </c>
      <c r="E6743" s="15">
        <v>45549</v>
      </c>
      <c r="F6743" s="14" t="s">
        <v>28</v>
      </c>
      <c r="G6743" s="16">
        <v>0.48004510718585991</v>
      </c>
    </row>
    <row r="6744" spans="1:7" x14ac:dyDescent="0.3">
      <c r="A6744" s="13" t="s">
        <v>62</v>
      </c>
      <c r="B6744" s="14" t="s">
        <v>1</v>
      </c>
      <c r="C6744" s="14" t="s">
        <v>63</v>
      </c>
      <c r="D6744" s="14" t="s">
        <v>64</v>
      </c>
      <c r="E6744" s="15">
        <v>45550</v>
      </c>
      <c r="F6744" s="14" t="s">
        <v>28</v>
      </c>
      <c r="G6744" s="16">
        <v>0.48004510718585991</v>
      </c>
    </row>
    <row r="6745" spans="1:7" x14ac:dyDescent="0.3">
      <c r="A6745" s="13" t="s">
        <v>62</v>
      </c>
      <c r="B6745" s="14" t="s">
        <v>1</v>
      </c>
      <c r="C6745" s="14" t="s">
        <v>63</v>
      </c>
      <c r="D6745" s="14" t="s">
        <v>64</v>
      </c>
      <c r="E6745" s="15">
        <v>45551</v>
      </c>
      <c r="F6745" s="14" t="s">
        <v>28</v>
      </c>
      <c r="G6745" s="16">
        <v>0.48827395605659352</v>
      </c>
    </row>
    <row r="6746" spans="1:7" x14ac:dyDescent="0.3">
      <c r="A6746" s="13" t="s">
        <v>62</v>
      </c>
      <c r="B6746" s="14" t="s">
        <v>1</v>
      </c>
      <c r="C6746" s="14" t="s">
        <v>63</v>
      </c>
      <c r="D6746" s="14" t="s">
        <v>64</v>
      </c>
      <c r="E6746" s="15">
        <v>45552</v>
      </c>
      <c r="F6746" s="14" t="s">
        <v>28</v>
      </c>
      <c r="G6746" s="16">
        <v>0.51679856766562349</v>
      </c>
    </row>
    <row r="6747" spans="1:7" x14ac:dyDescent="0.3">
      <c r="A6747" s="13" t="s">
        <v>62</v>
      </c>
      <c r="B6747" s="14" t="s">
        <v>1</v>
      </c>
      <c r="C6747" s="14" t="s">
        <v>63</v>
      </c>
      <c r="D6747" s="14" t="s">
        <v>64</v>
      </c>
      <c r="E6747" s="15">
        <v>45553</v>
      </c>
      <c r="F6747" s="14" t="s">
        <v>28</v>
      </c>
      <c r="G6747" s="16">
        <v>0.51679856766562349</v>
      </c>
    </row>
    <row r="6748" spans="1:7" x14ac:dyDescent="0.3">
      <c r="A6748" s="13" t="s">
        <v>62</v>
      </c>
      <c r="B6748" s="14" t="s">
        <v>1</v>
      </c>
      <c r="C6748" s="14" t="s">
        <v>63</v>
      </c>
      <c r="D6748" s="14" t="s">
        <v>64</v>
      </c>
      <c r="E6748" s="15">
        <v>45554</v>
      </c>
      <c r="F6748" s="14" t="s">
        <v>28</v>
      </c>
      <c r="G6748" s="16">
        <v>0.5245834327535962</v>
      </c>
    </row>
    <row r="6749" spans="1:7" x14ac:dyDescent="0.3">
      <c r="A6749" s="13" t="s">
        <v>62</v>
      </c>
      <c r="B6749" s="14" t="s">
        <v>1</v>
      </c>
      <c r="C6749" s="14" t="s">
        <v>63</v>
      </c>
      <c r="D6749" s="14" t="s">
        <v>64</v>
      </c>
      <c r="E6749" s="15">
        <v>45555</v>
      </c>
      <c r="F6749" s="14" t="s">
        <v>28</v>
      </c>
      <c r="G6749" s="16">
        <v>0.54791139134520606</v>
      </c>
    </row>
    <row r="6750" spans="1:7" x14ac:dyDescent="0.3">
      <c r="A6750" s="13" t="s">
        <v>62</v>
      </c>
      <c r="B6750" s="14" t="s">
        <v>1</v>
      </c>
      <c r="C6750" s="14" t="s">
        <v>63</v>
      </c>
      <c r="D6750" s="14" t="s">
        <v>64</v>
      </c>
      <c r="E6750" s="15">
        <v>45556</v>
      </c>
      <c r="F6750" s="14" t="s">
        <v>28</v>
      </c>
      <c r="G6750" s="16">
        <v>0.54791139134520606</v>
      </c>
    </row>
    <row r="6751" spans="1:7" x14ac:dyDescent="0.3">
      <c r="A6751" s="13" t="s">
        <v>62</v>
      </c>
      <c r="B6751" s="14" t="s">
        <v>1</v>
      </c>
      <c r="C6751" s="14" t="s">
        <v>63</v>
      </c>
      <c r="D6751" s="14" t="s">
        <v>64</v>
      </c>
      <c r="E6751" s="15">
        <v>45557</v>
      </c>
      <c r="F6751" s="14" t="s">
        <v>28</v>
      </c>
      <c r="G6751" s="16">
        <v>0.54791139134520606</v>
      </c>
    </row>
    <row r="6752" spans="1:7" x14ac:dyDescent="0.3">
      <c r="A6752" s="13" t="s">
        <v>62</v>
      </c>
      <c r="B6752" s="14" t="s">
        <v>1</v>
      </c>
      <c r="C6752" s="14" t="s">
        <v>63</v>
      </c>
      <c r="D6752" s="14" t="s">
        <v>64</v>
      </c>
      <c r="E6752" s="15">
        <v>45558</v>
      </c>
      <c r="F6752" s="14" t="s">
        <v>28</v>
      </c>
      <c r="G6752" s="16">
        <v>0.55749156556708923</v>
      </c>
    </row>
    <row r="6753" spans="1:7" x14ac:dyDescent="0.3">
      <c r="A6753" s="13" t="s">
        <v>62</v>
      </c>
      <c r="B6753" s="14" t="s">
        <v>1</v>
      </c>
      <c r="C6753" s="14" t="s">
        <v>63</v>
      </c>
      <c r="D6753" s="14" t="s">
        <v>64</v>
      </c>
      <c r="E6753" s="15">
        <v>45559</v>
      </c>
      <c r="F6753" s="14" t="s">
        <v>28</v>
      </c>
      <c r="G6753" s="16">
        <v>0.58159736164564968</v>
      </c>
    </row>
    <row r="6754" spans="1:7" x14ac:dyDescent="0.3">
      <c r="A6754" s="13" t="s">
        <v>62</v>
      </c>
      <c r="B6754" s="14" t="s">
        <v>1</v>
      </c>
      <c r="C6754" s="14" t="s">
        <v>63</v>
      </c>
      <c r="D6754" s="14" t="s">
        <v>64</v>
      </c>
      <c r="E6754" s="15">
        <v>45560</v>
      </c>
      <c r="F6754" s="14" t="s">
        <v>28</v>
      </c>
      <c r="G6754" s="16">
        <v>0.59420745702431887</v>
      </c>
    </row>
    <row r="6755" spans="1:7" x14ac:dyDescent="0.3">
      <c r="A6755" s="13" t="s">
        <v>62</v>
      </c>
      <c r="B6755" s="14" t="s">
        <v>1</v>
      </c>
      <c r="C6755" s="14" t="s">
        <v>63</v>
      </c>
      <c r="D6755" s="14" t="s">
        <v>64</v>
      </c>
      <c r="E6755" s="15">
        <v>45561</v>
      </c>
      <c r="F6755" s="14" t="s">
        <v>28</v>
      </c>
      <c r="G6755" s="16">
        <v>0.60051554461213164</v>
      </c>
    </row>
    <row r="6756" spans="1:7" x14ac:dyDescent="0.3">
      <c r="A6756" s="13" t="s">
        <v>62</v>
      </c>
      <c r="B6756" s="14" t="s">
        <v>1</v>
      </c>
      <c r="C6756" s="14" t="s">
        <v>63</v>
      </c>
      <c r="D6756" s="14" t="s">
        <v>64</v>
      </c>
      <c r="E6756" s="15">
        <v>45562</v>
      </c>
      <c r="F6756" s="14" t="s">
        <v>28</v>
      </c>
      <c r="G6756" s="16">
        <v>0.61287215766537217</v>
      </c>
    </row>
    <row r="6757" spans="1:7" x14ac:dyDescent="0.3">
      <c r="A6757" s="13" t="s">
        <v>62</v>
      </c>
      <c r="B6757" s="14" t="s">
        <v>1</v>
      </c>
      <c r="C6757" s="14" t="s">
        <v>63</v>
      </c>
      <c r="D6757" s="14" t="s">
        <v>64</v>
      </c>
      <c r="E6757" s="15">
        <v>45563</v>
      </c>
      <c r="F6757" s="14" t="s">
        <v>28</v>
      </c>
      <c r="G6757" s="16">
        <v>0.61287215766537217</v>
      </c>
    </row>
    <row r="6758" spans="1:7" x14ac:dyDescent="0.3">
      <c r="A6758" s="13" t="s">
        <v>62</v>
      </c>
      <c r="B6758" s="14" t="s">
        <v>1</v>
      </c>
      <c r="C6758" s="14" t="s">
        <v>63</v>
      </c>
      <c r="D6758" s="14" t="s">
        <v>64</v>
      </c>
      <c r="E6758" s="15">
        <v>45564</v>
      </c>
      <c r="F6758" s="14" t="s">
        <v>28</v>
      </c>
      <c r="G6758" s="16">
        <v>0.61287215766537217</v>
      </c>
    </row>
    <row r="6759" spans="1:7" x14ac:dyDescent="0.3">
      <c r="A6759" s="13" t="s">
        <v>62</v>
      </c>
      <c r="B6759" s="14" t="s">
        <v>1</v>
      </c>
      <c r="C6759" s="14" t="s">
        <v>63</v>
      </c>
      <c r="D6759" s="14" t="s">
        <v>64</v>
      </c>
      <c r="E6759" s="15">
        <v>45565</v>
      </c>
      <c r="F6759" s="14" t="s">
        <v>28</v>
      </c>
      <c r="G6759" s="16">
        <v>0.62504636633491728</v>
      </c>
    </row>
    <row r="6760" spans="1:7" x14ac:dyDescent="0.3">
      <c r="A6760" s="13" t="s">
        <v>62</v>
      </c>
      <c r="B6760" s="14" t="s">
        <v>1</v>
      </c>
      <c r="C6760" s="14" t="s">
        <v>63</v>
      </c>
      <c r="D6760" s="14" t="s">
        <v>64</v>
      </c>
      <c r="E6760" s="15">
        <v>45566</v>
      </c>
      <c r="F6760" s="14" t="s">
        <v>28</v>
      </c>
      <c r="G6760" s="16">
        <v>0.62504636633491728</v>
      </c>
    </row>
    <row r="6761" spans="1:7" x14ac:dyDescent="0.3">
      <c r="A6761" s="13" t="s">
        <v>62</v>
      </c>
      <c r="B6761" s="14" t="s">
        <v>1</v>
      </c>
      <c r="C6761" s="14" t="s">
        <v>63</v>
      </c>
      <c r="D6761" s="14" t="s">
        <v>64</v>
      </c>
      <c r="E6761" s="15">
        <v>45567</v>
      </c>
      <c r="F6761" s="14" t="s">
        <v>28</v>
      </c>
      <c r="G6761" s="16">
        <v>0</v>
      </c>
    </row>
    <row r="6762" spans="1:7" x14ac:dyDescent="0.3">
      <c r="A6762" s="13" t="s">
        <v>62</v>
      </c>
      <c r="B6762" s="14" t="s">
        <v>1</v>
      </c>
      <c r="C6762" s="14" t="s">
        <v>63</v>
      </c>
      <c r="D6762" s="14" t="s">
        <v>64</v>
      </c>
      <c r="E6762" s="15">
        <v>45568</v>
      </c>
      <c r="F6762" s="14" t="s">
        <v>28</v>
      </c>
      <c r="G6762" s="16">
        <v>0</v>
      </c>
    </row>
    <row r="6763" spans="1:7" x14ac:dyDescent="0.3">
      <c r="A6763" s="13" t="s">
        <v>62</v>
      </c>
      <c r="B6763" s="14" t="s">
        <v>1</v>
      </c>
      <c r="C6763" s="14" t="s">
        <v>63</v>
      </c>
      <c r="D6763" s="14" t="s">
        <v>64</v>
      </c>
      <c r="E6763" s="15">
        <v>45569</v>
      </c>
      <c r="F6763" s="14" t="s">
        <v>28</v>
      </c>
      <c r="G6763" s="16">
        <v>0</v>
      </c>
    </row>
    <row r="6764" spans="1:7" x14ac:dyDescent="0.3">
      <c r="A6764" s="13" t="s">
        <v>62</v>
      </c>
      <c r="B6764" s="14" t="s">
        <v>1</v>
      </c>
      <c r="C6764" s="14" t="s">
        <v>63</v>
      </c>
      <c r="D6764" s="14" t="s">
        <v>64</v>
      </c>
      <c r="E6764" s="15">
        <v>45570</v>
      </c>
      <c r="F6764" s="14" t="s">
        <v>28</v>
      </c>
      <c r="G6764" s="16">
        <v>0</v>
      </c>
    </row>
    <row r="6765" spans="1:7" x14ac:dyDescent="0.3">
      <c r="A6765" s="13" t="s">
        <v>62</v>
      </c>
      <c r="B6765" s="14" t="s">
        <v>1</v>
      </c>
      <c r="C6765" s="14" t="s">
        <v>63</v>
      </c>
      <c r="D6765" s="14" t="s">
        <v>64</v>
      </c>
      <c r="E6765" s="15">
        <v>45571</v>
      </c>
      <c r="F6765" s="14" t="s">
        <v>28</v>
      </c>
      <c r="G6765" s="16">
        <v>0</v>
      </c>
    </row>
    <row r="6766" spans="1:7" x14ac:dyDescent="0.3">
      <c r="A6766" s="13" t="s">
        <v>62</v>
      </c>
      <c r="B6766" s="14" t="s">
        <v>1</v>
      </c>
      <c r="C6766" s="14" t="s">
        <v>63</v>
      </c>
      <c r="D6766" s="14" t="s">
        <v>64</v>
      </c>
      <c r="E6766" s="15">
        <v>45572</v>
      </c>
      <c r="F6766" s="14" t="s">
        <v>28</v>
      </c>
      <c r="G6766" s="16">
        <v>0</v>
      </c>
    </row>
    <row r="6767" spans="1:7" x14ac:dyDescent="0.3">
      <c r="A6767" s="13" t="s">
        <v>62</v>
      </c>
      <c r="B6767" s="14" t="s">
        <v>1</v>
      </c>
      <c r="C6767" s="14" t="s">
        <v>63</v>
      </c>
      <c r="D6767" s="14" t="s">
        <v>64</v>
      </c>
      <c r="E6767" s="15">
        <v>45573</v>
      </c>
      <c r="F6767" s="14" t="s">
        <v>28</v>
      </c>
      <c r="G6767" s="16">
        <v>0</v>
      </c>
    </row>
    <row r="6768" spans="1:7" x14ac:dyDescent="0.3">
      <c r="A6768" s="13" t="s">
        <v>62</v>
      </c>
      <c r="B6768" s="14" t="s">
        <v>1</v>
      </c>
      <c r="C6768" s="14" t="s">
        <v>63</v>
      </c>
      <c r="D6768" s="14" t="s">
        <v>64</v>
      </c>
      <c r="E6768" s="15">
        <v>45574</v>
      </c>
      <c r="F6768" s="14" t="s">
        <v>28</v>
      </c>
      <c r="G6768" s="16">
        <v>0</v>
      </c>
    </row>
    <row r="6769" spans="1:7" x14ac:dyDescent="0.3">
      <c r="A6769" s="13" t="s">
        <v>62</v>
      </c>
      <c r="B6769" s="14" t="s">
        <v>1</v>
      </c>
      <c r="C6769" s="14" t="s">
        <v>63</v>
      </c>
      <c r="D6769" s="14" t="s">
        <v>64</v>
      </c>
      <c r="E6769" s="15">
        <v>45575</v>
      </c>
      <c r="F6769" s="14" t="s">
        <v>28</v>
      </c>
      <c r="G6769" s="16">
        <v>0</v>
      </c>
    </row>
    <row r="6770" spans="1:7" x14ac:dyDescent="0.3">
      <c r="A6770" s="13" t="s">
        <v>62</v>
      </c>
      <c r="B6770" s="14" t="s">
        <v>1</v>
      </c>
      <c r="C6770" s="14" t="s">
        <v>63</v>
      </c>
      <c r="D6770" s="14" t="s">
        <v>64</v>
      </c>
      <c r="E6770" s="15">
        <v>45576</v>
      </c>
      <c r="F6770" s="14" t="s">
        <v>28</v>
      </c>
      <c r="G6770" s="16">
        <v>0</v>
      </c>
    </row>
    <row r="6771" spans="1:7" x14ac:dyDescent="0.3">
      <c r="A6771" s="13" t="s">
        <v>62</v>
      </c>
      <c r="B6771" s="14" t="s">
        <v>1</v>
      </c>
      <c r="C6771" s="14" t="s">
        <v>63</v>
      </c>
      <c r="D6771" s="14" t="s">
        <v>64</v>
      </c>
      <c r="E6771" s="15">
        <v>45577</v>
      </c>
      <c r="F6771" s="14" t="s">
        <v>28</v>
      </c>
      <c r="G6771" s="16">
        <v>0</v>
      </c>
    </row>
    <row r="6772" spans="1:7" x14ac:dyDescent="0.3">
      <c r="A6772" s="13" t="s">
        <v>62</v>
      </c>
      <c r="B6772" s="14" t="s">
        <v>1</v>
      </c>
      <c r="C6772" s="14" t="s">
        <v>63</v>
      </c>
      <c r="D6772" s="14" t="s">
        <v>64</v>
      </c>
      <c r="E6772" s="15">
        <v>45578</v>
      </c>
      <c r="F6772" s="14" t="s">
        <v>28</v>
      </c>
      <c r="G6772" s="16">
        <v>0</v>
      </c>
    </row>
    <row r="6773" spans="1:7" x14ac:dyDescent="0.3">
      <c r="A6773" s="13" t="s">
        <v>62</v>
      </c>
      <c r="B6773" s="14" t="s">
        <v>1</v>
      </c>
      <c r="C6773" s="14" t="s">
        <v>63</v>
      </c>
      <c r="D6773" s="14" t="s">
        <v>64</v>
      </c>
      <c r="E6773" s="15">
        <v>45579</v>
      </c>
      <c r="F6773" s="14" t="s">
        <v>28</v>
      </c>
      <c r="G6773" s="16">
        <v>0</v>
      </c>
    </row>
    <row r="6774" spans="1:7" x14ac:dyDescent="0.3">
      <c r="A6774" s="13" t="s">
        <v>62</v>
      </c>
      <c r="B6774" s="14" t="s">
        <v>1</v>
      </c>
      <c r="C6774" s="14" t="s">
        <v>63</v>
      </c>
      <c r="D6774" s="14" t="s">
        <v>64</v>
      </c>
      <c r="E6774" s="15">
        <v>45580</v>
      </c>
      <c r="F6774" s="14" t="s">
        <v>28</v>
      </c>
      <c r="G6774" s="16">
        <v>0</v>
      </c>
    </row>
    <row r="6775" spans="1:7" x14ac:dyDescent="0.3">
      <c r="A6775" s="13" t="s">
        <v>62</v>
      </c>
      <c r="B6775" s="14" t="s">
        <v>1</v>
      </c>
      <c r="C6775" s="14" t="s">
        <v>63</v>
      </c>
      <c r="D6775" s="14" t="s">
        <v>64</v>
      </c>
      <c r="E6775" s="15">
        <v>45581</v>
      </c>
      <c r="F6775" s="14" t="s">
        <v>28</v>
      </c>
      <c r="G6775" s="16">
        <v>0</v>
      </c>
    </row>
    <row r="6776" spans="1:7" x14ac:dyDescent="0.3">
      <c r="A6776" s="13" t="s">
        <v>62</v>
      </c>
      <c r="B6776" s="14" t="s">
        <v>1</v>
      </c>
      <c r="C6776" s="14" t="s">
        <v>63</v>
      </c>
      <c r="D6776" s="14" t="s">
        <v>64</v>
      </c>
      <c r="E6776" s="15">
        <v>45582</v>
      </c>
      <c r="F6776" s="14" t="s">
        <v>28</v>
      </c>
      <c r="G6776" s="16">
        <v>0</v>
      </c>
    </row>
    <row r="6777" spans="1:7" x14ac:dyDescent="0.3">
      <c r="A6777" s="13" t="s">
        <v>62</v>
      </c>
      <c r="B6777" s="14" t="s">
        <v>1</v>
      </c>
      <c r="C6777" s="14" t="s">
        <v>63</v>
      </c>
      <c r="D6777" s="14" t="s">
        <v>64</v>
      </c>
      <c r="E6777" s="15">
        <v>45583</v>
      </c>
      <c r="F6777" s="14" t="s">
        <v>28</v>
      </c>
      <c r="G6777" s="16">
        <v>0</v>
      </c>
    </row>
    <row r="6778" spans="1:7" x14ac:dyDescent="0.3">
      <c r="A6778" s="13" t="s">
        <v>62</v>
      </c>
      <c r="B6778" s="14" t="s">
        <v>1</v>
      </c>
      <c r="C6778" s="14" t="s">
        <v>63</v>
      </c>
      <c r="D6778" s="14" t="s">
        <v>64</v>
      </c>
      <c r="E6778" s="15">
        <v>45584</v>
      </c>
      <c r="F6778" s="14" t="s">
        <v>28</v>
      </c>
      <c r="G6778" s="16">
        <v>0</v>
      </c>
    </row>
    <row r="6779" spans="1:7" x14ac:dyDescent="0.3">
      <c r="A6779" s="13" t="s">
        <v>62</v>
      </c>
      <c r="B6779" s="14" t="s">
        <v>1</v>
      </c>
      <c r="C6779" s="14" t="s">
        <v>63</v>
      </c>
      <c r="D6779" s="14" t="s">
        <v>64</v>
      </c>
      <c r="E6779" s="15">
        <v>45585</v>
      </c>
      <c r="F6779" s="14" t="s">
        <v>28</v>
      </c>
      <c r="G6779" s="16">
        <v>0</v>
      </c>
    </row>
    <row r="6780" spans="1:7" x14ac:dyDescent="0.3">
      <c r="A6780" s="13" t="s">
        <v>62</v>
      </c>
      <c r="B6780" s="14" t="s">
        <v>1</v>
      </c>
      <c r="C6780" s="14" t="s">
        <v>63</v>
      </c>
      <c r="D6780" s="14" t="s">
        <v>64</v>
      </c>
      <c r="E6780" s="15">
        <v>45586</v>
      </c>
      <c r="F6780" s="14" t="s">
        <v>28</v>
      </c>
      <c r="G6780" s="16">
        <v>0</v>
      </c>
    </row>
    <row r="6781" spans="1:7" x14ac:dyDescent="0.3">
      <c r="A6781" s="13" t="s">
        <v>62</v>
      </c>
      <c r="B6781" s="14" t="s">
        <v>1</v>
      </c>
      <c r="C6781" s="14" t="s">
        <v>63</v>
      </c>
      <c r="D6781" s="14" t="s">
        <v>64</v>
      </c>
      <c r="E6781" s="15">
        <v>45587</v>
      </c>
      <c r="F6781" s="14" t="s">
        <v>28</v>
      </c>
      <c r="G6781" s="16">
        <v>0</v>
      </c>
    </row>
    <row r="6782" spans="1:7" x14ac:dyDescent="0.3">
      <c r="A6782" s="13" t="s">
        <v>62</v>
      </c>
      <c r="B6782" s="14" t="s">
        <v>1</v>
      </c>
      <c r="C6782" s="14" t="s">
        <v>63</v>
      </c>
      <c r="D6782" s="14" t="s">
        <v>64</v>
      </c>
      <c r="E6782" s="15">
        <v>45588</v>
      </c>
      <c r="F6782" s="14" t="s">
        <v>28</v>
      </c>
      <c r="G6782" s="16">
        <v>0</v>
      </c>
    </row>
    <row r="6783" spans="1:7" x14ac:dyDescent="0.3">
      <c r="A6783" s="13" t="s">
        <v>62</v>
      </c>
      <c r="B6783" s="14" t="s">
        <v>1</v>
      </c>
      <c r="C6783" s="14" t="s">
        <v>63</v>
      </c>
      <c r="D6783" s="14" t="s">
        <v>64</v>
      </c>
      <c r="E6783" s="15">
        <v>45589</v>
      </c>
      <c r="F6783" s="14" t="s">
        <v>28</v>
      </c>
      <c r="G6783" s="16">
        <v>0</v>
      </c>
    </row>
    <row r="6784" spans="1:7" x14ac:dyDescent="0.3">
      <c r="A6784" s="13" t="s">
        <v>62</v>
      </c>
      <c r="B6784" s="14" t="s">
        <v>1</v>
      </c>
      <c r="C6784" s="14" t="s">
        <v>63</v>
      </c>
      <c r="D6784" s="14" t="s">
        <v>64</v>
      </c>
      <c r="E6784" s="15">
        <v>45590</v>
      </c>
      <c r="F6784" s="14" t="s">
        <v>28</v>
      </c>
      <c r="G6784" s="16">
        <v>0</v>
      </c>
    </row>
    <row r="6785" spans="1:7" x14ac:dyDescent="0.3">
      <c r="A6785" s="13" t="s">
        <v>62</v>
      </c>
      <c r="B6785" s="14" t="s">
        <v>1</v>
      </c>
      <c r="C6785" s="14" t="s">
        <v>63</v>
      </c>
      <c r="D6785" s="14" t="s">
        <v>64</v>
      </c>
      <c r="E6785" s="15">
        <v>45591</v>
      </c>
      <c r="F6785" s="14" t="s">
        <v>28</v>
      </c>
      <c r="G6785" s="16">
        <v>0</v>
      </c>
    </row>
    <row r="6786" spans="1:7" x14ac:dyDescent="0.3">
      <c r="A6786" s="13" t="s">
        <v>62</v>
      </c>
      <c r="B6786" s="14" t="s">
        <v>1</v>
      </c>
      <c r="C6786" s="14" t="s">
        <v>63</v>
      </c>
      <c r="D6786" s="14" t="s">
        <v>64</v>
      </c>
      <c r="E6786" s="15">
        <v>45592</v>
      </c>
      <c r="F6786" s="14" t="s">
        <v>28</v>
      </c>
      <c r="G6786" s="16">
        <v>0</v>
      </c>
    </row>
    <row r="6787" spans="1:7" x14ac:dyDescent="0.3">
      <c r="A6787" s="13" t="s">
        <v>62</v>
      </c>
      <c r="B6787" s="14" t="s">
        <v>1</v>
      </c>
      <c r="C6787" s="14" t="s">
        <v>63</v>
      </c>
      <c r="D6787" s="14" t="s">
        <v>64</v>
      </c>
      <c r="E6787" s="15">
        <v>45593</v>
      </c>
      <c r="F6787" s="14" t="s">
        <v>28</v>
      </c>
      <c r="G6787" s="16">
        <v>0</v>
      </c>
    </row>
    <row r="6788" spans="1:7" x14ac:dyDescent="0.3">
      <c r="A6788" s="13" t="s">
        <v>62</v>
      </c>
      <c r="B6788" s="14" t="s">
        <v>1</v>
      </c>
      <c r="C6788" s="14" t="s">
        <v>63</v>
      </c>
      <c r="D6788" s="14" t="s">
        <v>64</v>
      </c>
      <c r="E6788" s="15">
        <v>45594</v>
      </c>
      <c r="F6788" s="14" t="s">
        <v>28</v>
      </c>
      <c r="G6788" s="16">
        <v>0</v>
      </c>
    </row>
    <row r="6789" spans="1:7" x14ac:dyDescent="0.3">
      <c r="A6789" s="13" t="s">
        <v>62</v>
      </c>
      <c r="B6789" s="14" t="s">
        <v>1</v>
      </c>
      <c r="C6789" s="14" t="s">
        <v>63</v>
      </c>
      <c r="D6789" s="14" t="s">
        <v>64</v>
      </c>
      <c r="E6789" s="15">
        <v>45595</v>
      </c>
      <c r="F6789" s="14" t="s">
        <v>28</v>
      </c>
      <c r="G6789" s="16">
        <v>0</v>
      </c>
    </row>
    <row r="6790" spans="1:7" x14ac:dyDescent="0.3">
      <c r="A6790" s="13" t="s">
        <v>62</v>
      </c>
      <c r="B6790" s="14" t="s">
        <v>1</v>
      </c>
      <c r="C6790" s="14" t="s">
        <v>63</v>
      </c>
      <c r="D6790" s="14" t="s">
        <v>64</v>
      </c>
      <c r="E6790" s="15">
        <v>45596</v>
      </c>
      <c r="F6790" s="14" t="s">
        <v>28</v>
      </c>
      <c r="G6790" s="16">
        <v>0</v>
      </c>
    </row>
    <row r="6791" spans="1:7" x14ac:dyDescent="0.3">
      <c r="A6791" s="13" t="s">
        <v>62</v>
      </c>
      <c r="B6791" s="14" t="s">
        <v>1</v>
      </c>
      <c r="C6791" s="14" t="s">
        <v>63</v>
      </c>
      <c r="D6791" s="14" t="s">
        <v>64</v>
      </c>
      <c r="E6791" s="15">
        <v>45597</v>
      </c>
      <c r="F6791" s="14" t="s">
        <v>28</v>
      </c>
      <c r="G6791" s="16">
        <v>0</v>
      </c>
    </row>
    <row r="6792" spans="1:7" x14ac:dyDescent="0.3">
      <c r="A6792" s="13" t="s">
        <v>62</v>
      </c>
      <c r="B6792" s="14" t="s">
        <v>1</v>
      </c>
      <c r="C6792" s="14" t="s">
        <v>63</v>
      </c>
      <c r="D6792" s="14" t="s">
        <v>64</v>
      </c>
      <c r="E6792" s="15">
        <v>45598</v>
      </c>
      <c r="F6792" s="14" t="s">
        <v>28</v>
      </c>
      <c r="G6792" s="16">
        <v>0</v>
      </c>
    </row>
    <row r="6793" spans="1:7" x14ac:dyDescent="0.3">
      <c r="A6793" s="13" t="s">
        <v>62</v>
      </c>
      <c r="B6793" s="14" t="s">
        <v>1</v>
      </c>
      <c r="C6793" s="14" t="s">
        <v>63</v>
      </c>
      <c r="D6793" s="14" t="s">
        <v>64</v>
      </c>
      <c r="E6793" s="15">
        <v>45599</v>
      </c>
      <c r="F6793" s="14" t="s">
        <v>28</v>
      </c>
      <c r="G6793" s="16">
        <v>0</v>
      </c>
    </row>
    <row r="6794" spans="1:7" x14ac:dyDescent="0.3">
      <c r="A6794" s="13" t="s">
        <v>62</v>
      </c>
      <c r="B6794" s="14" t="s">
        <v>1</v>
      </c>
      <c r="C6794" s="14" t="s">
        <v>63</v>
      </c>
      <c r="D6794" s="14" t="s">
        <v>64</v>
      </c>
      <c r="E6794" s="15">
        <v>45600</v>
      </c>
      <c r="F6794" s="14" t="s">
        <v>28</v>
      </c>
      <c r="G6794" s="16">
        <v>0</v>
      </c>
    </row>
    <row r="6795" spans="1:7" x14ac:dyDescent="0.3">
      <c r="A6795" s="13" t="s">
        <v>62</v>
      </c>
      <c r="B6795" s="14" t="s">
        <v>1</v>
      </c>
      <c r="C6795" s="14" t="s">
        <v>63</v>
      </c>
      <c r="D6795" s="14" t="s">
        <v>64</v>
      </c>
      <c r="E6795" s="15">
        <v>45601</v>
      </c>
      <c r="F6795" s="14" t="s">
        <v>28</v>
      </c>
      <c r="G6795" s="16">
        <v>0</v>
      </c>
    </row>
    <row r="6796" spans="1:7" x14ac:dyDescent="0.3">
      <c r="A6796" s="13" t="s">
        <v>62</v>
      </c>
      <c r="B6796" s="14" t="s">
        <v>1</v>
      </c>
      <c r="C6796" s="14" t="s">
        <v>63</v>
      </c>
      <c r="D6796" s="14" t="s">
        <v>64</v>
      </c>
      <c r="E6796" s="15">
        <v>45602</v>
      </c>
      <c r="F6796" s="14" t="s">
        <v>28</v>
      </c>
      <c r="G6796" s="16">
        <v>0</v>
      </c>
    </row>
    <row r="6797" spans="1:7" x14ac:dyDescent="0.3">
      <c r="A6797" s="13" t="s">
        <v>62</v>
      </c>
      <c r="B6797" s="14" t="s">
        <v>1</v>
      </c>
      <c r="C6797" s="14" t="s">
        <v>63</v>
      </c>
      <c r="D6797" s="14" t="s">
        <v>64</v>
      </c>
      <c r="E6797" s="15">
        <v>45603</v>
      </c>
      <c r="F6797" s="14" t="s">
        <v>28</v>
      </c>
      <c r="G6797" s="16">
        <v>0</v>
      </c>
    </row>
    <row r="6798" spans="1:7" x14ac:dyDescent="0.3">
      <c r="A6798" s="13" t="s">
        <v>62</v>
      </c>
      <c r="B6798" s="14" t="s">
        <v>1</v>
      </c>
      <c r="C6798" s="14" t="s">
        <v>63</v>
      </c>
      <c r="D6798" s="14" t="s">
        <v>64</v>
      </c>
      <c r="E6798" s="15">
        <v>45604</v>
      </c>
      <c r="F6798" s="14" t="s">
        <v>28</v>
      </c>
      <c r="G6798" s="16">
        <v>0</v>
      </c>
    </row>
    <row r="6799" spans="1:7" x14ac:dyDescent="0.3">
      <c r="A6799" s="13" t="s">
        <v>62</v>
      </c>
      <c r="B6799" s="14" t="s">
        <v>1</v>
      </c>
      <c r="C6799" s="14" t="s">
        <v>63</v>
      </c>
      <c r="D6799" s="14" t="s">
        <v>64</v>
      </c>
      <c r="E6799" s="15">
        <v>45605</v>
      </c>
      <c r="F6799" s="14" t="s">
        <v>28</v>
      </c>
      <c r="G6799" s="16">
        <v>0</v>
      </c>
    </row>
    <row r="6800" spans="1:7" x14ac:dyDescent="0.3">
      <c r="A6800" s="13" t="s">
        <v>62</v>
      </c>
      <c r="B6800" s="14" t="s">
        <v>1</v>
      </c>
      <c r="C6800" s="14" t="s">
        <v>63</v>
      </c>
      <c r="D6800" s="14" t="s">
        <v>64</v>
      </c>
      <c r="E6800" s="15">
        <v>45606</v>
      </c>
      <c r="F6800" s="14" t="s">
        <v>28</v>
      </c>
      <c r="G6800" s="16">
        <v>0</v>
      </c>
    </row>
    <row r="6801" spans="1:7" x14ac:dyDescent="0.3">
      <c r="A6801" s="13" t="s">
        <v>62</v>
      </c>
      <c r="B6801" s="14" t="s">
        <v>1</v>
      </c>
      <c r="C6801" s="14" t="s">
        <v>63</v>
      </c>
      <c r="D6801" s="14" t="s">
        <v>64</v>
      </c>
      <c r="E6801" s="15">
        <v>45607</v>
      </c>
      <c r="F6801" s="14" t="s">
        <v>28</v>
      </c>
      <c r="G6801" s="16">
        <v>0</v>
      </c>
    </row>
    <row r="6802" spans="1:7" x14ac:dyDescent="0.3">
      <c r="A6802" s="13" t="s">
        <v>62</v>
      </c>
      <c r="B6802" s="14" t="s">
        <v>1</v>
      </c>
      <c r="C6802" s="14" t="s">
        <v>63</v>
      </c>
      <c r="D6802" s="14" t="s">
        <v>64</v>
      </c>
      <c r="E6802" s="15">
        <v>45608</v>
      </c>
      <c r="F6802" s="14" t="s">
        <v>28</v>
      </c>
      <c r="G6802" s="16">
        <v>0</v>
      </c>
    </row>
    <row r="6803" spans="1:7" x14ac:dyDescent="0.3">
      <c r="A6803" s="13" t="s">
        <v>62</v>
      </c>
      <c r="B6803" s="14" t="s">
        <v>1</v>
      </c>
      <c r="C6803" s="14" t="s">
        <v>63</v>
      </c>
      <c r="D6803" s="14" t="s">
        <v>64</v>
      </c>
      <c r="E6803" s="15">
        <v>45609</v>
      </c>
      <c r="F6803" s="14" t="s">
        <v>28</v>
      </c>
      <c r="G6803" s="16">
        <v>0</v>
      </c>
    </row>
    <row r="6804" spans="1:7" x14ac:dyDescent="0.3">
      <c r="A6804" s="13" t="s">
        <v>62</v>
      </c>
      <c r="B6804" s="14" t="s">
        <v>1</v>
      </c>
      <c r="C6804" s="14" t="s">
        <v>63</v>
      </c>
      <c r="D6804" s="14" t="s">
        <v>64</v>
      </c>
      <c r="E6804" s="15">
        <v>45610</v>
      </c>
      <c r="F6804" s="14" t="s">
        <v>28</v>
      </c>
      <c r="G6804" s="16">
        <v>0</v>
      </c>
    </row>
    <row r="6805" spans="1:7" x14ac:dyDescent="0.3">
      <c r="A6805" s="13" t="s">
        <v>62</v>
      </c>
      <c r="B6805" s="14" t="s">
        <v>1</v>
      </c>
      <c r="C6805" s="14" t="s">
        <v>63</v>
      </c>
      <c r="D6805" s="14" t="s">
        <v>64</v>
      </c>
      <c r="E6805" s="15">
        <v>45611</v>
      </c>
      <c r="F6805" s="14" t="s">
        <v>28</v>
      </c>
      <c r="G6805" s="16">
        <v>0</v>
      </c>
    </row>
    <row r="6806" spans="1:7" x14ac:dyDescent="0.3">
      <c r="A6806" s="13" t="s">
        <v>62</v>
      </c>
      <c r="B6806" s="14" t="s">
        <v>1</v>
      </c>
      <c r="C6806" s="14" t="s">
        <v>63</v>
      </c>
      <c r="D6806" s="14" t="s">
        <v>64</v>
      </c>
      <c r="E6806" s="15">
        <v>45612</v>
      </c>
      <c r="F6806" s="14" t="s">
        <v>28</v>
      </c>
      <c r="G6806" s="16">
        <v>0</v>
      </c>
    </row>
    <row r="6807" spans="1:7" x14ac:dyDescent="0.3">
      <c r="A6807" s="13" t="s">
        <v>62</v>
      </c>
      <c r="B6807" s="14" t="s">
        <v>1</v>
      </c>
      <c r="C6807" s="14" t="s">
        <v>63</v>
      </c>
      <c r="D6807" s="14" t="s">
        <v>64</v>
      </c>
      <c r="E6807" s="15">
        <v>45613</v>
      </c>
      <c r="F6807" s="14" t="s">
        <v>28</v>
      </c>
      <c r="G6807" s="16">
        <v>0</v>
      </c>
    </row>
    <row r="6808" spans="1:7" x14ac:dyDescent="0.3">
      <c r="A6808" s="13" t="s">
        <v>62</v>
      </c>
      <c r="B6808" s="14" t="s">
        <v>1</v>
      </c>
      <c r="C6808" s="14" t="s">
        <v>63</v>
      </c>
      <c r="D6808" s="14" t="s">
        <v>64</v>
      </c>
      <c r="E6808" s="15">
        <v>45614</v>
      </c>
      <c r="F6808" s="14" t="s">
        <v>28</v>
      </c>
      <c r="G6808" s="16">
        <v>0</v>
      </c>
    </row>
    <row r="6809" spans="1:7" x14ac:dyDescent="0.3">
      <c r="A6809" s="13" t="s">
        <v>62</v>
      </c>
      <c r="B6809" s="14" t="s">
        <v>1</v>
      </c>
      <c r="C6809" s="14" t="s">
        <v>63</v>
      </c>
      <c r="D6809" s="14" t="s">
        <v>64</v>
      </c>
      <c r="E6809" s="15">
        <v>45615</v>
      </c>
      <c r="F6809" s="14" t="s">
        <v>28</v>
      </c>
      <c r="G6809" s="16">
        <v>1.9193957382857622E-2</v>
      </c>
    </row>
    <row r="6810" spans="1:7" x14ac:dyDescent="0.3">
      <c r="A6810" s="13" t="s">
        <v>62</v>
      </c>
      <c r="B6810" s="14" t="s">
        <v>1</v>
      </c>
      <c r="C6810" s="14" t="s">
        <v>63</v>
      </c>
      <c r="D6810" s="14" t="s">
        <v>64</v>
      </c>
      <c r="E6810" s="15">
        <v>45616</v>
      </c>
      <c r="F6810" s="14" t="s">
        <v>28</v>
      </c>
      <c r="G6810" s="16">
        <v>2.8126763628919534E-2</v>
      </c>
    </row>
    <row r="6811" spans="1:7" x14ac:dyDescent="0.3">
      <c r="A6811" s="13" t="s">
        <v>62</v>
      </c>
      <c r="B6811" s="14" t="s">
        <v>1</v>
      </c>
      <c r="C6811" s="14" t="s">
        <v>63</v>
      </c>
      <c r="D6811" s="14" t="s">
        <v>64</v>
      </c>
      <c r="E6811" s="15">
        <v>45617</v>
      </c>
      <c r="F6811" s="14" t="s">
        <v>28</v>
      </c>
      <c r="G6811" s="16">
        <v>3.7855072206072003E-2</v>
      </c>
    </row>
    <row r="6812" spans="1:7" x14ac:dyDescent="0.3">
      <c r="A6812" s="13" t="s">
        <v>62</v>
      </c>
      <c r="B6812" s="14" t="s">
        <v>1</v>
      </c>
      <c r="C6812" s="14" t="s">
        <v>63</v>
      </c>
      <c r="D6812" s="14" t="s">
        <v>64</v>
      </c>
      <c r="E6812" s="15">
        <v>45618</v>
      </c>
      <c r="F6812" s="14" t="s">
        <v>28</v>
      </c>
      <c r="G6812" s="16">
        <v>4.7957920792135914E-2</v>
      </c>
    </row>
    <row r="6813" spans="1:7" x14ac:dyDescent="0.3">
      <c r="A6813" s="13" t="s">
        <v>62</v>
      </c>
      <c r="B6813" s="14" t="s">
        <v>1</v>
      </c>
      <c r="C6813" s="14" t="s">
        <v>63</v>
      </c>
      <c r="D6813" s="14" t="s">
        <v>64</v>
      </c>
      <c r="E6813" s="15">
        <v>45619</v>
      </c>
      <c r="F6813" s="14" t="s">
        <v>28</v>
      </c>
      <c r="G6813" s="16">
        <v>4.7957920792135914E-2</v>
      </c>
    </row>
    <row r="6814" spans="1:7" x14ac:dyDescent="0.3">
      <c r="A6814" s="13" t="s">
        <v>62</v>
      </c>
      <c r="B6814" s="14" t="s">
        <v>1</v>
      </c>
      <c r="C6814" s="14" t="s">
        <v>63</v>
      </c>
      <c r="D6814" s="14" t="s">
        <v>64</v>
      </c>
      <c r="E6814" s="15">
        <v>45620</v>
      </c>
      <c r="F6814" s="14" t="s">
        <v>28</v>
      </c>
      <c r="G6814" s="16">
        <v>4.7957920792135914E-2</v>
      </c>
    </row>
    <row r="6815" spans="1:7" x14ac:dyDescent="0.3">
      <c r="A6815" s="13" t="s">
        <v>62</v>
      </c>
      <c r="B6815" s="14" t="s">
        <v>1</v>
      </c>
      <c r="C6815" s="14" t="s">
        <v>63</v>
      </c>
      <c r="D6815" s="14" t="s">
        <v>64</v>
      </c>
      <c r="E6815" s="15">
        <v>45621</v>
      </c>
      <c r="F6815" s="14" t="s">
        <v>28</v>
      </c>
      <c r="G6815" s="16">
        <v>5.7561061194894292E-2</v>
      </c>
    </row>
    <row r="6816" spans="1:7" x14ac:dyDescent="0.3">
      <c r="A6816" s="13" t="s">
        <v>62</v>
      </c>
      <c r="B6816" s="14" t="s">
        <v>1</v>
      </c>
      <c r="C6816" s="14" t="s">
        <v>63</v>
      </c>
      <c r="D6816" s="14" t="s">
        <v>64</v>
      </c>
      <c r="E6816" s="15">
        <v>45622</v>
      </c>
      <c r="F6816" s="14" t="s">
        <v>28</v>
      </c>
      <c r="G6816" s="16">
        <v>8.7205544827350351E-2</v>
      </c>
    </row>
    <row r="6817" spans="1:7" x14ac:dyDescent="0.3">
      <c r="A6817" s="13" t="s">
        <v>62</v>
      </c>
      <c r="B6817" s="14" t="s">
        <v>1</v>
      </c>
      <c r="C6817" s="14" t="s">
        <v>63</v>
      </c>
      <c r="D6817" s="14" t="s">
        <v>64</v>
      </c>
      <c r="E6817" s="15">
        <v>45623</v>
      </c>
      <c r="F6817" s="14" t="s">
        <v>28</v>
      </c>
      <c r="G6817" s="16">
        <v>9.3166621501754379E-2</v>
      </c>
    </row>
    <row r="6818" spans="1:7" x14ac:dyDescent="0.3">
      <c r="A6818" s="13" t="s">
        <v>62</v>
      </c>
      <c r="B6818" s="14" t="s">
        <v>1</v>
      </c>
      <c r="C6818" s="14" t="s">
        <v>63</v>
      </c>
      <c r="D6818" s="14" t="s">
        <v>64</v>
      </c>
      <c r="E6818" s="15">
        <v>45624</v>
      </c>
      <c r="F6818" s="14" t="s">
        <v>28</v>
      </c>
      <c r="G6818" s="16">
        <v>0.10556998489037042</v>
      </c>
    </row>
    <row r="6819" spans="1:7" x14ac:dyDescent="0.3">
      <c r="A6819" s="13" t="s">
        <v>62</v>
      </c>
      <c r="B6819" s="14" t="s">
        <v>1</v>
      </c>
      <c r="C6819" s="14" t="s">
        <v>63</v>
      </c>
      <c r="D6819" s="14" t="s">
        <v>64</v>
      </c>
      <c r="E6819" s="15">
        <v>45625</v>
      </c>
      <c r="F6819" s="14" t="s">
        <v>28</v>
      </c>
      <c r="G6819" s="16">
        <v>0.11487999855001804</v>
      </c>
    </row>
    <row r="6820" spans="1:7" x14ac:dyDescent="0.3">
      <c r="A6820" s="13" t="s">
        <v>62</v>
      </c>
      <c r="B6820" s="14" t="s">
        <v>1</v>
      </c>
      <c r="C6820" s="14" t="s">
        <v>63</v>
      </c>
      <c r="D6820" s="14" t="s">
        <v>64</v>
      </c>
      <c r="E6820" s="15">
        <v>45626</v>
      </c>
      <c r="F6820" s="14" t="s">
        <v>28</v>
      </c>
      <c r="G6820" s="16">
        <v>0.11487999855001804</v>
      </c>
    </row>
    <row r="6821" spans="1:7" x14ac:dyDescent="0.3">
      <c r="A6821" s="13" t="s">
        <v>62</v>
      </c>
      <c r="B6821" s="14" t="s">
        <v>1</v>
      </c>
      <c r="C6821" s="14" t="s">
        <v>63</v>
      </c>
      <c r="D6821" s="14" t="s">
        <v>64</v>
      </c>
      <c r="E6821" s="15">
        <v>45627</v>
      </c>
      <c r="F6821" s="14" t="s">
        <v>28</v>
      </c>
      <c r="G6821" s="16">
        <v>0.11487999855001804</v>
      </c>
    </row>
    <row r="6822" spans="1:7" x14ac:dyDescent="0.3">
      <c r="A6822" s="13" t="s">
        <v>62</v>
      </c>
      <c r="B6822" s="14" t="s">
        <v>1</v>
      </c>
      <c r="C6822" s="14" t="s">
        <v>63</v>
      </c>
      <c r="D6822" s="14" t="s">
        <v>64</v>
      </c>
      <c r="E6822" s="15">
        <v>45628</v>
      </c>
      <c r="F6822" s="14" t="s">
        <v>28</v>
      </c>
      <c r="G6822" s="16">
        <v>0.12758980263955555</v>
      </c>
    </row>
    <row r="6823" spans="1:7" x14ac:dyDescent="0.3">
      <c r="A6823" s="13" t="s">
        <v>62</v>
      </c>
      <c r="B6823" s="14" t="s">
        <v>1</v>
      </c>
      <c r="C6823" s="14" t="s">
        <v>63</v>
      </c>
      <c r="D6823" s="14" t="s">
        <v>64</v>
      </c>
      <c r="E6823" s="15">
        <v>45629</v>
      </c>
      <c r="F6823" s="14" t="s">
        <v>28</v>
      </c>
      <c r="G6823" s="16">
        <v>0.15631765397216429</v>
      </c>
    </row>
    <row r="6824" spans="1:7" x14ac:dyDescent="0.3">
      <c r="A6824" s="13" t="s">
        <v>62</v>
      </c>
      <c r="B6824" s="14" t="s">
        <v>1</v>
      </c>
      <c r="C6824" s="14" t="s">
        <v>63</v>
      </c>
      <c r="D6824" s="14" t="s">
        <v>64</v>
      </c>
      <c r="E6824" s="15">
        <v>45630</v>
      </c>
      <c r="F6824" s="14" t="s">
        <v>28</v>
      </c>
      <c r="G6824" s="16">
        <v>0.16631738037049631</v>
      </c>
    </row>
    <row r="6825" spans="1:7" x14ac:dyDescent="0.3">
      <c r="A6825" s="13" t="s">
        <v>62</v>
      </c>
      <c r="B6825" s="14" t="s">
        <v>1</v>
      </c>
      <c r="C6825" s="14" t="s">
        <v>63</v>
      </c>
      <c r="D6825" s="14" t="s">
        <v>64</v>
      </c>
      <c r="E6825" s="15">
        <v>45631</v>
      </c>
      <c r="F6825" s="14" t="s">
        <v>28</v>
      </c>
      <c r="G6825" s="16">
        <v>0.17493655017980284</v>
      </c>
    </row>
    <row r="6826" spans="1:7" x14ac:dyDescent="0.3">
      <c r="A6826" s="13" t="s">
        <v>62</v>
      </c>
      <c r="B6826" s="14" t="s">
        <v>1</v>
      </c>
      <c r="C6826" s="14" t="s">
        <v>63</v>
      </c>
      <c r="D6826" s="14" t="s">
        <v>64</v>
      </c>
      <c r="E6826" s="15">
        <v>45632</v>
      </c>
      <c r="F6826" s="14" t="s">
        <v>28</v>
      </c>
      <c r="G6826" s="16">
        <v>0.18498102853911091</v>
      </c>
    </row>
    <row r="6827" spans="1:7" x14ac:dyDescent="0.3">
      <c r="A6827" s="13" t="s">
        <v>62</v>
      </c>
      <c r="B6827" s="14" t="s">
        <v>1</v>
      </c>
      <c r="C6827" s="14" t="s">
        <v>63</v>
      </c>
      <c r="D6827" s="14" t="s">
        <v>64</v>
      </c>
      <c r="E6827" s="15">
        <v>45633</v>
      </c>
      <c r="F6827" s="14" t="s">
        <v>28</v>
      </c>
      <c r="G6827" s="16">
        <v>0.18498102853911091</v>
      </c>
    </row>
    <row r="6828" spans="1:7" x14ac:dyDescent="0.3">
      <c r="A6828" s="13" t="s">
        <v>62</v>
      </c>
      <c r="B6828" s="14" t="s">
        <v>1</v>
      </c>
      <c r="C6828" s="14" t="s">
        <v>63</v>
      </c>
      <c r="D6828" s="14" t="s">
        <v>64</v>
      </c>
      <c r="E6828" s="15">
        <v>45634</v>
      </c>
      <c r="F6828" s="14" t="s">
        <v>28</v>
      </c>
      <c r="G6828" s="16">
        <v>0.18498102853911091</v>
      </c>
    </row>
    <row r="6829" spans="1:7" x14ac:dyDescent="0.3">
      <c r="A6829" s="13" t="s">
        <v>62</v>
      </c>
      <c r="B6829" s="14" t="s">
        <v>1</v>
      </c>
      <c r="C6829" s="14" t="s">
        <v>63</v>
      </c>
      <c r="D6829" s="14" t="s">
        <v>64</v>
      </c>
      <c r="E6829" s="15">
        <v>45635</v>
      </c>
      <c r="F6829" s="14" t="s">
        <v>28</v>
      </c>
      <c r="G6829" s="16">
        <v>0.19906462733199559</v>
      </c>
    </row>
    <row r="6830" spans="1:7" x14ac:dyDescent="0.3">
      <c r="A6830" s="13" t="s">
        <v>62</v>
      </c>
      <c r="B6830" s="14" t="s">
        <v>1</v>
      </c>
      <c r="C6830" s="14" t="s">
        <v>63</v>
      </c>
      <c r="D6830" s="14" t="s">
        <v>64</v>
      </c>
      <c r="E6830" s="15">
        <v>45636</v>
      </c>
      <c r="F6830" s="14" t="s">
        <v>28</v>
      </c>
      <c r="G6830" s="16">
        <v>0.22785792500410817</v>
      </c>
    </row>
    <row r="6831" spans="1:7" x14ac:dyDescent="0.3">
      <c r="A6831" s="13" t="s">
        <v>62</v>
      </c>
      <c r="B6831" s="14" t="s">
        <v>1</v>
      </c>
      <c r="C6831" s="14" t="s">
        <v>63</v>
      </c>
      <c r="D6831" s="14" t="s">
        <v>64</v>
      </c>
      <c r="E6831" s="15">
        <v>45637</v>
      </c>
      <c r="F6831" s="14" t="s">
        <v>28</v>
      </c>
      <c r="G6831" s="16">
        <v>0.23776542002914541</v>
      </c>
    </row>
    <row r="6832" spans="1:7" x14ac:dyDescent="0.3">
      <c r="A6832" s="13" t="s">
        <v>62</v>
      </c>
      <c r="B6832" s="14" t="s">
        <v>1</v>
      </c>
      <c r="C6832" s="14" t="s">
        <v>63</v>
      </c>
      <c r="D6832" s="14" t="s">
        <v>64</v>
      </c>
      <c r="E6832" s="15">
        <v>45638</v>
      </c>
      <c r="F6832" s="14" t="s">
        <v>28</v>
      </c>
      <c r="G6832" s="16">
        <v>0.24781398369631158</v>
      </c>
    </row>
    <row r="6833" spans="1:7" x14ac:dyDescent="0.3">
      <c r="A6833" s="13" t="s">
        <v>62</v>
      </c>
      <c r="B6833" s="14" t="s">
        <v>1</v>
      </c>
      <c r="C6833" s="14" t="s">
        <v>63</v>
      </c>
      <c r="D6833" s="14" t="s">
        <v>64</v>
      </c>
      <c r="E6833" s="15">
        <v>45639</v>
      </c>
      <c r="F6833" s="14" t="s">
        <v>28</v>
      </c>
      <c r="G6833" s="16">
        <v>0.25781028664112737</v>
      </c>
    </row>
    <row r="6834" spans="1:7" x14ac:dyDescent="0.3">
      <c r="A6834" s="13" t="s">
        <v>62</v>
      </c>
      <c r="B6834" s="14" t="s">
        <v>1</v>
      </c>
      <c r="C6834" s="14" t="s">
        <v>63</v>
      </c>
      <c r="D6834" s="14" t="s">
        <v>64</v>
      </c>
      <c r="E6834" s="15">
        <v>45640</v>
      </c>
      <c r="F6834" s="14" t="s">
        <v>28</v>
      </c>
      <c r="G6834" s="16">
        <v>0.25781028664112737</v>
      </c>
    </row>
    <row r="6835" spans="1:7" x14ac:dyDescent="0.3">
      <c r="A6835" s="13" t="s">
        <v>62</v>
      </c>
      <c r="B6835" s="14" t="s">
        <v>1</v>
      </c>
      <c r="C6835" s="14" t="s">
        <v>63</v>
      </c>
      <c r="D6835" s="14" t="s">
        <v>64</v>
      </c>
      <c r="E6835" s="15">
        <v>45641</v>
      </c>
      <c r="F6835" s="14" t="s">
        <v>28</v>
      </c>
      <c r="G6835" s="16">
        <v>0.25781028664112737</v>
      </c>
    </row>
    <row r="6836" spans="1:7" x14ac:dyDescent="0.3">
      <c r="A6836" s="13" t="s">
        <v>62</v>
      </c>
      <c r="B6836" s="14" t="s">
        <v>1</v>
      </c>
      <c r="C6836" s="14" t="s">
        <v>63</v>
      </c>
      <c r="D6836" s="14" t="s">
        <v>64</v>
      </c>
      <c r="E6836" s="15">
        <v>45642</v>
      </c>
      <c r="F6836" s="14" t="s">
        <v>28</v>
      </c>
      <c r="G6836" s="16">
        <v>0.26737946508718319</v>
      </c>
    </row>
    <row r="6837" spans="1:7" x14ac:dyDescent="0.3">
      <c r="A6837" s="13" t="s">
        <v>62</v>
      </c>
      <c r="B6837" s="14" t="s">
        <v>1</v>
      </c>
      <c r="C6837" s="14" t="s">
        <v>63</v>
      </c>
      <c r="D6837" s="14" t="s">
        <v>64</v>
      </c>
      <c r="E6837" s="15">
        <v>45643</v>
      </c>
      <c r="F6837" s="14" t="s">
        <v>28</v>
      </c>
      <c r="G6837" s="16">
        <v>0.29505723904536973</v>
      </c>
    </row>
    <row r="6838" spans="1:7" x14ac:dyDescent="0.3">
      <c r="A6838" s="13" t="s">
        <v>62</v>
      </c>
      <c r="B6838" s="14" t="s">
        <v>1</v>
      </c>
      <c r="C6838" s="14" t="s">
        <v>63</v>
      </c>
      <c r="D6838" s="14" t="s">
        <v>64</v>
      </c>
      <c r="E6838" s="15">
        <v>45644</v>
      </c>
      <c r="F6838" s="14" t="s">
        <v>28</v>
      </c>
      <c r="G6838" s="16">
        <v>0.30733474990305415</v>
      </c>
    </row>
    <row r="6839" spans="1:7" x14ac:dyDescent="0.3">
      <c r="A6839" s="13" t="s">
        <v>62</v>
      </c>
      <c r="B6839" s="14" t="s">
        <v>1</v>
      </c>
      <c r="C6839" s="14" t="s">
        <v>63</v>
      </c>
      <c r="D6839" s="14" t="s">
        <v>64</v>
      </c>
      <c r="E6839" s="15">
        <v>45645</v>
      </c>
      <c r="F6839" s="14" t="s">
        <v>28</v>
      </c>
      <c r="G6839" s="16">
        <v>0.31615968764876767</v>
      </c>
    </row>
    <row r="6840" spans="1:7" x14ac:dyDescent="0.3">
      <c r="A6840" s="13" t="s">
        <v>62</v>
      </c>
      <c r="B6840" s="14" t="s">
        <v>1</v>
      </c>
      <c r="C6840" s="14" t="s">
        <v>63</v>
      </c>
      <c r="D6840" s="14" t="s">
        <v>64</v>
      </c>
      <c r="E6840" s="15">
        <v>45646</v>
      </c>
      <c r="F6840" s="14" t="s">
        <v>28</v>
      </c>
      <c r="G6840" s="16">
        <v>0.32528137920284589</v>
      </c>
    </row>
    <row r="6841" spans="1:7" x14ac:dyDescent="0.3">
      <c r="A6841" s="13" t="s">
        <v>62</v>
      </c>
      <c r="B6841" s="14" t="s">
        <v>1</v>
      </c>
      <c r="C6841" s="14" t="s">
        <v>63</v>
      </c>
      <c r="D6841" s="14" t="s">
        <v>64</v>
      </c>
      <c r="E6841" s="15">
        <v>45647</v>
      </c>
      <c r="F6841" s="14" t="s">
        <v>28</v>
      </c>
      <c r="G6841" s="16">
        <v>0.32528137920284589</v>
      </c>
    </row>
    <row r="6842" spans="1:7" x14ac:dyDescent="0.3">
      <c r="A6842" s="13" t="s">
        <v>62</v>
      </c>
      <c r="B6842" s="14" t="s">
        <v>1</v>
      </c>
      <c r="C6842" s="14" t="s">
        <v>63</v>
      </c>
      <c r="D6842" s="14" t="s">
        <v>64</v>
      </c>
      <c r="E6842" s="15">
        <v>45648</v>
      </c>
      <c r="F6842" s="14" t="s">
        <v>28</v>
      </c>
      <c r="G6842" s="16">
        <v>0.32528137920284589</v>
      </c>
    </row>
    <row r="6843" spans="1:7" x14ac:dyDescent="0.3">
      <c r="A6843" s="13" t="s">
        <v>62</v>
      </c>
      <c r="B6843" s="14" t="s">
        <v>1</v>
      </c>
      <c r="C6843" s="14" t="s">
        <v>63</v>
      </c>
      <c r="D6843" s="14" t="s">
        <v>64</v>
      </c>
      <c r="E6843" s="15">
        <v>45649</v>
      </c>
      <c r="F6843" s="14" t="s">
        <v>28</v>
      </c>
      <c r="G6843" s="16">
        <v>0.33499844067537371</v>
      </c>
    </row>
    <row r="6844" spans="1:7" x14ac:dyDescent="0.3">
      <c r="A6844" s="13" t="s">
        <v>62</v>
      </c>
      <c r="B6844" s="14" t="s">
        <v>1</v>
      </c>
      <c r="C6844" s="14" t="s">
        <v>63</v>
      </c>
      <c r="D6844" s="14" t="s">
        <v>64</v>
      </c>
      <c r="E6844" s="15">
        <v>45650</v>
      </c>
      <c r="F6844" s="14" t="s">
        <v>28</v>
      </c>
      <c r="G6844" s="16">
        <v>0.36263083823571374</v>
      </c>
    </row>
    <row r="6845" spans="1:7" x14ac:dyDescent="0.3">
      <c r="A6845" s="13" t="s">
        <v>62</v>
      </c>
      <c r="B6845" s="14" t="s">
        <v>1</v>
      </c>
      <c r="C6845" s="14" t="s">
        <v>63</v>
      </c>
      <c r="D6845" s="14" t="s">
        <v>64</v>
      </c>
      <c r="E6845" s="15">
        <v>45651</v>
      </c>
      <c r="F6845" s="14" t="s">
        <v>28</v>
      </c>
      <c r="G6845" s="16">
        <v>0.36263083823571374</v>
      </c>
    </row>
    <row r="6846" spans="1:7" x14ac:dyDescent="0.3">
      <c r="A6846" s="13" t="s">
        <v>62</v>
      </c>
      <c r="B6846" s="14" t="s">
        <v>1</v>
      </c>
      <c r="C6846" s="14" t="s">
        <v>63</v>
      </c>
      <c r="D6846" s="14" t="s">
        <v>64</v>
      </c>
      <c r="E6846" s="15">
        <v>45652</v>
      </c>
      <c r="F6846" s="14" t="s">
        <v>28</v>
      </c>
      <c r="G6846" s="16">
        <v>0.36263083823571374</v>
      </c>
    </row>
    <row r="6847" spans="1:7" x14ac:dyDescent="0.3">
      <c r="A6847" s="13" t="s">
        <v>62</v>
      </c>
      <c r="B6847" s="14" t="s">
        <v>1</v>
      </c>
      <c r="C6847" s="14" t="s">
        <v>63</v>
      </c>
      <c r="D6847" s="14" t="s">
        <v>64</v>
      </c>
      <c r="E6847" s="15">
        <v>45653</v>
      </c>
      <c r="F6847" s="14" t="s">
        <v>28</v>
      </c>
      <c r="G6847" s="16">
        <v>0.36263083823571374</v>
      </c>
    </row>
    <row r="6848" spans="1:7" x14ac:dyDescent="0.3">
      <c r="A6848" s="13" t="s">
        <v>62</v>
      </c>
      <c r="B6848" s="14" t="s">
        <v>1</v>
      </c>
      <c r="C6848" s="14" t="s">
        <v>63</v>
      </c>
      <c r="D6848" s="14" t="s">
        <v>64</v>
      </c>
      <c r="E6848" s="15">
        <v>45654</v>
      </c>
      <c r="F6848" s="14" t="s">
        <v>28</v>
      </c>
      <c r="G6848" s="16">
        <v>0.36263083823571374</v>
      </c>
    </row>
    <row r="6849" spans="1:7" x14ac:dyDescent="0.3">
      <c r="A6849" s="13" t="s">
        <v>62</v>
      </c>
      <c r="B6849" s="14" t="s">
        <v>1</v>
      </c>
      <c r="C6849" s="14" t="s">
        <v>63</v>
      </c>
      <c r="D6849" s="14" t="s">
        <v>64</v>
      </c>
      <c r="E6849" s="15">
        <v>45655</v>
      </c>
      <c r="F6849" s="14" t="s">
        <v>28</v>
      </c>
      <c r="G6849" s="16">
        <v>0.36263083823571374</v>
      </c>
    </row>
    <row r="6850" spans="1:7" x14ac:dyDescent="0.3">
      <c r="A6850" s="13" t="s">
        <v>62</v>
      </c>
      <c r="B6850" s="14" t="s">
        <v>1</v>
      </c>
      <c r="C6850" s="14" t="s">
        <v>63</v>
      </c>
      <c r="D6850" s="14" t="s">
        <v>64</v>
      </c>
      <c r="E6850" s="15">
        <v>45656</v>
      </c>
      <c r="F6850" s="14" t="s">
        <v>28</v>
      </c>
      <c r="G6850" s="16">
        <v>0.37183178135999506</v>
      </c>
    </row>
    <row r="6851" spans="1:7" x14ac:dyDescent="0.3">
      <c r="A6851" s="13" t="s">
        <v>62</v>
      </c>
      <c r="B6851" s="14" t="s">
        <v>1</v>
      </c>
      <c r="C6851" s="14" t="s">
        <v>63</v>
      </c>
      <c r="D6851" s="14" t="s">
        <v>64</v>
      </c>
      <c r="E6851" s="15">
        <v>45657</v>
      </c>
      <c r="F6851" s="14" t="s">
        <v>28</v>
      </c>
      <c r="G6851" s="16">
        <v>0.42720719591296658</v>
      </c>
    </row>
    <row r="6852" spans="1:7" x14ac:dyDescent="0.3">
      <c r="A6852" s="13" t="s">
        <v>62</v>
      </c>
      <c r="B6852" s="14" t="s">
        <v>1</v>
      </c>
      <c r="C6852" s="14" t="s">
        <v>63</v>
      </c>
      <c r="D6852" s="14" t="s">
        <v>64</v>
      </c>
      <c r="E6852" s="15">
        <v>45658</v>
      </c>
      <c r="F6852" s="14" t="s">
        <v>28</v>
      </c>
      <c r="G6852" s="16">
        <v>0.42720719591296658</v>
      </c>
    </row>
    <row r="6853" spans="1:7" x14ac:dyDescent="0.3">
      <c r="A6853" s="13" t="s">
        <v>62</v>
      </c>
      <c r="B6853" s="14" t="s">
        <v>1</v>
      </c>
      <c r="C6853" s="14" t="s">
        <v>63</v>
      </c>
      <c r="D6853" s="14" t="s">
        <v>64</v>
      </c>
      <c r="E6853" s="15">
        <v>45659</v>
      </c>
      <c r="F6853" s="14" t="s">
        <v>28</v>
      </c>
      <c r="G6853" s="16">
        <v>0</v>
      </c>
    </row>
    <row r="6854" spans="1:7" x14ac:dyDescent="0.3">
      <c r="A6854" s="13" t="s">
        <v>62</v>
      </c>
      <c r="B6854" s="14" t="s">
        <v>1</v>
      </c>
      <c r="C6854" s="14" t="s">
        <v>63</v>
      </c>
      <c r="D6854" s="14" t="s">
        <v>64</v>
      </c>
      <c r="E6854" s="15">
        <v>45660</v>
      </c>
      <c r="F6854" s="14" t="s">
        <v>28</v>
      </c>
      <c r="G6854" s="16">
        <v>0</v>
      </c>
    </row>
    <row r="6855" spans="1:7" x14ac:dyDescent="0.3">
      <c r="A6855" s="13" t="s">
        <v>62</v>
      </c>
      <c r="B6855" s="14" t="s">
        <v>1</v>
      </c>
      <c r="C6855" s="14" t="s">
        <v>63</v>
      </c>
      <c r="D6855" s="14" t="s">
        <v>64</v>
      </c>
      <c r="E6855" s="15">
        <v>45661</v>
      </c>
      <c r="F6855" s="14" t="s">
        <v>28</v>
      </c>
      <c r="G6855" s="16">
        <v>0</v>
      </c>
    </row>
    <row r="6856" spans="1:7" x14ac:dyDescent="0.3">
      <c r="A6856" s="13" t="s">
        <v>62</v>
      </c>
      <c r="B6856" s="14" t="s">
        <v>1</v>
      </c>
      <c r="C6856" s="14" t="s">
        <v>63</v>
      </c>
      <c r="D6856" s="14" t="s">
        <v>64</v>
      </c>
      <c r="E6856" s="15">
        <v>45662</v>
      </c>
      <c r="F6856" s="14" t="s">
        <v>28</v>
      </c>
      <c r="G6856" s="16">
        <v>0</v>
      </c>
    </row>
    <row r="6857" spans="1:7" x14ac:dyDescent="0.3">
      <c r="A6857" s="13" t="s">
        <v>62</v>
      </c>
      <c r="B6857" s="14" t="s">
        <v>1</v>
      </c>
      <c r="C6857" s="14" t="s">
        <v>63</v>
      </c>
      <c r="D6857" s="14" t="s">
        <v>64</v>
      </c>
      <c r="E6857" s="15">
        <v>45663</v>
      </c>
      <c r="F6857" s="14" t="s">
        <v>28</v>
      </c>
      <c r="G6857" s="16">
        <v>0</v>
      </c>
    </row>
    <row r="6858" spans="1:7" x14ac:dyDescent="0.3">
      <c r="A6858" s="13" t="s">
        <v>62</v>
      </c>
      <c r="B6858" s="14" t="s">
        <v>1</v>
      </c>
      <c r="C6858" s="14" t="s">
        <v>63</v>
      </c>
      <c r="D6858" s="14" t="s">
        <v>64</v>
      </c>
      <c r="E6858" s="15">
        <v>45664</v>
      </c>
      <c r="F6858" s="14" t="s">
        <v>28</v>
      </c>
      <c r="G6858" s="16">
        <v>0</v>
      </c>
    </row>
    <row r="6859" spans="1:7" x14ac:dyDescent="0.3">
      <c r="A6859" s="13" t="s">
        <v>62</v>
      </c>
      <c r="B6859" s="14" t="s">
        <v>1</v>
      </c>
      <c r="C6859" s="14" t="s">
        <v>63</v>
      </c>
      <c r="D6859" s="14" t="s">
        <v>64</v>
      </c>
      <c r="E6859" s="15">
        <v>45665</v>
      </c>
      <c r="F6859" s="14" t="s">
        <v>28</v>
      </c>
      <c r="G6859" s="16">
        <v>0</v>
      </c>
    </row>
    <row r="6860" spans="1:7" x14ac:dyDescent="0.3">
      <c r="A6860" s="13" t="s">
        <v>62</v>
      </c>
      <c r="B6860" s="14" t="s">
        <v>1</v>
      </c>
      <c r="C6860" s="14" t="s">
        <v>63</v>
      </c>
      <c r="D6860" s="14" t="s">
        <v>64</v>
      </c>
      <c r="E6860" s="15">
        <v>45666</v>
      </c>
      <c r="F6860" s="14" t="s">
        <v>28</v>
      </c>
      <c r="G6860" s="16">
        <v>0</v>
      </c>
    </row>
    <row r="6861" spans="1:7" x14ac:dyDescent="0.3">
      <c r="A6861" s="13" t="s">
        <v>62</v>
      </c>
      <c r="B6861" s="14" t="s">
        <v>1</v>
      </c>
      <c r="C6861" s="14" t="s">
        <v>63</v>
      </c>
      <c r="D6861" s="14" t="s">
        <v>64</v>
      </c>
      <c r="E6861" s="15">
        <v>45667</v>
      </c>
      <c r="F6861" s="14" t="s">
        <v>28</v>
      </c>
      <c r="G6861" s="16">
        <v>0</v>
      </c>
    </row>
    <row r="6862" spans="1:7" x14ac:dyDescent="0.3">
      <c r="A6862" s="13" t="s">
        <v>62</v>
      </c>
      <c r="B6862" s="14" t="s">
        <v>1</v>
      </c>
      <c r="C6862" s="14" t="s">
        <v>63</v>
      </c>
      <c r="D6862" s="14" t="s">
        <v>64</v>
      </c>
      <c r="E6862" s="15">
        <v>45668</v>
      </c>
      <c r="F6862" s="14" t="s">
        <v>28</v>
      </c>
      <c r="G6862" s="16">
        <v>0</v>
      </c>
    </row>
    <row r="6863" spans="1:7" x14ac:dyDescent="0.3">
      <c r="A6863" s="13" t="s">
        <v>62</v>
      </c>
      <c r="B6863" s="14" t="s">
        <v>1</v>
      </c>
      <c r="C6863" s="14" t="s">
        <v>63</v>
      </c>
      <c r="D6863" s="14" t="s">
        <v>64</v>
      </c>
      <c r="E6863" s="15">
        <v>45669</v>
      </c>
      <c r="F6863" s="14" t="s">
        <v>28</v>
      </c>
      <c r="G6863" s="16">
        <v>0</v>
      </c>
    </row>
    <row r="6864" spans="1:7" x14ac:dyDescent="0.3">
      <c r="A6864" s="13" t="s">
        <v>62</v>
      </c>
      <c r="B6864" s="14" t="s">
        <v>1</v>
      </c>
      <c r="C6864" s="14" t="s">
        <v>63</v>
      </c>
      <c r="D6864" s="14" t="s">
        <v>64</v>
      </c>
      <c r="E6864" s="15">
        <v>45670</v>
      </c>
      <c r="F6864" s="14" t="s">
        <v>28</v>
      </c>
      <c r="G6864" s="16">
        <v>0</v>
      </c>
    </row>
    <row r="6865" spans="1:7" x14ac:dyDescent="0.3">
      <c r="A6865" s="13" t="s">
        <v>62</v>
      </c>
      <c r="B6865" s="14" t="s">
        <v>1</v>
      </c>
      <c r="C6865" s="14" t="s">
        <v>63</v>
      </c>
      <c r="D6865" s="14" t="s">
        <v>64</v>
      </c>
      <c r="E6865" s="15">
        <v>45671</v>
      </c>
      <c r="F6865" s="14" t="s">
        <v>28</v>
      </c>
      <c r="G6865" s="16">
        <v>0</v>
      </c>
    </row>
    <row r="6866" spans="1:7" x14ac:dyDescent="0.3">
      <c r="A6866" s="13" t="s">
        <v>62</v>
      </c>
      <c r="B6866" s="14" t="s">
        <v>1</v>
      </c>
      <c r="C6866" s="14" t="s">
        <v>63</v>
      </c>
      <c r="D6866" s="14" t="s">
        <v>64</v>
      </c>
      <c r="E6866" s="15">
        <v>45672</v>
      </c>
      <c r="F6866" s="14" t="s">
        <v>28</v>
      </c>
      <c r="G6866" s="16">
        <v>0</v>
      </c>
    </row>
    <row r="6867" spans="1:7" x14ac:dyDescent="0.3">
      <c r="A6867" s="13" t="s">
        <v>62</v>
      </c>
      <c r="B6867" s="14" t="s">
        <v>1</v>
      </c>
      <c r="C6867" s="14" t="s">
        <v>63</v>
      </c>
      <c r="D6867" s="14" t="s">
        <v>64</v>
      </c>
      <c r="E6867" s="15">
        <v>45673</v>
      </c>
      <c r="F6867" s="14" t="s">
        <v>28</v>
      </c>
      <c r="G6867" s="16">
        <v>0</v>
      </c>
    </row>
    <row r="6868" spans="1:7" x14ac:dyDescent="0.3">
      <c r="A6868" s="13" t="s">
        <v>62</v>
      </c>
      <c r="B6868" s="14" t="s">
        <v>1</v>
      </c>
      <c r="C6868" s="14" t="s">
        <v>63</v>
      </c>
      <c r="D6868" s="14" t="s">
        <v>64</v>
      </c>
      <c r="E6868" s="15">
        <v>45674</v>
      </c>
      <c r="F6868" s="14" t="s">
        <v>28</v>
      </c>
      <c r="G6868" s="16">
        <v>0</v>
      </c>
    </row>
    <row r="6869" spans="1:7" x14ac:dyDescent="0.3">
      <c r="A6869" s="13" t="s">
        <v>62</v>
      </c>
      <c r="B6869" s="14" t="s">
        <v>1</v>
      </c>
      <c r="C6869" s="14" t="s">
        <v>63</v>
      </c>
      <c r="D6869" s="14" t="s">
        <v>64</v>
      </c>
      <c r="E6869" s="15">
        <v>45675</v>
      </c>
      <c r="F6869" s="14" t="s">
        <v>28</v>
      </c>
      <c r="G6869" s="16">
        <v>0</v>
      </c>
    </row>
    <row r="6870" spans="1:7" x14ac:dyDescent="0.3">
      <c r="A6870" s="13" t="s">
        <v>62</v>
      </c>
      <c r="B6870" s="14" t="s">
        <v>1</v>
      </c>
      <c r="C6870" s="14" t="s">
        <v>63</v>
      </c>
      <c r="D6870" s="14" t="s">
        <v>64</v>
      </c>
      <c r="E6870" s="15">
        <v>45676</v>
      </c>
      <c r="F6870" s="14" t="s">
        <v>28</v>
      </c>
      <c r="G6870" s="16">
        <v>0</v>
      </c>
    </row>
    <row r="6871" spans="1:7" x14ac:dyDescent="0.3">
      <c r="A6871" s="13" t="s">
        <v>62</v>
      </c>
      <c r="B6871" s="14" t="s">
        <v>1</v>
      </c>
      <c r="C6871" s="14" t="s">
        <v>63</v>
      </c>
      <c r="D6871" s="14" t="s">
        <v>64</v>
      </c>
      <c r="E6871" s="15">
        <v>45677</v>
      </c>
      <c r="F6871" s="14" t="s">
        <v>28</v>
      </c>
      <c r="G6871" s="16">
        <v>0</v>
      </c>
    </row>
    <row r="6872" spans="1:7" x14ac:dyDescent="0.3">
      <c r="A6872" s="13" t="s">
        <v>62</v>
      </c>
      <c r="B6872" s="14" t="s">
        <v>1</v>
      </c>
      <c r="C6872" s="14" t="s">
        <v>63</v>
      </c>
      <c r="D6872" s="14" t="s">
        <v>64</v>
      </c>
      <c r="E6872" s="15">
        <v>45678</v>
      </c>
      <c r="F6872" s="14" t="s">
        <v>28</v>
      </c>
      <c r="G6872" s="16">
        <v>0</v>
      </c>
    </row>
    <row r="6873" spans="1:7" x14ac:dyDescent="0.3">
      <c r="A6873" s="13" t="s">
        <v>62</v>
      </c>
      <c r="B6873" s="14" t="s">
        <v>1</v>
      </c>
      <c r="C6873" s="14" t="s">
        <v>63</v>
      </c>
      <c r="D6873" s="14" t="s">
        <v>64</v>
      </c>
      <c r="E6873" s="15">
        <v>45679</v>
      </c>
      <c r="F6873" s="14" t="s">
        <v>28</v>
      </c>
      <c r="G6873" s="16">
        <v>0</v>
      </c>
    </row>
    <row r="6874" spans="1:7" x14ac:dyDescent="0.3">
      <c r="A6874" s="13" t="s">
        <v>62</v>
      </c>
      <c r="B6874" s="14" t="s">
        <v>1</v>
      </c>
      <c r="C6874" s="14" t="s">
        <v>63</v>
      </c>
      <c r="D6874" s="14" t="s">
        <v>64</v>
      </c>
      <c r="E6874" s="15">
        <v>45680</v>
      </c>
      <c r="F6874" s="14" t="s">
        <v>28</v>
      </c>
      <c r="G6874" s="16">
        <v>0</v>
      </c>
    </row>
    <row r="6875" spans="1:7" x14ac:dyDescent="0.3">
      <c r="A6875" s="13" t="s">
        <v>62</v>
      </c>
      <c r="B6875" s="14" t="s">
        <v>1</v>
      </c>
      <c r="C6875" s="14" t="s">
        <v>63</v>
      </c>
      <c r="D6875" s="14" t="s">
        <v>64</v>
      </c>
      <c r="E6875" s="15">
        <v>45681</v>
      </c>
      <c r="F6875" s="14" t="s">
        <v>28</v>
      </c>
      <c r="G6875" s="16">
        <v>0</v>
      </c>
    </row>
    <row r="6876" spans="1:7" x14ac:dyDescent="0.3">
      <c r="A6876" s="13" t="s">
        <v>62</v>
      </c>
      <c r="B6876" s="14" t="s">
        <v>1</v>
      </c>
      <c r="C6876" s="14" t="s">
        <v>63</v>
      </c>
      <c r="D6876" s="14" t="s">
        <v>64</v>
      </c>
      <c r="E6876" s="15">
        <v>45682</v>
      </c>
      <c r="F6876" s="14" t="s">
        <v>28</v>
      </c>
      <c r="G6876" s="16">
        <v>0</v>
      </c>
    </row>
    <row r="6877" spans="1:7" x14ac:dyDescent="0.3">
      <c r="A6877" s="13" t="s">
        <v>62</v>
      </c>
      <c r="B6877" s="14" t="s">
        <v>1</v>
      </c>
      <c r="C6877" s="14" t="s">
        <v>63</v>
      </c>
      <c r="D6877" s="14" t="s">
        <v>64</v>
      </c>
      <c r="E6877" s="15">
        <v>45683</v>
      </c>
      <c r="F6877" s="14" t="s">
        <v>28</v>
      </c>
      <c r="G6877" s="16">
        <v>0</v>
      </c>
    </row>
    <row r="6878" spans="1:7" x14ac:dyDescent="0.3">
      <c r="A6878" s="13" t="s">
        <v>62</v>
      </c>
      <c r="B6878" s="14" t="s">
        <v>1</v>
      </c>
      <c r="C6878" s="14" t="s">
        <v>63</v>
      </c>
      <c r="D6878" s="14" t="s">
        <v>64</v>
      </c>
      <c r="E6878" s="15">
        <v>45684</v>
      </c>
      <c r="F6878" s="14" t="s">
        <v>28</v>
      </c>
      <c r="G6878" s="16">
        <v>0</v>
      </c>
    </row>
    <row r="6879" spans="1:7" x14ac:dyDescent="0.3">
      <c r="A6879" s="13" t="s">
        <v>62</v>
      </c>
      <c r="B6879" s="14" t="s">
        <v>1</v>
      </c>
      <c r="C6879" s="14" t="s">
        <v>63</v>
      </c>
      <c r="D6879" s="14" t="s">
        <v>64</v>
      </c>
      <c r="E6879" s="15">
        <v>45685</v>
      </c>
      <c r="F6879" s="14" t="s">
        <v>28</v>
      </c>
      <c r="G6879" s="16">
        <v>0</v>
      </c>
    </row>
    <row r="6880" spans="1:7" x14ac:dyDescent="0.3">
      <c r="A6880" s="13" t="s">
        <v>62</v>
      </c>
      <c r="B6880" s="14" t="s">
        <v>1</v>
      </c>
      <c r="C6880" s="14" t="s">
        <v>63</v>
      </c>
      <c r="D6880" s="14" t="s">
        <v>64</v>
      </c>
      <c r="E6880" s="15">
        <v>45686</v>
      </c>
      <c r="F6880" s="14" t="s">
        <v>28</v>
      </c>
      <c r="G6880" s="16">
        <v>0</v>
      </c>
    </row>
    <row r="6881" spans="1:7" x14ac:dyDescent="0.3">
      <c r="A6881" s="13" t="s">
        <v>62</v>
      </c>
      <c r="B6881" s="14" t="s">
        <v>1</v>
      </c>
      <c r="C6881" s="14" t="s">
        <v>63</v>
      </c>
      <c r="D6881" s="14" t="s">
        <v>64</v>
      </c>
      <c r="E6881" s="15">
        <v>45687</v>
      </c>
      <c r="F6881" s="14" t="s">
        <v>28</v>
      </c>
      <c r="G6881" s="16">
        <v>0</v>
      </c>
    </row>
    <row r="6882" spans="1:7" x14ac:dyDescent="0.3">
      <c r="A6882" s="13" t="s">
        <v>62</v>
      </c>
      <c r="B6882" s="14" t="s">
        <v>1</v>
      </c>
      <c r="C6882" s="14" t="s">
        <v>63</v>
      </c>
      <c r="D6882" s="14" t="s">
        <v>64</v>
      </c>
      <c r="E6882" s="15">
        <v>45688</v>
      </c>
      <c r="F6882" s="14" t="s">
        <v>28</v>
      </c>
      <c r="G6882" s="16">
        <v>0</v>
      </c>
    </row>
    <row r="6883" spans="1:7" x14ac:dyDescent="0.3">
      <c r="A6883" s="13" t="s">
        <v>62</v>
      </c>
      <c r="B6883" s="14" t="s">
        <v>1</v>
      </c>
      <c r="C6883" s="14" t="s">
        <v>63</v>
      </c>
      <c r="D6883" s="14" t="s">
        <v>64</v>
      </c>
      <c r="E6883" s="15">
        <v>45689</v>
      </c>
      <c r="F6883" s="14" t="s">
        <v>28</v>
      </c>
      <c r="G6883" s="16">
        <v>0</v>
      </c>
    </row>
    <row r="6884" spans="1:7" x14ac:dyDescent="0.3">
      <c r="A6884" s="13" t="s">
        <v>62</v>
      </c>
      <c r="B6884" s="14" t="s">
        <v>1</v>
      </c>
      <c r="C6884" s="14" t="s">
        <v>63</v>
      </c>
      <c r="D6884" s="14" t="s">
        <v>64</v>
      </c>
      <c r="E6884" s="15">
        <v>45690</v>
      </c>
      <c r="F6884" s="14" t="s">
        <v>28</v>
      </c>
      <c r="G6884" s="16">
        <v>0</v>
      </c>
    </row>
    <row r="6885" spans="1:7" x14ac:dyDescent="0.3">
      <c r="A6885" s="13" t="s">
        <v>62</v>
      </c>
      <c r="B6885" s="14" t="s">
        <v>1</v>
      </c>
      <c r="C6885" s="14" t="s">
        <v>63</v>
      </c>
      <c r="D6885" s="14" t="s">
        <v>64</v>
      </c>
      <c r="E6885" s="15">
        <v>45691</v>
      </c>
      <c r="F6885" s="14" t="s">
        <v>28</v>
      </c>
      <c r="G6885" s="16">
        <v>0</v>
      </c>
    </row>
    <row r="6886" spans="1:7" x14ac:dyDescent="0.3">
      <c r="A6886" s="13" t="s">
        <v>62</v>
      </c>
      <c r="B6886" s="14" t="s">
        <v>1</v>
      </c>
      <c r="C6886" s="14" t="s">
        <v>63</v>
      </c>
      <c r="D6886" s="14" t="s">
        <v>64</v>
      </c>
      <c r="E6886" s="15">
        <v>45692</v>
      </c>
      <c r="F6886" s="14" t="s">
        <v>28</v>
      </c>
      <c r="G6886" s="16">
        <v>0</v>
      </c>
    </row>
    <row r="6887" spans="1:7" x14ac:dyDescent="0.3">
      <c r="A6887" s="13" t="s">
        <v>62</v>
      </c>
      <c r="B6887" s="14" t="s">
        <v>1</v>
      </c>
      <c r="C6887" s="14" t="s">
        <v>63</v>
      </c>
      <c r="D6887" s="14" t="s">
        <v>64</v>
      </c>
      <c r="E6887" s="15">
        <v>45693</v>
      </c>
      <c r="F6887" s="14" t="s">
        <v>28</v>
      </c>
      <c r="G6887" s="16">
        <v>0</v>
      </c>
    </row>
    <row r="6888" spans="1:7" x14ac:dyDescent="0.3">
      <c r="A6888" s="13" t="s">
        <v>62</v>
      </c>
      <c r="B6888" s="14" t="s">
        <v>1</v>
      </c>
      <c r="C6888" s="14" t="s">
        <v>63</v>
      </c>
      <c r="D6888" s="14" t="s">
        <v>64</v>
      </c>
      <c r="E6888" s="15">
        <v>45694</v>
      </c>
      <c r="F6888" s="14" t="s">
        <v>28</v>
      </c>
      <c r="G6888" s="16">
        <v>0</v>
      </c>
    </row>
    <row r="6889" spans="1:7" x14ac:dyDescent="0.3">
      <c r="A6889" s="13" t="s">
        <v>62</v>
      </c>
      <c r="B6889" s="14" t="s">
        <v>1</v>
      </c>
      <c r="C6889" s="14" t="s">
        <v>63</v>
      </c>
      <c r="D6889" s="14" t="s">
        <v>64</v>
      </c>
      <c r="E6889" s="15">
        <v>45695</v>
      </c>
      <c r="F6889" s="14" t="s">
        <v>28</v>
      </c>
      <c r="G6889" s="16">
        <v>0</v>
      </c>
    </row>
    <row r="6890" spans="1:7" x14ac:dyDescent="0.3">
      <c r="A6890" s="13" t="s">
        <v>62</v>
      </c>
      <c r="B6890" s="14" t="s">
        <v>1</v>
      </c>
      <c r="C6890" s="14" t="s">
        <v>63</v>
      </c>
      <c r="D6890" s="14" t="s">
        <v>64</v>
      </c>
      <c r="E6890" s="15">
        <v>45696</v>
      </c>
      <c r="F6890" s="14" t="s">
        <v>28</v>
      </c>
      <c r="G6890" s="16">
        <v>0</v>
      </c>
    </row>
    <row r="6891" spans="1:7" x14ac:dyDescent="0.3">
      <c r="A6891" s="13" t="s">
        <v>62</v>
      </c>
      <c r="B6891" s="14" t="s">
        <v>1</v>
      </c>
      <c r="C6891" s="14" t="s">
        <v>63</v>
      </c>
      <c r="D6891" s="14" t="s">
        <v>64</v>
      </c>
      <c r="E6891" s="15">
        <v>45697</v>
      </c>
      <c r="F6891" s="14" t="s">
        <v>28</v>
      </c>
      <c r="G6891" s="16">
        <v>0</v>
      </c>
    </row>
    <row r="6892" spans="1:7" x14ac:dyDescent="0.3">
      <c r="A6892" s="13" t="s">
        <v>62</v>
      </c>
      <c r="B6892" s="14" t="s">
        <v>1</v>
      </c>
      <c r="C6892" s="14" t="s">
        <v>63</v>
      </c>
      <c r="D6892" s="14" t="s">
        <v>64</v>
      </c>
      <c r="E6892" s="15">
        <v>45698</v>
      </c>
      <c r="F6892" s="14" t="s">
        <v>28</v>
      </c>
      <c r="G6892" s="16">
        <v>0</v>
      </c>
    </row>
    <row r="6893" spans="1:7" x14ac:dyDescent="0.3">
      <c r="A6893" s="13" t="s">
        <v>62</v>
      </c>
      <c r="B6893" s="14" t="s">
        <v>1</v>
      </c>
      <c r="C6893" s="14" t="s">
        <v>63</v>
      </c>
      <c r="D6893" s="14" t="s">
        <v>64</v>
      </c>
      <c r="E6893" s="15">
        <v>45699</v>
      </c>
      <c r="F6893" s="14" t="s">
        <v>28</v>
      </c>
      <c r="G6893" s="16">
        <v>0</v>
      </c>
    </row>
    <row r="6894" spans="1:7" x14ac:dyDescent="0.3">
      <c r="A6894" s="13" t="s">
        <v>62</v>
      </c>
      <c r="B6894" s="14" t="s">
        <v>1</v>
      </c>
      <c r="C6894" s="14" t="s">
        <v>63</v>
      </c>
      <c r="D6894" s="14" t="s">
        <v>64</v>
      </c>
      <c r="E6894" s="15">
        <v>45700</v>
      </c>
      <c r="F6894" s="14" t="s">
        <v>28</v>
      </c>
      <c r="G6894" s="16">
        <v>0</v>
      </c>
    </row>
    <row r="6895" spans="1:7" x14ac:dyDescent="0.3">
      <c r="A6895" s="13" t="s">
        <v>62</v>
      </c>
      <c r="B6895" s="14" t="s">
        <v>1</v>
      </c>
      <c r="C6895" s="14" t="s">
        <v>63</v>
      </c>
      <c r="D6895" s="14" t="s">
        <v>64</v>
      </c>
      <c r="E6895" s="15">
        <v>45701</v>
      </c>
      <c r="F6895" s="14" t="s">
        <v>28</v>
      </c>
      <c r="G6895" s="16">
        <v>0</v>
      </c>
    </row>
    <row r="6896" spans="1:7" x14ac:dyDescent="0.3">
      <c r="A6896" s="13" t="s">
        <v>62</v>
      </c>
      <c r="B6896" s="14" t="s">
        <v>1</v>
      </c>
      <c r="C6896" s="14" t="s">
        <v>63</v>
      </c>
      <c r="D6896" s="14" t="s">
        <v>64</v>
      </c>
      <c r="E6896" s="15">
        <v>45702</v>
      </c>
      <c r="F6896" s="14" t="s">
        <v>28</v>
      </c>
      <c r="G6896" s="16">
        <v>0</v>
      </c>
    </row>
    <row r="6897" spans="1:7" x14ac:dyDescent="0.3">
      <c r="A6897" s="13" t="s">
        <v>62</v>
      </c>
      <c r="B6897" s="14" t="s">
        <v>1</v>
      </c>
      <c r="C6897" s="14" t="s">
        <v>63</v>
      </c>
      <c r="D6897" s="14" t="s">
        <v>64</v>
      </c>
      <c r="E6897" s="15">
        <v>45703</v>
      </c>
      <c r="F6897" s="14" t="s">
        <v>28</v>
      </c>
      <c r="G6897" s="16">
        <v>0</v>
      </c>
    </row>
    <row r="6898" spans="1:7" x14ac:dyDescent="0.3">
      <c r="A6898" s="13" t="s">
        <v>62</v>
      </c>
      <c r="B6898" s="14" t="s">
        <v>1</v>
      </c>
      <c r="C6898" s="14" t="s">
        <v>63</v>
      </c>
      <c r="D6898" s="14" t="s">
        <v>64</v>
      </c>
      <c r="E6898" s="15">
        <v>45704</v>
      </c>
      <c r="F6898" s="14" t="s">
        <v>28</v>
      </c>
      <c r="G6898" s="16">
        <v>0</v>
      </c>
    </row>
    <row r="6899" spans="1:7" x14ac:dyDescent="0.3">
      <c r="A6899" s="13" t="s">
        <v>62</v>
      </c>
      <c r="B6899" s="14" t="s">
        <v>1</v>
      </c>
      <c r="C6899" s="14" t="s">
        <v>63</v>
      </c>
      <c r="D6899" s="14" t="s">
        <v>64</v>
      </c>
      <c r="E6899" s="15">
        <v>45705</v>
      </c>
      <c r="F6899" s="14" t="s">
        <v>28</v>
      </c>
      <c r="G6899" s="16">
        <v>0</v>
      </c>
    </row>
    <row r="6900" spans="1:7" x14ac:dyDescent="0.3">
      <c r="A6900" s="13" t="s">
        <v>62</v>
      </c>
      <c r="B6900" s="14" t="s">
        <v>1</v>
      </c>
      <c r="C6900" s="14" t="s">
        <v>63</v>
      </c>
      <c r="D6900" s="14" t="s">
        <v>64</v>
      </c>
      <c r="E6900" s="15">
        <v>45706</v>
      </c>
      <c r="F6900" s="14" t="s">
        <v>28</v>
      </c>
      <c r="G6900" s="16">
        <v>0</v>
      </c>
    </row>
    <row r="6901" spans="1:7" x14ac:dyDescent="0.3">
      <c r="A6901" s="13" t="s">
        <v>62</v>
      </c>
      <c r="B6901" s="14" t="s">
        <v>1</v>
      </c>
      <c r="C6901" s="14" t="s">
        <v>63</v>
      </c>
      <c r="D6901" s="14" t="s">
        <v>64</v>
      </c>
      <c r="E6901" s="15">
        <v>45707</v>
      </c>
      <c r="F6901" s="14" t="s">
        <v>28</v>
      </c>
      <c r="G6901" s="16">
        <v>0</v>
      </c>
    </row>
    <row r="6902" spans="1:7" x14ac:dyDescent="0.3">
      <c r="A6902" s="13" t="s">
        <v>62</v>
      </c>
      <c r="B6902" s="14" t="s">
        <v>1</v>
      </c>
      <c r="C6902" s="14" t="s">
        <v>63</v>
      </c>
      <c r="D6902" s="14" t="s">
        <v>64</v>
      </c>
      <c r="E6902" s="15">
        <v>45708</v>
      </c>
      <c r="F6902" s="14" t="s">
        <v>28</v>
      </c>
      <c r="G6902" s="16">
        <v>0</v>
      </c>
    </row>
    <row r="6903" spans="1:7" x14ac:dyDescent="0.3">
      <c r="A6903" s="13" t="s">
        <v>62</v>
      </c>
      <c r="B6903" s="14" t="s">
        <v>1</v>
      </c>
      <c r="C6903" s="14" t="s">
        <v>63</v>
      </c>
      <c r="D6903" s="14" t="s">
        <v>64</v>
      </c>
      <c r="E6903" s="15">
        <v>45709</v>
      </c>
      <c r="F6903" s="14" t="s">
        <v>28</v>
      </c>
      <c r="G6903" s="16">
        <v>0</v>
      </c>
    </row>
    <row r="6904" spans="1:7" x14ac:dyDescent="0.3">
      <c r="A6904" s="13" t="s">
        <v>62</v>
      </c>
      <c r="B6904" s="14" t="s">
        <v>1</v>
      </c>
      <c r="C6904" s="14" t="s">
        <v>63</v>
      </c>
      <c r="D6904" s="14" t="s">
        <v>64</v>
      </c>
      <c r="E6904" s="15">
        <v>45710</v>
      </c>
      <c r="F6904" s="14" t="s">
        <v>28</v>
      </c>
      <c r="G6904" s="16">
        <v>0</v>
      </c>
    </row>
    <row r="6905" spans="1:7" x14ac:dyDescent="0.3">
      <c r="A6905" s="13" t="s">
        <v>62</v>
      </c>
      <c r="B6905" s="14" t="s">
        <v>1</v>
      </c>
      <c r="C6905" s="14" t="s">
        <v>63</v>
      </c>
      <c r="D6905" s="14" t="s">
        <v>64</v>
      </c>
      <c r="E6905" s="15">
        <v>45711</v>
      </c>
      <c r="F6905" s="14" t="s">
        <v>28</v>
      </c>
      <c r="G6905" s="16">
        <v>0</v>
      </c>
    </row>
    <row r="6906" spans="1:7" x14ac:dyDescent="0.3">
      <c r="A6906" s="13" t="s">
        <v>62</v>
      </c>
      <c r="B6906" s="14" t="s">
        <v>1</v>
      </c>
      <c r="C6906" s="14" t="s">
        <v>63</v>
      </c>
      <c r="D6906" s="14" t="s">
        <v>64</v>
      </c>
      <c r="E6906" s="15">
        <v>45712</v>
      </c>
      <c r="F6906" s="14" t="s">
        <v>28</v>
      </c>
      <c r="G6906" s="16">
        <v>0</v>
      </c>
    </row>
    <row r="6907" spans="1:7" x14ac:dyDescent="0.3">
      <c r="A6907" s="13" t="s">
        <v>62</v>
      </c>
      <c r="B6907" s="14" t="s">
        <v>1</v>
      </c>
      <c r="C6907" s="14" t="s">
        <v>63</v>
      </c>
      <c r="D6907" s="14" t="s">
        <v>64</v>
      </c>
      <c r="E6907" s="15">
        <v>45713</v>
      </c>
      <c r="F6907" s="14" t="s">
        <v>28</v>
      </c>
      <c r="G6907" s="16">
        <v>0</v>
      </c>
    </row>
    <row r="6908" spans="1:7" x14ac:dyDescent="0.3">
      <c r="A6908" s="13" t="s">
        <v>62</v>
      </c>
      <c r="B6908" s="14" t="s">
        <v>1</v>
      </c>
      <c r="C6908" s="14" t="s">
        <v>63</v>
      </c>
      <c r="D6908" s="14" t="s">
        <v>64</v>
      </c>
      <c r="E6908" s="15">
        <v>45714</v>
      </c>
      <c r="F6908" s="14" t="s">
        <v>28</v>
      </c>
      <c r="G6908" s="16">
        <v>0</v>
      </c>
    </row>
    <row r="6909" spans="1:7" x14ac:dyDescent="0.3">
      <c r="A6909" s="13" t="s">
        <v>62</v>
      </c>
      <c r="B6909" s="14" t="s">
        <v>1</v>
      </c>
      <c r="C6909" s="14" t="s">
        <v>63</v>
      </c>
      <c r="D6909" s="14" t="s">
        <v>64</v>
      </c>
      <c r="E6909" s="15">
        <v>45715</v>
      </c>
      <c r="F6909" s="14" t="s">
        <v>28</v>
      </c>
      <c r="G6909" s="16">
        <v>0</v>
      </c>
    </row>
    <row r="6910" spans="1:7" x14ac:dyDescent="0.3">
      <c r="A6910" s="13" t="s">
        <v>62</v>
      </c>
      <c r="B6910" s="14" t="s">
        <v>1</v>
      </c>
      <c r="C6910" s="14" t="s">
        <v>63</v>
      </c>
      <c r="D6910" s="14" t="s">
        <v>64</v>
      </c>
      <c r="E6910" s="15">
        <v>45716</v>
      </c>
      <c r="F6910" s="14" t="s">
        <v>28</v>
      </c>
      <c r="G6910" s="16">
        <v>0</v>
      </c>
    </row>
    <row r="6911" spans="1:7" x14ac:dyDescent="0.3">
      <c r="A6911" s="13" t="s">
        <v>62</v>
      </c>
      <c r="B6911" s="14" t="s">
        <v>1</v>
      </c>
      <c r="C6911" s="14" t="s">
        <v>63</v>
      </c>
      <c r="D6911" s="14" t="s">
        <v>64</v>
      </c>
      <c r="E6911" s="15">
        <v>45717</v>
      </c>
      <c r="F6911" s="14" t="s">
        <v>28</v>
      </c>
      <c r="G6911" s="16">
        <v>0</v>
      </c>
    </row>
    <row r="6912" spans="1:7" x14ac:dyDescent="0.3">
      <c r="A6912" s="13" t="s">
        <v>62</v>
      </c>
      <c r="B6912" s="14" t="s">
        <v>1</v>
      </c>
      <c r="C6912" s="14" t="s">
        <v>63</v>
      </c>
      <c r="D6912" s="14" t="s">
        <v>64</v>
      </c>
      <c r="E6912" s="15">
        <v>45718</v>
      </c>
      <c r="F6912" s="14" t="s">
        <v>28</v>
      </c>
      <c r="G6912" s="16">
        <v>0</v>
      </c>
    </row>
    <row r="6913" spans="1:7" x14ac:dyDescent="0.3">
      <c r="A6913" s="13" t="s">
        <v>62</v>
      </c>
      <c r="B6913" s="14" t="s">
        <v>1</v>
      </c>
      <c r="C6913" s="14" t="s">
        <v>63</v>
      </c>
      <c r="D6913" s="14" t="s">
        <v>64</v>
      </c>
      <c r="E6913" s="15">
        <v>45719</v>
      </c>
      <c r="F6913" s="14" t="s">
        <v>28</v>
      </c>
      <c r="G6913" s="16">
        <v>0</v>
      </c>
    </row>
    <row r="6914" spans="1:7" x14ac:dyDescent="0.3">
      <c r="A6914" s="13" t="s">
        <v>62</v>
      </c>
      <c r="B6914" s="14" t="s">
        <v>1</v>
      </c>
      <c r="C6914" s="14" t="s">
        <v>63</v>
      </c>
      <c r="D6914" s="14" t="s">
        <v>64</v>
      </c>
      <c r="E6914" s="15">
        <v>45720</v>
      </c>
      <c r="F6914" s="14" t="s">
        <v>28</v>
      </c>
      <c r="G6914" s="16">
        <v>0</v>
      </c>
    </row>
    <row r="6915" spans="1:7" x14ac:dyDescent="0.3">
      <c r="A6915" s="13" t="s">
        <v>62</v>
      </c>
      <c r="B6915" s="14" t="s">
        <v>1</v>
      </c>
      <c r="C6915" s="14" t="s">
        <v>63</v>
      </c>
      <c r="D6915" s="14" t="s">
        <v>64</v>
      </c>
      <c r="E6915" s="15">
        <v>45721</v>
      </c>
      <c r="F6915" s="14" t="s">
        <v>28</v>
      </c>
      <c r="G6915" s="16">
        <v>0</v>
      </c>
    </row>
    <row r="6916" spans="1:7" x14ac:dyDescent="0.3">
      <c r="A6916" s="13" t="s">
        <v>62</v>
      </c>
      <c r="B6916" s="14" t="s">
        <v>1</v>
      </c>
      <c r="C6916" s="14" t="s">
        <v>63</v>
      </c>
      <c r="D6916" s="14" t="s">
        <v>64</v>
      </c>
      <c r="E6916" s="15">
        <v>45722</v>
      </c>
      <c r="F6916" s="14" t="s">
        <v>28</v>
      </c>
      <c r="G6916" s="16">
        <v>0</v>
      </c>
    </row>
    <row r="6917" spans="1:7" x14ac:dyDescent="0.3">
      <c r="A6917" s="13" t="s">
        <v>62</v>
      </c>
      <c r="B6917" s="14" t="s">
        <v>1</v>
      </c>
      <c r="C6917" s="14" t="s">
        <v>63</v>
      </c>
      <c r="D6917" s="14" t="s">
        <v>64</v>
      </c>
      <c r="E6917" s="15">
        <v>45723</v>
      </c>
      <c r="F6917" s="14" t="s">
        <v>28</v>
      </c>
      <c r="G6917" s="16">
        <v>0</v>
      </c>
    </row>
    <row r="6918" spans="1:7" x14ac:dyDescent="0.3">
      <c r="A6918" s="13" t="s">
        <v>62</v>
      </c>
      <c r="B6918" s="14" t="s">
        <v>1</v>
      </c>
      <c r="C6918" s="14" t="s">
        <v>63</v>
      </c>
      <c r="D6918" s="14" t="s">
        <v>64</v>
      </c>
      <c r="E6918" s="15">
        <v>45724</v>
      </c>
      <c r="F6918" s="14" t="s">
        <v>28</v>
      </c>
      <c r="G6918" s="16">
        <v>0</v>
      </c>
    </row>
    <row r="6919" spans="1:7" x14ac:dyDescent="0.3">
      <c r="A6919" s="13" t="s">
        <v>62</v>
      </c>
      <c r="B6919" s="14" t="s">
        <v>1</v>
      </c>
      <c r="C6919" s="14" t="s">
        <v>63</v>
      </c>
      <c r="D6919" s="14" t="s">
        <v>64</v>
      </c>
      <c r="E6919" s="15">
        <v>45725</v>
      </c>
      <c r="F6919" s="14" t="s">
        <v>28</v>
      </c>
      <c r="G6919" s="16">
        <v>0</v>
      </c>
    </row>
    <row r="6920" spans="1:7" x14ac:dyDescent="0.3">
      <c r="A6920" s="13" t="s">
        <v>62</v>
      </c>
      <c r="B6920" s="14" t="s">
        <v>1</v>
      </c>
      <c r="C6920" s="14" t="s">
        <v>63</v>
      </c>
      <c r="D6920" s="14" t="s">
        <v>64</v>
      </c>
      <c r="E6920" s="15">
        <v>45726</v>
      </c>
      <c r="F6920" s="14" t="s">
        <v>28</v>
      </c>
      <c r="G6920" s="16">
        <v>0</v>
      </c>
    </row>
    <row r="6921" spans="1:7" x14ac:dyDescent="0.3">
      <c r="A6921" s="13" t="s">
        <v>62</v>
      </c>
      <c r="B6921" s="14" t="s">
        <v>1</v>
      </c>
      <c r="C6921" s="14" t="s">
        <v>63</v>
      </c>
      <c r="D6921" s="14" t="s">
        <v>64</v>
      </c>
      <c r="E6921" s="15">
        <v>45727</v>
      </c>
      <c r="F6921" s="14" t="s">
        <v>28</v>
      </c>
      <c r="G6921" s="16">
        <v>0</v>
      </c>
    </row>
    <row r="6922" spans="1:7" x14ac:dyDescent="0.3">
      <c r="A6922" s="13" t="s">
        <v>62</v>
      </c>
      <c r="B6922" s="14" t="s">
        <v>1</v>
      </c>
      <c r="C6922" s="14" t="s">
        <v>63</v>
      </c>
      <c r="D6922" s="14" t="s">
        <v>64</v>
      </c>
      <c r="E6922" s="15">
        <v>45728</v>
      </c>
      <c r="F6922" s="14" t="s">
        <v>28</v>
      </c>
      <c r="G6922" s="16">
        <v>0</v>
      </c>
    </row>
    <row r="6923" spans="1:7" x14ac:dyDescent="0.3">
      <c r="A6923" s="13" t="s">
        <v>62</v>
      </c>
      <c r="B6923" s="14" t="s">
        <v>1</v>
      </c>
      <c r="C6923" s="14" t="s">
        <v>63</v>
      </c>
      <c r="D6923" s="14" t="s">
        <v>64</v>
      </c>
      <c r="E6923" s="15">
        <v>45729</v>
      </c>
      <c r="F6923" s="14" t="s">
        <v>28</v>
      </c>
      <c r="G6923" s="16">
        <v>0</v>
      </c>
    </row>
    <row r="6924" spans="1:7" x14ac:dyDescent="0.3">
      <c r="A6924" s="13" t="s">
        <v>62</v>
      </c>
      <c r="B6924" s="14" t="s">
        <v>1</v>
      </c>
      <c r="C6924" s="14" t="s">
        <v>63</v>
      </c>
      <c r="D6924" s="14" t="s">
        <v>64</v>
      </c>
      <c r="E6924" s="15">
        <v>45730</v>
      </c>
      <c r="F6924" s="14" t="s">
        <v>28</v>
      </c>
      <c r="G6924" s="16">
        <v>0</v>
      </c>
    </row>
    <row r="6925" spans="1:7" x14ac:dyDescent="0.3">
      <c r="A6925" s="13" t="s">
        <v>62</v>
      </c>
      <c r="B6925" s="14" t="s">
        <v>1</v>
      </c>
      <c r="C6925" s="14" t="s">
        <v>63</v>
      </c>
      <c r="D6925" s="14" t="s">
        <v>64</v>
      </c>
      <c r="E6925" s="15">
        <v>45731</v>
      </c>
      <c r="F6925" s="14" t="s">
        <v>28</v>
      </c>
      <c r="G6925" s="16">
        <v>0</v>
      </c>
    </row>
    <row r="6926" spans="1:7" x14ac:dyDescent="0.3">
      <c r="A6926" s="13" t="s">
        <v>62</v>
      </c>
      <c r="B6926" s="14" t="s">
        <v>1</v>
      </c>
      <c r="C6926" s="14" t="s">
        <v>63</v>
      </c>
      <c r="D6926" s="14" t="s">
        <v>64</v>
      </c>
      <c r="E6926" s="15">
        <v>45732</v>
      </c>
      <c r="F6926" s="14" t="s">
        <v>28</v>
      </c>
      <c r="G6926" s="16">
        <v>0</v>
      </c>
    </row>
    <row r="6927" spans="1:7" x14ac:dyDescent="0.3">
      <c r="A6927" s="13" t="s">
        <v>62</v>
      </c>
      <c r="B6927" s="14" t="s">
        <v>1</v>
      </c>
      <c r="C6927" s="14" t="s">
        <v>63</v>
      </c>
      <c r="D6927" s="14" t="s">
        <v>64</v>
      </c>
      <c r="E6927" s="15">
        <v>45733</v>
      </c>
      <c r="F6927" s="14" t="s">
        <v>28</v>
      </c>
      <c r="G6927" s="16">
        <v>0</v>
      </c>
    </row>
    <row r="6928" spans="1:7" x14ac:dyDescent="0.3">
      <c r="A6928" s="13" t="s">
        <v>62</v>
      </c>
      <c r="B6928" s="14" t="s">
        <v>1</v>
      </c>
      <c r="C6928" s="14" t="s">
        <v>63</v>
      </c>
      <c r="D6928" s="14" t="s">
        <v>64</v>
      </c>
      <c r="E6928" s="15">
        <v>45734</v>
      </c>
      <c r="F6928" s="14" t="s">
        <v>28</v>
      </c>
      <c r="G6928" s="16">
        <v>0</v>
      </c>
    </row>
    <row r="6929" spans="1:7" x14ac:dyDescent="0.3">
      <c r="A6929" s="13" t="s">
        <v>62</v>
      </c>
      <c r="B6929" s="14" t="s">
        <v>1</v>
      </c>
      <c r="C6929" s="14" t="s">
        <v>63</v>
      </c>
      <c r="D6929" s="14" t="s">
        <v>64</v>
      </c>
      <c r="E6929" s="15">
        <v>45735</v>
      </c>
      <c r="F6929" s="14" t="s">
        <v>28</v>
      </c>
      <c r="G6929" s="16">
        <v>2.3687736738489635E-2</v>
      </c>
    </row>
    <row r="6930" spans="1:7" x14ac:dyDescent="0.3">
      <c r="A6930" s="13" t="s">
        <v>62</v>
      </c>
      <c r="B6930" s="14" t="s">
        <v>1</v>
      </c>
      <c r="C6930" s="14" t="s">
        <v>63</v>
      </c>
      <c r="D6930" s="14" t="s">
        <v>64</v>
      </c>
      <c r="E6930" s="15">
        <v>45736</v>
      </c>
      <c r="F6930" s="14" t="s">
        <v>28</v>
      </c>
      <c r="G6930" s="16">
        <v>3.3083803481417394E-2</v>
      </c>
    </row>
    <row r="6931" spans="1:7" x14ac:dyDescent="0.3">
      <c r="A6931" s="13" t="s">
        <v>62</v>
      </c>
      <c r="B6931" s="14" t="s">
        <v>1</v>
      </c>
      <c r="C6931" s="14" t="s">
        <v>63</v>
      </c>
      <c r="D6931" s="14" t="s">
        <v>64</v>
      </c>
      <c r="E6931" s="15">
        <v>45737</v>
      </c>
      <c r="F6931" s="14" t="s">
        <v>28</v>
      </c>
      <c r="G6931" s="16">
        <v>3.2681288713423601E-2</v>
      </c>
    </row>
    <row r="6932" spans="1:7" x14ac:dyDescent="0.3">
      <c r="A6932" s="13" t="s">
        <v>62</v>
      </c>
      <c r="B6932" s="14" t="s">
        <v>1</v>
      </c>
      <c r="C6932" s="14" t="s">
        <v>63</v>
      </c>
      <c r="D6932" s="14" t="s">
        <v>64</v>
      </c>
      <c r="E6932" s="15">
        <v>45738</v>
      </c>
      <c r="F6932" s="14" t="s">
        <v>28</v>
      </c>
      <c r="G6932" s="16">
        <v>3.2681288713423601E-2</v>
      </c>
    </row>
    <row r="6933" spans="1:7" x14ac:dyDescent="0.3">
      <c r="A6933" s="13" t="s">
        <v>62</v>
      </c>
      <c r="B6933" s="14" t="s">
        <v>1</v>
      </c>
      <c r="C6933" s="14" t="s">
        <v>63</v>
      </c>
      <c r="D6933" s="14" t="s">
        <v>64</v>
      </c>
      <c r="E6933" s="15">
        <v>45739</v>
      </c>
      <c r="F6933" s="14" t="s">
        <v>28</v>
      </c>
      <c r="G6933" s="16">
        <v>3.2681288713423601E-2</v>
      </c>
    </row>
    <row r="6934" spans="1:7" x14ac:dyDescent="0.3">
      <c r="A6934" s="13" t="s">
        <v>62</v>
      </c>
      <c r="B6934" s="14" t="s">
        <v>1</v>
      </c>
      <c r="C6934" s="14" t="s">
        <v>63</v>
      </c>
      <c r="D6934" s="14" t="s">
        <v>64</v>
      </c>
      <c r="E6934" s="15">
        <v>45740</v>
      </c>
      <c r="F6934" s="14" t="s">
        <v>28</v>
      </c>
      <c r="G6934" s="16">
        <v>4.2025111782306612E-2</v>
      </c>
    </row>
    <row r="6935" spans="1:7" x14ac:dyDescent="0.3">
      <c r="A6935" s="13" t="s">
        <v>62</v>
      </c>
      <c r="B6935" s="14" t="s">
        <v>1</v>
      </c>
      <c r="C6935" s="14" t="s">
        <v>63</v>
      </c>
      <c r="D6935" s="14" t="s">
        <v>64</v>
      </c>
      <c r="E6935" s="15">
        <v>45741</v>
      </c>
      <c r="F6935" s="14" t="s">
        <v>28</v>
      </c>
      <c r="G6935" s="16">
        <v>6.9567876774293866E-2</v>
      </c>
    </row>
    <row r="6936" spans="1:7" x14ac:dyDescent="0.3">
      <c r="A6936" s="13" t="s">
        <v>62</v>
      </c>
      <c r="B6936" s="14" t="s">
        <v>1</v>
      </c>
      <c r="C6936" s="14" t="s">
        <v>63</v>
      </c>
      <c r="D6936" s="14" t="s">
        <v>64</v>
      </c>
      <c r="E6936" s="15">
        <v>45742</v>
      </c>
      <c r="F6936" s="14" t="s">
        <v>28</v>
      </c>
      <c r="G6936" s="16">
        <v>7.9542377166408065E-2</v>
      </c>
    </row>
    <row r="6937" spans="1:7" x14ac:dyDescent="0.3">
      <c r="A6937" s="13" t="s">
        <v>62</v>
      </c>
      <c r="B6937" s="14" t="s">
        <v>1</v>
      </c>
      <c r="C6937" s="14" t="s">
        <v>63</v>
      </c>
      <c r="D6937" s="14" t="s">
        <v>64</v>
      </c>
      <c r="E6937" s="15">
        <v>45743</v>
      </c>
      <c r="F6937" s="14" t="s">
        <v>28</v>
      </c>
      <c r="G6937" s="16">
        <v>9.4067067404461246E-2</v>
      </c>
    </row>
    <row r="6938" spans="1:7" x14ac:dyDescent="0.3">
      <c r="A6938" s="13" t="s">
        <v>62</v>
      </c>
      <c r="B6938" s="14" t="s">
        <v>1</v>
      </c>
      <c r="C6938" s="14" t="s">
        <v>63</v>
      </c>
      <c r="D6938" s="14" t="s">
        <v>64</v>
      </c>
      <c r="E6938" s="15">
        <v>45744</v>
      </c>
      <c r="F6938" s="14" t="s">
        <v>28</v>
      </c>
      <c r="G6938" s="16">
        <v>0.10344099184942458</v>
      </c>
    </row>
    <row r="6939" spans="1:7" x14ac:dyDescent="0.3">
      <c r="A6939" s="13" t="s">
        <v>62</v>
      </c>
      <c r="B6939" s="14" t="s">
        <v>1</v>
      </c>
      <c r="C6939" s="14" t="s">
        <v>63</v>
      </c>
      <c r="D6939" s="14" t="s">
        <v>64</v>
      </c>
      <c r="E6939" s="15">
        <v>45745</v>
      </c>
      <c r="F6939" s="14" t="s">
        <v>28</v>
      </c>
      <c r="G6939" s="16">
        <v>0.10344099184942458</v>
      </c>
    </row>
    <row r="6940" spans="1:7" x14ac:dyDescent="0.3">
      <c r="A6940" s="13" t="s">
        <v>62</v>
      </c>
      <c r="B6940" s="14" t="s">
        <v>1</v>
      </c>
      <c r="C6940" s="14" t="s">
        <v>63</v>
      </c>
      <c r="D6940" s="14" t="s">
        <v>64</v>
      </c>
      <c r="E6940" s="15">
        <v>45746</v>
      </c>
      <c r="F6940" s="14" t="s">
        <v>28</v>
      </c>
      <c r="G6940" s="16">
        <v>0.10344099184942458</v>
      </c>
    </row>
    <row r="6941" spans="1:7" x14ac:dyDescent="0.3">
      <c r="A6941" s="13" t="s">
        <v>62</v>
      </c>
      <c r="B6941" s="14" t="s">
        <v>1</v>
      </c>
      <c r="C6941" s="14" t="s">
        <v>63</v>
      </c>
      <c r="D6941" s="14" t="s">
        <v>64</v>
      </c>
      <c r="E6941" s="15">
        <v>45747</v>
      </c>
      <c r="F6941" s="14" t="s">
        <v>28</v>
      </c>
      <c r="G6941" s="16">
        <v>0.10344099184942458</v>
      </c>
    </row>
    <row r="6942" spans="1:7" x14ac:dyDescent="0.3">
      <c r="A6942" s="13" t="s">
        <v>65</v>
      </c>
      <c r="B6942" s="14" t="s">
        <v>1</v>
      </c>
      <c r="C6942" s="14" t="s">
        <v>51</v>
      </c>
      <c r="D6942" s="14" t="s">
        <v>66</v>
      </c>
      <c r="E6942" s="15">
        <v>45383</v>
      </c>
      <c r="F6942" s="14" t="s">
        <v>61</v>
      </c>
      <c r="G6942" s="16">
        <v>0</v>
      </c>
    </row>
    <row r="6943" spans="1:7" x14ac:dyDescent="0.3">
      <c r="A6943" s="13" t="s">
        <v>65</v>
      </c>
      <c r="B6943" s="14" t="s">
        <v>1</v>
      </c>
      <c r="C6943" s="14" t="s">
        <v>51</v>
      </c>
      <c r="D6943" s="14" t="s">
        <v>66</v>
      </c>
      <c r="E6943" s="15">
        <v>45384</v>
      </c>
      <c r="F6943" s="14" t="s">
        <v>61</v>
      </c>
      <c r="G6943" s="16">
        <v>0</v>
      </c>
    </row>
    <row r="6944" spans="1:7" x14ac:dyDescent="0.3">
      <c r="A6944" s="13" t="s">
        <v>65</v>
      </c>
      <c r="B6944" s="14" t="s">
        <v>1</v>
      </c>
      <c r="C6944" s="14" t="s">
        <v>51</v>
      </c>
      <c r="D6944" s="14" t="s">
        <v>66</v>
      </c>
      <c r="E6944" s="15">
        <v>45385</v>
      </c>
      <c r="F6944" s="14" t="s">
        <v>61</v>
      </c>
      <c r="G6944" s="16">
        <v>0</v>
      </c>
    </row>
    <row r="6945" spans="1:7" x14ac:dyDescent="0.3">
      <c r="A6945" s="13" t="s">
        <v>65</v>
      </c>
      <c r="B6945" s="14" t="s">
        <v>1</v>
      </c>
      <c r="C6945" s="14" t="s">
        <v>51</v>
      </c>
      <c r="D6945" s="14" t="s">
        <v>66</v>
      </c>
      <c r="E6945" s="15">
        <v>45386</v>
      </c>
      <c r="F6945" s="14" t="s">
        <v>61</v>
      </c>
      <c r="G6945" s="16">
        <v>0</v>
      </c>
    </row>
    <row r="6946" spans="1:7" x14ac:dyDescent="0.3">
      <c r="A6946" s="13" t="s">
        <v>65</v>
      </c>
      <c r="B6946" s="14" t="s">
        <v>1</v>
      </c>
      <c r="C6946" s="14" t="s">
        <v>51</v>
      </c>
      <c r="D6946" s="14" t="s">
        <v>66</v>
      </c>
      <c r="E6946" s="15">
        <v>45387</v>
      </c>
      <c r="F6946" s="14" t="s">
        <v>61</v>
      </c>
      <c r="G6946" s="16">
        <v>0</v>
      </c>
    </row>
    <row r="6947" spans="1:7" x14ac:dyDescent="0.3">
      <c r="A6947" s="13" t="s">
        <v>65</v>
      </c>
      <c r="B6947" s="14" t="s">
        <v>1</v>
      </c>
      <c r="C6947" s="14" t="s">
        <v>51</v>
      </c>
      <c r="D6947" s="14" t="s">
        <v>66</v>
      </c>
      <c r="E6947" s="15">
        <v>45388</v>
      </c>
      <c r="F6947" s="14" t="s">
        <v>61</v>
      </c>
      <c r="G6947" s="16">
        <v>0</v>
      </c>
    </row>
    <row r="6948" spans="1:7" x14ac:dyDescent="0.3">
      <c r="A6948" s="13" t="s">
        <v>65</v>
      </c>
      <c r="B6948" s="14" t="s">
        <v>1</v>
      </c>
      <c r="C6948" s="14" t="s">
        <v>51</v>
      </c>
      <c r="D6948" s="14" t="s">
        <v>66</v>
      </c>
      <c r="E6948" s="15">
        <v>45389</v>
      </c>
      <c r="F6948" s="14" t="s">
        <v>61</v>
      </c>
      <c r="G6948" s="16">
        <v>0</v>
      </c>
    </row>
    <row r="6949" spans="1:7" x14ac:dyDescent="0.3">
      <c r="A6949" s="13" t="s">
        <v>65</v>
      </c>
      <c r="B6949" s="14" t="s">
        <v>1</v>
      </c>
      <c r="C6949" s="14" t="s">
        <v>51</v>
      </c>
      <c r="D6949" s="14" t="s">
        <v>66</v>
      </c>
      <c r="E6949" s="15">
        <v>45390</v>
      </c>
      <c r="F6949" s="14" t="s">
        <v>61</v>
      </c>
      <c r="G6949" s="16">
        <v>0</v>
      </c>
    </row>
    <row r="6950" spans="1:7" x14ac:dyDescent="0.3">
      <c r="A6950" s="13" t="s">
        <v>65</v>
      </c>
      <c r="B6950" s="14" t="s">
        <v>1</v>
      </c>
      <c r="C6950" s="14" t="s">
        <v>51</v>
      </c>
      <c r="D6950" s="14" t="s">
        <v>66</v>
      </c>
      <c r="E6950" s="15">
        <v>45391</v>
      </c>
      <c r="F6950" s="14" t="s">
        <v>61</v>
      </c>
      <c r="G6950" s="16">
        <v>0</v>
      </c>
    </row>
    <row r="6951" spans="1:7" x14ac:dyDescent="0.3">
      <c r="A6951" s="13" t="s">
        <v>65</v>
      </c>
      <c r="B6951" s="14" t="s">
        <v>1</v>
      </c>
      <c r="C6951" s="14" t="s">
        <v>51</v>
      </c>
      <c r="D6951" s="14" t="s">
        <v>66</v>
      </c>
      <c r="E6951" s="15">
        <v>45392</v>
      </c>
      <c r="F6951" s="14" t="s">
        <v>61</v>
      </c>
      <c r="G6951" s="16">
        <v>0</v>
      </c>
    </row>
    <row r="6952" spans="1:7" x14ac:dyDescent="0.3">
      <c r="A6952" s="13" t="s">
        <v>65</v>
      </c>
      <c r="B6952" s="14" t="s">
        <v>1</v>
      </c>
      <c r="C6952" s="14" t="s">
        <v>51</v>
      </c>
      <c r="D6952" s="14" t="s">
        <v>66</v>
      </c>
      <c r="E6952" s="15">
        <v>45393</v>
      </c>
      <c r="F6952" s="14" t="s">
        <v>61</v>
      </c>
      <c r="G6952" s="16">
        <v>0</v>
      </c>
    </row>
    <row r="6953" spans="1:7" x14ac:dyDescent="0.3">
      <c r="A6953" s="13" t="s">
        <v>65</v>
      </c>
      <c r="B6953" s="14" t="s">
        <v>1</v>
      </c>
      <c r="C6953" s="14" t="s">
        <v>51</v>
      </c>
      <c r="D6953" s="14" t="s">
        <v>66</v>
      </c>
      <c r="E6953" s="15">
        <v>45394</v>
      </c>
      <c r="F6953" s="14" t="s">
        <v>61</v>
      </c>
      <c r="G6953" s="16">
        <v>0</v>
      </c>
    </row>
    <row r="6954" spans="1:7" x14ac:dyDescent="0.3">
      <c r="A6954" s="13" t="s">
        <v>65</v>
      </c>
      <c r="B6954" s="14" t="s">
        <v>1</v>
      </c>
      <c r="C6954" s="14" t="s">
        <v>51</v>
      </c>
      <c r="D6954" s="14" t="s">
        <v>66</v>
      </c>
      <c r="E6954" s="15">
        <v>45395</v>
      </c>
      <c r="F6954" s="14" t="s">
        <v>61</v>
      </c>
      <c r="G6954" s="16">
        <v>0</v>
      </c>
    </row>
    <row r="6955" spans="1:7" x14ac:dyDescent="0.3">
      <c r="A6955" s="13" t="s">
        <v>65</v>
      </c>
      <c r="B6955" s="14" t="s">
        <v>1</v>
      </c>
      <c r="C6955" s="14" t="s">
        <v>51</v>
      </c>
      <c r="D6955" s="14" t="s">
        <v>66</v>
      </c>
      <c r="E6955" s="15">
        <v>45396</v>
      </c>
      <c r="F6955" s="14" t="s">
        <v>61</v>
      </c>
      <c r="G6955" s="16">
        <v>0</v>
      </c>
    </row>
    <row r="6956" spans="1:7" x14ac:dyDescent="0.3">
      <c r="A6956" s="13" t="s">
        <v>65</v>
      </c>
      <c r="B6956" s="14" t="s">
        <v>1</v>
      </c>
      <c r="C6956" s="14" t="s">
        <v>51</v>
      </c>
      <c r="D6956" s="14" t="s">
        <v>66</v>
      </c>
      <c r="E6956" s="15">
        <v>45397</v>
      </c>
      <c r="F6956" s="14" t="s">
        <v>61</v>
      </c>
      <c r="G6956" s="16">
        <v>0</v>
      </c>
    </row>
    <row r="6957" spans="1:7" x14ac:dyDescent="0.3">
      <c r="A6957" s="13" t="s">
        <v>65</v>
      </c>
      <c r="B6957" s="14" t="s">
        <v>1</v>
      </c>
      <c r="C6957" s="14" t="s">
        <v>51</v>
      </c>
      <c r="D6957" s="14" t="s">
        <v>66</v>
      </c>
      <c r="E6957" s="15">
        <v>45398</v>
      </c>
      <c r="F6957" s="14" t="s">
        <v>61</v>
      </c>
      <c r="G6957" s="16">
        <v>0</v>
      </c>
    </row>
    <row r="6958" spans="1:7" x14ac:dyDescent="0.3">
      <c r="A6958" s="13" t="s">
        <v>65</v>
      </c>
      <c r="B6958" s="14" t="s">
        <v>1</v>
      </c>
      <c r="C6958" s="14" t="s">
        <v>51</v>
      </c>
      <c r="D6958" s="14" t="s">
        <v>66</v>
      </c>
      <c r="E6958" s="15">
        <v>45399</v>
      </c>
      <c r="F6958" s="14" t="s">
        <v>61</v>
      </c>
      <c r="G6958" s="16">
        <v>0</v>
      </c>
    </row>
    <row r="6959" spans="1:7" x14ac:dyDescent="0.3">
      <c r="A6959" s="13" t="s">
        <v>65</v>
      </c>
      <c r="B6959" s="14" t="s">
        <v>1</v>
      </c>
      <c r="C6959" s="14" t="s">
        <v>51</v>
      </c>
      <c r="D6959" s="14" t="s">
        <v>66</v>
      </c>
      <c r="E6959" s="15">
        <v>45400</v>
      </c>
      <c r="F6959" s="14" t="s">
        <v>61</v>
      </c>
      <c r="G6959" s="16">
        <v>0</v>
      </c>
    </row>
    <row r="6960" spans="1:7" x14ac:dyDescent="0.3">
      <c r="A6960" s="13" t="s">
        <v>65</v>
      </c>
      <c r="B6960" s="14" t="s">
        <v>1</v>
      </c>
      <c r="C6960" s="14" t="s">
        <v>51</v>
      </c>
      <c r="D6960" s="14" t="s">
        <v>66</v>
      </c>
      <c r="E6960" s="15">
        <v>45401</v>
      </c>
      <c r="F6960" s="14" t="s">
        <v>61</v>
      </c>
      <c r="G6960" s="16">
        <v>0</v>
      </c>
    </row>
    <row r="6961" spans="1:7" x14ac:dyDescent="0.3">
      <c r="A6961" s="13" t="s">
        <v>65</v>
      </c>
      <c r="B6961" s="14" t="s">
        <v>1</v>
      </c>
      <c r="C6961" s="14" t="s">
        <v>51</v>
      </c>
      <c r="D6961" s="14" t="s">
        <v>66</v>
      </c>
      <c r="E6961" s="15">
        <v>45402</v>
      </c>
      <c r="F6961" s="14" t="s">
        <v>61</v>
      </c>
      <c r="G6961" s="16">
        <v>0</v>
      </c>
    </row>
    <row r="6962" spans="1:7" x14ac:dyDescent="0.3">
      <c r="A6962" s="13" t="s">
        <v>65</v>
      </c>
      <c r="B6962" s="14" t="s">
        <v>1</v>
      </c>
      <c r="C6962" s="14" t="s">
        <v>51</v>
      </c>
      <c r="D6962" s="14" t="s">
        <v>66</v>
      </c>
      <c r="E6962" s="15">
        <v>45403</v>
      </c>
      <c r="F6962" s="14" t="s">
        <v>61</v>
      </c>
      <c r="G6962" s="16">
        <v>0</v>
      </c>
    </row>
    <row r="6963" spans="1:7" x14ac:dyDescent="0.3">
      <c r="A6963" s="13" t="s">
        <v>65</v>
      </c>
      <c r="B6963" s="14" t="s">
        <v>1</v>
      </c>
      <c r="C6963" s="14" t="s">
        <v>51</v>
      </c>
      <c r="D6963" s="14" t="s">
        <v>66</v>
      </c>
      <c r="E6963" s="15">
        <v>45404</v>
      </c>
      <c r="F6963" s="14" t="s">
        <v>61</v>
      </c>
      <c r="G6963" s="16">
        <v>0</v>
      </c>
    </row>
    <row r="6964" spans="1:7" x14ac:dyDescent="0.3">
      <c r="A6964" s="13" t="s">
        <v>65</v>
      </c>
      <c r="B6964" s="14" t="s">
        <v>1</v>
      </c>
      <c r="C6964" s="14" t="s">
        <v>51</v>
      </c>
      <c r="D6964" s="14" t="s">
        <v>66</v>
      </c>
      <c r="E6964" s="15">
        <v>45405</v>
      </c>
      <c r="F6964" s="14" t="s">
        <v>61</v>
      </c>
      <c r="G6964" s="16">
        <v>0</v>
      </c>
    </row>
    <row r="6965" spans="1:7" x14ac:dyDescent="0.3">
      <c r="A6965" s="13" t="s">
        <v>65</v>
      </c>
      <c r="B6965" s="14" t="s">
        <v>1</v>
      </c>
      <c r="C6965" s="14" t="s">
        <v>51</v>
      </c>
      <c r="D6965" s="14" t="s">
        <v>66</v>
      </c>
      <c r="E6965" s="15">
        <v>45406</v>
      </c>
      <c r="F6965" s="14" t="s">
        <v>61</v>
      </c>
      <c r="G6965" s="16">
        <v>0</v>
      </c>
    </row>
    <row r="6966" spans="1:7" x14ac:dyDescent="0.3">
      <c r="A6966" s="13" t="s">
        <v>65</v>
      </c>
      <c r="B6966" s="14" t="s">
        <v>1</v>
      </c>
      <c r="C6966" s="14" t="s">
        <v>51</v>
      </c>
      <c r="D6966" s="14" t="s">
        <v>66</v>
      </c>
      <c r="E6966" s="15">
        <v>45407</v>
      </c>
      <c r="F6966" s="14" t="s">
        <v>61</v>
      </c>
      <c r="G6966" s="16">
        <v>0</v>
      </c>
    </row>
    <row r="6967" spans="1:7" x14ac:dyDescent="0.3">
      <c r="A6967" s="13" t="s">
        <v>65</v>
      </c>
      <c r="B6967" s="14" t="s">
        <v>1</v>
      </c>
      <c r="C6967" s="14" t="s">
        <v>51</v>
      </c>
      <c r="D6967" s="14" t="s">
        <v>66</v>
      </c>
      <c r="E6967" s="15">
        <v>45408</v>
      </c>
      <c r="F6967" s="14" t="s">
        <v>61</v>
      </c>
      <c r="G6967" s="16">
        <v>0</v>
      </c>
    </row>
    <row r="6968" spans="1:7" x14ac:dyDescent="0.3">
      <c r="A6968" s="13" t="s">
        <v>65</v>
      </c>
      <c r="B6968" s="14" t="s">
        <v>1</v>
      </c>
      <c r="C6968" s="14" t="s">
        <v>51</v>
      </c>
      <c r="D6968" s="14" t="s">
        <v>66</v>
      </c>
      <c r="E6968" s="15">
        <v>45409</v>
      </c>
      <c r="F6968" s="14" t="s">
        <v>61</v>
      </c>
      <c r="G6968" s="16">
        <v>0</v>
      </c>
    </row>
    <row r="6969" spans="1:7" x14ac:dyDescent="0.3">
      <c r="A6969" s="13" t="s">
        <v>65</v>
      </c>
      <c r="B6969" s="14" t="s">
        <v>1</v>
      </c>
      <c r="C6969" s="14" t="s">
        <v>51</v>
      </c>
      <c r="D6969" s="14" t="s">
        <v>66</v>
      </c>
      <c r="E6969" s="15">
        <v>45410</v>
      </c>
      <c r="F6969" s="14" t="s">
        <v>61</v>
      </c>
      <c r="G6969" s="16">
        <v>0</v>
      </c>
    </row>
    <row r="6970" spans="1:7" x14ac:dyDescent="0.3">
      <c r="A6970" s="13" t="s">
        <v>65</v>
      </c>
      <c r="B6970" s="14" t="s">
        <v>1</v>
      </c>
      <c r="C6970" s="14" t="s">
        <v>51</v>
      </c>
      <c r="D6970" s="14" t="s">
        <v>66</v>
      </c>
      <c r="E6970" s="15">
        <v>45411</v>
      </c>
      <c r="F6970" s="14" t="s">
        <v>61</v>
      </c>
      <c r="G6970" s="16">
        <v>0</v>
      </c>
    </row>
    <row r="6971" spans="1:7" x14ac:dyDescent="0.3">
      <c r="A6971" s="13" t="s">
        <v>65</v>
      </c>
      <c r="B6971" s="14" t="s">
        <v>1</v>
      </c>
      <c r="C6971" s="14" t="s">
        <v>51</v>
      </c>
      <c r="D6971" s="14" t="s">
        <v>66</v>
      </c>
      <c r="E6971" s="15">
        <v>45412</v>
      </c>
      <c r="F6971" s="14" t="s">
        <v>61</v>
      </c>
      <c r="G6971" s="16">
        <v>0</v>
      </c>
    </row>
    <row r="6972" spans="1:7" x14ac:dyDescent="0.3">
      <c r="A6972" s="13" t="s">
        <v>65</v>
      </c>
      <c r="B6972" s="14" t="s">
        <v>1</v>
      </c>
      <c r="C6972" s="14" t="s">
        <v>51</v>
      </c>
      <c r="D6972" s="14" t="s">
        <v>66</v>
      </c>
      <c r="E6972" s="15">
        <v>45413</v>
      </c>
      <c r="F6972" s="14" t="s">
        <v>61</v>
      </c>
      <c r="G6972" s="16">
        <v>0</v>
      </c>
    </row>
    <row r="6973" spans="1:7" x14ac:dyDescent="0.3">
      <c r="A6973" s="13" t="s">
        <v>65</v>
      </c>
      <c r="B6973" s="14" t="s">
        <v>1</v>
      </c>
      <c r="C6973" s="14" t="s">
        <v>51</v>
      </c>
      <c r="D6973" s="14" t="s">
        <v>66</v>
      </c>
      <c r="E6973" s="15">
        <v>45414</v>
      </c>
      <c r="F6973" s="14" t="s">
        <v>61</v>
      </c>
      <c r="G6973" s="16">
        <v>0</v>
      </c>
    </row>
    <row r="6974" spans="1:7" x14ac:dyDescent="0.3">
      <c r="A6974" s="13" t="s">
        <v>65</v>
      </c>
      <c r="B6974" s="14" t="s">
        <v>1</v>
      </c>
      <c r="C6974" s="14" t="s">
        <v>51</v>
      </c>
      <c r="D6974" s="14" t="s">
        <v>66</v>
      </c>
      <c r="E6974" s="15">
        <v>45415</v>
      </c>
      <c r="F6974" s="14" t="s">
        <v>61</v>
      </c>
      <c r="G6974" s="16">
        <v>0</v>
      </c>
    </row>
    <row r="6975" spans="1:7" x14ac:dyDescent="0.3">
      <c r="A6975" s="13" t="s">
        <v>65</v>
      </c>
      <c r="B6975" s="14" t="s">
        <v>1</v>
      </c>
      <c r="C6975" s="14" t="s">
        <v>51</v>
      </c>
      <c r="D6975" s="14" t="s">
        <v>66</v>
      </c>
      <c r="E6975" s="15">
        <v>45416</v>
      </c>
      <c r="F6975" s="14" t="s">
        <v>61</v>
      </c>
      <c r="G6975" s="16">
        <v>0</v>
      </c>
    </row>
    <row r="6976" spans="1:7" x14ac:dyDescent="0.3">
      <c r="A6976" s="13" t="s">
        <v>65</v>
      </c>
      <c r="B6976" s="14" t="s">
        <v>1</v>
      </c>
      <c r="C6976" s="14" t="s">
        <v>51</v>
      </c>
      <c r="D6976" s="14" t="s">
        <v>66</v>
      </c>
      <c r="E6976" s="15">
        <v>45417</v>
      </c>
      <c r="F6976" s="14" t="s">
        <v>61</v>
      </c>
      <c r="G6976" s="16">
        <v>0</v>
      </c>
    </row>
    <row r="6977" spans="1:7" x14ac:dyDescent="0.3">
      <c r="A6977" s="13" t="s">
        <v>65</v>
      </c>
      <c r="B6977" s="14" t="s">
        <v>1</v>
      </c>
      <c r="C6977" s="14" t="s">
        <v>51</v>
      </c>
      <c r="D6977" s="14" t="s">
        <v>66</v>
      </c>
      <c r="E6977" s="15">
        <v>45418</v>
      </c>
      <c r="F6977" s="14" t="s">
        <v>61</v>
      </c>
      <c r="G6977" s="16">
        <v>0</v>
      </c>
    </row>
    <row r="6978" spans="1:7" x14ac:dyDescent="0.3">
      <c r="A6978" s="13" t="s">
        <v>65</v>
      </c>
      <c r="B6978" s="14" t="s">
        <v>1</v>
      </c>
      <c r="C6978" s="14" t="s">
        <v>51</v>
      </c>
      <c r="D6978" s="14" t="s">
        <v>66</v>
      </c>
      <c r="E6978" s="15">
        <v>45419</v>
      </c>
      <c r="F6978" s="14" t="s">
        <v>61</v>
      </c>
      <c r="G6978" s="16">
        <v>0</v>
      </c>
    </row>
    <row r="6979" spans="1:7" x14ac:dyDescent="0.3">
      <c r="A6979" s="13" t="s">
        <v>65</v>
      </c>
      <c r="B6979" s="14" t="s">
        <v>1</v>
      </c>
      <c r="C6979" s="14" t="s">
        <v>51</v>
      </c>
      <c r="D6979" s="14" t="s">
        <v>66</v>
      </c>
      <c r="E6979" s="15">
        <v>45420</v>
      </c>
      <c r="F6979" s="14" t="s">
        <v>61</v>
      </c>
      <c r="G6979" s="16">
        <v>0</v>
      </c>
    </row>
    <row r="6980" spans="1:7" x14ac:dyDescent="0.3">
      <c r="A6980" s="13" t="s">
        <v>65</v>
      </c>
      <c r="B6980" s="14" t="s">
        <v>1</v>
      </c>
      <c r="C6980" s="14" t="s">
        <v>51</v>
      </c>
      <c r="D6980" s="14" t="s">
        <v>66</v>
      </c>
      <c r="E6980" s="15">
        <v>45421</v>
      </c>
      <c r="F6980" s="14" t="s">
        <v>61</v>
      </c>
      <c r="G6980" s="16">
        <v>0</v>
      </c>
    </row>
    <row r="6981" spans="1:7" x14ac:dyDescent="0.3">
      <c r="A6981" s="13" t="s">
        <v>65</v>
      </c>
      <c r="B6981" s="14" t="s">
        <v>1</v>
      </c>
      <c r="C6981" s="14" t="s">
        <v>51</v>
      </c>
      <c r="D6981" s="14" t="s">
        <v>66</v>
      </c>
      <c r="E6981" s="15">
        <v>45422</v>
      </c>
      <c r="F6981" s="14" t="s">
        <v>61</v>
      </c>
      <c r="G6981" s="16">
        <v>0</v>
      </c>
    </row>
    <row r="6982" spans="1:7" x14ac:dyDescent="0.3">
      <c r="A6982" s="13" t="s">
        <v>65</v>
      </c>
      <c r="B6982" s="14" t="s">
        <v>1</v>
      </c>
      <c r="C6982" s="14" t="s">
        <v>51</v>
      </c>
      <c r="D6982" s="14" t="s">
        <v>66</v>
      </c>
      <c r="E6982" s="15">
        <v>45423</v>
      </c>
      <c r="F6982" s="14" t="s">
        <v>61</v>
      </c>
      <c r="G6982" s="16">
        <v>0</v>
      </c>
    </row>
    <row r="6983" spans="1:7" x14ac:dyDescent="0.3">
      <c r="A6983" s="13" t="s">
        <v>65</v>
      </c>
      <c r="B6983" s="14" t="s">
        <v>1</v>
      </c>
      <c r="C6983" s="14" t="s">
        <v>51</v>
      </c>
      <c r="D6983" s="14" t="s">
        <v>66</v>
      </c>
      <c r="E6983" s="15">
        <v>45424</v>
      </c>
      <c r="F6983" s="14" t="s">
        <v>61</v>
      </c>
      <c r="G6983" s="16">
        <v>0</v>
      </c>
    </row>
    <row r="6984" spans="1:7" x14ac:dyDescent="0.3">
      <c r="A6984" s="13" t="s">
        <v>65</v>
      </c>
      <c r="B6984" s="14" t="s">
        <v>1</v>
      </c>
      <c r="C6984" s="14" t="s">
        <v>51</v>
      </c>
      <c r="D6984" s="14" t="s">
        <v>66</v>
      </c>
      <c r="E6984" s="15">
        <v>45425</v>
      </c>
      <c r="F6984" s="14" t="s">
        <v>61</v>
      </c>
      <c r="G6984" s="16">
        <v>0</v>
      </c>
    </row>
    <row r="6985" spans="1:7" x14ac:dyDescent="0.3">
      <c r="A6985" s="13" t="s">
        <v>65</v>
      </c>
      <c r="B6985" s="14" t="s">
        <v>1</v>
      </c>
      <c r="C6985" s="14" t="s">
        <v>51</v>
      </c>
      <c r="D6985" s="14" t="s">
        <v>66</v>
      </c>
      <c r="E6985" s="15">
        <v>45426</v>
      </c>
      <c r="F6985" s="14" t="s">
        <v>61</v>
      </c>
      <c r="G6985" s="16">
        <v>0</v>
      </c>
    </row>
    <row r="6986" spans="1:7" x14ac:dyDescent="0.3">
      <c r="A6986" s="13" t="s">
        <v>65</v>
      </c>
      <c r="B6986" s="14" t="s">
        <v>1</v>
      </c>
      <c r="C6986" s="14" t="s">
        <v>51</v>
      </c>
      <c r="D6986" s="14" t="s">
        <v>66</v>
      </c>
      <c r="E6986" s="15">
        <v>45427</v>
      </c>
      <c r="F6986" s="14" t="s">
        <v>61</v>
      </c>
      <c r="G6986" s="16">
        <v>0</v>
      </c>
    </row>
    <row r="6987" spans="1:7" x14ac:dyDescent="0.3">
      <c r="A6987" s="13" t="s">
        <v>65</v>
      </c>
      <c r="B6987" s="14" t="s">
        <v>1</v>
      </c>
      <c r="C6987" s="14" t="s">
        <v>51</v>
      </c>
      <c r="D6987" s="14" t="s">
        <v>66</v>
      </c>
      <c r="E6987" s="15">
        <v>45428</v>
      </c>
      <c r="F6987" s="14" t="s">
        <v>61</v>
      </c>
      <c r="G6987" s="16">
        <v>0</v>
      </c>
    </row>
    <row r="6988" spans="1:7" x14ac:dyDescent="0.3">
      <c r="A6988" s="13" t="s">
        <v>65</v>
      </c>
      <c r="B6988" s="14" t="s">
        <v>1</v>
      </c>
      <c r="C6988" s="14" t="s">
        <v>51</v>
      </c>
      <c r="D6988" s="14" t="s">
        <v>66</v>
      </c>
      <c r="E6988" s="15">
        <v>45429</v>
      </c>
      <c r="F6988" s="14" t="s">
        <v>61</v>
      </c>
      <c r="G6988" s="16">
        <v>0</v>
      </c>
    </row>
    <row r="6989" spans="1:7" x14ac:dyDescent="0.3">
      <c r="A6989" s="13" t="s">
        <v>65</v>
      </c>
      <c r="B6989" s="14" t="s">
        <v>1</v>
      </c>
      <c r="C6989" s="14" t="s">
        <v>51</v>
      </c>
      <c r="D6989" s="14" t="s">
        <v>66</v>
      </c>
      <c r="E6989" s="15">
        <v>45430</v>
      </c>
      <c r="F6989" s="14" t="s">
        <v>61</v>
      </c>
      <c r="G6989" s="16">
        <v>0</v>
      </c>
    </row>
    <row r="6990" spans="1:7" x14ac:dyDescent="0.3">
      <c r="A6990" s="13" t="s">
        <v>65</v>
      </c>
      <c r="B6990" s="14" t="s">
        <v>1</v>
      </c>
      <c r="C6990" s="14" t="s">
        <v>51</v>
      </c>
      <c r="D6990" s="14" t="s">
        <v>66</v>
      </c>
      <c r="E6990" s="15">
        <v>45431</v>
      </c>
      <c r="F6990" s="14" t="s">
        <v>61</v>
      </c>
      <c r="G6990" s="16">
        <v>0</v>
      </c>
    </row>
    <row r="6991" spans="1:7" x14ac:dyDescent="0.3">
      <c r="A6991" s="13" t="s">
        <v>65</v>
      </c>
      <c r="B6991" s="14" t="s">
        <v>1</v>
      </c>
      <c r="C6991" s="14" t="s">
        <v>51</v>
      </c>
      <c r="D6991" s="14" t="s">
        <v>66</v>
      </c>
      <c r="E6991" s="15">
        <v>45432</v>
      </c>
      <c r="F6991" s="14" t="s">
        <v>61</v>
      </c>
      <c r="G6991" s="16">
        <v>0</v>
      </c>
    </row>
    <row r="6992" spans="1:7" x14ac:dyDescent="0.3">
      <c r="A6992" s="13" t="s">
        <v>65</v>
      </c>
      <c r="B6992" s="14" t="s">
        <v>1</v>
      </c>
      <c r="C6992" s="14" t="s">
        <v>51</v>
      </c>
      <c r="D6992" s="14" t="s">
        <v>66</v>
      </c>
      <c r="E6992" s="15">
        <v>45433</v>
      </c>
      <c r="F6992" s="14" t="s">
        <v>61</v>
      </c>
      <c r="G6992" s="16">
        <v>0</v>
      </c>
    </row>
    <row r="6993" spans="1:7" x14ac:dyDescent="0.3">
      <c r="A6993" s="13" t="s">
        <v>65</v>
      </c>
      <c r="B6993" s="14" t="s">
        <v>1</v>
      </c>
      <c r="C6993" s="14" t="s">
        <v>51</v>
      </c>
      <c r="D6993" s="14" t="s">
        <v>66</v>
      </c>
      <c r="E6993" s="15">
        <v>45434</v>
      </c>
      <c r="F6993" s="14" t="s">
        <v>61</v>
      </c>
      <c r="G6993" s="16">
        <v>0</v>
      </c>
    </row>
    <row r="6994" spans="1:7" x14ac:dyDescent="0.3">
      <c r="A6994" s="13" t="s">
        <v>65</v>
      </c>
      <c r="B6994" s="14" t="s">
        <v>1</v>
      </c>
      <c r="C6994" s="14" t="s">
        <v>51</v>
      </c>
      <c r="D6994" s="14" t="s">
        <v>66</v>
      </c>
      <c r="E6994" s="15">
        <v>45435</v>
      </c>
      <c r="F6994" s="14" t="s">
        <v>61</v>
      </c>
      <c r="G6994" s="16">
        <v>0</v>
      </c>
    </row>
    <row r="6995" spans="1:7" x14ac:dyDescent="0.3">
      <c r="A6995" s="13" t="s">
        <v>65</v>
      </c>
      <c r="B6995" s="14" t="s">
        <v>1</v>
      </c>
      <c r="C6995" s="14" t="s">
        <v>51</v>
      </c>
      <c r="D6995" s="14" t="s">
        <v>66</v>
      </c>
      <c r="E6995" s="15">
        <v>45436</v>
      </c>
      <c r="F6995" s="14" t="s">
        <v>61</v>
      </c>
      <c r="G6995" s="16">
        <v>0</v>
      </c>
    </row>
    <row r="6996" spans="1:7" x14ac:dyDescent="0.3">
      <c r="A6996" s="13" t="s">
        <v>65</v>
      </c>
      <c r="B6996" s="14" t="s">
        <v>1</v>
      </c>
      <c r="C6996" s="14" t="s">
        <v>51</v>
      </c>
      <c r="D6996" s="14" t="s">
        <v>66</v>
      </c>
      <c r="E6996" s="15">
        <v>45437</v>
      </c>
      <c r="F6996" s="14" t="s">
        <v>61</v>
      </c>
      <c r="G6996" s="16">
        <v>0</v>
      </c>
    </row>
    <row r="6997" spans="1:7" x14ac:dyDescent="0.3">
      <c r="A6997" s="13" t="s">
        <v>65</v>
      </c>
      <c r="B6997" s="14" t="s">
        <v>1</v>
      </c>
      <c r="C6997" s="14" t="s">
        <v>51</v>
      </c>
      <c r="D6997" s="14" t="s">
        <v>66</v>
      </c>
      <c r="E6997" s="15">
        <v>45438</v>
      </c>
      <c r="F6997" s="14" t="s">
        <v>61</v>
      </c>
      <c r="G6997" s="16">
        <v>0</v>
      </c>
    </row>
    <row r="6998" spans="1:7" x14ac:dyDescent="0.3">
      <c r="A6998" s="13" t="s">
        <v>65</v>
      </c>
      <c r="B6998" s="14" t="s">
        <v>1</v>
      </c>
      <c r="C6998" s="14" t="s">
        <v>51</v>
      </c>
      <c r="D6998" s="14" t="s">
        <v>66</v>
      </c>
      <c r="E6998" s="15">
        <v>45439</v>
      </c>
      <c r="F6998" s="14" t="s">
        <v>61</v>
      </c>
      <c r="G6998" s="16">
        <v>0</v>
      </c>
    </row>
    <row r="6999" spans="1:7" x14ac:dyDescent="0.3">
      <c r="A6999" s="13" t="s">
        <v>65</v>
      </c>
      <c r="B6999" s="14" t="s">
        <v>1</v>
      </c>
      <c r="C6999" s="14" t="s">
        <v>51</v>
      </c>
      <c r="D6999" s="14" t="s">
        <v>66</v>
      </c>
      <c r="E6999" s="15">
        <v>45440</v>
      </c>
      <c r="F6999" s="14" t="s">
        <v>61</v>
      </c>
      <c r="G6999" s="16">
        <v>0</v>
      </c>
    </row>
    <row r="7000" spans="1:7" x14ac:dyDescent="0.3">
      <c r="A7000" s="13" t="s">
        <v>65</v>
      </c>
      <c r="B7000" s="14" t="s">
        <v>1</v>
      </c>
      <c r="C7000" s="14" t="s">
        <v>51</v>
      </c>
      <c r="D7000" s="14" t="s">
        <v>66</v>
      </c>
      <c r="E7000" s="15">
        <v>45441</v>
      </c>
      <c r="F7000" s="14" t="s">
        <v>61</v>
      </c>
      <c r="G7000" s="16">
        <v>0</v>
      </c>
    </row>
    <row r="7001" spans="1:7" x14ac:dyDescent="0.3">
      <c r="A7001" s="13" t="s">
        <v>65</v>
      </c>
      <c r="B7001" s="14" t="s">
        <v>1</v>
      </c>
      <c r="C7001" s="14" t="s">
        <v>51</v>
      </c>
      <c r="D7001" s="14" t="s">
        <v>66</v>
      </c>
      <c r="E7001" s="15">
        <v>45442</v>
      </c>
      <c r="F7001" s="14" t="s">
        <v>61</v>
      </c>
      <c r="G7001" s="16">
        <v>0</v>
      </c>
    </row>
    <row r="7002" spans="1:7" x14ac:dyDescent="0.3">
      <c r="A7002" s="13" t="s">
        <v>65</v>
      </c>
      <c r="B7002" s="14" t="s">
        <v>1</v>
      </c>
      <c r="C7002" s="14" t="s">
        <v>51</v>
      </c>
      <c r="D7002" s="14" t="s">
        <v>66</v>
      </c>
      <c r="E7002" s="15">
        <v>45443</v>
      </c>
      <c r="F7002" s="14" t="s">
        <v>61</v>
      </c>
      <c r="G7002" s="16">
        <v>0</v>
      </c>
    </row>
    <row r="7003" spans="1:7" x14ac:dyDescent="0.3">
      <c r="A7003" s="13" t="s">
        <v>65</v>
      </c>
      <c r="B7003" s="14" t="s">
        <v>1</v>
      </c>
      <c r="C7003" s="14" t="s">
        <v>51</v>
      </c>
      <c r="D7003" s="14" t="s">
        <v>66</v>
      </c>
      <c r="E7003" s="15">
        <v>45444</v>
      </c>
      <c r="F7003" s="14" t="s">
        <v>61</v>
      </c>
      <c r="G7003" s="16">
        <v>0</v>
      </c>
    </row>
    <row r="7004" spans="1:7" x14ac:dyDescent="0.3">
      <c r="A7004" s="13" t="s">
        <v>65</v>
      </c>
      <c r="B7004" s="14" t="s">
        <v>1</v>
      </c>
      <c r="C7004" s="14" t="s">
        <v>51</v>
      </c>
      <c r="D7004" s="14" t="s">
        <v>66</v>
      </c>
      <c r="E7004" s="15">
        <v>45445</v>
      </c>
      <c r="F7004" s="14" t="s">
        <v>61</v>
      </c>
      <c r="G7004" s="16">
        <v>0</v>
      </c>
    </row>
    <row r="7005" spans="1:7" x14ac:dyDescent="0.3">
      <c r="A7005" s="13" t="s">
        <v>65</v>
      </c>
      <c r="B7005" s="14" t="s">
        <v>1</v>
      </c>
      <c r="C7005" s="14" t="s">
        <v>51</v>
      </c>
      <c r="D7005" s="14" t="s">
        <v>66</v>
      </c>
      <c r="E7005" s="15">
        <v>45446</v>
      </c>
      <c r="F7005" s="14" t="s">
        <v>61</v>
      </c>
      <c r="G7005" s="16">
        <v>0</v>
      </c>
    </row>
    <row r="7006" spans="1:7" x14ac:dyDescent="0.3">
      <c r="A7006" s="13" t="s">
        <v>65</v>
      </c>
      <c r="B7006" s="14" t="s">
        <v>1</v>
      </c>
      <c r="C7006" s="14" t="s">
        <v>51</v>
      </c>
      <c r="D7006" s="14" t="s">
        <v>66</v>
      </c>
      <c r="E7006" s="15">
        <v>45447</v>
      </c>
      <c r="F7006" s="14" t="s">
        <v>61</v>
      </c>
      <c r="G7006" s="16">
        <v>0</v>
      </c>
    </row>
    <row r="7007" spans="1:7" x14ac:dyDescent="0.3">
      <c r="A7007" s="13" t="s">
        <v>65</v>
      </c>
      <c r="B7007" s="14" t="s">
        <v>1</v>
      </c>
      <c r="C7007" s="14" t="s">
        <v>51</v>
      </c>
      <c r="D7007" s="14" t="s">
        <v>66</v>
      </c>
      <c r="E7007" s="15">
        <v>45448</v>
      </c>
      <c r="F7007" s="14" t="s">
        <v>61</v>
      </c>
      <c r="G7007" s="16">
        <v>0</v>
      </c>
    </row>
    <row r="7008" spans="1:7" x14ac:dyDescent="0.3">
      <c r="A7008" s="13" t="s">
        <v>65</v>
      </c>
      <c r="B7008" s="14" t="s">
        <v>1</v>
      </c>
      <c r="C7008" s="14" t="s">
        <v>51</v>
      </c>
      <c r="D7008" s="14" t="s">
        <v>66</v>
      </c>
      <c r="E7008" s="15">
        <v>45449</v>
      </c>
      <c r="F7008" s="14" t="s">
        <v>61</v>
      </c>
      <c r="G7008" s="16">
        <v>0</v>
      </c>
    </row>
    <row r="7009" spans="1:7" x14ac:dyDescent="0.3">
      <c r="A7009" s="13" t="s">
        <v>65</v>
      </c>
      <c r="B7009" s="14" t="s">
        <v>1</v>
      </c>
      <c r="C7009" s="14" t="s">
        <v>51</v>
      </c>
      <c r="D7009" s="14" t="s">
        <v>66</v>
      </c>
      <c r="E7009" s="15">
        <v>45450</v>
      </c>
      <c r="F7009" s="14" t="s">
        <v>61</v>
      </c>
      <c r="G7009" s="16">
        <v>0</v>
      </c>
    </row>
    <row r="7010" spans="1:7" x14ac:dyDescent="0.3">
      <c r="A7010" s="13" t="s">
        <v>65</v>
      </c>
      <c r="B7010" s="14" t="s">
        <v>1</v>
      </c>
      <c r="C7010" s="14" t="s">
        <v>51</v>
      </c>
      <c r="D7010" s="14" t="s">
        <v>66</v>
      </c>
      <c r="E7010" s="15">
        <v>45451</v>
      </c>
      <c r="F7010" s="14" t="s">
        <v>61</v>
      </c>
      <c r="G7010" s="16">
        <v>0</v>
      </c>
    </row>
    <row r="7011" spans="1:7" x14ac:dyDescent="0.3">
      <c r="A7011" s="13" t="s">
        <v>65</v>
      </c>
      <c r="B7011" s="14" t="s">
        <v>1</v>
      </c>
      <c r="C7011" s="14" t="s">
        <v>51</v>
      </c>
      <c r="D7011" s="14" t="s">
        <v>66</v>
      </c>
      <c r="E7011" s="15">
        <v>45452</v>
      </c>
      <c r="F7011" s="14" t="s">
        <v>61</v>
      </c>
      <c r="G7011" s="16">
        <v>0</v>
      </c>
    </row>
    <row r="7012" spans="1:7" x14ac:dyDescent="0.3">
      <c r="A7012" s="13" t="s">
        <v>65</v>
      </c>
      <c r="B7012" s="14" t="s">
        <v>1</v>
      </c>
      <c r="C7012" s="14" t="s">
        <v>51</v>
      </c>
      <c r="D7012" s="14" t="s">
        <v>66</v>
      </c>
      <c r="E7012" s="15">
        <v>45453</v>
      </c>
      <c r="F7012" s="14" t="s">
        <v>61</v>
      </c>
      <c r="G7012" s="16">
        <v>0</v>
      </c>
    </row>
    <row r="7013" spans="1:7" x14ac:dyDescent="0.3">
      <c r="A7013" s="13" t="s">
        <v>65</v>
      </c>
      <c r="B7013" s="14" t="s">
        <v>1</v>
      </c>
      <c r="C7013" s="14" t="s">
        <v>51</v>
      </c>
      <c r="D7013" s="14" t="s">
        <v>66</v>
      </c>
      <c r="E7013" s="15">
        <v>45454</v>
      </c>
      <c r="F7013" s="14" t="s">
        <v>61</v>
      </c>
      <c r="G7013" s="16">
        <v>0</v>
      </c>
    </row>
    <row r="7014" spans="1:7" x14ac:dyDescent="0.3">
      <c r="A7014" s="13" t="s">
        <v>65</v>
      </c>
      <c r="B7014" s="14" t="s">
        <v>1</v>
      </c>
      <c r="C7014" s="14" t="s">
        <v>51</v>
      </c>
      <c r="D7014" s="14" t="s">
        <v>66</v>
      </c>
      <c r="E7014" s="15">
        <v>45455</v>
      </c>
      <c r="F7014" s="14" t="s">
        <v>61</v>
      </c>
      <c r="G7014" s="16">
        <v>0</v>
      </c>
    </row>
    <row r="7015" spans="1:7" x14ac:dyDescent="0.3">
      <c r="A7015" s="13" t="s">
        <v>65</v>
      </c>
      <c r="B7015" s="14" t="s">
        <v>1</v>
      </c>
      <c r="C7015" s="14" t="s">
        <v>51</v>
      </c>
      <c r="D7015" s="14" t="s">
        <v>66</v>
      </c>
      <c r="E7015" s="15">
        <v>45456</v>
      </c>
      <c r="F7015" s="14" t="s">
        <v>61</v>
      </c>
      <c r="G7015" s="16">
        <v>0</v>
      </c>
    </row>
    <row r="7016" spans="1:7" x14ac:dyDescent="0.3">
      <c r="A7016" s="13" t="s">
        <v>65</v>
      </c>
      <c r="B7016" s="14" t="s">
        <v>1</v>
      </c>
      <c r="C7016" s="14" t="s">
        <v>51</v>
      </c>
      <c r="D7016" s="14" t="s">
        <v>66</v>
      </c>
      <c r="E7016" s="15">
        <v>45457</v>
      </c>
      <c r="F7016" s="14" t="s">
        <v>61</v>
      </c>
      <c r="G7016" s="16">
        <v>0</v>
      </c>
    </row>
    <row r="7017" spans="1:7" x14ac:dyDescent="0.3">
      <c r="A7017" s="13" t="s">
        <v>65</v>
      </c>
      <c r="B7017" s="14" t="s">
        <v>1</v>
      </c>
      <c r="C7017" s="14" t="s">
        <v>51</v>
      </c>
      <c r="D7017" s="14" t="s">
        <v>66</v>
      </c>
      <c r="E7017" s="15">
        <v>45458</v>
      </c>
      <c r="F7017" s="14" t="s">
        <v>61</v>
      </c>
      <c r="G7017" s="16">
        <v>0</v>
      </c>
    </row>
    <row r="7018" spans="1:7" x14ac:dyDescent="0.3">
      <c r="A7018" s="13" t="s">
        <v>65</v>
      </c>
      <c r="B7018" s="14" t="s">
        <v>1</v>
      </c>
      <c r="C7018" s="14" t="s">
        <v>51</v>
      </c>
      <c r="D7018" s="14" t="s">
        <v>66</v>
      </c>
      <c r="E7018" s="15">
        <v>45459</v>
      </c>
      <c r="F7018" s="14" t="s">
        <v>61</v>
      </c>
      <c r="G7018" s="16">
        <v>0</v>
      </c>
    </row>
    <row r="7019" spans="1:7" x14ac:dyDescent="0.3">
      <c r="A7019" s="13" t="s">
        <v>65</v>
      </c>
      <c r="B7019" s="14" t="s">
        <v>1</v>
      </c>
      <c r="C7019" s="14" t="s">
        <v>51</v>
      </c>
      <c r="D7019" s="14" t="s">
        <v>66</v>
      </c>
      <c r="E7019" s="15">
        <v>45460</v>
      </c>
      <c r="F7019" s="14" t="s">
        <v>61</v>
      </c>
      <c r="G7019" s="16">
        <v>0</v>
      </c>
    </row>
    <row r="7020" spans="1:7" x14ac:dyDescent="0.3">
      <c r="A7020" s="13" t="s">
        <v>65</v>
      </c>
      <c r="B7020" s="14" t="s">
        <v>1</v>
      </c>
      <c r="C7020" s="14" t="s">
        <v>51</v>
      </c>
      <c r="D7020" s="14" t="s">
        <v>66</v>
      </c>
      <c r="E7020" s="15">
        <v>45461</v>
      </c>
      <c r="F7020" s="14" t="s">
        <v>61</v>
      </c>
      <c r="G7020" s="16">
        <v>0</v>
      </c>
    </row>
    <row r="7021" spans="1:7" x14ac:dyDescent="0.3">
      <c r="A7021" s="13" t="s">
        <v>65</v>
      </c>
      <c r="B7021" s="14" t="s">
        <v>1</v>
      </c>
      <c r="C7021" s="14" t="s">
        <v>51</v>
      </c>
      <c r="D7021" s="14" t="s">
        <v>66</v>
      </c>
      <c r="E7021" s="15">
        <v>45462</v>
      </c>
      <c r="F7021" s="14" t="s">
        <v>61</v>
      </c>
      <c r="G7021" s="16">
        <v>0</v>
      </c>
    </row>
    <row r="7022" spans="1:7" x14ac:dyDescent="0.3">
      <c r="A7022" s="13" t="s">
        <v>65</v>
      </c>
      <c r="B7022" s="14" t="s">
        <v>1</v>
      </c>
      <c r="C7022" s="14" t="s">
        <v>51</v>
      </c>
      <c r="D7022" s="14" t="s">
        <v>66</v>
      </c>
      <c r="E7022" s="15">
        <v>45463</v>
      </c>
      <c r="F7022" s="14" t="s">
        <v>61</v>
      </c>
      <c r="G7022" s="16">
        <v>0</v>
      </c>
    </row>
    <row r="7023" spans="1:7" x14ac:dyDescent="0.3">
      <c r="A7023" s="13" t="s">
        <v>65</v>
      </c>
      <c r="B7023" s="14" t="s">
        <v>1</v>
      </c>
      <c r="C7023" s="14" t="s">
        <v>51</v>
      </c>
      <c r="D7023" s="14" t="s">
        <v>66</v>
      </c>
      <c r="E7023" s="15">
        <v>45464</v>
      </c>
      <c r="F7023" s="14" t="s">
        <v>61</v>
      </c>
      <c r="G7023" s="16">
        <v>0</v>
      </c>
    </row>
    <row r="7024" spans="1:7" x14ac:dyDescent="0.3">
      <c r="A7024" s="13" t="s">
        <v>65</v>
      </c>
      <c r="B7024" s="14" t="s">
        <v>1</v>
      </c>
      <c r="C7024" s="14" t="s">
        <v>51</v>
      </c>
      <c r="D7024" s="14" t="s">
        <v>66</v>
      </c>
      <c r="E7024" s="15">
        <v>45465</v>
      </c>
      <c r="F7024" s="14" t="s">
        <v>61</v>
      </c>
      <c r="G7024" s="16">
        <v>0</v>
      </c>
    </row>
    <row r="7025" spans="1:7" x14ac:dyDescent="0.3">
      <c r="A7025" s="13" t="s">
        <v>65</v>
      </c>
      <c r="B7025" s="14" t="s">
        <v>1</v>
      </c>
      <c r="C7025" s="14" t="s">
        <v>51</v>
      </c>
      <c r="D7025" s="14" t="s">
        <v>66</v>
      </c>
      <c r="E7025" s="15">
        <v>45466</v>
      </c>
      <c r="F7025" s="14" t="s">
        <v>61</v>
      </c>
      <c r="G7025" s="16">
        <v>0</v>
      </c>
    </row>
    <row r="7026" spans="1:7" x14ac:dyDescent="0.3">
      <c r="A7026" s="13" t="s">
        <v>65</v>
      </c>
      <c r="B7026" s="14" t="s">
        <v>1</v>
      </c>
      <c r="C7026" s="14" t="s">
        <v>51</v>
      </c>
      <c r="D7026" s="14" t="s">
        <v>66</v>
      </c>
      <c r="E7026" s="15">
        <v>45467</v>
      </c>
      <c r="F7026" s="14" t="s">
        <v>61</v>
      </c>
      <c r="G7026" s="16">
        <v>0</v>
      </c>
    </row>
    <row r="7027" spans="1:7" x14ac:dyDescent="0.3">
      <c r="A7027" s="13" t="s">
        <v>65</v>
      </c>
      <c r="B7027" s="14" t="s">
        <v>1</v>
      </c>
      <c r="C7027" s="14" t="s">
        <v>51</v>
      </c>
      <c r="D7027" s="14" t="s">
        <v>66</v>
      </c>
      <c r="E7027" s="15">
        <v>45468</v>
      </c>
      <c r="F7027" s="14" t="s">
        <v>61</v>
      </c>
      <c r="G7027" s="16">
        <v>0</v>
      </c>
    </row>
    <row r="7028" spans="1:7" x14ac:dyDescent="0.3">
      <c r="A7028" s="13" t="s">
        <v>65</v>
      </c>
      <c r="B7028" s="14" t="s">
        <v>1</v>
      </c>
      <c r="C7028" s="14" t="s">
        <v>51</v>
      </c>
      <c r="D7028" s="14" t="s">
        <v>66</v>
      </c>
      <c r="E7028" s="15">
        <v>45469</v>
      </c>
      <c r="F7028" s="14" t="s">
        <v>61</v>
      </c>
      <c r="G7028" s="16">
        <v>0</v>
      </c>
    </row>
    <row r="7029" spans="1:7" x14ac:dyDescent="0.3">
      <c r="A7029" s="13" t="s">
        <v>65</v>
      </c>
      <c r="B7029" s="14" t="s">
        <v>1</v>
      </c>
      <c r="C7029" s="14" t="s">
        <v>51</v>
      </c>
      <c r="D7029" s="14" t="s">
        <v>66</v>
      </c>
      <c r="E7029" s="15">
        <v>45470</v>
      </c>
      <c r="F7029" s="14" t="s">
        <v>61</v>
      </c>
      <c r="G7029" s="16">
        <v>0</v>
      </c>
    </row>
    <row r="7030" spans="1:7" x14ac:dyDescent="0.3">
      <c r="A7030" s="13" t="s">
        <v>65</v>
      </c>
      <c r="B7030" s="14" t="s">
        <v>1</v>
      </c>
      <c r="C7030" s="14" t="s">
        <v>51</v>
      </c>
      <c r="D7030" s="14" t="s">
        <v>66</v>
      </c>
      <c r="E7030" s="15">
        <v>45471</v>
      </c>
      <c r="F7030" s="14" t="s">
        <v>61</v>
      </c>
      <c r="G7030" s="16">
        <v>0</v>
      </c>
    </row>
    <row r="7031" spans="1:7" x14ac:dyDescent="0.3">
      <c r="A7031" s="13" t="s">
        <v>65</v>
      </c>
      <c r="B7031" s="14" t="s">
        <v>1</v>
      </c>
      <c r="C7031" s="14" t="s">
        <v>51</v>
      </c>
      <c r="D7031" s="14" t="s">
        <v>66</v>
      </c>
      <c r="E7031" s="15">
        <v>45472</v>
      </c>
      <c r="F7031" s="14" t="s">
        <v>61</v>
      </c>
      <c r="G7031" s="16">
        <v>0</v>
      </c>
    </row>
    <row r="7032" spans="1:7" x14ac:dyDescent="0.3">
      <c r="A7032" s="13" t="s">
        <v>65</v>
      </c>
      <c r="B7032" s="14" t="s">
        <v>1</v>
      </c>
      <c r="C7032" s="14" t="s">
        <v>51</v>
      </c>
      <c r="D7032" s="14" t="s">
        <v>66</v>
      </c>
      <c r="E7032" s="15">
        <v>45473</v>
      </c>
      <c r="F7032" s="14" t="s">
        <v>61</v>
      </c>
      <c r="G7032" s="16">
        <v>0</v>
      </c>
    </row>
    <row r="7033" spans="1:7" x14ac:dyDescent="0.3">
      <c r="A7033" s="13" t="s">
        <v>65</v>
      </c>
      <c r="B7033" s="14" t="s">
        <v>1</v>
      </c>
      <c r="C7033" s="14" t="s">
        <v>51</v>
      </c>
      <c r="D7033" s="14" t="s">
        <v>66</v>
      </c>
      <c r="E7033" s="15">
        <v>45474</v>
      </c>
      <c r="F7033" s="14" t="s">
        <v>61</v>
      </c>
      <c r="G7033" s="16">
        <v>0</v>
      </c>
    </row>
    <row r="7034" spans="1:7" x14ac:dyDescent="0.3">
      <c r="A7034" s="13" t="s">
        <v>65</v>
      </c>
      <c r="B7034" s="14" t="s">
        <v>1</v>
      </c>
      <c r="C7034" s="14" t="s">
        <v>51</v>
      </c>
      <c r="D7034" s="14" t="s">
        <v>66</v>
      </c>
      <c r="E7034" s="15">
        <v>45475</v>
      </c>
      <c r="F7034" s="14" t="s">
        <v>61</v>
      </c>
      <c r="G7034" s="16">
        <v>0</v>
      </c>
    </row>
    <row r="7035" spans="1:7" x14ac:dyDescent="0.3">
      <c r="A7035" s="13" t="s">
        <v>65</v>
      </c>
      <c r="B7035" s="14" t="s">
        <v>1</v>
      </c>
      <c r="C7035" s="14" t="s">
        <v>51</v>
      </c>
      <c r="D7035" s="14" t="s">
        <v>66</v>
      </c>
      <c r="E7035" s="15">
        <v>45476</v>
      </c>
      <c r="F7035" s="14" t="s">
        <v>61</v>
      </c>
      <c r="G7035" s="16">
        <v>0</v>
      </c>
    </row>
    <row r="7036" spans="1:7" x14ac:dyDescent="0.3">
      <c r="A7036" s="13" t="s">
        <v>65</v>
      </c>
      <c r="B7036" s="14" t="s">
        <v>1</v>
      </c>
      <c r="C7036" s="14" t="s">
        <v>51</v>
      </c>
      <c r="D7036" s="14" t="s">
        <v>66</v>
      </c>
      <c r="E7036" s="15">
        <v>45477</v>
      </c>
      <c r="F7036" s="14" t="s">
        <v>61</v>
      </c>
      <c r="G7036" s="16">
        <v>0</v>
      </c>
    </row>
    <row r="7037" spans="1:7" x14ac:dyDescent="0.3">
      <c r="A7037" s="13" t="s">
        <v>65</v>
      </c>
      <c r="B7037" s="14" t="s">
        <v>1</v>
      </c>
      <c r="C7037" s="14" t="s">
        <v>51</v>
      </c>
      <c r="D7037" s="14" t="s">
        <v>66</v>
      </c>
      <c r="E7037" s="15">
        <v>45478</v>
      </c>
      <c r="F7037" s="14" t="s">
        <v>61</v>
      </c>
      <c r="G7037" s="16">
        <v>0</v>
      </c>
    </row>
    <row r="7038" spans="1:7" x14ac:dyDescent="0.3">
      <c r="A7038" s="13" t="s">
        <v>65</v>
      </c>
      <c r="B7038" s="14" t="s">
        <v>1</v>
      </c>
      <c r="C7038" s="14" t="s">
        <v>51</v>
      </c>
      <c r="D7038" s="14" t="s">
        <v>66</v>
      </c>
      <c r="E7038" s="15">
        <v>45479</v>
      </c>
      <c r="F7038" s="14" t="s">
        <v>61</v>
      </c>
      <c r="G7038" s="16">
        <v>0</v>
      </c>
    </row>
    <row r="7039" spans="1:7" x14ac:dyDescent="0.3">
      <c r="A7039" s="13" t="s">
        <v>65</v>
      </c>
      <c r="B7039" s="14" t="s">
        <v>1</v>
      </c>
      <c r="C7039" s="14" t="s">
        <v>51</v>
      </c>
      <c r="D7039" s="14" t="s">
        <v>66</v>
      </c>
      <c r="E7039" s="15">
        <v>45480</v>
      </c>
      <c r="F7039" s="14" t="s">
        <v>61</v>
      </c>
      <c r="G7039" s="16">
        <v>0</v>
      </c>
    </row>
    <row r="7040" spans="1:7" x14ac:dyDescent="0.3">
      <c r="A7040" s="13" t="s">
        <v>65</v>
      </c>
      <c r="B7040" s="14" t="s">
        <v>1</v>
      </c>
      <c r="C7040" s="14" t="s">
        <v>51</v>
      </c>
      <c r="D7040" s="14" t="s">
        <v>66</v>
      </c>
      <c r="E7040" s="15">
        <v>45481</v>
      </c>
      <c r="F7040" s="14" t="s">
        <v>61</v>
      </c>
      <c r="G7040" s="16">
        <v>0</v>
      </c>
    </row>
    <row r="7041" spans="1:7" x14ac:dyDescent="0.3">
      <c r="A7041" s="13" t="s">
        <v>65</v>
      </c>
      <c r="B7041" s="14" t="s">
        <v>1</v>
      </c>
      <c r="C7041" s="14" t="s">
        <v>51</v>
      </c>
      <c r="D7041" s="14" t="s">
        <v>66</v>
      </c>
      <c r="E7041" s="15">
        <v>45482</v>
      </c>
      <c r="F7041" s="14" t="s">
        <v>61</v>
      </c>
      <c r="G7041" s="16">
        <v>0</v>
      </c>
    </row>
    <row r="7042" spans="1:7" x14ac:dyDescent="0.3">
      <c r="A7042" s="13" t="s">
        <v>65</v>
      </c>
      <c r="B7042" s="14" t="s">
        <v>1</v>
      </c>
      <c r="C7042" s="14" t="s">
        <v>51</v>
      </c>
      <c r="D7042" s="14" t="s">
        <v>66</v>
      </c>
      <c r="E7042" s="15">
        <v>45483</v>
      </c>
      <c r="F7042" s="14" t="s">
        <v>61</v>
      </c>
      <c r="G7042" s="16">
        <v>0</v>
      </c>
    </row>
    <row r="7043" spans="1:7" x14ac:dyDescent="0.3">
      <c r="A7043" s="13" t="s">
        <v>65</v>
      </c>
      <c r="B7043" s="14" t="s">
        <v>1</v>
      </c>
      <c r="C7043" s="14" t="s">
        <v>51</v>
      </c>
      <c r="D7043" s="14" t="s">
        <v>66</v>
      </c>
      <c r="E7043" s="15">
        <v>45484</v>
      </c>
      <c r="F7043" s="14" t="s">
        <v>61</v>
      </c>
      <c r="G7043" s="16">
        <v>0</v>
      </c>
    </row>
    <row r="7044" spans="1:7" x14ac:dyDescent="0.3">
      <c r="A7044" s="13" t="s">
        <v>65</v>
      </c>
      <c r="B7044" s="14" t="s">
        <v>1</v>
      </c>
      <c r="C7044" s="14" t="s">
        <v>51</v>
      </c>
      <c r="D7044" s="14" t="s">
        <v>66</v>
      </c>
      <c r="E7044" s="15">
        <v>45485</v>
      </c>
      <c r="F7044" s="14" t="s">
        <v>61</v>
      </c>
      <c r="G7044" s="16">
        <v>0</v>
      </c>
    </row>
    <row r="7045" spans="1:7" x14ac:dyDescent="0.3">
      <c r="A7045" s="13" t="s">
        <v>65</v>
      </c>
      <c r="B7045" s="14" t="s">
        <v>1</v>
      </c>
      <c r="C7045" s="14" t="s">
        <v>51</v>
      </c>
      <c r="D7045" s="14" t="s">
        <v>66</v>
      </c>
      <c r="E7045" s="15">
        <v>45486</v>
      </c>
      <c r="F7045" s="14" t="s">
        <v>61</v>
      </c>
      <c r="G7045" s="16">
        <v>0</v>
      </c>
    </row>
    <row r="7046" spans="1:7" x14ac:dyDescent="0.3">
      <c r="A7046" s="13" t="s">
        <v>65</v>
      </c>
      <c r="B7046" s="14" t="s">
        <v>1</v>
      </c>
      <c r="C7046" s="14" t="s">
        <v>51</v>
      </c>
      <c r="D7046" s="14" t="s">
        <v>66</v>
      </c>
      <c r="E7046" s="15">
        <v>45487</v>
      </c>
      <c r="F7046" s="14" t="s">
        <v>61</v>
      </c>
      <c r="G7046" s="16">
        <v>0</v>
      </c>
    </row>
    <row r="7047" spans="1:7" x14ac:dyDescent="0.3">
      <c r="A7047" s="13" t="s">
        <v>65</v>
      </c>
      <c r="B7047" s="14" t="s">
        <v>1</v>
      </c>
      <c r="C7047" s="14" t="s">
        <v>51</v>
      </c>
      <c r="D7047" s="14" t="s">
        <v>66</v>
      </c>
      <c r="E7047" s="15">
        <v>45488</v>
      </c>
      <c r="F7047" s="14" t="s">
        <v>61</v>
      </c>
      <c r="G7047" s="16">
        <v>0</v>
      </c>
    </row>
    <row r="7048" spans="1:7" x14ac:dyDescent="0.3">
      <c r="A7048" s="13" t="s">
        <v>65</v>
      </c>
      <c r="B7048" s="14" t="s">
        <v>1</v>
      </c>
      <c r="C7048" s="14" t="s">
        <v>51</v>
      </c>
      <c r="D7048" s="14" t="s">
        <v>66</v>
      </c>
      <c r="E7048" s="15">
        <v>45489</v>
      </c>
      <c r="F7048" s="14" t="s">
        <v>61</v>
      </c>
      <c r="G7048" s="16">
        <v>0</v>
      </c>
    </row>
    <row r="7049" spans="1:7" x14ac:dyDescent="0.3">
      <c r="A7049" s="13" t="s">
        <v>65</v>
      </c>
      <c r="B7049" s="14" t="s">
        <v>1</v>
      </c>
      <c r="C7049" s="14" t="s">
        <v>51</v>
      </c>
      <c r="D7049" s="14" t="s">
        <v>66</v>
      </c>
      <c r="E7049" s="15">
        <v>45490</v>
      </c>
      <c r="F7049" s="14" t="s">
        <v>61</v>
      </c>
      <c r="G7049" s="16">
        <v>0</v>
      </c>
    </row>
    <row r="7050" spans="1:7" x14ac:dyDescent="0.3">
      <c r="A7050" s="13" t="s">
        <v>65</v>
      </c>
      <c r="B7050" s="14" t="s">
        <v>1</v>
      </c>
      <c r="C7050" s="14" t="s">
        <v>51</v>
      </c>
      <c r="D7050" s="14" t="s">
        <v>66</v>
      </c>
      <c r="E7050" s="15">
        <v>45491</v>
      </c>
      <c r="F7050" s="14" t="s">
        <v>61</v>
      </c>
      <c r="G7050" s="16">
        <v>0</v>
      </c>
    </row>
    <row r="7051" spans="1:7" x14ac:dyDescent="0.3">
      <c r="A7051" s="13" t="s">
        <v>65</v>
      </c>
      <c r="B7051" s="14" t="s">
        <v>1</v>
      </c>
      <c r="C7051" s="14" t="s">
        <v>51</v>
      </c>
      <c r="D7051" s="14" t="s">
        <v>66</v>
      </c>
      <c r="E7051" s="15">
        <v>45492</v>
      </c>
      <c r="F7051" s="14" t="s">
        <v>61</v>
      </c>
      <c r="G7051" s="16">
        <v>0</v>
      </c>
    </row>
    <row r="7052" spans="1:7" x14ac:dyDescent="0.3">
      <c r="A7052" s="13" t="s">
        <v>65</v>
      </c>
      <c r="B7052" s="14" t="s">
        <v>1</v>
      </c>
      <c r="C7052" s="14" t="s">
        <v>51</v>
      </c>
      <c r="D7052" s="14" t="s">
        <v>66</v>
      </c>
      <c r="E7052" s="15">
        <v>45493</v>
      </c>
      <c r="F7052" s="14" t="s">
        <v>61</v>
      </c>
      <c r="G7052" s="16">
        <v>0</v>
      </c>
    </row>
    <row r="7053" spans="1:7" x14ac:dyDescent="0.3">
      <c r="A7053" s="13" t="s">
        <v>65</v>
      </c>
      <c r="B7053" s="14" t="s">
        <v>1</v>
      </c>
      <c r="C7053" s="14" t="s">
        <v>51</v>
      </c>
      <c r="D7053" s="14" t="s">
        <v>66</v>
      </c>
      <c r="E7053" s="15">
        <v>45494</v>
      </c>
      <c r="F7053" s="14" t="s">
        <v>61</v>
      </c>
      <c r="G7053" s="16">
        <v>0</v>
      </c>
    </row>
    <row r="7054" spans="1:7" x14ac:dyDescent="0.3">
      <c r="A7054" s="13" t="s">
        <v>65</v>
      </c>
      <c r="B7054" s="14" t="s">
        <v>1</v>
      </c>
      <c r="C7054" s="14" t="s">
        <v>51</v>
      </c>
      <c r="D7054" s="14" t="s">
        <v>66</v>
      </c>
      <c r="E7054" s="15">
        <v>45495</v>
      </c>
      <c r="F7054" s="14" t="s">
        <v>61</v>
      </c>
      <c r="G7054" s="16">
        <v>0</v>
      </c>
    </row>
    <row r="7055" spans="1:7" x14ac:dyDescent="0.3">
      <c r="A7055" s="13" t="s">
        <v>65</v>
      </c>
      <c r="B7055" s="14" t="s">
        <v>1</v>
      </c>
      <c r="C7055" s="14" t="s">
        <v>51</v>
      </c>
      <c r="D7055" s="14" t="s">
        <v>66</v>
      </c>
      <c r="E7055" s="15">
        <v>45496</v>
      </c>
      <c r="F7055" s="14" t="s">
        <v>61</v>
      </c>
      <c r="G7055" s="16">
        <v>0</v>
      </c>
    </row>
    <row r="7056" spans="1:7" x14ac:dyDescent="0.3">
      <c r="A7056" s="13" t="s">
        <v>65</v>
      </c>
      <c r="B7056" s="14" t="s">
        <v>1</v>
      </c>
      <c r="C7056" s="14" t="s">
        <v>51</v>
      </c>
      <c r="D7056" s="14" t="s">
        <v>66</v>
      </c>
      <c r="E7056" s="15">
        <v>45497</v>
      </c>
      <c r="F7056" s="14" t="s">
        <v>61</v>
      </c>
      <c r="G7056" s="16">
        <v>0</v>
      </c>
    </row>
    <row r="7057" spans="1:7" x14ac:dyDescent="0.3">
      <c r="A7057" s="13" t="s">
        <v>65</v>
      </c>
      <c r="B7057" s="14" t="s">
        <v>1</v>
      </c>
      <c r="C7057" s="14" t="s">
        <v>51</v>
      </c>
      <c r="D7057" s="14" t="s">
        <v>66</v>
      </c>
      <c r="E7057" s="15">
        <v>45498</v>
      </c>
      <c r="F7057" s="14" t="s">
        <v>61</v>
      </c>
      <c r="G7057" s="16">
        <v>0</v>
      </c>
    </row>
    <row r="7058" spans="1:7" x14ac:dyDescent="0.3">
      <c r="A7058" s="13" t="s">
        <v>65</v>
      </c>
      <c r="B7058" s="14" t="s">
        <v>1</v>
      </c>
      <c r="C7058" s="14" t="s">
        <v>51</v>
      </c>
      <c r="D7058" s="14" t="s">
        <v>66</v>
      </c>
      <c r="E7058" s="15">
        <v>45499</v>
      </c>
      <c r="F7058" s="14" t="s">
        <v>61</v>
      </c>
      <c r="G7058" s="16">
        <v>0</v>
      </c>
    </row>
    <row r="7059" spans="1:7" x14ac:dyDescent="0.3">
      <c r="A7059" s="13" t="s">
        <v>65</v>
      </c>
      <c r="B7059" s="14" t="s">
        <v>1</v>
      </c>
      <c r="C7059" s="14" t="s">
        <v>51</v>
      </c>
      <c r="D7059" s="14" t="s">
        <v>66</v>
      </c>
      <c r="E7059" s="15">
        <v>45500</v>
      </c>
      <c r="F7059" s="14" t="s">
        <v>61</v>
      </c>
      <c r="G7059" s="16">
        <v>0</v>
      </c>
    </row>
    <row r="7060" spans="1:7" x14ac:dyDescent="0.3">
      <c r="A7060" s="13" t="s">
        <v>65</v>
      </c>
      <c r="B7060" s="14" t="s">
        <v>1</v>
      </c>
      <c r="C7060" s="14" t="s">
        <v>51</v>
      </c>
      <c r="D7060" s="14" t="s">
        <v>66</v>
      </c>
      <c r="E7060" s="15">
        <v>45501</v>
      </c>
      <c r="F7060" s="14" t="s">
        <v>61</v>
      </c>
      <c r="G7060" s="16">
        <v>0</v>
      </c>
    </row>
    <row r="7061" spans="1:7" x14ac:dyDescent="0.3">
      <c r="A7061" s="13" t="s">
        <v>65</v>
      </c>
      <c r="B7061" s="14" t="s">
        <v>1</v>
      </c>
      <c r="C7061" s="14" t="s">
        <v>51</v>
      </c>
      <c r="D7061" s="14" t="s">
        <v>66</v>
      </c>
      <c r="E7061" s="15">
        <v>45502</v>
      </c>
      <c r="F7061" s="14" t="s">
        <v>61</v>
      </c>
      <c r="G7061" s="16">
        <v>0</v>
      </c>
    </row>
    <row r="7062" spans="1:7" x14ac:dyDescent="0.3">
      <c r="A7062" s="13" t="s">
        <v>65</v>
      </c>
      <c r="B7062" s="14" t="s">
        <v>1</v>
      </c>
      <c r="C7062" s="14" t="s">
        <v>51</v>
      </c>
      <c r="D7062" s="14" t="s">
        <v>66</v>
      </c>
      <c r="E7062" s="15">
        <v>45503</v>
      </c>
      <c r="F7062" s="14" t="s">
        <v>61</v>
      </c>
      <c r="G7062" s="16">
        <v>0</v>
      </c>
    </row>
    <row r="7063" spans="1:7" x14ac:dyDescent="0.3">
      <c r="A7063" s="13" t="s">
        <v>65</v>
      </c>
      <c r="B7063" s="14" t="s">
        <v>1</v>
      </c>
      <c r="C7063" s="14" t="s">
        <v>51</v>
      </c>
      <c r="D7063" s="14" t="s">
        <v>66</v>
      </c>
      <c r="E7063" s="15">
        <v>45504</v>
      </c>
      <c r="F7063" s="14" t="s">
        <v>61</v>
      </c>
      <c r="G7063" s="16">
        <v>0</v>
      </c>
    </row>
    <row r="7064" spans="1:7" x14ac:dyDescent="0.3">
      <c r="A7064" s="13" t="s">
        <v>65</v>
      </c>
      <c r="B7064" s="14" t="s">
        <v>1</v>
      </c>
      <c r="C7064" s="14" t="s">
        <v>51</v>
      </c>
      <c r="D7064" s="14" t="s">
        <v>66</v>
      </c>
      <c r="E7064" s="15">
        <v>45505</v>
      </c>
      <c r="F7064" s="14" t="s">
        <v>61</v>
      </c>
      <c r="G7064" s="16">
        <v>0</v>
      </c>
    </row>
    <row r="7065" spans="1:7" x14ac:dyDescent="0.3">
      <c r="A7065" s="13" t="s">
        <v>65</v>
      </c>
      <c r="B7065" s="14" t="s">
        <v>1</v>
      </c>
      <c r="C7065" s="14" t="s">
        <v>51</v>
      </c>
      <c r="D7065" s="14" t="s">
        <v>66</v>
      </c>
      <c r="E7065" s="15">
        <v>45506</v>
      </c>
      <c r="F7065" s="14" t="s">
        <v>61</v>
      </c>
      <c r="G7065" s="16">
        <v>0</v>
      </c>
    </row>
    <row r="7066" spans="1:7" x14ac:dyDescent="0.3">
      <c r="A7066" s="13" t="s">
        <v>65</v>
      </c>
      <c r="B7066" s="14" t="s">
        <v>1</v>
      </c>
      <c r="C7066" s="14" t="s">
        <v>51</v>
      </c>
      <c r="D7066" s="14" t="s">
        <v>66</v>
      </c>
      <c r="E7066" s="15">
        <v>45507</v>
      </c>
      <c r="F7066" s="14" t="s">
        <v>61</v>
      </c>
      <c r="G7066" s="16">
        <v>0</v>
      </c>
    </row>
    <row r="7067" spans="1:7" x14ac:dyDescent="0.3">
      <c r="A7067" s="13" t="s">
        <v>65</v>
      </c>
      <c r="B7067" s="14" t="s">
        <v>1</v>
      </c>
      <c r="C7067" s="14" t="s">
        <v>51</v>
      </c>
      <c r="D7067" s="14" t="s">
        <v>66</v>
      </c>
      <c r="E7067" s="15">
        <v>45508</v>
      </c>
      <c r="F7067" s="14" t="s">
        <v>61</v>
      </c>
      <c r="G7067" s="16">
        <v>0</v>
      </c>
    </row>
    <row r="7068" spans="1:7" x14ac:dyDescent="0.3">
      <c r="A7068" s="13" t="s">
        <v>65</v>
      </c>
      <c r="B7068" s="14" t="s">
        <v>1</v>
      </c>
      <c r="C7068" s="14" t="s">
        <v>51</v>
      </c>
      <c r="D7068" s="14" t="s">
        <v>66</v>
      </c>
      <c r="E7068" s="15">
        <v>45509</v>
      </c>
      <c r="F7068" s="14" t="s">
        <v>61</v>
      </c>
      <c r="G7068" s="16">
        <v>0</v>
      </c>
    </row>
    <row r="7069" spans="1:7" x14ac:dyDescent="0.3">
      <c r="A7069" s="13" t="s">
        <v>65</v>
      </c>
      <c r="B7069" s="14" t="s">
        <v>1</v>
      </c>
      <c r="C7069" s="14" t="s">
        <v>51</v>
      </c>
      <c r="D7069" s="14" t="s">
        <v>66</v>
      </c>
      <c r="E7069" s="15">
        <v>45510</v>
      </c>
      <c r="F7069" s="14" t="s">
        <v>61</v>
      </c>
      <c r="G7069" s="16">
        <v>0</v>
      </c>
    </row>
    <row r="7070" spans="1:7" x14ac:dyDescent="0.3">
      <c r="A7070" s="13" t="s">
        <v>65</v>
      </c>
      <c r="B7070" s="14" t="s">
        <v>1</v>
      </c>
      <c r="C7070" s="14" t="s">
        <v>51</v>
      </c>
      <c r="D7070" s="14" t="s">
        <v>66</v>
      </c>
      <c r="E7070" s="15">
        <v>45511</v>
      </c>
      <c r="F7070" s="14" t="s">
        <v>61</v>
      </c>
      <c r="G7070" s="16">
        <v>0</v>
      </c>
    </row>
    <row r="7071" spans="1:7" x14ac:dyDescent="0.3">
      <c r="A7071" s="13" t="s">
        <v>65</v>
      </c>
      <c r="B7071" s="14" t="s">
        <v>1</v>
      </c>
      <c r="C7071" s="14" t="s">
        <v>51</v>
      </c>
      <c r="D7071" s="14" t="s">
        <v>66</v>
      </c>
      <c r="E7071" s="15">
        <v>45512</v>
      </c>
      <c r="F7071" s="14" t="s">
        <v>61</v>
      </c>
      <c r="G7071" s="16">
        <v>0</v>
      </c>
    </row>
    <row r="7072" spans="1:7" x14ac:dyDescent="0.3">
      <c r="A7072" s="13" t="s">
        <v>65</v>
      </c>
      <c r="B7072" s="14" t="s">
        <v>1</v>
      </c>
      <c r="C7072" s="14" t="s">
        <v>51</v>
      </c>
      <c r="D7072" s="14" t="s">
        <v>66</v>
      </c>
      <c r="E7072" s="15">
        <v>45513</v>
      </c>
      <c r="F7072" s="14" t="s">
        <v>61</v>
      </c>
      <c r="G7072" s="16">
        <v>0</v>
      </c>
    </row>
    <row r="7073" spans="1:7" x14ac:dyDescent="0.3">
      <c r="A7073" s="13" t="s">
        <v>65</v>
      </c>
      <c r="B7073" s="14" t="s">
        <v>1</v>
      </c>
      <c r="C7073" s="14" t="s">
        <v>51</v>
      </c>
      <c r="D7073" s="14" t="s">
        <v>66</v>
      </c>
      <c r="E7073" s="15">
        <v>45514</v>
      </c>
      <c r="F7073" s="14" t="s">
        <v>61</v>
      </c>
      <c r="G7073" s="16">
        <v>0</v>
      </c>
    </row>
    <row r="7074" spans="1:7" x14ac:dyDescent="0.3">
      <c r="A7074" s="13" t="s">
        <v>65</v>
      </c>
      <c r="B7074" s="14" t="s">
        <v>1</v>
      </c>
      <c r="C7074" s="14" t="s">
        <v>51</v>
      </c>
      <c r="D7074" s="14" t="s">
        <v>66</v>
      </c>
      <c r="E7074" s="15">
        <v>45515</v>
      </c>
      <c r="F7074" s="14" t="s">
        <v>61</v>
      </c>
      <c r="G7074" s="16">
        <v>0</v>
      </c>
    </row>
    <row r="7075" spans="1:7" x14ac:dyDescent="0.3">
      <c r="A7075" s="13" t="s">
        <v>65</v>
      </c>
      <c r="B7075" s="14" t="s">
        <v>1</v>
      </c>
      <c r="C7075" s="14" t="s">
        <v>51</v>
      </c>
      <c r="D7075" s="14" t="s">
        <v>66</v>
      </c>
      <c r="E7075" s="15">
        <v>45516</v>
      </c>
      <c r="F7075" s="14" t="s">
        <v>61</v>
      </c>
      <c r="G7075" s="16">
        <v>0</v>
      </c>
    </row>
    <row r="7076" spans="1:7" x14ac:dyDescent="0.3">
      <c r="A7076" s="13" t="s">
        <v>65</v>
      </c>
      <c r="B7076" s="14" t="s">
        <v>1</v>
      </c>
      <c r="C7076" s="14" t="s">
        <v>51</v>
      </c>
      <c r="D7076" s="14" t="s">
        <v>66</v>
      </c>
      <c r="E7076" s="15">
        <v>45517</v>
      </c>
      <c r="F7076" s="14" t="s">
        <v>61</v>
      </c>
      <c r="G7076" s="16">
        <v>0</v>
      </c>
    </row>
    <row r="7077" spans="1:7" x14ac:dyDescent="0.3">
      <c r="A7077" s="13" t="s">
        <v>65</v>
      </c>
      <c r="B7077" s="14" t="s">
        <v>1</v>
      </c>
      <c r="C7077" s="14" t="s">
        <v>51</v>
      </c>
      <c r="D7077" s="14" t="s">
        <v>66</v>
      </c>
      <c r="E7077" s="15">
        <v>45518</v>
      </c>
      <c r="F7077" s="14" t="s">
        <v>61</v>
      </c>
      <c r="G7077" s="16">
        <v>0</v>
      </c>
    </row>
    <row r="7078" spans="1:7" x14ac:dyDescent="0.3">
      <c r="A7078" s="13" t="s">
        <v>65</v>
      </c>
      <c r="B7078" s="14" t="s">
        <v>1</v>
      </c>
      <c r="C7078" s="14" t="s">
        <v>51</v>
      </c>
      <c r="D7078" s="14" t="s">
        <v>66</v>
      </c>
      <c r="E7078" s="15">
        <v>45519</v>
      </c>
      <c r="F7078" s="14" t="s">
        <v>61</v>
      </c>
      <c r="G7078" s="16">
        <v>0</v>
      </c>
    </row>
    <row r="7079" spans="1:7" x14ac:dyDescent="0.3">
      <c r="A7079" s="13" t="s">
        <v>65</v>
      </c>
      <c r="B7079" s="14" t="s">
        <v>1</v>
      </c>
      <c r="C7079" s="14" t="s">
        <v>51</v>
      </c>
      <c r="D7079" s="14" t="s">
        <v>66</v>
      </c>
      <c r="E7079" s="15">
        <v>45520</v>
      </c>
      <c r="F7079" s="14" t="s">
        <v>61</v>
      </c>
      <c r="G7079" s="16">
        <v>0</v>
      </c>
    </row>
    <row r="7080" spans="1:7" x14ac:dyDescent="0.3">
      <c r="A7080" s="13" t="s">
        <v>65</v>
      </c>
      <c r="B7080" s="14" t="s">
        <v>1</v>
      </c>
      <c r="C7080" s="14" t="s">
        <v>51</v>
      </c>
      <c r="D7080" s="14" t="s">
        <v>66</v>
      </c>
      <c r="E7080" s="15">
        <v>45521</v>
      </c>
      <c r="F7080" s="14" t="s">
        <v>61</v>
      </c>
      <c r="G7080" s="16">
        <v>0</v>
      </c>
    </row>
    <row r="7081" spans="1:7" x14ac:dyDescent="0.3">
      <c r="A7081" s="13" t="s">
        <v>65</v>
      </c>
      <c r="B7081" s="14" t="s">
        <v>1</v>
      </c>
      <c r="C7081" s="14" t="s">
        <v>51</v>
      </c>
      <c r="D7081" s="14" t="s">
        <v>66</v>
      </c>
      <c r="E7081" s="15">
        <v>45522</v>
      </c>
      <c r="F7081" s="14" t="s">
        <v>61</v>
      </c>
      <c r="G7081" s="16">
        <v>0</v>
      </c>
    </row>
    <row r="7082" spans="1:7" x14ac:dyDescent="0.3">
      <c r="A7082" s="13" t="s">
        <v>65</v>
      </c>
      <c r="B7082" s="14" t="s">
        <v>1</v>
      </c>
      <c r="C7082" s="14" t="s">
        <v>51</v>
      </c>
      <c r="D7082" s="14" t="s">
        <v>66</v>
      </c>
      <c r="E7082" s="15">
        <v>45523</v>
      </c>
      <c r="F7082" s="14" t="s">
        <v>61</v>
      </c>
      <c r="G7082" s="16">
        <v>0</v>
      </c>
    </row>
    <row r="7083" spans="1:7" x14ac:dyDescent="0.3">
      <c r="A7083" s="13" t="s">
        <v>65</v>
      </c>
      <c r="B7083" s="14" t="s">
        <v>1</v>
      </c>
      <c r="C7083" s="14" t="s">
        <v>51</v>
      </c>
      <c r="D7083" s="14" t="s">
        <v>66</v>
      </c>
      <c r="E7083" s="15">
        <v>45524</v>
      </c>
      <c r="F7083" s="14" t="s">
        <v>61</v>
      </c>
      <c r="G7083" s="16">
        <v>0</v>
      </c>
    </row>
    <row r="7084" spans="1:7" x14ac:dyDescent="0.3">
      <c r="A7084" s="13" t="s">
        <v>65</v>
      </c>
      <c r="B7084" s="14" t="s">
        <v>1</v>
      </c>
      <c r="C7084" s="14" t="s">
        <v>51</v>
      </c>
      <c r="D7084" s="14" t="s">
        <v>66</v>
      </c>
      <c r="E7084" s="15">
        <v>45525</v>
      </c>
      <c r="F7084" s="14" t="s">
        <v>61</v>
      </c>
      <c r="G7084" s="16">
        <v>0</v>
      </c>
    </row>
    <row r="7085" spans="1:7" x14ac:dyDescent="0.3">
      <c r="A7085" s="13" t="s">
        <v>65</v>
      </c>
      <c r="B7085" s="14" t="s">
        <v>1</v>
      </c>
      <c r="C7085" s="14" t="s">
        <v>51</v>
      </c>
      <c r="D7085" s="14" t="s">
        <v>66</v>
      </c>
      <c r="E7085" s="15">
        <v>45526</v>
      </c>
      <c r="F7085" s="14" t="s">
        <v>61</v>
      </c>
      <c r="G7085" s="16">
        <v>0</v>
      </c>
    </row>
    <row r="7086" spans="1:7" x14ac:dyDescent="0.3">
      <c r="A7086" s="13" t="s">
        <v>65</v>
      </c>
      <c r="B7086" s="14" t="s">
        <v>1</v>
      </c>
      <c r="C7086" s="14" t="s">
        <v>51</v>
      </c>
      <c r="D7086" s="14" t="s">
        <v>66</v>
      </c>
      <c r="E7086" s="15">
        <v>45527</v>
      </c>
      <c r="F7086" s="14" t="s">
        <v>61</v>
      </c>
      <c r="G7086" s="16">
        <v>0</v>
      </c>
    </row>
    <row r="7087" spans="1:7" x14ac:dyDescent="0.3">
      <c r="A7087" s="13" t="s">
        <v>65</v>
      </c>
      <c r="B7087" s="14" t="s">
        <v>1</v>
      </c>
      <c r="C7087" s="14" t="s">
        <v>51</v>
      </c>
      <c r="D7087" s="14" t="s">
        <v>66</v>
      </c>
      <c r="E7087" s="15">
        <v>45528</v>
      </c>
      <c r="F7087" s="14" t="s">
        <v>61</v>
      </c>
      <c r="G7087" s="16">
        <v>0</v>
      </c>
    </row>
    <row r="7088" spans="1:7" x14ac:dyDescent="0.3">
      <c r="A7088" s="13" t="s">
        <v>65</v>
      </c>
      <c r="B7088" s="14" t="s">
        <v>1</v>
      </c>
      <c r="C7088" s="14" t="s">
        <v>51</v>
      </c>
      <c r="D7088" s="14" t="s">
        <v>66</v>
      </c>
      <c r="E7088" s="15">
        <v>45529</v>
      </c>
      <c r="F7088" s="14" t="s">
        <v>61</v>
      </c>
      <c r="G7088" s="16">
        <v>0</v>
      </c>
    </row>
    <row r="7089" spans="1:7" x14ac:dyDescent="0.3">
      <c r="A7089" s="13" t="s">
        <v>65</v>
      </c>
      <c r="B7089" s="14" t="s">
        <v>1</v>
      </c>
      <c r="C7089" s="14" t="s">
        <v>51</v>
      </c>
      <c r="D7089" s="14" t="s">
        <v>66</v>
      </c>
      <c r="E7089" s="15">
        <v>45530</v>
      </c>
      <c r="F7089" s="14" t="s">
        <v>61</v>
      </c>
      <c r="G7089" s="16">
        <v>0</v>
      </c>
    </row>
    <row r="7090" spans="1:7" x14ac:dyDescent="0.3">
      <c r="A7090" s="13" t="s">
        <v>65</v>
      </c>
      <c r="B7090" s="14" t="s">
        <v>1</v>
      </c>
      <c r="C7090" s="14" t="s">
        <v>51</v>
      </c>
      <c r="D7090" s="14" t="s">
        <v>66</v>
      </c>
      <c r="E7090" s="15">
        <v>45531</v>
      </c>
      <c r="F7090" s="14" t="s">
        <v>61</v>
      </c>
      <c r="G7090" s="16">
        <v>0</v>
      </c>
    </row>
    <row r="7091" spans="1:7" x14ac:dyDescent="0.3">
      <c r="A7091" s="13" t="s">
        <v>65</v>
      </c>
      <c r="B7091" s="14" t="s">
        <v>1</v>
      </c>
      <c r="C7091" s="14" t="s">
        <v>51</v>
      </c>
      <c r="D7091" s="14" t="s">
        <v>66</v>
      </c>
      <c r="E7091" s="15">
        <v>45532</v>
      </c>
      <c r="F7091" s="14" t="s">
        <v>61</v>
      </c>
      <c r="G7091" s="16">
        <v>0</v>
      </c>
    </row>
    <row r="7092" spans="1:7" x14ac:dyDescent="0.3">
      <c r="A7092" s="13" t="s">
        <v>65</v>
      </c>
      <c r="B7092" s="14" t="s">
        <v>1</v>
      </c>
      <c r="C7092" s="14" t="s">
        <v>51</v>
      </c>
      <c r="D7092" s="14" t="s">
        <v>66</v>
      </c>
      <c r="E7092" s="15">
        <v>45533</v>
      </c>
      <c r="F7092" s="14" t="s">
        <v>61</v>
      </c>
      <c r="G7092" s="16">
        <v>0</v>
      </c>
    </row>
    <row r="7093" spans="1:7" x14ac:dyDescent="0.3">
      <c r="A7093" s="13" t="s">
        <v>65</v>
      </c>
      <c r="B7093" s="14" t="s">
        <v>1</v>
      </c>
      <c r="C7093" s="14" t="s">
        <v>51</v>
      </c>
      <c r="D7093" s="14" t="s">
        <v>66</v>
      </c>
      <c r="E7093" s="15">
        <v>45534</v>
      </c>
      <c r="F7093" s="14" t="s">
        <v>61</v>
      </c>
      <c r="G7093" s="16">
        <v>0</v>
      </c>
    </row>
    <row r="7094" spans="1:7" x14ac:dyDescent="0.3">
      <c r="A7094" s="13" t="s">
        <v>65</v>
      </c>
      <c r="B7094" s="14" t="s">
        <v>1</v>
      </c>
      <c r="C7094" s="14" t="s">
        <v>51</v>
      </c>
      <c r="D7094" s="14" t="s">
        <v>66</v>
      </c>
      <c r="E7094" s="15">
        <v>45535</v>
      </c>
      <c r="F7094" s="14" t="s">
        <v>61</v>
      </c>
      <c r="G7094" s="16">
        <v>0</v>
      </c>
    </row>
    <row r="7095" spans="1:7" x14ac:dyDescent="0.3">
      <c r="A7095" s="13" t="s">
        <v>65</v>
      </c>
      <c r="B7095" s="14" t="s">
        <v>1</v>
      </c>
      <c r="C7095" s="14" t="s">
        <v>51</v>
      </c>
      <c r="D7095" s="14" t="s">
        <v>66</v>
      </c>
      <c r="E7095" s="15">
        <v>45536</v>
      </c>
      <c r="F7095" s="14" t="s">
        <v>61</v>
      </c>
      <c r="G7095" s="16">
        <v>0</v>
      </c>
    </row>
    <row r="7096" spans="1:7" x14ac:dyDescent="0.3">
      <c r="A7096" s="13" t="s">
        <v>65</v>
      </c>
      <c r="B7096" s="14" t="s">
        <v>1</v>
      </c>
      <c r="C7096" s="14" t="s">
        <v>51</v>
      </c>
      <c r="D7096" s="14" t="s">
        <v>66</v>
      </c>
      <c r="E7096" s="15">
        <v>45537</v>
      </c>
      <c r="F7096" s="14" t="s">
        <v>61</v>
      </c>
      <c r="G7096" s="16">
        <v>0</v>
      </c>
    </row>
    <row r="7097" spans="1:7" x14ac:dyDescent="0.3">
      <c r="A7097" s="13" t="s">
        <v>65</v>
      </c>
      <c r="B7097" s="14" t="s">
        <v>1</v>
      </c>
      <c r="C7097" s="14" t="s">
        <v>51</v>
      </c>
      <c r="D7097" s="14" t="s">
        <v>66</v>
      </c>
      <c r="E7097" s="15">
        <v>45538</v>
      </c>
      <c r="F7097" s="14" t="s">
        <v>61</v>
      </c>
      <c r="G7097" s="16">
        <v>0</v>
      </c>
    </row>
    <row r="7098" spans="1:7" x14ac:dyDescent="0.3">
      <c r="A7098" s="13" t="s">
        <v>65</v>
      </c>
      <c r="B7098" s="14" t="s">
        <v>1</v>
      </c>
      <c r="C7098" s="14" t="s">
        <v>51</v>
      </c>
      <c r="D7098" s="14" t="s">
        <v>66</v>
      </c>
      <c r="E7098" s="15">
        <v>45539</v>
      </c>
      <c r="F7098" s="14" t="s">
        <v>61</v>
      </c>
      <c r="G7098" s="16">
        <v>0</v>
      </c>
    </row>
    <row r="7099" spans="1:7" x14ac:dyDescent="0.3">
      <c r="A7099" s="13" t="s">
        <v>65</v>
      </c>
      <c r="B7099" s="14" t="s">
        <v>1</v>
      </c>
      <c r="C7099" s="14" t="s">
        <v>51</v>
      </c>
      <c r="D7099" s="14" t="s">
        <v>66</v>
      </c>
      <c r="E7099" s="15">
        <v>45540</v>
      </c>
      <c r="F7099" s="14" t="s">
        <v>61</v>
      </c>
      <c r="G7099" s="16">
        <v>0</v>
      </c>
    </row>
    <row r="7100" spans="1:7" x14ac:dyDescent="0.3">
      <c r="A7100" s="13" t="s">
        <v>65</v>
      </c>
      <c r="B7100" s="14" t="s">
        <v>1</v>
      </c>
      <c r="C7100" s="14" t="s">
        <v>51</v>
      </c>
      <c r="D7100" s="14" t="s">
        <v>66</v>
      </c>
      <c r="E7100" s="15">
        <v>45541</v>
      </c>
      <c r="F7100" s="14" t="s">
        <v>61</v>
      </c>
      <c r="G7100" s="16">
        <v>0</v>
      </c>
    </row>
    <row r="7101" spans="1:7" x14ac:dyDescent="0.3">
      <c r="A7101" s="13" t="s">
        <v>65</v>
      </c>
      <c r="B7101" s="14" t="s">
        <v>1</v>
      </c>
      <c r="C7101" s="14" t="s">
        <v>51</v>
      </c>
      <c r="D7101" s="14" t="s">
        <v>66</v>
      </c>
      <c r="E7101" s="15">
        <v>45542</v>
      </c>
      <c r="F7101" s="14" t="s">
        <v>61</v>
      </c>
      <c r="G7101" s="16">
        <v>0</v>
      </c>
    </row>
    <row r="7102" spans="1:7" x14ac:dyDescent="0.3">
      <c r="A7102" s="13" t="s">
        <v>65</v>
      </c>
      <c r="B7102" s="14" t="s">
        <v>1</v>
      </c>
      <c r="C7102" s="14" t="s">
        <v>51</v>
      </c>
      <c r="D7102" s="14" t="s">
        <v>66</v>
      </c>
      <c r="E7102" s="15">
        <v>45543</v>
      </c>
      <c r="F7102" s="14" t="s">
        <v>61</v>
      </c>
      <c r="G7102" s="16">
        <v>0</v>
      </c>
    </row>
    <row r="7103" spans="1:7" x14ac:dyDescent="0.3">
      <c r="A7103" s="13" t="s">
        <v>65</v>
      </c>
      <c r="B7103" s="14" t="s">
        <v>1</v>
      </c>
      <c r="C7103" s="14" t="s">
        <v>51</v>
      </c>
      <c r="D7103" s="14" t="s">
        <v>66</v>
      </c>
      <c r="E7103" s="15">
        <v>45544</v>
      </c>
      <c r="F7103" s="14" t="s">
        <v>61</v>
      </c>
      <c r="G7103" s="16">
        <v>0</v>
      </c>
    </row>
    <row r="7104" spans="1:7" x14ac:dyDescent="0.3">
      <c r="A7104" s="13" t="s">
        <v>65</v>
      </c>
      <c r="B7104" s="14" t="s">
        <v>1</v>
      </c>
      <c r="C7104" s="14" t="s">
        <v>51</v>
      </c>
      <c r="D7104" s="14" t="s">
        <v>66</v>
      </c>
      <c r="E7104" s="15">
        <v>45545</v>
      </c>
      <c r="F7104" s="14" t="s">
        <v>61</v>
      </c>
      <c r="G7104" s="16">
        <v>0</v>
      </c>
    </row>
    <row r="7105" spans="1:7" x14ac:dyDescent="0.3">
      <c r="A7105" s="13" t="s">
        <v>65</v>
      </c>
      <c r="B7105" s="14" t="s">
        <v>1</v>
      </c>
      <c r="C7105" s="14" t="s">
        <v>51</v>
      </c>
      <c r="D7105" s="14" t="s">
        <v>66</v>
      </c>
      <c r="E7105" s="15">
        <v>45546</v>
      </c>
      <c r="F7105" s="14" t="s">
        <v>61</v>
      </c>
      <c r="G7105" s="16">
        <v>0</v>
      </c>
    </row>
    <row r="7106" spans="1:7" x14ac:dyDescent="0.3">
      <c r="A7106" s="13" t="s">
        <v>65</v>
      </c>
      <c r="B7106" s="14" t="s">
        <v>1</v>
      </c>
      <c r="C7106" s="14" t="s">
        <v>51</v>
      </c>
      <c r="D7106" s="14" t="s">
        <v>66</v>
      </c>
      <c r="E7106" s="15">
        <v>45547</v>
      </c>
      <c r="F7106" s="14" t="s">
        <v>61</v>
      </c>
      <c r="G7106" s="16">
        <v>0</v>
      </c>
    </row>
    <row r="7107" spans="1:7" x14ac:dyDescent="0.3">
      <c r="A7107" s="13" t="s">
        <v>65</v>
      </c>
      <c r="B7107" s="14" t="s">
        <v>1</v>
      </c>
      <c r="C7107" s="14" t="s">
        <v>51</v>
      </c>
      <c r="D7107" s="14" t="s">
        <v>66</v>
      </c>
      <c r="E7107" s="15">
        <v>45548</v>
      </c>
      <c r="F7107" s="14" t="s">
        <v>61</v>
      </c>
      <c r="G7107" s="16">
        <v>0</v>
      </c>
    </row>
    <row r="7108" spans="1:7" x14ac:dyDescent="0.3">
      <c r="A7108" s="13" t="s">
        <v>65</v>
      </c>
      <c r="B7108" s="14" t="s">
        <v>1</v>
      </c>
      <c r="C7108" s="14" t="s">
        <v>51</v>
      </c>
      <c r="D7108" s="14" t="s">
        <v>66</v>
      </c>
      <c r="E7108" s="15">
        <v>45549</v>
      </c>
      <c r="F7108" s="14" t="s">
        <v>61</v>
      </c>
      <c r="G7108" s="16">
        <v>0</v>
      </c>
    </row>
    <row r="7109" spans="1:7" x14ac:dyDescent="0.3">
      <c r="A7109" s="13" t="s">
        <v>65</v>
      </c>
      <c r="B7109" s="14" t="s">
        <v>1</v>
      </c>
      <c r="C7109" s="14" t="s">
        <v>51</v>
      </c>
      <c r="D7109" s="14" t="s">
        <v>66</v>
      </c>
      <c r="E7109" s="15">
        <v>45550</v>
      </c>
      <c r="F7109" s="14" t="s">
        <v>61</v>
      </c>
      <c r="G7109" s="16">
        <v>0</v>
      </c>
    </row>
    <row r="7110" spans="1:7" x14ac:dyDescent="0.3">
      <c r="A7110" s="13" t="s">
        <v>65</v>
      </c>
      <c r="B7110" s="14" t="s">
        <v>1</v>
      </c>
      <c r="C7110" s="14" t="s">
        <v>51</v>
      </c>
      <c r="D7110" s="14" t="s">
        <v>66</v>
      </c>
      <c r="E7110" s="15">
        <v>45551</v>
      </c>
      <c r="F7110" s="14" t="s">
        <v>61</v>
      </c>
      <c r="G7110" s="16">
        <v>0</v>
      </c>
    </row>
    <row r="7111" spans="1:7" x14ac:dyDescent="0.3">
      <c r="A7111" s="13" t="s">
        <v>65</v>
      </c>
      <c r="B7111" s="14" t="s">
        <v>1</v>
      </c>
      <c r="C7111" s="14" t="s">
        <v>51</v>
      </c>
      <c r="D7111" s="14" t="s">
        <v>66</v>
      </c>
      <c r="E7111" s="15">
        <v>45552</v>
      </c>
      <c r="F7111" s="14" t="s">
        <v>61</v>
      </c>
      <c r="G7111" s="16">
        <v>0</v>
      </c>
    </row>
    <row r="7112" spans="1:7" x14ac:dyDescent="0.3">
      <c r="A7112" s="13" t="s">
        <v>65</v>
      </c>
      <c r="B7112" s="14" t="s">
        <v>1</v>
      </c>
      <c r="C7112" s="14" t="s">
        <v>51</v>
      </c>
      <c r="D7112" s="14" t="s">
        <v>66</v>
      </c>
      <c r="E7112" s="15">
        <v>45553</v>
      </c>
      <c r="F7112" s="14" t="s">
        <v>61</v>
      </c>
      <c r="G7112" s="16">
        <v>0</v>
      </c>
    </row>
    <row r="7113" spans="1:7" x14ac:dyDescent="0.3">
      <c r="A7113" s="13" t="s">
        <v>65</v>
      </c>
      <c r="B7113" s="14" t="s">
        <v>1</v>
      </c>
      <c r="C7113" s="14" t="s">
        <v>51</v>
      </c>
      <c r="D7113" s="14" t="s">
        <v>66</v>
      </c>
      <c r="E7113" s="15">
        <v>45554</v>
      </c>
      <c r="F7113" s="14" t="s">
        <v>61</v>
      </c>
      <c r="G7113" s="16">
        <v>0</v>
      </c>
    </row>
    <row r="7114" spans="1:7" x14ac:dyDescent="0.3">
      <c r="A7114" s="13" t="s">
        <v>65</v>
      </c>
      <c r="B7114" s="14" t="s">
        <v>1</v>
      </c>
      <c r="C7114" s="14" t="s">
        <v>51</v>
      </c>
      <c r="D7114" s="14" t="s">
        <v>66</v>
      </c>
      <c r="E7114" s="15">
        <v>45555</v>
      </c>
      <c r="F7114" s="14" t="s">
        <v>61</v>
      </c>
      <c r="G7114" s="16">
        <v>0</v>
      </c>
    </row>
    <row r="7115" spans="1:7" x14ac:dyDescent="0.3">
      <c r="A7115" s="13" t="s">
        <v>65</v>
      </c>
      <c r="B7115" s="14" t="s">
        <v>1</v>
      </c>
      <c r="C7115" s="14" t="s">
        <v>51</v>
      </c>
      <c r="D7115" s="14" t="s">
        <v>66</v>
      </c>
      <c r="E7115" s="15">
        <v>45556</v>
      </c>
      <c r="F7115" s="14" t="s">
        <v>61</v>
      </c>
      <c r="G7115" s="16">
        <v>0</v>
      </c>
    </row>
    <row r="7116" spans="1:7" x14ac:dyDescent="0.3">
      <c r="A7116" s="13" t="s">
        <v>65</v>
      </c>
      <c r="B7116" s="14" t="s">
        <v>1</v>
      </c>
      <c r="C7116" s="14" t="s">
        <v>51</v>
      </c>
      <c r="D7116" s="14" t="s">
        <v>66</v>
      </c>
      <c r="E7116" s="15">
        <v>45557</v>
      </c>
      <c r="F7116" s="14" t="s">
        <v>61</v>
      </c>
      <c r="G7116" s="16">
        <v>0</v>
      </c>
    </row>
    <row r="7117" spans="1:7" x14ac:dyDescent="0.3">
      <c r="A7117" s="13" t="s">
        <v>65</v>
      </c>
      <c r="B7117" s="14" t="s">
        <v>1</v>
      </c>
      <c r="C7117" s="14" t="s">
        <v>51</v>
      </c>
      <c r="D7117" s="14" t="s">
        <v>66</v>
      </c>
      <c r="E7117" s="15">
        <v>45558</v>
      </c>
      <c r="F7117" s="14" t="s">
        <v>61</v>
      </c>
      <c r="G7117" s="16">
        <v>0</v>
      </c>
    </row>
    <row r="7118" spans="1:7" x14ac:dyDescent="0.3">
      <c r="A7118" s="13" t="s">
        <v>65</v>
      </c>
      <c r="B7118" s="14" t="s">
        <v>1</v>
      </c>
      <c r="C7118" s="14" t="s">
        <v>51</v>
      </c>
      <c r="D7118" s="14" t="s">
        <v>66</v>
      </c>
      <c r="E7118" s="15">
        <v>45559</v>
      </c>
      <c r="F7118" s="14" t="s">
        <v>61</v>
      </c>
      <c r="G7118" s="16">
        <v>0</v>
      </c>
    </row>
    <row r="7119" spans="1:7" x14ac:dyDescent="0.3">
      <c r="A7119" s="13" t="s">
        <v>65</v>
      </c>
      <c r="B7119" s="14" t="s">
        <v>1</v>
      </c>
      <c r="C7119" s="14" t="s">
        <v>51</v>
      </c>
      <c r="D7119" s="14" t="s">
        <v>66</v>
      </c>
      <c r="E7119" s="15">
        <v>45560</v>
      </c>
      <c r="F7119" s="14" t="s">
        <v>61</v>
      </c>
      <c r="G7119" s="16">
        <v>0</v>
      </c>
    </row>
    <row r="7120" spans="1:7" x14ac:dyDescent="0.3">
      <c r="A7120" s="13" t="s">
        <v>65</v>
      </c>
      <c r="B7120" s="14" t="s">
        <v>1</v>
      </c>
      <c r="C7120" s="14" t="s">
        <v>51</v>
      </c>
      <c r="D7120" s="14" t="s">
        <v>66</v>
      </c>
      <c r="E7120" s="15">
        <v>45561</v>
      </c>
      <c r="F7120" s="14" t="s">
        <v>61</v>
      </c>
      <c r="G7120" s="16">
        <v>0</v>
      </c>
    </row>
    <row r="7121" spans="1:7" x14ac:dyDescent="0.3">
      <c r="A7121" s="13" t="s">
        <v>65</v>
      </c>
      <c r="B7121" s="14" t="s">
        <v>1</v>
      </c>
      <c r="C7121" s="14" t="s">
        <v>51</v>
      </c>
      <c r="D7121" s="14" t="s">
        <v>66</v>
      </c>
      <c r="E7121" s="15">
        <v>45562</v>
      </c>
      <c r="F7121" s="14" t="s">
        <v>61</v>
      </c>
      <c r="G7121" s="16">
        <v>0</v>
      </c>
    </row>
    <row r="7122" spans="1:7" x14ac:dyDescent="0.3">
      <c r="A7122" s="13" t="s">
        <v>65</v>
      </c>
      <c r="B7122" s="14" t="s">
        <v>1</v>
      </c>
      <c r="C7122" s="14" t="s">
        <v>51</v>
      </c>
      <c r="D7122" s="14" t="s">
        <v>66</v>
      </c>
      <c r="E7122" s="15">
        <v>45563</v>
      </c>
      <c r="F7122" s="14" t="s">
        <v>61</v>
      </c>
      <c r="G7122" s="16">
        <v>0</v>
      </c>
    </row>
    <row r="7123" spans="1:7" x14ac:dyDescent="0.3">
      <c r="A7123" s="13" t="s">
        <v>65</v>
      </c>
      <c r="B7123" s="14" t="s">
        <v>1</v>
      </c>
      <c r="C7123" s="14" t="s">
        <v>51</v>
      </c>
      <c r="D7123" s="14" t="s">
        <v>66</v>
      </c>
      <c r="E7123" s="15">
        <v>45564</v>
      </c>
      <c r="F7123" s="14" t="s">
        <v>61</v>
      </c>
      <c r="G7123" s="16">
        <v>0</v>
      </c>
    </row>
    <row r="7124" spans="1:7" x14ac:dyDescent="0.3">
      <c r="A7124" s="13" t="s">
        <v>65</v>
      </c>
      <c r="B7124" s="14" t="s">
        <v>1</v>
      </c>
      <c r="C7124" s="14" t="s">
        <v>51</v>
      </c>
      <c r="D7124" s="14" t="s">
        <v>66</v>
      </c>
      <c r="E7124" s="15">
        <v>45565</v>
      </c>
      <c r="F7124" s="14" t="s">
        <v>61</v>
      </c>
      <c r="G7124" s="16">
        <v>0</v>
      </c>
    </row>
    <row r="7125" spans="1:7" x14ac:dyDescent="0.3">
      <c r="A7125" s="13" t="s">
        <v>65</v>
      </c>
      <c r="B7125" s="14" t="s">
        <v>1</v>
      </c>
      <c r="C7125" s="14" t="s">
        <v>51</v>
      </c>
      <c r="D7125" s="14" t="s">
        <v>66</v>
      </c>
      <c r="E7125" s="15">
        <v>45566</v>
      </c>
      <c r="F7125" s="14" t="s">
        <v>61</v>
      </c>
      <c r="G7125" s="16">
        <v>0</v>
      </c>
    </row>
    <row r="7126" spans="1:7" x14ac:dyDescent="0.3">
      <c r="A7126" s="13" t="s">
        <v>65</v>
      </c>
      <c r="B7126" s="14" t="s">
        <v>1</v>
      </c>
      <c r="C7126" s="14" t="s">
        <v>51</v>
      </c>
      <c r="D7126" s="14" t="s">
        <v>66</v>
      </c>
      <c r="E7126" s="15">
        <v>45567</v>
      </c>
      <c r="F7126" s="14" t="s">
        <v>61</v>
      </c>
      <c r="G7126" s="16">
        <v>0</v>
      </c>
    </row>
    <row r="7127" spans="1:7" x14ac:dyDescent="0.3">
      <c r="A7127" s="13" t="s">
        <v>65</v>
      </c>
      <c r="B7127" s="14" t="s">
        <v>1</v>
      </c>
      <c r="C7127" s="14" t="s">
        <v>51</v>
      </c>
      <c r="D7127" s="14" t="s">
        <v>66</v>
      </c>
      <c r="E7127" s="15">
        <v>45568</v>
      </c>
      <c r="F7127" s="14" t="s">
        <v>61</v>
      </c>
      <c r="G7127" s="16">
        <v>0</v>
      </c>
    </row>
    <row r="7128" spans="1:7" x14ac:dyDescent="0.3">
      <c r="A7128" s="13" t="s">
        <v>65</v>
      </c>
      <c r="B7128" s="14" t="s">
        <v>1</v>
      </c>
      <c r="C7128" s="14" t="s">
        <v>51</v>
      </c>
      <c r="D7128" s="14" t="s">
        <v>66</v>
      </c>
      <c r="E7128" s="15">
        <v>45569</v>
      </c>
      <c r="F7128" s="14" t="s">
        <v>61</v>
      </c>
      <c r="G7128" s="16">
        <v>0</v>
      </c>
    </row>
    <row r="7129" spans="1:7" x14ac:dyDescent="0.3">
      <c r="A7129" s="13" t="s">
        <v>65</v>
      </c>
      <c r="B7129" s="14" t="s">
        <v>1</v>
      </c>
      <c r="C7129" s="14" t="s">
        <v>51</v>
      </c>
      <c r="D7129" s="14" t="s">
        <v>66</v>
      </c>
      <c r="E7129" s="15">
        <v>45570</v>
      </c>
      <c r="F7129" s="14" t="s">
        <v>61</v>
      </c>
      <c r="G7129" s="16">
        <v>0</v>
      </c>
    </row>
    <row r="7130" spans="1:7" x14ac:dyDescent="0.3">
      <c r="A7130" s="13" t="s">
        <v>65</v>
      </c>
      <c r="B7130" s="14" t="s">
        <v>1</v>
      </c>
      <c r="C7130" s="14" t="s">
        <v>51</v>
      </c>
      <c r="D7130" s="14" t="s">
        <v>66</v>
      </c>
      <c r="E7130" s="15">
        <v>45571</v>
      </c>
      <c r="F7130" s="14" t="s">
        <v>61</v>
      </c>
      <c r="G7130" s="16">
        <v>0</v>
      </c>
    </row>
    <row r="7131" spans="1:7" x14ac:dyDescent="0.3">
      <c r="A7131" s="13" t="s">
        <v>65</v>
      </c>
      <c r="B7131" s="14" t="s">
        <v>1</v>
      </c>
      <c r="C7131" s="14" t="s">
        <v>51</v>
      </c>
      <c r="D7131" s="14" t="s">
        <v>66</v>
      </c>
      <c r="E7131" s="15">
        <v>45572</v>
      </c>
      <c r="F7131" s="14" t="s">
        <v>61</v>
      </c>
      <c r="G7131" s="16">
        <v>0</v>
      </c>
    </row>
    <row r="7132" spans="1:7" x14ac:dyDescent="0.3">
      <c r="A7132" s="13" t="s">
        <v>65</v>
      </c>
      <c r="B7132" s="14" t="s">
        <v>1</v>
      </c>
      <c r="C7132" s="14" t="s">
        <v>51</v>
      </c>
      <c r="D7132" s="14" t="s">
        <v>66</v>
      </c>
      <c r="E7132" s="15">
        <v>45573</v>
      </c>
      <c r="F7132" s="14" t="s">
        <v>61</v>
      </c>
      <c r="G7132" s="16">
        <v>0</v>
      </c>
    </row>
    <row r="7133" spans="1:7" x14ac:dyDescent="0.3">
      <c r="A7133" s="13" t="s">
        <v>65</v>
      </c>
      <c r="B7133" s="14" t="s">
        <v>1</v>
      </c>
      <c r="C7133" s="14" t="s">
        <v>51</v>
      </c>
      <c r="D7133" s="14" t="s">
        <v>66</v>
      </c>
      <c r="E7133" s="15">
        <v>45574</v>
      </c>
      <c r="F7133" s="14" t="s">
        <v>61</v>
      </c>
      <c r="G7133" s="16">
        <v>0</v>
      </c>
    </row>
    <row r="7134" spans="1:7" x14ac:dyDescent="0.3">
      <c r="A7134" s="13" t="s">
        <v>65</v>
      </c>
      <c r="B7134" s="14" t="s">
        <v>1</v>
      </c>
      <c r="C7134" s="14" t="s">
        <v>51</v>
      </c>
      <c r="D7134" s="14" t="s">
        <v>66</v>
      </c>
      <c r="E7134" s="15">
        <v>45575</v>
      </c>
      <c r="F7134" s="14" t="s">
        <v>61</v>
      </c>
      <c r="G7134" s="16">
        <v>0</v>
      </c>
    </row>
    <row r="7135" spans="1:7" x14ac:dyDescent="0.3">
      <c r="A7135" s="13" t="s">
        <v>65</v>
      </c>
      <c r="B7135" s="14" t="s">
        <v>1</v>
      </c>
      <c r="C7135" s="14" t="s">
        <v>51</v>
      </c>
      <c r="D7135" s="14" t="s">
        <v>66</v>
      </c>
      <c r="E7135" s="15">
        <v>45576</v>
      </c>
      <c r="F7135" s="14" t="s">
        <v>61</v>
      </c>
      <c r="G7135" s="16">
        <v>0</v>
      </c>
    </row>
    <row r="7136" spans="1:7" x14ac:dyDescent="0.3">
      <c r="A7136" s="13" t="s">
        <v>65</v>
      </c>
      <c r="B7136" s="14" t="s">
        <v>1</v>
      </c>
      <c r="C7136" s="14" t="s">
        <v>51</v>
      </c>
      <c r="D7136" s="14" t="s">
        <v>66</v>
      </c>
      <c r="E7136" s="15">
        <v>45577</v>
      </c>
      <c r="F7136" s="14" t="s">
        <v>61</v>
      </c>
      <c r="G7136" s="16">
        <v>0</v>
      </c>
    </row>
    <row r="7137" spans="1:7" x14ac:dyDescent="0.3">
      <c r="A7137" s="13" t="s">
        <v>65</v>
      </c>
      <c r="B7137" s="14" t="s">
        <v>1</v>
      </c>
      <c r="C7137" s="14" t="s">
        <v>51</v>
      </c>
      <c r="D7137" s="14" t="s">
        <v>66</v>
      </c>
      <c r="E7137" s="15">
        <v>45578</v>
      </c>
      <c r="F7137" s="14" t="s">
        <v>61</v>
      </c>
      <c r="G7137" s="16">
        <v>0</v>
      </c>
    </row>
    <row r="7138" spans="1:7" x14ac:dyDescent="0.3">
      <c r="A7138" s="13" t="s">
        <v>65</v>
      </c>
      <c r="B7138" s="14" t="s">
        <v>1</v>
      </c>
      <c r="C7138" s="14" t="s">
        <v>51</v>
      </c>
      <c r="D7138" s="14" t="s">
        <v>66</v>
      </c>
      <c r="E7138" s="15">
        <v>45579</v>
      </c>
      <c r="F7138" s="14" t="s">
        <v>61</v>
      </c>
      <c r="G7138" s="16">
        <v>0</v>
      </c>
    </row>
    <row r="7139" spans="1:7" x14ac:dyDescent="0.3">
      <c r="A7139" s="13" t="s">
        <v>65</v>
      </c>
      <c r="B7139" s="14" t="s">
        <v>1</v>
      </c>
      <c r="C7139" s="14" t="s">
        <v>51</v>
      </c>
      <c r="D7139" s="14" t="s">
        <v>66</v>
      </c>
      <c r="E7139" s="15">
        <v>45580</v>
      </c>
      <c r="F7139" s="14" t="s">
        <v>61</v>
      </c>
      <c r="G7139" s="16">
        <v>0</v>
      </c>
    </row>
    <row r="7140" spans="1:7" x14ac:dyDescent="0.3">
      <c r="A7140" s="13" t="s">
        <v>65</v>
      </c>
      <c r="B7140" s="14" t="s">
        <v>1</v>
      </c>
      <c r="C7140" s="14" t="s">
        <v>51</v>
      </c>
      <c r="D7140" s="14" t="s">
        <v>66</v>
      </c>
      <c r="E7140" s="15">
        <v>45581</v>
      </c>
      <c r="F7140" s="14" t="s">
        <v>61</v>
      </c>
      <c r="G7140" s="16">
        <v>0</v>
      </c>
    </row>
    <row r="7141" spans="1:7" x14ac:dyDescent="0.3">
      <c r="A7141" s="13" t="s">
        <v>65</v>
      </c>
      <c r="B7141" s="14" t="s">
        <v>1</v>
      </c>
      <c r="C7141" s="14" t="s">
        <v>51</v>
      </c>
      <c r="D7141" s="14" t="s">
        <v>66</v>
      </c>
      <c r="E7141" s="15">
        <v>45582</v>
      </c>
      <c r="F7141" s="14" t="s">
        <v>61</v>
      </c>
      <c r="G7141" s="16">
        <v>0</v>
      </c>
    </row>
    <row r="7142" spans="1:7" x14ac:dyDescent="0.3">
      <c r="A7142" s="13" t="s">
        <v>65</v>
      </c>
      <c r="B7142" s="14" t="s">
        <v>1</v>
      </c>
      <c r="C7142" s="14" t="s">
        <v>51</v>
      </c>
      <c r="D7142" s="14" t="s">
        <v>66</v>
      </c>
      <c r="E7142" s="15">
        <v>45583</v>
      </c>
      <c r="F7142" s="14" t="s">
        <v>61</v>
      </c>
      <c r="G7142" s="16">
        <v>0</v>
      </c>
    </row>
    <row r="7143" spans="1:7" x14ac:dyDescent="0.3">
      <c r="A7143" s="13" t="s">
        <v>65</v>
      </c>
      <c r="B7143" s="14" t="s">
        <v>1</v>
      </c>
      <c r="C7143" s="14" t="s">
        <v>51</v>
      </c>
      <c r="D7143" s="14" t="s">
        <v>66</v>
      </c>
      <c r="E7143" s="15">
        <v>45584</v>
      </c>
      <c r="F7143" s="14" t="s">
        <v>61</v>
      </c>
      <c r="G7143" s="16">
        <v>0</v>
      </c>
    </row>
    <row r="7144" spans="1:7" x14ac:dyDescent="0.3">
      <c r="A7144" s="13" t="s">
        <v>65</v>
      </c>
      <c r="B7144" s="14" t="s">
        <v>1</v>
      </c>
      <c r="C7144" s="14" t="s">
        <v>51</v>
      </c>
      <c r="D7144" s="14" t="s">
        <v>66</v>
      </c>
      <c r="E7144" s="15">
        <v>45585</v>
      </c>
      <c r="F7144" s="14" t="s">
        <v>61</v>
      </c>
      <c r="G7144" s="16">
        <v>0</v>
      </c>
    </row>
    <row r="7145" spans="1:7" x14ac:dyDescent="0.3">
      <c r="A7145" s="13" t="s">
        <v>65</v>
      </c>
      <c r="B7145" s="14" t="s">
        <v>1</v>
      </c>
      <c r="C7145" s="14" t="s">
        <v>51</v>
      </c>
      <c r="D7145" s="14" t="s">
        <v>66</v>
      </c>
      <c r="E7145" s="15">
        <v>45586</v>
      </c>
      <c r="F7145" s="14" t="s">
        <v>61</v>
      </c>
      <c r="G7145" s="16">
        <v>0</v>
      </c>
    </row>
    <row r="7146" spans="1:7" x14ac:dyDescent="0.3">
      <c r="A7146" s="13" t="s">
        <v>65</v>
      </c>
      <c r="B7146" s="14" t="s">
        <v>1</v>
      </c>
      <c r="C7146" s="14" t="s">
        <v>51</v>
      </c>
      <c r="D7146" s="14" t="s">
        <v>66</v>
      </c>
      <c r="E7146" s="15">
        <v>45587</v>
      </c>
      <c r="F7146" s="14" t="s">
        <v>61</v>
      </c>
      <c r="G7146" s="16">
        <v>0</v>
      </c>
    </row>
    <row r="7147" spans="1:7" x14ac:dyDescent="0.3">
      <c r="A7147" s="13" t="s">
        <v>65</v>
      </c>
      <c r="B7147" s="14" t="s">
        <v>1</v>
      </c>
      <c r="C7147" s="14" t="s">
        <v>51</v>
      </c>
      <c r="D7147" s="14" t="s">
        <v>66</v>
      </c>
      <c r="E7147" s="15">
        <v>45588</v>
      </c>
      <c r="F7147" s="14" t="s">
        <v>61</v>
      </c>
      <c r="G7147" s="16">
        <v>0</v>
      </c>
    </row>
    <row r="7148" spans="1:7" x14ac:dyDescent="0.3">
      <c r="A7148" s="13" t="s">
        <v>65</v>
      </c>
      <c r="B7148" s="14" t="s">
        <v>1</v>
      </c>
      <c r="C7148" s="14" t="s">
        <v>51</v>
      </c>
      <c r="D7148" s="14" t="s">
        <v>66</v>
      </c>
      <c r="E7148" s="15">
        <v>45589</v>
      </c>
      <c r="F7148" s="14" t="s">
        <v>61</v>
      </c>
      <c r="G7148" s="16">
        <v>0</v>
      </c>
    </row>
    <row r="7149" spans="1:7" x14ac:dyDescent="0.3">
      <c r="A7149" s="13" t="s">
        <v>65</v>
      </c>
      <c r="B7149" s="14" t="s">
        <v>1</v>
      </c>
      <c r="C7149" s="14" t="s">
        <v>51</v>
      </c>
      <c r="D7149" s="14" t="s">
        <v>66</v>
      </c>
      <c r="E7149" s="15">
        <v>45590</v>
      </c>
      <c r="F7149" s="14" t="s">
        <v>61</v>
      </c>
      <c r="G7149" s="16">
        <v>0</v>
      </c>
    </row>
    <row r="7150" spans="1:7" x14ac:dyDescent="0.3">
      <c r="A7150" s="13" t="s">
        <v>65</v>
      </c>
      <c r="B7150" s="14" t="s">
        <v>1</v>
      </c>
      <c r="C7150" s="14" t="s">
        <v>51</v>
      </c>
      <c r="D7150" s="14" t="s">
        <v>66</v>
      </c>
      <c r="E7150" s="15">
        <v>45591</v>
      </c>
      <c r="F7150" s="14" t="s">
        <v>61</v>
      </c>
      <c r="G7150" s="16">
        <v>0</v>
      </c>
    </row>
    <row r="7151" spans="1:7" x14ac:dyDescent="0.3">
      <c r="A7151" s="13" t="s">
        <v>65</v>
      </c>
      <c r="B7151" s="14" t="s">
        <v>1</v>
      </c>
      <c r="C7151" s="14" t="s">
        <v>51</v>
      </c>
      <c r="D7151" s="14" t="s">
        <v>66</v>
      </c>
      <c r="E7151" s="15">
        <v>45592</v>
      </c>
      <c r="F7151" s="14" t="s">
        <v>61</v>
      </c>
      <c r="G7151" s="16">
        <v>0</v>
      </c>
    </row>
    <row r="7152" spans="1:7" x14ac:dyDescent="0.3">
      <c r="A7152" s="13" t="s">
        <v>65</v>
      </c>
      <c r="B7152" s="14" t="s">
        <v>1</v>
      </c>
      <c r="C7152" s="14" t="s">
        <v>51</v>
      </c>
      <c r="D7152" s="14" t="s">
        <v>66</v>
      </c>
      <c r="E7152" s="15">
        <v>45593</v>
      </c>
      <c r="F7152" s="14" t="s">
        <v>61</v>
      </c>
      <c r="G7152" s="16">
        <v>0</v>
      </c>
    </row>
    <row r="7153" spans="1:7" x14ac:dyDescent="0.3">
      <c r="A7153" s="13" t="s">
        <v>65</v>
      </c>
      <c r="B7153" s="14" t="s">
        <v>1</v>
      </c>
      <c r="C7153" s="14" t="s">
        <v>51</v>
      </c>
      <c r="D7153" s="14" t="s">
        <v>66</v>
      </c>
      <c r="E7153" s="15">
        <v>45594</v>
      </c>
      <c r="F7153" s="14" t="s">
        <v>61</v>
      </c>
      <c r="G7153" s="16">
        <v>0</v>
      </c>
    </row>
    <row r="7154" spans="1:7" x14ac:dyDescent="0.3">
      <c r="A7154" s="13" t="s">
        <v>65</v>
      </c>
      <c r="B7154" s="14" t="s">
        <v>1</v>
      </c>
      <c r="C7154" s="14" t="s">
        <v>51</v>
      </c>
      <c r="D7154" s="14" t="s">
        <v>66</v>
      </c>
      <c r="E7154" s="15">
        <v>45595</v>
      </c>
      <c r="F7154" s="14" t="s">
        <v>61</v>
      </c>
      <c r="G7154" s="16">
        <v>0</v>
      </c>
    </row>
    <row r="7155" spans="1:7" x14ac:dyDescent="0.3">
      <c r="A7155" s="13" t="s">
        <v>65</v>
      </c>
      <c r="B7155" s="14" t="s">
        <v>1</v>
      </c>
      <c r="C7155" s="14" t="s">
        <v>51</v>
      </c>
      <c r="D7155" s="14" t="s">
        <v>66</v>
      </c>
      <c r="E7155" s="15">
        <v>45596</v>
      </c>
      <c r="F7155" s="14" t="s">
        <v>61</v>
      </c>
      <c r="G7155" s="16">
        <v>0</v>
      </c>
    </row>
    <row r="7156" spans="1:7" x14ac:dyDescent="0.3">
      <c r="A7156" s="13" t="s">
        <v>65</v>
      </c>
      <c r="B7156" s="14" t="s">
        <v>1</v>
      </c>
      <c r="C7156" s="14" t="s">
        <v>51</v>
      </c>
      <c r="D7156" s="14" t="s">
        <v>66</v>
      </c>
      <c r="E7156" s="15">
        <v>45597</v>
      </c>
      <c r="F7156" s="14" t="s">
        <v>61</v>
      </c>
      <c r="G7156" s="16">
        <v>0</v>
      </c>
    </row>
    <row r="7157" spans="1:7" x14ac:dyDescent="0.3">
      <c r="A7157" s="13" t="s">
        <v>65</v>
      </c>
      <c r="B7157" s="14" t="s">
        <v>1</v>
      </c>
      <c r="C7157" s="14" t="s">
        <v>51</v>
      </c>
      <c r="D7157" s="14" t="s">
        <v>66</v>
      </c>
      <c r="E7157" s="15">
        <v>45598</v>
      </c>
      <c r="F7157" s="14" t="s">
        <v>61</v>
      </c>
      <c r="G7157" s="16">
        <v>0</v>
      </c>
    </row>
    <row r="7158" spans="1:7" x14ac:dyDescent="0.3">
      <c r="A7158" s="13" t="s">
        <v>65</v>
      </c>
      <c r="B7158" s="14" t="s">
        <v>1</v>
      </c>
      <c r="C7158" s="14" t="s">
        <v>51</v>
      </c>
      <c r="D7158" s="14" t="s">
        <v>66</v>
      </c>
      <c r="E7158" s="15">
        <v>45599</v>
      </c>
      <c r="F7158" s="14" t="s">
        <v>61</v>
      </c>
      <c r="G7158" s="16">
        <v>0</v>
      </c>
    </row>
    <row r="7159" spans="1:7" x14ac:dyDescent="0.3">
      <c r="A7159" s="13" t="s">
        <v>65</v>
      </c>
      <c r="B7159" s="14" t="s">
        <v>1</v>
      </c>
      <c r="C7159" s="14" t="s">
        <v>51</v>
      </c>
      <c r="D7159" s="14" t="s">
        <v>66</v>
      </c>
      <c r="E7159" s="15">
        <v>45600</v>
      </c>
      <c r="F7159" s="14" t="s">
        <v>61</v>
      </c>
      <c r="G7159" s="16">
        <v>0</v>
      </c>
    </row>
    <row r="7160" spans="1:7" x14ac:dyDescent="0.3">
      <c r="A7160" s="13" t="s">
        <v>65</v>
      </c>
      <c r="B7160" s="14" t="s">
        <v>1</v>
      </c>
      <c r="C7160" s="14" t="s">
        <v>51</v>
      </c>
      <c r="D7160" s="14" t="s">
        <v>66</v>
      </c>
      <c r="E7160" s="15">
        <v>45601</v>
      </c>
      <c r="F7160" s="14" t="s">
        <v>61</v>
      </c>
      <c r="G7160" s="16">
        <v>0</v>
      </c>
    </row>
    <row r="7161" spans="1:7" x14ac:dyDescent="0.3">
      <c r="A7161" s="13" t="s">
        <v>65</v>
      </c>
      <c r="B7161" s="14" t="s">
        <v>1</v>
      </c>
      <c r="C7161" s="14" t="s">
        <v>51</v>
      </c>
      <c r="D7161" s="14" t="s">
        <v>66</v>
      </c>
      <c r="E7161" s="15">
        <v>45602</v>
      </c>
      <c r="F7161" s="14" t="s">
        <v>61</v>
      </c>
      <c r="G7161" s="16">
        <v>0</v>
      </c>
    </row>
    <row r="7162" spans="1:7" x14ac:dyDescent="0.3">
      <c r="A7162" s="13" t="s">
        <v>65</v>
      </c>
      <c r="B7162" s="14" t="s">
        <v>1</v>
      </c>
      <c r="C7162" s="14" t="s">
        <v>51</v>
      </c>
      <c r="D7162" s="14" t="s">
        <v>66</v>
      </c>
      <c r="E7162" s="15">
        <v>45603</v>
      </c>
      <c r="F7162" s="14" t="s">
        <v>61</v>
      </c>
      <c r="G7162" s="16">
        <v>0</v>
      </c>
    </row>
    <row r="7163" spans="1:7" x14ac:dyDescent="0.3">
      <c r="A7163" s="13" t="s">
        <v>65</v>
      </c>
      <c r="B7163" s="14" t="s">
        <v>1</v>
      </c>
      <c r="C7163" s="14" t="s">
        <v>51</v>
      </c>
      <c r="D7163" s="14" t="s">
        <v>66</v>
      </c>
      <c r="E7163" s="15">
        <v>45604</v>
      </c>
      <c r="F7163" s="14" t="s">
        <v>61</v>
      </c>
      <c r="G7163" s="16">
        <v>0</v>
      </c>
    </row>
    <row r="7164" spans="1:7" x14ac:dyDescent="0.3">
      <c r="A7164" s="13" t="s">
        <v>65</v>
      </c>
      <c r="B7164" s="14" t="s">
        <v>1</v>
      </c>
      <c r="C7164" s="14" t="s">
        <v>51</v>
      </c>
      <c r="D7164" s="14" t="s">
        <v>66</v>
      </c>
      <c r="E7164" s="15">
        <v>45605</v>
      </c>
      <c r="F7164" s="14" t="s">
        <v>61</v>
      </c>
      <c r="G7164" s="16">
        <v>0</v>
      </c>
    </row>
    <row r="7165" spans="1:7" x14ac:dyDescent="0.3">
      <c r="A7165" s="13" t="s">
        <v>65</v>
      </c>
      <c r="B7165" s="14" t="s">
        <v>1</v>
      </c>
      <c r="C7165" s="14" t="s">
        <v>51</v>
      </c>
      <c r="D7165" s="14" t="s">
        <v>66</v>
      </c>
      <c r="E7165" s="15">
        <v>45606</v>
      </c>
      <c r="F7165" s="14" t="s">
        <v>61</v>
      </c>
      <c r="G7165" s="16">
        <v>0</v>
      </c>
    </row>
    <row r="7166" spans="1:7" x14ac:dyDescent="0.3">
      <c r="A7166" s="13" t="s">
        <v>65</v>
      </c>
      <c r="B7166" s="14" t="s">
        <v>1</v>
      </c>
      <c r="C7166" s="14" t="s">
        <v>51</v>
      </c>
      <c r="D7166" s="14" t="s">
        <v>66</v>
      </c>
      <c r="E7166" s="15">
        <v>45607</v>
      </c>
      <c r="F7166" s="14" t="s">
        <v>61</v>
      </c>
      <c r="G7166" s="16">
        <v>0</v>
      </c>
    </row>
    <row r="7167" spans="1:7" x14ac:dyDescent="0.3">
      <c r="A7167" s="13" t="s">
        <v>65</v>
      </c>
      <c r="B7167" s="14" t="s">
        <v>1</v>
      </c>
      <c r="C7167" s="14" t="s">
        <v>51</v>
      </c>
      <c r="D7167" s="14" t="s">
        <v>66</v>
      </c>
      <c r="E7167" s="15">
        <v>45608</v>
      </c>
      <c r="F7167" s="14" t="s">
        <v>61</v>
      </c>
      <c r="G7167" s="16">
        <v>0</v>
      </c>
    </row>
    <row r="7168" spans="1:7" x14ac:dyDescent="0.3">
      <c r="A7168" s="13" t="s">
        <v>65</v>
      </c>
      <c r="B7168" s="14" t="s">
        <v>1</v>
      </c>
      <c r="C7168" s="14" t="s">
        <v>51</v>
      </c>
      <c r="D7168" s="14" t="s">
        <v>66</v>
      </c>
      <c r="E7168" s="15">
        <v>45609</v>
      </c>
      <c r="F7168" s="14" t="s">
        <v>61</v>
      </c>
      <c r="G7168" s="16">
        <v>0</v>
      </c>
    </row>
    <row r="7169" spans="1:7" x14ac:dyDescent="0.3">
      <c r="A7169" s="13" t="s">
        <v>65</v>
      </c>
      <c r="B7169" s="14" t="s">
        <v>1</v>
      </c>
      <c r="C7169" s="14" t="s">
        <v>51</v>
      </c>
      <c r="D7169" s="14" t="s">
        <v>66</v>
      </c>
      <c r="E7169" s="15">
        <v>45610</v>
      </c>
      <c r="F7169" s="14" t="s">
        <v>61</v>
      </c>
      <c r="G7169" s="16">
        <v>0</v>
      </c>
    </row>
    <row r="7170" spans="1:7" x14ac:dyDescent="0.3">
      <c r="A7170" s="13" t="s">
        <v>65</v>
      </c>
      <c r="B7170" s="14" t="s">
        <v>1</v>
      </c>
      <c r="C7170" s="14" t="s">
        <v>51</v>
      </c>
      <c r="D7170" s="14" t="s">
        <v>66</v>
      </c>
      <c r="E7170" s="15">
        <v>45611</v>
      </c>
      <c r="F7170" s="14" t="s">
        <v>61</v>
      </c>
      <c r="G7170" s="16">
        <v>0</v>
      </c>
    </row>
    <row r="7171" spans="1:7" x14ac:dyDescent="0.3">
      <c r="A7171" s="13" t="s">
        <v>65</v>
      </c>
      <c r="B7171" s="14" t="s">
        <v>1</v>
      </c>
      <c r="C7171" s="14" t="s">
        <v>51</v>
      </c>
      <c r="D7171" s="14" t="s">
        <v>66</v>
      </c>
      <c r="E7171" s="15">
        <v>45612</v>
      </c>
      <c r="F7171" s="14" t="s">
        <v>61</v>
      </c>
      <c r="G7171" s="16">
        <v>0</v>
      </c>
    </row>
    <row r="7172" spans="1:7" x14ac:dyDescent="0.3">
      <c r="A7172" s="13" t="s">
        <v>65</v>
      </c>
      <c r="B7172" s="14" t="s">
        <v>1</v>
      </c>
      <c r="C7172" s="14" t="s">
        <v>51</v>
      </c>
      <c r="D7172" s="14" t="s">
        <v>66</v>
      </c>
      <c r="E7172" s="15">
        <v>45613</v>
      </c>
      <c r="F7172" s="14" t="s">
        <v>61</v>
      </c>
      <c r="G7172" s="16">
        <v>0</v>
      </c>
    </row>
    <row r="7173" spans="1:7" x14ac:dyDescent="0.3">
      <c r="A7173" s="13" t="s">
        <v>65</v>
      </c>
      <c r="B7173" s="14" t="s">
        <v>1</v>
      </c>
      <c r="C7173" s="14" t="s">
        <v>51</v>
      </c>
      <c r="D7173" s="14" t="s">
        <v>66</v>
      </c>
      <c r="E7173" s="15">
        <v>45614</v>
      </c>
      <c r="F7173" s="14" t="s">
        <v>61</v>
      </c>
      <c r="G7173" s="16">
        <v>0</v>
      </c>
    </row>
    <row r="7174" spans="1:7" x14ac:dyDescent="0.3">
      <c r="A7174" s="13" t="s">
        <v>65</v>
      </c>
      <c r="B7174" s="14" t="s">
        <v>1</v>
      </c>
      <c r="C7174" s="14" t="s">
        <v>51</v>
      </c>
      <c r="D7174" s="14" t="s">
        <v>66</v>
      </c>
      <c r="E7174" s="15">
        <v>45615</v>
      </c>
      <c r="F7174" s="14" t="s">
        <v>61</v>
      </c>
      <c r="G7174" s="16">
        <v>0</v>
      </c>
    </row>
    <row r="7175" spans="1:7" x14ac:dyDescent="0.3">
      <c r="A7175" s="13" t="s">
        <v>65</v>
      </c>
      <c r="B7175" s="14" t="s">
        <v>1</v>
      </c>
      <c r="C7175" s="14" t="s">
        <v>51</v>
      </c>
      <c r="D7175" s="14" t="s">
        <v>66</v>
      </c>
      <c r="E7175" s="15">
        <v>45616</v>
      </c>
      <c r="F7175" s="14" t="s">
        <v>61</v>
      </c>
      <c r="G7175" s="16">
        <v>0</v>
      </c>
    </row>
    <row r="7176" spans="1:7" x14ac:dyDescent="0.3">
      <c r="A7176" s="13" t="s">
        <v>65</v>
      </c>
      <c r="B7176" s="14" t="s">
        <v>1</v>
      </c>
      <c r="C7176" s="14" t="s">
        <v>51</v>
      </c>
      <c r="D7176" s="14" t="s">
        <v>66</v>
      </c>
      <c r="E7176" s="15">
        <v>45617</v>
      </c>
      <c r="F7176" s="14" t="s">
        <v>61</v>
      </c>
      <c r="G7176" s="16">
        <v>0</v>
      </c>
    </row>
    <row r="7177" spans="1:7" x14ac:dyDescent="0.3">
      <c r="A7177" s="13" t="s">
        <v>65</v>
      </c>
      <c r="B7177" s="14" t="s">
        <v>1</v>
      </c>
      <c r="C7177" s="14" t="s">
        <v>51</v>
      </c>
      <c r="D7177" s="14" t="s">
        <v>66</v>
      </c>
      <c r="E7177" s="15">
        <v>45618</v>
      </c>
      <c r="F7177" s="14" t="s">
        <v>61</v>
      </c>
      <c r="G7177" s="16">
        <v>0</v>
      </c>
    </row>
    <row r="7178" spans="1:7" x14ac:dyDescent="0.3">
      <c r="A7178" s="13" t="s">
        <v>65</v>
      </c>
      <c r="B7178" s="14" t="s">
        <v>1</v>
      </c>
      <c r="C7178" s="14" t="s">
        <v>51</v>
      </c>
      <c r="D7178" s="14" t="s">
        <v>66</v>
      </c>
      <c r="E7178" s="15">
        <v>45619</v>
      </c>
      <c r="F7178" s="14" t="s">
        <v>61</v>
      </c>
      <c r="G7178" s="16">
        <v>0</v>
      </c>
    </row>
    <row r="7179" spans="1:7" x14ac:dyDescent="0.3">
      <c r="A7179" s="13" t="s">
        <v>65</v>
      </c>
      <c r="B7179" s="14" t="s">
        <v>1</v>
      </c>
      <c r="C7179" s="14" t="s">
        <v>51</v>
      </c>
      <c r="D7179" s="14" t="s">
        <v>66</v>
      </c>
      <c r="E7179" s="15">
        <v>45620</v>
      </c>
      <c r="F7179" s="14" t="s">
        <v>61</v>
      </c>
      <c r="G7179" s="16">
        <v>0</v>
      </c>
    </row>
    <row r="7180" spans="1:7" x14ac:dyDescent="0.3">
      <c r="A7180" s="13" t="s">
        <v>65</v>
      </c>
      <c r="B7180" s="14" t="s">
        <v>1</v>
      </c>
      <c r="C7180" s="14" t="s">
        <v>51</v>
      </c>
      <c r="D7180" s="14" t="s">
        <v>66</v>
      </c>
      <c r="E7180" s="15">
        <v>45621</v>
      </c>
      <c r="F7180" s="14" t="s">
        <v>61</v>
      </c>
      <c r="G7180" s="16">
        <v>0</v>
      </c>
    </row>
    <row r="7181" spans="1:7" x14ac:dyDescent="0.3">
      <c r="A7181" s="13" t="s">
        <v>65</v>
      </c>
      <c r="B7181" s="14" t="s">
        <v>1</v>
      </c>
      <c r="C7181" s="14" t="s">
        <v>51</v>
      </c>
      <c r="D7181" s="14" t="s">
        <v>66</v>
      </c>
      <c r="E7181" s="15">
        <v>45622</v>
      </c>
      <c r="F7181" s="14" t="s">
        <v>61</v>
      </c>
      <c r="G7181" s="16">
        <v>0</v>
      </c>
    </row>
    <row r="7182" spans="1:7" x14ac:dyDescent="0.3">
      <c r="A7182" s="13" t="s">
        <v>65</v>
      </c>
      <c r="B7182" s="14" t="s">
        <v>1</v>
      </c>
      <c r="C7182" s="14" t="s">
        <v>51</v>
      </c>
      <c r="D7182" s="14" t="s">
        <v>66</v>
      </c>
      <c r="E7182" s="15">
        <v>45623</v>
      </c>
      <c r="F7182" s="14" t="s">
        <v>61</v>
      </c>
      <c r="G7182" s="16">
        <v>0</v>
      </c>
    </row>
    <row r="7183" spans="1:7" x14ac:dyDescent="0.3">
      <c r="A7183" s="13" t="s">
        <v>65</v>
      </c>
      <c r="B7183" s="14" t="s">
        <v>1</v>
      </c>
      <c r="C7183" s="14" t="s">
        <v>51</v>
      </c>
      <c r="D7183" s="14" t="s">
        <v>66</v>
      </c>
      <c r="E7183" s="15">
        <v>45624</v>
      </c>
      <c r="F7183" s="14" t="s">
        <v>61</v>
      </c>
      <c r="G7183" s="16">
        <v>0</v>
      </c>
    </row>
    <row r="7184" spans="1:7" x14ac:dyDescent="0.3">
      <c r="A7184" s="13" t="s">
        <v>65</v>
      </c>
      <c r="B7184" s="14" t="s">
        <v>1</v>
      </c>
      <c r="C7184" s="14" t="s">
        <v>51</v>
      </c>
      <c r="D7184" s="14" t="s">
        <v>66</v>
      </c>
      <c r="E7184" s="15">
        <v>45625</v>
      </c>
      <c r="F7184" s="14" t="s">
        <v>61</v>
      </c>
      <c r="G7184" s="16">
        <v>0</v>
      </c>
    </row>
    <row r="7185" spans="1:7" x14ac:dyDescent="0.3">
      <c r="A7185" s="13" t="s">
        <v>65</v>
      </c>
      <c r="B7185" s="14" t="s">
        <v>1</v>
      </c>
      <c r="C7185" s="14" t="s">
        <v>51</v>
      </c>
      <c r="D7185" s="14" t="s">
        <v>66</v>
      </c>
      <c r="E7185" s="15">
        <v>45626</v>
      </c>
      <c r="F7185" s="14" t="s">
        <v>61</v>
      </c>
      <c r="G7185" s="16">
        <v>0</v>
      </c>
    </row>
    <row r="7186" spans="1:7" x14ac:dyDescent="0.3">
      <c r="A7186" s="13" t="s">
        <v>65</v>
      </c>
      <c r="B7186" s="14" t="s">
        <v>1</v>
      </c>
      <c r="C7186" s="14" t="s">
        <v>51</v>
      </c>
      <c r="D7186" s="14" t="s">
        <v>66</v>
      </c>
      <c r="E7186" s="15">
        <v>45627</v>
      </c>
      <c r="F7186" s="14" t="s">
        <v>61</v>
      </c>
      <c r="G7186" s="16">
        <v>0</v>
      </c>
    </row>
    <row r="7187" spans="1:7" x14ac:dyDescent="0.3">
      <c r="A7187" s="13" t="s">
        <v>65</v>
      </c>
      <c r="B7187" s="14" t="s">
        <v>1</v>
      </c>
      <c r="C7187" s="14" t="s">
        <v>51</v>
      </c>
      <c r="D7187" s="14" t="s">
        <v>66</v>
      </c>
      <c r="E7187" s="15">
        <v>45628</v>
      </c>
      <c r="F7187" s="14" t="s">
        <v>61</v>
      </c>
      <c r="G7187" s="16">
        <v>0</v>
      </c>
    </row>
    <row r="7188" spans="1:7" x14ac:dyDescent="0.3">
      <c r="A7188" s="13" t="s">
        <v>65</v>
      </c>
      <c r="B7188" s="14" t="s">
        <v>1</v>
      </c>
      <c r="C7188" s="14" t="s">
        <v>51</v>
      </c>
      <c r="D7188" s="14" t="s">
        <v>66</v>
      </c>
      <c r="E7188" s="15">
        <v>45629</v>
      </c>
      <c r="F7188" s="14" t="s">
        <v>61</v>
      </c>
      <c r="G7188" s="16">
        <v>0</v>
      </c>
    </row>
    <row r="7189" spans="1:7" x14ac:dyDescent="0.3">
      <c r="A7189" s="13" t="s">
        <v>65</v>
      </c>
      <c r="B7189" s="14" t="s">
        <v>1</v>
      </c>
      <c r="C7189" s="14" t="s">
        <v>51</v>
      </c>
      <c r="D7189" s="14" t="s">
        <v>66</v>
      </c>
      <c r="E7189" s="15">
        <v>45630</v>
      </c>
      <c r="F7189" s="14" t="s">
        <v>61</v>
      </c>
      <c r="G7189" s="16">
        <v>0</v>
      </c>
    </row>
    <row r="7190" spans="1:7" x14ac:dyDescent="0.3">
      <c r="A7190" s="13" t="s">
        <v>65</v>
      </c>
      <c r="B7190" s="14" t="s">
        <v>1</v>
      </c>
      <c r="C7190" s="14" t="s">
        <v>51</v>
      </c>
      <c r="D7190" s="14" t="s">
        <v>66</v>
      </c>
      <c r="E7190" s="15">
        <v>45631</v>
      </c>
      <c r="F7190" s="14" t="s">
        <v>61</v>
      </c>
      <c r="G7190" s="16">
        <v>0</v>
      </c>
    </row>
    <row r="7191" spans="1:7" x14ac:dyDescent="0.3">
      <c r="A7191" s="13" t="s">
        <v>65</v>
      </c>
      <c r="B7191" s="14" t="s">
        <v>1</v>
      </c>
      <c r="C7191" s="14" t="s">
        <v>51</v>
      </c>
      <c r="D7191" s="14" t="s">
        <v>66</v>
      </c>
      <c r="E7191" s="15">
        <v>45632</v>
      </c>
      <c r="F7191" s="14" t="s">
        <v>61</v>
      </c>
      <c r="G7191" s="16">
        <v>0</v>
      </c>
    </row>
    <row r="7192" spans="1:7" x14ac:dyDescent="0.3">
      <c r="A7192" s="13" t="s">
        <v>65</v>
      </c>
      <c r="B7192" s="14" t="s">
        <v>1</v>
      </c>
      <c r="C7192" s="14" t="s">
        <v>51</v>
      </c>
      <c r="D7192" s="14" t="s">
        <v>66</v>
      </c>
      <c r="E7192" s="15">
        <v>45633</v>
      </c>
      <c r="F7192" s="14" t="s">
        <v>61</v>
      </c>
      <c r="G7192" s="16">
        <v>0</v>
      </c>
    </row>
    <row r="7193" spans="1:7" x14ac:dyDescent="0.3">
      <c r="A7193" s="13" t="s">
        <v>65</v>
      </c>
      <c r="B7193" s="14" t="s">
        <v>1</v>
      </c>
      <c r="C7193" s="14" t="s">
        <v>51</v>
      </c>
      <c r="D7193" s="14" t="s">
        <v>66</v>
      </c>
      <c r="E7193" s="15">
        <v>45634</v>
      </c>
      <c r="F7193" s="14" t="s">
        <v>61</v>
      </c>
      <c r="G7193" s="16">
        <v>0</v>
      </c>
    </row>
    <row r="7194" spans="1:7" x14ac:dyDescent="0.3">
      <c r="A7194" s="13" t="s">
        <v>65</v>
      </c>
      <c r="B7194" s="14" t="s">
        <v>1</v>
      </c>
      <c r="C7194" s="14" t="s">
        <v>51</v>
      </c>
      <c r="D7194" s="14" t="s">
        <v>66</v>
      </c>
      <c r="E7194" s="15">
        <v>45635</v>
      </c>
      <c r="F7194" s="14" t="s">
        <v>61</v>
      </c>
      <c r="G7194" s="16">
        <v>0</v>
      </c>
    </row>
    <row r="7195" spans="1:7" x14ac:dyDescent="0.3">
      <c r="A7195" s="13" t="s">
        <v>65</v>
      </c>
      <c r="B7195" s="14" t="s">
        <v>1</v>
      </c>
      <c r="C7195" s="14" t="s">
        <v>51</v>
      </c>
      <c r="D7195" s="14" t="s">
        <v>66</v>
      </c>
      <c r="E7195" s="15">
        <v>45636</v>
      </c>
      <c r="F7195" s="14" t="s">
        <v>61</v>
      </c>
      <c r="G7195" s="16">
        <v>0</v>
      </c>
    </row>
    <row r="7196" spans="1:7" x14ac:dyDescent="0.3">
      <c r="A7196" s="13" t="s">
        <v>65</v>
      </c>
      <c r="B7196" s="14" t="s">
        <v>1</v>
      </c>
      <c r="C7196" s="14" t="s">
        <v>51</v>
      </c>
      <c r="D7196" s="14" t="s">
        <v>66</v>
      </c>
      <c r="E7196" s="15">
        <v>45637</v>
      </c>
      <c r="F7196" s="14" t="s">
        <v>61</v>
      </c>
      <c r="G7196" s="16">
        <v>0</v>
      </c>
    </row>
    <row r="7197" spans="1:7" x14ac:dyDescent="0.3">
      <c r="A7197" s="13" t="s">
        <v>65</v>
      </c>
      <c r="B7197" s="14" t="s">
        <v>1</v>
      </c>
      <c r="C7197" s="14" t="s">
        <v>51</v>
      </c>
      <c r="D7197" s="14" t="s">
        <v>66</v>
      </c>
      <c r="E7197" s="15">
        <v>45638</v>
      </c>
      <c r="F7197" s="14" t="s">
        <v>61</v>
      </c>
      <c r="G7197" s="16">
        <v>0</v>
      </c>
    </row>
    <row r="7198" spans="1:7" x14ac:dyDescent="0.3">
      <c r="A7198" s="13" t="s">
        <v>65</v>
      </c>
      <c r="B7198" s="14" t="s">
        <v>1</v>
      </c>
      <c r="C7198" s="14" t="s">
        <v>51</v>
      </c>
      <c r="D7198" s="14" t="s">
        <v>66</v>
      </c>
      <c r="E7198" s="15">
        <v>45639</v>
      </c>
      <c r="F7198" s="14" t="s">
        <v>61</v>
      </c>
      <c r="G7198" s="16">
        <v>0</v>
      </c>
    </row>
    <row r="7199" spans="1:7" x14ac:dyDescent="0.3">
      <c r="A7199" s="13" t="s">
        <v>65</v>
      </c>
      <c r="B7199" s="14" t="s">
        <v>1</v>
      </c>
      <c r="C7199" s="14" t="s">
        <v>51</v>
      </c>
      <c r="D7199" s="14" t="s">
        <v>66</v>
      </c>
      <c r="E7199" s="15">
        <v>45640</v>
      </c>
      <c r="F7199" s="14" t="s">
        <v>61</v>
      </c>
      <c r="G7199" s="16">
        <v>0</v>
      </c>
    </row>
    <row r="7200" spans="1:7" x14ac:dyDescent="0.3">
      <c r="A7200" s="13" t="s">
        <v>65</v>
      </c>
      <c r="B7200" s="14" t="s">
        <v>1</v>
      </c>
      <c r="C7200" s="14" t="s">
        <v>51</v>
      </c>
      <c r="D7200" s="14" t="s">
        <v>66</v>
      </c>
      <c r="E7200" s="15">
        <v>45641</v>
      </c>
      <c r="F7200" s="14" t="s">
        <v>61</v>
      </c>
      <c r="G7200" s="16">
        <v>0</v>
      </c>
    </row>
    <row r="7201" spans="1:7" x14ac:dyDescent="0.3">
      <c r="A7201" s="13" t="s">
        <v>65</v>
      </c>
      <c r="B7201" s="14" t="s">
        <v>1</v>
      </c>
      <c r="C7201" s="14" t="s">
        <v>51</v>
      </c>
      <c r="D7201" s="14" t="s">
        <v>66</v>
      </c>
      <c r="E7201" s="15">
        <v>45642</v>
      </c>
      <c r="F7201" s="14" t="s">
        <v>61</v>
      </c>
      <c r="G7201" s="16">
        <v>0</v>
      </c>
    </row>
    <row r="7202" spans="1:7" x14ac:dyDescent="0.3">
      <c r="A7202" s="13" t="s">
        <v>65</v>
      </c>
      <c r="B7202" s="14" t="s">
        <v>1</v>
      </c>
      <c r="C7202" s="14" t="s">
        <v>51</v>
      </c>
      <c r="D7202" s="14" t="s">
        <v>66</v>
      </c>
      <c r="E7202" s="15">
        <v>45643</v>
      </c>
      <c r="F7202" s="14" t="s">
        <v>61</v>
      </c>
      <c r="G7202" s="16">
        <v>0</v>
      </c>
    </row>
    <row r="7203" spans="1:7" x14ac:dyDescent="0.3">
      <c r="A7203" s="13" t="s">
        <v>65</v>
      </c>
      <c r="B7203" s="14" t="s">
        <v>1</v>
      </c>
      <c r="C7203" s="14" t="s">
        <v>51</v>
      </c>
      <c r="D7203" s="14" t="s">
        <v>66</v>
      </c>
      <c r="E7203" s="15">
        <v>45644</v>
      </c>
      <c r="F7203" s="14" t="s">
        <v>61</v>
      </c>
      <c r="G7203" s="16">
        <v>0</v>
      </c>
    </row>
    <row r="7204" spans="1:7" x14ac:dyDescent="0.3">
      <c r="A7204" s="13" t="s">
        <v>65</v>
      </c>
      <c r="B7204" s="14" t="s">
        <v>1</v>
      </c>
      <c r="C7204" s="14" t="s">
        <v>51</v>
      </c>
      <c r="D7204" s="14" t="s">
        <v>66</v>
      </c>
      <c r="E7204" s="15">
        <v>45645</v>
      </c>
      <c r="F7204" s="14" t="s">
        <v>61</v>
      </c>
      <c r="G7204" s="16">
        <v>0</v>
      </c>
    </row>
    <row r="7205" spans="1:7" x14ac:dyDescent="0.3">
      <c r="A7205" s="13" t="s">
        <v>65</v>
      </c>
      <c r="B7205" s="14" t="s">
        <v>1</v>
      </c>
      <c r="C7205" s="14" t="s">
        <v>51</v>
      </c>
      <c r="D7205" s="14" t="s">
        <v>66</v>
      </c>
      <c r="E7205" s="15">
        <v>45646</v>
      </c>
      <c r="F7205" s="14" t="s">
        <v>61</v>
      </c>
      <c r="G7205" s="16">
        <v>0</v>
      </c>
    </row>
    <row r="7206" spans="1:7" x14ac:dyDescent="0.3">
      <c r="A7206" s="13" t="s">
        <v>65</v>
      </c>
      <c r="B7206" s="14" t="s">
        <v>1</v>
      </c>
      <c r="C7206" s="14" t="s">
        <v>51</v>
      </c>
      <c r="D7206" s="14" t="s">
        <v>66</v>
      </c>
      <c r="E7206" s="15">
        <v>45647</v>
      </c>
      <c r="F7206" s="14" t="s">
        <v>61</v>
      </c>
      <c r="G7206" s="16">
        <v>0</v>
      </c>
    </row>
    <row r="7207" spans="1:7" x14ac:dyDescent="0.3">
      <c r="A7207" s="13" t="s">
        <v>65</v>
      </c>
      <c r="B7207" s="14" t="s">
        <v>1</v>
      </c>
      <c r="C7207" s="14" t="s">
        <v>51</v>
      </c>
      <c r="D7207" s="14" t="s">
        <v>66</v>
      </c>
      <c r="E7207" s="15">
        <v>45648</v>
      </c>
      <c r="F7207" s="14" t="s">
        <v>61</v>
      </c>
      <c r="G7207" s="16">
        <v>0</v>
      </c>
    </row>
    <row r="7208" spans="1:7" x14ac:dyDescent="0.3">
      <c r="A7208" s="13" t="s">
        <v>65</v>
      </c>
      <c r="B7208" s="14" t="s">
        <v>1</v>
      </c>
      <c r="C7208" s="14" t="s">
        <v>51</v>
      </c>
      <c r="D7208" s="14" t="s">
        <v>66</v>
      </c>
      <c r="E7208" s="15">
        <v>45649</v>
      </c>
      <c r="F7208" s="14" t="s">
        <v>61</v>
      </c>
      <c r="G7208" s="16">
        <v>0</v>
      </c>
    </row>
    <row r="7209" spans="1:7" x14ac:dyDescent="0.3">
      <c r="A7209" s="13" t="s">
        <v>65</v>
      </c>
      <c r="B7209" s="14" t="s">
        <v>1</v>
      </c>
      <c r="C7209" s="14" t="s">
        <v>51</v>
      </c>
      <c r="D7209" s="14" t="s">
        <v>66</v>
      </c>
      <c r="E7209" s="15">
        <v>45650</v>
      </c>
      <c r="F7209" s="14" t="s">
        <v>61</v>
      </c>
      <c r="G7209" s="16">
        <v>0</v>
      </c>
    </row>
    <row r="7210" spans="1:7" x14ac:dyDescent="0.3">
      <c r="A7210" s="13" t="s">
        <v>65</v>
      </c>
      <c r="B7210" s="14" t="s">
        <v>1</v>
      </c>
      <c r="C7210" s="14" t="s">
        <v>51</v>
      </c>
      <c r="D7210" s="14" t="s">
        <v>66</v>
      </c>
      <c r="E7210" s="15">
        <v>45651</v>
      </c>
      <c r="F7210" s="14" t="s">
        <v>61</v>
      </c>
      <c r="G7210" s="16">
        <v>0</v>
      </c>
    </row>
    <row r="7211" spans="1:7" x14ac:dyDescent="0.3">
      <c r="A7211" s="13" t="s">
        <v>65</v>
      </c>
      <c r="B7211" s="14" t="s">
        <v>1</v>
      </c>
      <c r="C7211" s="14" t="s">
        <v>51</v>
      </c>
      <c r="D7211" s="14" t="s">
        <v>66</v>
      </c>
      <c r="E7211" s="15">
        <v>45652</v>
      </c>
      <c r="F7211" s="14" t="s">
        <v>61</v>
      </c>
      <c r="G7211" s="16">
        <v>0</v>
      </c>
    </row>
    <row r="7212" spans="1:7" x14ac:dyDescent="0.3">
      <c r="A7212" s="13" t="s">
        <v>65</v>
      </c>
      <c r="B7212" s="14" t="s">
        <v>1</v>
      </c>
      <c r="C7212" s="14" t="s">
        <v>51</v>
      </c>
      <c r="D7212" s="14" t="s">
        <v>66</v>
      </c>
      <c r="E7212" s="15">
        <v>45653</v>
      </c>
      <c r="F7212" s="14" t="s">
        <v>61</v>
      </c>
      <c r="G7212" s="16">
        <v>0</v>
      </c>
    </row>
    <row r="7213" spans="1:7" x14ac:dyDescent="0.3">
      <c r="A7213" s="13" t="s">
        <v>65</v>
      </c>
      <c r="B7213" s="14" t="s">
        <v>1</v>
      </c>
      <c r="C7213" s="14" t="s">
        <v>51</v>
      </c>
      <c r="D7213" s="14" t="s">
        <v>66</v>
      </c>
      <c r="E7213" s="15">
        <v>45654</v>
      </c>
      <c r="F7213" s="14" t="s">
        <v>61</v>
      </c>
      <c r="G7213" s="16">
        <v>0</v>
      </c>
    </row>
    <row r="7214" spans="1:7" x14ac:dyDescent="0.3">
      <c r="A7214" s="13" t="s">
        <v>65</v>
      </c>
      <c r="B7214" s="14" t="s">
        <v>1</v>
      </c>
      <c r="C7214" s="14" t="s">
        <v>51</v>
      </c>
      <c r="D7214" s="14" t="s">
        <v>66</v>
      </c>
      <c r="E7214" s="15">
        <v>45655</v>
      </c>
      <c r="F7214" s="14" t="s">
        <v>61</v>
      </c>
      <c r="G7214" s="16">
        <v>0</v>
      </c>
    </row>
    <row r="7215" spans="1:7" x14ac:dyDescent="0.3">
      <c r="A7215" s="13" t="s">
        <v>65</v>
      </c>
      <c r="B7215" s="14" t="s">
        <v>1</v>
      </c>
      <c r="C7215" s="14" t="s">
        <v>51</v>
      </c>
      <c r="D7215" s="14" t="s">
        <v>66</v>
      </c>
      <c r="E7215" s="15">
        <v>45656</v>
      </c>
      <c r="F7215" s="14" t="s">
        <v>61</v>
      </c>
      <c r="G7215" s="16">
        <v>0</v>
      </c>
    </row>
    <row r="7216" spans="1:7" x14ac:dyDescent="0.3">
      <c r="A7216" s="13" t="s">
        <v>65</v>
      </c>
      <c r="B7216" s="14" t="s">
        <v>1</v>
      </c>
      <c r="C7216" s="14" t="s">
        <v>51</v>
      </c>
      <c r="D7216" s="14" t="s">
        <v>66</v>
      </c>
      <c r="E7216" s="15">
        <v>45657</v>
      </c>
      <c r="F7216" s="14" t="s">
        <v>61</v>
      </c>
      <c r="G7216" s="16">
        <v>0</v>
      </c>
    </row>
    <row r="7217" spans="1:7" x14ac:dyDescent="0.3">
      <c r="A7217" s="13" t="s">
        <v>65</v>
      </c>
      <c r="B7217" s="14" t="s">
        <v>1</v>
      </c>
      <c r="C7217" s="14" t="s">
        <v>51</v>
      </c>
      <c r="D7217" s="14" t="s">
        <v>66</v>
      </c>
      <c r="E7217" s="15">
        <v>45658</v>
      </c>
      <c r="F7217" s="14" t="s">
        <v>61</v>
      </c>
      <c r="G7217" s="16">
        <v>0</v>
      </c>
    </row>
    <row r="7218" spans="1:7" x14ac:dyDescent="0.3">
      <c r="A7218" s="13" t="s">
        <v>65</v>
      </c>
      <c r="B7218" s="14" t="s">
        <v>1</v>
      </c>
      <c r="C7218" s="14" t="s">
        <v>51</v>
      </c>
      <c r="D7218" s="14" t="s">
        <v>66</v>
      </c>
      <c r="E7218" s="15">
        <v>45659</v>
      </c>
      <c r="F7218" s="14" t="s">
        <v>61</v>
      </c>
      <c r="G7218" s="16">
        <v>0</v>
      </c>
    </row>
    <row r="7219" spans="1:7" x14ac:dyDescent="0.3">
      <c r="A7219" s="13" t="s">
        <v>65</v>
      </c>
      <c r="B7219" s="14" t="s">
        <v>1</v>
      </c>
      <c r="C7219" s="14" t="s">
        <v>51</v>
      </c>
      <c r="D7219" s="14" t="s">
        <v>66</v>
      </c>
      <c r="E7219" s="15">
        <v>45660</v>
      </c>
      <c r="F7219" s="14" t="s">
        <v>61</v>
      </c>
      <c r="G7219" s="16">
        <v>0</v>
      </c>
    </row>
    <row r="7220" spans="1:7" x14ac:dyDescent="0.3">
      <c r="A7220" s="13" t="s">
        <v>65</v>
      </c>
      <c r="B7220" s="14" t="s">
        <v>1</v>
      </c>
      <c r="C7220" s="14" t="s">
        <v>51</v>
      </c>
      <c r="D7220" s="14" t="s">
        <v>66</v>
      </c>
      <c r="E7220" s="15">
        <v>45661</v>
      </c>
      <c r="F7220" s="14" t="s">
        <v>61</v>
      </c>
      <c r="G7220" s="16">
        <v>0</v>
      </c>
    </row>
    <row r="7221" spans="1:7" x14ac:dyDescent="0.3">
      <c r="A7221" s="13" t="s">
        <v>65</v>
      </c>
      <c r="B7221" s="14" t="s">
        <v>1</v>
      </c>
      <c r="C7221" s="14" t="s">
        <v>51</v>
      </c>
      <c r="D7221" s="14" t="s">
        <v>66</v>
      </c>
      <c r="E7221" s="15">
        <v>45662</v>
      </c>
      <c r="F7221" s="14" t="s">
        <v>61</v>
      </c>
      <c r="G7221" s="16">
        <v>0</v>
      </c>
    </row>
    <row r="7222" spans="1:7" x14ac:dyDescent="0.3">
      <c r="A7222" s="13" t="s">
        <v>65</v>
      </c>
      <c r="B7222" s="14" t="s">
        <v>1</v>
      </c>
      <c r="C7222" s="14" t="s">
        <v>51</v>
      </c>
      <c r="D7222" s="14" t="s">
        <v>66</v>
      </c>
      <c r="E7222" s="15">
        <v>45663</v>
      </c>
      <c r="F7222" s="14" t="s">
        <v>61</v>
      </c>
      <c r="G7222" s="16">
        <v>0</v>
      </c>
    </row>
    <row r="7223" spans="1:7" x14ac:dyDescent="0.3">
      <c r="A7223" s="13" t="s">
        <v>65</v>
      </c>
      <c r="B7223" s="14" t="s">
        <v>1</v>
      </c>
      <c r="C7223" s="14" t="s">
        <v>51</v>
      </c>
      <c r="D7223" s="14" t="s">
        <v>66</v>
      </c>
      <c r="E7223" s="15">
        <v>45664</v>
      </c>
      <c r="F7223" s="14" t="s">
        <v>61</v>
      </c>
      <c r="G7223" s="16">
        <v>0</v>
      </c>
    </row>
    <row r="7224" spans="1:7" x14ac:dyDescent="0.3">
      <c r="A7224" s="13" t="s">
        <v>65</v>
      </c>
      <c r="B7224" s="14" t="s">
        <v>1</v>
      </c>
      <c r="C7224" s="14" t="s">
        <v>51</v>
      </c>
      <c r="D7224" s="14" t="s">
        <v>66</v>
      </c>
      <c r="E7224" s="15">
        <v>45665</v>
      </c>
      <c r="F7224" s="14" t="s">
        <v>61</v>
      </c>
      <c r="G7224" s="16">
        <v>0</v>
      </c>
    </row>
    <row r="7225" spans="1:7" x14ac:dyDescent="0.3">
      <c r="A7225" s="13" t="s">
        <v>65</v>
      </c>
      <c r="B7225" s="14" t="s">
        <v>1</v>
      </c>
      <c r="C7225" s="14" t="s">
        <v>51</v>
      </c>
      <c r="D7225" s="14" t="s">
        <v>66</v>
      </c>
      <c r="E7225" s="15">
        <v>45666</v>
      </c>
      <c r="F7225" s="14" t="s">
        <v>61</v>
      </c>
      <c r="G7225" s="16">
        <v>0</v>
      </c>
    </row>
    <row r="7226" spans="1:7" x14ac:dyDescent="0.3">
      <c r="A7226" s="13" t="s">
        <v>65</v>
      </c>
      <c r="B7226" s="14" t="s">
        <v>1</v>
      </c>
      <c r="C7226" s="14" t="s">
        <v>51</v>
      </c>
      <c r="D7226" s="14" t="s">
        <v>66</v>
      </c>
      <c r="E7226" s="15">
        <v>45667</v>
      </c>
      <c r="F7226" s="14" t="s">
        <v>61</v>
      </c>
      <c r="G7226" s="16">
        <v>0</v>
      </c>
    </row>
    <row r="7227" spans="1:7" x14ac:dyDescent="0.3">
      <c r="A7227" s="13" t="s">
        <v>65</v>
      </c>
      <c r="B7227" s="14" t="s">
        <v>1</v>
      </c>
      <c r="C7227" s="14" t="s">
        <v>51</v>
      </c>
      <c r="D7227" s="14" t="s">
        <v>66</v>
      </c>
      <c r="E7227" s="15">
        <v>45668</v>
      </c>
      <c r="F7227" s="14" t="s">
        <v>61</v>
      </c>
      <c r="G7227" s="16">
        <v>0</v>
      </c>
    </row>
    <row r="7228" spans="1:7" x14ac:dyDescent="0.3">
      <c r="A7228" s="13" t="s">
        <v>65</v>
      </c>
      <c r="B7228" s="14" t="s">
        <v>1</v>
      </c>
      <c r="C7228" s="14" t="s">
        <v>51</v>
      </c>
      <c r="D7228" s="14" t="s">
        <v>66</v>
      </c>
      <c r="E7228" s="15">
        <v>45669</v>
      </c>
      <c r="F7228" s="14" t="s">
        <v>61</v>
      </c>
      <c r="G7228" s="16">
        <v>0</v>
      </c>
    </row>
    <row r="7229" spans="1:7" x14ac:dyDescent="0.3">
      <c r="A7229" s="13" t="s">
        <v>65</v>
      </c>
      <c r="B7229" s="14" t="s">
        <v>1</v>
      </c>
      <c r="C7229" s="14" t="s">
        <v>51</v>
      </c>
      <c r="D7229" s="14" t="s">
        <v>66</v>
      </c>
      <c r="E7229" s="15">
        <v>45670</v>
      </c>
      <c r="F7229" s="14" t="s">
        <v>61</v>
      </c>
      <c r="G7229" s="16">
        <v>0</v>
      </c>
    </row>
    <row r="7230" spans="1:7" x14ac:dyDescent="0.3">
      <c r="A7230" s="13" t="s">
        <v>65</v>
      </c>
      <c r="B7230" s="14" t="s">
        <v>1</v>
      </c>
      <c r="C7230" s="14" t="s">
        <v>51</v>
      </c>
      <c r="D7230" s="14" t="s">
        <v>66</v>
      </c>
      <c r="E7230" s="15">
        <v>45671</v>
      </c>
      <c r="F7230" s="14" t="s">
        <v>61</v>
      </c>
      <c r="G7230" s="16">
        <v>0</v>
      </c>
    </row>
    <row r="7231" spans="1:7" x14ac:dyDescent="0.3">
      <c r="A7231" s="13" t="s">
        <v>65</v>
      </c>
      <c r="B7231" s="14" t="s">
        <v>1</v>
      </c>
      <c r="C7231" s="14" t="s">
        <v>51</v>
      </c>
      <c r="D7231" s="14" t="s">
        <v>66</v>
      </c>
      <c r="E7231" s="15">
        <v>45672</v>
      </c>
      <c r="F7231" s="14" t="s">
        <v>61</v>
      </c>
      <c r="G7231" s="16">
        <v>0</v>
      </c>
    </row>
    <row r="7232" spans="1:7" x14ac:dyDescent="0.3">
      <c r="A7232" s="13" t="s">
        <v>65</v>
      </c>
      <c r="B7232" s="14" t="s">
        <v>1</v>
      </c>
      <c r="C7232" s="14" t="s">
        <v>51</v>
      </c>
      <c r="D7232" s="14" t="s">
        <v>66</v>
      </c>
      <c r="E7232" s="15">
        <v>45673</v>
      </c>
      <c r="F7232" s="14" t="s">
        <v>61</v>
      </c>
      <c r="G7232" s="16">
        <v>0</v>
      </c>
    </row>
    <row r="7233" spans="1:7" x14ac:dyDescent="0.3">
      <c r="A7233" s="13" t="s">
        <v>65</v>
      </c>
      <c r="B7233" s="14" t="s">
        <v>1</v>
      </c>
      <c r="C7233" s="14" t="s">
        <v>51</v>
      </c>
      <c r="D7233" s="14" t="s">
        <v>66</v>
      </c>
      <c r="E7233" s="15">
        <v>45674</v>
      </c>
      <c r="F7233" s="14" t="s">
        <v>61</v>
      </c>
      <c r="G7233" s="16">
        <v>0</v>
      </c>
    </row>
    <row r="7234" spans="1:7" x14ac:dyDescent="0.3">
      <c r="A7234" s="13" t="s">
        <v>65</v>
      </c>
      <c r="B7234" s="14" t="s">
        <v>1</v>
      </c>
      <c r="C7234" s="14" t="s">
        <v>51</v>
      </c>
      <c r="D7234" s="14" t="s">
        <v>66</v>
      </c>
      <c r="E7234" s="15">
        <v>45675</v>
      </c>
      <c r="F7234" s="14" t="s">
        <v>61</v>
      </c>
      <c r="G7234" s="16">
        <v>0</v>
      </c>
    </row>
    <row r="7235" spans="1:7" x14ac:dyDescent="0.3">
      <c r="A7235" s="13" t="s">
        <v>65</v>
      </c>
      <c r="B7235" s="14" t="s">
        <v>1</v>
      </c>
      <c r="C7235" s="14" t="s">
        <v>51</v>
      </c>
      <c r="D7235" s="14" t="s">
        <v>66</v>
      </c>
      <c r="E7235" s="15">
        <v>45676</v>
      </c>
      <c r="F7235" s="14" t="s">
        <v>61</v>
      </c>
      <c r="G7235" s="16">
        <v>0</v>
      </c>
    </row>
    <row r="7236" spans="1:7" x14ac:dyDescent="0.3">
      <c r="A7236" s="13" t="s">
        <v>65</v>
      </c>
      <c r="B7236" s="14" t="s">
        <v>1</v>
      </c>
      <c r="C7236" s="14" t="s">
        <v>51</v>
      </c>
      <c r="D7236" s="14" t="s">
        <v>66</v>
      </c>
      <c r="E7236" s="15">
        <v>45677</v>
      </c>
      <c r="F7236" s="14" t="s">
        <v>61</v>
      </c>
      <c r="G7236" s="16">
        <v>0</v>
      </c>
    </row>
    <row r="7237" spans="1:7" x14ac:dyDescent="0.3">
      <c r="A7237" s="13" t="s">
        <v>65</v>
      </c>
      <c r="B7237" s="14" t="s">
        <v>1</v>
      </c>
      <c r="C7237" s="14" t="s">
        <v>51</v>
      </c>
      <c r="D7237" s="14" t="s">
        <v>66</v>
      </c>
      <c r="E7237" s="15">
        <v>45678</v>
      </c>
      <c r="F7237" s="14" t="s">
        <v>61</v>
      </c>
      <c r="G7237" s="16">
        <v>0</v>
      </c>
    </row>
    <row r="7238" spans="1:7" x14ac:dyDescent="0.3">
      <c r="A7238" s="13" t="s">
        <v>65</v>
      </c>
      <c r="B7238" s="14" t="s">
        <v>1</v>
      </c>
      <c r="C7238" s="14" t="s">
        <v>51</v>
      </c>
      <c r="D7238" s="14" t="s">
        <v>66</v>
      </c>
      <c r="E7238" s="15">
        <v>45679</v>
      </c>
      <c r="F7238" s="14" t="s">
        <v>61</v>
      </c>
      <c r="G7238" s="16">
        <v>0</v>
      </c>
    </row>
    <row r="7239" spans="1:7" x14ac:dyDescent="0.3">
      <c r="A7239" s="13" t="s">
        <v>65</v>
      </c>
      <c r="B7239" s="14" t="s">
        <v>1</v>
      </c>
      <c r="C7239" s="14" t="s">
        <v>51</v>
      </c>
      <c r="D7239" s="14" t="s">
        <v>66</v>
      </c>
      <c r="E7239" s="15">
        <v>45680</v>
      </c>
      <c r="F7239" s="14" t="s">
        <v>61</v>
      </c>
      <c r="G7239" s="16">
        <v>0</v>
      </c>
    </row>
    <row r="7240" spans="1:7" x14ac:dyDescent="0.3">
      <c r="A7240" s="13" t="s">
        <v>65</v>
      </c>
      <c r="B7240" s="14" t="s">
        <v>1</v>
      </c>
      <c r="C7240" s="14" t="s">
        <v>51</v>
      </c>
      <c r="D7240" s="14" t="s">
        <v>66</v>
      </c>
      <c r="E7240" s="15">
        <v>45681</v>
      </c>
      <c r="F7240" s="14" t="s">
        <v>61</v>
      </c>
      <c r="G7240" s="16">
        <v>0</v>
      </c>
    </row>
    <row r="7241" spans="1:7" x14ac:dyDescent="0.3">
      <c r="A7241" s="13" t="s">
        <v>65</v>
      </c>
      <c r="B7241" s="14" t="s">
        <v>1</v>
      </c>
      <c r="C7241" s="14" t="s">
        <v>51</v>
      </c>
      <c r="D7241" s="14" t="s">
        <v>66</v>
      </c>
      <c r="E7241" s="15">
        <v>45682</v>
      </c>
      <c r="F7241" s="14" t="s">
        <v>61</v>
      </c>
      <c r="G7241" s="16">
        <v>0</v>
      </c>
    </row>
    <row r="7242" spans="1:7" x14ac:dyDescent="0.3">
      <c r="A7242" s="13" t="s">
        <v>65</v>
      </c>
      <c r="B7242" s="14" t="s">
        <v>1</v>
      </c>
      <c r="C7242" s="14" t="s">
        <v>51</v>
      </c>
      <c r="D7242" s="14" t="s">
        <v>66</v>
      </c>
      <c r="E7242" s="15">
        <v>45683</v>
      </c>
      <c r="F7242" s="14" t="s">
        <v>61</v>
      </c>
      <c r="G7242" s="16">
        <v>0</v>
      </c>
    </row>
    <row r="7243" spans="1:7" x14ac:dyDescent="0.3">
      <c r="A7243" s="13" t="s">
        <v>65</v>
      </c>
      <c r="B7243" s="14" t="s">
        <v>1</v>
      </c>
      <c r="C7243" s="14" t="s">
        <v>51</v>
      </c>
      <c r="D7243" s="14" t="s">
        <v>66</v>
      </c>
      <c r="E7243" s="15">
        <v>45684</v>
      </c>
      <c r="F7243" s="14" t="s">
        <v>61</v>
      </c>
      <c r="G7243" s="16">
        <v>0</v>
      </c>
    </row>
    <row r="7244" spans="1:7" x14ac:dyDescent="0.3">
      <c r="A7244" s="13" t="s">
        <v>65</v>
      </c>
      <c r="B7244" s="14" t="s">
        <v>1</v>
      </c>
      <c r="C7244" s="14" t="s">
        <v>51</v>
      </c>
      <c r="D7244" s="14" t="s">
        <v>66</v>
      </c>
      <c r="E7244" s="15">
        <v>45685</v>
      </c>
      <c r="F7244" s="14" t="s">
        <v>61</v>
      </c>
      <c r="G7244" s="16">
        <v>0</v>
      </c>
    </row>
    <row r="7245" spans="1:7" x14ac:dyDescent="0.3">
      <c r="A7245" s="13" t="s">
        <v>65</v>
      </c>
      <c r="B7245" s="14" t="s">
        <v>1</v>
      </c>
      <c r="C7245" s="14" t="s">
        <v>51</v>
      </c>
      <c r="D7245" s="14" t="s">
        <v>66</v>
      </c>
      <c r="E7245" s="15">
        <v>45686</v>
      </c>
      <c r="F7245" s="14" t="s">
        <v>61</v>
      </c>
      <c r="G7245" s="16">
        <v>0</v>
      </c>
    </row>
    <row r="7246" spans="1:7" x14ac:dyDescent="0.3">
      <c r="A7246" s="13" t="s">
        <v>65</v>
      </c>
      <c r="B7246" s="14" t="s">
        <v>1</v>
      </c>
      <c r="C7246" s="14" t="s">
        <v>51</v>
      </c>
      <c r="D7246" s="14" t="s">
        <v>66</v>
      </c>
      <c r="E7246" s="15">
        <v>45687</v>
      </c>
      <c r="F7246" s="14" t="s">
        <v>61</v>
      </c>
      <c r="G7246" s="16">
        <v>0</v>
      </c>
    </row>
    <row r="7247" spans="1:7" x14ac:dyDescent="0.3">
      <c r="A7247" s="13" t="s">
        <v>65</v>
      </c>
      <c r="B7247" s="14" t="s">
        <v>1</v>
      </c>
      <c r="C7247" s="14" t="s">
        <v>51</v>
      </c>
      <c r="D7247" s="14" t="s">
        <v>66</v>
      </c>
      <c r="E7247" s="15">
        <v>45688</v>
      </c>
      <c r="F7247" s="14" t="s">
        <v>61</v>
      </c>
      <c r="G7247" s="16">
        <v>0</v>
      </c>
    </row>
    <row r="7248" spans="1:7" x14ac:dyDescent="0.3">
      <c r="A7248" s="13" t="s">
        <v>65</v>
      </c>
      <c r="B7248" s="14" t="s">
        <v>1</v>
      </c>
      <c r="C7248" s="14" t="s">
        <v>51</v>
      </c>
      <c r="D7248" s="14" t="s">
        <v>66</v>
      </c>
      <c r="E7248" s="15">
        <v>45689</v>
      </c>
      <c r="F7248" s="14" t="s">
        <v>61</v>
      </c>
      <c r="G7248" s="16">
        <v>0</v>
      </c>
    </row>
    <row r="7249" spans="1:7" x14ac:dyDescent="0.3">
      <c r="A7249" s="13" t="s">
        <v>65</v>
      </c>
      <c r="B7249" s="14" t="s">
        <v>1</v>
      </c>
      <c r="C7249" s="14" t="s">
        <v>51</v>
      </c>
      <c r="D7249" s="14" t="s">
        <v>66</v>
      </c>
      <c r="E7249" s="15">
        <v>45690</v>
      </c>
      <c r="F7249" s="14" t="s">
        <v>61</v>
      </c>
      <c r="G7249" s="16">
        <v>0</v>
      </c>
    </row>
    <row r="7250" spans="1:7" x14ac:dyDescent="0.3">
      <c r="A7250" s="13" t="s">
        <v>65</v>
      </c>
      <c r="B7250" s="14" t="s">
        <v>1</v>
      </c>
      <c r="C7250" s="14" t="s">
        <v>51</v>
      </c>
      <c r="D7250" s="14" t="s">
        <v>66</v>
      </c>
      <c r="E7250" s="15">
        <v>45691</v>
      </c>
      <c r="F7250" s="14" t="s">
        <v>61</v>
      </c>
      <c r="G7250" s="16">
        <v>0</v>
      </c>
    </row>
    <row r="7251" spans="1:7" x14ac:dyDescent="0.3">
      <c r="A7251" s="13" t="s">
        <v>65</v>
      </c>
      <c r="B7251" s="14" t="s">
        <v>1</v>
      </c>
      <c r="C7251" s="14" t="s">
        <v>51</v>
      </c>
      <c r="D7251" s="14" t="s">
        <v>66</v>
      </c>
      <c r="E7251" s="15">
        <v>45692</v>
      </c>
      <c r="F7251" s="14" t="s">
        <v>61</v>
      </c>
      <c r="G7251" s="16">
        <v>0</v>
      </c>
    </row>
    <row r="7252" spans="1:7" x14ac:dyDescent="0.3">
      <c r="A7252" s="13" t="s">
        <v>65</v>
      </c>
      <c r="B7252" s="14" t="s">
        <v>1</v>
      </c>
      <c r="C7252" s="14" t="s">
        <v>51</v>
      </c>
      <c r="D7252" s="14" t="s">
        <v>66</v>
      </c>
      <c r="E7252" s="15">
        <v>45693</v>
      </c>
      <c r="F7252" s="14" t="s">
        <v>61</v>
      </c>
      <c r="G7252" s="16">
        <v>0</v>
      </c>
    </row>
    <row r="7253" spans="1:7" x14ac:dyDescent="0.3">
      <c r="A7253" s="13" t="s">
        <v>65</v>
      </c>
      <c r="B7253" s="14" t="s">
        <v>1</v>
      </c>
      <c r="C7253" s="14" t="s">
        <v>51</v>
      </c>
      <c r="D7253" s="14" t="s">
        <v>66</v>
      </c>
      <c r="E7253" s="15">
        <v>45694</v>
      </c>
      <c r="F7253" s="14" t="s">
        <v>61</v>
      </c>
      <c r="G7253" s="16">
        <v>0</v>
      </c>
    </row>
    <row r="7254" spans="1:7" x14ac:dyDescent="0.3">
      <c r="A7254" s="13" t="s">
        <v>65</v>
      </c>
      <c r="B7254" s="14" t="s">
        <v>1</v>
      </c>
      <c r="C7254" s="14" t="s">
        <v>51</v>
      </c>
      <c r="D7254" s="14" t="s">
        <v>66</v>
      </c>
      <c r="E7254" s="15">
        <v>45695</v>
      </c>
      <c r="F7254" s="14" t="s">
        <v>61</v>
      </c>
      <c r="G7254" s="16">
        <v>0</v>
      </c>
    </row>
    <row r="7255" spans="1:7" x14ac:dyDescent="0.3">
      <c r="A7255" s="13" t="s">
        <v>65</v>
      </c>
      <c r="B7255" s="14" t="s">
        <v>1</v>
      </c>
      <c r="C7255" s="14" t="s">
        <v>51</v>
      </c>
      <c r="D7255" s="14" t="s">
        <v>66</v>
      </c>
      <c r="E7255" s="15">
        <v>45696</v>
      </c>
      <c r="F7255" s="14" t="s">
        <v>61</v>
      </c>
      <c r="G7255" s="16">
        <v>0</v>
      </c>
    </row>
    <row r="7256" spans="1:7" x14ac:dyDescent="0.3">
      <c r="A7256" s="13" t="s">
        <v>65</v>
      </c>
      <c r="B7256" s="14" t="s">
        <v>1</v>
      </c>
      <c r="C7256" s="14" t="s">
        <v>51</v>
      </c>
      <c r="D7256" s="14" t="s">
        <v>66</v>
      </c>
      <c r="E7256" s="15">
        <v>45697</v>
      </c>
      <c r="F7256" s="14" t="s">
        <v>61</v>
      </c>
      <c r="G7256" s="16">
        <v>0</v>
      </c>
    </row>
    <row r="7257" spans="1:7" x14ac:dyDescent="0.3">
      <c r="A7257" s="13" t="s">
        <v>65</v>
      </c>
      <c r="B7257" s="14" t="s">
        <v>1</v>
      </c>
      <c r="C7257" s="14" t="s">
        <v>51</v>
      </c>
      <c r="D7257" s="14" t="s">
        <v>66</v>
      </c>
      <c r="E7257" s="15">
        <v>45698</v>
      </c>
      <c r="F7257" s="14" t="s">
        <v>61</v>
      </c>
      <c r="G7257" s="16">
        <v>0</v>
      </c>
    </row>
    <row r="7258" spans="1:7" x14ac:dyDescent="0.3">
      <c r="A7258" s="13" t="s">
        <v>65</v>
      </c>
      <c r="B7258" s="14" t="s">
        <v>1</v>
      </c>
      <c r="C7258" s="14" t="s">
        <v>51</v>
      </c>
      <c r="D7258" s="14" t="s">
        <v>66</v>
      </c>
      <c r="E7258" s="15">
        <v>45699</v>
      </c>
      <c r="F7258" s="14" t="s">
        <v>61</v>
      </c>
      <c r="G7258" s="16">
        <v>0</v>
      </c>
    </row>
    <row r="7259" spans="1:7" x14ac:dyDescent="0.3">
      <c r="A7259" s="13" t="s">
        <v>65</v>
      </c>
      <c r="B7259" s="14" t="s">
        <v>1</v>
      </c>
      <c r="C7259" s="14" t="s">
        <v>51</v>
      </c>
      <c r="D7259" s="14" t="s">
        <v>66</v>
      </c>
      <c r="E7259" s="15">
        <v>45700</v>
      </c>
      <c r="F7259" s="14" t="s">
        <v>61</v>
      </c>
      <c r="G7259" s="16">
        <v>0</v>
      </c>
    </row>
    <row r="7260" spans="1:7" x14ac:dyDescent="0.3">
      <c r="A7260" s="13" t="s">
        <v>65</v>
      </c>
      <c r="B7260" s="14" t="s">
        <v>1</v>
      </c>
      <c r="C7260" s="14" t="s">
        <v>51</v>
      </c>
      <c r="D7260" s="14" t="s">
        <v>66</v>
      </c>
      <c r="E7260" s="15">
        <v>45701</v>
      </c>
      <c r="F7260" s="14" t="s">
        <v>61</v>
      </c>
      <c r="G7260" s="16">
        <v>0</v>
      </c>
    </row>
    <row r="7261" spans="1:7" x14ac:dyDescent="0.3">
      <c r="A7261" s="13" t="s">
        <v>65</v>
      </c>
      <c r="B7261" s="14" t="s">
        <v>1</v>
      </c>
      <c r="C7261" s="14" t="s">
        <v>51</v>
      </c>
      <c r="D7261" s="14" t="s">
        <v>66</v>
      </c>
      <c r="E7261" s="15">
        <v>45702</v>
      </c>
      <c r="F7261" s="14" t="s">
        <v>61</v>
      </c>
      <c r="G7261" s="16">
        <v>0</v>
      </c>
    </row>
    <row r="7262" spans="1:7" x14ac:dyDescent="0.3">
      <c r="A7262" s="13" t="s">
        <v>65</v>
      </c>
      <c r="B7262" s="14" t="s">
        <v>1</v>
      </c>
      <c r="C7262" s="14" t="s">
        <v>51</v>
      </c>
      <c r="D7262" s="14" t="s">
        <v>66</v>
      </c>
      <c r="E7262" s="15">
        <v>45703</v>
      </c>
      <c r="F7262" s="14" t="s">
        <v>61</v>
      </c>
      <c r="G7262" s="16">
        <v>0</v>
      </c>
    </row>
    <row r="7263" spans="1:7" x14ac:dyDescent="0.3">
      <c r="A7263" s="13" t="s">
        <v>65</v>
      </c>
      <c r="B7263" s="14" t="s">
        <v>1</v>
      </c>
      <c r="C7263" s="14" t="s">
        <v>51</v>
      </c>
      <c r="D7263" s="14" t="s">
        <v>66</v>
      </c>
      <c r="E7263" s="15">
        <v>45704</v>
      </c>
      <c r="F7263" s="14" t="s">
        <v>61</v>
      </c>
      <c r="G7263" s="16">
        <v>0</v>
      </c>
    </row>
    <row r="7264" spans="1:7" x14ac:dyDescent="0.3">
      <c r="A7264" s="13" t="s">
        <v>65</v>
      </c>
      <c r="B7264" s="14" t="s">
        <v>1</v>
      </c>
      <c r="C7264" s="14" t="s">
        <v>51</v>
      </c>
      <c r="D7264" s="14" t="s">
        <v>66</v>
      </c>
      <c r="E7264" s="15">
        <v>45705</v>
      </c>
      <c r="F7264" s="14" t="s">
        <v>61</v>
      </c>
      <c r="G7264" s="16">
        <v>0</v>
      </c>
    </row>
    <row r="7265" spans="1:7" x14ac:dyDescent="0.3">
      <c r="A7265" s="13" t="s">
        <v>65</v>
      </c>
      <c r="B7265" s="14" t="s">
        <v>1</v>
      </c>
      <c r="C7265" s="14" t="s">
        <v>51</v>
      </c>
      <c r="D7265" s="14" t="s">
        <v>66</v>
      </c>
      <c r="E7265" s="15">
        <v>45706</v>
      </c>
      <c r="F7265" s="14" t="s">
        <v>61</v>
      </c>
      <c r="G7265" s="16">
        <v>0</v>
      </c>
    </row>
    <row r="7266" spans="1:7" x14ac:dyDescent="0.3">
      <c r="A7266" s="13" t="s">
        <v>65</v>
      </c>
      <c r="B7266" s="14" t="s">
        <v>1</v>
      </c>
      <c r="C7266" s="14" t="s">
        <v>51</v>
      </c>
      <c r="D7266" s="14" t="s">
        <v>66</v>
      </c>
      <c r="E7266" s="15">
        <v>45707</v>
      </c>
      <c r="F7266" s="14" t="s">
        <v>61</v>
      </c>
      <c r="G7266" s="16">
        <v>0</v>
      </c>
    </row>
    <row r="7267" spans="1:7" x14ac:dyDescent="0.3">
      <c r="A7267" s="13" t="s">
        <v>65</v>
      </c>
      <c r="B7267" s="14" t="s">
        <v>1</v>
      </c>
      <c r="C7267" s="14" t="s">
        <v>51</v>
      </c>
      <c r="D7267" s="14" t="s">
        <v>66</v>
      </c>
      <c r="E7267" s="15">
        <v>45708</v>
      </c>
      <c r="F7267" s="14" t="s">
        <v>61</v>
      </c>
      <c r="G7267" s="16">
        <v>0</v>
      </c>
    </row>
    <row r="7268" spans="1:7" x14ac:dyDescent="0.3">
      <c r="A7268" s="13" t="s">
        <v>65</v>
      </c>
      <c r="B7268" s="14" t="s">
        <v>1</v>
      </c>
      <c r="C7268" s="14" t="s">
        <v>51</v>
      </c>
      <c r="D7268" s="14" t="s">
        <v>66</v>
      </c>
      <c r="E7268" s="15">
        <v>45709</v>
      </c>
      <c r="F7268" s="14" t="s">
        <v>61</v>
      </c>
      <c r="G7268" s="16">
        <v>0</v>
      </c>
    </row>
    <row r="7269" spans="1:7" x14ac:dyDescent="0.3">
      <c r="A7269" s="13" t="s">
        <v>65</v>
      </c>
      <c r="B7269" s="14" t="s">
        <v>1</v>
      </c>
      <c r="C7269" s="14" t="s">
        <v>51</v>
      </c>
      <c r="D7269" s="14" t="s">
        <v>66</v>
      </c>
      <c r="E7269" s="15">
        <v>45710</v>
      </c>
      <c r="F7269" s="14" t="s">
        <v>61</v>
      </c>
      <c r="G7269" s="16">
        <v>0</v>
      </c>
    </row>
    <row r="7270" spans="1:7" x14ac:dyDescent="0.3">
      <c r="A7270" s="13" t="s">
        <v>65</v>
      </c>
      <c r="B7270" s="14" t="s">
        <v>1</v>
      </c>
      <c r="C7270" s="14" t="s">
        <v>51</v>
      </c>
      <c r="D7270" s="14" t="s">
        <v>66</v>
      </c>
      <c r="E7270" s="15">
        <v>45711</v>
      </c>
      <c r="F7270" s="14" t="s">
        <v>61</v>
      </c>
      <c r="G7270" s="16">
        <v>0</v>
      </c>
    </row>
    <row r="7271" spans="1:7" x14ac:dyDescent="0.3">
      <c r="A7271" s="13" t="s">
        <v>65</v>
      </c>
      <c r="B7271" s="14" t="s">
        <v>1</v>
      </c>
      <c r="C7271" s="14" t="s">
        <v>51</v>
      </c>
      <c r="D7271" s="14" t="s">
        <v>66</v>
      </c>
      <c r="E7271" s="15">
        <v>45712</v>
      </c>
      <c r="F7271" s="14" t="s">
        <v>61</v>
      </c>
      <c r="G7271" s="16">
        <v>0</v>
      </c>
    </row>
    <row r="7272" spans="1:7" x14ac:dyDescent="0.3">
      <c r="A7272" s="13" t="s">
        <v>65</v>
      </c>
      <c r="B7272" s="14" t="s">
        <v>1</v>
      </c>
      <c r="C7272" s="14" t="s">
        <v>51</v>
      </c>
      <c r="D7272" s="14" t="s">
        <v>66</v>
      </c>
      <c r="E7272" s="15">
        <v>45713</v>
      </c>
      <c r="F7272" s="14" t="s">
        <v>61</v>
      </c>
      <c r="G7272" s="16">
        <v>0</v>
      </c>
    </row>
    <row r="7273" spans="1:7" x14ac:dyDescent="0.3">
      <c r="A7273" s="13" t="s">
        <v>65</v>
      </c>
      <c r="B7273" s="14" t="s">
        <v>1</v>
      </c>
      <c r="C7273" s="14" t="s">
        <v>51</v>
      </c>
      <c r="D7273" s="14" t="s">
        <v>66</v>
      </c>
      <c r="E7273" s="15">
        <v>45714</v>
      </c>
      <c r="F7273" s="14" t="s">
        <v>61</v>
      </c>
      <c r="G7273" s="16">
        <v>0</v>
      </c>
    </row>
    <row r="7274" spans="1:7" x14ac:dyDescent="0.3">
      <c r="A7274" s="13" t="s">
        <v>65</v>
      </c>
      <c r="B7274" s="14" t="s">
        <v>1</v>
      </c>
      <c r="C7274" s="14" t="s">
        <v>51</v>
      </c>
      <c r="D7274" s="14" t="s">
        <v>66</v>
      </c>
      <c r="E7274" s="15">
        <v>45715</v>
      </c>
      <c r="F7274" s="14" t="s">
        <v>61</v>
      </c>
      <c r="G7274" s="16">
        <v>0</v>
      </c>
    </row>
    <row r="7275" spans="1:7" x14ac:dyDescent="0.3">
      <c r="A7275" s="13" t="s">
        <v>65</v>
      </c>
      <c r="B7275" s="14" t="s">
        <v>1</v>
      </c>
      <c r="C7275" s="14" t="s">
        <v>51</v>
      </c>
      <c r="D7275" s="14" t="s">
        <v>66</v>
      </c>
      <c r="E7275" s="15">
        <v>45716</v>
      </c>
      <c r="F7275" s="14" t="s">
        <v>61</v>
      </c>
      <c r="G7275" s="16">
        <v>0</v>
      </c>
    </row>
    <row r="7276" spans="1:7" x14ac:dyDescent="0.3">
      <c r="A7276" s="13" t="s">
        <v>65</v>
      </c>
      <c r="B7276" s="14" t="s">
        <v>1</v>
      </c>
      <c r="C7276" s="14" t="s">
        <v>51</v>
      </c>
      <c r="D7276" s="14" t="s">
        <v>66</v>
      </c>
      <c r="E7276" s="15">
        <v>45717</v>
      </c>
      <c r="F7276" s="14" t="s">
        <v>61</v>
      </c>
      <c r="G7276" s="16">
        <v>0</v>
      </c>
    </row>
    <row r="7277" spans="1:7" x14ac:dyDescent="0.3">
      <c r="A7277" s="13" t="s">
        <v>65</v>
      </c>
      <c r="B7277" s="14" t="s">
        <v>1</v>
      </c>
      <c r="C7277" s="14" t="s">
        <v>51</v>
      </c>
      <c r="D7277" s="14" t="s">
        <v>66</v>
      </c>
      <c r="E7277" s="15">
        <v>45718</v>
      </c>
      <c r="F7277" s="14" t="s">
        <v>61</v>
      </c>
      <c r="G7277" s="16">
        <v>0</v>
      </c>
    </row>
    <row r="7278" spans="1:7" x14ac:dyDescent="0.3">
      <c r="A7278" s="13" t="s">
        <v>65</v>
      </c>
      <c r="B7278" s="14" t="s">
        <v>1</v>
      </c>
      <c r="C7278" s="14" t="s">
        <v>51</v>
      </c>
      <c r="D7278" s="14" t="s">
        <v>66</v>
      </c>
      <c r="E7278" s="15">
        <v>45719</v>
      </c>
      <c r="F7278" s="14" t="s">
        <v>61</v>
      </c>
      <c r="G7278" s="16">
        <v>0</v>
      </c>
    </row>
    <row r="7279" spans="1:7" x14ac:dyDescent="0.3">
      <c r="A7279" s="13" t="s">
        <v>65</v>
      </c>
      <c r="B7279" s="14" t="s">
        <v>1</v>
      </c>
      <c r="C7279" s="14" t="s">
        <v>51</v>
      </c>
      <c r="D7279" s="14" t="s">
        <v>66</v>
      </c>
      <c r="E7279" s="15">
        <v>45720</v>
      </c>
      <c r="F7279" s="14" t="s">
        <v>61</v>
      </c>
      <c r="G7279" s="16">
        <v>0</v>
      </c>
    </row>
    <row r="7280" spans="1:7" x14ac:dyDescent="0.3">
      <c r="A7280" s="13" t="s">
        <v>65</v>
      </c>
      <c r="B7280" s="14" t="s">
        <v>1</v>
      </c>
      <c r="C7280" s="14" t="s">
        <v>51</v>
      </c>
      <c r="D7280" s="14" t="s">
        <v>66</v>
      </c>
      <c r="E7280" s="15">
        <v>45721</v>
      </c>
      <c r="F7280" s="14" t="s">
        <v>61</v>
      </c>
      <c r="G7280" s="16">
        <v>0</v>
      </c>
    </row>
    <row r="7281" spans="1:7" x14ac:dyDescent="0.3">
      <c r="A7281" s="13" t="s">
        <v>65</v>
      </c>
      <c r="B7281" s="14" t="s">
        <v>1</v>
      </c>
      <c r="C7281" s="14" t="s">
        <v>51</v>
      </c>
      <c r="D7281" s="14" t="s">
        <v>66</v>
      </c>
      <c r="E7281" s="15">
        <v>45722</v>
      </c>
      <c r="F7281" s="14" t="s">
        <v>61</v>
      </c>
      <c r="G7281" s="16">
        <v>0</v>
      </c>
    </row>
    <row r="7282" spans="1:7" x14ac:dyDescent="0.3">
      <c r="A7282" s="13" t="s">
        <v>65</v>
      </c>
      <c r="B7282" s="14" t="s">
        <v>1</v>
      </c>
      <c r="C7282" s="14" t="s">
        <v>51</v>
      </c>
      <c r="D7282" s="14" t="s">
        <v>66</v>
      </c>
      <c r="E7282" s="15">
        <v>45723</v>
      </c>
      <c r="F7282" s="14" t="s">
        <v>61</v>
      </c>
      <c r="G7282" s="16">
        <v>0</v>
      </c>
    </row>
    <row r="7283" spans="1:7" x14ac:dyDescent="0.3">
      <c r="A7283" s="13" t="s">
        <v>65</v>
      </c>
      <c r="B7283" s="14" t="s">
        <v>1</v>
      </c>
      <c r="C7283" s="14" t="s">
        <v>51</v>
      </c>
      <c r="D7283" s="14" t="s">
        <v>66</v>
      </c>
      <c r="E7283" s="15">
        <v>45724</v>
      </c>
      <c r="F7283" s="14" t="s">
        <v>61</v>
      </c>
      <c r="G7283" s="16">
        <v>0</v>
      </c>
    </row>
    <row r="7284" spans="1:7" x14ac:dyDescent="0.3">
      <c r="A7284" s="13" t="s">
        <v>65</v>
      </c>
      <c r="B7284" s="14" t="s">
        <v>1</v>
      </c>
      <c r="C7284" s="14" t="s">
        <v>51</v>
      </c>
      <c r="D7284" s="14" t="s">
        <v>66</v>
      </c>
      <c r="E7284" s="15">
        <v>45725</v>
      </c>
      <c r="F7284" s="14" t="s">
        <v>61</v>
      </c>
      <c r="G7284" s="16">
        <v>0</v>
      </c>
    </row>
    <row r="7285" spans="1:7" x14ac:dyDescent="0.3">
      <c r="A7285" s="13" t="s">
        <v>65</v>
      </c>
      <c r="B7285" s="14" t="s">
        <v>1</v>
      </c>
      <c r="C7285" s="14" t="s">
        <v>51</v>
      </c>
      <c r="D7285" s="14" t="s">
        <v>66</v>
      </c>
      <c r="E7285" s="15">
        <v>45726</v>
      </c>
      <c r="F7285" s="14" t="s">
        <v>61</v>
      </c>
      <c r="G7285" s="16">
        <v>0</v>
      </c>
    </row>
    <row r="7286" spans="1:7" x14ac:dyDescent="0.3">
      <c r="A7286" s="13" t="s">
        <v>65</v>
      </c>
      <c r="B7286" s="14" t="s">
        <v>1</v>
      </c>
      <c r="C7286" s="14" t="s">
        <v>51</v>
      </c>
      <c r="D7286" s="14" t="s">
        <v>66</v>
      </c>
      <c r="E7286" s="15">
        <v>45727</v>
      </c>
      <c r="F7286" s="14" t="s">
        <v>61</v>
      </c>
      <c r="G7286" s="16">
        <v>0</v>
      </c>
    </row>
    <row r="7287" spans="1:7" x14ac:dyDescent="0.3">
      <c r="A7287" s="13" t="s">
        <v>65</v>
      </c>
      <c r="B7287" s="14" t="s">
        <v>1</v>
      </c>
      <c r="C7287" s="14" t="s">
        <v>51</v>
      </c>
      <c r="D7287" s="14" t="s">
        <v>66</v>
      </c>
      <c r="E7287" s="15">
        <v>45728</v>
      </c>
      <c r="F7287" s="14" t="s">
        <v>61</v>
      </c>
      <c r="G7287" s="16">
        <v>0</v>
      </c>
    </row>
    <row r="7288" spans="1:7" x14ac:dyDescent="0.3">
      <c r="A7288" s="13" t="s">
        <v>65</v>
      </c>
      <c r="B7288" s="14" t="s">
        <v>1</v>
      </c>
      <c r="C7288" s="14" t="s">
        <v>51</v>
      </c>
      <c r="D7288" s="14" t="s">
        <v>66</v>
      </c>
      <c r="E7288" s="15">
        <v>45729</v>
      </c>
      <c r="F7288" s="14" t="s">
        <v>61</v>
      </c>
      <c r="G7288" s="16">
        <v>0</v>
      </c>
    </row>
    <row r="7289" spans="1:7" x14ac:dyDescent="0.3">
      <c r="A7289" s="13" t="s">
        <v>65</v>
      </c>
      <c r="B7289" s="14" t="s">
        <v>1</v>
      </c>
      <c r="C7289" s="14" t="s">
        <v>51</v>
      </c>
      <c r="D7289" s="14" t="s">
        <v>66</v>
      </c>
      <c r="E7289" s="15">
        <v>45730</v>
      </c>
      <c r="F7289" s="14" t="s">
        <v>61</v>
      </c>
      <c r="G7289" s="16">
        <v>0</v>
      </c>
    </row>
    <row r="7290" spans="1:7" x14ac:dyDescent="0.3">
      <c r="A7290" s="13" t="s">
        <v>65</v>
      </c>
      <c r="B7290" s="14" t="s">
        <v>1</v>
      </c>
      <c r="C7290" s="14" t="s">
        <v>51</v>
      </c>
      <c r="D7290" s="14" t="s">
        <v>66</v>
      </c>
      <c r="E7290" s="15">
        <v>45731</v>
      </c>
      <c r="F7290" s="14" t="s">
        <v>61</v>
      </c>
      <c r="G7290" s="16">
        <v>0</v>
      </c>
    </row>
    <row r="7291" spans="1:7" x14ac:dyDescent="0.3">
      <c r="A7291" s="13" t="s">
        <v>65</v>
      </c>
      <c r="B7291" s="14" t="s">
        <v>1</v>
      </c>
      <c r="C7291" s="14" t="s">
        <v>51</v>
      </c>
      <c r="D7291" s="14" t="s">
        <v>66</v>
      </c>
      <c r="E7291" s="15">
        <v>45732</v>
      </c>
      <c r="F7291" s="14" t="s">
        <v>61</v>
      </c>
      <c r="G7291" s="16">
        <v>0</v>
      </c>
    </row>
    <row r="7292" spans="1:7" x14ac:dyDescent="0.3">
      <c r="A7292" s="13" t="s">
        <v>65</v>
      </c>
      <c r="B7292" s="14" t="s">
        <v>1</v>
      </c>
      <c r="C7292" s="14" t="s">
        <v>51</v>
      </c>
      <c r="D7292" s="14" t="s">
        <v>66</v>
      </c>
      <c r="E7292" s="15">
        <v>45733</v>
      </c>
      <c r="F7292" s="14" t="s">
        <v>61</v>
      </c>
      <c r="G7292" s="16">
        <v>0</v>
      </c>
    </row>
    <row r="7293" spans="1:7" x14ac:dyDescent="0.3">
      <c r="A7293" s="13" t="s">
        <v>65</v>
      </c>
      <c r="B7293" s="14" t="s">
        <v>1</v>
      </c>
      <c r="C7293" s="14" t="s">
        <v>51</v>
      </c>
      <c r="D7293" s="14" t="s">
        <v>66</v>
      </c>
      <c r="E7293" s="15">
        <v>45734</v>
      </c>
      <c r="F7293" s="14" t="s">
        <v>61</v>
      </c>
      <c r="G7293" s="16">
        <v>0</v>
      </c>
    </row>
    <row r="7294" spans="1:7" x14ac:dyDescent="0.3">
      <c r="A7294" s="13" t="s">
        <v>65</v>
      </c>
      <c r="B7294" s="14" t="s">
        <v>1</v>
      </c>
      <c r="C7294" s="14" t="s">
        <v>51</v>
      </c>
      <c r="D7294" s="14" t="s">
        <v>66</v>
      </c>
      <c r="E7294" s="15">
        <v>45735</v>
      </c>
      <c r="F7294" s="14" t="s">
        <v>61</v>
      </c>
      <c r="G7294" s="16">
        <v>0</v>
      </c>
    </row>
    <row r="7295" spans="1:7" x14ac:dyDescent="0.3">
      <c r="A7295" s="13" t="s">
        <v>65</v>
      </c>
      <c r="B7295" s="14" t="s">
        <v>1</v>
      </c>
      <c r="C7295" s="14" t="s">
        <v>51</v>
      </c>
      <c r="D7295" s="14" t="s">
        <v>66</v>
      </c>
      <c r="E7295" s="15">
        <v>45736</v>
      </c>
      <c r="F7295" s="14" t="s">
        <v>61</v>
      </c>
      <c r="G7295" s="16">
        <v>0</v>
      </c>
    </row>
    <row r="7296" spans="1:7" x14ac:dyDescent="0.3">
      <c r="A7296" s="13" t="s">
        <v>65</v>
      </c>
      <c r="B7296" s="14" t="s">
        <v>1</v>
      </c>
      <c r="C7296" s="14" t="s">
        <v>51</v>
      </c>
      <c r="D7296" s="14" t="s">
        <v>66</v>
      </c>
      <c r="E7296" s="15">
        <v>45737</v>
      </c>
      <c r="F7296" s="14" t="s">
        <v>61</v>
      </c>
      <c r="G7296" s="16">
        <v>0</v>
      </c>
    </row>
    <row r="7297" spans="1:7" x14ac:dyDescent="0.3">
      <c r="A7297" s="13" t="s">
        <v>65</v>
      </c>
      <c r="B7297" s="14" t="s">
        <v>1</v>
      </c>
      <c r="C7297" s="14" t="s">
        <v>51</v>
      </c>
      <c r="D7297" s="14" t="s">
        <v>66</v>
      </c>
      <c r="E7297" s="15">
        <v>45738</v>
      </c>
      <c r="F7297" s="14" t="s">
        <v>61</v>
      </c>
      <c r="G7297" s="16">
        <v>0</v>
      </c>
    </row>
    <row r="7298" spans="1:7" x14ac:dyDescent="0.3">
      <c r="A7298" s="13" t="s">
        <v>65</v>
      </c>
      <c r="B7298" s="14" t="s">
        <v>1</v>
      </c>
      <c r="C7298" s="14" t="s">
        <v>51</v>
      </c>
      <c r="D7298" s="14" t="s">
        <v>66</v>
      </c>
      <c r="E7298" s="15">
        <v>45739</v>
      </c>
      <c r="F7298" s="14" t="s">
        <v>61</v>
      </c>
      <c r="G7298" s="16">
        <v>0</v>
      </c>
    </row>
    <row r="7299" spans="1:7" x14ac:dyDescent="0.3">
      <c r="A7299" s="13" t="s">
        <v>65</v>
      </c>
      <c r="B7299" s="14" t="s">
        <v>1</v>
      </c>
      <c r="C7299" s="14" t="s">
        <v>51</v>
      </c>
      <c r="D7299" s="14" t="s">
        <v>66</v>
      </c>
      <c r="E7299" s="15">
        <v>45740</v>
      </c>
      <c r="F7299" s="14" t="s">
        <v>61</v>
      </c>
      <c r="G7299" s="16">
        <v>0</v>
      </c>
    </row>
    <row r="7300" spans="1:7" x14ac:dyDescent="0.3">
      <c r="A7300" s="13" t="s">
        <v>65</v>
      </c>
      <c r="B7300" s="14" t="s">
        <v>1</v>
      </c>
      <c r="C7300" s="14" t="s">
        <v>51</v>
      </c>
      <c r="D7300" s="14" t="s">
        <v>66</v>
      </c>
      <c r="E7300" s="15">
        <v>45741</v>
      </c>
      <c r="F7300" s="14" t="s">
        <v>61</v>
      </c>
      <c r="G7300" s="16">
        <v>0</v>
      </c>
    </row>
    <row r="7301" spans="1:7" x14ac:dyDescent="0.3">
      <c r="A7301" s="13" t="s">
        <v>65</v>
      </c>
      <c r="B7301" s="14" t="s">
        <v>1</v>
      </c>
      <c r="C7301" s="14" t="s">
        <v>51</v>
      </c>
      <c r="D7301" s="14" t="s">
        <v>66</v>
      </c>
      <c r="E7301" s="15">
        <v>45742</v>
      </c>
      <c r="F7301" s="14" t="s">
        <v>61</v>
      </c>
      <c r="G7301" s="16">
        <v>0</v>
      </c>
    </row>
    <row r="7302" spans="1:7" x14ac:dyDescent="0.3">
      <c r="A7302" s="13" t="s">
        <v>65</v>
      </c>
      <c r="B7302" s="14" t="s">
        <v>1</v>
      </c>
      <c r="C7302" s="14" t="s">
        <v>51</v>
      </c>
      <c r="D7302" s="14" t="s">
        <v>66</v>
      </c>
      <c r="E7302" s="15">
        <v>45743</v>
      </c>
      <c r="F7302" s="14" t="s">
        <v>61</v>
      </c>
      <c r="G7302" s="16">
        <v>0</v>
      </c>
    </row>
    <row r="7303" spans="1:7" x14ac:dyDescent="0.3">
      <c r="A7303" s="13" t="s">
        <v>65</v>
      </c>
      <c r="B7303" s="14" t="s">
        <v>1</v>
      </c>
      <c r="C7303" s="14" t="s">
        <v>51</v>
      </c>
      <c r="D7303" s="14" t="s">
        <v>66</v>
      </c>
      <c r="E7303" s="15">
        <v>45744</v>
      </c>
      <c r="F7303" s="14" t="s">
        <v>61</v>
      </c>
      <c r="G7303" s="16">
        <v>0</v>
      </c>
    </row>
    <row r="7304" spans="1:7" x14ac:dyDescent="0.3">
      <c r="A7304" s="13" t="s">
        <v>65</v>
      </c>
      <c r="B7304" s="14" t="s">
        <v>1</v>
      </c>
      <c r="C7304" s="14" t="s">
        <v>51</v>
      </c>
      <c r="D7304" s="14" t="s">
        <v>66</v>
      </c>
      <c r="E7304" s="15">
        <v>45745</v>
      </c>
      <c r="F7304" s="14" t="s">
        <v>61</v>
      </c>
      <c r="G7304" s="16">
        <v>0</v>
      </c>
    </row>
    <row r="7305" spans="1:7" x14ac:dyDescent="0.3">
      <c r="A7305" s="13" t="s">
        <v>65</v>
      </c>
      <c r="B7305" s="14" t="s">
        <v>1</v>
      </c>
      <c r="C7305" s="14" t="s">
        <v>51</v>
      </c>
      <c r="D7305" s="14" t="s">
        <v>66</v>
      </c>
      <c r="E7305" s="15">
        <v>45746</v>
      </c>
      <c r="F7305" s="14" t="s">
        <v>61</v>
      </c>
      <c r="G7305" s="16">
        <v>0</v>
      </c>
    </row>
    <row r="7306" spans="1:7" x14ac:dyDescent="0.3">
      <c r="A7306" s="13" t="s">
        <v>65</v>
      </c>
      <c r="B7306" s="14" t="s">
        <v>1</v>
      </c>
      <c r="C7306" s="14" t="s">
        <v>51</v>
      </c>
      <c r="D7306" s="14" t="s">
        <v>66</v>
      </c>
      <c r="E7306" s="15">
        <v>45747</v>
      </c>
      <c r="F7306" s="14" t="s">
        <v>61</v>
      </c>
      <c r="G7306" s="16">
        <v>0</v>
      </c>
    </row>
    <row r="7307" spans="1:7" x14ac:dyDescent="0.3">
      <c r="A7307" s="13" t="s">
        <v>67</v>
      </c>
      <c r="B7307" s="14" t="s">
        <v>1</v>
      </c>
      <c r="C7307" s="14" t="s">
        <v>23</v>
      </c>
      <c r="D7307" s="14" t="s">
        <v>68</v>
      </c>
      <c r="E7307" s="15">
        <v>45383</v>
      </c>
      <c r="F7307" s="14" t="s">
        <v>28</v>
      </c>
      <c r="G7307" s="16">
        <v>0</v>
      </c>
    </row>
    <row r="7308" spans="1:7" x14ac:dyDescent="0.3">
      <c r="A7308" s="13" t="s">
        <v>67</v>
      </c>
      <c r="B7308" s="14" t="s">
        <v>1</v>
      </c>
      <c r="C7308" s="14" t="s">
        <v>23</v>
      </c>
      <c r="D7308" s="14" t="s">
        <v>68</v>
      </c>
      <c r="E7308" s="15">
        <v>45384</v>
      </c>
      <c r="F7308" s="14" t="s">
        <v>28</v>
      </c>
      <c r="G7308" s="16">
        <v>0</v>
      </c>
    </row>
    <row r="7309" spans="1:7" x14ac:dyDescent="0.3">
      <c r="A7309" s="13" t="s">
        <v>67</v>
      </c>
      <c r="B7309" s="14" t="s">
        <v>1</v>
      </c>
      <c r="C7309" s="14" t="s">
        <v>23</v>
      </c>
      <c r="D7309" s="14" t="s">
        <v>68</v>
      </c>
      <c r="E7309" s="15">
        <v>45385</v>
      </c>
      <c r="F7309" s="14" t="s">
        <v>28</v>
      </c>
      <c r="G7309" s="16">
        <v>5.8415097624094997E-2</v>
      </c>
    </row>
    <row r="7310" spans="1:7" x14ac:dyDescent="0.3">
      <c r="A7310" s="13" t="s">
        <v>67</v>
      </c>
      <c r="B7310" s="14" t="s">
        <v>1</v>
      </c>
      <c r="C7310" s="14" t="s">
        <v>23</v>
      </c>
      <c r="D7310" s="14" t="s">
        <v>68</v>
      </c>
      <c r="E7310" s="15">
        <v>45386</v>
      </c>
      <c r="F7310" s="14" t="s">
        <v>28</v>
      </c>
      <c r="G7310" s="16">
        <v>7.3620568998495256E-2</v>
      </c>
    </row>
    <row r="7311" spans="1:7" x14ac:dyDescent="0.3">
      <c r="A7311" s="13" t="s">
        <v>67</v>
      </c>
      <c r="B7311" s="14" t="s">
        <v>1</v>
      </c>
      <c r="C7311" s="14" t="s">
        <v>23</v>
      </c>
      <c r="D7311" s="14" t="s">
        <v>68</v>
      </c>
      <c r="E7311" s="15">
        <v>45387</v>
      </c>
      <c r="F7311" s="14" t="s">
        <v>28</v>
      </c>
      <c r="G7311" s="16">
        <v>9.854904789584798E-2</v>
      </c>
    </row>
    <row r="7312" spans="1:7" x14ac:dyDescent="0.3">
      <c r="A7312" s="13" t="s">
        <v>67</v>
      </c>
      <c r="B7312" s="14" t="s">
        <v>1</v>
      </c>
      <c r="C7312" s="14" t="s">
        <v>23</v>
      </c>
      <c r="D7312" s="14" t="s">
        <v>68</v>
      </c>
      <c r="E7312" s="15">
        <v>45388</v>
      </c>
      <c r="F7312" s="14" t="s">
        <v>28</v>
      </c>
      <c r="G7312" s="16">
        <v>9.854904789584798E-2</v>
      </c>
    </row>
    <row r="7313" spans="1:7" x14ac:dyDescent="0.3">
      <c r="A7313" s="13" t="s">
        <v>67</v>
      </c>
      <c r="B7313" s="14" t="s">
        <v>1</v>
      </c>
      <c r="C7313" s="14" t="s">
        <v>23</v>
      </c>
      <c r="D7313" s="14" t="s">
        <v>68</v>
      </c>
      <c r="E7313" s="15">
        <v>45389</v>
      </c>
      <c r="F7313" s="14" t="s">
        <v>28</v>
      </c>
      <c r="G7313" s="16">
        <v>9.854904789584798E-2</v>
      </c>
    </row>
    <row r="7314" spans="1:7" x14ac:dyDescent="0.3">
      <c r="A7314" s="13" t="s">
        <v>67</v>
      </c>
      <c r="B7314" s="14" t="s">
        <v>1</v>
      </c>
      <c r="C7314" s="14" t="s">
        <v>23</v>
      </c>
      <c r="D7314" s="14" t="s">
        <v>68</v>
      </c>
      <c r="E7314" s="15">
        <v>45390</v>
      </c>
      <c r="F7314" s="14" t="s">
        <v>28</v>
      </c>
      <c r="G7314" s="16">
        <v>0.11180021913538146</v>
      </c>
    </row>
    <row r="7315" spans="1:7" x14ac:dyDescent="0.3">
      <c r="A7315" s="13" t="s">
        <v>67</v>
      </c>
      <c r="B7315" s="14" t="s">
        <v>1</v>
      </c>
      <c r="C7315" s="14" t="s">
        <v>23</v>
      </c>
      <c r="D7315" s="14" t="s">
        <v>68</v>
      </c>
      <c r="E7315" s="15">
        <v>45391</v>
      </c>
      <c r="F7315" s="14" t="s">
        <v>28</v>
      </c>
      <c r="G7315" s="16">
        <v>0.15155678314393584</v>
      </c>
    </row>
    <row r="7316" spans="1:7" x14ac:dyDescent="0.3">
      <c r="A7316" s="13" t="s">
        <v>67</v>
      </c>
      <c r="B7316" s="14" t="s">
        <v>1</v>
      </c>
      <c r="C7316" s="14" t="s">
        <v>23</v>
      </c>
      <c r="D7316" s="14" t="s">
        <v>68</v>
      </c>
      <c r="E7316" s="15">
        <v>45392</v>
      </c>
      <c r="F7316" s="14" t="s">
        <v>28</v>
      </c>
      <c r="G7316" s="16">
        <v>0.16871988525800308</v>
      </c>
    </row>
    <row r="7317" spans="1:7" x14ac:dyDescent="0.3">
      <c r="A7317" s="13" t="s">
        <v>67</v>
      </c>
      <c r="B7317" s="14" t="s">
        <v>1</v>
      </c>
      <c r="C7317" s="14" t="s">
        <v>23</v>
      </c>
      <c r="D7317" s="14" t="s">
        <v>68</v>
      </c>
      <c r="E7317" s="15">
        <v>45393</v>
      </c>
      <c r="F7317" s="14" t="s">
        <v>28</v>
      </c>
      <c r="G7317" s="16">
        <v>0.18319576559182324</v>
      </c>
    </row>
    <row r="7318" spans="1:7" x14ac:dyDescent="0.3">
      <c r="A7318" s="13" t="s">
        <v>67</v>
      </c>
      <c r="B7318" s="14" t="s">
        <v>1</v>
      </c>
      <c r="C7318" s="14" t="s">
        <v>23</v>
      </c>
      <c r="D7318" s="14" t="s">
        <v>68</v>
      </c>
      <c r="E7318" s="15">
        <v>45394</v>
      </c>
      <c r="F7318" s="14" t="s">
        <v>28</v>
      </c>
      <c r="G7318" s="16">
        <v>0.1978078302334452</v>
      </c>
    </row>
    <row r="7319" spans="1:7" x14ac:dyDescent="0.3">
      <c r="A7319" s="13" t="s">
        <v>67</v>
      </c>
      <c r="B7319" s="14" t="s">
        <v>1</v>
      </c>
      <c r="C7319" s="14" t="s">
        <v>23</v>
      </c>
      <c r="D7319" s="14" t="s">
        <v>68</v>
      </c>
      <c r="E7319" s="15">
        <v>45395</v>
      </c>
      <c r="F7319" s="14" t="s">
        <v>28</v>
      </c>
      <c r="G7319" s="16">
        <v>0.1978078302334452</v>
      </c>
    </row>
    <row r="7320" spans="1:7" x14ac:dyDescent="0.3">
      <c r="A7320" s="13" t="s">
        <v>67</v>
      </c>
      <c r="B7320" s="14" t="s">
        <v>1</v>
      </c>
      <c r="C7320" s="14" t="s">
        <v>23</v>
      </c>
      <c r="D7320" s="14" t="s">
        <v>68</v>
      </c>
      <c r="E7320" s="15">
        <v>45396</v>
      </c>
      <c r="F7320" s="14" t="s">
        <v>28</v>
      </c>
      <c r="G7320" s="16">
        <v>0.1978078302334452</v>
      </c>
    </row>
    <row r="7321" spans="1:7" x14ac:dyDescent="0.3">
      <c r="A7321" s="13" t="s">
        <v>67</v>
      </c>
      <c r="B7321" s="14" t="s">
        <v>1</v>
      </c>
      <c r="C7321" s="14" t="s">
        <v>23</v>
      </c>
      <c r="D7321" s="14" t="s">
        <v>68</v>
      </c>
      <c r="E7321" s="15">
        <v>45397</v>
      </c>
      <c r="F7321" s="14" t="s">
        <v>28</v>
      </c>
      <c r="G7321" s="16">
        <v>0.21258484571225214</v>
      </c>
    </row>
    <row r="7322" spans="1:7" x14ac:dyDescent="0.3">
      <c r="A7322" s="13" t="s">
        <v>67</v>
      </c>
      <c r="B7322" s="14" t="s">
        <v>1</v>
      </c>
      <c r="C7322" s="14" t="s">
        <v>23</v>
      </c>
      <c r="D7322" s="14" t="s">
        <v>68</v>
      </c>
      <c r="E7322" s="15">
        <v>45398</v>
      </c>
      <c r="F7322" s="14" t="s">
        <v>28</v>
      </c>
      <c r="G7322" s="16">
        <v>0.25260255823943956</v>
      </c>
    </row>
    <row r="7323" spans="1:7" x14ac:dyDescent="0.3">
      <c r="A7323" s="13" t="s">
        <v>67</v>
      </c>
      <c r="B7323" s="14" t="s">
        <v>1</v>
      </c>
      <c r="C7323" s="14" t="s">
        <v>23</v>
      </c>
      <c r="D7323" s="14" t="s">
        <v>68</v>
      </c>
      <c r="E7323" s="15">
        <v>45399</v>
      </c>
      <c r="F7323" s="14" t="s">
        <v>28</v>
      </c>
      <c r="G7323" s="16">
        <v>0.26483535403360065</v>
      </c>
    </row>
    <row r="7324" spans="1:7" x14ac:dyDescent="0.3">
      <c r="A7324" s="13" t="s">
        <v>67</v>
      </c>
      <c r="B7324" s="14" t="s">
        <v>1</v>
      </c>
      <c r="C7324" s="14" t="s">
        <v>23</v>
      </c>
      <c r="D7324" s="14" t="s">
        <v>68</v>
      </c>
      <c r="E7324" s="15">
        <v>45400</v>
      </c>
      <c r="F7324" s="14" t="s">
        <v>28</v>
      </c>
      <c r="G7324" s="16">
        <v>0.27825740596616222</v>
      </c>
    </row>
    <row r="7325" spans="1:7" x14ac:dyDescent="0.3">
      <c r="A7325" s="13" t="s">
        <v>67</v>
      </c>
      <c r="B7325" s="14" t="s">
        <v>1</v>
      </c>
      <c r="C7325" s="14" t="s">
        <v>23</v>
      </c>
      <c r="D7325" s="14" t="s">
        <v>68</v>
      </c>
      <c r="E7325" s="15">
        <v>45401</v>
      </c>
      <c r="F7325" s="14" t="s">
        <v>28</v>
      </c>
      <c r="G7325" s="16">
        <v>0.29130419821937498</v>
      </c>
    </row>
    <row r="7326" spans="1:7" x14ac:dyDescent="0.3">
      <c r="A7326" s="13" t="s">
        <v>67</v>
      </c>
      <c r="B7326" s="14" t="s">
        <v>1</v>
      </c>
      <c r="C7326" s="14" t="s">
        <v>23</v>
      </c>
      <c r="D7326" s="14" t="s">
        <v>68</v>
      </c>
      <c r="E7326" s="15">
        <v>45402</v>
      </c>
      <c r="F7326" s="14" t="s">
        <v>28</v>
      </c>
      <c r="G7326" s="16">
        <v>0.29130419821937498</v>
      </c>
    </row>
    <row r="7327" spans="1:7" x14ac:dyDescent="0.3">
      <c r="A7327" s="13" t="s">
        <v>67</v>
      </c>
      <c r="B7327" s="14" t="s">
        <v>1</v>
      </c>
      <c r="C7327" s="14" t="s">
        <v>23</v>
      </c>
      <c r="D7327" s="14" t="s">
        <v>68</v>
      </c>
      <c r="E7327" s="15">
        <v>45403</v>
      </c>
      <c r="F7327" s="14" t="s">
        <v>28</v>
      </c>
      <c r="G7327" s="16">
        <v>0.29130419821937498</v>
      </c>
    </row>
    <row r="7328" spans="1:7" x14ac:dyDescent="0.3">
      <c r="A7328" s="13" t="s">
        <v>67</v>
      </c>
      <c r="B7328" s="14" t="s">
        <v>1</v>
      </c>
      <c r="C7328" s="14" t="s">
        <v>23</v>
      </c>
      <c r="D7328" s="14" t="s">
        <v>68</v>
      </c>
      <c r="E7328" s="15">
        <v>45404</v>
      </c>
      <c r="F7328" s="14" t="s">
        <v>28</v>
      </c>
      <c r="G7328" s="16">
        <v>0.31123231755920494</v>
      </c>
    </row>
    <row r="7329" spans="1:7" x14ac:dyDescent="0.3">
      <c r="A7329" s="13" t="s">
        <v>67</v>
      </c>
      <c r="B7329" s="14" t="s">
        <v>1</v>
      </c>
      <c r="C7329" s="14" t="s">
        <v>23</v>
      </c>
      <c r="D7329" s="14" t="s">
        <v>68</v>
      </c>
      <c r="E7329" s="15">
        <v>45405</v>
      </c>
      <c r="F7329" s="14" t="s">
        <v>28</v>
      </c>
      <c r="G7329" s="16">
        <v>0.34449720635431458</v>
      </c>
    </row>
    <row r="7330" spans="1:7" x14ac:dyDescent="0.3">
      <c r="A7330" s="13" t="s">
        <v>67</v>
      </c>
      <c r="B7330" s="14" t="s">
        <v>1</v>
      </c>
      <c r="C7330" s="14" t="s">
        <v>23</v>
      </c>
      <c r="D7330" s="14" t="s">
        <v>68</v>
      </c>
      <c r="E7330" s="15">
        <v>45406</v>
      </c>
      <c r="F7330" s="14" t="s">
        <v>28</v>
      </c>
      <c r="G7330" s="16">
        <v>0.35525635168769343</v>
      </c>
    </row>
    <row r="7331" spans="1:7" x14ac:dyDescent="0.3">
      <c r="A7331" s="13" t="s">
        <v>67</v>
      </c>
      <c r="B7331" s="14" t="s">
        <v>1</v>
      </c>
      <c r="C7331" s="14" t="s">
        <v>23</v>
      </c>
      <c r="D7331" s="14" t="s">
        <v>68</v>
      </c>
      <c r="E7331" s="15">
        <v>45407</v>
      </c>
      <c r="F7331" s="14" t="s">
        <v>28</v>
      </c>
      <c r="G7331" s="16">
        <v>0.32139301558589861</v>
      </c>
    </row>
    <row r="7332" spans="1:7" x14ac:dyDescent="0.3">
      <c r="A7332" s="13" t="s">
        <v>67</v>
      </c>
      <c r="B7332" s="14" t="s">
        <v>1</v>
      </c>
      <c r="C7332" s="14" t="s">
        <v>23</v>
      </c>
      <c r="D7332" s="14" t="s">
        <v>68</v>
      </c>
      <c r="E7332" s="15">
        <v>45408</v>
      </c>
      <c r="F7332" s="14" t="s">
        <v>28</v>
      </c>
      <c r="G7332" s="16">
        <v>0.33427288843485975</v>
      </c>
    </row>
    <row r="7333" spans="1:7" x14ac:dyDescent="0.3">
      <c r="A7333" s="13" t="s">
        <v>67</v>
      </c>
      <c r="B7333" s="14" t="s">
        <v>1</v>
      </c>
      <c r="C7333" s="14" t="s">
        <v>23</v>
      </c>
      <c r="D7333" s="14" t="s">
        <v>68</v>
      </c>
      <c r="E7333" s="15">
        <v>45409</v>
      </c>
      <c r="F7333" s="14" t="s">
        <v>28</v>
      </c>
      <c r="G7333" s="16">
        <v>0.33427288843485975</v>
      </c>
    </row>
    <row r="7334" spans="1:7" x14ac:dyDescent="0.3">
      <c r="A7334" s="13" t="s">
        <v>67</v>
      </c>
      <c r="B7334" s="14" t="s">
        <v>1</v>
      </c>
      <c r="C7334" s="14" t="s">
        <v>23</v>
      </c>
      <c r="D7334" s="14" t="s">
        <v>68</v>
      </c>
      <c r="E7334" s="15">
        <v>45410</v>
      </c>
      <c r="F7334" s="14" t="s">
        <v>28</v>
      </c>
      <c r="G7334" s="16">
        <v>0.33427288843485975</v>
      </c>
    </row>
    <row r="7335" spans="1:7" x14ac:dyDescent="0.3">
      <c r="A7335" s="13" t="s">
        <v>67</v>
      </c>
      <c r="B7335" s="14" t="s">
        <v>1</v>
      </c>
      <c r="C7335" s="14" t="s">
        <v>23</v>
      </c>
      <c r="D7335" s="14" t="s">
        <v>68</v>
      </c>
      <c r="E7335" s="15">
        <v>45411</v>
      </c>
      <c r="F7335" s="14" t="s">
        <v>28</v>
      </c>
      <c r="G7335" s="16">
        <v>0.34707897430457241</v>
      </c>
    </row>
    <row r="7336" spans="1:7" x14ac:dyDescent="0.3">
      <c r="A7336" s="13" t="s">
        <v>67</v>
      </c>
      <c r="B7336" s="14" t="s">
        <v>1</v>
      </c>
      <c r="C7336" s="14" t="s">
        <v>23</v>
      </c>
      <c r="D7336" s="14" t="s">
        <v>68</v>
      </c>
      <c r="E7336" s="15">
        <v>45412</v>
      </c>
      <c r="F7336" s="14" t="s">
        <v>28</v>
      </c>
      <c r="G7336" s="16">
        <v>0.3896416538667869</v>
      </c>
    </row>
    <row r="7337" spans="1:7" x14ac:dyDescent="0.3">
      <c r="A7337" s="13" t="s">
        <v>67</v>
      </c>
      <c r="B7337" s="14" t="s">
        <v>1</v>
      </c>
      <c r="C7337" s="14" t="s">
        <v>23</v>
      </c>
      <c r="D7337" s="14" t="s">
        <v>68</v>
      </c>
      <c r="E7337" s="15">
        <v>45413</v>
      </c>
      <c r="F7337" s="14" t="s">
        <v>28</v>
      </c>
      <c r="G7337" s="16">
        <v>0</v>
      </c>
    </row>
    <row r="7338" spans="1:7" x14ac:dyDescent="0.3">
      <c r="A7338" s="13" t="s">
        <v>67</v>
      </c>
      <c r="B7338" s="14" t="s">
        <v>1</v>
      </c>
      <c r="C7338" s="14" t="s">
        <v>23</v>
      </c>
      <c r="D7338" s="14" t="s">
        <v>68</v>
      </c>
      <c r="E7338" s="15">
        <v>45414</v>
      </c>
      <c r="F7338" s="14" t="s">
        <v>28</v>
      </c>
      <c r="G7338" s="16">
        <v>0</v>
      </c>
    </row>
    <row r="7339" spans="1:7" x14ac:dyDescent="0.3">
      <c r="A7339" s="13" t="s">
        <v>67</v>
      </c>
      <c r="B7339" s="14" t="s">
        <v>1</v>
      </c>
      <c r="C7339" s="14" t="s">
        <v>23</v>
      </c>
      <c r="D7339" s="14" t="s">
        <v>68</v>
      </c>
      <c r="E7339" s="15">
        <v>45415</v>
      </c>
      <c r="F7339" s="14" t="s">
        <v>28</v>
      </c>
      <c r="G7339" s="16">
        <v>0</v>
      </c>
    </row>
    <row r="7340" spans="1:7" x14ac:dyDescent="0.3">
      <c r="A7340" s="13" t="s">
        <v>67</v>
      </c>
      <c r="B7340" s="14" t="s">
        <v>1</v>
      </c>
      <c r="C7340" s="14" t="s">
        <v>23</v>
      </c>
      <c r="D7340" s="14" t="s">
        <v>68</v>
      </c>
      <c r="E7340" s="15">
        <v>45416</v>
      </c>
      <c r="F7340" s="14" t="s">
        <v>28</v>
      </c>
      <c r="G7340" s="16">
        <v>0</v>
      </c>
    </row>
    <row r="7341" spans="1:7" x14ac:dyDescent="0.3">
      <c r="A7341" s="13" t="s">
        <v>67</v>
      </c>
      <c r="B7341" s="14" t="s">
        <v>1</v>
      </c>
      <c r="C7341" s="14" t="s">
        <v>23</v>
      </c>
      <c r="D7341" s="14" t="s">
        <v>68</v>
      </c>
      <c r="E7341" s="15">
        <v>45417</v>
      </c>
      <c r="F7341" s="14" t="s">
        <v>28</v>
      </c>
      <c r="G7341" s="16">
        <v>0</v>
      </c>
    </row>
    <row r="7342" spans="1:7" x14ac:dyDescent="0.3">
      <c r="A7342" s="13" t="s">
        <v>67</v>
      </c>
      <c r="B7342" s="14" t="s">
        <v>1</v>
      </c>
      <c r="C7342" s="14" t="s">
        <v>23</v>
      </c>
      <c r="D7342" s="14" t="s">
        <v>68</v>
      </c>
      <c r="E7342" s="15">
        <v>45418</v>
      </c>
      <c r="F7342" s="14" t="s">
        <v>28</v>
      </c>
      <c r="G7342" s="16">
        <v>0</v>
      </c>
    </row>
    <row r="7343" spans="1:7" x14ac:dyDescent="0.3">
      <c r="A7343" s="13" t="s">
        <v>67</v>
      </c>
      <c r="B7343" s="14" t="s">
        <v>1</v>
      </c>
      <c r="C7343" s="14" t="s">
        <v>23</v>
      </c>
      <c r="D7343" s="14" t="s">
        <v>68</v>
      </c>
      <c r="E7343" s="15">
        <v>45419</v>
      </c>
      <c r="F7343" s="14" t="s">
        <v>28</v>
      </c>
      <c r="G7343" s="16">
        <v>0</v>
      </c>
    </row>
    <row r="7344" spans="1:7" x14ac:dyDescent="0.3">
      <c r="A7344" s="13" t="s">
        <v>67</v>
      </c>
      <c r="B7344" s="14" t="s">
        <v>1</v>
      </c>
      <c r="C7344" s="14" t="s">
        <v>23</v>
      </c>
      <c r="D7344" s="14" t="s">
        <v>68</v>
      </c>
      <c r="E7344" s="15">
        <v>45420</v>
      </c>
      <c r="F7344" s="14" t="s">
        <v>28</v>
      </c>
      <c r="G7344" s="16">
        <v>9.539531536174985E-3</v>
      </c>
    </row>
    <row r="7345" spans="1:7" x14ac:dyDescent="0.3">
      <c r="A7345" s="13" t="s">
        <v>67</v>
      </c>
      <c r="B7345" s="14" t="s">
        <v>1</v>
      </c>
      <c r="C7345" s="14" t="s">
        <v>23</v>
      </c>
      <c r="D7345" s="14" t="s">
        <v>68</v>
      </c>
      <c r="E7345" s="15">
        <v>45421</v>
      </c>
      <c r="F7345" s="14" t="s">
        <v>28</v>
      </c>
      <c r="G7345" s="16">
        <v>2.2994621789505999E-2</v>
      </c>
    </row>
    <row r="7346" spans="1:7" x14ac:dyDescent="0.3">
      <c r="A7346" s="13" t="s">
        <v>67</v>
      </c>
      <c r="B7346" s="14" t="s">
        <v>1</v>
      </c>
      <c r="C7346" s="14" t="s">
        <v>23</v>
      </c>
      <c r="D7346" s="14" t="s">
        <v>68</v>
      </c>
      <c r="E7346" s="15">
        <v>45422</v>
      </c>
      <c r="F7346" s="14" t="s">
        <v>28</v>
      </c>
      <c r="G7346" s="16">
        <v>3.6362061874487497E-2</v>
      </c>
    </row>
    <row r="7347" spans="1:7" x14ac:dyDescent="0.3">
      <c r="A7347" s="13" t="s">
        <v>67</v>
      </c>
      <c r="B7347" s="14" t="s">
        <v>1</v>
      </c>
      <c r="C7347" s="14" t="s">
        <v>23</v>
      </c>
      <c r="D7347" s="14" t="s">
        <v>68</v>
      </c>
      <c r="E7347" s="15">
        <v>45423</v>
      </c>
      <c r="F7347" s="14" t="s">
        <v>28</v>
      </c>
      <c r="G7347" s="16">
        <v>3.6362061874487497E-2</v>
      </c>
    </row>
    <row r="7348" spans="1:7" x14ac:dyDescent="0.3">
      <c r="A7348" s="13" t="s">
        <v>67</v>
      </c>
      <c r="B7348" s="14" t="s">
        <v>1</v>
      </c>
      <c r="C7348" s="14" t="s">
        <v>23</v>
      </c>
      <c r="D7348" s="14" t="s">
        <v>68</v>
      </c>
      <c r="E7348" s="15">
        <v>45424</v>
      </c>
      <c r="F7348" s="14" t="s">
        <v>28</v>
      </c>
      <c r="G7348" s="16">
        <v>3.6362061874487497E-2</v>
      </c>
    </row>
    <row r="7349" spans="1:7" x14ac:dyDescent="0.3">
      <c r="A7349" s="13" t="s">
        <v>67</v>
      </c>
      <c r="B7349" s="14" t="s">
        <v>1</v>
      </c>
      <c r="C7349" s="14" t="s">
        <v>23</v>
      </c>
      <c r="D7349" s="14" t="s">
        <v>68</v>
      </c>
      <c r="E7349" s="15">
        <v>45425</v>
      </c>
      <c r="F7349" s="14" t="s">
        <v>28</v>
      </c>
      <c r="G7349" s="16">
        <v>5.0284707292258361E-2</v>
      </c>
    </row>
    <row r="7350" spans="1:7" x14ac:dyDescent="0.3">
      <c r="A7350" s="13" t="s">
        <v>67</v>
      </c>
      <c r="B7350" s="14" t="s">
        <v>1</v>
      </c>
      <c r="C7350" s="14" t="s">
        <v>23</v>
      </c>
      <c r="D7350" s="14" t="s">
        <v>68</v>
      </c>
      <c r="E7350" s="15">
        <v>45426</v>
      </c>
      <c r="F7350" s="14" t="s">
        <v>28</v>
      </c>
      <c r="G7350" s="16">
        <v>9.1948904358318859E-2</v>
      </c>
    </row>
    <row r="7351" spans="1:7" x14ac:dyDescent="0.3">
      <c r="A7351" s="13" t="s">
        <v>67</v>
      </c>
      <c r="B7351" s="14" t="s">
        <v>1</v>
      </c>
      <c r="C7351" s="14" t="s">
        <v>23</v>
      </c>
      <c r="D7351" s="14" t="s">
        <v>68</v>
      </c>
      <c r="E7351" s="15">
        <v>45427</v>
      </c>
      <c r="F7351" s="14" t="s">
        <v>28</v>
      </c>
      <c r="G7351" s="16">
        <v>0.10476240447565527</v>
      </c>
    </row>
    <row r="7352" spans="1:7" x14ac:dyDescent="0.3">
      <c r="A7352" s="13" t="s">
        <v>67</v>
      </c>
      <c r="B7352" s="14" t="s">
        <v>1</v>
      </c>
      <c r="C7352" s="14" t="s">
        <v>23</v>
      </c>
      <c r="D7352" s="14" t="s">
        <v>68</v>
      </c>
      <c r="E7352" s="15">
        <v>45428</v>
      </c>
      <c r="F7352" s="14" t="s">
        <v>28</v>
      </c>
      <c r="G7352" s="16">
        <v>0.11830411786228769</v>
      </c>
    </row>
    <row r="7353" spans="1:7" x14ac:dyDescent="0.3">
      <c r="A7353" s="13" t="s">
        <v>67</v>
      </c>
      <c r="B7353" s="14" t="s">
        <v>1</v>
      </c>
      <c r="C7353" s="14" t="s">
        <v>23</v>
      </c>
      <c r="D7353" s="14" t="s">
        <v>68</v>
      </c>
      <c r="E7353" s="15">
        <v>45429</v>
      </c>
      <c r="F7353" s="14" t="s">
        <v>28</v>
      </c>
      <c r="G7353" s="16">
        <v>0.13178410541201055</v>
      </c>
    </row>
    <row r="7354" spans="1:7" x14ac:dyDescent="0.3">
      <c r="A7354" s="13" t="s">
        <v>67</v>
      </c>
      <c r="B7354" s="14" t="s">
        <v>1</v>
      </c>
      <c r="C7354" s="14" t="s">
        <v>23</v>
      </c>
      <c r="D7354" s="14" t="s">
        <v>68</v>
      </c>
      <c r="E7354" s="15">
        <v>45430</v>
      </c>
      <c r="F7354" s="14" t="s">
        <v>28</v>
      </c>
      <c r="G7354" s="16">
        <v>0.13178410541201055</v>
      </c>
    </row>
    <row r="7355" spans="1:7" x14ac:dyDescent="0.3">
      <c r="A7355" s="13" t="s">
        <v>67</v>
      </c>
      <c r="B7355" s="14" t="s">
        <v>1</v>
      </c>
      <c r="C7355" s="14" t="s">
        <v>23</v>
      </c>
      <c r="D7355" s="14" t="s">
        <v>68</v>
      </c>
      <c r="E7355" s="15">
        <v>45431</v>
      </c>
      <c r="F7355" s="14" t="s">
        <v>28</v>
      </c>
      <c r="G7355" s="16">
        <v>0.13178410541201055</v>
      </c>
    </row>
    <row r="7356" spans="1:7" x14ac:dyDescent="0.3">
      <c r="A7356" s="13" t="s">
        <v>67</v>
      </c>
      <c r="B7356" s="14" t="s">
        <v>1</v>
      </c>
      <c r="C7356" s="14" t="s">
        <v>23</v>
      </c>
      <c r="D7356" s="14" t="s">
        <v>68</v>
      </c>
      <c r="E7356" s="15">
        <v>45432</v>
      </c>
      <c r="F7356" s="14" t="s">
        <v>28</v>
      </c>
      <c r="G7356" s="16">
        <v>0.14569134086928526</v>
      </c>
    </row>
    <row r="7357" spans="1:7" x14ac:dyDescent="0.3">
      <c r="A7357" s="13" t="s">
        <v>67</v>
      </c>
      <c r="B7357" s="14" t="s">
        <v>1</v>
      </c>
      <c r="C7357" s="14" t="s">
        <v>23</v>
      </c>
      <c r="D7357" s="14" t="s">
        <v>68</v>
      </c>
      <c r="E7357" s="15">
        <v>45433</v>
      </c>
      <c r="F7357" s="14" t="s">
        <v>28</v>
      </c>
      <c r="G7357" s="16">
        <v>0.18664272353242772</v>
      </c>
    </row>
    <row r="7358" spans="1:7" x14ac:dyDescent="0.3">
      <c r="A7358" s="13" t="s">
        <v>67</v>
      </c>
      <c r="B7358" s="14" t="s">
        <v>1</v>
      </c>
      <c r="C7358" s="14" t="s">
        <v>23</v>
      </c>
      <c r="D7358" s="14" t="s">
        <v>68</v>
      </c>
      <c r="E7358" s="15">
        <v>45434</v>
      </c>
      <c r="F7358" s="14" t="s">
        <v>28</v>
      </c>
      <c r="G7358" s="16">
        <v>0.20071805055695829</v>
      </c>
    </row>
    <row r="7359" spans="1:7" x14ac:dyDescent="0.3">
      <c r="A7359" s="13" t="s">
        <v>67</v>
      </c>
      <c r="B7359" s="14" t="s">
        <v>1</v>
      </c>
      <c r="C7359" s="14" t="s">
        <v>23</v>
      </c>
      <c r="D7359" s="14" t="s">
        <v>68</v>
      </c>
      <c r="E7359" s="15">
        <v>45435</v>
      </c>
      <c r="F7359" s="14" t="s">
        <v>28</v>
      </c>
      <c r="G7359" s="16">
        <v>0.21671471861369077</v>
      </c>
    </row>
    <row r="7360" spans="1:7" x14ac:dyDescent="0.3">
      <c r="A7360" s="13" t="s">
        <v>67</v>
      </c>
      <c r="B7360" s="14" t="s">
        <v>1</v>
      </c>
      <c r="C7360" s="14" t="s">
        <v>23</v>
      </c>
      <c r="D7360" s="14" t="s">
        <v>68</v>
      </c>
      <c r="E7360" s="15">
        <v>45436</v>
      </c>
      <c r="F7360" s="14" t="s">
        <v>28</v>
      </c>
      <c r="G7360" s="16">
        <v>0.22967083357632834</v>
      </c>
    </row>
    <row r="7361" spans="1:7" x14ac:dyDescent="0.3">
      <c r="A7361" s="13" t="s">
        <v>67</v>
      </c>
      <c r="B7361" s="14" t="s">
        <v>1</v>
      </c>
      <c r="C7361" s="14" t="s">
        <v>23</v>
      </c>
      <c r="D7361" s="14" t="s">
        <v>68</v>
      </c>
      <c r="E7361" s="15">
        <v>45437</v>
      </c>
      <c r="F7361" s="14" t="s">
        <v>28</v>
      </c>
      <c r="G7361" s="16">
        <v>0.22967083357632834</v>
      </c>
    </row>
    <row r="7362" spans="1:7" x14ac:dyDescent="0.3">
      <c r="A7362" s="13" t="s">
        <v>67</v>
      </c>
      <c r="B7362" s="14" t="s">
        <v>1</v>
      </c>
      <c r="C7362" s="14" t="s">
        <v>23</v>
      </c>
      <c r="D7362" s="14" t="s">
        <v>68</v>
      </c>
      <c r="E7362" s="15">
        <v>45438</v>
      </c>
      <c r="F7362" s="14" t="s">
        <v>28</v>
      </c>
      <c r="G7362" s="16">
        <v>0.22967083357632834</v>
      </c>
    </row>
    <row r="7363" spans="1:7" x14ac:dyDescent="0.3">
      <c r="A7363" s="13" t="s">
        <v>67</v>
      </c>
      <c r="B7363" s="14" t="s">
        <v>1</v>
      </c>
      <c r="C7363" s="14" t="s">
        <v>23</v>
      </c>
      <c r="D7363" s="14" t="s">
        <v>68</v>
      </c>
      <c r="E7363" s="15">
        <v>45439</v>
      </c>
      <c r="F7363" s="14" t="s">
        <v>28</v>
      </c>
      <c r="G7363" s="16">
        <v>0.22967083357632834</v>
      </c>
    </row>
    <row r="7364" spans="1:7" x14ac:dyDescent="0.3">
      <c r="A7364" s="13" t="s">
        <v>67</v>
      </c>
      <c r="B7364" s="14" t="s">
        <v>1</v>
      </c>
      <c r="C7364" s="14" t="s">
        <v>23</v>
      </c>
      <c r="D7364" s="14" t="s">
        <v>68</v>
      </c>
      <c r="E7364" s="15">
        <v>45440</v>
      </c>
      <c r="F7364" s="14" t="s">
        <v>28</v>
      </c>
      <c r="G7364" s="16">
        <v>0.24271780597507323</v>
      </c>
    </row>
    <row r="7365" spans="1:7" x14ac:dyDescent="0.3">
      <c r="A7365" s="13" t="s">
        <v>67</v>
      </c>
      <c r="B7365" s="14" t="s">
        <v>1</v>
      </c>
      <c r="C7365" s="14" t="s">
        <v>23</v>
      </c>
      <c r="D7365" s="14" t="s">
        <v>68</v>
      </c>
      <c r="E7365" s="15">
        <v>45441</v>
      </c>
      <c r="F7365" s="14" t="s">
        <v>28</v>
      </c>
      <c r="G7365" s="16">
        <v>0.29226609738014808</v>
      </c>
    </row>
    <row r="7366" spans="1:7" x14ac:dyDescent="0.3">
      <c r="A7366" s="13" t="s">
        <v>67</v>
      </c>
      <c r="B7366" s="14" t="s">
        <v>1</v>
      </c>
      <c r="C7366" s="14" t="s">
        <v>23</v>
      </c>
      <c r="D7366" s="14" t="s">
        <v>68</v>
      </c>
      <c r="E7366" s="15">
        <v>45442</v>
      </c>
      <c r="F7366" s="14" t="s">
        <v>28</v>
      </c>
      <c r="G7366" s="16">
        <v>0.3069074743012602</v>
      </c>
    </row>
    <row r="7367" spans="1:7" x14ac:dyDescent="0.3">
      <c r="A7367" s="13" t="s">
        <v>67</v>
      </c>
      <c r="B7367" s="14" t="s">
        <v>1</v>
      </c>
      <c r="C7367" s="14" t="s">
        <v>23</v>
      </c>
      <c r="D7367" s="14" t="s">
        <v>68</v>
      </c>
      <c r="E7367" s="15">
        <v>45443</v>
      </c>
      <c r="F7367" s="14" t="s">
        <v>28</v>
      </c>
      <c r="G7367" s="16">
        <v>0.31574768850050078</v>
      </c>
    </row>
    <row r="7368" spans="1:7" x14ac:dyDescent="0.3">
      <c r="A7368" s="13" t="s">
        <v>67</v>
      </c>
      <c r="B7368" s="14" t="s">
        <v>1</v>
      </c>
      <c r="C7368" s="14" t="s">
        <v>23</v>
      </c>
      <c r="D7368" s="14" t="s">
        <v>68</v>
      </c>
      <c r="E7368" s="15">
        <v>45444</v>
      </c>
      <c r="F7368" s="14" t="s">
        <v>28</v>
      </c>
      <c r="G7368" s="16">
        <v>0.31574768850050078</v>
      </c>
    </row>
    <row r="7369" spans="1:7" x14ac:dyDescent="0.3">
      <c r="A7369" s="13" t="s">
        <v>67</v>
      </c>
      <c r="B7369" s="14" t="s">
        <v>1</v>
      </c>
      <c r="C7369" s="14" t="s">
        <v>23</v>
      </c>
      <c r="D7369" s="14" t="s">
        <v>68</v>
      </c>
      <c r="E7369" s="15">
        <v>45445</v>
      </c>
      <c r="F7369" s="14" t="s">
        <v>28</v>
      </c>
      <c r="G7369" s="16">
        <v>0.31574768850050078</v>
      </c>
    </row>
    <row r="7370" spans="1:7" x14ac:dyDescent="0.3">
      <c r="A7370" s="13" t="s">
        <v>67</v>
      </c>
      <c r="B7370" s="14" t="s">
        <v>1</v>
      </c>
      <c r="C7370" s="14" t="s">
        <v>23</v>
      </c>
      <c r="D7370" s="14" t="s">
        <v>68</v>
      </c>
      <c r="E7370" s="15">
        <v>45446</v>
      </c>
      <c r="F7370" s="14" t="s">
        <v>28</v>
      </c>
      <c r="G7370" s="16">
        <v>0.31574768850050078</v>
      </c>
    </row>
    <row r="7371" spans="1:7" x14ac:dyDescent="0.3">
      <c r="A7371" s="13" t="s">
        <v>67</v>
      </c>
      <c r="B7371" s="14" t="s">
        <v>1</v>
      </c>
      <c r="C7371" s="14" t="s">
        <v>23</v>
      </c>
      <c r="D7371" s="14" t="s">
        <v>68</v>
      </c>
      <c r="E7371" s="15">
        <v>45447</v>
      </c>
      <c r="F7371" s="14" t="s">
        <v>28</v>
      </c>
      <c r="G7371" s="16">
        <v>0</v>
      </c>
    </row>
    <row r="7372" spans="1:7" x14ac:dyDescent="0.3">
      <c r="A7372" s="13" t="s">
        <v>67</v>
      </c>
      <c r="B7372" s="14" t="s">
        <v>1</v>
      </c>
      <c r="C7372" s="14" t="s">
        <v>23</v>
      </c>
      <c r="D7372" s="14" t="s">
        <v>68</v>
      </c>
      <c r="E7372" s="15">
        <v>45448</v>
      </c>
      <c r="F7372" s="14" t="s">
        <v>28</v>
      </c>
      <c r="G7372" s="16">
        <v>0</v>
      </c>
    </row>
    <row r="7373" spans="1:7" x14ac:dyDescent="0.3">
      <c r="A7373" s="13" t="s">
        <v>67</v>
      </c>
      <c r="B7373" s="14" t="s">
        <v>1</v>
      </c>
      <c r="C7373" s="14" t="s">
        <v>23</v>
      </c>
      <c r="D7373" s="14" t="s">
        <v>68</v>
      </c>
      <c r="E7373" s="15">
        <v>45449</v>
      </c>
      <c r="F7373" s="14" t="s">
        <v>28</v>
      </c>
      <c r="G7373" s="16">
        <v>0</v>
      </c>
    </row>
    <row r="7374" spans="1:7" x14ac:dyDescent="0.3">
      <c r="A7374" s="13" t="s">
        <v>67</v>
      </c>
      <c r="B7374" s="14" t="s">
        <v>1</v>
      </c>
      <c r="C7374" s="14" t="s">
        <v>23</v>
      </c>
      <c r="D7374" s="14" t="s">
        <v>68</v>
      </c>
      <c r="E7374" s="15">
        <v>45450</v>
      </c>
      <c r="F7374" s="14" t="s">
        <v>28</v>
      </c>
      <c r="G7374" s="16">
        <v>0</v>
      </c>
    </row>
    <row r="7375" spans="1:7" x14ac:dyDescent="0.3">
      <c r="A7375" s="13" t="s">
        <v>67</v>
      </c>
      <c r="B7375" s="14" t="s">
        <v>1</v>
      </c>
      <c r="C7375" s="14" t="s">
        <v>23</v>
      </c>
      <c r="D7375" s="14" t="s">
        <v>68</v>
      </c>
      <c r="E7375" s="15">
        <v>45451</v>
      </c>
      <c r="F7375" s="14" t="s">
        <v>28</v>
      </c>
      <c r="G7375" s="16">
        <v>0</v>
      </c>
    </row>
    <row r="7376" spans="1:7" x14ac:dyDescent="0.3">
      <c r="A7376" s="13" t="s">
        <v>67</v>
      </c>
      <c r="B7376" s="14" t="s">
        <v>1</v>
      </c>
      <c r="C7376" s="14" t="s">
        <v>23</v>
      </c>
      <c r="D7376" s="14" t="s">
        <v>68</v>
      </c>
      <c r="E7376" s="15">
        <v>45452</v>
      </c>
      <c r="F7376" s="14" t="s">
        <v>28</v>
      </c>
      <c r="G7376" s="16">
        <v>0</v>
      </c>
    </row>
    <row r="7377" spans="1:7" x14ac:dyDescent="0.3">
      <c r="A7377" s="13" t="s">
        <v>67</v>
      </c>
      <c r="B7377" s="14" t="s">
        <v>1</v>
      </c>
      <c r="C7377" s="14" t="s">
        <v>23</v>
      </c>
      <c r="D7377" s="14" t="s">
        <v>68</v>
      </c>
      <c r="E7377" s="15">
        <v>45453</v>
      </c>
      <c r="F7377" s="14" t="s">
        <v>28</v>
      </c>
      <c r="G7377" s="16">
        <v>0</v>
      </c>
    </row>
    <row r="7378" spans="1:7" x14ac:dyDescent="0.3">
      <c r="A7378" s="13" t="s">
        <v>67</v>
      </c>
      <c r="B7378" s="14" t="s">
        <v>1</v>
      </c>
      <c r="C7378" s="14" t="s">
        <v>23</v>
      </c>
      <c r="D7378" s="14" t="s">
        <v>68</v>
      </c>
      <c r="E7378" s="15">
        <v>45454</v>
      </c>
      <c r="F7378" s="14" t="s">
        <v>28</v>
      </c>
      <c r="G7378" s="16">
        <v>0</v>
      </c>
    </row>
    <row r="7379" spans="1:7" x14ac:dyDescent="0.3">
      <c r="A7379" s="13" t="s">
        <v>67</v>
      </c>
      <c r="B7379" s="14" t="s">
        <v>1</v>
      </c>
      <c r="C7379" s="14" t="s">
        <v>23</v>
      </c>
      <c r="D7379" s="14" t="s">
        <v>68</v>
      </c>
      <c r="E7379" s="15">
        <v>45455</v>
      </c>
      <c r="F7379" s="14" t="s">
        <v>28</v>
      </c>
      <c r="G7379" s="16">
        <v>0</v>
      </c>
    </row>
    <row r="7380" spans="1:7" x14ac:dyDescent="0.3">
      <c r="A7380" s="13" t="s">
        <v>67</v>
      </c>
      <c r="B7380" s="14" t="s">
        <v>1</v>
      </c>
      <c r="C7380" s="14" t="s">
        <v>23</v>
      </c>
      <c r="D7380" s="14" t="s">
        <v>68</v>
      </c>
      <c r="E7380" s="15">
        <v>45456</v>
      </c>
      <c r="F7380" s="14" t="s">
        <v>28</v>
      </c>
      <c r="G7380" s="16">
        <v>0</v>
      </c>
    </row>
    <row r="7381" spans="1:7" x14ac:dyDescent="0.3">
      <c r="A7381" s="13" t="s">
        <v>67</v>
      </c>
      <c r="B7381" s="14" t="s">
        <v>1</v>
      </c>
      <c r="C7381" s="14" t="s">
        <v>23</v>
      </c>
      <c r="D7381" s="14" t="s">
        <v>68</v>
      </c>
      <c r="E7381" s="15">
        <v>45457</v>
      </c>
      <c r="F7381" s="14" t="s">
        <v>28</v>
      </c>
      <c r="G7381" s="16">
        <v>1.8171513071062973E-3</v>
      </c>
    </row>
    <row r="7382" spans="1:7" x14ac:dyDescent="0.3">
      <c r="A7382" s="13" t="s">
        <v>67</v>
      </c>
      <c r="B7382" s="14" t="s">
        <v>1</v>
      </c>
      <c r="C7382" s="14" t="s">
        <v>23</v>
      </c>
      <c r="D7382" s="14" t="s">
        <v>68</v>
      </c>
      <c r="E7382" s="15">
        <v>45458</v>
      </c>
      <c r="F7382" s="14" t="s">
        <v>28</v>
      </c>
      <c r="G7382" s="16">
        <v>1.8171513071062973E-3</v>
      </c>
    </row>
    <row r="7383" spans="1:7" x14ac:dyDescent="0.3">
      <c r="A7383" s="13" t="s">
        <v>67</v>
      </c>
      <c r="B7383" s="14" t="s">
        <v>1</v>
      </c>
      <c r="C7383" s="14" t="s">
        <v>23</v>
      </c>
      <c r="D7383" s="14" t="s">
        <v>68</v>
      </c>
      <c r="E7383" s="15">
        <v>45459</v>
      </c>
      <c r="F7383" s="14" t="s">
        <v>28</v>
      </c>
      <c r="G7383" s="16">
        <v>1.8171513071062973E-3</v>
      </c>
    </row>
    <row r="7384" spans="1:7" x14ac:dyDescent="0.3">
      <c r="A7384" s="13" t="s">
        <v>67</v>
      </c>
      <c r="B7384" s="14" t="s">
        <v>1</v>
      </c>
      <c r="C7384" s="14" t="s">
        <v>23</v>
      </c>
      <c r="D7384" s="14" t="s">
        <v>68</v>
      </c>
      <c r="E7384" s="15">
        <v>45460</v>
      </c>
      <c r="F7384" s="14" t="s">
        <v>28</v>
      </c>
      <c r="G7384" s="16">
        <v>1.4648758222821837E-2</v>
      </c>
    </row>
    <row r="7385" spans="1:7" x14ac:dyDescent="0.3">
      <c r="A7385" s="13" t="s">
        <v>67</v>
      </c>
      <c r="B7385" s="14" t="s">
        <v>1</v>
      </c>
      <c r="C7385" s="14" t="s">
        <v>23</v>
      </c>
      <c r="D7385" s="14" t="s">
        <v>68</v>
      </c>
      <c r="E7385" s="15">
        <v>45461</v>
      </c>
      <c r="F7385" s="14" t="s">
        <v>28</v>
      </c>
      <c r="G7385" s="16">
        <v>5.3165928809616021E-2</v>
      </c>
    </row>
    <row r="7386" spans="1:7" x14ac:dyDescent="0.3">
      <c r="A7386" s="13" t="s">
        <v>67</v>
      </c>
      <c r="B7386" s="14" t="s">
        <v>1</v>
      </c>
      <c r="C7386" s="14" t="s">
        <v>23</v>
      </c>
      <c r="D7386" s="14" t="s">
        <v>68</v>
      </c>
      <c r="E7386" s="15">
        <v>45462</v>
      </c>
      <c r="F7386" s="14" t="s">
        <v>28</v>
      </c>
      <c r="G7386" s="16">
        <v>5.3165928809616021E-2</v>
      </c>
    </row>
    <row r="7387" spans="1:7" x14ac:dyDescent="0.3">
      <c r="A7387" s="13" t="s">
        <v>67</v>
      </c>
      <c r="B7387" s="14" t="s">
        <v>1</v>
      </c>
      <c r="C7387" s="14" t="s">
        <v>23</v>
      </c>
      <c r="D7387" s="14" t="s">
        <v>68</v>
      </c>
      <c r="E7387" s="15">
        <v>45463</v>
      </c>
      <c r="F7387" s="14" t="s">
        <v>28</v>
      </c>
      <c r="G7387" s="16">
        <v>6.6154368101317251E-2</v>
      </c>
    </row>
    <row r="7388" spans="1:7" x14ac:dyDescent="0.3">
      <c r="A7388" s="13" t="s">
        <v>67</v>
      </c>
      <c r="B7388" s="14" t="s">
        <v>1</v>
      </c>
      <c r="C7388" s="14" t="s">
        <v>23</v>
      </c>
      <c r="D7388" s="14" t="s">
        <v>68</v>
      </c>
      <c r="E7388" s="15">
        <v>45464</v>
      </c>
      <c r="F7388" s="14" t="s">
        <v>28</v>
      </c>
      <c r="G7388" s="16">
        <v>9.3379937447285996E-2</v>
      </c>
    </row>
    <row r="7389" spans="1:7" x14ac:dyDescent="0.3">
      <c r="A7389" s="13" t="s">
        <v>67</v>
      </c>
      <c r="B7389" s="14" t="s">
        <v>1</v>
      </c>
      <c r="C7389" s="14" t="s">
        <v>23</v>
      </c>
      <c r="D7389" s="14" t="s">
        <v>68</v>
      </c>
      <c r="E7389" s="15">
        <v>45465</v>
      </c>
      <c r="F7389" s="14" t="s">
        <v>28</v>
      </c>
      <c r="G7389" s="16">
        <v>9.3379937447285996E-2</v>
      </c>
    </row>
    <row r="7390" spans="1:7" x14ac:dyDescent="0.3">
      <c r="A7390" s="13" t="s">
        <v>67</v>
      </c>
      <c r="B7390" s="14" t="s">
        <v>1</v>
      </c>
      <c r="C7390" s="14" t="s">
        <v>23</v>
      </c>
      <c r="D7390" s="14" t="s">
        <v>68</v>
      </c>
      <c r="E7390" s="15">
        <v>45466</v>
      </c>
      <c r="F7390" s="14" t="s">
        <v>28</v>
      </c>
      <c r="G7390" s="16">
        <v>9.3379937447285996E-2</v>
      </c>
    </row>
    <row r="7391" spans="1:7" x14ac:dyDescent="0.3">
      <c r="A7391" s="13" t="s">
        <v>67</v>
      </c>
      <c r="B7391" s="14" t="s">
        <v>1</v>
      </c>
      <c r="C7391" s="14" t="s">
        <v>23</v>
      </c>
      <c r="D7391" s="14" t="s">
        <v>68</v>
      </c>
      <c r="E7391" s="15">
        <v>45467</v>
      </c>
      <c r="F7391" s="14" t="s">
        <v>28</v>
      </c>
      <c r="G7391" s="16">
        <v>0.10598846282943554</v>
      </c>
    </row>
    <row r="7392" spans="1:7" x14ac:dyDescent="0.3">
      <c r="A7392" s="13" t="s">
        <v>67</v>
      </c>
      <c r="B7392" s="14" t="s">
        <v>1</v>
      </c>
      <c r="C7392" s="14" t="s">
        <v>23</v>
      </c>
      <c r="D7392" s="14" t="s">
        <v>68</v>
      </c>
      <c r="E7392" s="15">
        <v>45468</v>
      </c>
      <c r="F7392" s="14" t="s">
        <v>28</v>
      </c>
      <c r="G7392" s="16">
        <v>0.14696129020371684</v>
      </c>
    </row>
    <row r="7393" spans="1:7" x14ac:dyDescent="0.3">
      <c r="A7393" s="13" t="s">
        <v>67</v>
      </c>
      <c r="B7393" s="14" t="s">
        <v>1</v>
      </c>
      <c r="C7393" s="14" t="s">
        <v>23</v>
      </c>
      <c r="D7393" s="14" t="s">
        <v>68</v>
      </c>
      <c r="E7393" s="15">
        <v>45469</v>
      </c>
      <c r="F7393" s="14" t="s">
        <v>28</v>
      </c>
      <c r="G7393" s="16">
        <v>0.15911022591212157</v>
      </c>
    </row>
    <row r="7394" spans="1:7" x14ac:dyDescent="0.3">
      <c r="A7394" s="13" t="s">
        <v>67</v>
      </c>
      <c r="B7394" s="14" t="s">
        <v>1</v>
      </c>
      <c r="C7394" s="14" t="s">
        <v>23</v>
      </c>
      <c r="D7394" s="14" t="s">
        <v>68</v>
      </c>
      <c r="E7394" s="15">
        <v>45470</v>
      </c>
      <c r="F7394" s="14" t="s">
        <v>28</v>
      </c>
      <c r="G7394" s="16">
        <v>0.17179728045938777</v>
      </c>
    </row>
    <row r="7395" spans="1:7" x14ac:dyDescent="0.3">
      <c r="A7395" s="13" t="s">
        <v>67</v>
      </c>
      <c r="B7395" s="14" t="s">
        <v>1</v>
      </c>
      <c r="C7395" s="14" t="s">
        <v>23</v>
      </c>
      <c r="D7395" s="14" t="s">
        <v>68</v>
      </c>
      <c r="E7395" s="15">
        <v>45471</v>
      </c>
      <c r="F7395" s="14" t="s">
        <v>28</v>
      </c>
      <c r="G7395" s="16">
        <v>0.18410530927595509</v>
      </c>
    </row>
    <row r="7396" spans="1:7" x14ac:dyDescent="0.3">
      <c r="A7396" s="13" t="s">
        <v>67</v>
      </c>
      <c r="B7396" s="14" t="s">
        <v>1</v>
      </c>
      <c r="C7396" s="14" t="s">
        <v>23</v>
      </c>
      <c r="D7396" s="14" t="s">
        <v>68</v>
      </c>
      <c r="E7396" s="15">
        <v>45472</v>
      </c>
      <c r="F7396" s="14" t="s">
        <v>28</v>
      </c>
      <c r="G7396" s="16">
        <v>0.18410530927595509</v>
      </c>
    </row>
    <row r="7397" spans="1:7" x14ac:dyDescent="0.3">
      <c r="A7397" s="13" t="s">
        <v>67</v>
      </c>
      <c r="B7397" s="14" t="s">
        <v>1</v>
      </c>
      <c r="C7397" s="14" t="s">
        <v>23</v>
      </c>
      <c r="D7397" s="14" t="s">
        <v>68</v>
      </c>
      <c r="E7397" s="15">
        <v>45473</v>
      </c>
      <c r="F7397" s="14" t="s">
        <v>28</v>
      </c>
      <c r="G7397" s="16">
        <v>0.18410530927595509</v>
      </c>
    </row>
    <row r="7398" spans="1:7" x14ac:dyDescent="0.3">
      <c r="A7398" s="13" t="s">
        <v>67</v>
      </c>
      <c r="B7398" s="14" t="s">
        <v>1</v>
      </c>
      <c r="C7398" s="14" t="s">
        <v>23</v>
      </c>
      <c r="D7398" s="14" t="s">
        <v>68</v>
      </c>
      <c r="E7398" s="15">
        <v>45474</v>
      </c>
      <c r="F7398" s="14" t="s">
        <v>28</v>
      </c>
      <c r="G7398" s="16">
        <v>0</v>
      </c>
    </row>
    <row r="7399" spans="1:7" x14ac:dyDescent="0.3">
      <c r="A7399" s="13" t="s">
        <v>67</v>
      </c>
      <c r="B7399" s="14" t="s">
        <v>1</v>
      </c>
      <c r="C7399" s="14" t="s">
        <v>23</v>
      </c>
      <c r="D7399" s="14" t="s">
        <v>68</v>
      </c>
      <c r="E7399" s="15">
        <v>45475</v>
      </c>
      <c r="F7399" s="14" t="s">
        <v>28</v>
      </c>
      <c r="G7399" s="16">
        <v>0</v>
      </c>
    </row>
    <row r="7400" spans="1:7" x14ac:dyDescent="0.3">
      <c r="A7400" s="13" t="s">
        <v>67</v>
      </c>
      <c r="B7400" s="14" t="s">
        <v>1</v>
      </c>
      <c r="C7400" s="14" t="s">
        <v>23</v>
      </c>
      <c r="D7400" s="14" t="s">
        <v>68</v>
      </c>
      <c r="E7400" s="15">
        <v>45476</v>
      </c>
      <c r="F7400" s="14" t="s">
        <v>28</v>
      </c>
      <c r="G7400" s="16">
        <v>0</v>
      </c>
    </row>
    <row r="7401" spans="1:7" x14ac:dyDescent="0.3">
      <c r="A7401" s="13" t="s">
        <v>67</v>
      </c>
      <c r="B7401" s="14" t="s">
        <v>1</v>
      </c>
      <c r="C7401" s="14" t="s">
        <v>23</v>
      </c>
      <c r="D7401" s="14" t="s">
        <v>68</v>
      </c>
      <c r="E7401" s="15">
        <v>45477</v>
      </c>
      <c r="F7401" s="14" t="s">
        <v>28</v>
      </c>
      <c r="G7401" s="16">
        <v>0</v>
      </c>
    </row>
    <row r="7402" spans="1:7" x14ac:dyDescent="0.3">
      <c r="A7402" s="13" t="s">
        <v>67</v>
      </c>
      <c r="B7402" s="14" t="s">
        <v>1</v>
      </c>
      <c r="C7402" s="14" t="s">
        <v>23</v>
      </c>
      <c r="D7402" s="14" t="s">
        <v>68</v>
      </c>
      <c r="E7402" s="15">
        <v>45478</v>
      </c>
      <c r="F7402" s="14" t="s">
        <v>28</v>
      </c>
      <c r="G7402" s="16">
        <v>0</v>
      </c>
    </row>
    <row r="7403" spans="1:7" x14ac:dyDescent="0.3">
      <c r="A7403" s="13" t="s">
        <v>67</v>
      </c>
      <c r="B7403" s="14" t="s">
        <v>1</v>
      </c>
      <c r="C7403" s="14" t="s">
        <v>23</v>
      </c>
      <c r="D7403" s="14" t="s">
        <v>68</v>
      </c>
      <c r="E7403" s="15">
        <v>45479</v>
      </c>
      <c r="F7403" s="14" t="s">
        <v>28</v>
      </c>
      <c r="G7403" s="16">
        <v>0</v>
      </c>
    </row>
    <row r="7404" spans="1:7" x14ac:dyDescent="0.3">
      <c r="A7404" s="13" t="s">
        <v>67</v>
      </c>
      <c r="B7404" s="14" t="s">
        <v>1</v>
      </c>
      <c r="C7404" s="14" t="s">
        <v>23</v>
      </c>
      <c r="D7404" s="14" t="s">
        <v>68</v>
      </c>
      <c r="E7404" s="15">
        <v>45480</v>
      </c>
      <c r="F7404" s="14" t="s">
        <v>28</v>
      </c>
      <c r="G7404" s="16">
        <v>0</v>
      </c>
    </row>
    <row r="7405" spans="1:7" x14ac:dyDescent="0.3">
      <c r="A7405" s="13" t="s">
        <v>67</v>
      </c>
      <c r="B7405" s="14" t="s">
        <v>1</v>
      </c>
      <c r="C7405" s="14" t="s">
        <v>23</v>
      </c>
      <c r="D7405" s="14" t="s">
        <v>68</v>
      </c>
      <c r="E7405" s="15">
        <v>45481</v>
      </c>
      <c r="F7405" s="14" t="s">
        <v>28</v>
      </c>
      <c r="G7405" s="16">
        <v>0</v>
      </c>
    </row>
    <row r="7406" spans="1:7" x14ac:dyDescent="0.3">
      <c r="A7406" s="13" t="s">
        <v>67</v>
      </c>
      <c r="B7406" s="14" t="s">
        <v>1</v>
      </c>
      <c r="C7406" s="14" t="s">
        <v>23</v>
      </c>
      <c r="D7406" s="14" t="s">
        <v>68</v>
      </c>
      <c r="E7406" s="15">
        <v>45482</v>
      </c>
      <c r="F7406" s="14" t="s">
        <v>28</v>
      </c>
      <c r="G7406" s="16">
        <v>0</v>
      </c>
    </row>
    <row r="7407" spans="1:7" x14ac:dyDescent="0.3">
      <c r="A7407" s="13" t="s">
        <v>67</v>
      </c>
      <c r="B7407" s="14" t="s">
        <v>1</v>
      </c>
      <c r="C7407" s="14" t="s">
        <v>23</v>
      </c>
      <c r="D7407" s="14" t="s">
        <v>68</v>
      </c>
      <c r="E7407" s="15">
        <v>45483</v>
      </c>
      <c r="F7407" s="14" t="s">
        <v>28</v>
      </c>
      <c r="G7407" s="16">
        <v>0</v>
      </c>
    </row>
    <row r="7408" spans="1:7" x14ac:dyDescent="0.3">
      <c r="A7408" s="13" t="s">
        <v>67</v>
      </c>
      <c r="B7408" s="14" t="s">
        <v>1</v>
      </c>
      <c r="C7408" s="14" t="s">
        <v>23</v>
      </c>
      <c r="D7408" s="14" t="s">
        <v>68</v>
      </c>
      <c r="E7408" s="15">
        <v>45484</v>
      </c>
      <c r="F7408" s="14" t="s">
        <v>28</v>
      </c>
      <c r="G7408" s="16">
        <v>0</v>
      </c>
    </row>
    <row r="7409" spans="1:7" x14ac:dyDescent="0.3">
      <c r="A7409" s="13" t="s">
        <v>67</v>
      </c>
      <c r="B7409" s="14" t="s">
        <v>1</v>
      </c>
      <c r="C7409" s="14" t="s">
        <v>23</v>
      </c>
      <c r="D7409" s="14" t="s">
        <v>68</v>
      </c>
      <c r="E7409" s="15">
        <v>45485</v>
      </c>
      <c r="F7409" s="14" t="s">
        <v>28</v>
      </c>
      <c r="G7409" s="16">
        <v>0</v>
      </c>
    </row>
    <row r="7410" spans="1:7" x14ac:dyDescent="0.3">
      <c r="A7410" s="13" t="s">
        <v>67</v>
      </c>
      <c r="B7410" s="14" t="s">
        <v>1</v>
      </c>
      <c r="C7410" s="14" t="s">
        <v>23</v>
      </c>
      <c r="D7410" s="14" t="s">
        <v>68</v>
      </c>
      <c r="E7410" s="15">
        <v>45486</v>
      </c>
      <c r="F7410" s="14" t="s">
        <v>28</v>
      </c>
      <c r="G7410" s="16">
        <v>0</v>
      </c>
    </row>
    <row r="7411" spans="1:7" x14ac:dyDescent="0.3">
      <c r="A7411" s="13" t="s">
        <v>67</v>
      </c>
      <c r="B7411" s="14" t="s">
        <v>1</v>
      </c>
      <c r="C7411" s="14" t="s">
        <v>23</v>
      </c>
      <c r="D7411" s="14" t="s">
        <v>68</v>
      </c>
      <c r="E7411" s="15">
        <v>45487</v>
      </c>
      <c r="F7411" s="14" t="s">
        <v>28</v>
      </c>
      <c r="G7411" s="16">
        <v>0</v>
      </c>
    </row>
    <row r="7412" spans="1:7" x14ac:dyDescent="0.3">
      <c r="A7412" s="13" t="s">
        <v>67</v>
      </c>
      <c r="B7412" s="14" t="s">
        <v>1</v>
      </c>
      <c r="C7412" s="14" t="s">
        <v>23</v>
      </c>
      <c r="D7412" s="14" t="s">
        <v>68</v>
      </c>
      <c r="E7412" s="15">
        <v>45488</v>
      </c>
      <c r="F7412" s="14" t="s">
        <v>28</v>
      </c>
      <c r="G7412" s="16">
        <v>0</v>
      </c>
    </row>
    <row r="7413" spans="1:7" x14ac:dyDescent="0.3">
      <c r="A7413" s="13" t="s">
        <v>67</v>
      </c>
      <c r="B7413" s="14" t="s">
        <v>1</v>
      </c>
      <c r="C7413" s="14" t="s">
        <v>23</v>
      </c>
      <c r="D7413" s="14" t="s">
        <v>68</v>
      </c>
      <c r="E7413" s="15">
        <v>45489</v>
      </c>
      <c r="F7413" s="14" t="s">
        <v>28</v>
      </c>
      <c r="G7413" s="16">
        <v>0</v>
      </c>
    </row>
    <row r="7414" spans="1:7" x14ac:dyDescent="0.3">
      <c r="A7414" s="13" t="s">
        <v>67</v>
      </c>
      <c r="B7414" s="14" t="s">
        <v>1</v>
      </c>
      <c r="C7414" s="14" t="s">
        <v>23</v>
      </c>
      <c r="D7414" s="14" t="s">
        <v>68</v>
      </c>
      <c r="E7414" s="15">
        <v>45490</v>
      </c>
      <c r="F7414" s="14" t="s">
        <v>28</v>
      </c>
      <c r="G7414" s="16">
        <v>0</v>
      </c>
    </row>
    <row r="7415" spans="1:7" x14ac:dyDescent="0.3">
      <c r="A7415" s="13" t="s">
        <v>67</v>
      </c>
      <c r="B7415" s="14" t="s">
        <v>1</v>
      </c>
      <c r="C7415" s="14" t="s">
        <v>23</v>
      </c>
      <c r="D7415" s="14" t="s">
        <v>68</v>
      </c>
      <c r="E7415" s="15">
        <v>45491</v>
      </c>
      <c r="F7415" s="14" t="s">
        <v>28</v>
      </c>
      <c r="G7415" s="16">
        <v>0</v>
      </c>
    </row>
    <row r="7416" spans="1:7" x14ac:dyDescent="0.3">
      <c r="A7416" s="13" t="s">
        <v>67</v>
      </c>
      <c r="B7416" s="14" t="s">
        <v>1</v>
      </c>
      <c r="C7416" s="14" t="s">
        <v>23</v>
      </c>
      <c r="D7416" s="14" t="s">
        <v>68</v>
      </c>
      <c r="E7416" s="15">
        <v>45492</v>
      </c>
      <c r="F7416" s="14" t="s">
        <v>28</v>
      </c>
      <c r="G7416" s="16">
        <v>1.2135202593104596E-2</v>
      </c>
    </row>
    <row r="7417" spans="1:7" x14ac:dyDescent="0.3">
      <c r="A7417" s="13" t="s">
        <v>67</v>
      </c>
      <c r="B7417" s="14" t="s">
        <v>1</v>
      </c>
      <c r="C7417" s="14" t="s">
        <v>23</v>
      </c>
      <c r="D7417" s="14" t="s">
        <v>68</v>
      </c>
      <c r="E7417" s="15">
        <v>45493</v>
      </c>
      <c r="F7417" s="14" t="s">
        <v>28</v>
      </c>
      <c r="G7417" s="16">
        <v>1.2135202593104596E-2</v>
      </c>
    </row>
    <row r="7418" spans="1:7" x14ac:dyDescent="0.3">
      <c r="A7418" s="13" t="s">
        <v>67</v>
      </c>
      <c r="B7418" s="14" t="s">
        <v>1</v>
      </c>
      <c r="C7418" s="14" t="s">
        <v>23</v>
      </c>
      <c r="D7418" s="14" t="s">
        <v>68</v>
      </c>
      <c r="E7418" s="15">
        <v>45494</v>
      </c>
      <c r="F7418" s="14" t="s">
        <v>28</v>
      </c>
      <c r="G7418" s="16">
        <v>1.2135202593104596E-2</v>
      </c>
    </row>
    <row r="7419" spans="1:7" x14ac:dyDescent="0.3">
      <c r="A7419" s="13" t="s">
        <v>67</v>
      </c>
      <c r="B7419" s="14" t="s">
        <v>1</v>
      </c>
      <c r="C7419" s="14" t="s">
        <v>23</v>
      </c>
      <c r="D7419" s="14" t="s">
        <v>68</v>
      </c>
      <c r="E7419" s="15">
        <v>45495</v>
      </c>
      <c r="F7419" s="14" t="s">
        <v>28</v>
      </c>
      <c r="G7419" s="16">
        <v>2.4769015237790595E-2</v>
      </c>
    </row>
    <row r="7420" spans="1:7" x14ac:dyDescent="0.3">
      <c r="A7420" s="13" t="s">
        <v>67</v>
      </c>
      <c r="B7420" s="14" t="s">
        <v>1</v>
      </c>
      <c r="C7420" s="14" t="s">
        <v>23</v>
      </c>
      <c r="D7420" s="14" t="s">
        <v>68</v>
      </c>
      <c r="E7420" s="15">
        <v>45496</v>
      </c>
      <c r="F7420" s="14" t="s">
        <v>28</v>
      </c>
      <c r="G7420" s="16">
        <v>6.2453586370309427E-2</v>
      </c>
    </row>
    <row r="7421" spans="1:7" x14ac:dyDescent="0.3">
      <c r="A7421" s="13" t="s">
        <v>67</v>
      </c>
      <c r="B7421" s="14" t="s">
        <v>1</v>
      </c>
      <c r="C7421" s="14" t="s">
        <v>23</v>
      </c>
      <c r="D7421" s="14" t="s">
        <v>68</v>
      </c>
      <c r="E7421" s="15">
        <v>45497</v>
      </c>
      <c r="F7421" s="14" t="s">
        <v>28</v>
      </c>
      <c r="G7421" s="16">
        <v>7.6589718896499751E-2</v>
      </c>
    </row>
    <row r="7422" spans="1:7" x14ac:dyDescent="0.3">
      <c r="A7422" s="13" t="s">
        <v>67</v>
      </c>
      <c r="B7422" s="14" t="s">
        <v>1</v>
      </c>
      <c r="C7422" s="14" t="s">
        <v>23</v>
      </c>
      <c r="D7422" s="14" t="s">
        <v>68</v>
      </c>
      <c r="E7422" s="15">
        <v>45498</v>
      </c>
      <c r="F7422" s="14" t="s">
        <v>28</v>
      </c>
      <c r="G7422" s="16">
        <v>8.8553518860082558E-2</v>
      </c>
    </row>
    <row r="7423" spans="1:7" x14ac:dyDescent="0.3">
      <c r="A7423" s="13" t="s">
        <v>67</v>
      </c>
      <c r="B7423" s="14" t="s">
        <v>1</v>
      </c>
      <c r="C7423" s="14" t="s">
        <v>23</v>
      </c>
      <c r="D7423" s="14" t="s">
        <v>68</v>
      </c>
      <c r="E7423" s="15">
        <v>45499</v>
      </c>
      <c r="F7423" s="14" t="s">
        <v>28</v>
      </c>
      <c r="G7423" s="16">
        <v>0.10051223199704247</v>
      </c>
    </row>
    <row r="7424" spans="1:7" x14ac:dyDescent="0.3">
      <c r="A7424" s="13" t="s">
        <v>67</v>
      </c>
      <c r="B7424" s="14" t="s">
        <v>1</v>
      </c>
      <c r="C7424" s="14" t="s">
        <v>23</v>
      </c>
      <c r="D7424" s="14" t="s">
        <v>68</v>
      </c>
      <c r="E7424" s="15">
        <v>45500</v>
      </c>
      <c r="F7424" s="14" t="s">
        <v>28</v>
      </c>
      <c r="G7424" s="16">
        <v>0.10051223199704247</v>
      </c>
    </row>
    <row r="7425" spans="1:7" x14ac:dyDescent="0.3">
      <c r="A7425" s="13" t="s">
        <v>67</v>
      </c>
      <c r="B7425" s="14" t="s">
        <v>1</v>
      </c>
      <c r="C7425" s="14" t="s">
        <v>23</v>
      </c>
      <c r="D7425" s="14" t="s">
        <v>68</v>
      </c>
      <c r="E7425" s="15">
        <v>45501</v>
      </c>
      <c r="F7425" s="14" t="s">
        <v>28</v>
      </c>
      <c r="G7425" s="16">
        <v>0.10051223199704247</v>
      </c>
    </row>
    <row r="7426" spans="1:7" x14ac:dyDescent="0.3">
      <c r="A7426" s="13" t="s">
        <v>67</v>
      </c>
      <c r="B7426" s="14" t="s">
        <v>1</v>
      </c>
      <c r="C7426" s="14" t="s">
        <v>23</v>
      </c>
      <c r="D7426" s="14" t="s">
        <v>68</v>
      </c>
      <c r="E7426" s="15">
        <v>45502</v>
      </c>
      <c r="F7426" s="14" t="s">
        <v>28</v>
      </c>
      <c r="G7426" s="16">
        <v>0.11269508619564832</v>
      </c>
    </row>
    <row r="7427" spans="1:7" x14ac:dyDescent="0.3">
      <c r="A7427" s="13" t="s">
        <v>67</v>
      </c>
      <c r="B7427" s="14" t="s">
        <v>1</v>
      </c>
      <c r="C7427" s="14" t="s">
        <v>23</v>
      </c>
      <c r="D7427" s="14" t="s">
        <v>68</v>
      </c>
      <c r="E7427" s="15">
        <v>45503</v>
      </c>
      <c r="F7427" s="14" t="s">
        <v>28</v>
      </c>
      <c r="G7427" s="16">
        <v>0.1489121113703577</v>
      </c>
    </row>
    <row r="7428" spans="1:7" x14ac:dyDescent="0.3">
      <c r="A7428" s="13" t="s">
        <v>67</v>
      </c>
      <c r="B7428" s="14" t="s">
        <v>1</v>
      </c>
      <c r="C7428" s="14" t="s">
        <v>23</v>
      </c>
      <c r="D7428" s="14" t="s">
        <v>68</v>
      </c>
      <c r="E7428" s="15">
        <v>45504</v>
      </c>
      <c r="F7428" s="14" t="s">
        <v>28</v>
      </c>
      <c r="G7428" s="16">
        <v>0.16141633189719917</v>
      </c>
    </row>
    <row r="7429" spans="1:7" x14ac:dyDescent="0.3">
      <c r="A7429" s="13" t="s">
        <v>67</v>
      </c>
      <c r="B7429" s="14" t="s">
        <v>1</v>
      </c>
      <c r="C7429" s="14" t="s">
        <v>23</v>
      </c>
      <c r="D7429" s="14" t="s">
        <v>68</v>
      </c>
      <c r="E7429" s="15">
        <v>45505</v>
      </c>
      <c r="F7429" s="14" t="s">
        <v>28</v>
      </c>
      <c r="G7429" s="16">
        <v>0</v>
      </c>
    </row>
    <row r="7430" spans="1:7" x14ac:dyDescent="0.3">
      <c r="A7430" s="13" t="s">
        <v>67</v>
      </c>
      <c r="B7430" s="14" t="s">
        <v>1</v>
      </c>
      <c r="C7430" s="14" t="s">
        <v>23</v>
      </c>
      <c r="D7430" s="14" t="s">
        <v>68</v>
      </c>
      <c r="E7430" s="15">
        <v>45506</v>
      </c>
      <c r="F7430" s="14" t="s">
        <v>28</v>
      </c>
      <c r="G7430" s="16">
        <v>0</v>
      </c>
    </row>
    <row r="7431" spans="1:7" x14ac:dyDescent="0.3">
      <c r="A7431" s="13" t="s">
        <v>67</v>
      </c>
      <c r="B7431" s="14" t="s">
        <v>1</v>
      </c>
      <c r="C7431" s="14" t="s">
        <v>23</v>
      </c>
      <c r="D7431" s="14" t="s">
        <v>68</v>
      </c>
      <c r="E7431" s="15">
        <v>45507</v>
      </c>
      <c r="F7431" s="14" t="s">
        <v>28</v>
      </c>
      <c r="G7431" s="16">
        <v>0</v>
      </c>
    </row>
    <row r="7432" spans="1:7" x14ac:dyDescent="0.3">
      <c r="A7432" s="13" t="s">
        <v>67</v>
      </c>
      <c r="B7432" s="14" t="s">
        <v>1</v>
      </c>
      <c r="C7432" s="14" t="s">
        <v>23</v>
      </c>
      <c r="D7432" s="14" t="s">
        <v>68</v>
      </c>
      <c r="E7432" s="15">
        <v>45508</v>
      </c>
      <c r="F7432" s="14" t="s">
        <v>28</v>
      </c>
      <c r="G7432" s="16">
        <v>0</v>
      </c>
    </row>
    <row r="7433" spans="1:7" x14ac:dyDescent="0.3">
      <c r="A7433" s="13" t="s">
        <v>67</v>
      </c>
      <c r="B7433" s="14" t="s">
        <v>1</v>
      </c>
      <c r="C7433" s="14" t="s">
        <v>23</v>
      </c>
      <c r="D7433" s="14" t="s">
        <v>68</v>
      </c>
      <c r="E7433" s="15">
        <v>45509</v>
      </c>
      <c r="F7433" s="14" t="s">
        <v>28</v>
      </c>
      <c r="G7433" s="16">
        <v>0</v>
      </c>
    </row>
    <row r="7434" spans="1:7" x14ac:dyDescent="0.3">
      <c r="A7434" s="13" t="s">
        <v>67</v>
      </c>
      <c r="B7434" s="14" t="s">
        <v>1</v>
      </c>
      <c r="C7434" s="14" t="s">
        <v>23</v>
      </c>
      <c r="D7434" s="14" t="s">
        <v>68</v>
      </c>
      <c r="E7434" s="15">
        <v>45510</v>
      </c>
      <c r="F7434" s="14" t="s">
        <v>28</v>
      </c>
      <c r="G7434" s="16">
        <v>0</v>
      </c>
    </row>
    <row r="7435" spans="1:7" x14ac:dyDescent="0.3">
      <c r="A7435" s="13" t="s">
        <v>67</v>
      </c>
      <c r="B7435" s="14" t="s">
        <v>1</v>
      </c>
      <c r="C7435" s="14" t="s">
        <v>23</v>
      </c>
      <c r="D7435" s="14" t="s">
        <v>68</v>
      </c>
      <c r="E7435" s="15">
        <v>45511</v>
      </c>
      <c r="F7435" s="14" t="s">
        <v>28</v>
      </c>
      <c r="G7435" s="16">
        <v>0</v>
      </c>
    </row>
    <row r="7436" spans="1:7" x14ac:dyDescent="0.3">
      <c r="A7436" s="13" t="s">
        <v>67</v>
      </c>
      <c r="B7436" s="14" t="s">
        <v>1</v>
      </c>
      <c r="C7436" s="14" t="s">
        <v>23</v>
      </c>
      <c r="D7436" s="14" t="s">
        <v>68</v>
      </c>
      <c r="E7436" s="15">
        <v>45512</v>
      </c>
      <c r="F7436" s="14" t="s">
        <v>28</v>
      </c>
      <c r="G7436" s="16">
        <v>0</v>
      </c>
    </row>
    <row r="7437" spans="1:7" x14ac:dyDescent="0.3">
      <c r="A7437" s="13" t="s">
        <v>67</v>
      </c>
      <c r="B7437" s="14" t="s">
        <v>1</v>
      </c>
      <c r="C7437" s="14" t="s">
        <v>23</v>
      </c>
      <c r="D7437" s="14" t="s">
        <v>68</v>
      </c>
      <c r="E7437" s="15">
        <v>45513</v>
      </c>
      <c r="F7437" s="14" t="s">
        <v>28</v>
      </c>
      <c r="G7437" s="16">
        <v>0</v>
      </c>
    </row>
    <row r="7438" spans="1:7" x14ac:dyDescent="0.3">
      <c r="A7438" s="13" t="s">
        <v>67</v>
      </c>
      <c r="B7438" s="14" t="s">
        <v>1</v>
      </c>
      <c r="C7438" s="14" t="s">
        <v>23</v>
      </c>
      <c r="D7438" s="14" t="s">
        <v>68</v>
      </c>
      <c r="E7438" s="15">
        <v>45514</v>
      </c>
      <c r="F7438" s="14" t="s">
        <v>28</v>
      </c>
      <c r="G7438" s="16">
        <v>0</v>
      </c>
    </row>
    <row r="7439" spans="1:7" x14ac:dyDescent="0.3">
      <c r="A7439" s="13" t="s">
        <v>67</v>
      </c>
      <c r="B7439" s="14" t="s">
        <v>1</v>
      </c>
      <c r="C7439" s="14" t="s">
        <v>23</v>
      </c>
      <c r="D7439" s="14" t="s">
        <v>68</v>
      </c>
      <c r="E7439" s="15">
        <v>45515</v>
      </c>
      <c r="F7439" s="14" t="s">
        <v>28</v>
      </c>
      <c r="G7439" s="16">
        <v>0</v>
      </c>
    </row>
    <row r="7440" spans="1:7" x14ac:dyDescent="0.3">
      <c r="A7440" s="13" t="s">
        <v>67</v>
      </c>
      <c r="B7440" s="14" t="s">
        <v>1</v>
      </c>
      <c r="C7440" s="14" t="s">
        <v>23</v>
      </c>
      <c r="D7440" s="14" t="s">
        <v>68</v>
      </c>
      <c r="E7440" s="15">
        <v>45516</v>
      </c>
      <c r="F7440" s="14" t="s">
        <v>28</v>
      </c>
      <c r="G7440" s="16">
        <v>0</v>
      </c>
    </row>
    <row r="7441" spans="1:7" x14ac:dyDescent="0.3">
      <c r="A7441" s="13" t="s">
        <v>67</v>
      </c>
      <c r="B7441" s="14" t="s">
        <v>1</v>
      </c>
      <c r="C7441" s="14" t="s">
        <v>23</v>
      </c>
      <c r="D7441" s="14" t="s">
        <v>68</v>
      </c>
      <c r="E7441" s="15">
        <v>45517</v>
      </c>
      <c r="F7441" s="14" t="s">
        <v>28</v>
      </c>
      <c r="G7441" s="16">
        <v>0</v>
      </c>
    </row>
    <row r="7442" spans="1:7" x14ac:dyDescent="0.3">
      <c r="A7442" s="13" t="s">
        <v>67</v>
      </c>
      <c r="B7442" s="14" t="s">
        <v>1</v>
      </c>
      <c r="C7442" s="14" t="s">
        <v>23</v>
      </c>
      <c r="D7442" s="14" t="s">
        <v>68</v>
      </c>
      <c r="E7442" s="15">
        <v>45518</v>
      </c>
      <c r="F7442" s="14" t="s">
        <v>28</v>
      </c>
      <c r="G7442" s="16">
        <v>0</v>
      </c>
    </row>
    <row r="7443" spans="1:7" x14ac:dyDescent="0.3">
      <c r="A7443" s="13" t="s">
        <v>67</v>
      </c>
      <c r="B7443" s="14" t="s">
        <v>1</v>
      </c>
      <c r="C7443" s="14" t="s">
        <v>23</v>
      </c>
      <c r="D7443" s="14" t="s">
        <v>68</v>
      </c>
      <c r="E7443" s="15">
        <v>45519</v>
      </c>
      <c r="F7443" s="14" t="s">
        <v>28</v>
      </c>
      <c r="G7443" s="16">
        <v>0</v>
      </c>
    </row>
    <row r="7444" spans="1:7" x14ac:dyDescent="0.3">
      <c r="A7444" s="13" t="s">
        <v>67</v>
      </c>
      <c r="B7444" s="14" t="s">
        <v>1</v>
      </c>
      <c r="C7444" s="14" t="s">
        <v>23</v>
      </c>
      <c r="D7444" s="14" t="s">
        <v>68</v>
      </c>
      <c r="E7444" s="15">
        <v>45520</v>
      </c>
      <c r="F7444" s="14" t="s">
        <v>28</v>
      </c>
      <c r="G7444" s="16">
        <v>0</v>
      </c>
    </row>
    <row r="7445" spans="1:7" x14ac:dyDescent="0.3">
      <c r="A7445" s="13" t="s">
        <v>67</v>
      </c>
      <c r="B7445" s="14" t="s">
        <v>1</v>
      </c>
      <c r="C7445" s="14" t="s">
        <v>23</v>
      </c>
      <c r="D7445" s="14" t="s">
        <v>68</v>
      </c>
      <c r="E7445" s="15">
        <v>45521</v>
      </c>
      <c r="F7445" s="14" t="s">
        <v>28</v>
      </c>
      <c r="G7445" s="16">
        <v>0</v>
      </c>
    </row>
    <row r="7446" spans="1:7" x14ac:dyDescent="0.3">
      <c r="A7446" s="13" t="s">
        <v>67</v>
      </c>
      <c r="B7446" s="14" t="s">
        <v>1</v>
      </c>
      <c r="C7446" s="14" t="s">
        <v>23</v>
      </c>
      <c r="D7446" s="14" t="s">
        <v>68</v>
      </c>
      <c r="E7446" s="15">
        <v>45522</v>
      </c>
      <c r="F7446" s="14" t="s">
        <v>28</v>
      </c>
      <c r="G7446" s="16">
        <v>0</v>
      </c>
    </row>
    <row r="7447" spans="1:7" x14ac:dyDescent="0.3">
      <c r="A7447" s="13" t="s">
        <v>67</v>
      </c>
      <c r="B7447" s="14" t="s">
        <v>1</v>
      </c>
      <c r="C7447" s="14" t="s">
        <v>23</v>
      </c>
      <c r="D7447" s="14" t="s">
        <v>68</v>
      </c>
      <c r="E7447" s="15">
        <v>45523</v>
      </c>
      <c r="F7447" s="14" t="s">
        <v>28</v>
      </c>
      <c r="G7447" s="16">
        <v>0</v>
      </c>
    </row>
    <row r="7448" spans="1:7" x14ac:dyDescent="0.3">
      <c r="A7448" s="13" t="s">
        <v>67</v>
      </c>
      <c r="B7448" s="14" t="s">
        <v>1</v>
      </c>
      <c r="C7448" s="14" t="s">
        <v>23</v>
      </c>
      <c r="D7448" s="14" t="s">
        <v>68</v>
      </c>
      <c r="E7448" s="15">
        <v>45524</v>
      </c>
      <c r="F7448" s="14" t="s">
        <v>28</v>
      </c>
      <c r="G7448" s="16">
        <v>0</v>
      </c>
    </row>
    <row r="7449" spans="1:7" x14ac:dyDescent="0.3">
      <c r="A7449" s="13" t="s">
        <v>67</v>
      </c>
      <c r="B7449" s="14" t="s">
        <v>1</v>
      </c>
      <c r="C7449" s="14" t="s">
        <v>23</v>
      </c>
      <c r="D7449" s="14" t="s">
        <v>68</v>
      </c>
      <c r="E7449" s="15">
        <v>45525</v>
      </c>
      <c r="F7449" s="14" t="s">
        <v>28</v>
      </c>
      <c r="G7449" s="16">
        <v>0</v>
      </c>
    </row>
    <row r="7450" spans="1:7" x14ac:dyDescent="0.3">
      <c r="A7450" s="13" t="s">
        <v>67</v>
      </c>
      <c r="B7450" s="14" t="s">
        <v>1</v>
      </c>
      <c r="C7450" s="14" t="s">
        <v>23</v>
      </c>
      <c r="D7450" s="14" t="s">
        <v>68</v>
      </c>
      <c r="E7450" s="15">
        <v>45526</v>
      </c>
      <c r="F7450" s="14" t="s">
        <v>28</v>
      </c>
      <c r="G7450" s="16">
        <v>0</v>
      </c>
    </row>
    <row r="7451" spans="1:7" x14ac:dyDescent="0.3">
      <c r="A7451" s="13" t="s">
        <v>67</v>
      </c>
      <c r="B7451" s="14" t="s">
        <v>1</v>
      </c>
      <c r="C7451" s="14" t="s">
        <v>23</v>
      </c>
      <c r="D7451" s="14" t="s">
        <v>68</v>
      </c>
      <c r="E7451" s="15">
        <v>45527</v>
      </c>
      <c r="F7451" s="14" t="s">
        <v>28</v>
      </c>
      <c r="G7451" s="16">
        <v>0</v>
      </c>
    </row>
    <row r="7452" spans="1:7" x14ac:dyDescent="0.3">
      <c r="A7452" s="13" t="s">
        <v>67</v>
      </c>
      <c r="B7452" s="14" t="s">
        <v>1</v>
      </c>
      <c r="C7452" s="14" t="s">
        <v>23</v>
      </c>
      <c r="D7452" s="14" t="s">
        <v>68</v>
      </c>
      <c r="E7452" s="15">
        <v>45528</v>
      </c>
      <c r="F7452" s="14" t="s">
        <v>28</v>
      </c>
      <c r="G7452" s="16">
        <v>0</v>
      </c>
    </row>
    <row r="7453" spans="1:7" x14ac:dyDescent="0.3">
      <c r="A7453" s="13" t="s">
        <v>67</v>
      </c>
      <c r="B7453" s="14" t="s">
        <v>1</v>
      </c>
      <c r="C7453" s="14" t="s">
        <v>23</v>
      </c>
      <c r="D7453" s="14" t="s">
        <v>68</v>
      </c>
      <c r="E7453" s="15">
        <v>45529</v>
      </c>
      <c r="F7453" s="14" t="s">
        <v>28</v>
      </c>
      <c r="G7453" s="16">
        <v>0</v>
      </c>
    </row>
    <row r="7454" spans="1:7" x14ac:dyDescent="0.3">
      <c r="A7454" s="13" t="s">
        <v>67</v>
      </c>
      <c r="B7454" s="14" t="s">
        <v>1</v>
      </c>
      <c r="C7454" s="14" t="s">
        <v>23</v>
      </c>
      <c r="D7454" s="14" t="s">
        <v>68</v>
      </c>
      <c r="E7454" s="15">
        <v>45530</v>
      </c>
      <c r="F7454" s="14" t="s">
        <v>28</v>
      </c>
      <c r="G7454" s="16">
        <v>0</v>
      </c>
    </row>
    <row r="7455" spans="1:7" x14ac:dyDescent="0.3">
      <c r="A7455" s="13" t="s">
        <v>67</v>
      </c>
      <c r="B7455" s="14" t="s">
        <v>1</v>
      </c>
      <c r="C7455" s="14" t="s">
        <v>23</v>
      </c>
      <c r="D7455" s="14" t="s">
        <v>68</v>
      </c>
      <c r="E7455" s="15">
        <v>45531</v>
      </c>
      <c r="F7455" s="14" t="s">
        <v>28</v>
      </c>
      <c r="G7455" s="16">
        <v>0</v>
      </c>
    </row>
    <row r="7456" spans="1:7" x14ac:dyDescent="0.3">
      <c r="A7456" s="13" t="s">
        <v>67</v>
      </c>
      <c r="B7456" s="14" t="s">
        <v>1</v>
      </c>
      <c r="C7456" s="14" t="s">
        <v>23</v>
      </c>
      <c r="D7456" s="14" t="s">
        <v>68</v>
      </c>
      <c r="E7456" s="15">
        <v>45532</v>
      </c>
      <c r="F7456" s="14" t="s">
        <v>28</v>
      </c>
      <c r="G7456" s="16">
        <v>0</v>
      </c>
    </row>
    <row r="7457" spans="1:7" x14ac:dyDescent="0.3">
      <c r="A7457" s="13" t="s">
        <v>67</v>
      </c>
      <c r="B7457" s="14" t="s">
        <v>1</v>
      </c>
      <c r="C7457" s="14" t="s">
        <v>23</v>
      </c>
      <c r="D7457" s="14" t="s">
        <v>68</v>
      </c>
      <c r="E7457" s="15">
        <v>45533</v>
      </c>
      <c r="F7457" s="14" t="s">
        <v>28</v>
      </c>
      <c r="G7457" s="16">
        <v>0</v>
      </c>
    </row>
    <row r="7458" spans="1:7" x14ac:dyDescent="0.3">
      <c r="A7458" s="13" t="s">
        <v>67</v>
      </c>
      <c r="B7458" s="14" t="s">
        <v>1</v>
      </c>
      <c r="C7458" s="14" t="s">
        <v>23</v>
      </c>
      <c r="D7458" s="14" t="s">
        <v>68</v>
      </c>
      <c r="E7458" s="15">
        <v>45534</v>
      </c>
      <c r="F7458" s="14" t="s">
        <v>28</v>
      </c>
      <c r="G7458" s="16">
        <v>0</v>
      </c>
    </row>
    <row r="7459" spans="1:7" x14ac:dyDescent="0.3">
      <c r="A7459" s="13" t="s">
        <v>67</v>
      </c>
      <c r="B7459" s="14" t="s">
        <v>1</v>
      </c>
      <c r="C7459" s="14" t="s">
        <v>23</v>
      </c>
      <c r="D7459" s="14" t="s">
        <v>68</v>
      </c>
      <c r="E7459" s="15">
        <v>45535</v>
      </c>
      <c r="F7459" s="14" t="s">
        <v>28</v>
      </c>
      <c r="G7459" s="16">
        <v>0</v>
      </c>
    </row>
    <row r="7460" spans="1:7" x14ac:dyDescent="0.3">
      <c r="A7460" s="13" t="s">
        <v>67</v>
      </c>
      <c r="B7460" s="14" t="s">
        <v>1</v>
      </c>
      <c r="C7460" s="14" t="s">
        <v>23</v>
      </c>
      <c r="D7460" s="14" t="s">
        <v>68</v>
      </c>
      <c r="E7460" s="15">
        <v>45536</v>
      </c>
      <c r="F7460" s="14" t="s">
        <v>28</v>
      </c>
      <c r="G7460" s="16">
        <v>0</v>
      </c>
    </row>
    <row r="7461" spans="1:7" x14ac:dyDescent="0.3">
      <c r="A7461" s="13" t="s">
        <v>67</v>
      </c>
      <c r="B7461" s="14" t="s">
        <v>1</v>
      </c>
      <c r="C7461" s="14" t="s">
        <v>23</v>
      </c>
      <c r="D7461" s="14" t="s">
        <v>68</v>
      </c>
      <c r="E7461" s="15">
        <v>45537</v>
      </c>
      <c r="F7461" s="14" t="s">
        <v>28</v>
      </c>
      <c r="G7461" s="16">
        <v>0</v>
      </c>
    </row>
    <row r="7462" spans="1:7" x14ac:dyDescent="0.3">
      <c r="A7462" s="13" t="s">
        <v>67</v>
      </c>
      <c r="B7462" s="14" t="s">
        <v>1</v>
      </c>
      <c r="C7462" s="14" t="s">
        <v>23</v>
      </c>
      <c r="D7462" s="14" t="s">
        <v>68</v>
      </c>
      <c r="E7462" s="15">
        <v>45538</v>
      </c>
      <c r="F7462" s="14" t="s">
        <v>28</v>
      </c>
      <c r="G7462" s="16">
        <v>0</v>
      </c>
    </row>
    <row r="7463" spans="1:7" x14ac:dyDescent="0.3">
      <c r="A7463" s="13" t="s">
        <v>67</v>
      </c>
      <c r="B7463" s="14" t="s">
        <v>1</v>
      </c>
      <c r="C7463" s="14" t="s">
        <v>23</v>
      </c>
      <c r="D7463" s="14" t="s">
        <v>68</v>
      </c>
      <c r="E7463" s="15">
        <v>45539</v>
      </c>
      <c r="F7463" s="14" t="s">
        <v>28</v>
      </c>
      <c r="G7463" s="16">
        <v>0</v>
      </c>
    </row>
    <row r="7464" spans="1:7" x14ac:dyDescent="0.3">
      <c r="A7464" s="13" t="s">
        <v>67</v>
      </c>
      <c r="B7464" s="14" t="s">
        <v>1</v>
      </c>
      <c r="C7464" s="14" t="s">
        <v>23</v>
      </c>
      <c r="D7464" s="14" t="s">
        <v>68</v>
      </c>
      <c r="E7464" s="15">
        <v>45540</v>
      </c>
      <c r="F7464" s="14" t="s">
        <v>28</v>
      </c>
      <c r="G7464" s="16">
        <v>0</v>
      </c>
    </row>
    <row r="7465" spans="1:7" x14ac:dyDescent="0.3">
      <c r="A7465" s="13" t="s">
        <v>67</v>
      </c>
      <c r="B7465" s="14" t="s">
        <v>1</v>
      </c>
      <c r="C7465" s="14" t="s">
        <v>23</v>
      </c>
      <c r="D7465" s="14" t="s">
        <v>68</v>
      </c>
      <c r="E7465" s="15">
        <v>45541</v>
      </c>
      <c r="F7465" s="14" t="s">
        <v>28</v>
      </c>
      <c r="G7465" s="16">
        <v>0</v>
      </c>
    </row>
    <row r="7466" spans="1:7" x14ac:dyDescent="0.3">
      <c r="A7466" s="13" t="s">
        <v>67</v>
      </c>
      <c r="B7466" s="14" t="s">
        <v>1</v>
      </c>
      <c r="C7466" s="14" t="s">
        <v>23</v>
      </c>
      <c r="D7466" s="14" t="s">
        <v>68</v>
      </c>
      <c r="E7466" s="15">
        <v>45542</v>
      </c>
      <c r="F7466" s="14" t="s">
        <v>28</v>
      </c>
      <c r="G7466" s="16">
        <v>0</v>
      </c>
    </row>
    <row r="7467" spans="1:7" x14ac:dyDescent="0.3">
      <c r="A7467" s="13" t="s">
        <v>67</v>
      </c>
      <c r="B7467" s="14" t="s">
        <v>1</v>
      </c>
      <c r="C7467" s="14" t="s">
        <v>23</v>
      </c>
      <c r="D7467" s="14" t="s">
        <v>68</v>
      </c>
      <c r="E7467" s="15">
        <v>45543</v>
      </c>
      <c r="F7467" s="14" t="s">
        <v>28</v>
      </c>
      <c r="G7467" s="16">
        <v>0</v>
      </c>
    </row>
    <row r="7468" spans="1:7" x14ac:dyDescent="0.3">
      <c r="A7468" s="13" t="s">
        <v>67</v>
      </c>
      <c r="B7468" s="14" t="s">
        <v>1</v>
      </c>
      <c r="C7468" s="14" t="s">
        <v>23</v>
      </c>
      <c r="D7468" s="14" t="s">
        <v>68</v>
      </c>
      <c r="E7468" s="15">
        <v>45544</v>
      </c>
      <c r="F7468" s="14" t="s">
        <v>28</v>
      </c>
      <c r="G7468" s="16">
        <v>0</v>
      </c>
    </row>
    <row r="7469" spans="1:7" x14ac:dyDescent="0.3">
      <c r="A7469" s="13" t="s">
        <v>67</v>
      </c>
      <c r="B7469" s="14" t="s">
        <v>1</v>
      </c>
      <c r="C7469" s="14" t="s">
        <v>23</v>
      </c>
      <c r="D7469" s="14" t="s">
        <v>68</v>
      </c>
      <c r="E7469" s="15">
        <v>45545</v>
      </c>
      <c r="F7469" s="14" t="s">
        <v>28</v>
      </c>
      <c r="G7469" s="16">
        <v>0</v>
      </c>
    </row>
    <row r="7470" spans="1:7" x14ac:dyDescent="0.3">
      <c r="A7470" s="13" t="s">
        <v>67</v>
      </c>
      <c r="B7470" s="14" t="s">
        <v>1</v>
      </c>
      <c r="C7470" s="14" t="s">
        <v>23</v>
      </c>
      <c r="D7470" s="14" t="s">
        <v>68</v>
      </c>
      <c r="E7470" s="15">
        <v>45546</v>
      </c>
      <c r="F7470" s="14" t="s">
        <v>28</v>
      </c>
      <c r="G7470" s="16">
        <v>0</v>
      </c>
    </row>
    <row r="7471" spans="1:7" x14ac:dyDescent="0.3">
      <c r="A7471" s="13" t="s">
        <v>67</v>
      </c>
      <c r="B7471" s="14" t="s">
        <v>1</v>
      </c>
      <c r="C7471" s="14" t="s">
        <v>23</v>
      </c>
      <c r="D7471" s="14" t="s">
        <v>68</v>
      </c>
      <c r="E7471" s="15">
        <v>45547</v>
      </c>
      <c r="F7471" s="14" t="s">
        <v>28</v>
      </c>
      <c r="G7471" s="16">
        <v>0</v>
      </c>
    </row>
    <row r="7472" spans="1:7" x14ac:dyDescent="0.3">
      <c r="A7472" s="13" t="s">
        <v>67</v>
      </c>
      <c r="B7472" s="14" t="s">
        <v>1</v>
      </c>
      <c r="C7472" s="14" t="s">
        <v>23</v>
      </c>
      <c r="D7472" s="14" t="s">
        <v>68</v>
      </c>
      <c r="E7472" s="15">
        <v>45548</v>
      </c>
      <c r="F7472" s="14" t="s">
        <v>28</v>
      </c>
      <c r="G7472" s="16">
        <v>0</v>
      </c>
    </row>
    <row r="7473" spans="1:7" x14ac:dyDescent="0.3">
      <c r="A7473" s="13" t="s">
        <v>67</v>
      </c>
      <c r="B7473" s="14" t="s">
        <v>1</v>
      </c>
      <c r="C7473" s="14" t="s">
        <v>23</v>
      </c>
      <c r="D7473" s="14" t="s">
        <v>68</v>
      </c>
      <c r="E7473" s="15">
        <v>45549</v>
      </c>
      <c r="F7473" s="14" t="s">
        <v>28</v>
      </c>
      <c r="G7473" s="16">
        <v>0</v>
      </c>
    </row>
    <row r="7474" spans="1:7" x14ac:dyDescent="0.3">
      <c r="A7474" s="13" t="s">
        <v>67</v>
      </c>
      <c r="B7474" s="14" t="s">
        <v>1</v>
      </c>
      <c r="C7474" s="14" t="s">
        <v>23</v>
      </c>
      <c r="D7474" s="14" t="s">
        <v>68</v>
      </c>
      <c r="E7474" s="15">
        <v>45550</v>
      </c>
      <c r="F7474" s="14" t="s">
        <v>28</v>
      </c>
      <c r="G7474" s="16">
        <v>0</v>
      </c>
    </row>
    <row r="7475" spans="1:7" x14ac:dyDescent="0.3">
      <c r="A7475" s="13" t="s">
        <v>67</v>
      </c>
      <c r="B7475" s="14" t="s">
        <v>1</v>
      </c>
      <c r="C7475" s="14" t="s">
        <v>23</v>
      </c>
      <c r="D7475" s="14" t="s">
        <v>68</v>
      </c>
      <c r="E7475" s="15">
        <v>45551</v>
      </c>
      <c r="F7475" s="14" t="s">
        <v>28</v>
      </c>
      <c r="G7475" s="16">
        <v>0</v>
      </c>
    </row>
    <row r="7476" spans="1:7" x14ac:dyDescent="0.3">
      <c r="A7476" s="13" t="s">
        <v>67</v>
      </c>
      <c r="B7476" s="14" t="s">
        <v>1</v>
      </c>
      <c r="C7476" s="14" t="s">
        <v>23</v>
      </c>
      <c r="D7476" s="14" t="s">
        <v>68</v>
      </c>
      <c r="E7476" s="15">
        <v>45552</v>
      </c>
      <c r="F7476" s="14" t="s">
        <v>28</v>
      </c>
      <c r="G7476" s="16">
        <v>0</v>
      </c>
    </row>
    <row r="7477" spans="1:7" x14ac:dyDescent="0.3">
      <c r="A7477" s="13" t="s">
        <v>67</v>
      </c>
      <c r="B7477" s="14" t="s">
        <v>1</v>
      </c>
      <c r="C7477" s="14" t="s">
        <v>23</v>
      </c>
      <c r="D7477" s="14" t="s">
        <v>68</v>
      </c>
      <c r="E7477" s="15">
        <v>45553</v>
      </c>
      <c r="F7477" s="14" t="s">
        <v>28</v>
      </c>
      <c r="G7477" s="16">
        <v>0</v>
      </c>
    </row>
    <row r="7478" spans="1:7" x14ac:dyDescent="0.3">
      <c r="A7478" s="13" t="s">
        <v>67</v>
      </c>
      <c r="B7478" s="14" t="s">
        <v>1</v>
      </c>
      <c r="C7478" s="14" t="s">
        <v>23</v>
      </c>
      <c r="D7478" s="14" t="s">
        <v>68</v>
      </c>
      <c r="E7478" s="15">
        <v>45554</v>
      </c>
      <c r="F7478" s="14" t="s">
        <v>28</v>
      </c>
      <c r="G7478" s="16">
        <v>0</v>
      </c>
    </row>
    <row r="7479" spans="1:7" x14ac:dyDescent="0.3">
      <c r="A7479" s="13" t="s">
        <v>67</v>
      </c>
      <c r="B7479" s="14" t="s">
        <v>1</v>
      </c>
      <c r="C7479" s="14" t="s">
        <v>23</v>
      </c>
      <c r="D7479" s="14" t="s">
        <v>68</v>
      </c>
      <c r="E7479" s="15">
        <v>45555</v>
      </c>
      <c r="F7479" s="14" t="s">
        <v>28</v>
      </c>
      <c r="G7479" s="16">
        <v>0</v>
      </c>
    </row>
    <row r="7480" spans="1:7" x14ac:dyDescent="0.3">
      <c r="A7480" s="13" t="s">
        <v>67</v>
      </c>
      <c r="B7480" s="14" t="s">
        <v>1</v>
      </c>
      <c r="C7480" s="14" t="s">
        <v>23</v>
      </c>
      <c r="D7480" s="14" t="s">
        <v>68</v>
      </c>
      <c r="E7480" s="15">
        <v>45556</v>
      </c>
      <c r="F7480" s="14" t="s">
        <v>28</v>
      </c>
      <c r="G7480" s="16">
        <v>0</v>
      </c>
    </row>
    <row r="7481" spans="1:7" x14ac:dyDescent="0.3">
      <c r="A7481" s="13" t="s">
        <v>67</v>
      </c>
      <c r="B7481" s="14" t="s">
        <v>1</v>
      </c>
      <c r="C7481" s="14" t="s">
        <v>23</v>
      </c>
      <c r="D7481" s="14" t="s">
        <v>68</v>
      </c>
      <c r="E7481" s="15">
        <v>45557</v>
      </c>
      <c r="F7481" s="14" t="s">
        <v>28</v>
      </c>
      <c r="G7481" s="16">
        <v>0</v>
      </c>
    </row>
    <row r="7482" spans="1:7" x14ac:dyDescent="0.3">
      <c r="A7482" s="13" t="s">
        <v>67</v>
      </c>
      <c r="B7482" s="14" t="s">
        <v>1</v>
      </c>
      <c r="C7482" s="14" t="s">
        <v>23</v>
      </c>
      <c r="D7482" s="14" t="s">
        <v>68</v>
      </c>
      <c r="E7482" s="15">
        <v>45558</v>
      </c>
      <c r="F7482" s="14" t="s">
        <v>28</v>
      </c>
      <c r="G7482" s="16">
        <v>0</v>
      </c>
    </row>
    <row r="7483" spans="1:7" x14ac:dyDescent="0.3">
      <c r="A7483" s="13" t="s">
        <v>67</v>
      </c>
      <c r="B7483" s="14" t="s">
        <v>1</v>
      </c>
      <c r="C7483" s="14" t="s">
        <v>23</v>
      </c>
      <c r="D7483" s="14" t="s">
        <v>68</v>
      </c>
      <c r="E7483" s="15">
        <v>45559</v>
      </c>
      <c r="F7483" s="14" t="s">
        <v>28</v>
      </c>
      <c r="G7483" s="16">
        <v>0</v>
      </c>
    </row>
    <row r="7484" spans="1:7" x14ac:dyDescent="0.3">
      <c r="A7484" s="13" t="s">
        <v>67</v>
      </c>
      <c r="B7484" s="14" t="s">
        <v>1</v>
      </c>
      <c r="C7484" s="14" t="s">
        <v>23</v>
      </c>
      <c r="D7484" s="14" t="s">
        <v>68</v>
      </c>
      <c r="E7484" s="15">
        <v>45560</v>
      </c>
      <c r="F7484" s="14" t="s">
        <v>28</v>
      </c>
      <c r="G7484" s="16">
        <v>0</v>
      </c>
    </row>
    <row r="7485" spans="1:7" x14ac:dyDescent="0.3">
      <c r="A7485" s="13" t="s">
        <v>67</v>
      </c>
      <c r="B7485" s="14" t="s">
        <v>1</v>
      </c>
      <c r="C7485" s="14" t="s">
        <v>23</v>
      </c>
      <c r="D7485" s="14" t="s">
        <v>68</v>
      </c>
      <c r="E7485" s="15">
        <v>45561</v>
      </c>
      <c r="F7485" s="14" t="s">
        <v>28</v>
      </c>
      <c r="G7485" s="16">
        <v>0</v>
      </c>
    </row>
    <row r="7486" spans="1:7" x14ac:dyDescent="0.3">
      <c r="A7486" s="13" t="s">
        <v>67</v>
      </c>
      <c r="B7486" s="14" t="s">
        <v>1</v>
      </c>
      <c r="C7486" s="14" t="s">
        <v>23</v>
      </c>
      <c r="D7486" s="14" t="s">
        <v>68</v>
      </c>
      <c r="E7486" s="15">
        <v>45562</v>
      </c>
      <c r="F7486" s="14" t="s">
        <v>28</v>
      </c>
      <c r="G7486" s="16">
        <v>0</v>
      </c>
    </row>
    <row r="7487" spans="1:7" x14ac:dyDescent="0.3">
      <c r="A7487" s="13" t="s">
        <v>67</v>
      </c>
      <c r="B7487" s="14" t="s">
        <v>1</v>
      </c>
      <c r="C7487" s="14" t="s">
        <v>23</v>
      </c>
      <c r="D7487" s="14" t="s">
        <v>68</v>
      </c>
      <c r="E7487" s="15">
        <v>45563</v>
      </c>
      <c r="F7487" s="14" t="s">
        <v>28</v>
      </c>
      <c r="G7487" s="16">
        <v>0</v>
      </c>
    </row>
    <row r="7488" spans="1:7" x14ac:dyDescent="0.3">
      <c r="A7488" s="13" t="s">
        <v>67</v>
      </c>
      <c r="B7488" s="14" t="s">
        <v>1</v>
      </c>
      <c r="C7488" s="14" t="s">
        <v>23</v>
      </c>
      <c r="D7488" s="14" t="s">
        <v>68</v>
      </c>
      <c r="E7488" s="15">
        <v>45564</v>
      </c>
      <c r="F7488" s="14" t="s">
        <v>28</v>
      </c>
      <c r="G7488" s="16">
        <v>0</v>
      </c>
    </row>
    <row r="7489" spans="1:7" x14ac:dyDescent="0.3">
      <c r="A7489" s="13" t="s">
        <v>67</v>
      </c>
      <c r="B7489" s="14" t="s">
        <v>1</v>
      </c>
      <c r="C7489" s="14" t="s">
        <v>23</v>
      </c>
      <c r="D7489" s="14" t="s">
        <v>68</v>
      </c>
      <c r="E7489" s="15">
        <v>45565</v>
      </c>
      <c r="F7489" s="14" t="s">
        <v>28</v>
      </c>
      <c r="G7489" s="16">
        <v>0</v>
      </c>
    </row>
    <row r="7490" spans="1:7" x14ac:dyDescent="0.3">
      <c r="A7490" s="13" t="s">
        <v>67</v>
      </c>
      <c r="B7490" s="14" t="s">
        <v>1</v>
      </c>
      <c r="C7490" s="14" t="s">
        <v>23</v>
      </c>
      <c r="D7490" s="14" t="s">
        <v>68</v>
      </c>
      <c r="E7490" s="15">
        <v>45566</v>
      </c>
      <c r="F7490" s="14" t="s">
        <v>28</v>
      </c>
      <c r="G7490" s="16">
        <v>0</v>
      </c>
    </row>
    <row r="7491" spans="1:7" x14ac:dyDescent="0.3">
      <c r="A7491" s="13" t="s">
        <v>67</v>
      </c>
      <c r="B7491" s="14" t="s">
        <v>1</v>
      </c>
      <c r="C7491" s="14" t="s">
        <v>23</v>
      </c>
      <c r="D7491" s="14" t="s">
        <v>68</v>
      </c>
      <c r="E7491" s="15">
        <v>45567</v>
      </c>
      <c r="F7491" s="14" t="s">
        <v>28</v>
      </c>
      <c r="G7491" s="16">
        <v>0</v>
      </c>
    </row>
    <row r="7492" spans="1:7" x14ac:dyDescent="0.3">
      <c r="A7492" s="13" t="s">
        <v>67</v>
      </c>
      <c r="B7492" s="14" t="s">
        <v>1</v>
      </c>
      <c r="C7492" s="14" t="s">
        <v>23</v>
      </c>
      <c r="D7492" s="14" t="s">
        <v>68</v>
      </c>
      <c r="E7492" s="15">
        <v>45568</v>
      </c>
      <c r="F7492" s="14" t="s">
        <v>28</v>
      </c>
      <c r="G7492" s="16">
        <v>0</v>
      </c>
    </row>
    <row r="7493" spans="1:7" x14ac:dyDescent="0.3">
      <c r="A7493" s="13" t="s">
        <v>67</v>
      </c>
      <c r="B7493" s="14" t="s">
        <v>1</v>
      </c>
      <c r="C7493" s="14" t="s">
        <v>23</v>
      </c>
      <c r="D7493" s="14" t="s">
        <v>68</v>
      </c>
      <c r="E7493" s="15">
        <v>45569</v>
      </c>
      <c r="F7493" s="14" t="s">
        <v>28</v>
      </c>
      <c r="G7493" s="16">
        <v>0</v>
      </c>
    </row>
    <row r="7494" spans="1:7" x14ac:dyDescent="0.3">
      <c r="A7494" s="13" t="s">
        <v>67</v>
      </c>
      <c r="B7494" s="14" t="s">
        <v>1</v>
      </c>
      <c r="C7494" s="14" t="s">
        <v>23</v>
      </c>
      <c r="D7494" s="14" t="s">
        <v>68</v>
      </c>
      <c r="E7494" s="15">
        <v>45570</v>
      </c>
      <c r="F7494" s="14" t="s">
        <v>28</v>
      </c>
      <c r="G7494" s="16">
        <v>0</v>
      </c>
    </row>
    <row r="7495" spans="1:7" x14ac:dyDescent="0.3">
      <c r="A7495" s="13" t="s">
        <v>67</v>
      </c>
      <c r="B7495" s="14" t="s">
        <v>1</v>
      </c>
      <c r="C7495" s="14" t="s">
        <v>23</v>
      </c>
      <c r="D7495" s="14" t="s">
        <v>68</v>
      </c>
      <c r="E7495" s="15">
        <v>45571</v>
      </c>
      <c r="F7495" s="14" t="s">
        <v>28</v>
      </c>
      <c r="G7495" s="16">
        <v>0</v>
      </c>
    </row>
    <row r="7496" spans="1:7" x14ac:dyDescent="0.3">
      <c r="A7496" s="13" t="s">
        <v>67</v>
      </c>
      <c r="B7496" s="14" t="s">
        <v>1</v>
      </c>
      <c r="C7496" s="14" t="s">
        <v>23</v>
      </c>
      <c r="D7496" s="14" t="s">
        <v>68</v>
      </c>
      <c r="E7496" s="15">
        <v>45572</v>
      </c>
      <c r="F7496" s="14" t="s">
        <v>28</v>
      </c>
      <c r="G7496" s="16">
        <v>0</v>
      </c>
    </row>
    <row r="7497" spans="1:7" x14ac:dyDescent="0.3">
      <c r="A7497" s="13" t="s">
        <v>67</v>
      </c>
      <c r="B7497" s="14" t="s">
        <v>1</v>
      </c>
      <c r="C7497" s="14" t="s">
        <v>23</v>
      </c>
      <c r="D7497" s="14" t="s">
        <v>68</v>
      </c>
      <c r="E7497" s="15">
        <v>45573</v>
      </c>
      <c r="F7497" s="14" t="s">
        <v>28</v>
      </c>
      <c r="G7497" s="16">
        <v>0</v>
      </c>
    </row>
    <row r="7498" spans="1:7" x14ac:dyDescent="0.3">
      <c r="A7498" s="13" t="s">
        <v>67</v>
      </c>
      <c r="B7498" s="14" t="s">
        <v>1</v>
      </c>
      <c r="C7498" s="14" t="s">
        <v>23</v>
      </c>
      <c r="D7498" s="14" t="s">
        <v>68</v>
      </c>
      <c r="E7498" s="15">
        <v>45574</v>
      </c>
      <c r="F7498" s="14" t="s">
        <v>28</v>
      </c>
      <c r="G7498" s="16">
        <v>0</v>
      </c>
    </row>
    <row r="7499" spans="1:7" x14ac:dyDescent="0.3">
      <c r="A7499" s="13" t="s">
        <v>67</v>
      </c>
      <c r="B7499" s="14" t="s">
        <v>1</v>
      </c>
      <c r="C7499" s="14" t="s">
        <v>23</v>
      </c>
      <c r="D7499" s="14" t="s">
        <v>68</v>
      </c>
      <c r="E7499" s="15">
        <v>45575</v>
      </c>
      <c r="F7499" s="14" t="s">
        <v>28</v>
      </c>
      <c r="G7499" s="16">
        <v>0</v>
      </c>
    </row>
    <row r="7500" spans="1:7" x14ac:dyDescent="0.3">
      <c r="A7500" s="13" t="s">
        <v>67</v>
      </c>
      <c r="B7500" s="14" t="s">
        <v>1</v>
      </c>
      <c r="C7500" s="14" t="s">
        <v>23</v>
      </c>
      <c r="D7500" s="14" t="s">
        <v>68</v>
      </c>
      <c r="E7500" s="15">
        <v>45576</v>
      </c>
      <c r="F7500" s="14" t="s">
        <v>28</v>
      </c>
      <c r="G7500" s="16">
        <v>0</v>
      </c>
    </row>
    <row r="7501" spans="1:7" x14ac:dyDescent="0.3">
      <c r="A7501" s="13" t="s">
        <v>67</v>
      </c>
      <c r="B7501" s="14" t="s">
        <v>1</v>
      </c>
      <c r="C7501" s="14" t="s">
        <v>23</v>
      </c>
      <c r="D7501" s="14" t="s">
        <v>68</v>
      </c>
      <c r="E7501" s="15">
        <v>45577</v>
      </c>
      <c r="F7501" s="14" t="s">
        <v>28</v>
      </c>
      <c r="G7501" s="16">
        <v>0</v>
      </c>
    </row>
    <row r="7502" spans="1:7" x14ac:dyDescent="0.3">
      <c r="A7502" s="13" t="s">
        <v>67</v>
      </c>
      <c r="B7502" s="14" t="s">
        <v>1</v>
      </c>
      <c r="C7502" s="14" t="s">
        <v>23</v>
      </c>
      <c r="D7502" s="14" t="s">
        <v>68</v>
      </c>
      <c r="E7502" s="15">
        <v>45578</v>
      </c>
      <c r="F7502" s="14" t="s">
        <v>28</v>
      </c>
      <c r="G7502" s="16">
        <v>0</v>
      </c>
    </row>
    <row r="7503" spans="1:7" x14ac:dyDescent="0.3">
      <c r="A7503" s="13" t="s">
        <v>67</v>
      </c>
      <c r="B7503" s="14" t="s">
        <v>1</v>
      </c>
      <c r="C7503" s="14" t="s">
        <v>23</v>
      </c>
      <c r="D7503" s="14" t="s">
        <v>68</v>
      </c>
      <c r="E7503" s="15">
        <v>45579</v>
      </c>
      <c r="F7503" s="14" t="s">
        <v>28</v>
      </c>
      <c r="G7503" s="16">
        <v>0</v>
      </c>
    </row>
    <row r="7504" spans="1:7" x14ac:dyDescent="0.3">
      <c r="A7504" s="13" t="s">
        <v>67</v>
      </c>
      <c r="B7504" s="14" t="s">
        <v>1</v>
      </c>
      <c r="C7504" s="14" t="s">
        <v>23</v>
      </c>
      <c r="D7504" s="14" t="s">
        <v>68</v>
      </c>
      <c r="E7504" s="15">
        <v>45580</v>
      </c>
      <c r="F7504" s="14" t="s">
        <v>28</v>
      </c>
      <c r="G7504" s="16">
        <v>0</v>
      </c>
    </row>
    <row r="7505" spans="1:7" x14ac:dyDescent="0.3">
      <c r="A7505" s="13" t="s">
        <v>67</v>
      </c>
      <c r="B7505" s="14" t="s">
        <v>1</v>
      </c>
      <c r="C7505" s="14" t="s">
        <v>23</v>
      </c>
      <c r="D7505" s="14" t="s">
        <v>68</v>
      </c>
      <c r="E7505" s="15">
        <v>45581</v>
      </c>
      <c r="F7505" s="14" t="s">
        <v>28</v>
      </c>
      <c r="G7505" s="16">
        <v>0</v>
      </c>
    </row>
    <row r="7506" spans="1:7" x14ac:dyDescent="0.3">
      <c r="A7506" s="13" t="s">
        <v>67</v>
      </c>
      <c r="B7506" s="14" t="s">
        <v>1</v>
      </c>
      <c r="C7506" s="14" t="s">
        <v>23</v>
      </c>
      <c r="D7506" s="14" t="s">
        <v>68</v>
      </c>
      <c r="E7506" s="15">
        <v>45582</v>
      </c>
      <c r="F7506" s="14" t="s">
        <v>28</v>
      </c>
      <c r="G7506" s="16">
        <v>0</v>
      </c>
    </row>
    <row r="7507" spans="1:7" x14ac:dyDescent="0.3">
      <c r="A7507" s="13" t="s">
        <v>67</v>
      </c>
      <c r="B7507" s="14" t="s">
        <v>1</v>
      </c>
      <c r="C7507" s="14" t="s">
        <v>23</v>
      </c>
      <c r="D7507" s="14" t="s">
        <v>68</v>
      </c>
      <c r="E7507" s="15">
        <v>45583</v>
      </c>
      <c r="F7507" s="14" t="s">
        <v>28</v>
      </c>
      <c r="G7507" s="16">
        <v>0</v>
      </c>
    </row>
    <row r="7508" spans="1:7" x14ac:dyDescent="0.3">
      <c r="A7508" s="13" t="s">
        <v>67</v>
      </c>
      <c r="B7508" s="14" t="s">
        <v>1</v>
      </c>
      <c r="C7508" s="14" t="s">
        <v>23</v>
      </c>
      <c r="D7508" s="14" t="s">
        <v>68</v>
      </c>
      <c r="E7508" s="15">
        <v>45584</v>
      </c>
      <c r="F7508" s="14" t="s">
        <v>28</v>
      </c>
      <c r="G7508" s="16">
        <v>0</v>
      </c>
    </row>
    <row r="7509" spans="1:7" x14ac:dyDescent="0.3">
      <c r="A7509" s="13" t="s">
        <v>67</v>
      </c>
      <c r="B7509" s="14" t="s">
        <v>1</v>
      </c>
      <c r="C7509" s="14" t="s">
        <v>23</v>
      </c>
      <c r="D7509" s="14" t="s">
        <v>68</v>
      </c>
      <c r="E7509" s="15">
        <v>45585</v>
      </c>
      <c r="F7509" s="14" t="s">
        <v>28</v>
      </c>
      <c r="G7509" s="16">
        <v>0</v>
      </c>
    </row>
    <row r="7510" spans="1:7" x14ac:dyDescent="0.3">
      <c r="A7510" s="13" t="s">
        <v>67</v>
      </c>
      <c r="B7510" s="14" t="s">
        <v>1</v>
      </c>
      <c r="C7510" s="14" t="s">
        <v>23</v>
      </c>
      <c r="D7510" s="14" t="s">
        <v>68</v>
      </c>
      <c r="E7510" s="15">
        <v>45586</v>
      </c>
      <c r="F7510" s="14" t="s">
        <v>28</v>
      </c>
      <c r="G7510" s="16">
        <v>0</v>
      </c>
    </row>
    <row r="7511" spans="1:7" x14ac:dyDescent="0.3">
      <c r="A7511" s="13" t="s">
        <v>67</v>
      </c>
      <c r="B7511" s="14" t="s">
        <v>1</v>
      </c>
      <c r="C7511" s="14" t="s">
        <v>23</v>
      </c>
      <c r="D7511" s="14" t="s">
        <v>68</v>
      </c>
      <c r="E7511" s="15">
        <v>45587</v>
      </c>
      <c r="F7511" s="14" t="s">
        <v>28</v>
      </c>
      <c r="G7511" s="16">
        <v>0</v>
      </c>
    </row>
    <row r="7512" spans="1:7" x14ac:dyDescent="0.3">
      <c r="A7512" s="13" t="s">
        <v>67</v>
      </c>
      <c r="B7512" s="14" t="s">
        <v>1</v>
      </c>
      <c r="C7512" s="14" t="s">
        <v>23</v>
      </c>
      <c r="D7512" s="14" t="s">
        <v>68</v>
      </c>
      <c r="E7512" s="15">
        <v>45588</v>
      </c>
      <c r="F7512" s="14" t="s">
        <v>28</v>
      </c>
      <c r="G7512" s="16">
        <v>0</v>
      </c>
    </row>
    <row r="7513" spans="1:7" x14ac:dyDescent="0.3">
      <c r="A7513" s="13" t="s">
        <v>67</v>
      </c>
      <c r="B7513" s="14" t="s">
        <v>1</v>
      </c>
      <c r="C7513" s="14" t="s">
        <v>23</v>
      </c>
      <c r="D7513" s="14" t="s">
        <v>68</v>
      </c>
      <c r="E7513" s="15">
        <v>45589</v>
      </c>
      <c r="F7513" s="14" t="s">
        <v>28</v>
      </c>
      <c r="G7513" s="16">
        <v>0</v>
      </c>
    </row>
    <row r="7514" spans="1:7" x14ac:dyDescent="0.3">
      <c r="A7514" s="13" t="s">
        <v>67</v>
      </c>
      <c r="B7514" s="14" t="s">
        <v>1</v>
      </c>
      <c r="C7514" s="14" t="s">
        <v>23</v>
      </c>
      <c r="D7514" s="14" t="s">
        <v>68</v>
      </c>
      <c r="E7514" s="15">
        <v>45590</v>
      </c>
      <c r="F7514" s="14" t="s">
        <v>28</v>
      </c>
      <c r="G7514" s="16">
        <v>0</v>
      </c>
    </row>
    <row r="7515" spans="1:7" x14ac:dyDescent="0.3">
      <c r="A7515" s="13" t="s">
        <v>67</v>
      </c>
      <c r="B7515" s="14" t="s">
        <v>1</v>
      </c>
      <c r="C7515" s="14" t="s">
        <v>23</v>
      </c>
      <c r="D7515" s="14" t="s">
        <v>68</v>
      </c>
      <c r="E7515" s="15">
        <v>45591</v>
      </c>
      <c r="F7515" s="14" t="s">
        <v>28</v>
      </c>
      <c r="G7515" s="16">
        <v>0</v>
      </c>
    </row>
    <row r="7516" spans="1:7" x14ac:dyDescent="0.3">
      <c r="A7516" s="13" t="s">
        <v>67</v>
      </c>
      <c r="B7516" s="14" t="s">
        <v>1</v>
      </c>
      <c r="C7516" s="14" t="s">
        <v>23</v>
      </c>
      <c r="D7516" s="14" t="s">
        <v>68</v>
      </c>
      <c r="E7516" s="15">
        <v>45592</v>
      </c>
      <c r="F7516" s="14" t="s">
        <v>28</v>
      </c>
      <c r="G7516" s="16">
        <v>0</v>
      </c>
    </row>
    <row r="7517" spans="1:7" x14ac:dyDescent="0.3">
      <c r="A7517" s="13" t="s">
        <v>67</v>
      </c>
      <c r="B7517" s="14" t="s">
        <v>1</v>
      </c>
      <c r="C7517" s="14" t="s">
        <v>23</v>
      </c>
      <c r="D7517" s="14" t="s">
        <v>68</v>
      </c>
      <c r="E7517" s="15">
        <v>45593</v>
      </c>
      <c r="F7517" s="14" t="s">
        <v>28</v>
      </c>
      <c r="G7517" s="16">
        <v>0</v>
      </c>
    </row>
    <row r="7518" spans="1:7" x14ac:dyDescent="0.3">
      <c r="A7518" s="13" t="s">
        <v>67</v>
      </c>
      <c r="B7518" s="14" t="s">
        <v>1</v>
      </c>
      <c r="C7518" s="14" t="s">
        <v>23</v>
      </c>
      <c r="D7518" s="14" t="s">
        <v>68</v>
      </c>
      <c r="E7518" s="15">
        <v>45594</v>
      </c>
      <c r="F7518" s="14" t="s">
        <v>28</v>
      </c>
      <c r="G7518" s="16">
        <v>0</v>
      </c>
    </row>
    <row r="7519" spans="1:7" x14ac:dyDescent="0.3">
      <c r="A7519" s="13" t="s">
        <v>67</v>
      </c>
      <c r="B7519" s="14" t="s">
        <v>1</v>
      </c>
      <c r="C7519" s="14" t="s">
        <v>23</v>
      </c>
      <c r="D7519" s="14" t="s">
        <v>68</v>
      </c>
      <c r="E7519" s="15">
        <v>45595</v>
      </c>
      <c r="F7519" s="14" t="s">
        <v>28</v>
      </c>
      <c r="G7519" s="16">
        <v>0</v>
      </c>
    </row>
    <row r="7520" spans="1:7" x14ac:dyDescent="0.3">
      <c r="A7520" s="13" t="s">
        <v>67</v>
      </c>
      <c r="B7520" s="14" t="s">
        <v>1</v>
      </c>
      <c r="C7520" s="14" t="s">
        <v>23</v>
      </c>
      <c r="D7520" s="14" t="s">
        <v>68</v>
      </c>
      <c r="E7520" s="15">
        <v>45596</v>
      </c>
      <c r="F7520" s="14" t="s">
        <v>28</v>
      </c>
      <c r="G7520" s="16">
        <v>0</v>
      </c>
    </row>
    <row r="7521" spans="1:7" x14ac:dyDescent="0.3">
      <c r="A7521" s="13" t="s">
        <v>67</v>
      </c>
      <c r="B7521" s="14" t="s">
        <v>1</v>
      </c>
      <c r="C7521" s="14" t="s">
        <v>23</v>
      </c>
      <c r="D7521" s="14" t="s">
        <v>68</v>
      </c>
      <c r="E7521" s="15">
        <v>45597</v>
      </c>
      <c r="F7521" s="14" t="s">
        <v>28</v>
      </c>
      <c r="G7521" s="16">
        <v>0</v>
      </c>
    </row>
    <row r="7522" spans="1:7" x14ac:dyDescent="0.3">
      <c r="A7522" s="13" t="s">
        <v>67</v>
      </c>
      <c r="B7522" s="14" t="s">
        <v>1</v>
      </c>
      <c r="C7522" s="14" t="s">
        <v>23</v>
      </c>
      <c r="D7522" s="14" t="s">
        <v>68</v>
      </c>
      <c r="E7522" s="15">
        <v>45598</v>
      </c>
      <c r="F7522" s="14" t="s">
        <v>28</v>
      </c>
      <c r="G7522" s="16">
        <v>0</v>
      </c>
    </row>
    <row r="7523" spans="1:7" x14ac:dyDescent="0.3">
      <c r="A7523" s="13" t="s">
        <v>67</v>
      </c>
      <c r="B7523" s="14" t="s">
        <v>1</v>
      </c>
      <c r="C7523" s="14" t="s">
        <v>23</v>
      </c>
      <c r="D7523" s="14" t="s">
        <v>68</v>
      </c>
      <c r="E7523" s="15">
        <v>45599</v>
      </c>
      <c r="F7523" s="14" t="s">
        <v>28</v>
      </c>
      <c r="G7523" s="16">
        <v>0</v>
      </c>
    </row>
    <row r="7524" spans="1:7" x14ac:dyDescent="0.3">
      <c r="A7524" s="13" t="s">
        <v>67</v>
      </c>
      <c r="B7524" s="14" t="s">
        <v>1</v>
      </c>
      <c r="C7524" s="14" t="s">
        <v>23</v>
      </c>
      <c r="D7524" s="14" t="s">
        <v>68</v>
      </c>
      <c r="E7524" s="15">
        <v>45600</v>
      </c>
      <c r="F7524" s="14" t="s">
        <v>28</v>
      </c>
      <c r="G7524" s="16">
        <v>0</v>
      </c>
    </row>
    <row r="7525" spans="1:7" x14ac:dyDescent="0.3">
      <c r="A7525" s="13" t="s">
        <v>67</v>
      </c>
      <c r="B7525" s="14" t="s">
        <v>1</v>
      </c>
      <c r="C7525" s="14" t="s">
        <v>23</v>
      </c>
      <c r="D7525" s="14" t="s">
        <v>68</v>
      </c>
      <c r="E7525" s="15">
        <v>45601</v>
      </c>
      <c r="F7525" s="14" t="s">
        <v>28</v>
      </c>
      <c r="G7525" s="16">
        <v>0</v>
      </c>
    </row>
    <row r="7526" spans="1:7" x14ac:dyDescent="0.3">
      <c r="A7526" s="13" t="s">
        <v>67</v>
      </c>
      <c r="B7526" s="14" t="s">
        <v>1</v>
      </c>
      <c r="C7526" s="14" t="s">
        <v>23</v>
      </c>
      <c r="D7526" s="14" t="s">
        <v>68</v>
      </c>
      <c r="E7526" s="15">
        <v>45602</v>
      </c>
      <c r="F7526" s="14" t="s">
        <v>28</v>
      </c>
      <c r="G7526" s="16">
        <v>0</v>
      </c>
    </row>
    <row r="7527" spans="1:7" x14ac:dyDescent="0.3">
      <c r="A7527" s="13" t="s">
        <v>67</v>
      </c>
      <c r="B7527" s="14" t="s">
        <v>1</v>
      </c>
      <c r="C7527" s="14" t="s">
        <v>23</v>
      </c>
      <c r="D7527" s="14" t="s">
        <v>68</v>
      </c>
      <c r="E7527" s="15">
        <v>45603</v>
      </c>
      <c r="F7527" s="14" t="s">
        <v>28</v>
      </c>
      <c r="G7527" s="16">
        <v>0</v>
      </c>
    </row>
    <row r="7528" spans="1:7" x14ac:dyDescent="0.3">
      <c r="A7528" s="13" t="s">
        <v>67</v>
      </c>
      <c r="B7528" s="14" t="s">
        <v>1</v>
      </c>
      <c r="C7528" s="14" t="s">
        <v>23</v>
      </c>
      <c r="D7528" s="14" t="s">
        <v>68</v>
      </c>
      <c r="E7528" s="15">
        <v>45604</v>
      </c>
      <c r="F7528" s="14" t="s">
        <v>28</v>
      </c>
      <c r="G7528" s="16">
        <v>0</v>
      </c>
    </row>
    <row r="7529" spans="1:7" x14ac:dyDescent="0.3">
      <c r="A7529" s="13" t="s">
        <v>67</v>
      </c>
      <c r="B7529" s="14" t="s">
        <v>1</v>
      </c>
      <c r="C7529" s="14" t="s">
        <v>23</v>
      </c>
      <c r="D7529" s="14" t="s">
        <v>68</v>
      </c>
      <c r="E7529" s="15">
        <v>45605</v>
      </c>
      <c r="F7529" s="14" t="s">
        <v>28</v>
      </c>
      <c r="G7529" s="16">
        <v>0</v>
      </c>
    </row>
    <row r="7530" spans="1:7" x14ac:dyDescent="0.3">
      <c r="A7530" s="13" t="s">
        <v>67</v>
      </c>
      <c r="B7530" s="14" t="s">
        <v>1</v>
      </c>
      <c r="C7530" s="14" t="s">
        <v>23</v>
      </c>
      <c r="D7530" s="14" t="s">
        <v>68</v>
      </c>
      <c r="E7530" s="15">
        <v>45606</v>
      </c>
      <c r="F7530" s="14" t="s">
        <v>28</v>
      </c>
      <c r="G7530" s="16">
        <v>0</v>
      </c>
    </row>
    <row r="7531" spans="1:7" x14ac:dyDescent="0.3">
      <c r="A7531" s="13" t="s">
        <v>67</v>
      </c>
      <c r="B7531" s="14" t="s">
        <v>1</v>
      </c>
      <c r="C7531" s="14" t="s">
        <v>23</v>
      </c>
      <c r="D7531" s="14" t="s">
        <v>68</v>
      </c>
      <c r="E7531" s="15">
        <v>45607</v>
      </c>
      <c r="F7531" s="14" t="s">
        <v>28</v>
      </c>
      <c r="G7531" s="16">
        <v>0</v>
      </c>
    </row>
    <row r="7532" spans="1:7" x14ac:dyDescent="0.3">
      <c r="A7532" s="13" t="s">
        <v>67</v>
      </c>
      <c r="B7532" s="14" t="s">
        <v>1</v>
      </c>
      <c r="C7532" s="14" t="s">
        <v>23</v>
      </c>
      <c r="D7532" s="14" t="s">
        <v>68</v>
      </c>
      <c r="E7532" s="15">
        <v>45608</v>
      </c>
      <c r="F7532" s="14" t="s">
        <v>28</v>
      </c>
      <c r="G7532" s="16">
        <v>0</v>
      </c>
    </row>
    <row r="7533" spans="1:7" x14ac:dyDescent="0.3">
      <c r="A7533" s="13" t="s">
        <v>67</v>
      </c>
      <c r="B7533" s="14" t="s">
        <v>1</v>
      </c>
      <c r="C7533" s="14" t="s">
        <v>23</v>
      </c>
      <c r="D7533" s="14" t="s">
        <v>68</v>
      </c>
      <c r="E7533" s="15">
        <v>45609</v>
      </c>
      <c r="F7533" s="14" t="s">
        <v>28</v>
      </c>
      <c r="G7533" s="16">
        <v>0</v>
      </c>
    </row>
    <row r="7534" spans="1:7" x14ac:dyDescent="0.3">
      <c r="A7534" s="13" t="s">
        <v>67</v>
      </c>
      <c r="B7534" s="14" t="s">
        <v>1</v>
      </c>
      <c r="C7534" s="14" t="s">
        <v>23</v>
      </c>
      <c r="D7534" s="14" t="s">
        <v>68</v>
      </c>
      <c r="E7534" s="15">
        <v>45610</v>
      </c>
      <c r="F7534" s="14" t="s">
        <v>28</v>
      </c>
      <c r="G7534" s="16">
        <v>0</v>
      </c>
    </row>
    <row r="7535" spans="1:7" x14ac:dyDescent="0.3">
      <c r="A7535" s="13" t="s">
        <v>67</v>
      </c>
      <c r="B7535" s="14" t="s">
        <v>1</v>
      </c>
      <c r="C7535" s="14" t="s">
        <v>23</v>
      </c>
      <c r="D7535" s="14" t="s">
        <v>68</v>
      </c>
      <c r="E7535" s="15">
        <v>45611</v>
      </c>
      <c r="F7535" s="14" t="s">
        <v>28</v>
      </c>
      <c r="G7535" s="16">
        <v>0</v>
      </c>
    </row>
    <row r="7536" spans="1:7" x14ac:dyDescent="0.3">
      <c r="A7536" s="13" t="s">
        <v>67</v>
      </c>
      <c r="B7536" s="14" t="s">
        <v>1</v>
      </c>
      <c r="C7536" s="14" t="s">
        <v>23</v>
      </c>
      <c r="D7536" s="14" t="s">
        <v>68</v>
      </c>
      <c r="E7536" s="15">
        <v>45612</v>
      </c>
      <c r="F7536" s="14" t="s">
        <v>28</v>
      </c>
      <c r="G7536" s="16">
        <v>0</v>
      </c>
    </row>
    <row r="7537" spans="1:7" x14ac:dyDescent="0.3">
      <c r="A7537" s="13" t="s">
        <v>67</v>
      </c>
      <c r="B7537" s="14" t="s">
        <v>1</v>
      </c>
      <c r="C7537" s="14" t="s">
        <v>23</v>
      </c>
      <c r="D7537" s="14" t="s">
        <v>68</v>
      </c>
      <c r="E7537" s="15">
        <v>45613</v>
      </c>
      <c r="F7537" s="14" t="s">
        <v>28</v>
      </c>
      <c r="G7537" s="16">
        <v>0</v>
      </c>
    </row>
    <row r="7538" spans="1:7" x14ac:dyDescent="0.3">
      <c r="A7538" s="13" t="s">
        <v>67</v>
      </c>
      <c r="B7538" s="14" t="s">
        <v>1</v>
      </c>
      <c r="C7538" s="14" t="s">
        <v>23</v>
      </c>
      <c r="D7538" s="14" t="s">
        <v>68</v>
      </c>
      <c r="E7538" s="15">
        <v>45614</v>
      </c>
      <c r="F7538" s="14" t="s">
        <v>28</v>
      </c>
      <c r="G7538" s="16">
        <v>0</v>
      </c>
    </row>
    <row r="7539" spans="1:7" x14ac:dyDescent="0.3">
      <c r="A7539" s="13" t="s">
        <v>67</v>
      </c>
      <c r="B7539" s="14" t="s">
        <v>1</v>
      </c>
      <c r="C7539" s="14" t="s">
        <v>23</v>
      </c>
      <c r="D7539" s="14" t="s">
        <v>68</v>
      </c>
      <c r="E7539" s="15">
        <v>45615</v>
      </c>
      <c r="F7539" s="14" t="s">
        <v>28</v>
      </c>
      <c r="G7539" s="16">
        <v>0</v>
      </c>
    </row>
    <row r="7540" spans="1:7" x14ac:dyDescent="0.3">
      <c r="A7540" s="13" t="s">
        <v>67</v>
      </c>
      <c r="B7540" s="14" t="s">
        <v>1</v>
      </c>
      <c r="C7540" s="14" t="s">
        <v>23</v>
      </c>
      <c r="D7540" s="14" t="s">
        <v>68</v>
      </c>
      <c r="E7540" s="15">
        <v>45616</v>
      </c>
      <c r="F7540" s="14" t="s">
        <v>28</v>
      </c>
      <c r="G7540" s="16">
        <v>0</v>
      </c>
    </row>
    <row r="7541" spans="1:7" x14ac:dyDescent="0.3">
      <c r="A7541" s="13" t="s">
        <v>67</v>
      </c>
      <c r="B7541" s="14" t="s">
        <v>1</v>
      </c>
      <c r="C7541" s="14" t="s">
        <v>23</v>
      </c>
      <c r="D7541" s="14" t="s">
        <v>68</v>
      </c>
      <c r="E7541" s="15">
        <v>45617</v>
      </c>
      <c r="F7541" s="14" t="s">
        <v>28</v>
      </c>
      <c r="G7541" s="16">
        <v>0</v>
      </c>
    </row>
    <row r="7542" spans="1:7" x14ac:dyDescent="0.3">
      <c r="A7542" s="13" t="s">
        <v>67</v>
      </c>
      <c r="B7542" s="14" t="s">
        <v>1</v>
      </c>
      <c r="C7542" s="14" t="s">
        <v>23</v>
      </c>
      <c r="D7542" s="14" t="s">
        <v>68</v>
      </c>
      <c r="E7542" s="15">
        <v>45618</v>
      </c>
      <c r="F7542" s="14" t="s">
        <v>28</v>
      </c>
      <c r="G7542" s="16">
        <v>0</v>
      </c>
    </row>
    <row r="7543" spans="1:7" x14ac:dyDescent="0.3">
      <c r="A7543" s="13" t="s">
        <v>67</v>
      </c>
      <c r="B7543" s="14" t="s">
        <v>1</v>
      </c>
      <c r="C7543" s="14" t="s">
        <v>23</v>
      </c>
      <c r="D7543" s="14" t="s">
        <v>68</v>
      </c>
      <c r="E7543" s="15">
        <v>45619</v>
      </c>
      <c r="F7543" s="14" t="s">
        <v>28</v>
      </c>
      <c r="G7543" s="16">
        <v>0</v>
      </c>
    </row>
    <row r="7544" spans="1:7" x14ac:dyDescent="0.3">
      <c r="A7544" s="13" t="s">
        <v>67</v>
      </c>
      <c r="B7544" s="14" t="s">
        <v>1</v>
      </c>
      <c r="C7544" s="14" t="s">
        <v>23</v>
      </c>
      <c r="D7544" s="14" t="s">
        <v>68</v>
      </c>
      <c r="E7544" s="15">
        <v>45620</v>
      </c>
      <c r="F7544" s="14" t="s">
        <v>28</v>
      </c>
      <c r="G7544" s="16">
        <v>0</v>
      </c>
    </row>
    <row r="7545" spans="1:7" x14ac:dyDescent="0.3">
      <c r="A7545" s="13" t="s">
        <v>67</v>
      </c>
      <c r="B7545" s="14" t="s">
        <v>1</v>
      </c>
      <c r="C7545" s="14" t="s">
        <v>23</v>
      </c>
      <c r="D7545" s="14" t="s">
        <v>68</v>
      </c>
      <c r="E7545" s="15">
        <v>45621</v>
      </c>
      <c r="F7545" s="14" t="s">
        <v>28</v>
      </c>
      <c r="G7545" s="16">
        <v>0</v>
      </c>
    </row>
    <row r="7546" spans="1:7" x14ac:dyDescent="0.3">
      <c r="A7546" s="13" t="s">
        <v>67</v>
      </c>
      <c r="B7546" s="14" t="s">
        <v>1</v>
      </c>
      <c r="C7546" s="14" t="s">
        <v>23</v>
      </c>
      <c r="D7546" s="14" t="s">
        <v>68</v>
      </c>
      <c r="E7546" s="15">
        <v>45622</v>
      </c>
      <c r="F7546" s="14" t="s">
        <v>28</v>
      </c>
      <c r="G7546" s="16">
        <v>0</v>
      </c>
    </row>
    <row r="7547" spans="1:7" x14ac:dyDescent="0.3">
      <c r="A7547" s="13" t="s">
        <v>67</v>
      </c>
      <c r="B7547" s="14" t="s">
        <v>1</v>
      </c>
      <c r="C7547" s="14" t="s">
        <v>23</v>
      </c>
      <c r="D7547" s="14" t="s">
        <v>68</v>
      </c>
      <c r="E7547" s="15">
        <v>45623</v>
      </c>
      <c r="F7547" s="14" t="s">
        <v>28</v>
      </c>
      <c r="G7547" s="16">
        <v>0</v>
      </c>
    </row>
    <row r="7548" spans="1:7" x14ac:dyDescent="0.3">
      <c r="A7548" s="13" t="s">
        <v>67</v>
      </c>
      <c r="B7548" s="14" t="s">
        <v>1</v>
      </c>
      <c r="C7548" s="14" t="s">
        <v>23</v>
      </c>
      <c r="D7548" s="14" t="s">
        <v>68</v>
      </c>
      <c r="E7548" s="15">
        <v>45624</v>
      </c>
      <c r="F7548" s="14" t="s">
        <v>28</v>
      </c>
      <c r="G7548" s="16">
        <v>0</v>
      </c>
    </row>
    <row r="7549" spans="1:7" x14ac:dyDescent="0.3">
      <c r="A7549" s="13" t="s">
        <v>67</v>
      </c>
      <c r="B7549" s="14" t="s">
        <v>1</v>
      </c>
      <c r="C7549" s="14" t="s">
        <v>23</v>
      </c>
      <c r="D7549" s="14" t="s">
        <v>68</v>
      </c>
      <c r="E7549" s="15">
        <v>45625</v>
      </c>
      <c r="F7549" s="14" t="s">
        <v>28</v>
      </c>
      <c r="G7549" s="16">
        <v>0</v>
      </c>
    </row>
    <row r="7550" spans="1:7" x14ac:dyDescent="0.3">
      <c r="A7550" s="13" t="s">
        <v>67</v>
      </c>
      <c r="B7550" s="14" t="s">
        <v>1</v>
      </c>
      <c r="C7550" s="14" t="s">
        <v>23</v>
      </c>
      <c r="D7550" s="14" t="s">
        <v>68</v>
      </c>
      <c r="E7550" s="15">
        <v>45626</v>
      </c>
      <c r="F7550" s="14" t="s">
        <v>28</v>
      </c>
      <c r="G7550" s="16">
        <v>0</v>
      </c>
    </row>
    <row r="7551" spans="1:7" x14ac:dyDescent="0.3">
      <c r="A7551" s="13" t="s">
        <v>67</v>
      </c>
      <c r="B7551" s="14" t="s">
        <v>1</v>
      </c>
      <c r="C7551" s="14" t="s">
        <v>23</v>
      </c>
      <c r="D7551" s="14" t="s">
        <v>68</v>
      </c>
      <c r="E7551" s="15">
        <v>45627</v>
      </c>
      <c r="F7551" s="14" t="s">
        <v>28</v>
      </c>
      <c r="G7551" s="16">
        <v>0</v>
      </c>
    </row>
    <row r="7552" spans="1:7" x14ac:dyDescent="0.3">
      <c r="A7552" s="13" t="s">
        <v>67</v>
      </c>
      <c r="B7552" s="14" t="s">
        <v>1</v>
      </c>
      <c r="C7552" s="14" t="s">
        <v>23</v>
      </c>
      <c r="D7552" s="14" t="s">
        <v>68</v>
      </c>
      <c r="E7552" s="15">
        <v>45628</v>
      </c>
      <c r="F7552" s="14" t="s">
        <v>28</v>
      </c>
      <c r="G7552" s="16">
        <v>0</v>
      </c>
    </row>
    <row r="7553" spans="1:7" x14ac:dyDescent="0.3">
      <c r="A7553" s="13" t="s">
        <v>67</v>
      </c>
      <c r="B7553" s="14" t="s">
        <v>1</v>
      </c>
      <c r="C7553" s="14" t="s">
        <v>23</v>
      </c>
      <c r="D7553" s="14" t="s">
        <v>68</v>
      </c>
      <c r="E7553" s="15">
        <v>45629</v>
      </c>
      <c r="F7553" s="14" t="s">
        <v>28</v>
      </c>
      <c r="G7553" s="16">
        <v>0</v>
      </c>
    </row>
    <row r="7554" spans="1:7" x14ac:dyDescent="0.3">
      <c r="A7554" s="13" t="s">
        <v>67</v>
      </c>
      <c r="B7554" s="14" t="s">
        <v>1</v>
      </c>
      <c r="C7554" s="14" t="s">
        <v>23</v>
      </c>
      <c r="D7554" s="14" t="s">
        <v>68</v>
      </c>
      <c r="E7554" s="15">
        <v>45630</v>
      </c>
      <c r="F7554" s="14" t="s">
        <v>28</v>
      </c>
      <c r="G7554" s="16">
        <v>0</v>
      </c>
    </row>
    <row r="7555" spans="1:7" x14ac:dyDescent="0.3">
      <c r="A7555" s="13" t="s">
        <v>67</v>
      </c>
      <c r="B7555" s="14" t="s">
        <v>1</v>
      </c>
      <c r="C7555" s="14" t="s">
        <v>23</v>
      </c>
      <c r="D7555" s="14" t="s">
        <v>68</v>
      </c>
      <c r="E7555" s="15">
        <v>45631</v>
      </c>
      <c r="F7555" s="14" t="s">
        <v>28</v>
      </c>
      <c r="G7555" s="16">
        <v>0</v>
      </c>
    </row>
    <row r="7556" spans="1:7" x14ac:dyDescent="0.3">
      <c r="A7556" s="13" t="s">
        <v>67</v>
      </c>
      <c r="B7556" s="14" t="s">
        <v>1</v>
      </c>
      <c r="C7556" s="14" t="s">
        <v>23</v>
      </c>
      <c r="D7556" s="14" t="s">
        <v>68</v>
      </c>
      <c r="E7556" s="15">
        <v>45632</v>
      </c>
      <c r="F7556" s="14" t="s">
        <v>28</v>
      </c>
      <c r="G7556" s="16">
        <v>0</v>
      </c>
    </row>
    <row r="7557" spans="1:7" x14ac:dyDescent="0.3">
      <c r="A7557" s="13" t="s">
        <v>67</v>
      </c>
      <c r="B7557" s="14" t="s">
        <v>1</v>
      </c>
      <c r="C7557" s="14" t="s">
        <v>23</v>
      </c>
      <c r="D7557" s="14" t="s">
        <v>68</v>
      </c>
      <c r="E7557" s="15">
        <v>45633</v>
      </c>
      <c r="F7557" s="14" t="s">
        <v>28</v>
      </c>
      <c r="G7557" s="16">
        <v>0</v>
      </c>
    </row>
    <row r="7558" spans="1:7" x14ac:dyDescent="0.3">
      <c r="A7558" s="13" t="s">
        <v>67</v>
      </c>
      <c r="B7558" s="14" t="s">
        <v>1</v>
      </c>
      <c r="C7558" s="14" t="s">
        <v>23</v>
      </c>
      <c r="D7558" s="14" t="s">
        <v>68</v>
      </c>
      <c r="E7558" s="15">
        <v>45634</v>
      </c>
      <c r="F7558" s="14" t="s">
        <v>28</v>
      </c>
      <c r="G7558" s="16">
        <v>0</v>
      </c>
    </row>
    <row r="7559" spans="1:7" x14ac:dyDescent="0.3">
      <c r="A7559" s="13" t="s">
        <v>67</v>
      </c>
      <c r="B7559" s="14" t="s">
        <v>1</v>
      </c>
      <c r="C7559" s="14" t="s">
        <v>23</v>
      </c>
      <c r="D7559" s="14" t="s">
        <v>68</v>
      </c>
      <c r="E7559" s="15">
        <v>45635</v>
      </c>
      <c r="F7559" s="14" t="s">
        <v>28</v>
      </c>
      <c r="G7559" s="16">
        <v>0</v>
      </c>
    </row>
    <row r="7560" spans="1:7" x14ac:dyDescent="0.3">
      <c r="A7560" s="13" t="s">
        <v>67</v>
      </c>
      <c r="B7560" s="14" t="s">
        <v>1</v>
      </c>
      <c r="C7560" s="14" t="s">
        <v>23</v>
      </c>
      <c r="D7560" s="14" t="s">
        <v>68</v>
      </c>
      <c r="E7560" s="15">
        <v>45636</v>
      </c>
      <c r="F7560" s="14" t="s">
        <v>28</v>
      </c>
      <c r="G7560" s="16">
        <v>0</v>
      </c>
    </row>
    <row r="7561" spans="1:7" x14ac:dyDescent="0.3">
      <c r="A7561" s="13" t="s">
        <v>67</v>
      </c>
      <c r="B7561" s="14" t="s">
        <v>1</v>
      </c>
      <c r="C7561" s="14" t="s">
        <v>23</v>
      </c>
      <c r="D7561" s="14" t="s">
        <v>68</v>
      </c>
      <c r="E7561" s="15">
        <v>45637</v>
      </c>
      <c r="F7561" s="14" t="s">
        <v>28</v>
      </c>
      <c r="G7561" s="16">
        <v>0</v>
      </c>
    </row>
    <row r="7562" spans="1:7" x14ac:dyDescent="0.3">
      <c r="A7562" s="13" t="s">
        <v>67</v>
      </c>
      <c r="B7562" s="14" t="s">
        <v>1</v>
      </c>
      <c r="C7562" s="14" t="s">
        <v>23</v>
      </c>
      <c r="D7562" s="14" t="s">
        <v>68</v>
      </c>
      <c r="E7562" s="15">
        <v>45638</v>
      </c>
      <c r="F7562" s="14" t="s">
        <v>28</v>
      </c>
      <c r="G7562" s="16">
        <v>0</v>
      </c>
    </row>
    <row r="7563" spans="1:7" x14ac:dyDescent="0.3">
      <c r="A7563" s="13" t="s">
        <v>67</v>
      </c>
      <c r="B7563" s="14" t="s">
        <v>1</v>
      </c>
      <c r="C7563" s="14" t="s">
        <v>23</v>
      </c>
      <c r="D7563" s="14" t="s">
        <v>68</v>
      </c>
      <c r="E7563" s="15">
        <v>45639</v>
      </c>
      <c r="F7563" s="14" t="s">
        <v>28</v>
      </c>
      <c r="G7563" s="16">
        <v>0</v>
      </c>
    </row>
    <row r="7564" spans="1:7" x14ac:dyDescent="0.3">
      <c r="A7564" s="13" t="s">
        <v>67</v>
      </c>
      <c r="B7564" s="14" t="s">
        <v>1</v>
      </c>
      <c r="C7564" s="14" t="s">
        <v>23</v>
      </c>
      <c r="D7564" s="14" t="s">
        <v>68</v>
      </c>
      <c r="E7564" s="15">
        <v>45640</v>
      </c>
      <c r="F7564" s="14" t="s">
        <v>28</v>
      </c>
      <c r="G7564" s="16">
        <v>0</v>
      </c>
    </row>
    <row r="7565" spans="1:7" x14ac:dyDescent="0.3">
      <c r="A7565" s="13" t="s">
        <v>67</v>
      </c>
      <c r="B7565" s="14" t="s">
        <v>1</v>
      </c>
      <c r="C7565" s="14" t="s">
        <v>23</v>
      </c>
      <c r="D7565" s="14" t="s">
        <v>68</v>
      </c>
      <c r="E7565" s="15">
        <v>45641</v>
      </c>
      <c r="F7565" s="14" t="s">
        <v>28</v>
      </c>
      <c r="G7565" s="16">
        <v>0</v>
      </c>
    </row>
    <row r="7566" spans="1:7" x14ac:dyDescent="0.3">
      <c r="A7566" s="13" t="s">
        <v>67</v>
      </c>
      <c r="B7566" s="14" t="s">
        <v>1</v>
      </c>
      <c r="C7566" s="14" t="s">
        <v>23</v>
      </c>
      <c r="D7566" s="14" t="s">
        <v>68</v>
      </c>
      <c r="E7566" s="15">
        <v>45642</v>
      </c>
      <c r="F7566" s="14" t="s">
        <v>28</v>
      </c>
      <c r="G7566" s="16">
        <v>0</v>
      </c>
    </row>
    <row r="7567" spans="1:7" x14ac:dyDescent="0.3">
      <c r="A7567" s="13" t="s">
        <v>67</v>
      </c>
      <c r="B7567" s="14" t="s">
        <v>1</v>
      </c>
      <c r="C7567" s="14" t="s">
        <v>23</v>
      </c>
      <c r="D7567" s="14" t="s">
        <v>68</v>
      </c>
      <c r="E7567" s="15">
        <v>45643</v>
      </c>
      <c r="F7567" s="14" t="s">
        <v>28</v>
      </c>
      <c r="G7567" s="16">
        <v>0</v>
      </c>
    </row>
    <row r="7568" spans="1:7" x14ac:dyDescent="0.3">
      <c r="A7568" s="13" t="s">
        <v>67</v>
      </c>
      <c r="B7568" s="14" t="s">
        <v>1</v>
      </c>
      <c r="C7568" s="14" t="s">
        <v>23</v>
      </c>
      <c r="D7568" s="14" t="s">
        <v>68</v>
      </c>
      <c r="E7568" s="15">
        <v>45644</v>
      </c>
      <c r="F7568" s="14" t="s">
        <v>28</v>
      </c>
      <c r="G7568" s="16">
        <v>0</v>
      </c>
    </row>
    <row r="7569" spans="1:7" x14ac:dyDescent="0.3">
      <c r="A7569" s="13" t="s">
        <v>67</v>
      </c>
      <c r="B7569" s="14" t="s">
        <v>1</v>
      </c>
      <c r="C7569" s="14" t="s">
        <v>23</v>
      </c>
      <c r="D7569" s="14" t="s">
        <v>68</v>
      </c>
      <c r="E7569" s="15">
        <v>45645</v>
      </c>
      <c r="F7569" s="14" t="s">
        <v>28</v>
      </c>
      <c r="G7569" s="16">
        <v>0</v>
      </c>
    </row>
    <row r="7570" spans="1:7" x14ac:dyDescent="0.3">
      <c r="A7570" s="13" t="s">
        <v>67</v>
      </c>
      <c r="B7570" s="14" t="s">
        <v>1</v>
      </c>
      <c r="C7570" s="14" t="s">
        <v>23</v>
      </c>
      <c r="D7570" s="14" t="s">
        <v>68</v>
      </c>
      <c r="E7570" s="15">
        <v>45646</v>
      </c>
      <c r="F7570" s="14" t="s">
        <v>28</v>
      </c>
      <c r="G7570" s="16">
        <v>0</v>
      </c>
    </row>
    <row r="7571" spans="1:7" x14ac:dyDescent="0.3">
      <c r="A7571" s="13" t="s">
        <v>67</v>
      </c>
      <c r="B7571" s="14" t="s">
        <v>1</v>
      </c>
      <c r="C7571" s="14" t="s">
        <v>23</v>
      </c>
      <c r="D7571" s="14" t="s">
        <v>68</v>
      </c>
      <c r="E7571" s="15">
        <v>45647</v>
      </c>
      <c r="F7571" s="14" t="s">
        <v>28</v>
      </c>
      <c r="G7571" s="16">
        <v>0</v>
      </c>
    </row>
    <row r="7572" spans="1:7" x14ac:dyDescent="0.3">
      <c r="A7572" s="13" t="s">
        <v>67</v>
      </c>
      <c r="B7572" s="14" t="s">
        <v>1</v>
      </c>
      <c r="C7572" s="14" t="s">
        <v>23</v>
      </c>
      <c r="D7572" s="14" t="s">
        <v>68</v>
      </c>
      <c r="E7572" s="15">
        <v>45648</v>
      </c>
      <c r="F7572" s="14" t="s">
        <v>28</v>
      </c>
      <c r="G7572" s="16">
        <v>0</v>
      </c>
    </row>
    <row r="7573" spans="1:7" x14ac:dyDescent="0.3">
      <c r="A7573" s="13" t="s">
        <v>67</v>
      </c>
      <c r="B7573" s="14" t="s">
        <v>1</v>
      </c>
      <c r="C7573" s="14" t="s">
        <v>23</v>
      </c>
      <c r="D7573" s="14" t="s">
        <v>68</v>
      </c>
      <c r="E7573" s="15">
        <v>45649</v>
      </c>
      <c r="F7573" s="14" t="s">
        <v>28</v>
      </c>
      <c r="G7573" s="16">
        <v>0</v>
      </c>
    </row>
    <row r="7574" spans="1:7" x14ac:dyDescent="0.3">
      <c r="A7574" s="13" t="s">
        <v>67</v>
      </c>
      <c r="B7574" s="14" t="s">
        <v>1</v>
      </c>
      <c r="C7574" s="14" t="s">
        <v>23</v>
      </c>
      <c r="D7574" s="14" t="s">
        <v>68</v>
      </c>
      <c r="E7574" s="15">
        <v>45650</v>
      </c>
      <c r="F7574" s="14" t="s">
        <v>28</v>
      </c>
      <c r="G7574" s="16">
        <v>0</v>
      </c>
    </row>
    <row r="7575" spans="1:7" x14ac:dyDescent="0.3">
      <c r="A7575" s="13" t="s">
        <v>67</v>
      </c>
      <c r="B7575" s="14" t="s">
        <v>1</v>
      </c>
      <c r="C7575" s="14" t="s">
        <v>23</v>
      </c>
      <c r="D7575" s="14" t="s">
        <v>68</v>
      </c>
      <c r="E7575" s="15">
        <v>45651</v>
      </c>
      <c r="F7575" s="14" t="s">
        <v>28</v>
      </c>
      <c r="G7575" s="16">
        <v>0</v>
      </c>
    </row>
    <row r="7576" spans="1:7" x14ac:dyDescent="0.3">
      <c r="A7576" s="13" t="s">
        <v>67</v>
      </c>
      <c r="B7576" s="14" t="s">
        <v>1</v>
      </c>
      <c r="C7576" s="14" t="s">
        <v>23</v>
      </c>
      <c r="D7576" s="14" t="s">
        <v>68</v>
      </c>
      <c r="E7576" s="15">
        <v>45652</v>
      </c>
      <c r="F7576" s="14" t="s">
        <v>28</v>
      </c>
      <c r="G7576" s="16">
        <v>0</v>
      </c>
    </row>
    <row r="7577" spans="1:7" x14ac:dyDescent="0.3">
      <c r="A7577" s="13" t="s">
        <v>67</v>
      </c>
      <c r="B7577" s="14" t="s">
        <v>1</v>
      </c>
      <c r="C7577" s="14" t="s">
        <v>23</v>
      </c>
      <c r="D7577" s="14" t="s">
        <v>68</v>
      </c>
      <c r="E7577" s="15">
        <v>45653</v>
      </c>
      <c r="F7577" s="14" t="s">
        <v>28</v>
      </c>
      <c r="G7577" s="16">
        <v>0</v>
      </c>
    </row>
    <row r="7578" spans="1:7" x14ac:dyDescent="0.3">
      <c r="A7578" s="13" t="s">
        <v>67</v>
      </c>
      <c r="B7578" s="14" t="s">
        <v>1</v>
      </c>
      <c r="C7578" s="14" t="s">
        <v>23</v>
      </c>
      <c r="D7578" s="14" t="s">
        <v>68</v>
      </c>
      <c r="E7578" s="15">
        <v>45654</v>
      </c>
      <c r="F7578" s="14" t="s">
        <v>28</v>
      </c>
      <c r="G7578" s="16">
        <v>0</v>
      </c>
    </row>
    <row r="7579" spans="1:7" x14ac:dyDescent="0.3">
      <c r="A7579" s="13" t="s">
        <v>67</v>
      </c>
      <c r="B7579" s="14" t="s">
        <v>1</v>
      </c>
      <c r="C7579" s="14" t="s">
        <v>23</v>
      </c>
      <c r="D7579" s="14" t="s">
        <v>68</v>
      </c>
      <c r="E7579" s="15">
        <v>45655</v>
      </c>
      <c r="F7579" s="14" t="s">
        <v>28</v>
      </c>
      <c r="G7579" s="16">
        <v>0</v>
      </c>
    </row>
    <row r="7580" spans="1:7" x14ac:dyDescent="0.3">
      <c r="A7580" s="13" t="s">
        <v>67</v>
      </c>
      <c r="B7580" s="14" t="s">
        <v>1</v>
      </c>
      <c r="C7580" s="14" t="s">
        <v>23</v>
      </c>
      <c r="D7580" s="14" t="s">
        <v>68</v>
      </c>
      <c r="E7580" s="15">
        <v>45656</v>
      </c>
      <c r="F7580" s="14" t="s">
        <v>28</v>
      </c>
      <c r="G7580" s="16">
        <v>0</v>
      </c>
    </row>
    <row r="7581" spans="1:7" x14ac:dyDescent="0.3">
      <c r="A7581" s="13" t="s">
        <v>67</v>
      </c>
      <c r="B7581" s="14" t="s">
        <v>1</v>
      </c>
      <c r="C7581" s="14" t="s">
        <v>23</v>
      </c>
      <c r="D7581" s="14" t="s">
        <v>68</v>
      </c>
      <c r="E7581" s="15">
        <v>45657</v>
      </c>
      <c r="F7581" s="14" t="s">
        <v>28</v>
      </c>
      <c r="G7581" s="16">
        <v>0</v>
      </c>
    </row>
    <row r="7582" spans="1:7" x14ac:dyDescent="0.3">
      <c r="A7582" s="13" t="s">
        <v>67</v>
      </c>
      <c r="B7582" s="14" t="s">
        <v>1</v>
      </c>
      <c r="C7582" s="14" t="s">
        <v>23</v>
      </c>
      <c r="D7582" s="14" t="s">
        <v>68</v>
      </c>
      <c r="E7582" s="15">
        <v>45658</v>
      </c>
      <c r="F7582" s="14" t="s">
        <v>28</v>
      </c>
      <c r="G7582" s="16">
        <v>0</v>
      </c>
    </row>
    <row r="7583" spans="1:7" x14ac:dyDescent="0.3">
      <c r="A7583" s="13" t="s">
        <v>67</v>
      </c>
      <c r="B7583" s="14" t="s">
        <v>1</v>
      </c>
      <c r="C7583" s="14" t="s">
        <v>23</v>
      </c>
      <c r="D7583" s="14" t="s">
        <v>68</v>
      </c>
      <c r="E7583" s="15">
        <v>45659</v>
      </c>
      <c r="F7583" s="14" t="s">
        <v>28</v>
      </c>
      <c r="G7583" s="16">
        <v>0</v>
      </c>
    </row>
    <row r="7584" spans="1:7" x14ac:dyDescent="0.3">
      <c r="A7584" s="13" t="s">
        <v>67</v>
      </c>
      <c r="B7584" s="14" t="s">
        <v>1</v>
      </c>
      <c r="C7584" s="14" t="s">
        <v>23</v>
      </c>
      <c r="D7584" s="14" t="s">
        <v>68</v>
      </c>
      <c r="E7584" s="15">
        <v>45660</v>
      </c>
      <c r="F7584" s="14" t="s">
        <v>28</v>
      </c>
      <c r="G7584" s="16">
        <v>0</v>
      </c>
    </row>
    <row r="7585" spans="1:7" x14ac:dyDescent="0.3">
      <c r="A7585" s="13" t="s">
        <v>67</v>
      </c>
      <c r="B7585" s="14" t="s">
        <v>1</v>
      </c>
      <c r="C7585" s="14" t="s">
        <v>23</v>
      </c>
      <c r="D7585" s="14" t="s">
        <v>68</v>
      </c>
      <c r="E7585" s="15">
        <v>45661</v>
      </c>
      <c r="F7585" s="14" t="s">
        <v>28</v>
      </c>
      <c r="G7585" s="16">
        <v>0</v>
      </c>
    </row>
    <row r="7586" spans="1:7" x14ac:dyDescent="0.3">
      <c r="A7586" s="13" t="s">
        <v>67</v>
      </c>
      <c r="B7586" s="14" t="s">
        <v>1</v>
      </c>
      <c r="C7586" s="14" t="s">
        <v>23</v>
      </c>
      <c r="D7586" s="14" t="s">
        <v>68</v>
      </c>
      <c r="E7586" s="15">
        <v>45662</v>
      </c>
      <c r="F7586" s="14" t="s">
        <v>28</v>
      </c>
      <c r="G7586" s="16">
        <v>0</v>
      </c>
    </row>
    <row r="7587" spans="1:7" x14ac:dyDescent="0.3">
      <c r="A7587" s="13" t="s">
        <v>67</v>
      </c>
      <c r="B7587" s="14" t="s">
        <v>1</v>
      </c>
      <c r="C7587" s="14" t="s">
        <v>23</v>
      </c>
      <c r="D7587" s="14" t="s">
        <v>68</v>
      </c>
      <c r="E7587" s="15">
        <v>45663</v>
      </c>
      <c r="F7587" s="14" t="s">
        <v>28</v>
      </c>
      <c r="G7587" s="16">
        <v>0</v>
      </c>
    </row>
    <row r="7588" spans="1:7" x14ac:dyDescent="0.3">
      <c r="A7588" s="13" t="s">
        <v>67</v>
      </c>
      <c r="B7588" s="14" t="s">
        <v>1</v>
      </c>
      <c r="C7588" s="14" t="s">
        <v>23</v>
      </c>
      <c r="D7588" s="14" t="s">
        <v>68</v>
      </c>
      <c r="E7588" s="15">
        <v>45664</v>
      </c>
      <c r="F7588" s="14" t="s">
        <v>28</v>
      </c>
      <c r="G7588" s="16">
        <v>0</v>
      </c>
    </row>
    <row r="7589" spans="1:7" x14ac:dyDescent="0.3">
      <c r="A7589" s="13" t="s">
        <v>67</v>
      </c>
      <c r="B7589" s="14" t="s">
        <v>1</v>
      </c>
      <c r="C7589" s="14" t="s">
        <v>23</v>
      </c>
      <c r="D7589" s="14" t="s">
        <v>68</v>
      </c>
      <c r="E7589" s="15">
        <v>45665</v>
      </c>
      <c r="F7589" s="14" t="s">
        <v>28</v>
      </c>
      <c r="G7589" s="16">
        <v>0</v>
      </c>
    </row>
    <row r="7590" spans="1:7" x14ac:dyDescent="0.3">
      <c r="A7590" s="13" t="s">
        <v>67</v>
      </c>
      <c r="B7590" s="14" t="s">
        <v>1</v>
      </c>
      <c r="C7590" s="14" t="s">
        <v>23</v>
      </c>
      <c r="D7590" s="14" t="s">
        <v>68</v>
      </c>
      <c r="E7590" s="15">
        <v>45666</v>
      </c>
      <c r="F7590" s="14" t="s">
        <v>28</v>
      </c>
      <c r="G7590" s="16">
        <v>0</v>
      </c>
    </row>
    <row r="7591" spans="1:7" x14ac:dyDescent="0.3">
      <c r="A7591" s="13" t="s">
        <v>67</v>
      </c>
      <c r="B7591" s="14" t="s">
        <v>1</v>
      </c>
      <c r="C7591" s="14" t="s">
        <v>23</v>
      </c>
      <c r="D7591" s="14" t="s">
        <v>68</v>
      </c>
      <c r="E7591" s="15">
        <v>45667</v>
      </c>
      <c r="F7591" s="14" t="s">
        <v>28</v>
      </c>
      <c r="G7591" s="16">
        <v>0</v>
      </c>
    </row>
    <row r="7592" spans="1:7" x14ac:dyDescent="0.3">
      <c r="A7592" s="13" t="s">
        <v>67</v>
      </c>
      <c r="B7592" s="14" t="s">
        <v>1</v>
      </c>
      <c r="C7592" s="14" t="s">
        <v>23</v>
      </c>
      <c r="D7592" s="14" t="s">
        <v>68</v>
      </c>
      <c r="E7592" s="15">
        <v>45668</v>
      </c>
      <c r="F7592" s="14" t="s">
        <v>28</v>
      </c>
      <c r="G7592" s="16">
        <v>0</v>
      </c>
    </row>
    <row r="7593" spans="1:7" x14ac:dyDescent="0.3">
      <c r="A7593" s="13" t="s">
        <v>67</v>
      </c>
      <c r="B7593" s="14" t="s">
        <v>1</v>
      </c>
      <c r="C7593" s="14" t="s">
        <v>23</v>
      </c>
      <c r="D7593" s="14" t="s">
        <v>68</v>
      </c>
      <c r="E7593" s="15">
        <v>45669</v>
      </c>
      <c r="F7593" s="14" t="s">
        <v>28</v>
      </c>
      <c r="G7593" s="16">
        <v>0</v>
      </c>
    </row>
    <row r="7594" spans="1:7" x14ac:dyDescent="0.3">
      <c r="A7594" s="13" t="s">
        <v>67</v>
      </c>
      <c r="B7594" s="14" t="s">
        <v>1</v>
      </c>
      <c r="C7594" s="14" t="s">
        <v>23</v>
      </c>
      <c r="D7594" s="14" t="s">
        <v>68</v>
      </c>
      <c r="E7594" s="15">
        <v>45670</v>
      </c>
      <c r="F7594" s="14" t="s">
        <v>28</v>
      </c>
      <c r="G7594" s="16">
        <v>0</v>
      </c>
    </row>
    <row r="7595" spans="1:7" x14ac:dyDescent="0.3">
      <c r="A7595" s="13" t="s">
        <v>67</v>
      </c>
      <c r="B7595" s="14" t="s">
        <v>1</v>
      </c>
      <c r="C7595" s="14" t="s">
        <v>23</v>
      </c>
      <c r="D7595" s="14" t="s">
        <v>68</v>
      </c>
      <c r="E7595" s="15">
        <v>45671</v>
      </c>
      <c r="F7595" s="14" t="s">
        <v>28</v>
      </c>
      <c r="G7595" s="16">
        <v>0</v>
      </c>
    </row>
    <row r="7596" spans="1:7" x14ac:dyDescent="0.3">
      <c r="A7596" s="13" t="s">
        <v>67</v>
      </c>
      <c r="B7596" s="14" t="s">
        <v>1</v>
      </c>
      <c r="C7596" s="14" t="s">
        <v>23</v>
      </c>
      <c r="D7596" s="14" t="s">
        <v>68</v>
      </c>
      <c r="E7596" s="15">
        <v>45672</v>
      </c>
      <c r="F7596" s="14" t="s">
        <v>28</v>
      </c>
      <c r="G7596" s="16">
        <v>0</v>
      </c>
    </row>
    <row r="7597" spans="1:7" x14ac:dyDescent="0.3">
      <c r="A7597" s="13" t="s">
        <v>67</v>
      </c>
      <c r="B7597" s="14" t="s">
        <v>1</v>
      </c>
      <c r="C7597" s="14" t="s">
        <v>23</v>
      </c>
      <c r="D7597" s="14" t="s">
        <v>68</v>
      </c>
      <c r="E7597" s="15">
        <v>45673</v>
      </c>
      <c r="F7597" s="14" t="s">
        <v>28</v>
      </c>
      <c r="G7597" s="16">
        <v>0</v>
      </c>
    </row>
    <row r="7598" spans="1:7" x14ac:dyDescent="0.3">
      <c r="A7598" s="13" t="s">
        <v>67</v>
      </c>
      <c r="B7598" s="14" t="s">
        <v>1</v>
      </c>
      <c r="C7598" s="14" t="s">
        <v>23</v>
      </c>
      <c r="D7598" s="14" t="s">
        <v>68</v>
      </c>
      <c r="E7598" s="15">
        <v>45674</v>
      </c>
      <c r="F7598" s="14" t="s">
        <v>28</v>
      </c>
      <c r="G7598" s="16">
        <v>0</v>
      </c>
    </row>
    <row r="7599" spans="1:7" x14ac:dyDescent="0.3">
      <c r="A7599" s="13" t="s">
        <v>67</v>
      </c>
      <c r="B7599" s="14" t="s">
        <v>1</v>
      </c>
      <c r="C7599" s="14" t="s">
        <v>23</v>
      </c>
      <c r="D7599" s="14" t="s">
        <v>68</v>
      </c>
      <c r="E7599" s="15">
        <v>45675</v>
      </c>
      <c r="F7599" s="14" t="s">
        <v>28</v>
      </c>
      <c r="G7599" s="16">
        <v>0</v>
      </c>
    </row>
    <row r="7600" spans="1:7" x14ac:dyDescent="0.3">
      <c r="A7600" s="13" t="s">
        <v>67</v>
      </c>
      <c r="B7600" s="14" t="s">
        <v>1</v>
      </c>
      <c r="C7600" s="14" t="s">
        <v>23</v>
      </c>
      <c r="D7600" s="14" t="s">
        <v>68</v>
      </c>
      <c r="E7600" s="15">
        <v>45676</v>
      </c>
      <c r="F7600" s="14" t="s">
        <v>28</v>
      </c>
      <c r="G7600" s="16">
        <v>0</v>
      </c>
    </row>
    <row r="7601" spans="1:7" x14ac:dyDescent="0.3">
      <c r="A7601" s="13" t="s">
        <v>67</v>
      </c>
      <c r="B7601" s="14" t="s">
        <v>1</v>
      </c>
      <c r="C7601" s="14" t="s">
        <v>23</v>
      </c>
      <c r="D7601" s="14" t="s">
        <v>68</v>
      </c>
      <c r="E7601" s="15">
        <v>45677</v>
      </c>
      <c r="F7601" s="14" t="s">
        <v>28</v>
      </c>
      <c r="G7601" s="16">
        <v>0</v>
      </c>
    </row>
    <row r="7602" spans="1:7" x14ac:dyDescent="0.3">
      <c r="A7602" s="13" t="s">
        <v>67</v>
      </c>
      <c r="B7602" s="14" t="s">
        <v>1</v>
      </c>
      <c r="C7602" s="14" t="s">
        <v>23</v>
      </c>
      <c r="D7602" s="14" t="s">
        <v>68</v>
      </c>
      <c r="E7602" s="15">
        <v>45678</v>
      </c>
      <c r="F7602" s="14" t="s">
        <v>28</v>
      </c>
      <c r="G7602" s="16">
        <v>0</v>
      </c>
    </row>
    <row r="7603" spans="1:7" x14ac:dyDescent="0.3">
      <c r="A7603" s="13" t="s">
        <v>67</v>
      </c>
      <c r="B7603" s="14" t="s">
        <v>1</v>
      </c>
      <c r="C7603" s="14" t="s">
        <v>23</v>
      </c>
      <c r="D7603" s="14" t="s">
        <v>68</v>
      </c>
      <c r="E7603" s="15">
        <v>45679</v>
      </c>
      <c r="F7603" s="14" t="s">
        <v>28</v>
      </c>
      <c r="G7603" s="16">
        <v>0</v>
      </c>
    </row>
    <row r="7604" spans="1:7" x14ac:dyDescent="0.3">
      <c r="A7604" s="13" t="s">
        <v>67</v>
      </c>
      <c r="B7604" s="14" t="s">
        <v>1</v>
      </c>
      <c r="C7604" s="14" t="s">
        <v>23</v>
      </c>
      <c r="D7604" s="14" t="s">
        <v>68</v>
      </c>
      <c r="E7604" s="15">
        <v>45680</v>
      </c>
      <c r="F7604" s="14" t="s">
        <v>28</v>
      </c>
      <c r="G7604" s="16">
        <v>0</v>
      </c>
    </row>
    <row r="7605" spans="1:7" x14ac:dyDescent="0.3">
      <c r="A7605" s="13" t="s">
        <v>67</v>
      </c>
      <c r="B7605" s="14" t="s">
        <v>1</v>
      </c>
      <c r="C7605" s="14" t="s">
        <v>23</v>
      </c>
      <c r="D7605" s="14" t="s">
        <v>68</v>
      </c>
      <c r="E7605" s="15">
        <v>45681</v>
      </c>
      <c r="F7605" s="14" t="s">
        <v>28</v>
      </c>
      <c r="G7605" s="16">
        <v>0</v>
      </c>
    </row>
    <row r="7606" spans="1:7" x14ac:dyDescent="0.3">
      <c r="A7606" s="13" t="s">
        <v>67</v>
      </c>
      <c r="B7606" s="14" t="s">
        <v>1</v>
      </c>
      <c r="C7606" s="14" t="s">
        <v>23</v>
      </c>
      <c r="D7606" s="14" t="s">
        <v>68</v>
      </c>
      <c r="E7606" s="15">
        <v>45682</v>
      </c>
      <c r="F7606" s="14" t="s">
        <v>28</v>
      </c>
      <c r="G7606" s="16">
        <v>0</v>
      </c>
    </row>
    <row r="7607" spans="1:7" x14ac:dyDescent="0.3">
      <c r="A7607" s="13" t="s">
        <v>67</v>
      </c>
      <c r="B7607" s="14" t="s">
        <v>1</v>
      </c>
      <c r="C7607" s="14" t="s">
        <v>23</v>
      </c>
      <c r="D7607" s="14" t="s">
        <v>68</v>
      </c>
      <c r="E7607" s="15">
        <v>45683</v>
      </c>
      <c r="F7607" s="14" t="s">
        <v>28</v>
      </c>
      <c r="G7607" s="16">
        <v>0</v>
      </c>
    </row>
    <row r="7608" spans="1:7" x14ac:dyDescent="0.3">
      <c r="A7608" s="13" t="s">
        <v>67</v>
      </c>
      <c r="B7608" s="14" t="s">
        <v>1</v>
      </c>
      <c r="C7608" s="14" t="s">
        <v>23</v>
      </c>
      <c r="D7608" s="14" t="s">
        <v>68</v>
      </c>
      <c r="E7608" s="15">
        <v>45684</v>
      </c>
      <c r="F7608" s="14" t="s">
        <v>28</v>
      </c>
      <c r="G7608" s="16">
        <v>0</v>
      </c>
    </row>
    <row r="7609" spans="1:7" x14ac:dyDescent="0.3">
      <c r="A7609" s="13" t="s">
        <v>67</v>
      </c>
      <c r="B7609" s="14" t="s">
        <v>1</v>
      </c>
      <c r="C7609" s="14" t="s">
        <v>23</v>
      </c>
      <c r="D7609" s="14" t="s">
        <v>68</v>
      </c>
      <c r="E7609" s="15">
        <v>45685</v>
      </c>
      <c r="F7609" s="14" t="s">
        <v>28</v>
      </c>
      <c r="G7609" s="16">
        <v>0</v>
      </c>
    </row>
    <row r="7610" spans="1:7" x14ac:dyDescent="0.3">
      <c r="A7610" s="13" t="s">
        <v>67</v>
      </c>
      <c r="B7610" s="14" t="s">
        <v>1</v>
      </c>
      <c r="C7610" s="14" t="s">
        <v>23</v>
      </c>
      <c r="D7610" s="14" t="s">
        <v>68</v>
      </c>
      <c r="E7610" s="15">
        <v>45686</v>
      </c>
      <c r="F7610" s="14" t="s">
        <v>28</v>
      </c>
      <c r="G7610" s="16">
        <v>0</v>
      </c>
    </row>
    <row r="7611" spans="1:7" x14ac:dyDescent="0.3">
      <c r="A7611" s="13" t="s">
        <v>67</v>
      </c>
      <c r="B7611" s="14" t="s">
        <v>1</v>
      </c>
      <c r="C7611" s="14" t="s">
        <v>23</v>
      </c>
      <c r="D7611" s="14" t="s">
        <v>68</v>
      </c>
      <c r="E7611" s="15">
        <v>45687</v>
      </c>
      <c r="F7611" s="14" t="s">
        <v>28</v>
      </c>
      <c r="G7611" s="16">
        <v>0</v>
      </c>
    </row>
    <row r="7612" spans="1:7" x14ac:dyDescent="0.3">
      <c r="A7612" s="13" t="s">
        <v>67</v>
      </c>
      <c r="B7612" s="14" t="s">
        <v>1</v>
      </c>
      <c r="C7612" s="14" t="s">
        <v>23</v>
      </c>
      <c r="D7612" s="14" t="s">
        <v>68</v>
      </c>
      <c r="E7612" s="15">
        <v>45688</v>
      </c>
      <c r="F7612" s="14" t="s">
        <v>28</v>
      </c>
      <c r="G7612" s="16">
        <v>0</v>
      </c>
    </row>
    <row r="7613" spans="1:7" x14ac:dyDescent="0.3">
      <c r="A7613" s="13" t="s">
        <v>67</v>
      </c>
      <c r="B7613" s="14" t="s">
        <v>1</v>
      </c>
      <c r="C7613" s="14" t="s">
        <v>23</v>
      </c>
      <c r="D7613" s="14" t="s">
        <v>68</v>
      </c>
      <c r="E7613" s="15">
        <v>45689</v>
      </c>
      <c r="F7613" s="14" t="s">
        <v>28</v>
      </c>
      <c r="G7613" s="16">
        <v>0</v>
      </c>
    </row>
    <row r="7614" spans="1:7" x14ac:dyDescent="0.3">
      <c r="A7614" s="13" t="s">
        <v>67</v>
      </c>
      <c r="B7614" s="14" t="s">
        <v>1</v>
      </c>
      <c r="C7614" s="14" t="s">
        <v>23</v>
      </c>
      <c r="D7614" s="14" t="s">
        <v>68</v>
      </c>
      <c r="E7614" s="15">
        <v>45690</v>
      </c>
      <c r="F7614" s="14" t="s">
        <v>28</v>
      </c>
      <c r="G7614" s="16">
        <v>0</v>
      </c>
    </row>
    <row r="7615" spans="1:7" x14ac:dyDescent="0.3">
      <c r="A7615" s="13" t="s">
        <v>67</v>
      </c>
      <c r="B7615" s="14" t="s">
        <v>1</v>
      </c>
      <c r="C7615" s="14" t="s">
        <v>23</v>
      </c>
      <c r="D7615" s="14" t="s">
        <v>68</v>
      </c>
      <c r="E7615" s="15">
        <v>45691</v>
      </c>
      <c r="F7615" s="14" t="s">
        <v>28</v>
      </c>
      <c r="G7615" s="16">
        <v>0</v>
      </c>
    </row>
    <row r="7616" spans="1:7" x14ac:dyDescent="0.3">
      <c r="A7616" s="13" t="s">
        <v>67</v>
      </c>
      <c r="B7616" s="14" t="s">
        <v>1</v>
      </c>
      <c r="C7616" s="14" t="s">
        <v>23</v>
      </c>
      <c r="D7616" s="14" t="s">
        <v>68</v>
      </c>
      <c r="E7616" s="15">
        <v>45692</v>
      </c>
      <c r="F7616" s="14" t="s">
        <v>28</v>
      </c>
      <c r="G7616" s="16">
        <v>0</v>
      </c>
    </row>
    <row r="7617" spans="1:7" x14ac:dyDescent="0.3">
      <c r="A7617" s="13" t="s">
        <v>67</v>
      </c>
      <c r="B7617" s="14" t="s">
        <v>1</v>
      </c>
      <c r="C7617" s="14" t="s">
        <v>23</v>
      </c>
      <c r="D7617" s="14" t="s">
        <v>68</v>
      </c>
      <c r="E7617" s="15">
        <v>45693</v>
      </c>
      <c r="F7617" s="14" t="s">
        <v>28</v>
      </c>
      <c r="G7617" s="16">
        <v>0</v>
      </c>
    </row>
    <row r="7618" spans="1:7" x14ac:dyDescent="0.3">
      <c r="A7618" s="13" t="s">
        <v>67</v>
      </c>
      <c r="B7618" s="14" t="s">
        <v>1</v>
      </c>
      <c r="C7618" s="14" t="s">
        <v>23</v>
      </c>
      <c r="D7618" s="14" t="s">
        <v>68</v>
      </c>
      <c r="E7618" s="15">
        <v>45694</v>
      </c>
      <c r="F7618" s="14" t="s">
        <v>28</v>
      </c>
      <c r="G7618" s="16">
        <v>0</v>
      </c>
    </row>
    <row r="7619" spans="1:7" x14ac:dyDescent="0.3">
      <c r="A7619" s="13" t="s">
        <v>67</v>
      </c>
      <c r="B7619" s="14" t="s">
        <v>1</v>
      </c>
      <c r="C7619" s="14" t="s">
        <v>23</v>
      </c>
      <c r="D7619" s="14" t="s">
        <v>68</v>
      </c>
      <c r="E7619" s="15">
        <v>45695</v>
      </c>
      <c r="F7619" s="14" t="s">
        <v>28</v>
      </c>
      <c r="G7619" s="16">
        <v>0</v>
      </c>
    </row>
    <row r="7620" spans="1:7" x14ac:dyDescent="0.3">
      <c r="A7620" s="13" t="s">
        <v>67</v>
      </c>
      <c r="B7620" s="14" t="s">
        <v>1</v>
      </c>
      <c r="C7620" s="14" t="s">
        <v>23</v>
      </c>
      <c r="D7620" s="14" t="s">
        <v>68</v>
      </c>
      <c r="E7620" s="15">
        <v>45696</v>
      </c>
      <c r="F7620" s="14" t="s">
        <v>28</v>
      </c>
      <c r="G7620" s="16">
        <v>0</v>
      </c>
    </row>
    <row r="7621" spans="1:7" x14ac:dyDescent="0.3">
      <c r="A7621" s="13" t="s">
        <v>67</v>
      </c>
      <c r="B7621" s="14" t="s">
        <v>1</v>
      </c>
      <c r="C7621" s="14" t="s">
        <v>23</v>
      </c>
      <c r="D7621" s="14" t="s">
        <v>68</v>
      </c>
      <c r="E7621" s="15">
        <v>45697</v>
      </c>
      <c r="F7621" s="14" t="s">
        <v>28</v>
      </c>
      <c r="G7621" s="16">
        <v>0</v>
      </c>
    </row>
    <row r="7622" spans="1:7" x14ac:dyDescent="0.3">
      <c r="A7622" s="13" t="s">
        <v>67</v>
      </c>
      <c r="B7622" s="14" t="s">
        <v>1</v>
      </c>
      <c r="C7622" s="14" t="s">
        <v>23</v>
      </c>
      <c r="D7622" s="14" t="s">
        <v>68</v>
      </c>
      <c r="E7622" s="15">
        <v>45698</v>
      </c>
      <c r="F7622" s="14" t="s">
        <v>28</v>
      </c>
      <c r="G7622" s="16">
        <v>0</v>
      </c>
    </row>
    <row r="7623" spans="1:7" x14ac:dyDescent="0.3">
      <c r="A7623" s="13" t="s">
        <v>67</v>
      </c>
      <c r="B7623" s="14" t="s">
        <v>1</v>
      </c>
      <c r="C7623" s="14" t="s">
        <v>23</v>
      </c>
      <c r="D7623" s="14" t="s">
        <v>68</v>
      </c>
      <c r="E7623" s="15">
        <v>45699</v>
      </c>
      <c r="F7623" s="14" t="s">
        <v>28</v>
      </c>
      <c r="G7623" s="16">
        <v>0</v>
      </c>
    </row>
    <row r="7624" spans="1:7" x14ac:dyDescent="0.3">
      <c r="A7624" s="13" t="s">
        <v>67</v>
      </c>
      <c r="B7624" s="14" t="s">
        <v>1</v>
      </c>
      <c r="C7624" s="14" t="s">
        <v>23</v>
      </c>
      <c r="D7624" s="14" t="s">
        <v>68</v>
      </c>
      <c r="E7624" s="15">
        <v>45700</v>
      </c>
      <c r="F7624" s="14" t="s">
        <v>28</v>
      </c>
      <c r="G7624" s="16">
        <v>0</v>
      </c>
    </row>
    <row r="7625" spans="1:7" x14ac:dyDescent="0.3">
      <c r="A7625" s="13" t="s">
        <v>67</v>
      </c>
      <c r="B7625" s="14" t="s">
        <v>1</v>
      </c>
      <c r="C7625" s="14" t="s">
        <v>23</v>
      </c>
      <c r="D7625" s="14" t="s">
        <v>68</v>
      </c>
      <c r="E7625" s="15">
        <v>45701</v>
      </c>
      <c r="F7625" s="14" t="s">
        <v>28</v>
      </c>
      <c r="G7625" s="16">
        <v>0</v>
      </c>
    </row>
    <row r="7626" spans="1:7" x14ac:dyDescent="0.3">
      <c r="A7626" s="13" t="s">
        <v>67</v>
      </c>
      <c r="B7626" s="14" t="s">
        <v>1</v>
      </c>
      <c r="C7626" s="14" t="s">
        <v>23</v>
      </c>
      <c r="D7626" s="14" t="s">
        <v>68</v>
      </c>
      <c r="E7626" s="15">
        <v>45702</v>
      </c>
      <c r="F7626" s="14" t="s">
        <v>28</v>
      </c>
      <c r="G7626" s="16">
        <v>0</v>
      </c>
    </row>
    <row r="7627" spans="1:7" x14ac:dyDescent="0.3">
      <c r="A7627" s="13" t="s">
        <v>67</v>
      </c>
      <c r="B7627" s="14" t="s">
        <v>1</v>
      </c>
      <c r="C7627" s="14" t="s">
        <v>23</v>
      </c>
      <c r="D7627" s="14" t="s">
        <v>68</v>
      </c>
      <c r="E7627" s="15">
        <v>45703</v>
      </c>
      <c r="F7627" s="14" t="s">
        <v>28</v>
      </c>
      <c r="G7627" s="16">
        <v>0</v>
      </c>
    </row>
    <row r="7628" spans="1:7" x14ac:dyDescent="0.3">
      <c r="A7628" s="13" t="s">
        <v>67</v>
      </c>
      <c r="B7628" s="14" t="s">
        <v>1</v>
      </c>
      <c r="C7628" s="14" t="s">
        <v>23</v>
      </c>
      <c r="D7628" s="14" t="s">
        <v>68</v>
      </c>
      <c r="E7628" s="15">
        <v>45704</v>
      </c>
      <c r="F7628" s="14" t="s">
        <v>28</v>
      </c>
      <c r="G7628" s="16">
        <v>0</v>
      </c>
    </row>
    <row r="7629" spans="1:7" x14ac:dyDescent="0.3">
      <c r="A7629" s="13" t="s">
        <v>67</v>
      </c>
      <c r="B7629" s="14" t="s">
        <v>1</v>
      </c>
      <c r="C7629" s="14" t="s">
        <v>23</v>
      </c>
      <c r="D7629" s="14" t="s">
        <v>68</v>
      </c>
      <c r="E7629" s="15">
        <v>45705</v>
      </c>
      <c r="F7629" s="14" t="s">
        <v>28</v>
      </c>
      <c r="G7629" s="16">
        <v>0</v>
      </c>
    </row>
    <row r="7630" spans="1:7" x14ac:dyDescent="0.3">
      <c r="A7630" s="13" t="s">
        <v>67</v>
      </c>
      <c r="B7630" s="14" t="s">
        <v>1</v>
      </c>
      <c r="C7630" s="14" t="s">
        <v>23</v>
      </c>
      <c r="D7630" s="14" t="s">
        <v>68</v>
      </c>
      <c r="E7630" s="15">
        <v>45706</v>
      </c>
      <c r="F7630" s="14" t="s">
        <v>28</v>
      </c>
      <c r="G7630" s="16">
        <v>0</v>
      </c>
    </row>
    <row r="7631" spans="1:7" x14ac:dyDescent="0.3">
      <c r="A7631" s="13" t="s">
        <v>67</v>
      </c>
      <c r="B7631" s="14" t="s">
        <v>1</v>
      </c>
      <c r="C7631" s="14" t="s">
        <v>23</v>
      </c>
      <c r="D7631" s="14" t="s">
        <v>68</v>
      </c>
      <c r="E7631" s="15">
        <v>45707</v>
      </c>
      <c r="F7631" s="14" t="s">
        <v>28</v>
      </c>
      <c r="G7631" s="16">
        <v>0</v>
      </c>
    </row>
    <row r="7632" spans="1:7" x14ac:dyDescent="0.3">
      <c r="A7632" s="13" t="s">
        <v>67</v>
      </c>
      <c r="B7632" s="14" t="s">
        <v>1</v>
      </c>
      <c r="C7632" s="14" t="s">
        <v>23</v>
      </c>
      <c r="D7632" s="14" t="s">
        <v>68</v>
      </c>
      <c r="E7632" s="15">
        <v>45708</v>
      </c>
      <c r="F7632" s="14" t="s">
        <v>28</v>
      </c>
      <c r="G7632" s="16">
        <v>0</v>
      </c>
    </row>
    <row r="7633" spans="1:7" x14ac:dyDescent="0.3">
      <c r="A7633" s="13" t="s">
        <v>67</v>
      </c>
      <c r="B7633" s="14" t="s">
        <v>1</v>
      </c>
      <c r="C7633" s="14" t="s">
        <v>23</v>
      </c>
      <c r="D7633" s="14" t="s">
        <v>68</v>
      </c>
      <c r="E7633" s="15">
        <v>45709</v>
      </c>
      <c r="F7633" s="14" t="s">
        <v>28</v>
      </c>
      <c r="G7633" s="16">
        <v>0</v>
      </c>
    </row>
    <row r="7634" spans="1:7" x14ac:dyDescent="0.3">
      <c r="A7634" s="13" t="s">
        <v>67</v>
      </c>
      <c r="B7634" s="14" t="s">
        <v>1</v>
      </c>
      <c r="C7634" s="14" t="s">
        <v>23</v>
      </c>
      <c r="D7634" s="14" t="s">
        <v>68</v>
      </c>
      <c r="E7634" s="15">
        <v>45710</v>
      </c>
      <c r="F7634" s="14" t="s">
        <v>28</v>
      </c>
      <c r="G7634" s="16">
        <v>0</v>
      </c>
    </row>
    <row r="7635" spans="1:7" x14ac:dyDescent="0.3">
      <c r="A7635" s="13" t="s">
        <v>67</v>
      </c>
      <c r="B7635" s="14" t="s">
        <v>1</v>
      </c>
      <c r="C7635" s="14" t="s">
        <v>23</v>
      </c>
      <c r="D7635" s="14" t="s">
        <v>68</v>
      </c>
      <c r="E7635" s="15">
        <v>45711</v>
      </c>
      <c r="F7635" s="14" t="s">
        <v>28</v>
      </c>
      <c r="G7635" s="16">
        <v>0</v>
      </c>
    </row>
    <row r="7636" spans="1:7" x14ac:dyDescent="0.3">
      <c r="A7636" s="13" t="s">
        <v>67</v>
      </c>
      <c r="B7636" s="14" t="s">
        <v>1</v>
      </c>
      <c r="C7636" s="14" t="s">
        <v>23</v>
      </c>
      <c r="D7636" s="14" t="s">
        <v>68</v>
      </c>
      <c r="E7636" s="15">
        <v>45712</v>
      </c>
      <c r="F7636" s="14" t="s">
        <v>28</v>
      </c>
      <c r="G7636" s="16">
        <v>0</v>
      </c>
    </row>
    <row r="7637" spans="1:7" x14ac:dyDescent="0.3">
      <c r="A7637" s="13" t="s">
        <v>67</v>
      </c>
      <c r="B7637" s="14" t="s">
        <v>1</v>
      </c>
      <c r="C7637" s="14" t="s">
        <v>23</v>
      </c>
      <c r="D7637" s="14" t="s">
        <v>68</v>
      </c>
      <c r="E7637" s="15">
        <v>45713</v>
      </c>
      <c r="F7637" s="14" t="s">
        <v>28</v>
      </c>
      <c r="G7637" s="16">
        <v>0</v>
      </c>
    </row>
    <row r="7638" spans="1:7" x14ac:dyDescent="0.3">
      <c r="A7638" s="13" t="s">
        <v>67</v>
      </c>
      <c r="B7638" s="14" t="s">
        <v>1</v>
      </c>
      <c r="C7638" s="14" t="s">
        <v>23</v>
      </c>
      <c r="D7638" s="14" t="s">
        <v>68</v>
      </c>
      <c r="E7638" s="15">
        <v>45714</v>
      </c>
      <c r="F7638" s="14" t="s">
        <v>28</v>
      </c>
      <c r="G7638" s="16">
        <v>0</v>
      </c>
    </row>
    <row r="7639" spans="1:7" x14ac:dyDescent="0.3">
      <c r="A7639" s="13" t="s">
        <v>67</v>
      </c>
      <c r="B7639" s="14" t="s">
        <v>1</v>
      </c>
      <c r="C7639" s="14" t="s">
        <v>23</v>
      </c>
      <c r="D7639" s="14" t="s">
        <v>68</v>
      </c>
      <c r="E7639" s="15">
        <v>45715</v>
      </c>
      <c r="F7639" s="14" t="s">
        <v>28</v>
      </c>
      <c r="G7639" s="16">
        <v>0</v>
      </c>
    </row>
    <row r="7640" spans="1:7" x14ac:dyDescent="0.3">
      <c r="A7640" s="13" t="s">
        <v>67</v>
      </c>
      <c r="B7640" s="14" t="s">
        <v>1</v>
      </c>
      <c r="C7640" s="14" t="s">
        <v>23</v>
      </c>
      <c r="D7640" s="14" t="s">
        <v>68</v>
      </c>
      <c r="E7640" s="15">
        <v>45716</v>
      </c>
      <c r="F7640" s="14" t="s">
        <v>28</v>
      </c>
      <c r="G7640" s="16">
        <v>0</v>
      </c>
    </row>
    <row r="7641" spans="1:7" x14ac:dyDescent="0.3">
      <c r="A7641" s="13" t="s">
        <v>67</v>
      </c>
      <c r="B7641" s="14" t="s">
        <v>1</v>
      </c>
      <c r="C7641" s="14" t="s">
        <v>23</v>
      </c>
      <c r="D7641" s="14" t="s">
        <v>68</v>
      </c>
      <c r="E7641" s="15">
        <v>45717</v>
      </c>
      <c r="F7641" s="14" t="s">
        <v>28</v>
      </c>
      <c r="G7641" s="16">
        <v>0</v>
      </c>
    </row>
    <row r="7642" spans="1:7" x14ac:dyDescent="0.3">
      <c r="A7642" s="13" t="s">
        <v>67</v>
      </c>
      <c r="B7642" s="14" t="s">
        <v>1</v>
      </c>
      <c r="C7642" s="14" t="s">
        <v>23</v>
      </c>
      <c r="D7642" s="14" t="s">
        <v>68</v>
      </c>
      <c r="E7642" s="15">
        <v>45718</v>
      </c>
      <c r="F7642" s="14" t="s">
        <v>28</v>
      </c>
      <c r="G7642" s="16">
        <v>0</v>
      </c>
    </row>
    <row r="7643" spans="1:7" x14ac:dyDescent="0.3">
      <c r="A7643" s="13" t="s">
        <v>67</v>
      </c>
      <c r="B7643" s="14" t="s">
        <v>1</v>
      </c>
      <c r="C7643" s="14" t="s">
        <v>23</v>
      </c>
      <c r="D7643" s="14" t="s">
        <v>68</v>
      </c>
      <c r="E7643" s="15">
        <v>45719</v>
      </c>
      <c r="F7643" s="14" t="s">
        <v>28</v>
      </c>
      <c r="G7643" s="16">
        <v>0</v>
      </c>
    </row>
    <row r="7644" spans="1:7" x14ac:dyDescent="0.3">
      <c r="A7644" s="13" t="s">
        <v>67</v>
      </c>
      <c r="B7644" s="14" t="s">
        <v>1</v>
      </c>
      <c r="C7644" s="14" t="s">
        <v>23</v>
      </c>
      <c r="D7644" s="14" t="s">
        <v>68</v>
      </c>
      <c r="E7644" s="15">
        <v>45720</v>
      </c>
      <c r="F7644" s="14" t="s">
        <v>28</v>
      </c>
      <c r="G7644" s="16">
        <v>0</v>
      </c>
    </row>
    <row r="7645" spans="1:7" x14ac:dyDescent="0.3">
      <c r="A7645" s="13" t="s">
        <v>67</v>
      </c>
      <c r="B7645" s="14" t="s">
        <v>1</v>
      </c>
      <c r="C7645" s="14" t="s">
        <v>23</v>
      </c>
      <c r="D7645" s="14" t="s">
        <v>68</v>
      </c>
      <c r="E7645" s="15">
        <v>45721</v>
      </c>
      <c r="F7645" s="14" t="s">
        <v>28</v>
      </c>
      <c r="G7645" s="16">
        <v>0</v>
      </c>
    </row>
    <row r="7646" spans="1:7" x14ac:dyDescent="0.3">
      <c r="A7646" s="13" t="s">
        <v>67</v>
      </c>
      <c r="B7646" s="14" t="s">
        <v>1</v>
      </c>
      <c r="C7646" s="14" t="s">
        <v>23</v>
      </c>
      <c r="D7646" s="14" t="s">
        <v>68</v>
      </c>
      <c r="E7646" s="15">
        <v>45722</v>
      </c>
      <c r="F7646" s="14" t="s">
        <v>28</v>
      </c>
      <c r="G7646" s="16">
        <v>0</v>
      </c>
    </row>
    <row r="7647" spans="1:7" x14ac:dyDescent="0.3">
      <c r="A7647" s="13" t="s">
        <v>67</v>
      </c>
      <c r="B7647" s="14" t="s">
        <v>1</v>
      </c>
      <c r="C7647" s="14" t="s">
        <v>23</v>
      </c>
      <c r="D7647" s="14" t="s">
        <v>68</v>
      </c>
      <c r="E7647" s="15">
        <v>45723</v>
      </c>
      <c r="F7647" s="14" t="s">
        <v>28</v>
      </c>
      <c r="G7647" s="16">
        <v>0</v>
      </c>
    </row>
    <row r="7648" spans="1:7" x14ac:dyDescent="0.3">
      <c r="A7648" s="13" t="s">
        <v>67</v>
      </c>
      <c r="B7648" s="14" t="s">
        <v>1</v>
      </c>
      <c r="C7648" s="14" t="s">
        <v>23</v>
      </c>
      <c r="D7648" s="14" t="s">
        <v>68</v>
      </c>
      <c r="E7648" s="15">
        <v>45724</v>
      </c>
      <c r="F7648" s="14" t="s">
        <v>28</v>
      </c>
      <c r="G7648" s="16">
        <v>0</v>
      </c>
    </row>
    <row r="7649" spans="1:7" x14ac:dyDescent="0.3">
      <c r="A7649" s="13" t="s">
        <v>67</v>
      </c>
      <c r="B7649" s="14" t="s">
        <v>1</v>
      </c>
      <c r="C7649" s="14" t="s">
        <v>23</v>
      </c>
      <c r="D7649" s="14" t="s">
        <v>68</v>
      </c>
      <c r="E7649" s="15">
        <v>45725</v>
      </c>
      <c r="F7649" s="14" t="s">
        <v>28</v>
      </c>
      <c r="G7649" s="16">
        <v>0</v>
      </c>
    </row>
    <row r="7650" spans="1:7" x14ac:dyDescent="0.3">
      <c r="A7650" s="13" t="s">
        <v>67</v>
      </c>
      <c r="B7650" s="14" t="s">
        <v>1</v>
      </c>
      <c r="C7650" s="14" t="s">
        <v>23</v>
      </c>
      <c r="D7650" s="14" t="s">
        <v>68</v>
      </c>
      <c r="E7650" s="15">
        <v>45726</v>
      </c>
      <c r="F7650" s="14" t="s">
        <v>28</v>
      </c>
      <c r="G7650" s="16">
        <v>0</v>
      </c>
    </row>
    <row r="7651" spans="1:7" x14ac:dyDescent="0.3">
      <c r="A7651" s="13" t="s">
        <v>67</v>
      </c>
      <c r="B7651" s="14" t="s">
        <v>1</v>
      </c>
      <c r="C7651" s="14" t="s">
        <v>23</v>
      </c>
      <c r="D7651" s="14" t="s">
        <v>68</v>
      </c>
      <c r="E7651" s="15">
        <v>45727</v>
      </c>
      <c r="F7651" s="14" t="s">
        <v>28</v>
      </c>
      <c r="G7651" s="16">
        <v>0</v>
      </c>
    </row>
    <row r="7652" spans="1:7" x14ac:dyDescent="0.3">
      <c r="A7652" s="13" t="s">
        <v>67</v>
      </c>
      <c r="B7652" s="14" t="s">
        <v>1</v>
      </c>
      <c r="C7652" s="14" t="s">
        <v>23</v>
      </c>
      <c r="D7652" s="14" t="s">
        <v>68</v>
      </c>
      <c r="E7652" s="15">
        <v>45728</v>
      </c>
      <c r="F7652" s="14" t="s">
        <v>28</v>
      </c>
      <c r="G7652" s="16">
        <v>0</v>
      </c>
    </row>
    <row r="7653" spans="1:7" x14ac:dyDescent="0.3">
      <c r="A7653" s="13" t="s">
        <v>67</v>
      </c>
      <c r="B7653" s="14" t="s">
        <v>1</v>
      </c>
      <c r="C7653" s="14" t="s">
        <v>23</v>
      </c>
      <c r="D7653" s="14" t="s">
        <v>68</v>
      </c>
      <c r="E7653" s="15">
        <v>45729</v>
      </c>
      <c r="F7653" s="14" t="s">
        <v>28</v>
      </c>
      <c r="G7653" s="16">
        <v>0</v>
      </c>
    </row>
    <row r="7654" spans="1:7" x14ac:dyDescent="0.3">
      <c r="A7654" s="13" t="s">
        <v>67</v>
      </c>
      <c r="B7654" s="14" t="s">
        <v>1</v>
      </c>
      <c r="C7654" s="14" t="s">
        <v>23</v>
      </c>
      <c r="D7654" s="14" t="s">
        <v>68</v>
      </c>
      <c r="E7654" s="15">
        <v>45730</v>
      </c>
      <c r="F7654" s="14" t="s">
        <v>28</v>
      </c>
      <c r="G7654" s="16">
        <v>0</v>
      </c>
    </row>
    <row r="7655" spans="1:7" x14ac:dyDescent="0.3">
      <c r="A7655" s="13" t="s">
        <v>67</v>
      </c>
      <c r="B7655" s="14" t="s">
        <v>1</v>
      </c>
      <c r="C7655" s="14" t="s">
        <v>23</v>
      </c>
      <c r="D7655" s="14" t="s">
        <v>68</v>
      </c>
      <c r="E7655" s="15">
        <v>45731</v>
      </c>
      <c r="F7655" s="14" t="s">
        <v>28</v>
      </c>
      <c r="G7655" s="16">
        <v>0</v>
      </c>
    </row>
    <row r="7656" spans="1:7" x14ac:dyDescent="0.3">
      <c r="A7656" s="13" t="s">
        <v>67</v>
      </c>
      <c r="B7656" s="14" t="s">
        <v>1</v>
      </c>
      <c r="C7656" s="14" t="s">
        <v>23</v>
      </c>
      <c r="D7656" s="14" t="s">
        <v>68</v>
      </c>
      <c r="E7656" s="15">
        <v>45732</v>
      </c>
      <c r="F7656" s="14" t="s">
        <v>28</v>
      </c>
      <c r="G7656" s="16">
        <v>0</v>
      </c>
    </row>
    <row r="7657" spans="1:7" x14ac:dyDescent="0.3">
      <c r="A7657" s="13" t="s">
        <v>67</v>
      </c>
      <c r="B7657" s="14" t="s">
        <v>1</v>
      </c>
      <c r="C7657" s="14" t="s">
        <v>23</v>
      </c>
      <c r="D7657" s="14" t="s">
        <v>68</v>
      </c>
      <c r="E7657" s="15">
        <v>45733</v>
      </c>
      <c r="F7657" s="14" t="s">
        <v>28</v>
      </c>
      <c r="G7657" s="16">
        <v>0</v>
      </c>
    </row>
    <row r="7658" spans="1:7" x14ac:dyDescent="0.3">
      <c r="A7658" s="13" t="s">
        <v>67</v>
      </c>
      <c r="B7658" s="14" t="s">
        <v>1</v>
      </c>
      <c r="C7658" s="14" t="s">
        <v>23</v>
      </c>
      <c r="D7658" s="14" t="s">
        <v>68</v>
      </c>
      <c r="E7658" s="15">
        <v>45734</v>
      </c>
      <c r="F7658" s="14" t="s">
        <v>28</v>
      </c>
      <c r="G7658" s="16">
        <v>0</v>
      </c>
    </row>
    <row r="7659" spans="1:7" x14ac:dyDescent="0.3">
      <c r="A7659" s="13" t="s">
        <v>67</v>
      </c>
      <c r="B7659" s="14" t="s">
        <v>1</v>
      </c>
      <c r="C7659" s="14" t="s">
        <v>23</v>
      </c>
      <c r="D7659" s="14" t="s">
        <v>68</v>
      </c>
      <c r="E7659" s="15">
        <v>45735</v>
      </c>
      <c r="F7659" s="14" t="s">
        <v>28</v>
      </c>
      <c r="G7659" s="16">
        <v>0</v>
      </c>
    </row>
    <row r="7660" spans="1:7" x14ac:dyDescent="0.3">
      <c r="A7660" s="13" t="s">
        <v>67</v>
      </c>
      <c r="B7660" s="14" t="s">
        <v>1</v>
      </c>
      <c r="C7660" s="14" t="s">
        <v>23</v>
      </c>
      <c r="D7660" s="14" t="s">
        <v>68</v>
      </c>
      <c r="E7660" s="15">
        <v>45736</v>
      </c>
      <c r="F7660" s="14" t="s">
        <v>28</v>
      </c>
      <c r="G7660" s="16">
        <v>0</v>
      </c>
    </row>
    <row r="7661" spans="1:7" x14ac:dyDescent="0.3">
      <c r="A7661" s="13" t="s">
        <v>67</v>
      </c>
      <c r="B7661" s="14" t="s">
        <v>1</v>
      </c>
      <c r="C7661" s="14" t="s">
        <v>23</v>
      </c>
      <c r="D7661" s="14" t="s">
        <v>68</v>
      </c>
      <c r="E7661" s="15">
        <v>45737</v>
      </c>
      <c r="F7661" s="14" t="s">
        <v>28</v>
      </c>
      <c r="G7661" s="16">
        <v>0</v>
      </c>
    </row>
    <row r="7662" spans="1:7" x14ac:dyDescent="0.3">
      <c r="A7662" s="13" t="s">
        <v>67</v>
      </c>
      <c r="B7662" s="14" t="s">
        <v>1</v>
      </c>
      <c r="C7662" s="14" t="s">
        <v>23</v>
      </c>
      <c r="D7662" s="14" t="s">
        <v>68</v>
      </c>
      <c r="E7662" s="15">
        <v>45738</v>
      </c>
      <c r="F7662" s="14" t="s">
        <v>28</v>
      </c>
      <c r="G7662" s="16">
        <v>0</v>
      </c>
    </row>
    <row r="7663" spans="1:7" x14ac:dyDescent="0.3">
      <c r="A7663" s="13" t="s">
        <v>67</v>
      </c>
      <c r="B7663" s="14" t="s">
        <v>1</v>
      </c>
      <c r="C7663" s="14" t="s">
        <v>23</v>
      </c>
      <c r="D7663" s="14" t="s">
        <v>68</v>
      </c>
      <c r="E7663" s="15">
        <v>45739</v>
      </c>
      <c r="F7663" s="14" t="s">
        <v>28</v>
      </c>
      <c r="G7663" s="16">
        <v>0</v>
      </c>
    </row>
    <row r="7664" spans="1:7" x14ac:dyDescent="0.3">
      <c r="A7664" s="13" t="s">
        <v>67</v>
      </c>
      <c r="B7664" s="14" t="s">
        <v>1</v>
      </c>
      <c r="C7664" s="14" t="s">
        <v>23</v>
      </c>
      <c r="D7664" s="14" t="s">
        <v>68</v>
      </c>
      <c r="E7664" s="15">
        <v>45740</v>
      </c>
      <c r="F7664" s="14" t="s">
        <v>28</v>
      </c>
      <c r="G7664" s="16">
        <v>0</v>
      </c>
    </row>
    <row r="7665" spans="1:7" x14ac:dyDescent="0.3">
      <c r="A7665" s="13" t="s">
        <v>67</v>
      </c>
      <c r="B7665" s="14" t="s">
        <v>1</v>
      </c>
      <c r="C7665" s="14" t="s">
        <v>23</v>
      </c>
      <c r="D7665" s="14" t="s">
        <v>68</v>
      </c>
      <c r="E7665" s="15">
        <v>45741</v>
      </c>
      <c r="F7665" s="14" t="s">
        <v>28</v>
      </c>
      <c r="G7665" s="16">
        <v>0</v>
      </c>
    </row>
    <row r="7666" spans="1:7" x14ac:dyDescent="0.3">
      <c r="A7666" s="13" t="s">
        <v>67</v>
      </c>
      <c r="B7666" s="14" t="s">
        <v>1</v>
      </c>
      <c r="C7666" s="14" t="s">
        <v>23</v>
      </c>
      <c r="D7666" s="14" t="s">
        <v>68</v>
      </c>
      <c r="E7666" s="15">
        <v>45742</v>
      </c>
      <c r="F7666" s="14" t="s">
        <v>28</v>
      </c>
      <c r="G7666" s="16">
        <v>0</v>
      </c>
    </row>
    <row r="7667" spans="1:7" x14ac:dyDescent="0.3">
      <c r="A7667" s="13" t="s">
        <v>67</v>
      </c>
      <c r="B7667" s="14" t="s">
        <v>1</v>
      </c>
      <c r="C7667" s="14" t="s">
        <v>23</v>
      </c>
      <c r="D7667" s="14" t="s">
        <v>68</v>
      </c>
      <c r="E7667" s="15">
        <v>45743</v>
      </c>
      <c r="F7667" s="14" t="s">
        <v>28</v>
      </c>
      <c r="G7667" s="16">
        <v>0</v>
      </c>
    </row>
    <row r="7668" spans="1:7" x14ac:dyDescent="0.3">
      <c r="A7668" s="13" t="s">
        <v>67</v>
      </c>
      <c r="B7668" s="14" t="s">
        <v>1</v>
      </c>
      <c r="C7668" s="14" t="s">
        <v>23</v>
      </c>
      <c r="D7668" s="14" t="s">
        <v>68</v>
      </c>
      <c r="E7668" s="15">
        <v>45744</v>
      </c>
      <c r="F7668" s="14" t="s">
        <v>28</v>
      </c>
      <c r="G7668" s="16">
        <v>0</v>
      </c>
    </row>
    <row r="7669" spans="1:7" x14ac:dyDescent="0.3">
      <c r="A7669" s="13" t="s">
        <v>67</v>
      </c>
      <c r="B7669" s="14" t="s">
        <v>1</v>
      </c>
      <c r="C7669" s="14" t="s">
        <v>23</v>
      </c>
      <c r="D7669" s="14" t="s">
        <v>68</v>
      </c>
      <c r="E7669" s="15">
        <v>45745</v>
      </c>
      <c r="F7669" s="14" t="s">
        <v>28</v>
      </c>
      <c r="G7669" s="16">
        <v>0</v>
      </c>
    </row>
    <row r="7670" spans="1:7" x14ac:dyDescent="0.3">
      <c r="A7670" s="13" t="s">
        <v>67</v>
      </c>
      <c r="B7670" s="14" t="s">
        <v>1</v>
      </c>
      <c r="C7670" s="14" t="s">
        <v>23</v>
      </c>
      <c r="D7670" s="14" t="s">
        <v>68</v>
      </c>
      <c r="E7670" s="15">
        <v>45746</v>
      </c>
      <c r="F7670" s="14" t="s">
        <v>28</v>
      </c>
      <c r="G7670" s="16">
        <v>0</v>
      </c>
    </row>
    <row r="7671" spans="1:7" x14ac:dyDescent="0.3">
      <c r="A7671" s="13" t="s">
        <v>67</v>
      </c>
      <c r="B7671" s="14" t="s">
        <v>1</v>
      </c>
      <c r="C7671" s="14" t="s">
        <v>23</v>
      </c>
      <c r="D7671" s="14" t="s">
        <v>68</v>
      </c>
      <c r="E7671" s="15">
        <v>45747</v>
      </c>
      <c r="F7671" s="14" t="s">
        <v>28</v>
      </c>
      <c r="G7671" s="16">
        <v>0</v>
      </c>
    </row>
    <row r="7672" spans="1:7" x14ac:dyDescent="0.3">
      <c r="A7672" s="13" t="s">
        <v>69</v>
      </c>
      <c r="B7672" s="14" t="s">
        <v>1</v>
      </c>
      <c r="C7672" s="14" t="s">
        <v>70</v>
      </c>
      <c r="D7672" s="14" t="s">
        <v>71</v>
      </c>
      <c r="E7672" s="15">
        <v>45383</v>
      </c>
      <c r="F7672" s="14" t="s">
        <v>72</v>
      </c>
      <c r="G7672" s="16">
        <v>0</v>
      </c>
    </row>
    <row r="7673" spans="1:7" x14ac:dyDescent="0.3">
      <c r="A7673" s="13" t="s">
        <v>69</v>
      </c>
      <c r="B7673" s="14" t="s">
        <v>1</v>
      </c>
      <c r="C7673" s="14" t="s">
        <v>70</v>
      </c>
      <c r="D7673" s="14" t="s">
        <v>71</v>
      </c>
      <c r="E7673" s="15">
        <v>45384</v>
      </c>
      <c r="F7673" s="14" t="s">
        <v>72</v>
      </c>
      <c r="G7673" s="16">
        <v>0</v>
      </c>
    </row>
    <row r="7674" spans="1:7" x14ac:dyDescent="0.3">
      <c r="A7674" s="13" t="s">
        <v>69</v>
      </c>
      <c r="B7674" s="14" t="s">
        <v>1</v>
      </c>
      <c r="C7674" s="14" t="s">
        <v>70</v>
      </c>
      <c r="D7674" s="14" t="s">
        <v>71</v>
      </c>
      <c r="E7674" s="15">
        <v>45385</v>
      </c>
      <c r="F7674" s="14" t="s">
        <v>72</v>
      </c>
      <c r="G7674" s="16">
        <v>0</v>
      </c>
    </row>
    <row r="7675" spans="1:7" x14ac:dyDescent="0.3">
      <c r="A7675" s="13" t="s">
        <v>69</v>
      </c>
      <c r="B7675" s="14" t="s">
        <v>1</v>
      </c>
      <c r="C7675" s="14" t="s">
        <v>70</v>
      </c>
      <c r="D7675" s="14" t="s">
        <v>71</v>
      </c>
      <c r="E7675" s="15">
        <v>45386</v>
      </c>
      <c r="F7675" s="14" t="s">
        <v>72</v>
      </c>
      <c r="G7675" s="16">
        <v>0</v>
      </c>
    </row>
    <row r="7676" spans="1:7" x14ac:dyDescent="0.3">
      <c r="A7676" s="13" t="s">
        <v>69</v>
      </c>
      <c r="B7676" s="14" t="s">
        <v>1</v>
      </c>
      <c r="C7676" s="14" t="s">
        <v>70</v>
      </c>
      <c r="D7676" s="14" t="s">
        <v>71</v>
      </c>
      <c r="E7676" s="15">
        <v>45387</v>
      </c>
      <c r="F7676" s="14" t="s">
        <v>72</v>
      </c>
      <c r="G7676" s="16">
        <v>0</v>
      </c>
    </row>
    <row r="7677" spans="1:7" x14ac:dyDescent="0.3">
      <c r="A7677" s="13" t="s">
        <v>69</v>
      </c>
      <c r="B7677" s="14" t="s">
        <v>1</v>
      </c>
      <c r="C7677" s="14" t="s">
        <v>70</v>
      </c>
      <c r="D7677" s="14" t="s">
        <v>71</v>
      </c>
      <c r="E7677" s="15">
        <v>45388</v>
      </c>
      <c r="F7677" s="14" t="s">
        <v>72</v>
      </c>
      <c r="G7677" s="16">
        <v>0</v>
      </c>
    </row>
    <row r="7678" spans="1:7" x14ac:dyDescent="0.3">
      <c r="A7678" s="13" t="s">
        <v>69</v>
      </c>
      <c r="B7678" s="14" t="s">
        <v>1</v>
      </c>
      <c r="C7678" s="14" t="s">
        <v>70</v>
      </c>
      <c r="D7678" s="14" t="s">
        <v>71</v>
      </c>
      <c r="E7678" s="15">
        <v>45389</v>
      </c>
      <c r="F7678" s="14" t="s">
        <v>72</v>
      </c>
      <c r="G7678" s="16">
        <v>0</v>
      </c>
    </row>
    <row r="7679" spans="1:7" x14ac:dyDescent="0.3">
      <c r="A7679" s="13" t="s">
        <v>69</v>
      </c>
      <c r="B7679" s="14" t="s">
        <v>1</v>
      </c>
      <c r="C7679" s="14" t="s">
        <v>70</v>
      </c>
      <c r="D7679" s="14" t="s">
        <v>71</v>
      </c>
      <c r="E7679" s="15">
        <v>45390</v>
      </c>
      <c r="F7679" s="14" t="s">
        <v>72</v>
      </c>
      <c r="G7679" s="16">
        <v>0</v>
      </c>
    </row>
    <row r="7680" spans="1:7" x14ac:dyDescent="0.3">
      <c r="A7680" s="13" t="s">
        <v>69</v>
      </c>
      <c r="B7680" s="14" t="s">
        <v>1</v>
      </c>
      <c r="C7680" s="14" t="s">
        <v>70</v>
      </c>
      <c r="D7680" s="14" t="s">
        <v>71</v>
      </c>
      <c r="E7680" s="15">
        <v>45391</v>
      </c>
      <c r="F7680" s="14" t="s">
        <v>72</v>
      </c>
      <c r="G7680" s="16">
        <v>0</v>
      </c>
    </row>
    <row r="7681" spans="1:7" x14ac:dyDescent="0.3">
      <c r="A7681" s="13" t="s">
        <v>69</v>
      </c>
      <c r="B7681" s="14" t="s">
        <v>1</v>
      </c>
      <c r="C7681" s="14" t="s">
        <v>70</v>
      </c>
      <c r="D7681" s="14" t="s">
        <v>71</v>
      </c>
      <c r="E7681" s="15">
        <v>45392</v>
      </c>
      <c r="F7681" s="14" t="s">
        <v>72</v>
      </c>
      <c r="G7681" s="16">
        <v>0</v>
      </c>
    </row>
    <row r="7682" spans="1:7" x14ac:dyDescent="0.3">
      <c r="A7682" s="13" t="s">
        <v>69</v>
      </c>
      <c r="B7682" s="14" t="s">
        <v>1</v>
      </c>
      <c r="C7682" s="14" t="s">
        <v>70</v>
      </c>
      <c r="D7682" s="14" t="s">
        <v>71</v>
      </c>
      <c r="E7682" s="15">
        <v>45393</v>
      </c>
      <c r="F7682" s="14" t="s">
        <v>72</v>
      </c>
      <c r="G7682" s="16">
        <v>0</v>
      </c>
    </row>
    <row r="7683" spans="1:7" x14ac:dyDescent="0.3">
      <c r="A7683" s="13" t="s">
        <v>69</v>
      </c>
      <c r="B7683" s="14" t="s">
        <v>1</v>
      </c>
      <c r="C7683" s="14" t="s">
        <v>70</v>
      </c>
      <c r="D7683" s="14" t="s">
        <v>71</v>
      </c>
      <c r="E7683" s="15">
        <v>45394</v>
      </c>
      <c r="F7683" s="14" t="s">
        <v>72</v>
      </c>
      <c r="G7683" s="16">
        <v>0</v>
      </c>
    </row>
    <row r="7684" spans="1:7" x14ac:dyDescent="0.3">
      <c r="A7684" s="13" t="s">
        <v>69</v>
      </c>
      <c r="B7684" s="14" t="s">
        <v>1</v>
      </c>
      <c r="C7684" s="14" t="s">
        <v>70</v>
      </c>
      <c r="D7684" s="14" t="s">
        <v>71</v>
      </c>
      <c r="E7684" s="15">
        <v>45395</v>
      </c>
      <c r="F7684" s="14" t="s">
        <v>72</v>
      </c>
      <c r="G7684" s="16">
        <v>0</v>
      </c>
    </row>
    <row r="7685" spans="1:7" x14ac:dyDescent="0.3">
      <c r="A7685" s="13" t="s">
        <v>69</v>
      </c>
      <c r="B7685" s="14" t="s">
        <v>1</v>
      </c>
      <c r="C7685" s="14" t="s">
        <v>70</v>
      </c>
      <c r="D7685" s="14" t="s">
        <v>71</v>
      </c>
      <c r="E7685" s="15">
        <v>45396</v>
      </c>
      <c r="F7685" s="14" t="s">
        <v>72</v>
      </c>
      <c r="G7685" s="16">
        <v>0</v>
      </c>
    </row>
    <row r="7686" spans="1:7" x14ac:dyDescent="0.3">
      <c r="A7686" s="13" t="s">
        <v>69</v>
      </c>
      <c r="B7686" s="14" t="s">
        <v>1</v>
      </c>
      <c r="C7686" s="14" t="s">
        <v>70</v>
      </c>
      <c r="D7686" s="14" t="s">
        <v>71</v>
      </c>
      <c r="E7686" s="15">
        <v>45397</v>
      </c>
      <c r="F7686" s="14" t="s">
        <v>72</v>
      </c>
      <c r="G7686" s="16">
        <v>0</v>
      </c>
    </row>
    <row r="7687" spans="1:7" x14ac:dyDescent="0.3">
      <c r="A7687" s="13" t="s">
        <v>69</v>
      </c>
      <c r="B7687" s="14" t="s">
        <v>1</v>
      </c>
      <c r="C7687" s="14" t="s">
        <v>70</v>
      </c>
      <c r="D7687" s="14" t="s">
        <v>71</v>
      </c>
      <c r="E7687" s="15">
        <v>45398</v>
      </c>
      <c r="F7687" s="14" t="s">
        <v>72</v>
      </c>
      <c r="G7687" s="16">
        <v>0</v>
      </c>
    </row>
    <row r="7688" spans="1:7" x14ac:dyDescent="0.3">
      <c r="A7688" s="13" t="s">
        <v>69</v>
      </c>
      <c r="B7688" s="14" t="s">
        <v>1</v>
      </c>
      <c r="C7688" s="14" t="s">
        <v>70</v>
      </c>
      <c r="D7688" s="14" t="s">
        <v>71</v>
      </c>
      <c r="E7688" s="15">
        <v>45399</v>
      </c>
      <c r="F7688" s="14" t="s">
        <v>72</v>
      </c>
      <c r="G7688" s="16">
        <v>0</v>
      </c>
    </row>
    <row r="7689" spans="1:7" x14ac:dyDescent="0.3">
      <c r="A7689" s="13" t="s">
        <v>69</v>
      </c>
      <c r="B7689" s="14" t="s">
        <v>1</v>
      </c>
      <c r="C7689" s="14" t="s">
        <v>70</v>
      </c>
      <c r="D7689" s="14" t="s">
        <v>71</v>
      </c>
      <c r="E7689" s="15">
        <v>45400</v>
      </c>
      <c r="F7689" s="14" t="s">
        <v>72</v>
      </c>
      <c r="G7689" s="16">
        <v>0</v>
      </c>
    </row>
    <row r="7690" spans="1:7" x14ac:dyDescent="0.3">
      <c r="A7690" s="13" t="s">
        <v>69</v>
      </c>
      <c r="B7690" s="14" t="s">
        <v>1</v>
      </c>
      <c r="C7690" s="14" t="s">
        <v>70</v>
      </c>
      <c r="D7690" s="14" t="s">
        <v>71</v>
      </c>
      <c r="E7690" s="15">
        <v>45401</v>
      </c>
      <c r="F7690" s="14" t="s">
        <v>72</v>
      </c>
      <c r="G7690" s="16">
        <v>0</v>
      </c>
    </row>
    <row r="7691" spans="1:7" x14ac:dyDescent="0.3">
      <c r="A7691" s="13" t="s">
        <v>69</v>
      </c>
      <c r="B7691" s="14" t="s">
        <v>1</v>
      </c>
      <c r="C7691" s="14" t="s">
        <v>70</v>
      </c>
      <c r="D7691" s="14" t="s">
        <v>71</v>
      </c>
      <c r="E7691" s="15">
        <v>45402</v>
      </c>
      <c r="F7691" s="14" t="s">
        <v>72</v>
      </c>
      <c r="G7691" s="16">
        <v>0</v>
      </c>
    </row>
    <row r="7692" spans="1:7" x14ac:dyDescent="0.3">
      <c r="A7692" s="13" t="s">
        <v>69</v>
      </c>
      <c r="B7692" s="14" t="s">
        <v>1</v>
      </c>
      <c r="C7692" s="14" t="s">
        <v>70</v>
      </c>
      <c r="D7692" s="14" t="s">
        <v>71</v>
      </c>
      <c r="E7692" s="15">
        <v>45403</v>
      </c>
      <c r="F7692" s="14" t="s">
        <v>72</v>
      </c>
      <c r="G7692" s="16">
        <v>0</v>
      </c>
    </row>
    <row r="7693" spans="1:7" x14ac:dyDescent="0.3">
      <c r="A7693" s="13" t="s">
        <v>69</v>
      </c>
      <c r="B7693" s="14" t="s">
        <v>1</v>
      </c>
      <c r="C7693" s="14" t="s">
        <v>70</v>
      </c>
      <c r="D7693" s="14" t="s">
        <v>71</v>
      </c>
      <c r="E7693" s="15">
        <v>45404</v>
      </c>
      <c r="F7693" s="14" t="s">
        <v>72</v>
      </c>
      <c r="G7693" s="16">
        <v>0</v>
      </c>
    </row>
    <row r="7694" spans="1:7" x14ac:dyDescent="0.3">
      <c r="A7694" s="13" t="s">
        <v>69</v>
      </c>
      <c r="B7694" s="14" t="s">
        <v>1</v>
      </c>
      <c r="C7694" s="14" t="s">
        <v>70</v>
      </c>
      <c r="D7694" s="14" t="s">
        <v>71</v>
      </c>
      <c r="E7694" s="15">
        <v>45405</v>
      </c>
      <c r="F7694" s="14" t="s">
        <v>72</v>
      </c>
      <c r="G7694" s="16">
        <v>0</v>
      </c>
    </row>
    <row r="7695" spans="1:7" x14ac:dyDescent="0.3">
      <c r="A7695" s="13" t="s">
        <v>69</v>
      </c>
      <c r="B7695" s="14" t="s">
        <v>1</v>
      </c>
      <c r="C7695" s="14" t="s">
        <v>70</v>
      </c>
      <c r="D7695" s="14" t="s">
        <v>71</v>
      </c>
      <c r="E7695" s="15">
        <v>45406</v>
      </c>
      <c r="F7695" s="14" t="s">
        <v>72</v>
      </c>
      <c r="G7695" s="16">
        <v>0</v>
      </c>
    </row>
    <row r="7696" spans="1:7" x14ac:dyDescent="0.3">
      <c r="A7696" s="13" t="s">
        <v>69</v>
      </c>
      <c r="B7696" s="14" t="s">
        <v>1</v>
      </c>
      <c r="C7696" s="14" t="s">
        <v>70</v>
      </c>
      <c r="D7696" s="14" t="s">
        <v>71</v>
      </c>
      <c r="E7696" s="15">
        <v>45407</v>
      </c>
      <c r="F7696" s="14" t="s">
        <v>72</v>
      </c>
      <c r="G7696" s="16">
        <v>0</v>
      </c>
    </row>
    <row r="7697" spans="1:7" x14ac:dyDescent="0.3">
      <c r="A7697" s="13" t="s">
        <v>69</v>
      </c>
      <c r="B7697" s="14" t="s">
        <v>1</v>
      </c>
      <c r="C7697" s="14" t="s">
        <v>70</v>
      </c>
      <c r="D7697" s="14" t="s">
        <v>71</v>
      </c>
      <c r="E7697" s="15">
        <v>45408</v>
      </c>
      <c r="F7697" s="14" t="s">
        <v>72</v>
      </c>
      <c r="G7697" s="16">
        <v>0</v>
      </c>
    </row>
    <row r="7698" spans="1:7" x14ac:dyDescent="0.3">
      <c r="A7698" s="13" t="s">
        <v>69</v>
      </c>
      <c r="B7698" s="14" t="s">
        <v>1</v>
      </c>
      <c r="C7698" s="14" t="s">
        <v>70</v>
      </c>
      <c r="D7698" s="14" t="s">
        <v>71</v>
      </c>
      <c r="E7698" s="15">
        <v>45409</v>
      </c>
      <c r="F7698" s="14" t="s">
        <v>72</v>
      </c>
      <c r="G7698" s="16">
        <v>0</v>
      </c>
    </row>
    <row r="7699" spans="1:7" x14ac:dyDescent="0.3">
      <c r="A7699" s="13" t="s">
        <v>69</v>
      </c>
      <c r="B7699" s="14" t="s">
        <v>1</v>
      </c>
      <c r="C7699" s="14" t="s">
        <v>70</v>
      </c>
      <c r="D7699" s="14" t="s">
        <v>71</v>
      </c>
      <c r="E7699" s="15">
        <v>45410</v>
      </c>
      <c r="F7699" s="14" t="s">
        <v>72</v>
      </c>
      <c r="G7699" s="16">
        <v>0</v>
      </c>
    </row>
    <row r="7700" spans="1:7" x14ac:dyDescent="0.3">
      <c r="A7700" s="13" t="s">
        <v>69</v>
      </c>
      <c r="B7700" s="14" t="s">
        <v>1</v>
      </c>
      <c r="C7700" s="14" t="s">
        <v>70</v>
      </c>
      <c r="D7700" s="14" t="s">
        <v>71</v>
      </c>
      <c r="E7700" s="15">
        <v>45411</v>
      </c>
      <c r="F7700" s="14" t="s">
        <v>72</v>
      </c>
      <c r="G7700" s="16">
        <v>0</v>
      </c>
    </row>
    <row r="7701" spans="1:7" x14ac:dyDescent="0.3">
      <c r="A7701" s="13" t="s">
        <v>69</v>
      </c>
      <c r="B7701" s="14" t="s">
        <v>1</v>
      </c>
      <c r="C7701" s="14" t="s">
        <v>70</v>
      </c>
      <c r="D7701" s="14" t="s">
        <v>71</v>
      </c>
      <c r="E7701" s="15">
        <v>45412</v>
      </c>
      <c r="F7701" s="14" t="s">
        <v>72</v>
      </c>
      <c r="G7701" s="16">
        <v>0</v>
      </c>
    </row>
    <row r="7702" spans="1:7" x14ac:dyDescent="0.3">
      <c r="A7702" s="13" t="s">
        <v>69</v>
      </c>
      <c r="B7702" s="14" t="s">
        <v>1</v>
      </c>
      <c r="C7702" s="14" t="s">
        <v>70</v>
      </c>
      <c r="D7702" s="14" t="s">
        <v>71</v>
      </c>
      <c r="E7702" s="15">
        <v>45413</v>
      </c>
      <c r="F7702" s="14" t="s">
        <v>72</v>
      </c>
      <c r="G7702" s="16">
        <v>0</v>
      </c>
    </row>
    <row r="7703" spans="1:7" x14ac:dyDescent="0.3">
      <c r="A7703" s="13" t="s">
        <v>69</v>
      </c>
      <c r="B7703" s="14" t="s">
        <v>1</v>
      </c>
      <c r="C7703" s="14" t="s">
        <v>70</v>
      </c>
      <c r="D7703" s="14" t="s">
        <v>71</v>
      </c>
      <c r="E7703" s="15">
        <v>45414</v>
      </c>
      <c r="F7703" s="14" t="s">
        <v>72</v>
      </c>
      <c r="G7703" s="16">
        <v>0</v>
      </c>
    </row>
    <row r="7704" spans="1:7" x14ac:dyDescent="0.3">
      <c r="A7704" s="13" t="s">
        <v>69</v>
      </c>
      <c r="B7704" s="14" t="s">
        <v>1</v>
      </c>
      <c r="C7704" s="14" t="s">
        <v>70</v>
      </c>
      <c r="D7704" s="14" t="s">
        <v>71</v>
      </c>
      <c r="E7704" s="15">
        <v>45415</v>
      </c>
      <c r="F7704" s="14" t="s">
        <v>72</v>
      </c>
      <c r="G7704" s="16">
        <v>0</v>
      </c>
    </row>
    <row r="7705" spans="1:7" x14ac:dyDescent="0.3">
      <c r="A7705" s="13" t="s">
        <v>69</v>
      </c>
      <c r="B7705" s="14" t="s">
        <v>1</v>
      </c>
      <c r="C7705" s="14" t="s">
        <v>70</v>
      </c>
      <c r="D7705" s="14" t="s">
        <v>71</v>
      </c>
      <c r="E7705" s="15">
        <v>45416</v>
      </c>
      <c r="F7705" s="14" t="s">
        <v>72</v>
      </c>
      <c r="G7705" s="16">
        <v>0</v>
      </c>
    </row>
    <row r="7706" spans="1:7" x14ac:dyDescent="0.3">
      <c r="A7706" s="13" t="s">
        <v>69</v>
      </c>
      <c r="B7706" s="14" t="s">
        <v>1</v>
      </c>
      <c r="C7706" s="14" t="s">
        <v>70</v>
      </c>
      <c r="D7706" s="14" t="s">
        <v>71</v>
      </c>
      <c r="E7706" s="15">
        <v>45417</v>
      </c>
      <c r="F7706" s="14" t="s">
        <v>72</v>
      </c>
      <c r="G7706" s="16">
        <v>0</v>
      </c>
    </row>
    <row r="7707" spans="1:7" x14ac:dyDescent="0.3">
      <c r="A7707" s="13" t="s">
        <v>69</v>
      </c>
      <c r="B7707" s="14" t="s">
        <v>1</v>
      </c>
      <c r="C7707" s="14" t="s">
        <v>70</v>
      </c>
      <c r="D7707" s="14" t="s">
        <v>71</v>
      </c>
      <c r="E7707" s="15">
        <v>45418</v>
      </c>
      <c r="F7707" s="14" t="s">
        <v>72</v>
      </c>
      <c r="G7707" s="16">
        <v>0</v>
      </c>
    </row>
    <row r="7708" spans="1:7" x14ac:dyDescent="0.3">
      <c r="A7708" s="13" t="s">
        <v>69</v>
      </c>
      <c r="B7708" s="14" t="s">
        <v>1</v>
      </c>
      <c r="C7708" s="14" t="s">
        <v>70</v>
      </c>
      <c r="D7708" s="14" t="s">
        <v>71</v>
      </c>
      <c r="E7708" s="15">
        <v>45419</v>
      </c>
      <c r="F7708" s="14" t="s">
        <v>72</v>
      </c>
      <c r="G7708" s="16">
        <v>0</v>
      </c>
    </row>
    <row r="7709" spans="1:7" x14ac:dyDescent="0.3">
      <c r="A7709" s="13" t="s">
        <v>69</v>
      </c>
      <c r="B7709" s="14" t="s">
        <v>1</v>
      </c>
      <c r="C7709" s="14" t="s">
        <v>70</v>
      </c>
      <c r="D7709" s="14" t="s">
        <v>71</v>
      </c>
      <c r="E7709" s="15">
        <v>45420</v>
      </c>
      <c r="F7709" s="14" t="s">
        <v>72</v>
      </c>
      <c r="G7709" s="16">
        <v>0</v>
      </c>
    </row>
    <row r="7710" spans="1:7" x14ac:dyDescent="0.3">
      <c r="A7710" s="13" t="s">
        <v>69</v>
      </c>
      <c r="B7710" s="14" t="s">
        <v>1</v>
      </c>
      <c r="C7710" s="14" t="s">
        <v>70</v>
      </c>
      <c r="D7710" s="14" t="s">
        <v>71</v>
      </c>
      <c r="E7710" s="15">
        <v>45421</v>
      </c>
      <c r="F7710" s="14" t="s">
        <v>72</v>
      </c>
      <c r="G7710" s="16">
        <v>0</v>
      </c>
    </row>
    <row r="7711" spans="1:7" x14ac:dyDescent="0.3">
      <c r="A7711" s="13" t="s">
        <v>69</v>
      </c>
      <c r="B7711" s="14" t="s">
        <v>1</v>
      </c>
      <c r="C7711" s="14" t="s">
        <v>70</v>
      </c>
      <c r="D7711" s="14" t="s">
        <v>71</v>
      </c>
      <c r="E7711" s="15">
        <v>45422</v>
      </c>
      <c r="F7711" s="14" t="s">
        <v>72</v>
      </c>
      <c r="G7711" s="16">
        <v>0</v>
      </c>
    </row>
    <row r="7712" spans="1:7" x14ac:dyDescent="0.3">
      <c r="A7712" s="13" t="s">
        <v>69</v>
      </c>
      <c r="B7712" s="14" t="s">
        <v>1</v>
      </c>
      <c r="C7712" s="14" t="s">
        <v>70</v>
      </c>
      <c r="D7712" s="14" t="s">
        <v>71</v>
      </c>
      <c r="E7712" s="15">
        <v>45423</v>
      </c>
      <c r="F7712" s="14" t="s">
        <v>72</v>
      </c>
      <c r="G7712" s="16">
        <v>0</v>
      </c>
    </row>
    <row r="7713" spans="1:7" x14ac:dyDescent="0.3">
      <c r="A7713" s="13" t="s">
        <v>69</v>
      </c>
      <c r="B7713" s="14" t="s">
        <v>1</v>
      </c>
      <c r="C7713" s="14" t="s">
        <v>70</v>
      </c>
      <c r="D7713" s="14" t="s">
        <v>71</v>
      </c>
      <c r="E7713" s="15">
        <v>45424</v>
      </c>
      <c r="F7713" s="14" t="s">
        <v>72</v>
      </c>
      <c r="G7713" s="16">
        <v>0</v>
      </c>
    </row>
    <row r="7714" spans="1:7" x14ac:dyDescent="0.3">
      <c r="A7714" s="13" t="s">
        <v>69</v>
      </c>
      <c r="B7714" s="14" t="s">
        <v>1</v>
      </c>
      <c r="C7714" s="14" t="s">
        <v>70</v>
      </c>
      <c r="D7714" s="14" t="s">
        <v>71</v>
      </c>
      <c r="E7714" s="15">
        <v>45425</v>
      </c>
      <c r="F7714" s="14" t="s">
        <v>72</v>
      </c>
      <c r="G7714" s="16">
        <v>0</v>
      </c>
    </row>
    <row r="7715" spans="1:7" x14ac:dyDescent="0.3">
      <c r="A7715" s="13" t="s">
        <v>69</v>
      </c>
      <c r="B7715" s="14" t="s">
        <v>1</v>
      </c>
      <c r="C7715" s="14" t="s">
        <v>70</v>
      </c>
      <c r="D7715" s="14" t="s">
        <v>71</v>
      </c>
      <c r="E7715" s="15">
        <v>45426</v>
      </c>
      <c r="F7715" s="14" t="s">
        <v>72</v>
      </c>
      <c r="G7715" s="16">
        <v>0</v>
      </c>
    </row>
    <row r="7716" spans="1:7" x14ac:dyDescent="0.3">
      <c r="A7716" s="13" t="s">
        <v>69</v>
      </c>
      <c r="B7716" s="14" t="s">
        <v>1</v>
      </c>
      <c r="C7716" s="14" t="s">
        <v>70</v>
      </c>
      <c r="D7716" s="14" t="s">
        <v>71</v>
      </c>
      <c r="E7716" s="15">
        <v>45427</v>
      </c>
      <c r="F7716" s="14" t="s">
        <v>72</v>
      </c>
      <c r="G7716" s="16">
        <v>0</v>
      </c>
    </row>
    <row r="7717" spans="1:7" x14ac:dyDescent="0.3">
      <c r="A7717" s="13" t="s">
        <v>69</v>
      </c>
      <c r="B7717" s="14" t="s">
        <v>1</v>
      </c>
      <c r="C7717" s="14" t="s">
        <v>70</v>
      </c>
      <c r="D7717" s="14" t="s">
        <v>71</v>
      </c>
      <c r="E7717" s="15">
        <v>45428</v>
      </c>
      <c r="F7717" s="14" t="s">
        <v>72</v>
      </c>
      <c r="G7717" s="16">
        <v>4.5443400014838712E-3</v>
      </c>
    </row>
    <row r="7718" spans="1:7" x14ac:dyDescent="0.3">
      <c r="A7718" s="13" t="s">
        <v>69</v>
      </c>
      <c r="B7718" s="14" t="s">
        <v>1</v>
      </c>
      <c r="C7718" s="14" t="s">
        <v>70</v>
      </c>
      <c r="D7718" s="14" t="s">
        <v>71</v>
      </c>
      <c r="E7718" s="15">
        <v>45429</v>
      </c>
      <c r="F7718" s="14" t="s">
        <v>72</v>
      </c>
      <c r="G7718" s="16">
        <v>8.5257547512979912E-2</v>
      </c>
    </row>
    <row r="7719" spans="1:7" x14ac:dyDescent="0.3">
      <c r="A7719" s="13" t="s">
        <v>69</v>
      </c>
      <c r="B7719" s="14" t="s">
        <v>1</v>
      </c>
      <c r="C7719" s="14" t="s">
        <v>70</v>
      </c>
      <c r="D7719" s="14" t="s">
        <v>71</v>
      </c>
      <c r="E7719" s="15">
        <v>45430</v>
      </c>
      <c r="F7719" s="14" t="s">
        <v>72</v>
      </c>
      <c r="G7719" s="16">
        <v>8.5257547512979912E-2</v>
      </c>
    </row>
    <row r="7720" spans="1:7" x14ac:dyDescent="0.3">
      <c r="A7720" s="13" t="s">
        <v>69</v>
      </c>
      <c r="B7720" s="14" t="s">
        <v>1</v>
      </c>
      <c r="C7720" s="14" t="s">
        <v>70</v>
      </c>
      <c r="D7720" s="14" t="s">
        <v>71</v>
      </c>
      <c r="E7720" s="15">
        <v>45431</v>
      </c>
      <c r="F7720" s="14" t="s">
        <v>72</v>
      </c>
      <c r="G7720" s="16">
        <v>8.5257547512979912E-2</v>
      </c>
    </row>
    <row r="7721" spans="1:7" x14ac:dyDescent="0.3">
      <c r="A7721" s="13" t="s">
        <v>69</v>
      </c>
      <c r="B7721" s="14" t="s">
        <v>1</v>
      </c>
      <c r="C7721" s="14" t="s">
        <v>70</v>
      </c>
      <c r="D7721" s="14" t="s">
        <v>71</v>
      </c>
      <c r="E7721" s="15">
        <v>45432</v>
      </c>
      <c r="F7721" s="14" t="s">
        <v>72</v>
      </c>
      <c r="G7721" s="16">
        <v>8.5257547512979912E-2</v>
      </c>
    </row>
    <row r="7722" spans="1:7" x14ac:dyDescent="0.3">
      <c r="A7722" s="13" t="s">
        <v>69</v>
      </c>
      <c r="B7722" s="14" t="s">
        <v>1</v>
      </c>
      <c r="C7722" s="14" t="s">
        <v>70</v>
      </c>
      <c r="D7722" s="14" t="s">
        <v>71</v>
      </c>
      <c r="E7722" s="15">
        <v>45433</v>
      </c>
      <c r="F7722" s="14" t="s">
        <v>72</v>
      </c>
      <c r="G7722" s="16">
        <v>8.8943295243162968E-2</v>
      </c>
    </row>
    <row r="7723" spans="1:7" x14ac:dyDescent="0.3">
      <c r="A7723" s="13" t="s">
        <v>69</v>
      </c>
      <c r="B7723" s="14" t="s">
        <v>1</v>
      </c>
      <c r="C7723" s="14" t="s">
        <v>70</v>
      </c>
      <c r="D7723" s="14" t="s">
        <v>71</v>
      </c>
      <c r="E7723" s="15">
        <v>45434</v>
      </c>
      <c r="F7723" s="14" t="s">
        <v>72</v>
      </c>
      <c r="G7723" s="16">
        <v>0.12197980034103041</v>
      </c>
    </row>
    <row r="7724" spans="1:7" x14ac:dyDescent="0.3">
      <c r="A7724" s="13" t="s">
        <v>69</v>
      </c>
      <c r="B7724" s="14" t="s">
        <v>1</v>
      </c>
      <c r="C7724" s="14" t="s">
        <v>70</v>
      </c>
      <c r="D7724" s="14" t="s">
        <v>71</v>
      </c>
      <c r="E7724" s="15">
        <v>45435</v>
      </c>
      <c r="F7724" s="14" t="s">
        <v>72</v>
      </c>
      <c r="G7724" s="16">
        <v>0.12662038509232582</v>
      </c>
    </row>
    <row r="7725" spans="1:7" x14ac:dyDescent="0.3">
      <c r="A7725" s="13" t="s">
        <v>69</v>
      </c>
      <c r="B7725" s="14" t="s">
        <v>1</v>
      </c>
      <c r="C7725" s="14" t="s">
        <v>70</v>
      </c>
      <c r="D7725" s="14" t="s">
        <v>71</v>
      </c>
      <c r="E7725" s="15">
        <v>45436</v>
      </c>
      <c r="F7725" s="14" t="s">
        <v>72</v>
      </c>
      <c r="G7725" s="16">
        <v>0.12974265036673477</v>
      </c>
    </row>
    <row r="7726" spans="1:7" x14ac:dyDescent="0.3">
      <c r="A7726" s="13" t="s">
        <v>69</v>
      </c>
      <c r="B7726" s="14" t="s">
        <v>1</v>
      </c>
      <c r="C7726" s="14" t="s">
        <v>70</v>
      </c>
      <c r="D7726" s="14" t="s">
        <v>71</v>
      </c>
      <c r="E7726" s="15">
        <v>45437</v>
      </c>
      <c r="F7726" s="14" t="s">
        <v>72</v>
      </c>
      <c r="G7726" s="16">
        <v>0.12974265036673477</v>
      </c>
    </row>
    <row r="7727" spans="1:7" x14ac:dyDescent="0.3">
      <c r="A7727" s="13" t="s">
        <v>69</v>
      </c>
      <c r="B7727" s="14" t="s">
        <v>1</v>
      </c>
      <c r="C7727" s="14" t="s">
        <v>70</v>
      </c>
      <c r="D7727" s="14" t="s">
        <v>71</v>
      </c>
      <c r="E7727" s="15">
        <v>45438</v>
      </c>
      <c r="F7727" s="14" t="s">
        <v>72</v>
      </c>
      <c r="G7727" s="16">
        <v>0.12974265036673477</v>
      </c>
    </row>
    <row r="7728" spans="1:7" x14ac:dyDescent="0.3">
      <c r="A7728" s="13" t="s">
        <v>69</v>
      </c>
      <c r="B7728" s="14" t="s">
        <v>1</v>
      </c>
      <c r="C7728" s="14" t="s">
        <v>70</v>
      </c>
      <c r="D7728" s="14" t="s">
        <v>71</v>
      </c>
      <c r="E7728" s="15">
        <v>45439</v>
      </c>
      <c r="F7728" s="14" t="s">
        <v>72</v>
      </c>
      <c r="G7728" s="16">
        <v>0.12543906978571207</v>
      </c>
    </row>
    <row r="7729" spans="1:7" x14ac:dyDescent="0.3">
      <c r="A7729" s="13" t="s">
        <v>69</v>
      </c>
      <c r="B7729" s="14" t="s">
        <v>1</v>
      </c>
      <c r="C7729" s="14" t="s">
        <v>70</v>
      </c>
      <c r="D7729" s="14" t="s">
        <v>71</v>
      </c>
      <c r="E7729" s="15">
        <v>45440</v>
      </c>
      <c r="F7729" s="14" t="s">
        <v>72</v>
      </c>
      <c r="G7729" s="16">
        <v>0.13609617091443546</v>
      </c>
    </row>
    <row r="7730" spans="1:7" x14ac:dyDescent="0.3">
      <c r="A7730" s="13" t="s">
        <v>69</v>
      </c>
      <c r="B7730" s="14" t="s">
        <v>1</v>
      </c>
      <c r="C7730" s="14" t="s">
        <v>70</v>
      </c>
      <c r="D7730" s="14" t="s">
        <v>71</v>
      </c>
      <c r="E7730" s="15">
        <v>45441</v>
      </c>
      <c r="F7730" s="14" t="s">
        <v>72</v>
      </c>
      <c r="G7730" s="16">
        <v>0.14214497460103487</v>
      </c>
    </row>
    <row r="7731" spans="1:7" x14ac:dyDescent="0.3">
      <c r="A7731" s="13" t="s">
        <v>69</v>
      </c>
      <c r="B7731" s="14" t="s">
        <v>1</v>
      </c>
      <c r="C7731" s="14" t="s">
        <v>70</v>
      </c>
      <c r="D7731" s="14" t="s">
        <v>71</v>
      </c>
      <c r="E7731" s="15">
        <v>45442</v>
      </c>
      <c r="F7731" s="14" t="s">
        <v>72</v>
      </c>
      <c r="G7731" s="16">
        <v>0.14236212351145397</v>
      </c>
    </row>
    <row r="7732" spans="1:7" x14ac:dyDescent="0.3">
      <c r="A7732" s="13" t="s">
        <v>69</v>
      </c>
      <c r="B7732" s="14" t="s">
        <v>1</v>
      </c>
      <c r="C7732" s="14" t="s">
        <v>70</v>
      </c>
      <c r="D7732" s="14" t="s">
        <v>71</v>
      </c>
      <c r="E7732" s="15">
        <v>45443</v>
      </c>
      <c r="F7732" s="14" t="s">
        <v>72</v>
      </c>
      <c r="G7732" s="16">
        <v>0.14903163398589234</v>
      </c>
    </row>
    <row r="7733" spans="1:7" x14ac:dyDescent="0.3">
      <c r="A7733" s="13" t="s">
        <v>69</v>
      </c>
      <c r="B7733" s="14" t="s">
        <v>1</v>
      </c>
      <c r="C7733" s="14" t="s">
        <v>70</v>
      </c>
      <c r="D7733" s="14" t="s">
        <v>71</v>
      </c>
      <c r="E7733" s="15">
        <v>45444</v>
      </c>
      <c r="F7733" s="14" t="s">
        <v>72</v>
      </c>
      <c r="G7733" s="16">
        <v>0.14903163398589234</v>
      </c>
    </row>
    <row r="7734" spans="1:7" x14ac:dyDescent="0.3">
      <c r="A7734" s="13" t="s">
        <v>69</v>
      </c>
      <c r="B7734" s="14" t="s">
        <v>1</v>
      </c>
      <c r="C7734" s="14" t="s">
        <v>70</v>
      </c>
      <c r="D7734" s="14" t="s">
        <v>71</v>
      </c>
      <c r="E7734" s="15">
        <v>45445</v>
      </c>
      <c r="F7734" s="14" t="s">
        <v>72</v>
      </c>
      <c r="G7734" s="16">
        <v>0.14903163398589234</v>
      </c>
    </row>
    <row r="7735" spans="1:7" x14ac:dyDescent="0.3">
      <c r="A7735" s="13" t="s">
        <v>69</v>
      </c>
      <c r="B7735" s="14" t="s">
        <v>1</v>
      </c>
      <c r="C7735" s="14" t="s">
        <v>70</v>
      </c>
      <c r="D7735" s="14" t="s">
        <v>71</v>
      </c>
      <c r="E7735" s="15">
        <v>45446</v>
      </c>
      <c r="F7735" s="14" t="s">
        <v>72</v>
      </c>
      <c r="G7735" s="16">
        <v>0.14903163398589234</v>
      </c>
    </row>
    <row r="7736" spans="1:7" x14ac:dyDescent="0.3">
      <c r="A7736" s="13" t="s">
        <v>69</v>
      </c>
      <c r="B7736" s="14" t="s">
        <v>1</v>
      </c>
      <c r="C7736" s="14" t="s">
        <v>70</v>
      </c>
      <c r="D7736" s="14" t="s">
        <v>71</v>
      </c>
      <c r="E7736" s="15">
        <v>45447</v>
      </c>
      <c r="F7736" s="14" t="s">
        <v>72</v>
      </c>
      <c r="G7736" s="16">
        <v>0.16351944953662167</v>
      </c>
    </row>
    <row r="7737" spans="1:7" x14ac:dyDescent="0.3">
      <c r="A7737" s="13" t="s">
        <v>69</v>
      </c>
      <c r="B7737" s="14" t="s">
        <v>1</v>
      </c>
      <c r="C7737" s="14" t="s">
        <v>70</v>
      </c>
      <c r="D7737" s="14" t="s">
        <v>71</v>
      </c>
      <c r="E7737" s="15">
        <v>45448</v>
      </c>
      <c r="F7737" s="14" t="s">
        <v>72</v>
      </c>
      <c r="G7737" s="16">
        <v>0.19527267803204126</v>
      </c>
    </row>
    <row r="7738" spans="1:7" x14ac:dyDescent="0.3">
      <c r="A7738" s="13" t="s">
        <v>69</v>
      </c>
      <c r="B7738" s="14" t="s">
        <v>1</v>
      </c>
      <c r="C7738" s="14" t="s">
        <v>70</v>
      </c>
      <c r="D7738" s="14" t="s">
        <v>71</v>
      </c>
      <c r="E7738" s="15">
        <v>45449</v>
      </c>
      <c r="F7738" s="14" t="s">
        <v>72</v>
      </c>
      <c r="G7738" s="16">
        <v>0.19830094550039493</v>
      </c>
    </row>
    <row r="7739" spans="1:7" x14ac:dyDescent="0.3">
      <c r="A7739" s="13" t="s">
        <v>69</v>
      </c>
      <c r="B7739" s="14" t="s">
        <v>1</v>
      </c>
      <c r="C7739" s="14" t="s">
        <v>70</v>
      </c>
      <c r="D7739" s="14" t="s">
        <v>71</v>
      </c>
      <c r="E7739" s="15">
        <v>45450</v>
      </c>
      <c r="F7739" s="14" t="s">
        <v>72</v>
      </c>
      <c r="G7739" s="16">
        <v>0.20435964523504774</v>
      </c>
    </row>
    <row r="7740" spans="1:7" x14ac:dyDescent="0.3">
      <c r="A7740" s="13" t="s">
        <v>69</v>
      </c>
      <c r="B7740" s="14" t="s">
        <v>1</v>
      </c>
      <c r="C7740" s="14" t="s">
        <v>70</v>
      </c>
      <c r="D7740" s="14" t="s">
        <v>71</v>
      </c>
      <c r="E7740" s="15">
        <v>45451</v>
      </c>
      <c r="F7740" s="14" t="s">
        <v>72</v>
      </c>
      <c r="G7740" s="16">
        <v>0.20435964523504774</v>
      </c>
    </row>
    <row r="7741" spans="1:7" x14ac:dyDescent="0.3">
      <c r="A7741" s="13" t="s">
        <v>69</v>
      </c>
      <c r="B7741" s="14" t="s">
        <v>1</v>
      </c>
      <c r="C7741" s="14" t="s">
        <v>70</v>
      </c>
      <c r="D7741" s="14" t="s">
        <v>71</v>
      </c>
      <c r="E7741" s="15">
        <v>45452</v>
      </c>
      <c r="F7741" s="14" t="s">
        <v>72</v>
      </c>
      <c r="G7741" s="16">
        <v>0.20435964523504774</v>
      </c>
    </row>
    <row r="7742" spans="1:7" x14ac:dyDescent="0.3">
      <c r="A7742" s="13" t="s">
        <v>69</v>
      </c>
      <c r="B7742" s="14" t="s">
        <v>1</v>
      </c>
      <c r="C7742" s="14" t="s">
        <v>70</v>
      </c>
      <c r="D7742" s="14" t="s">
        <v>71</v>
      </c>
      <c r="E7742" s="15">
        <v>45453</v>
      </c>
      <c r="F7742" s="14" t="s">
        <v>72</v>
      </c>
      <c r="G7742" s="16">
        <v>0.21549363293666796</v>
      </c>
    </row>
    <row r="7743" spans="1:7" x14ac:dyDescent="0.3">
      <c r="A7743" s="13" t="s">
        <v>69</v>
      </c>
      <c r="B7743" s="14" t="s">
        <v>1</v>
      </c>
      <c r="C7743" s="14" t="s">
        <v>70</v>
      </c>
      <c r="D7743" s="14" t="s">
        <v>71</v>
      </c>
      <c r="E7743" s="15">
        <v>45454</v>
      </c>
      <c r="F7743" s="14" t="s">
        <v>72</v>
      </c>
      <c r="G7743" s="16">
        <v>0.22711297826460325</v>
      </c>
    </row>
    <row r="7744" spans="1:7" x14ac:dyDescent="0.3">
      <c r="A7744" s="13" t="s">
        <v>69</v>
      </c>
      <c r="B7744" s="14" t="s">
        <v>1</v>
      </c>
      <c r="C7744" s="14" t="s">
        <v>70</v>
      </c>
      <c r="D7744" s="14" t="s">
        <v>71</v>
      </c>
      <c r="E7744" s="15">
        <v>45455</v>
      </c>
      <c r="F7744" s="14" t="s">
        <v>72</v>
      </c>
      <c r="G7744" s="16">
        <v>0.23621886551375643</v>
      </c>
    </row>
    <row r="7745" spans="1:7" x14ac:dyDescent="0.3">
      <c r="A7745" s="13" t="s">
        <v>69</v>
      </c>
      <c r="B7745" s="14" t="s">
        <v>1</v>
      </c>
      <c r="C7745" s="14" t="s">
        <v>70</v>
      </c>
      <c r="D7745" s="14" t="s">
        <v>71</v>
      </c>
      <c r="E7745" s="15">
        <v>45456</v>
      </c>
      <c r="F7745" s="14" t="s">
        <v>72</v>
      </c>
      <c r="G7745" s="16">
        <v>0.24456700009528523</v>
      </c>
    </row>
    <row r="7746" spans="1:7" x14ac:dyDescent="0.3">
      <c r="A7746" s="13" t="s">
        <v>69</v>
      </c>
      <c r="B7746" s="14" t="s">
        <v>1</v>
      </c>
      <c r="C7746" s="14" t="s">
        <v>70</v>
      </c>
      <c r="D7746" s="14" t="s">
        <v>71</v>
      </c>
      <c r="E7746" s="15">
        <v>45457</v>
      </c>
      <c r="F7746" s="14" t="s">
        <v>72</v>
      </c>
      <c r="G7746" s="16">
        <v>0.25367981201447259</v>
      </c>
    </row>
    <row r="7747" spans="1:7" x14ac:dyDescent="0.3">
      <c r="A7747" s="13" t="s">
        <v>69</v>
      </c>
      <c r="B7747" s="14" t="s">
        <v>1</v>
      </c>
      <c r="C7747" s="14" t="s">
        <v>70</v>
      </c>
      <c r="D7747" s="14" t="s">
        <v>71</v>
      </c>
      <c r="E7747" s="15">
        <v>45458</v>
      </c>
      <c r="F7747" s="14" t="s">
        <v>72</v>
      </c>
      <c r="G7747" s="16">
        <v>0.25367981201447259</v>
      </c>
    </row>
    <row r="7748" spans="1:7" x14ac:dyDescent="0.3">
      <c r="A7748" s="13" t="s">
        <v>69</v>
      </c>
      <c r="B7748" s="14" t="s">
        <v>1</v>
      </c>
      <c r="C7748" s="14" t="s">
        <v>70</v>
      </c>
      <c r="D7748" s="14" t="s">
        <v>71</v>
      </c>
      <c r="E7748" s="15">
        <v>45459</v>
      </c>
      <c r="F7748" s="14" t="s">
        <v>72</v>
      </c>
      <c r="G7748" s="16">
        <v>0.25367981201447259</v>
      </c>
    </row>
    <row r="7749" spans="1:7" x14ac:dyDescent="0.3">
      <c r="A7749" s="13" t="s">
        <v>69</v>
      </c>
      <c r="B7749" s="14" t="s">
        <v>1</v>
      </c>
      <c r="C7749" s="14" t="s">
        <v>70</v>
      </c>
      <c r="D7749" s="14" t="s">
        <v>71</v>
      </c>
      <c r="E7749" s="15">
        <v>45460</v>
      </c>
      <c r="F7749" s="14" t="s">
        <v>72</v>
      </c>
      <c r="G7749" s="16">
        <v>0.27291000383234582</v>
      </c>
    </row>
    <row r="7750" spans="1:7" x14ac:dyDescent="0.3">
      <c r="A7750" s="13" t="s">
        <v>69</v>
      </c>
      <c r="B7750" s="14" t="s">
        <v>1</v>
      </c>
      <c r="C7750" s="14" t="s">
        <v>70</v>
      </c>
      <c r="D7750" s="14" t="s">
        <v>71</v>
      </c>
      <c r="E7750" s="15">
        <v>45461</v>
      </c>
      <c r="F7750" s="14" t="s">
        <v>72</v>
      </c>
      <c r="G7750" s="16">
        <v>0.28053883878185976</v>
      </c>
    </row>
    <row r="7751" spans="1:7" x14ac:dyDescent="0.3">
      <c r="A7751" s="13" t="s">
        <v>69</v>
      </c>
      <c r="B7751" s="14" t="s">
        <v>1</v>
      </c>
      <c r="C7751" s="14" t="s">
        <v>70</v>
      </c>
      <c r="D7751" s="14" t="s">
        <v>71</v>
      </c>
      <c r="E7751" s="15">
        <v>45462</v>
      </c>
      <c r="F7751" s="14" t="s">
        <v>72</v>
      </c>
      <c r="G7751" s="16">
        <v>0.28423546858917792</v>
      </c>
    </row>
    <row r="7752" spans="1:7" x14ac:dyDescent="0.3">
      <c r="A7752" s="13" t="s">
        <v>69</v>
      </c>
      <c r="B7752" s="14" t="s">
        <v>1</v>
      </c>
      <c r="C7752" s="14" t="s">
        <v>70</v>
      </c>
      <c r="D7752" s="14" t="s">
        <v>71</v>
      </c>
      <c r="E7752" s="15">
        <v>45463</v>
      </c>
      <c r="F7752" s="14" t="s">
        <v>72</v>
      </c>
      <c r="G7752" s="16">
        <v>0.29474073957385338</v>
      </c>
    </row>
    <row r="7753" spans="1:7" x14ac:dyDescent="0.3">
      <c r="A7753" s="13" t="s">
        <v>69</v>
      </c>
      <c r="B7753" s="14" t="s">
        <v>1</v>
      </c>
      <c r="C7753" s="14" t="s">
        <v>70</v>
      </c>
      <c r="D7753" s="14" t="s">
        <v>71</v>
      </c>
      <c r="E7753" s="15">
        <v>45464</v>
      </c>
      <c r="F7753" s="14" t="s">
        <v>72</v>
      </c>
      <c r="G7753" s="16">
        <v>0.29881261347241295</v>
      </c>
    </row>
    <row r="7754" spans="1:7" x14ac:dyDescent="0.3">
      <c r="A7754" s="13" t="s">
        <v>69</v>
      </c>
      <c r="B7754" s="14" t="s">
        <v>1</v>
      </c>
      <c r="C7754" s="14" t="s">
        <v>70</v>
      </c>
      <c r="D7754" s="14" t="s">
        <v>71</v>
      </c>
      <c r="E7754" s="15">
        <v>45465</v>
      </c>
      <c r="F7754" s="14" t="s">
        <v>72</v>
      </c>
      <c r="G7754" s="16">
        <v>0.29881261347241295</v>
      </c>
    </row>
    <row r="7755" spans="1:7" x14ac:dyDescent="0.3">
      <c r="A7755" s="13" t="s">
        <v>69</v>
      </c>
      <c r="B7755" s="14" t="s">
        <v>1</v>
      </c>
      <c r="C7755" s="14" t="s">
        <v>70</v>
      </c>
      <c r="D7755" s="14" t="s">
        <v>71</v>
      </c>
      <c r="E7755" s="15">
        <v>45466</v>
      </c>
      <c r="F7755" s="14" t="s">
        <v>72</v>
      </c>
      <c r="G7755" s="16">
        <v>0.29881261347241295</v>
      </c>
    </row>
    <row r="7756" spans="1:7" x14ac:dyDescent="0.3">
      <c r="A7756" s="13" t="s">
        <v>69</v>
      </c>
      <c r="B7756" s="14" t="s">
        <v>1</v>
      </c>
      <c r="C7756" s="14" t="s">
        <v>70</v>
      </c>
      <c r="D7756" s="14" t="s">
        <v>71</v>
      </c>
      <c r="E7756" s="15">
        <v>45467</v>
      </c>
      <c r="F7756" s="14" t="s">
        <v>72</v>
      </c>
      <c r="G7756" s="16">
        <v>0.30180987403941401</v>
      </c>
    </row>
    <row r="7757" spans="1:7" x14ac:dyDescent="0.3">
      <c r="A7757" s="13" t="s">
        <v>69</v>
      </c>
      <c r="B7757" s="14" t="s">
        <v>1</v>
      </c>
      <c r="C7757" s="14" t="s">
        <v>70</v>
      </c>
      <c r="D7757" s="14" t="s">
        <v>71</v>
      </c>
      <c r="E7757" s="15">
        <v>45468</v>
      </c>
      <c r="F7757" s="14" t="s">
        <v>72</v>
      </c>
      <c r="G7757" s="16">
        <v>0.31840385010480127</v>
      </c>
    </row>
    <row r="7758" spans="1:7" x14ac:dyDescent="0.3">
      <c r="A7758" s="13" t="s">
        <v>69</v>
      </c>
      <c r="B7758" s="14" t="s">
        <v>1</v>
      </c>
      <c r="C7758" s="14" t="s">
        <v>70</v>
      </c>
      <c r="D7758" s="14" t="s">
        <v>71</v>
      </c>
      <c r="E7758" s="15">
        <v>45469</v>
      </c>
      <c r="F7758" s="14" t="s">
        <v>72</v>
      </c>
      <c r="G7758" s="16">
        <v>0.32180164354742175</v>
      </c>
    </row>
    <row r="7759" spans="1:7" x14ac:dyDescent="0.3">
      <c r="A7759" s="13" t="s">
        <v>69</v>
      </c>
      <c r="B7759" s="14" t="s">
        <v>1</v>
      </c>
      <c r="C7759" s="14" t="s">
        <v>70</v>
      </c>
      <c r="D7759" s="14" t="s">
        <v>71</v>
      </c>
      <c r="E7759" s="15">
        <v>45470</v>
      </c>
      <c r="F7759" s="14" t="s">
        <v>72</v>
      </c>
      <c r="G7759" s="16">
        <v>0.325416270697927</v>
      </c>
    </row>
    <row r="7760" spans="1:7" x14ac:dyDescent="0.3">
      <c r="A7760" s="13" t="s">
        <v>69</v>
      </c>
      <c r="B7760" s="14" t="s">
        <v>1</v>
      </c>
      <c r="C7760" s="14" t="s">
        <v>70</v>
      </c>
      <c r="D7760" s="14" t="s">
        <v>71</v>
      </c>
      <c r="E7760" s="15">
        <v>45471</v>
      </c>
      <c r="F7760" s="14" t="s">
        <v>72</v>
      </c>
      <c r="G7760" s="16">
        <v>0.35044682592635706</v>
      </c>
    </row>
    <row r="7761" spans="1:7" x14ac:dyDescent="0.3">
      <c r="A7761" s="13" t="s">
        <v>69</v>
      </c>
      <c r="B7761" s="14" t="s">
        <v>1</v>
      </c>
      <c r="C7761" s="14" t="s">
        <v>70</v>
      </c>
      <c r="D7761" s="14" t="s">
        <v>71</v>
      </c>
      <c r="E7761" s="15">
        <v>45472</v>
      </c>
      <c r="F7761" s="14" t="s">
        <v>72</v>
      </c>
      <c r="G7761" s="16">
        <v>0.35044682592635706</v>
      </c>
    </row>
    <row r="7762" spans="1:7" x14ac:dyDescent="0.3">
      <c r="A7762" s="13" t="s">
        <v>69</v>
      </c>
      <c r="B7762" s="14" t="s">
        <v>1</v>
      </c>
      <c r="C7762" s="14" t="s">
        <v>70</v>
      </c>
      <c r="D7762" s="14" t="s">
        <v>71</v>
      </c>
      <c r="E7762" s="15">
        <v>45473</v>
      </c>
      <c r="F7762" s="14" t="s">
        <v>72</v>
      </c>
      <c r="G7762" s="16">
        <v>0.35044682592635706</v>
      </c>
    </row>
    <row r="7763" spans="1:7" x14ac:dyDescent="0.3">
      <c r="A7763" s="13" t="s">
        <v>69</v>
      </c>
      <c r="B7763" s="14" t="s">
        <v>1</v>
      </c>
      <c r="C7763" s="14" t="s">
        <v>70</v>
      </c>
      <c r="D7763" s="14" t="s">
        <v>71</v>
      </c>
      <c r="E7763" s="15">
        <v>45474</v>
      </c>
      <c r="F7763" s="14" t="s">
        <v>72</v>
      </c>
      <c r="G7763" s="16">
        <v>4.2456606032675356E-2</v>
      </c>
    </row>
    <row r="7764" spans="1:7" x14ac:dyDescent="0.3">
      <c r="A7764" s="13" t="s">
        <v>69</v>
      </c>
      <c r="B7764" s="14" t="s">
        <v>1</v>
      </c>
      <c r="C7764" s="14" t="s">
        <v>70</v>
      </c>
      <c r="D7764" s="14" t="s">
        <v>71</v>
      </c>
      <c r="E7764" s="15">
        <v>45475</v>
      </c>
      <c r="F7764" s="14" t="s">
        <v>72</v>
      </c>
      <c r="G7764" s="16">
        <v>5.5080201506276252E-2</v>
      </c>
    </row>
    <row r="7765" spans="1:7" x14ac:dyDescent="0.3">
      <c r="A7765" s="13" t="s">
        <v>69</v>
      </c>
      <c r="B7765" s="14" t="s">
        <v>1</v>
      </c>
      <c r="C7765" s="14" t="s">
        <v>70</v>
      </c>
      <c r="D7765" s="14" t="s">
        <v>71</v>
      </c>
      <c r="E7765" s="15">
        <v>45476</v>
      </c>
      <c r="F7765" s="14" t="s">
        <v>72</v>
      </c>
      <c r="G7765" s="16">
        <v>8.819741539947526E-2</v>
      </c>
    </row>
    <row r="7766" spans="1:7" x14ac:dyDescent="0.3">
      <c r="A7766" s="13" t="s">
        <v>69</v>
      </c>
      <c r="B7766" s="14" t="s">
        <v>1</v>
      </c>
      <c r="C7766" s="14" t="s">
        <v>70</v>
      </c>
      <c r="D7766" s="14" t="s">
        <v>71</v>
      </c>
      <c r="E7766" s="15">
        <v>45477</v>
      </c>
      <c r="F7766" s="14" t="s">
        <v>72</v>
      </c>
      <c r="G7766" s="16">
        <v>9.1384674756890896E-2</v>
      </c>
    </row>
    <row r="7767" spans="1:7" x14ac:dyDescent="0.3">
      <c r="A7767" s="13" t="s">
        <v>69</v>
      </c>
      <c r="B7767" s="14" t="s">
        <v>1</v>
      </c>
      <c r="C7767" s="14" t="s">
        <v>70</v>
      </c>
      <c r="D7767" s="14" t="s">
        <v>71</v>
      </c>
      <c r="E7767" s="15">
        <v>45478</v>
      </c>
      <c r="F7767" s="14" t="s">
        <v>72</v>
      </c>
      <c r="G7767" s="16">
        <v>9.4687759609247246E-2</v>
      </c>
    </row>
    <row r="7768" spans="1:7" x14ac:dyDescent="0.3">
      <c r="A7768" s="13" t="s">
        <v>69</v>
      </c>
      <c r="B7768" s="14" t="s">
        <v>1</v>
      </c>
      <c r="C7768" s="14" t="s">
        <v>70</v>
      </c>
      <c r="D7768" s="14" t="s">
        <v>71</v>
      </c>
      <c r="E7768" s="15">
        <v>45479</v>
      </c>
      <c r="F7768" s="14" t="s">
        <v>72</v>
      </c>
      <c r="G7768" s="16">
        <v>9.4687759609247246E-2</v>
      </c>
    </row>
    <row r="7769" spans="1:7" x14ac:dyDescent="0.3">
      <c r="A7769" s="13" t="s">
        <v>69</v>
      </c>
      <c r="B7769" s="14" t="s">
        <v>1</v>
      </c>
      <c r="C7769" s="14" t="s">
        <v>70</v>
      </c>
      <c r="D7769" s="14" t="s">
        <v>71</v>
      </c>
      <c r="E7769" s="15">
        <v>45480</v>
      </c>
      <c r="F7769" s="14" t="s">
        <v>72</v>
      </c>
      <c r="G7769" s="16">
        <v>9.4687759609247246E-2</v>
      </c>
    </row>
    <row r="7770" spans="1:7" x14ac:dyDescent="0.3">
      <c r="A7770" s="13" t="s">
        <v>69</v>
      </c>
      <c r="B7770" s="14" t="s">
        <v>1</v>
      </c>
      <c r="C7770" s="14" t="s">
        <v>70</v>
      </c>
      <c r="D7770" s="14" t="s">
        <v>71</v>
      </c>
      <c r="E7770" s="15">
        <v>45481</v>
      </c>
      <c r="F7770" s="14" t="s">
        <v>72</v>
      </c>
      <c r="G7770" s="16">
        <v>0.11568159377043567</v>
      </c>
    </row>
    <row r="7771" spans="1:7" x14ac:dyDescent="0.3">
      <c r="A7771" s="13" t="s">
        <v>69</v>
      </c>
      <c r="B7771" s="14" t="s">
        <v>1</v>
      </c>
      <c r="C7771" s="14" t="s">
        <v>70</v>
      </c>
      <c r="D7771" s="14" t="s">
        <v>71</v>
      </c>
      <c r="E7771" s="15">
        <v>45482</v>
      </c>
      <c r="F7771" s="14" t="s">
        <v>72</v>
      </c>
      <c r="G7771" s="16">
        <v>0.12587892045904245</v>
      </c>
    </row>
    <row r="7772" spans="1:7" x14ac:dyDescent="0.3">
      <c r="A7772" s="13" t="s">
        <v>69</v>
      </c>
      <c r="B7772" s="14" t="s">
        <v>1</v>
      </c>
      <c r="C7772" s="14" t="s">
        <v>70</v>
      </c>
      <c r="D7772" s="14" t="s">
        <v>71</v>
      </c>
      <c r="E7772" s="15">
        <v>45483</v>
      </c>
      <c r="F7772" s="14" t="s">
        <v>72</v>
      </c>
      <c r="G7772" s="16">
        <v>0.13199535445396288</v>
      </c>
    </row>
    <row r="7773" spans="1:7" x14ac:dyDescent="0.3">
      <c r="A7773" s="13" t="s">
        <v>69</v>
      </c>
      <c r="B7773" s="14" t="s">
        <v>1</v>
      </c>
      <c r="C7773" s="14" t="s">
        <v>70</v>
      </c>
      <c r="D7773" s="14" t="s">
        <v>71</v>
      </c>
      <c r="E7773" s="15">
        <v>45484</v>
      </c>
      <c r="F7773" s="14" t="s">
        <v>72</v>
      </c>
      <c r="G7773" s="16">
        <v>0.14718158267849243</v>
      </c>
    </row>
    <row r="7774" spans="1:7" x14ac:dyDescent="0.3">
      <c r="A7774" s="13" t="s">
        <v>69</v>
      </c>
      <c r="B7774" s="14" t="s">
        <v>1</v>
      </c>
      <c r="C7774" s="14" t="s">
        <v>70</v>
      </c>
      <c r="D7774" s="14" t="s">
        <v>71</v>
      </c>
      <c r="E7774" s="15">
        <v>45485</v>
      </c>
      <c r="F7774" s="14" t="s">
        <v>72</v>
      </c>
      <c r="G7774" s="16">
        <v>0.15245849272179382</v>
      </c>
    </row>
    <row r="7775" spans="1:7" x14ac:dyDescent="0.3">
      <c r="A7775" s="13" t="s">
        <v>69</v>
      </c>
      <c r="B7775" s="14" t="s">
        <v>1</v>
      </c>
      <c r="C7775" s="14" t="s">
        <v>70</v>
      </c>
      <c r="D7775" s="14" t="s">
        <v>71</v>
      </c>
      <c r="E7775" s="15">
        <v>45486</v>
      </c>
      <c r="F7775" s="14" t="s">
        <v>72</v>
      </c>
      <c r="G7775" s="16">
        <v>0.15245849272179382</v>
      </c>
    </row>
    <row r="7776" spans="1:7" x14ac:dyDescent="0.3">
      <c r="A7776" s="13" t="s">
        <v>69</v>
      </c>
      <c r="B7776" s="14" t="s">
        <v>1</v>
      </c>
      <c r="C7776" s="14" t="s">
        <v>70</v>
      </c>
      <c r="D7776" s="14" t="s">
        <v>71</v>
      </c>
      <c r="E7776" s="15">
        <v>45487</v>
      </c>
      <c r="F7776" s="14" t="s">
        <v>72</v>
      </c>
      <c r="G7776" s="16">
        <v>0.15245849272179382</v>
      </c>
    </row>
    <row r="7777" spans="1:7" x14ac:dyDescent="0.3">
      <c r="A7777" s="13" t="s">
        <v>69</v>
      </c>
      <c r="B7777" s="14" t="s">
        <v>1</v>
      </c>
      <c r="C7777" s="14" t="s">
        <v>70</v>
      </c>
      <c r="D7777" s="14" t="s">
        <v>71</v>
      </c>
      <c r="E7777" s="15">
        <v>45488</v>
      </c>
      <c r="F7777" s="14" t="s">
        <v>72</v>
      </c>
      <c r="G7777" s="16">
        <v>0.15545851687973203</v>
      </c>
    </row>
    <row r="7778" spans="1:7" x14ac:dyDescent="0.3">
      <c r="A7778" s="13" t="s">
        <v>69</v>
      </c>
      <c r="B7778" s="14" t="s">
        <v>1</v>
      </c>
      <c r="C7778" s="14" t="s">
        <v>70</v>
      </c>
      <c r="D7778" s="14" t="s">
        <v>71</v>
      </c>
      <c r="E7778" s="15">
        <v>45489</v>
      </c>
      <c r="F7778" s="14" t="s">
        <v>72</v>
      </c>
      <c r="G7778" s="16">
        <v>0.1660852144575054</v>
      </c>
    </row>
    <row r="7779" spans="1:7" x14ac:dyDescent="0.3">
      <c r="A7779" s="13" t="s">
        <v>69</v>
      </c>
      <c r="B7779" s="14" t="s">
        <v>1</v>
      </c>
      <c r="C7779" s="14" t="s">
        <v>70</v>
      </c>
      <c r="D7779" s="14" t="s">
        <v>71</v>
      </c>
      <c r="E7779" s="15">
        <v>45490</v>
      </c>
      <c r="F7779" s="14" t="s">
        <v>72</v>
      </c>
      <c r="G7779" s="16">
        <v>0.16940490630221947</v>
      </c>
    </row>
    <row r="7780" spans="1:7" x14ac:dyDescent="0.3">
      <c r="A7780" s="13" t="s">
        <v>69</v>
      </c>
      <c r="B7780" s="14" t="s">
        <v>1</v>
      </c>
      <c r="C7780" s="14" t="s">
        <v>70</v>
      </c>
      <c r="D7780" s="14" t="s">
        <v>71</v>
      </c>
      <c r="E7780" s="15">
        <v>45491</v>
      </c>
      <c r="F7780" s="14" t="s">
        <v>72</v>
      </c>
      <c r="G7780" s="16">
        <v>0.18594354703792015</v>
      </c>
    </row>
    <row r="7781" spans="1:7" x14ac:dyDescent="0.3">
      <c r="A7781" s="13" t="s">
        <v>69</v>
      </c>
      <c r="B7781" s="14" t="s">
        <v>1</v>
      </c>
      <c r="C7781" s="14" t="s">
        <v>70</v>
      </c>
      <c r="D7781" s="14" t="s">
        <v>71</v>
      </c>
      <c r="E7781" s="15">
        <v>45492</v>
      </c>
      <c r="F7781" s="14" t="s">
        <v>72</v>
      </c>
      <c r="G7781" s="16">
        <v>0.19002951055817066</v>
      </c>
    </row>
    <row r="7782" spans="1:7" x14ac:dyDescent="0.3">
      <c r="A7782" s="13" t="s">
        <v>69</v>
      </c>
      <c r="B7782" s="14" t="s">
        <v>1</v>
      </c>
      <c r="C7782" s="14" t="s">
        <v>70</v>
      </c>
      <c r="D7782" s="14" t="s">
        <v>71</v>
      </c>
      <c r="E7782" s="15">
        <v>45493</v>
      </c>
      <c r="F7782" s="14" t="s">
        <v>72</v>
      </c>
      <c r="G7782" s="16">
        <v>0.19002951055817066</v>
      </c>
    </row>
    <row r="7783" spans="1:7" x14ac:dyDescent="0.3">
      <c r="A7783" s="13" t="s">
        <v>69</v>
      </c>
      <c r="B7783" s="14" t="s">
        <v>1</v>
      </c>
      <c r="C7783" s="14" t="s">
        <v>70</v>
      </c>
      <c r="D7783" s="14" t="s">
        <v>71</v>
      </c>
      <c r="E7783" s="15">
        <v>45494</v>
      </c>
      <c r="F7783" s="14" t="s">
        <v>72</v>
      </c>
      <c r="G7783" s="16">
        <v>0.19002951055817066</v>
      </c>
    </row>
    <row r="7784" spans="1:7" x14ac:dyDescent="0.3">
      <c r="A7784" s="13" t="s">
        <v>69</v>
      </c>
      <c r="B7784" s="14" t="s">
        <v>1</v>
      </c>
      <c r="C7784" s="14" t="s">
        <v>70</v>
      </c>
      <c r="D7784" s="14" t="s">
        <v>71</v>
      </c>
      <c r="E7784" s="15">
        <v>45495</v>
      </c>
      <c r="F7784" s="14" t="s">
        <v>72</v>
      </c>
      <c r="G7784" s="16">
        <v>0.1980730561165055</v>
      </c>
    </row>
    <row r="7785" spans="1:7" x14ac:dyDescent="0.3">
      <c r="A7785" s="13" t="s">
        <v>69</v>
      </c>
      <c r="B7785" s="14" t="s">
        <v>1</v>
      </c>
      <c r="C7785" s="14" t="s">
        <v>70</v>
      </c>
      <c r="D7785" s="14" t="s">
        <v>71</v>
      </c>
      <c r="E7785" s="15">
        <v>45496</v>
      </c>
      <c r="F7785" s="14" t="s">
        <v>72</v>
      </c>
      <c r="G7785" s="16">
        <v>0.22817930465223707</v>
      </c>
    </row>
    <row r="7786" spans="1:7" x14ac:dyDescent="0.3">
      <c r="A7786" s="13" t="s">
        <v>69</v>
      </c>
      <c r="B7786" s="14" t="s">
        <v>1</v>
      </c>
      <c r="C7786" s="14" t="s">
        <v>70</v>
      </c>
      <c r="D7786" s="14" t="s">
        <v>71</v>
      </c>
      <c r="E7786" s="15">
        <v>45497</v>
      </c>
      <c r="F7786" s="14" t="s">
        <v>72</v>
      </c>
      <c r="G7786" s="16">
        <v>0.23392269452342021</v>
      </c>
    </row>
    <row r="7787" spans="1:7" x14ac:dyDescent="0.3">
      <c r="A7787" s="13" t="s">
        <v>69</v>
      </c>
      <c r="B7787" s="14" t="s">
        <v>1</v>
      </c>
      <c r="C7787" s="14" t="s">
        <v>70</v>
      </c>
      <c r="D7787" s="14" t="s">
        <v>71</v>
      </c>
      <c r="E7787" s="15">
        <v>45498</v>
      </c>
      <c r="F7787" s="14" t="s">
        <v>72</v>
      </c>
      <c r="G7787" s="16">
        <v>0.23893164229601038</v>
      </c>
    </row>
    <row r="7788" spans="1:7" x14ac:dyDescent="0.3">
      <c r="A7788" s="13" t="s">
        <v>69</v>
      </c>
      <c r="B7788" s="14" t="s">
        <v>1</v>
      </c>
      <c r="C7788" s="14" t="s">
        <v>70</v>
      </c>
      <c r="D7788" s="14" t="s">
        <v>71</v>
      </c>
      <c r="E7788" s="15">
        <v>45499</v>
      </c>
      <c r="F7788" s="14" t="s">
        <v>72</v>
      </c>
      <c r="G7788" s="16">
        <v>0.24208503486977323</v>
      </c>
    </row>
    <row r="7789" spans="1:7" x14ac:dyDescent="0.3">
      <c r="A7789" s="13" t="s">
        <v>69</v>
      </c>
      <c r="B7789" s="14" t="s">
        <v>1</v>
      </c>
      <c r="C7789" s="14" t="s">
        <v>70</v>
      </c>
      <c r="D7789" s="14" t="s">
        <v>71</v>
      </c>
      <c r="E7789" s="15">
        <v>45500</v>
      </c>
      <c r="F7789" s="14" t="s">
        <v>72</v>
      </c>
      <c r="G7789" s="16">
        <v>0.24208503486977323</v>
      </c>
    </row>
    <row r="7790" spans="1:7" x14ac:dyDescent="0.3">
      <c r="A7790" s="13" t="s">
        <v>69</v>
      </c>
      <c r="B7790" s="14" t="s">
        <v>1</v>
      </c>
      <c r="C7790" s="14" t="s">
        <v>70</v>
      </c>
      <c r="D7790" s="14" t="s">
        <v>71</v>
      </c>
      <c r="E7790" s="15">
        <v>45501</v>
      </c>
      <c r="F7790" s="14" t="s">
        <v>72</v>
      </c>
      <c r="G7790" s="16">
        <v>0.24208503486977323</v>
      </c>
    </row>
    <row r="7791" spans="1:7" x14ac:dyDescent="0.3">
      <c r="A7791" s="13" t="s">
        <v>69</v>
      </c>
      <c r="B7791" s="14" t="s">
        <v>1</v>
      </c>
      <c r="C7791" s="14" t="s">
        <v>70</v>
      </c>
      <c r="D7791" s="14" t="s">
        <v>71</v>
      </c>
      <c r="E7791" s="15">
        <v>45502</v>
      </c>
      <c r="F7791" s="14" t="s">
        <v>72</v>
      </c>
      <c r="G7791" s="16">
        <v>0.24659051885473351</v>
      </c>
    </row>
    <row r="7792" spans="1:7" x14ac:dyDescent="0.3">
      <c r="A7792" s="13" t="s">
        <v>69</v>
      </c>
      <c r="B7792" s="14" t="s">
        <v>1</v>
      </c>
      <c r="C7792" s="14" t="s">
        <v>70</v>
      </c>
      <c r="D7792" s="14" t="s">
        <v>71</v>
      </c>
      <c r="E7792" s="15">
        <v>45503</v>
      </c>
      <c r="F7792" s="14" t="s">
        <v>72</v>
      </c>
      <c r="G7792" s="16">
        <v>0.25713846815592367</v>
      </c>
    </row>
    <row r="7793" spans="1:7" x14ac:dyDescent="0.3">
      <c r="A7793" s="13" t="s">
        <v>69</v>
      </c>
      <c r="B7793" s="14" t="s">
        <v>1</v>
      </c>
      <c r="C7793" s="14" t="s">
        <v>70</v>
      </c>
      <c r="D7793" s="14" t="s">
        <v>71</v>
      </c>
      <c r="E7793" s="15">
        <v>45504</v>
      </c>
      <c r="F7793" s="14" t="s">
        <v>72</v>
      </c>
      <c r="G7793" s="16">
        <v>0.26104347788363991</v>
      </c>
    </row>
    <row r="7794" spans="1:7" x14ac:dyDescent="0.3">
      <c r="A7794" s="13" t="s">
        <v>69</v>
      </c>
      <c r="B7794" s="14" t="s">
        <v>1</v>
      </c>
      <c r="C7794" s="14" t="s">
        <v>70</v>
      </c>
      <c r="D7794" s="14" t="s">
        <v>71</v>
      </c>
      <c r="E7794" s="15">
        <v>45505</v>
      </c>
      <c r="F7794" s="14" t="s">
        <v>72</v>
      </c>
      <c r="G7794" s="16">
        <v>0.26104347788363991</v>
      </c>
    </row>
    <row r="7795" spans="1:7" x14ac:dyDescent="0.3">
      <c r="A7795" s="13" t="s">
        <v>69</v>
      </c>
      <c r="B7795" s="14" t="s">
        <v>1</v>
      </c>
      <c r="C7795" s="14" t="s">
        <v>70</v>
      </c>
      <c r="D7795" s="14" t="s">
        <v>71</v>
      </c>
      <c r="E7795" s="15">
        <v>45506</v>
      </c>
      <c r="F7795" s="14" t="s">
        <v>72</v>
      </c>
      <c r="G7795" s="16">
        <v>0</v>
      </c>
    </row>
    <row r="7796" spans="1:7" x14ac:dyDescent="0.3">
      <c r="A7796" s="13" t="s">
        <v>69</v>
      </c>
      <c r="B7796" s="14" t="s">
        <v>1</v>
      </c>
      <c r="C7796" s="14" t="s">
        <v>70</v>
      </c>
      <c r="D7796" s="14" t="s">
        <v>71</v>
      </c>
      <c r="E7796" s="15">
        <v>45507</v>
      </c>
      <c r="F7796" s="14" t="s">
        <v>72</v>
      </c>
      <c r="G7796" s="16">
        <v>0</v>
      </c>
    </row>
    <row r="7797" spans="1:7" x14ac:dyDescent="0.3">
      <c r="A7797" s="13" t="s">
        <v>69</v>
      </c>
      <c r="B7797" s="14" t="s">
        <v>1</v>
      </c>
      <c r="C7797" s="14" t="s">
        <v>70</v>
      </c>
      <c r="D7797" s="14" t="s">
        <v>71</v>
      </c>
      <c r="E7797" s="15">
        <v>45508</v>
      </c>
      <c r="F7797" s="14" t="s">
        <v>72</v>
      </c>
      <c r="G7797" s="16">
        <v>0</v>
      </c>
    </row>
    <row r="7798" spans="1:7" x14ac:dyDescent="0.3">
      <c r="A7798" s="13" t="s">
        <v>69</v>
      </c>
      <c r="B7798" s="14" t="s">
        <v>1</v>
      </c>
      <c r="C7798" s="14" t="s">
        <v>70</v>
      </c>
      <c r="D7798" s="14" t="s">
        <v>71</v>
      </c>
      <c r="E7798" s="15">
        <v>45509</v>
      </c>
      <c r="F7798" s="14" t="s">
        <v>72</v>
      </c>
      <c r="G7798" s="16">
        <v>0</v>
      </c>
    </row>
    <row r="7799" spans="1:7" x14ac:dyDescent="0.3">
      <c r="A7799" s="13" t="s">
        <v>69</v>
      </c>
      <c r="B7799" s="14" t="s">
        <v>1</v>
      </c>
      <c r="C7799" s="14" t="s">
        <v>70</v>
      </c>
      <c r="D7799" s="14" t="s">
        <v>71</v>
      </c>
      <c r="E7799" s="15">
        <v>45510</v>
      </c>
      <c r="F7799" s="14" t="s">
        <v>72</v>
      </c>
      <c r="G7799" s="16">
        <v>0</v>
      </c>
    </row>
    <row r="7800" spans="1:7" x14ac:dyDescent="0.3">
      <c r="A7800" s="13" t="s">
        <v>69</v>
      </c>
      <c r="B7800" s="14" t="s">
        <v>1</v>
      </c>
      <c r="C7800" s="14" t="s">
        <v>70</v>
      </c>
      <c r="D7800" s="14" t="s">
        <v>71</v>
      </c>
      <c r="E7800" s="15">
        <v>45511</v>
      </c>
      <c r="F7800" s="14" t="s">
        <v>72</v>
      </c>
      <c r="G7800" s="16">
        <v>5.0720612542783311E-3</v>
      </c>
    </row>
    <row r="7801" spans="1:7" x14ac:dyDescent="0.3">
      <c r="A7801" s="13" t="s">
        <v>69</v>
      </c>
      <c r="B7801" s="14" t="s">
        <v>1</v>
      </c>
      <c r="C7801" s="14" t="s">
        <v>70</v>
      </c>
      <c r="D7801" s="14" t="s">
        <v>71</v>
      </c>
      <c r="E7801" s="15">
        <v>45512</v>
      </c>
      <c r="F7801" s="14" t="s">
        <v>72</v>
      </c>
      <c r="G7801" s="16">
        <v>8.5479557356899407E-3</v>
      </c>
    </row>
    <row r="7802" spans="1:7" x14ac:dyDescent="0.3">
      <c r="A7802" s="13" t="s">
        <v>69</v>
      </c>
      <c r="B7802" s="14" t="s">
        <v>1</v>
      </c>
      <c r="C7802" s="14" t="s">
        <v>70</v>
      </c>
      <c r="D7802" s="14" t="s">
        <v>71</v>
      </c>
      <c r="E7802" s="15">
        <v>45513</v>
      </c>
      <c r="F7802" s="14" t="s">
        <v>72</v>
      </c>
      <c r="G7802" s="16">
        <v>2.4858271389628622E-2</v>
      </c>
    </row>
    <row r="7803" spans="1:7" x14ac:dyDescent="0.3">
      <c r="A7803" s="13" t="s">
        <v>69</v>
      </c>
      <c r="B7803" s="14" t="s">
        <v>1</v>
      </c>
      <c r="C7803" s="14" t="s">
        <v>70</v>
      </c>
      <c r="D7803" s="14" t="s">
        <v>71</v>
      </c>
      <c r="E7803" s="15">
        <v>45514</v>
      </c>
      <c r="F7803" s="14" t="s">
        <v>72</v>
      </c>
      <c r="G7803" s="16">
        <v>2.4858271389628622E-2</v>
      </c>
    </row>
    <row r="7804" spans="1:7" x14ac:dyDescent="0.3">
      <c r="A7804" s="13" t="s">
        <v>69</v>
      </c>
      <c r="B7804" s="14" t="s">
        <v>1</v>
      </c>
      <c r="C7804" s="14" t="s">
        <v>70</v>
      </c>
      <c r="D7804" s="14" t="s">
        <v>71</v>
      </c>
      <c r="E7804" s="15">
        <v>45515</v>
      </c>
      <c r="F7804" s="14" t="s">
        <v>72</v>
      </c>
      <c r="G7804" s="16">
        <v>2.4858271389628622E-2</v>
      </c>
    </row>
    <row r="7805" spans="1:7" x14ac:dyDescent="0.3">
      <c r="A7805" s="13" t="s">
        <v>69</v>
      </c>
      <c r="B7805" s="14" t="s">
        <v>1</v>
      </c>
      <c r="C7805" s="14" t="s">
        <v>70</v>
      </c>
      <c r="D7805" s="14" t="s">
        <v>71</v>
      </c>
      <c r="E7805" s="15">
        <v>45516</v>
      </c>
      <c r="F7805" s="14" t="s">
        <v>72</v>
      </c>
      <c r="G7805" s="16">
        <v>4.0946416732643112E-2</v>
      </c>
    </row>
    <row r="7806" spans="1:7" x14ac:dyDescent="0.3">
      <c r="A7806" s="13" t="s">
        <v>69</v>
      </c>
      <c r="B7806" s="14" t="s">
        <v>1</v>
      </c>
      <c r="C7806" s="14" t="s">
        <v>70</v>
      </c>
      <c r="D7806" s="14" t="s">
        <v>71</v>
      </c>
      <c r="E7806" s="15">
        <v>45517</v>
      </c>
      <c r="F7806" s="14" t="s">
        <v>72</v>
      </c>
      <c r="G7806" s="16">
        <v>5.4124864013317106E-2</v>
      </c>
    </row>
    <row r="7807" spans="1:7" x14ac:dyDescent="0.3">
      <c r="A7807" s="13" t="s">
        <v>69</v>
      </c>
      <c r="B7807" s="14" t="s">
        <v>1</v>
      </c>
      <c r="C7807" s="14" t="s">
        <v>70</v>
      </c>
      <c r="D7807" s="14" t="s">
        <v>71</v>
      </c>
      <c r="E7807" s="15">
        <v>45518</v>
      </c>
      <c r="F7807" s="14" t="s">
        <v>72</v>
      </c>
      <c r="G7807" s="16">
        <v>5.7335701018511438E-2</v>
      </c>
    </row>
    <row r="7808" spans="1:7" x14ac:dyDescent="0.3">
      <c r="A7808" s="13" t="s">
        <v>69</v>
      </c>
      <c r="B7808" s="14" t="s">
        <v>1</v>
      </c>
      <c r="C7808" s="14" t="s">
        <v>70</v>
      </c>
      <c r="D7808" s="14" t="s">
        <v>71</v>
      </c>
      <c r="E7808" s="15">
        <v>45519</v>
      </c>
      <c r="F7808" s="14" t="s">
        <v>72</v>
      </c>
      <c r="G7808" s="16">
        <v>6.0701701758350407E-2</v>
      </c>
    </row>
    <row r="7809" spans="1:7" x14ac:dyDescent="0.3">
      <c r="A7809" s="13" t="s">
        <v>69</v>
      </c>
      <c r="B7809" s="14" t="s">
        <v>1</v>
      </c>
      <c r="C7809" s="14" t="s">
        <v>70</v>
      </c>
      <c r="D7809" s="14" t="s">
        <v>71</v>
      </c>
      <c r="E7809" s="15">
        <v>45520</v>
      </c>
      <c r="F7809" s="14" t="s">
        <v>72</v>
      </c>
      <c r="G7809" s="16">
        <v>0.11195140725103161</v>
      </c>
    </row>
    <row r="7810" spans="1:7" x14ac:dyDescent="0.3">
      <c r="A7810" s="13" t="s">
        <v>69</v>
      </c>
      <c r="B7810" s="14" t="s">
        <v>1</v>
      </c>
      <c r="C7810" s="14" t="s">
        <v>70</v>
      </c>
      <c r="D7810" s="14" t="s">
        <v>71</v>
      </c>
      <c r="E7810" s="15">
        <v>45521</v>
      </c>
      <c r="F7810" s="14" t="s">
        <v>72</v>
      </c>
      <c r="G7810" s="16">
        <v>0.11195140725103161</v>
      </c>
    </row>
    <row r="7811" spans="1:7" x14ac:dyDescent="0.3">
      <c r="A7811" s="13" t="s">
        <v>69</v>
      </c>
      <c r="B7811" s="14" t="s">
        <v>1</v>
      </c>
      <c r="C7811" s="14" t="s">
        <v>70</v>
      </c>
      <c r="D7811" s="14" t="s">
        <v>71</v>
      </c>
      <c r="E7811" s="15">
        <v>45522</v>
      </c>
      <c r="F7811" s="14" t="s">
        <v>72</v>
      </c>
      <c r="G7811" s="16">
        <v>0.11195140725103161</v>
      </c>
    </row>
    <row r="7812" spans="1:7" x14ac:dyDescent="0.3">
      <c r="A7812" s="13" t="s">
        <v>69</v>
      </c>
      <c r="B7812" s="14" t="s">
        <v>1</v>
      </c>
      <c r="C7812" s="14" t="s">
        <v>70</v>
      </c>
      <c r="D7812" s="14" t="s">
        <v>71</v>
      </c>
      <c r="E7812" s="15">
        <v>45523</v>
      </c>
      <c r="F7812" s="14" t="s">
        <v>72</v>
      </c>
      <c r="G7812" s="16">
        <v>0.12585620665914757</v>
      </c>
    </row>
    <row r="7813" spans="1:7" x14ac:dyDescent="0.3">
      <c r="A7813" s="13" t="s">
        <v>69</v>
      </c>
      <c r="B7813" s="14" t="s">
        <v>1</v>
      </c>
      <c r="C7813" s="14" t="s">
        <v>70</v>
      </c>
      <c r="D7813" s="14" t="s">
        <v>71</v>
      </c>
      <c r="E7813" s="15">
        <v>45524</v>
      </c>
      <c r="F7813" s="14" t="s">
        <v>72</v>
      </c>
      <c r="G7813" s="16">
        <v>0.14673418184126641</v>
      </c>
    </row>
    <row r="7814" spans="1:7" x14ac:dyDescent="0.3">
      <c r="A7814" s="13" t="s">
        <v>69</v>
      </c>
      <c r="B7814" s="14" t="s">
        <v>1</v>
      </c>
      <c r="C7814" s="14" t="s">
        <v>70</v>
      </c>
      <c r="D7814" s="14" t="s">
        <v>71</v>
      </c>
      <c r="E7814" s="15">
        <v>45525</v>
      </c>
      <c r="F7814" s="14" t="s">
        <v>72</v>
      </c>
      <c r="G7814" s="16">
        <v>0.15709413903658251</v>
      </c>
    </row>
    <row r="7815" spans="1:7" x14ac:dyDescent="0.3">
      <c r="A7815" s="13" t="s">
        <v>69</v>
      </c>
      <c r="B7815" s="14" t="s">
        <v>1</v>
      </c>
      <c r="C7815" s="14" t="s">
        <v>70</v>
      </c>
      <c r="D7815" s="14" t="s">
        <v>71</v>
      </c>
      <c r="E7815" s="15">
        <v>45526</v>
      </c>
      <c r="F7815" s="14" t="s">
        <v>72</v>
      </c>
      <c r="G7815" s="16">
        <v>0.16254938769528221</v>
      </c>
    </row>
    <row r="7816" spans="1:7" x14ac:dyDescent="0.3">
      <c r="A7816" s="13" t="s">
        <v>69</v>
      </c>
      <c r="B7816" s="14" t="s">
        <v>1</v>
      </c>
      <c r="C7816" s="14" t="s">
        <v>70</v>
      </c>
      <c r="D7816" s="14" t="s">
        <v>71</v>
      </c>
      <c r="E7816" s="15">
        <v>45527</v>
      </c>
      <c r="F7816" s="14" t="s">
        <v>72</v>
      </c>
      <c r="G7816" s="16">
        <v>0.16466577198629112</v>
      </c>
    </row>
    <row r="7817" spans="1:7" x14ac:dyDescent="0.3">
      <c r="A7817" s="13" t="s">
        <v>69</v>
      </c>
      <c r="B7817" s="14" t="s">
        <v>1</v>
      </c>
      <c r="C7817" s="14" t="s">
        <v>70</v>
      </c>
      <c r="D7817" s="14" t="s">
        <v>71</v>
      </c>
      <c r="E7817" s="15">
        <v>45528</v>
      </c>
      <c r="F7817" s="14" t="s">
        <v>72</v>
      </c>
      <c r="G7817" s="16">
        <v>0.16466577198629112</v>
      </c>
    </row>
    <row r="7818" spans="1:7" x14ac:dyDescent="0.3">
      <c r="A7818" s="13" t="s">
        <v>69</v>
      </c>
      <c r="B7818" s="14" t="s">
        <v>1</v>
      </c>
      <c r="C7818" s="14" t="s">
        <v>70</v>
      </c>
      <c r="D7818" s="14" t="s">
        <v>71</v>
      </c>
      <c r="E7818" s="15">
        <v>45529</v>
      </c>
      <c r="F7818" s="14" t="s">
        <v>72</v>
      </c>
      <c r="G7818" s="16">
        <v>0.16466577198629112</v>
      </c>
    </row>
    <row r="7819" spans="1:7" x14ac:dyDescent="0.3">
      <c r="A7819" s="13" t="s">
        <v>69</v>
      </c>
      <c r="B7819" s="14" t="s">
        <v>1</v>
      </c>
      <c r="C7819" s="14" t="s">
        <v>70</v>
      </c>
      <c r="D7819" s="14" t="s">
        <v>71</v>
      </c>
      <c r="E7819" s="15">
        <v>45530</v>
      </c>
      <c r="F7819" s="14" t="s">
        <v>72</v>
      </c>
      <c r="G7819" s="16">
        <v>0.16834717330461876</v>
      </c>
    </row>
    <row r="7820" spans="1:7" x14ac:dyDescent="0.3">
      <c r="A7820" s="13" t="s">
        <v>69</v>
      </c>
      <c r="B7820" s="14" t="s">
        <v>1</v>
      </c>
      <c r="C7820" s="14" t="s">
        <v>70</v>
      </c>
      <c r="D7820" s="14" t="s">
        <v>71</v>
      </c>
      <c r="E7820" s="15">
        <v>45531</v>
      </c>
      <c r="F7820" s="14" t="s">
        <v>72</v>
      </c>
      <c r="G7820" s="16">
        <v>0.17788910246095613</v>
      </c>
    </row>
    <row r="7821" spans="1:7" x14ac:dyDescent="0.3">
      <c r="A7821" s="13" t="s">
        <v>69</v>
      </c>
      <c r="B7821" s="14" t="s">
        <v>1</v>
      </c>
      <c r="C7821" s="14" t="s">
        <v>70</v>
      </c>
      <c r="D7821" s="14" t="s">
        <v>71</v>
      </c>
      <c r="E7821" s="15">
        <v>45532</v>
      </c>
      <c r="F7821" s="14" t="s">
        <v>72</v>
      </c>
      <c r="G7821" s="16">
        <v>0.18967556946410691</v>
      </c>
    </row>
    <row r="7822" spans="1:7" x14ac:dyDescent="0.3">
      <c r="A7822" s="13" t="s">
        <v>69</v>
      </c>
      <c r="B7822" s="14" t="s">
        <v>1</v>
      </c>
      <c r="C7822" s="14" t="s">
        <v>70</v>
      </c>
      <c r="D7822" s="14" t="s">
        <v>71</v>
      </c>
      <c r="E7822" s="15">
        <v>45533</v>
      </c>
      <c r="F7822" s="14" t="s">
        <v>72</v>
      </c>
      <c r="G7822" s="16">
        <v>0.19319095972952327</v>
      </c>
    </row>
    <row r="7823" spans="1:7" x14ac:dyDescent="0.3">
      <c r="A7823" s="13" t="s">
        <v>69</v>
      </c>
      <c r="B7823" s="14" t="s">
        <v>1</v>
      </c>
      <c r="C7823" s="14" t="s">
        <v>70</v>
      </c>
      <c r="D7823" s="14" t="s">
        <v>71</v>
      </c>
      <c r="E7823" s="15">
        <v>45534</v>
      </c>
      <c r="F7823" s="14" t="s">
        <v>72</v>
      </c>
      <c r="G7823" s="16">
        <v>0.20111841834867347</v>
      </c>
    </row>
    <row r="7824" spans="1:7" x14ac:dyDescent="0.3">
      <c r="A7824" s="13" t="s">
        <v>69</v>
      </c>
      <c r="B7824" s="14" t="s">
        <v>1</v>
      </c>
      <c r="C7824" s="14" t="s">
        <v>70</v>
      </c>
      <c r="D7824" s="14" t="s">
        <v>71</v>
      </c>
      <c r="E7824" s="15">
        <v>45535</v>
      </c>
      <c r="F7824" s="14" t="s">
        <v>72</v>
      </c>
      <c r="G7824" s="16">
        <v>0.20111841834867347</v>
      </c>
    </row>
    <row r="7825" spans="1:7" x14ac:dyDescent="0.3">
      <c r="A7825" s="13" t="s">
        <v>69</v>
      </c>
      <c r="B7825" s="14" t="s">
        <v>1</v>
      </c>
      <c r="C7825" s="14" t="s">
        <v>70</v>
      </c>
      <c r="D7825" s="14" t="s">
        <v>71</v>
      </c>
      <c r="E7825" s="15">
        <v>45536</v>
      </c>
      <c r="F7825" s="14" t="s">
        <v>72</v>
      </c>
      <c r="G7825" s="16">
        <v>0.20111841834867347</v>
      </c>
    </row>
    <row r="7826" spans="1:7" x14ac:dyDescent="0.3">
      <c r="A7826" s="13" t="s">
        <v>69</v>
      </c>
      <c r="B7826" s="14" t="s">
        <v>1</v>
      </c>
      <c r="C7826" s="14" t="s">
        <v>70</v>
      </c>
      <c r="D7826" s="14" t="s">
        <v>71</v>
      </c>
      <c r="E7826" s="15">
        <v>45537</v>
      </c>
      <c r="F7826" s="14" t="s">
        <v>72</v>
      </c>
      <c r="G7826" s="16">
        <v>0</v>
      </c>
    </row>
    <row r="7827" spans="1:7" x14ac:dyDescent="0.3">
      <c r="A7827" s="13" t="s">
        <v>69</v>
      </c>
      <c r="B7827" s="14" t="s">
        <v>1</v>
      </c>
      <c r="C7827" s="14" t="s">
        <v>70</v>
      </c>
      <c r="D7827" s="14" t="s">
        <v>71</v>
      </c>
      <c r="E7827" s="15">
        <v>45538</v>
      </c>
      <c r="F7827" s="14" t="s">
        <v>72</v>
      </c>
      <c r="G7827" s="16">
        <v>0</v>
      </c>
    </row>
    <row r="7828" spans="1:7" x14ac:dyDescent="0.3">
      <c r="A7828" s="13" t="s">
        <v>69</v>
      </c>
      <c r="B7828" s="14" t="s">
        <v>1</v>
      </c>
      <c r="C7828" s="14" t="s">
        <v>70</v>
      </c>
      <c r="D7828" s="14" t="s">
        <v>71</v>
      </c>
      <c r="E7828" s="15">
        <v>45539</v>
      </c>
      <c r="F7828" s="14" t="s">
        <v>72</v>
      </c>
      <c r="G7828" s="16">
        <v>0</v>
      </c>
    </row>
    <row r="7829" spans="1:7" x14ac:dyDescent="0.3">
      <c r="A7829" s="13" t="s">
        <v>69</v>
      </c>
      <c r="B7829" s="14" t="s">
        <v>1</v>
      </c>
      <c r="C7829" s="14" t="s">
        <v>70</v>
      </c>
      <c r="D7829" s="14" t="s">
        <v>71</v>
      </c>
      <c r="E7829" s="15">
        <v>45540</v>
      </c>
      <c r="F7829" s="14" t="s">
        <v>72</v>
      </c>
      <c r="G7829" s="16">
        <v>0</v>
      </c>
    </row>
    <row r="7830" spans="1:7" x14ac:dyDescent="0.3">
      <c r="A7830" s="13" t="s">
        <v>69</v>
      </c>
      <c r="B7830" s="14" t="s">
        <v>1</v>
      </c>
      <c r="C7830" s="14" t="s">
        <v>70</v>
      </c>
      <c r="D7830" s="14" t="s">
        <v>71</v>
      </c>
      <c r="E7830" s="15">
        <v>45541</v>
      </c>
      <c r="F7830" s="14" t="s">
        <v>72</v>
      </c>
      <c r="G7830" s="16">
        <v>0</v>
      </c>
    </row>
    <row r="7831" spans="1:7" x14ac:dyDescent="0.3">
      <c r="A7831" s="13" t="s">
        <v>69</v>
      </c>
      <c r="B7831" s="14" t="s">
        <v>1</v>
      </c>
      <c r="C7831" s="14" t="s">
        <v>70</v>
      </c>
      <c r="D7831" s="14" t="s">
        <v>71</v>
      </c>
      <c r="E7831" s="15">
        <v>45542</v>
      </c>
      <c r="F7831" s="14" t="s">
        <v>72</v>
      </c>
      <c r="G7831" s="16">
        <v>0</v>
      </c>
    </row>
    <row r="7832" spans="1:7" x14ac:dyDescent="0.3">
      <c r="A7832" s="13" t="s">
        <v>69</v>
      </c>
      <c r="B7832" s="14" t="s">
        <v>1</v>
      </c>
      <c r="C7832" s="14" t="s">
        <v>70</v>
      </c>
      <c r="D7832" s="14" t="s">
        <v>71</v>
      </c>
      <c r="E7832" s="15">
        <v>45543</v>
      </c>
      <c r="F7832" s="14" t="s">
        <v>72</v>
      </c>
      <c r="G7832" s="16">
        <v>0</v>
      </c>
    </row>
    <row r="7833" spans="1:7" x14ac:dyDescent="0.3">
      <c r="A7833" s="13" t="s">
        <v>69</v>
      </c>
      <c r="B7833" s="14" t="s">
        <v>1</v>
      </c>
      <c r="C7833" s="14" t="s">
        <v>70</v>
      </c>
      <c r="D7833" s="14" t="s">
        <v>71</v>
      </c>
      <c r="E7833" s="15">
        <v>45544</v>
      </c>
      <c r="F7833" s="14" t="s">
        <v>72</v>
      </c>
      <c r="G7833" s="16">
        <v>0</v>
      </c>
    </row>
    <row r="7834" spans="1:7" x14ac:dyDescent="0.3">
      <c r="A7834" s="13" t="s">
        <v>69</v>
      </c>
      <c r="B7834" s="14" t="s">
        <v>1</v>
      </c>
      <c r="C7834" s="14" t="s">
        <v>70</v>
      </c>
      <c r="D7834" s="14" t="s">
        <v>71</v>
      </c>
      <c r="E7834" s="15">
        <v>45545</v>
      </c>
      <c r="F7834" s="14" t="s">
        <v>72</v>
      </c>
      <c r="G7834" s="16">
        <v>0</v>
      </c>
    </row>
    <row r="7835" spans="1:7" x14ac:dyDescent="0.3">
      <c r="A7835" s="13" t="s">
        <v>69</v>
      </c>
      <c r="B7835" s="14" t="s">
        <v>1</v>
      </c>
      <c r="C7835" s="14" t="s">
        <v>70</v>
      </c>
      <c r="D7835" s="14" t="s">
        <v>71</v>
      </c>
      <c r="E7835" s="15">
        <v>45546</v>
      </c>
      <c r="F7835" s="14" t="s">
        <v>72</v>
      </c>
      <c r="G7835" s="16">
        <v>0</v>
      </c>
    </row>
    <row r="7836" spans="1:7" x14ac:dyDescent="0.3">
      <c r="A7836" s="13" t="s">
        <v>69</v>
      </c>
      <c r="B7836" s="14" t="s">
        <v>1</v>
      </c>
      <c r="C7836" s="14" t="s">
        <v>70</v>
      </c>
      <c r="D7836" s="14" t="s">
        <v>71</v>
      </c>
      <c r="E7836" s="15">
        <v>45547</v>
      </c>
      <c r="F7836" s="14" t="s">
        <v>72</v>
      </c>
      <c r="G7836" s="16">
        <v>0</v>
      </c>
    </row>
    <row r="7837" spans="1:7" x14ac:dyDescent="0.3">
      <c r="A7837" s="13" t="s">
        <v>69</v>
      </c>
      <c r="B7837" s="14" t="s">
        <v>1</v>
      </c>
      <c r="C7837" s="14" t="s">
        <v>70</v>
      </c>
      <c r="D7837" s="14" t="s">
        <v>71</v>
      </c>
      <c r="E7837" s="15">
        <v>45548</v>
      </c>
      <c r="F7837" s="14" t="s">
        <v>72</v>
      </c>
      <c r="G7837" s="16">
        <v>0</v>
      </c>
    </row>
    <row r="7838" spans="1:7" x14ac:dyDescent="0.3">
      <c r="A7838" s="13" t="s">
        <v>69</v>
      </c>
      <c r="B7838" s="14" t="s">
        <v>1</v>
      </c>
      <c r="C7838" s="14" t="s">
        <v>70</v>
      </c>
      <c r="D7838" s="14" t="s">
        <v>71</v>
      </c>
      <c r="E7838" s="15">
        <v>45549</v>
      </c>
      <c r="F7838" s="14" t="s">
        <v>72</v>
      </c>
      <c r="G7838" s="16">
        <v>0</v>
      </c>
    </row>
    <row r="7839" spans="1:7" x14ac:dyDescent="0.3">
      <c r="A7839" s="13" t="s">
        <v>69</v>
      </c>
      <c r="B7839" s="14" t="s">
        <v>1</v>
      </c>
      <c r="C7839" s="14" t="s">
        <v>70</v>
      </c>
      <c r="D7839" s="14" t="s">
        <v>71</v>
      </c>
      <c r="E7839" s="15">
        <v>45550</v>
      </c>
      <c r="F7839" s="14" t="s">
        <v>72</v>
      </c>
      <c r="G7839" s="16">
        <v>0</v>
      </c>
    </row>
    <row r="7840" spans="1:7" x14ac:dyDescent="0.3">
      <c r="A7840" s="13" t="s">
        <v>69</v>
      </c>
      <c r="B7840" s="14" t="s">
        <v>1</v>
      </c>
      <c r="C7840" s="14" t="s">
        <v>70</v>
      </c>
      <c r="D7840" s="14" t="s">
        <v>71</v>
      </c>
      <c r="E7840" s="15">
        <v>45551</v>
      </c>
      <c r="F7840" s="14" t="s">
        <v>72</v>
      </c>
      <c r="G7840" s="16">
        <v>0</v>
      </c>
    </row>
    <row r="7841" spans="1:7" x14ac:dyDescent="0.3">
      <c r="A7841" s="13" t="s">
        <v>69</v>
      </c>
      <c r="B7841" s="14" t="s">
        <v>1</v>
      </c>
      <c r="C7841" s="14" t="s">
        <v>70</v>
      </c>
      <c r="D7841" s="14" t="s">
        <v>71</v>
      </c>
      <c r="E7841" s="15">
        <v>45552</v>
      </c>
      <c r="F7841" s="14" t="s">
        <v>72</v>
      </c>
      <c r="G7841" s="16">
        <v>0</v>
      </c>
    </row>
    <row r="7842" spans="1:7" x14ac:dyDescent="0.3">
      <c r="A7842" s="13" t="s">
        <v>69</v>
      </c>
      <c r="B7842" s="14" t="s">
        <v>1</v>
      </c>
      <c r="C7842" s="14" t="s">
        <v>70</v>
      </c>
      <c r="D7842" s="14" t="s">
        <v>71</v>
      </c>
      <c r="E7842" s="15">
        <v>45553</v>
      </c>
      <c r="F7842" s="14" t="s">
        <v>72</v>
      </c>
      <c r="G7842" s="16">
        <v>0</v>
      </c>
    </row>
    <row r="7843" spans="1:7" x14ac:dyDescent="0.3">
      <c r="A7843" s="13" t="s">
        <v>69</v>
      </c>
      <c r="B7843" s="14" t="s">
        <v>1</v>
      </c>
      <c r="C7843" s="14" t="s">
        <v>70</v>
      </c>
      <c r="D7843" s="14" t="s">
        <v>71</v>
      </c>
      <c r="E7843" s="15">
        <v>45554</v>
      </c>
      <c r="F7843" s="14" t="s">
        <v>72</v>
      </c>
      <c r="G7843" s="16">
        <v>0</v>
      </c>
    </row>
    <row r="7844" spans="1:7" x14ac:dyDescent="0.3">
      <c r="A7844" s="13" t="s">
        <v>69</v>
      </c>
      <c r="B7844" s="14" t="s">
        <v>1</v>
      </c>
      <c r="C7844" s="14" t="s">
        <v>70</v>
      </c>
      <c r="D7844" s="14" t="s">
        <v>71</v>
      </c>
      <c r="E7844" s="15">
        <v>45555</v>
      </c>
      <c r="F7844" s="14" t="s">
        <v>72</v>
      </c>
      <c r="G7844" s="16">
        <v>0</v>
      </c>
    </row>
    <row r="7845" spans="1:7" x14ac:dyDescent="0.3">
      <c r="A7845" s="13" t="s">
        <v>69</v>
      </c>
      <c r="B7845" s="14" t="s">
        <v>1</v>
      </c>
      <c r="C7845" s="14" t="s">
        <v>70</v>
      </c>
      <c r="D7845" s="14" t="s">
        <v>71</v>
      </c>
      <c r="E7845" s="15">
        <v>45556</v>
      </c>
      <c r="F7845" s="14" t="s">
        <v>72</v>
      </c>
      <c r="G7845" s="16">
        <v>0</v>
      </c>
    </row>
    <row r="7846" spans="1:7" x14ac:dyDescent="0.3">
      <c r="A7846" s="13" t="s">
        <v>69</v>
      </c>
      <c r="B7846" s="14" t="s">
        <v>1</v>
      </c>
      <c r="C7846" s="14" t="s">
        <v>70</v>
      </c>
      <c r="D7846" s="14" t="s">
        <v>71</v>
      </c>
      <c r="E7846" s="15">
        <v>45557</v>
      </c>
      <c r="F7846" s="14" t="s">
        <v>72</v>
      </c>
      <c r="G7846" s="16">
        <v>0</v>
      </c>
    </row>
    <row r="7847" spans="1:7" x14ac:dyDescent="0.3">
      <c r="A7847" s="13" t="s">
        <v>69</v>
      </c>
      <c r="B7847" s="14" t="s">
        <v>1</v>
      </c>
      <c r="C7847" s="14" t="s">
        <v>70</v>
      </c>
      <c r="D7847" s="14" t="s">
        <v>71</v>
      </c>
      <c r="E7847" s="15">
        <v>45558</v>
      </c>
      <c r="F7847" s="14" t="s">
        <v>72</v>
      </c>
      <c r="G7847" s="16">
        <v>1.6262434837527643E-3</v>
      </c>
    </row>
    <row r="7848" spans="1:7" x14ac:dyDescent="0.3">
      <c r="A7848" s="13" t="s">
        <v>69</v>
      </c>
      <c r="B7848" s="14" t="s">
        <v>1</v>
      </c>
      <c r="C7848" s="14" t="s">
        <v>70</v>
      </c>
      <c r="D7848" s="14" t="s">
        <v>71</v>
      </c>
      <c r="E7848" s="15">
        <v>45559</v>
      </c>
      <c r="F7848" s="14" t="s">
        <v>72</v>
      </c>
      <c r="G7848" s="16">
        <v>1.2413004017833721E-2</v>
      </c>
    </row>
    <row r="7849" spans="1:7" x14ac:dyDescent="0.3">
      <c r="A7849" s="13" t="s">
        <v>69</v>
      </c>
      <c r="B7849" s="14" t="s">
        <v>1</v>
      </c>
      <c r="C7849" s="14" t="s">
        <v>70</v>
      </c>
      <c r="D7849" s="14" t="s">
        <v>71</v>
      </c>
      <c r="E7849" s="15">
        <v>45560</v>
      </c>
      <c r="F7849" s="14" t="s">
        <v>72</v>
      </c>
      <c r="G7849" s="16">
        <v>1.5872699593612483E-2</v>
      </c>
    </row>
    <row r="7850" spans="1:7" x14ac:dyDescent="0.3">
      <c r="A7850" s="13" t="s">
        <v>69</v>
      </c>
      <c r="B7850" s="14" t="s">
        <v>1</v>
      </c>
      <c r="C7850" s="14" t="s">
        <v>70</v>
      </c>
      <c r="D7850" s="14" t="s">
        <v>71</v>
      </c>
      <c r="E7850" s="15">
        <v>45561</v>
      </c>
      <c r="F7850" s="14" t="s">
        <v>72</v>
      </c>
      <c r="G7850" s="16">
        <v>2.5308357325277055E-2</v>
      </c>
    </row>
    <row r="7851" spans="1:7" x14ac:dyDescent="0.3">
      <c r="A7851" s="13" t="s">
        <v>69</v>
      </c>
      <c r="B7851" s="14" t="s">
        <v>1</v>
      </c>
      <c r="C7851" s="14" t="s">
        <v>70</v>
      </c>
      <c r="D7851" s="14" t="s">
        <v>71</v>
      </c>
      <c r="E7851" s="15">
        <v>45562</v>
      </c>
      <c r="F7851" s="14" t="s">
        <v>72</v>
      </c>
      <c r="G7851" s="16">
        <v>3.2347876234442741E-2</v>
      </c>
    </row>
    <row r="7852" spans="1:7" x14ac:dyDescent="0.3">
      <c r="A7852" s="13" t="s">
        <v>69</v>
      </c>
      <c r="B7852" s="14" t="s">
        <v>1</v>
      </c>
      <c r="C7852" s="14" t="s">
        <v>70</v>
      </c>
      <c r="D7852" s="14" t="s">
        <v>71</v>
      </c>
      <c r="E7852" s="15">
        <v>45563</v>
      </c>
      <c r="F7852" s="14" t="s">
        <v>72</v>
      </c>
      <c r="G7852" s="16">
        <v>3.2347876234442741E-2</v>
      </c>
    </row>
    <row r="7853" spans="1:7" x14ac:dyDescent="0.3">
      <c r="A7853" s="13" t="s">
        <v>69</v>
      </c>
      <c r="B7853" s="14" t="s">
        <v>1</v>
      </c>
      <c r="C7853" s="14" t="s">
        <v>70</v>
      </c>
      <c r="D7853" s="14" t="s">
        <v>71</v>
      </c>
      <c r="E7853" s="15">
        <v>45564</v>
      </c>
      <c r="F7853" s="14" t="s">
        <v>72</v>
      </c>
      <c r="G7853" s="16">
        <v>3.2347876234442741E-2</v>
      </c>
    </row>
    <row r="7854" spans="1:7" x14ac:dyDescent="0.3">
      <c r="A7854" s="13" t="s">
        <v>69</v>
      </c>
      <c r="B7854" s="14" t="s">
        <v>1</v>
      </c>
      <c r="C7854" s="14" t="s">
        <v>70</v>
      </c>
      <c r="D7854" s="14" t="s">
        <v>71</v>
      </c>
      <c r="E7854" s="15">
        <v>45565</v>
      </c>
      <c r="F7854" s="14" t="s">
        <v>72</v>
      </c>
      <c r="G7854" s="16">
        <v>4.8852472601472179E-2</v>
      </c>
    </row>
    <row r="7855" spans="1:7" x14ac:dyDescent="0.3">
      <c r="A7855" s="13" t="s">
        <v>69</v>
      </c>
      <c r="B7855" s="14" t="s">
        <v>1</v>
      </c>
      <c r="C7855" s="14" t="s">
        <v>70</v>
      </c>
      <c r="D7855" s="14" t="s">
        <v>71</v>
      </c>
      <c r="E7855" s="15">
        <v>45566</v>
      </c>
      <c r="F7855" s="14" t="s">
        <v>72</v>
      </c>
      <c r="G7855" s="16">
        <v>0</v>
      </c>
    </row>
    <row r="7856" spans="1:7" x14ac:dyDescent="0.3">
      <c r="A7856" s="13" t="s">
        <v>69</v>
      </c>
      <c r="B7856" s="14" t="s">
        <v>1</v>
      </c>
      <c r="C7856" s="14" t="s">
        <v>70</v>
      </c>
      <c r="D7856" s="14" t="s">
        <v>71</v>
      </c>
      <c r="E7856" s="15">
        <v>45567</v>
      </c>
      <c r="F7856" s="14" t="s">
        <v>72</v>
      </c>
      <c r="G7856" s="16">
        <v>0</v>
      </c>
    </row>
    <row r="7857" spans="1:7" x14ac:dyDescent="0.3">
      <c r="A7857" s="13" t="s">
        <v>69</v>
      </c>
      <c r="B7857" s="14" t="s">
        <v>1</v>
      </c>
      <c r="C7857" s="14" t="s">
        <v>70</v>
      </c>
      <c r="D7857" s="14" t="s">
        <v>71</v>
      </c>
      <c r="E7857" s="15">
        <v>45568</v>
      </c>
      <c r="F7857" s="14" t="s">
        <v>72</v>
      </c>
      <c r="G7857" s="16">
        <v>0</v>
      </c>
    </row>
    <row r="7858" spans="1:7" x14ac:dyDescent="0.3">
      <c r="A7858" s="13" t="s">
        <v>69</v>
      </c>
      <c r="B7858" s="14" t="s">
        <v>1</v>
      </c>
      <c r="C7858" s="14" t="s">
        <v>70</v>
      </c>
      <c r="D7858" s="14" t="s">
        <v>71</v>
      </c>
      <c r="E7858" s="15">
        <v>45569</v>
      </c>
      <c r="F7858" s="14" t="s">
        <v>72</v>
      </c>
      <c r="G7858" s="16">
        <v>0</v>
      </c>
    </row>
    <row r="7859" spans="1:7" x14ac:dyDescent="0.3">
      <c r="A7859" s="13" t="s">
        <v>69</v>
      </c>
      <c r="B7859" s="14" t="s">
        <v>1</v>
      </c>
      <c r="C7859" s="14" t="s">
        <v>70</v>
      </c>
      <c r="D7859" s="14" t="s">
        <v>71</v>
      </c>
      <c r="E7859" s="15">
        <v>45570</v>
      </c>
      <c r="F7859" s="14" t="s">
        <v>72</v>
      </c>
      <c r="G7859" s="16">
        <v>0</v>
      </c>
    </row>
    <row r="7860" spans="1:7" x14ac:dyDescent="0.3">
      <c r="A7860" s="13" t="s">
        <v>69</v>
      </c>
      <c r="B7860" s="14" t="s">
        <v>1</v>
      </c>
      <c r="C7860" s="14" t="s">
        <v>70</v>
      </c>
      <c r="D7860" s="14" t="s">
        <v>71</v>
      </c>
      <c r="E7860" s="15">
        <v>45571</v>
      </c>
      <c r="F7860" s="14" t="s">
        <v>72</v>
      </c>
      <c r="G7860" s="16">
        <v>0</v>
      </c>
    </row>
    <row r="7861" spans="1:7" x14ac:dyDescent="0.3">
      <c r="A7861" s="13" t="s">
        <v>69</v>
      </c>
      <c r="B7861" s="14" t="s">
        <v>1</v>
      </c>
      <c r="C7861" s="14" t="s">
        <v>70</v>
      </c>
      <c r="D7861" s="14" t="s">
        <v>71</v>
      </c>
      <c r="E7861" s="15">
        <v>45572</v>
      </c>
      <c r="F7861" s="14" t="s">
        <v>72</v>
      </c>
      <c r="G7861" s="16">
        <v>0</v>
      </c>
    </row>
    <row r="7862" spans="1:7" x14ac:dyDescent="0.3">
      <c r="A7862" s="13" t="s">
        <v>69</v>
      </c>
      <c r="B7862" s="14" t="s">
        <v>1</v>
      </c>
      <c r="C7862" s="14" t="s">
        <v>70</v>
      </c>
      <c r="D7862" s="14" t="s">
        <v>71</v>
      </c>
      <c r="E7862" s="15">
        <v>45573</v>
      </c>
      <c r="F7862" s="14" t="s">
        <v>72</v>
      </c>
      <c r="G7862" s="16">
        <v>0</v>
      </c>
    </row>
    <row r="7863" spans="1:7" x14ac:dyDescent="0.3">
      <c r="A7863" s="13" t="s">
        <v>69</v>
      </c>
      <c r="B7863" s="14" t="s">
        <v>1</v>
      </c>
      <c r="C7863" s="14" t="s">
        <v>70</v>
      </c>
      <c r="D7863" s="14" t="s">
        <v>71</v>
      </c>
      <c r="E7863" s="15">
        <v>45574</v>
      </c>
      <c r="F7863" s="14" t="s">
        <v>72</v>
      </c>
      <c r="G7863" s="16">
        <v>0</v>
      </c>
    </row>
    <row r="7864" spans="1:7" x14ac:dyDescent="0.3">
      <c r="A7864" s="13" t="s">
        <v>69</v>
      </c>
      <c r="B7864" s="14" t="s">
        <v>1</v>
      </c>
      <c r="C7864" s="14" t="s">
        <v>70</v>
      </c>
      <c r="D7864" s="14" t="s">
        <v>71</v>
      </c>
      <c r="E7864" s="15">
        <v>45575</v>
      </c>
      <c r="F7864" s="14" t="s">
        <v>72</v>
      </c>
      <c r="G7864" s="16">
        <v>0</v>
      </c>
    </row>
    <row r="7865" spans="1:7" x14ac:dyDescent="0.3">
      <c r="A7865" s="13" t="s">
        <v>69</v>
      </c>
      <c r="B7865" s="14" t="s">
        <v>1</v>
      </c>
      <c r="C7865" s="14" t="s">
        <v>70</v>
      </c>
      <c r="D7865" s="14" t="s">
        <v>71</v>
      </c>
      <c r="E7865" s="15">
        <v>45576</v>
      </c>
      <c r="F7865" s="14" t="s">
        <v>72</v>
      </c>
      <c r="G7865" s="16">
        <v>0</v>
      </c>
    </row>
    <row r="7866" spans="1:7" x14ac:dyDescent="0.3">
      <c r="A7866" s="13" t="s">
        <v>69</v>
      </c>
      <c r="B7866" s="14" t="s">
        <v>1</v>
      </c>
      <c r="C7866" s="14" t="s">
        <v>70</v>
      </c>
      <c r="D7866" s="14" t="s">
        <v>71</v>
      </c>
      <c r="E7866" s="15">
        <v>45577</v>
      </c>
      <c r="F7866" s="14" t="s">
        <v>72</v>
      </c>
      <c r="G7866" s="16">
        <v>0</v>
      </c>
    </row>
    <row r="7867" spans="1:7" x14ac:dyDescent="0.3">
      <c r="A7867" s="13" t="s">
        <v>69</v>
      </c>
      <c r="B7867" s="14" t="s">
        <v>1</v>
      </c>
      <c r="C7867" s="14" t="s">
        <v>70</v>
      </c>
      <c r="D7867" s="14" t="s">
        <v>71</v>
      </c>
      <c r="E7867" s="15">
        <v>45578</v>
      </c>
      <c r="F7867" s="14" t="s">
        <v>72</v>
      </c>
      <c r="G7867" s="16">
        <v>0</v>
      </c>
    </row>
    <row r="7868" spans="1:7" x14ac:dyDescent="0.3">
      <c r="A7868" s="13" t="s">
        <v>69</v>
      </c>
      <c r="B7868" s="14" t="s">
        <v>1</v>
      </c>
      <c r="C7868" s="14" t="s">
        <v>70</v>
      </c>
      <c r="D7868" s="14" t="s">
        <v>71</v>
      </c>
      <c r="E7868" s="15">
        <v>45579</v>
      </c>
      <c r="F7868" s="14" t="s">
        <v>72</v>
      </c>
      <c r="G7868" s="16">
        <v>0</v>
      </c>
    </row>
    <row r="7869" spans="1:7" x14ac:dyDescent="0.3">
      <c r="A7869" s="13" t="s">
        <v>69</v>
      </c>
      <c r="B7869" s="14" t="s">
        <v>1</v>
      </c>
      <c r="C7869" s="14" t="s">
        <v>70</v>
      </c>
      <c r="D7869" s="14" t="s">
        <v>71</v>
      </c>
      <c r="E7869" s="15">
        <v>45580</v>
      </c>
      <c r="F7869" s="14" t="s">
        <v>72</v>
      </c>
      <c r="G7869" s="16">
        <v>0</v>
      </c>
    </row>
    <row r="7870" spans="1:7" x14ac:dyDescent="0.3">
      <c r="A7870" s="13" t="s">
        <v>69</v>
      </c>
      <c r="B7870" s="14" t="s">
        <v>1</v>
      </c>
      <c r="C7870" s="14" t="s">
        <v>70</v>
      </c>
      <c r="D7870" s="14" t="s">
        <v>71</v>
      </c>
      <c r="E7870" s="15">
        <v>45581</v>
      </c>
      <c r="F7870" s="14" t="s">
        <v>72</v>
      </c>
      <c r="G7870" s="16">
        <v>0</v>
      </c>
    </row>
    <row r="7871" spans="1:7" x14ac:dyDescent="0.3">
      <c r="A7871" s="13" t="s">
        <v>69</v>
      </c>
      <c r="B7871" s="14" t="s">
        <v>1</v>
      </c>
      <c r="C7871" s="14" t="s">
        <v>70</v>
      </c>
      <c r="D7871" s="14" t="s">
        <v>71</v>
      </c>
      <c r="E7871" s="15">
        <v>45582</v>
      </c>
      <c r="F7871" s="14" t="s">
        <v>72</v>
      </c>
      <c r="G7871" s="16">
        <v>0</v>
      </c>
    </row>
    <row r="7872" spans="1:7" x14ac:dyDescent="0.3">
      <c r="A7872" s="13" t="s">
        <v>69</v>
      </c>
      <c r="B7872" s="14" t="s">
        <v>1</v>
      </c>
      <c r="C7872" s="14" t="s">
        <v>70</v>
      </c>
      <c r="D7872" s="14" t="s">
        <v>71</v>
      </c>
      <c r="E7872" s="15">
        <v>45583</v>
      </c>
      <c r="F7872" s="14" t="s">
        <v>72</v>
      </c>
      <c r="G7872" s="16">
        <v>0</v>
      </c>
    </row>
    <row r="7873" spans="1:7" x14ac:dyDescent="0.3">
      <c r="A7873" s="13" t="s">
        <v>69</v>
      </c>
      <c r="B7873" s="14" t="s">
        <v>1</v>
      </c>
      <c r="C7873" s="14" t="s">
        <v>70</v>
      </c>
      <c r="D7873" s="14" t="s">
        <v>71</v>
      </c>
      <c r="E7873" s="15">
        <v>45584</v>
      </c>
      <c r="F7873" s="14" t="s">
        <v>72</v>
      </c>
      <c r="G7873" s="16">
        <v>0</v>
      </c>
    </row>
    <row r="7874" spans="1:7" x14ac:dyDescent="0.3">
      <c r="A7874" s="13" t="s">
        <v>69</v>
      </c>
      <c r="B7874" s="14" t="s">
        <v>1</v>
      </c>
      <c r="C7874" s="14" t="s">
        <v>70</v>
      </c>
      <c r="D7874" s="14" t="s">
        <v>71</v>
      </c>
      <c r="E7874" s="15">
        <v>45585</v>
      </c>
      <c r="F7874" s="14" t="s">
        <v>72</v>
      </c>
      <c r="G7874" s="16">
        <v>0</v>
      </c>
    </row>
    <row r="7875" spans="1:7" x14ac:dyDescent="0.3">
      <c r="A7875" s="13" t="s">
        <v>69</v>
      </c>
      <c r="B7875" s="14" t="s">
        <v>1</v>
      </c>
      <c r="C7875" s="14" t="s">
        <v>70</v>
      </c>
      <c r="D7875" s="14" t="s">
        <v>71</v>
      </c>
      <c r="E7875" s="15">
        <v>45586</v>
      </c>
      <c r="F7875" s="14" t="s">
        <v>72</v>
      </c>
      <c r="G7875" s="16">
        <v>0</v>
      </c>
    </row>
    <row r="7876" spans="1:7" x14ac:dyDescent="0.3">
      <c r="A7876" s="13" t="s">
        <v>69</v>
      </c>
      <c r="B7876" s="14" t="s">
        <v>1</v>
      </c>
      <c r="C7876" s="14" t="s">
        <v>70</v>
      </c>
      <c r="D7876" s="14" t="s">
        <v>71</v>
      </c>
      <c r="E7876" s="15">
        <v>45587</v>
      </c>
      <c r="F7876" s="14" t="s">
        <v>72</v>
      </c>
      <c r="G7876" s="16">
        <v>0</v>
      </c>
    </row>
    <row r="7877" spans="1:7" x14ac:dyDescent="0.3">
      <c r="A7877" s="13" t="s">
        <v>69</v>
      </c>
      <c r="B7877" s="14" t="s">
        <v>1</v>
      </c>
      <c r="C7877" s="14" t="s">
        <v>70</v>
      </c>
      <c r="D7877" s="14" t="s">
        <v>71</v>
      </c>
      <c r="E7877" s="15">
        <v>45588</v>
      </c>
      <c r="F7877" s="14" t="s">
        <v>72</v>
      </c>
      <c r="G7877" s="16">
        <v>0</v>
      </c>
    </row>
    <row r="7878" spans="1:7" x14ac:dyDescent="0.3">
      <c r="A7878" s="13" t="s">
        <v>69</v>
      </c>
      <c r="B7878" s="14" t="s">
        <v>1</v>
      </c>
      <c r="C7878" s="14" t="s">
        <v>70</v>
      </c>
      <c r="D7878" s="14" t="s">
        <v>71</v>
      </c>
      <c r="E7878" s="15">
        <v>45589</v>
      </c>
      <c r="F7878" s="14" t="s">
        <v>72</v>
      </c>
      <c r="G7878" s="16">
        <v>0</v>
      </c>
    </row>
    <row r="7879" spans="1:7" x14ac:dyDescent="0.3">
      <c r="A7879" s="13" t="s">
        <v>69</v>
      </c>
      <c r="B7879" s="14" t="s">
        <v>1</v>
      </c>
      <c r="C7879" s="14" t="s">
        <v>70</v>
      </c>
      <c r="D7879" s="14" t="s">
        <v>71</v>
      </c>
      <c r="E7879" s="15">
        <v>45590</v>
      </c>
      <c r="F7879" s="14" t="s">
        <v>72</v>
      </c>
      <c r="G7879" s="16">
        <v>0</v>
      </c>
    </row>
    <row r="7880" spans="1:7" x14ac:dyDescent="0.3">
      <c r="A7880" s="13" t="s">
        <v>69</v>
      </c>
      <c r="B7880" s="14" t="s">
        <v>1</v>
      </c>
      <c r="C7880" s="14" t="s">
        <v>70</v>
      </c>
      <c r="D7880" s="14" t="s">
        <v>71</v>
      </c>
      <c r="E7880" s="15">
        <v>45591</v>
      </c>
      <c r="F7880" s="14" t="s">
        <v>72</v>
      </c>
      <c r="G7880" s="16">
        <v>0</v>
      </c>
    </row>
    <row r="7881" spans="1:7" x14ac:dyDescent="0.3">
      <c r="A7881" s="13" t="s">
        <v>69</v>
      </c>
      <c r="B7881" s="14" t="s">
        <v>1</v>
      </c>
      <c r="C7881" s="14" t="s">
        <v>70</v>
      </c>
      <c r="D7881" s="14" t="s">
        <v>71</v>
      </c>
      <c r="E7881" s="15">
        <v>45592</v>
      </c>
      <c r="F7881" s="14" t="s">
        <v>72</v>
      </c>
      <c r="G7881" s="16">
        <v>0</v>
      </c>
    </row>
    <row r="7882" spans="1:7" x14ac:dyDescent="0.3">
      <c r="A7882" s="13" t="s">
        <v>69</v>
      </c>
      <c r="B7882" s="14" t="s">
        <v>1</v>
      </c>
      <c r="C7882" s="14" t="s">
        <v>70</v>
      </c>
      <c r="D7882" s="14" t="s">
        <v>71</v>
      </c>
      <c r="E7882" s="15">
        <v>45593</v>
      </c>
      <c r="F7882" s="14" t="s">
        <v>72</v>
      </c>
      <c r="G7882" s="16">
        <v>0</v>
      </c>
    </row>
    <row r="7883" spans="1:7" x14ac:dyDescent="0.3">
      <c r="A7883" s="13" t="s">
        <v>69</v>
      </c>
      <c r="B7883" s="14" t="s">
        <v>1</v>
      </c>
      <c r="C7883" s="14" t="s">
        <v>70</v>
      </c>
      <c r="D7883" s="14" t="s">
        <v>71</v>
      </c>
      <c r="E7883" s="15">
        <v>45594</v>
      </c>
      <c r="F7883" s="14" t="s">
        <v>72</v>
      </c>
      <c r="G7883" s="16">
        <v>0</v>
      </c>
    </row>
    <row r="7884" spans="1:7" x14ac:dyDescent="0.3">
      <c r="A7884" s="13" t="s">
        <v>69</v>
      </c>
      <c r="B7884" s="14" t="s">
        <v>1</v>
      </c>
      <c r="C7884" s="14" t="s">
        <v>70</v>
      </c>
      <c r="D7884" s="14" t="s">
        <v>71</v>
      </c>
      <c r="E7884" s="15">
        <v>45595</v>
      </c>
      <c r="F7884" s="14" t="s">
        <v>72</v>
      </c>
      <c r="G7884" s="16">
        <v>0</v>
      </c>
    </row>
    <row r="7885" spans="1:7" x14ac:dyDescent="0.3">
      <c r="A7885" s="13" t="s">
        <v>69</v>
      </c>
      <c r="B7885" s="14" t="s">
        <v>1</v>
      </c>
      <c r="C7885" s="14" t="s">
        <v>70</v>
      </c>
      <c r="D7885" s="14" t="s">
        <v>71</v>
      </c>
      <c r="E7885" s="15">
        <v>45596</v>
      </c>
      <c r="F7885" s="14" t="s">
        <v>72</v>
      </c>
      <c r="G7885" s="16">
        <v>0</v>
      </c>
    </row>
    <row r="7886" spans="1:7" x14ac:dyDescent="0.3">
      <c r="A7886" s="13" t="s">
        <v>69</v>
      </c>
      <c r="B7886" s="14" t="s">
        <v>1</v>
      </c>
      <c r="C7886" s="14" t="s">
        <v>70</v>
      </c>
      <c r="D7886" s="14" t="s">
        <v>71</v>
      </c>
      <c r="E7886" s="15">
        <v>45597</v>
      </c>
      <c r="F7886" s="14" t="s">
        <v>72</v>
      </c>
      <c r="G7886" s="16">
        <v>0</v>
      </c>
    </row>
    <row r="7887" spans="1:7" x14ac:dyDescent="0.3">
      <c r="A7887" s="13" t="s">
        <v>69</v>
      </c>
      <c r="B7887" s="14" t="s">
        <v>1</v>
      </c>
      <c r="C7887" s="14" t="s">
        <v>70</v>
      </c>
      <c r="D7887" s="14" t="s">
        <v>71</v>
      </c>
      <c r="E7887" s="15">
        <v>45598</v>
      </c>
      <c r="F7887" s="14" t="s">
        <v>72</v>
      </c>
      <c r="G7887" s="16">
        <v>0</v>
      </c>
    </row>
    <row r="7888" spans="1:7" x14ac:dyDescent="0.3">
      <c r="A7888" s="13" t="s">
        <v>69</v>
      </c>
      <c r="B7888" s="14" t="s">
        <v>1</v>
      </c>
      <c r="C7888" s="14" t="s">
        <v>70</v>
      </c>
      <c r="D7888" s="14" t="s">
        <v>71</v>
      </c>
      <c r="E7888" s="15">
        <v>45599</v>
      </c>
      <c r="F7888" s="14" t="s">
        <v>72</v>
      </c>
      <c r="G7888" s="16">
        <v>0</v>
      </c>
    </row>
    <row r="7889" spans="1:7" x14ac:dyDescent="0.3">
      <c r="A7889" s="13" t="s">
        <v>69</v>
      </c>
      <c r="B7889" s="14" t="s">
        <v>1</v>
      </c>
      <c r="C7889" s="14" t="s">
        <v>70</v>
      </c>
      <c r="D7889" s="14" t="s">
        <v>71</v>
      </c>
      <c r="E7889" s="15">
        <v>45600</v>
      </c>
      <c r="F7889" s="14" t="s">
        <v>72</v>
      </c>
      <c r="G7889" s="16">
        <v>0</v>
      </c>
    </row>
    <row r="7890" spans="1:7" x14ac:dyDescent="0.3">
      <c r="A7890" s="13" t="s">
        <v>69</v>
      </c>
      <c r="B7890" s="14" t="s">
        <v>1</v>
      </c>
      <c r="C7890" s="14" t="s">
        <v>70</v>
      </c>
      <c r="D7890" s="14" t="s">
        <v>71</v>
      </c>
      <c r="E7890" s="15">
        <v>45601</v>
      </c>
      <c r="F7890" s="14" t="s">
        <v>72</v>
      </c>
      <c r="G7890" s="16">
        <v>0</v>
      </c>
    </row>
    <row r="7891" spans="1:7" x14ac:dyDescent="0.3">
      <c r="A7891" s="13" t="s">
        <v>69</v>
      </c>
      <c r="B7891" s="14" t="s">
        <v>1</v>
      </c>
      <c r="C7891" s="14" t="s">
        <v>70</v>
      </c>
      <c r="D7891" s="14" t="s">
        <v>71</v>
      </c>
      <c r="E7891" s="15">
        <v>45602</v>
      </c>
      <c r="F7891" s="14" t="s">
        <v>72</v>
      </c>
      <c r="G7891" s="16">
        <v>0</v>
      </c>
    </row>
    <row r="7892" spans="1:7" x14ac:dyDescent="0.3">
      <c r="A7892" s="13" t="s">
        <v>69</v>
      </c>
      <c r="B7892" s="14" t="s">
        <v>1</v>
      </c>
      <c r="C7892" s="14" t="s">
        <v>70</v>
      </c>
      <c r="D7892" s="14" t="s">
        <v>71</v>
      </c>
      <c r="E7892" s="15">
        <v>45603</v>
      </c>
      <c r="F7892" s="14" t="s">
        <v>72</v>
      </c>
      <c r="G7892" s="16">
        <v>0</v>
      </c>
    </row>
    <row r="7893" spans="1:7" x14ac:dyDescent="0.3">
      <c r="A7893" s="13" t="s">
        <v>69</v>
      </c>
      <c r="B7893" s="14" t="s">
        <v>1</v>
      </c>
      <c r="C7893" s="14" t="s">
        <v>70</v>
      </c>
      <c r="D7893" s="14" t="s">
        <v>71</v>
      </c>
      <c r="E7893" s="15">
        <v>45604</v>
      </c>
      <c r="F7893" s="14" t="s">
        <v>72</v>
      </c>
      <c r="G7893" s="16">
        <v>0</v>
      </c>
    </row>
    <row r="7894" spans="1:7" x14ac:dyDescent="0.3">
      <c r="A7894" s="13" t="s">
        <v>69</v>
      </c>
      <c r="B7894" s="14" t="s">
        <v>1</v>
      </c>
      <c r="C7894" s="14" t="s">
        <v>70</v>
      </c>
      <c r="D7894" s="14" t="s">
        <v>71</v>
      </c>
      <c r="E7894" s="15">
        <v>45605</v>
      </c>
      <c r="F7894" s="14" t="s">
        <v>72</v>
      </c>
      <c r="G7894" s="16">
        <v>0</v>
      </c>
    </row>
    <row r="7895" spans="1:7" x14ac:dyDescent="0.3">
      <c r="A7895" s="13" t="s">
        <v>69</v>
      </c>
      <c r="B7895" s="14" t="s">
        <v>1</v>
      </c>
      <c r="C7895" s="14" t="s">
        <v>70</v>
      </c>
      <c r="D7895" s="14" t="s">
        <v>71</v>
      </c>
      <c r="E7895" s="15">
        <v>45606</v>
      </c>
      <c r="F7895" s="14" t="s">
        <v>72</v>
      </c>
      <c r="G7895" s="16">
        <v>0</v>
      </c>
    </row>
    <row r="7896" spans="1:7" x14ac:dyDescent="0.3">
      <c r="A7896" s="13" t="s">
        <v>69</v>
      </c>
      <c r="B7896" s="14" t="s">
        <v>1</v>
      </c>
      <c r="C7896" s="14" t="s">
        <v>70</v>
      </c>
      <c r="D7896" s="14" t="s">
        <v>71</v>
      </c>
      <c r="E7896" s="15">
        <v>45607</v>
      </c>
      <c r="F7896" s="14" t="s">
        <v>72</v>
      </c>
      <c r="G7896" s="16">
        <v>0</v>
      </c>
    </row>
    <row r="7897" spans="1:7" x14ac:dyDescent="0.3">
      <c r="A7897" s="13" t="s">
        <v>69</v>
      </c>
      <c r="B7897" s="14" t="s">
        <v>1</v>
      </c>
      <c r="C7897" s="14" t="s">
        <v>70</v>
      </c>
      <c r="D7897" s="14" t="s">
        <v>71</v>
      </c>
      <c r="E7897" s="15">
        <v>45608</v>
      </c>
      <c r="F7897" s="14" t="s">
        <v>72</v>
      </c>
      <c r="G7897" s="16">
        <v>0</v>
      </c>
    </row>
    <row r="7898" spans="1:7" x14ac:dyDescent="0.3">
      <c r="A7898" s="13" t="s">
        <v>69</v>
      </c>
      <c r="B7898" s="14" t="s">
        <v>1</v>
      </c>
      <c r="C7898" s="14" t="s">
        <v>70</v>
      </c>
      <c r="D7898" s="14" t="s">
        <v>71</v>
      </c>
      <c r="E7898" s="15">
        <v>45609</v>
      </c>
      <c r="F7898" s="14" t="s">
        <v>72</v>
      </c>
      <c r="G7898" s="16">
        <v>0</v>
      </c>
    </row>
    <row r="7899" spans="1:7" x14ac:dyDescent="0.3">
      <c r="A7899" s="13" t="s">
        <v>69</v>
      </c>
      <c r="B7899" s="14" t="s">
        <v>1</v>
      </c>
      <c r="C7899" s="14" t="s">
        <v>70</v>
      </c>
      <c r="D7899" s="14" t="s">
        <v>71</v>
      </c>
      <c r="E7899" s="15">
        <v>45610</v>
      </c>
      <c r="F7899" s="14" t="s">
        <v>72</v>
      </c>
      <c r="G7899" s="16">
        <v>0</v>
      </c>
    </row>
    <row r="7900" spans="1:7" x14ac:dyDescent="0.3">
      <c r="A7900" s="13" t="s">
        <v>69</v>
      </c>
      <c r="B7900" s="14" t="s">
        <v>1</v>
      </c>
      <c r="C7900" s="14" t="s">
        <v>70</v>
      </c>
      <c r="D7900" s="14" t="s">
        <v>71</v>
      </c>
      <c r="E7900" s="15">
        <v>45611</v>
      </c>
      <c r="F7900" s="14" t="s">
        <v>72</v>
      </c>
      <c r="G7900" s="16">
        <v>0</v>
      </c>
    </row>
    <row r="7901" spans="1:7" x14ac:dyDescent="0.3">
      <c r="A7901" s="13" t="s">
        <v>69</v>
      </c>
      <c r="B7901" s="14" t="s">
        <v>1</v>
      </c>
      <c r="C7901" s="14" t="s">
        <v>70</v>
      </c>
      <c r="D7901" s="14" t="s">
        <v>71</v>
      </c>
      <c r="E7901" s="15">
        <v>45612</v>
      </c>
      <c r="F7901" s="14" t="s">
        <v>72</v>
      </c>
      <c r="G7901" s="16">
        <v>0</v>
      </c>
    </row>
    <row r="7902" spans="1:7" x14ac:dyDescent="0.3">
      <c r="A7902" s="13" t="s">
        <v>69</v>
      </c>
      <c r="B7902" s="14" t="s">
        <v>1</v>
      </c>
      <c r="C7902" s="14" t="s">
        <v>70</v>
      </c>
      <c r="D7902" s="14" t="s">
        <v>71</v>
      </c>
      <c r="E7902" s="15">
        <v>45613</v>
      </c>
      <c r="F7902" s="14" t="s">
        <v>72</v>
      </c>
      <c r="G7902" s="16">
        <v>0</v>
      </c>
    </row>
    <row r="7903" spans="1:7" x14ac:dyDescent="0.3">
      <c r="A7903" s="13" t="s">
        <v>69</v>
      </c>
      <c r="B7903" s="14" t="s">
        <v>1</v>
      </c>
      <c r="C7903" s="14" t="s">
        <v>70</v>
      </c>
      <c r="D7903" s="14" t="s">
        <v>71</v>
      </c>
      <c r="E7903" s="15">
        <v>45614</v>
      </c>
      <c r="F7903" s="14" t="s">
        <v>72</v>
      </c>
      <c r="G7903" s="16">
        <v>0</v>
      </c>
    </row>
    <row r="7904" spans="1:7" x14ac:dyDescent="0.3">
      <c r="A7904" s="13" t="s">
        <v>69</v>
      </c>
      <c r="B7904" s="14" t="s">
        <v>1</v>
      </c>
      <c r="C7904" s="14" t="s">
        <v>70</v>
      </c>
      <c r="D7904" s="14" t="s">
        <v>71</v>
      </c>
      <c r="E7904" s="15">
        <v>45615</v>
      </c>
      <c r="F7904" s="14" t="s">
        <v>72</v>
      </c>
      <c r="G7904" s="16">
        <v>0</v>
      </c>
    </row>
    <row r="7905" spans="1:7" x14ac:dyDescent="0.3">
      <c r="A7905" s="13" t="s">
        <v>69</v>
      </c>
      <c r="B7905" s="14" t="s">
        <v>1</v>
      </c>
      <c r="C7905" s="14" t="s">
        <v>70</v>
      </c>
      <c r="D7905" s="14" t="s">
        <v>71</v>
      </c>
      <c r="E7905" s="15">
        <v>45616</v>
      </c>
      <c r="F7905" s="14" t="s">
        <v>72</v>
      </c>
      <c r="G7905" s="16">
        <v>0</v>
      </c>
    </row>
    <row r="7906" spans="1:7" x14ac:dyDescent="0.3">
      <c r="A7906" s="13" t="s">
        <v>69</v>
      </c>
      <c r="B7906" s="14" t="s">
        <v>1</v>
      </c>
      <c r="C7906" s="14" t="s">
        <v>70</v>
      </c>
      <c r="D7906" s="14" t="s">
        <v>71</v>
      </c>
      <c r="E7906" s="15">
        <v>45617</v>
      </c>
      <c r="F7906" s="14" t="s">
        <v>72</v>
      </c>
      <c r="G7906" s="16">
        <v>0</v>
      </c>
    </row>
    <row r="7907" spans="1:7" x14ac:dyDescent="0.3">
      <c r="A7907" s="13" t="s">
        <v>69</v>
      </c>
      <c r="B7907" s="14" t="s">
        <v>1</v>
      </c>
      <c r="C7907" s="14" t="s">
        <v>70</v>
      </c>
      <c r="D7907" s="14" t="s">
        <v>71</v>
      </c>
      <c r="E7907" s="15">
        <v>45618</v>
      </c>
      <c r="F7907" s="14" t="s">
        <v>72</v>
      </c>
      <c r="G7907" s="16">
        <v>0</v>
      </c>
    </row>
    <row r="7908" spans="1:7" x14ac:dyDescent="0.3">
      <c r="A7908" s="13" t="s">
        <v>69</v>
      </c>
      <c r="B7908" s="14" t="s">
        <v>1</v>
      </c>
      <c r="C7908" s="14" t="s">
        <v>70</v>
      </c>
      <c r="D7908" s="14" t="s">
        <v>71</v>
      </c>
      <c r="E7908" s="15">
        <v>45619</v>
      </c>
      <c r="F7908" s="14" t="s">
        <v>72</v>
      </c>
      <c r="G7908" s="16">
        <v>0</v>
      </c>
    </row>
    <row r="7909" spans="1:7" x14ac:dyDescent="0.3">
      <c r="A7909" s="13" t="s">
        <v>69</v>
      </c>
      <c r="B7909" s="14" t="s">
        <v>1</v>
      </c>
      <c r="C7909" s="14" t="s">
        <v>70</v>
      </c>
      <c r="D7909" s="14" t="s">
        <v>71</v>
      </c>
      <c r="E7909" s="15">
        <v>45620</v>
      </c>
      <c r="F7909" s="14" t="s">
        <v>72</v>
      </c>
      <c r="G7909" s="16">
        <v>0</v>
      </c>
    </row>
    <row r="7910" spans="1:7" x14ac:dyDescent="0.3">
      <c r="A7910" s="13" t="s">
        <v>69</v>
      </c>
      <c r="B7910" s="14" t="s">
        <v>1</v>
      </c>
      <c r="C7910" s="14" t="s">
        <v>70</v>
      </c>
      <c r="D7910" s="14" t="s">
        <v>71</v>
      </c>
      <c r="E7910" s="15">
        <v>45621</v>
      </c>
      <c r="F7910" s="14" t="s">
        <v>72</v>
      </c>
      <c r="G7910" s="16">
        <v>0</v>
      </c>
    </row>
    <row r="7911" spans="1:7" x14ac:dyDescent="0.3">
      <c r="A7911" s="13" t="s">
        <v>69</v>
      </c>
      <c r="B7911" s="14" t="s">
        <v>1</v>
      </c>
      <c r="C7911" s="14" t="s">
        <v>70</v>
      </c>
      <c r="D7911" s="14" t="s">
        <v>71</v>
      </c>
      <c r="E7911" s="15">
        <v>45622</v>
      </c>
      <c r="F7911" s="14" t="s">
        <v>72</v>
      </c>
      <c r="G7911" s="16">
        <v>0</v>
      </c>
    </row>
    <row r="7912" spans="1:7" x14ac:dyDescent="0.3">
      <c r="A7912" s="13" t="s">
        <v>69</v>
      </c>
      <c r="B7912" s="14" t="s">
        <v>1</v>
      </c>
      <c r="C7912" s="14" t="s">
        <v>70</v>
      </c>
      <c r="D7912" s="14" t="s">
        <v>71</v>
      </c>
      <c r="E7912" s="15">
        <v>45623</v>
      </c>
      <c r="F7912" s="14" t="s">
        <v>72</v>
      </c>
      <c r="G7912" s="16">
        <v>0</v>
      </c>
    </row>
    <row r="7913" spans="1:7" x14ac:dyDescent="0.3">
      <c r="A7913" s="13" t="s">
        <v>69</v>
      </c>
      <c r="B7913" s="14" t="s">
        <v>1</v>
      </c>
      <c r="C7913" s="14" t="s">
        <v>70</v>
      </c>
      <c r="D7913" s="14" t="s">
        <v>71</v>
      </c>
      <c r="E7913" s="15">
        <v>45624</v>
      </c>
      <c r="F7913" s="14" t="s">
        <v>72</v>
      </c>
      <c r="G7913" s="16">
        <v>0</v>
      </c>
    </row>
    <row r="7914" spans="1:7" x14ac:dyDescent="0.3">
      <c r="A7914" s="13" t="s">
        <v>69</v>
      </c>
      <c r="B7914" s="14" t="s">
        <v>1</v>
      </c>
      <c r="C7914" s="14" t="s">
        <v>70</v>
      </c>
      <c r="D7914" s="14" t="s">
        <v>71</v>
      </c>
      <c r="E7914" s="15">
        <v>45625</v>
      </c>
      <c r="F7914" s="14" t="s">
        <v>72</v>
      </c>
      <c r="G7914" s="16">
        <v>0</v>
      </c>
    </row>
    <row r="7915" spans="1:7" x14ac:dyDescent="0.3">
      <c r="A7915" s="13" t="s">
        <v>69</v>
      </c>
      <c r="B7915" s="14" t="s">
        <v>1</v>
      </c>
      <c r="C7915" s="14" t="s">
        <v>70</v>
      </c>
      <c r="D7915" s="14" t="s">
        <v>71</v>
      </c>
      <c r="E7915" s="15">
        <v>45626</v>
      </c>
      <c r="F7915" s="14" t="s">
        <v>72</v>
      </c>
      <c r="G7915" s="16">
        <v>0</v>
      </c>
    </row>
    <row r="7916" spans="1:7" x14ac:dyDescent="0.3">
      <c r="A7916" s="13" t="s">
        <v>69</v>
      </c>
      <c r="B7916" s="14" t="s">
        <v>1</v>
      </c>
      <c r="C7916" s="14" t="s">
        <v>70</v>
      </c>
      <c r="D7916" s="14" t="s">
        <v>71</v>
      </c>
      <c r="E7916" s="15">
        <v>45627</v>
      </c>
      <c r="F7916" s="14" t="s">
        <v>72</v>
      </c>
      <c r="G7916" s="16">
        <v>0</v>
      </c>
    </row>
    <row r="7917" spans="1:7" x14ac:dyDescent="0.3">
      <c r="A7917" s="13" t="s">
        <v>69</v>
      </c>
      <c r="B7917" s="14" t="s">
        <v>1</v>
      </c>
      <c r="C7917" s="14" t="s">
        <v>70</v>
      </c>
      <c r="D7917" s="14" t="s">
        <v>71</v>
      </c>
      <c r="E7917" s="15">
        <v>45628</v>
      </c>
      <c r="F7917" s="14" t="s">
        <v>72</v>
      </c>
      <c r="G7917" s="16">
        <v>0</v>
      </c>
    </row>
    <row r="7918" spans="1:7" x14ac:dyDescent="0.3">
      <c r="A7918" s="13" t="s">
        <v>69</v>
      </c>
      <c r="B7918" s="14" t="s">
        <v>1</v>
      </c>
      <c r="C7918" s="14" t="s">
        <v>70</v>
      </c>
      <c r="D7918" s="14" t="s">
        <v>71</v>
      </c>
      <c r="E7918" s="15">
        <v>45629</v>
      </c>
      <c r="F7918" s="14" t="s">
        <v>72</v>
      </c>
      <c r="G7918" s="16">
        <v>0</v>
      </c>
    </row>
    <row r="7919" spans="1:7" x14ac:dyDescent="0.3">
      <c r="A7919" s="13" t="s">
        <v>69</v>
      </c>
      <c r="B7919" s="14" t="s">
        <v>1</v>
      </c>
      <c r="C7919" s="14" t="s">
        <v>70</v>
      </c>
      <c r="D7919" s="14" t="s">
        <v>71</v>
      </c>
      <c r="E7919" s="15">
        <v>45630</v>
      </c>
      <c r="F7919" s="14" t="s">
        <v>72</v>
      </c>
      <c r="G7919" s="16">
        <v>0</v>
      </c>
    </row>
    <row r="7920" spans="1:7" x14ac:dyDescent="0.3">
      <c r="A7920" s="13" t="s">
        <v>69</v>
      </c>
      <c r="B7920" s="14" t="s">
        <v>1</v>
      </c>
      <c r="C7920" s="14" t="s">
        <v>70</v>
      </c>
      <c r="D7920" s="14" t="s">
        <v>71</v>
      </c>
      <c r="E7920" s="15">
        <v>45631</v>
      </c>
      <c r="F7920" s="14" t="s">
        <v>72</v>
      </c>
      <c r="G7920" s="16">
        <v>0</v>
      </c>
    </row>
    <row r="7921" spans="1:7" x14ac:dyDescent="0.3">
      <c r="A7921" s="13" t="s">
        <v>69</v>
      </c>
      <c r="B7921" s="14" t="s">
        <v>1</v>
      </c>
      <c r="C7921" s="14" t="s">
        <v>70</v>
      </c>
      <c r="D7921" s="14" t="s">
        <v>71</v>
      </c>
      <c r="E7921" s="15">
        <v>45632</v>
      </c>
      <c r="F7921" s="14" t="s">
        <v>72</v>
      </c>
      <c r="G7921" s="16">
        <v>0</v>
      </c>
    </row>
    <row r="7922" spans="1:7" x14ac:dyDescent="0.3">
      <c r="A7922" s="13" t="s">
        <v>69</v>
      </c>
      <c r="B7922" s="14" t="s">
        <v>1</v>
      </c>
      <c r="C7922" s="14" t="s">
        <v>70</v>
      </c>
      <c r="D7922" s="14" t="s">
        <v>71</v>
      </c>
      <c r="E7922" s="15">
        <v>45633</v>
      </c>
      <c r="F7922" s="14" t="s">
        <v>72</v>
      </c>
      <c r="G7922" s="16">
        <v>0</v>
      </c>
    </row>
    <row r="7923" spans="1:7" x14ac:dyDescent="0.3">
      <c r="A7923" s="13" t="s">
        <v>69</v>
      </c>
      <c r="B7923" s="14" t="s">
        <v>1</v>
      </c>
      <c r="C7923" s="14" t="s">
        <v>70</v>
      </c>
      <c r="D7923" s="14" t="s">
        <v>71</v>
      </c>
      <c r="E7923" s="15">
        <v>45634</v>
      </c>
      <c r="F7923" s="14" t="s">
        <v>72</v>
      </c>
      <c r="G7923" s="16">
        <v>0</v>
      </c>
    </row>
    <row r="7924" spans="1:7" x14ac:dyDescent="0.3">
      <c r="A7924" s="13" t="s">
        <v>69</v>
      </c>
      <c r="B7924" s="14" t="s">
        <v>1</v>
      </c>
      <c r="C7924" s="14" t="s">
        <v>70</v>
      </c>
      <c r="D7924" s="14" t="s">
        <v>71</v>
      </c>
      <c r="E7924" s="15">
        <v>45635</v>
      </c>
      <c r="F7924" s="14" t="s">
        <v>72</v>
      </c>
      <c r="G7924" s="16">
        <v>0</v>
      </c>
    </row>
    <row r="7925" spans="1:7" x14ac:dyDescent="0.3">
      <c r="A7925" s="13" t="s">
        <v>69</v>
      </c>
      <c r="B7925" s="14" t="s">
        <v>1</v>
      </c>
      <c r="C7925" s="14" t="s">
        <v>70</v>
      </c>
      <c r="D7925" s="14" t="s">
        <v>71</v>
      </c>
      <c r="E7925" s="15">
        <v>45636</v>
      </c>
      <c r="F7925" s="14" t="s">
        <v>72</v>
      </c>
      <c r="G7925" s="16">
        <v>0</v>
      </c>
    </row>
    <row r="7926" spans="1:7" x14ac:dyDescent="0.3">
      <c r="A7926" s="13" t="s">
        <v>69</v>
      </c>
      <c r="B7926" s="14" t="s">
        <v>1</v>
      </c>
      <c r="C7926" s="14" t="s">
        <v>70</v>
      </c>
      <c r="D7926" s="14" t="s">
        <v>71</v>
      </c>
      <c r="E7926" s="15">
        <v>45637</v>
      </c>
      <c r="F7926" s="14" t="s">
        <v>72</v>
      </c>
      <c r="G7926" s="16">
        <v>0</v>
      </c>
    </row>
    <row r="7927" spans="1:7" x14ac:dyDescent="0.3">
      <c r="A7927" s="13" t="s">
        <v>69</v>
      </c>
      <c r="B7927" s="14" t="s">
        <v>1</v>
      </c>
      <c r="C7927" s="14" t="s">
        <v>70</v>
      </c>
      <c r="D7927" s="14" t="s">
        <v>71</v>
      </c>
      <c r="E7927" s="15">
        <v>45638</v>
      </c>
      <c r="F7927" s="14" t="s">
        <v>72</v>
      </c>
      <c r="G7927" s="16">
        <v>0</v>
      </c>
    </row>
    <row r="7928" spans="1:7" x14ac:dyDescent="0.3">
      <c r="A7928" s="13" t="s">
        <v>69</v>
      </c>
      <c r="B7928" s="14" t="s">
        <v>1</v>
      </c>
      <c r="C7928" s="14" t="s">
        <v>70</v>
      </c>
      <c r="D7928" s="14" t="s">
        <v>71</v>
      </c>
      <c r="E7928" s="15">
        <v>45639</v>
      </c>
      <c r="F7928" s="14" t="s">
        <v>72</v>
      </c>
      <c r="G7928" s="16">
        <v>0</v>
      </c>
    </row>
    <row r="7929" spans="1:7" x14ac:dyDescent="0.3">
      <c r="A7929" s="13" t="s">
        <v>69</v>
      </c>
      <c r="B7929" s="14" t="s">
        <v>1</v>
      </c>
      <c r="C7929" s="14" t="s">
        <v>70</v>
      </c>
      <c r="D7929" s="14" t="s">
        <v>71</v>
      </c>
      <c r="E7929" s="15">
        <v>45640</v>
      </c>
      <c r="F7929" s="14" t="s">
        <v>72</v>
      </c>
      <c r="G7929" s="16">
        <v>0</v>
      </c>
    </row>
    <row r="7930" spans="1:7" x14ac:dyDescent="0.3">
      <c r="A7930" s="13" t="s">
        <v>69</v>
      </c>
      <c r="B7930" s="14" t="s">
        <v>1</v>
      </c>
      <c r="C7930" s="14" t="s">
        <v>70</v>
      </c>
      <c r="D7930" s="14" t="s">
        <v>71</v>
      </c>
      <c r="E7930" s="15">
        <v>45641</v>
      </c>
      <c r="F7930" s="14" t="s">
        <v>72</v>
      </c>
      <c r="G7930" s="16">
        <v>0</v>
      </c>
    </row>
    <row r="7931" spans="1:7" x14ac:dyDescent="0.3">
      <c r="A7931" s="13" t="s">
        <v>69</v>
      </c>
      <c r="B7931" s="14" t="s">
        <v>1</v>
      </c>
      <c r="C7931" s="14" t="s">
        <v>70</v>
      </c>
      <c r="D7931" s="14" t="s">
        <v>71</v>
      </c>
      <c r="E7931" s="15">
        <v>45642</v>
      </c>
      <c r="F7931" s="14" t="s">
        <v>72</v>
      </c>
      <c r="G7931" s="16">
        <v>0</v>
      </c>
    </row>
    <row r="7932" spans="1:7" x14ac:dyDescent="0.3">
      <c r="A7932" s="13" t="s">
        <v>69</v>
      </c>
      <c r="B7932" s="14" t="s">
        <v>1</v>
      </c>
      <c r="C7932" s="14" t="s">
        <v>70</v>
      </c>
      <c r="D7932" s="14" t="s">
        <v>71</v>
      </c>
      <c r="E7932" s="15">
        <v>45643</v>
      </c>
      <c r="F7932" s="14" t="s">
        <v>72</v>
      </c>
      <c r="G7932" s="16">
        <v>0</v>
      </c>
    </row>
    <row r="7933" spans="1:7" x14ac:dyDescent="0.3">
      <c r="A7933" s="13" t="s">
        <v>69</v>
      </c>
      <c r="B7933" s="14" t="s">
        <v>1</v>
      </c>
      <c r="C7933" s="14" t="s">
        <v>70</v>
      </c>
      <c r="D7933" s="14" t="s">
        <v>71</v>
      </c>
      <c r="E7933" s="15">
        <v>45644</v>
      </c>
      <c r="F7933" s="14" t="s">
        <v>72</v>
      </c>
      <c r="G7933" s="16">
        <v>0</v>
      </c>
    </row>
    <row r="7934" spans="1:7" x14ac:dyDescent="0.3">
      <c r="A7934" s="13" t="s">
        <v>69</v>
      </c>
      <c r="B7934" s="14" t="s">
        <v>1</v>
      </c>
      <c r="C7934" s="14" t="s">
        <v>70</v>
      </c>
      <c r="D7934" s="14" t="s">
        <v>71</v>
      </c>
      <c r="E7934" s="15">
        <v>45645</v>
      </c>
      <c r="F7934" s="14" t="s">
        <v>72</v>
      </c>
      <c r="G7934" s="16">
        <v>0</v>
      </c>
    </row>
    <row r="7935" spans="1:7" x14ac:dyDescent="0.3">
      <c r="A7935" s="13" t="s">
        <v>69</v>
      </c>
      <c r="B7935" s="14" t="s">
        <v>1</v>
      </c>
      <c r="C7935" s="14" t="s">
        <v>70</v>
      </c>
      <c r="D7935" s="14" t="s">
        <v>71</v>
      </c>
      <c r="E7935" s="15">
        <v>45646</v>
      </c>
      <c r="F7935" s="14" t="s">
        <v>72</v>
      </c>
      <c r="G7935" s="16">
        <v>0</v>
      </c>
    </row>
    <row r="7936" spans="1:7" x14ac:dyDescent="0.3">
      <c r="A7936" s="13" t="s">
        <v>69</v>
      </c>
      <c r="B7936" s="14" t="s">
        <v>1</v>
      </c>
      <c r="C7936" s="14" t="s">
        <v>70</v>
      </c>
      <c r="D7936" s="14" t="s">
        <v>71</v>
      </c>
      <c r="E7936" s="15">
        <v>45647</v>
      </c>
      <c r="F7936" s="14" t="s">
        <v>72</v>
      </c>
      <c r="G7936" s="16">
        <v>0</v>
      </c>
    </row>
    <row r="7937" spans="1:7" x14ac:dyDescent="0.3">
      <c r="A7937" s="13" t="s">
        <v>69</v>
      </c>
      <c r="B7937" s="14" t="s">
        <v>1</v>
      </c>
      <c r="C7937" s="14" t="s">
        <v>70</v>
      </c>
      <c r="D7937" s="14" t="s">
        <v>71</v>
      </c>
      <c r="E7937" s="15">
        <v>45648</v>
      </c>
      <c r="F7937" s="14" t="s">
        <v>72</v>
      </c>
      <c r="G7937" s="16">
        <v>0</v>
      </c>
    </row>
    <row r="7938" spans="1:7" x14ac:dyDescent="0.3">
      <c r="A7938" s="13" t="s">
        <v>69</v>
      </c>
      <c r="B7938" s="14" t="s">
        <v>1</v>
      </c>
      <c r="C7938" s="14" t="s">
        <v>70</v>
      </c>
      <c r="D7938" s="14" t="s">
        <v>71</v>
      </c>
      <c r="E7938" s="15">
        <v>45649</v>
      </c>
      <c r="F7938" s="14" t="s">
        <v>72</v>
      </c>
      <c r="G7938" s="16">
        <v>0</v>
      </c>
    </row>
    <row r="7939" spans="1:7" x14ac:dyDescent="0.3">
      <c r="A7939" s="13" t="s">
        <v>69</v>
      </c>
      <c r="B7939" s="14" t="s">
        <v>1</v>
      </c>
      <c r="C7939" s="14" t="s">
        <v>70</v>
      </c>
      <c r="D7939" s="14" t="s">
        <v>71</v>
      </c>
      <c r="E7939" s="15">
        <v>45650</v>
      </c>
      <c r="F7939" s="14" t="s">
        <v>72</v>
      </c>
      <c r="G7939" s="16">
        <v>0</v>
      </c>
    </row>
    <row r="7940" spans="1:7" x14ac:dyDescent="0.3">
      <c r="A7940" s="13" t="s">
        <v>69</v>
      </c>
      <c r="B7940" s="14" t="s">
        <v>1</v>
      </c>
      <c r="C7940" s="14" t="s">
        <v>70</v>
      </c>
      <c r="D7940" s="14" t="s">
        <v>71</v>
      </c>
      <c r="E7940" s="15">
        <v>45651</v>
      </c>
      <c r="F7940" s="14" t="s">
        <v>72</v>
      </c>
      <c r="G7940" s="16">
        <v>0</v>
      </c>
    </row>
    <row r="7941" spans="1:7" x14ac:dyDescent="0.3">
      <c r="A7941" s="13" t="s">
        <v>69</v>
      </c>
      <c r="B7941" s="14" t="s">
        <v>1</v>
      </c>
      <c r="C7941" s="14" t="s">
        <v>70</v>
      </c>
      <c r="D7941" s="14" t="s">
        <v>71</v>
      </c>
      <c r="E7941" s="15">
        <v>45652</v>
      </c>
      <c r="F7941" s="14" t="s">
        <v>72</v>
      </c>
      <c r="G7941" s="16">
        <v>0</v>
      </c>
    </row>
    <row r="7942" spans="1:7" x14ac:dyDescent="0.3">
      <c r="A7942" s="13" t="s">
        <v>69</v>
      </c>
      <c r="B7942" s="14" t="s">
        <v>1</v>
      </c>
      <c r="C7942" s="14" t="s">
        <v>70</v>
      </c>
      <c r="D7942" s="14" t="s">
        <v>71</v>
      </c>
      <c r="E7942" s="15">
        <v>45653</v>
      </c>
      <c r="F7942" s="14" t="s">
        <v>72</v>
      </c>
      <c r="G7942" s="16">
        <v>0</v>
      </c>
    </row>
    <row r="7943" spans="1:7" x14ac:dyDescent="0.3">
      <c r="A7943" s="13" t="s">
        <v>69</v>
      </c>
      <c r="B7943" s="14" t="s">
        <v>1</v>
      </c>
      <c r="C7943" s="14" t="s">
        <v>70</v>
      </c>
      <c r="D7943" s="14" t="s">
        <v>71</v>
      </c>
      <c r="E7943" s="15">
        <v>45654</v>
      </c>
      <c r="F7943" s="14" t="s">
        <v>72</v>
      </c>
      <c r="G7943" s="16">
        <v>0</v>
      </c>
    </row>
    <row r="7944" spans="1:7" x14ac:dyDescent="0.3">
      <c r="A7944" s="13" t="s">
        <v>69</v>
      </c>
      <c r="B7944" s="14" t="s">
        <v>1</v>
      </c>
      <c r="C7944" s="14" t="s">
        <v>70</v>
      </c>
      <c r="D7944" s="14" t="s">
        <v>71</v>
      </c>
      <c r="E7944" s="15">
        <v>45655</v>
      </c>
      <c r="F7944" s="14" t="s">
        <v>72</v>
      </c>
      <c r="G7944" s="16">
        <v>0</v>
      </c>
    </row>
    <row r="7945" spans="1:7" x14ac:dyDescent="0.3">
      <c r="A7945" s="13" t="s">
        <v>69</v>
      </c>
      <c r="B7945" s="14" t="s">
        <v>1</v>
      </c>
      <c r="C7945" s="14" t="s">
        <v>70</v>
      </c>
      <c r="D7945" s="14" t="s">
        <v>71</v>
      </c>
      <c r="E7945" s="15">
        <v>45656</v>
      </c>
      <c r="F7945" s="14" t="s">
        <v>72</v>
      </c>
      <c r="G7945" s="16">
        <v>0</v>
      </c>
    </row>
    <row r="7946" spans="1:7" x14ac:dyDescent="0.3">
      <c r="A7946" s="13" t="s">
        <v>69</v>
      </c>
      <c r="B7946" s="14" t="s">
        <v>1</v>
      </c>
      <c r="C7946" s="14" t="s">
        <v>70</v>
      </c>
      <c r="D7946" s="14" t="s">
        <v>71</v>
      </c>
      <c r="E7946" s="15">
        <v>45657</v>
      </c>
      <c r="F7946" s="14" t="s">
        <v>72</v>
      </c>
      <c r="G7946" s="16">
        <v>0</v>
      </c>
    </row>
    <row r="7947" spans="1:7" x14ac:dyDescent="0.3">
      <c r="A7947" s="13" t="s">
        <v>69</v>
      </c>
      <c r="B7947" s="14" t="s">
        <v>1</v>
      </c>
      <c r="C7947" s="14" t="s">
        <v>70</v>
      </c>
      <c r="D7947" s="14" t="s">
        <v>71</v>
      </c>
      <c r="E7947" s="15">
        <v>45658</v>
      </c>
      <c r="F7947" s="14" t="s">
        <v>72</v>
      </c>
      <c r="G7947" s="16">
        <v>0</v>
      </c>
    </row>
    <row r="7948" spans="1:7" x14ac:dyDescent="0.3">
      <c r="A7948" s="13" t="s">
        <v>69</v>
      </c>
      <c r="B7948" s="14" t="s">
        <v>1</v>
      </c>
      <c r="C7948" s="14" t="s">
        <v>70</v>
      </c>
      <c r="D7948" s="14" t="s">
        <v>71</v>
      </c>
      <c r="E7948" s="15">
        <v>45659</v>
      </c>
      <c r="F7948" s="14" t="s">
        <v>72</v>
      </c>
      <c r="G7948" s="16">
        <v>0</v>
      </c>
    </row>
    <row r="7949" spans="1:7" x14ac:dyDescent="0.3">
      <c r="A7949" s="13" t="s">
        <v>69</v>
      </c>
      <c r="B7949" s="14" t="s">
        <v>1</v>
      </c>
      <c r="C7949" s="14" t="s">
        <v>70</v>
      </c>
      <c r="D7949" s="14" t="s">
        <v>71</v>
      </c>
      <c r="E7949" s="15">
        <v>45660</v>
      </c>
      <c r="F7949" s="14" t="s">
        <v>72</v>
      </c>
      <c r="G7949" s="16">
        <v>0</v>
      </c>
    </row>
    <row r="7950" spans="1:7" x14ac:dyDescent="0.3">
      <c r="A7950" s="13" t="s">
        <v>69</v>
      </c>
      <c r="B7950" s="14" t="s">
        <v>1</v>
      </c>
      <c r="C7950" s="14" t="s">
        <v>70</v>
      </c>
      <c r="D7950" s="14" t="s">
        <v>71</v>
      </c>
      <c r="E7950" s="15">
        <v>45661</v>
      </c>
      <c r="F7950" s="14" t="s">
        <v>72</v>
      </c>
      <c r="G7950" s="16">
        <v>0</v>
      </c>
    </row>
    <row r="7951" spans="1:7" x14ac:dyDescent="0.3">
      <c r="A7951" s="13" t="s">
        <v>69</v>
      </c>
      <c r="B7951" s="14" t="s">
        <v>1</v>
      </c>
      <c r="C7951" s="14" t="s">
        <v>70</v>
      </c>
      <c r="D7951" s="14" t="s">
        <v>71</v>
      </c>
      <c r="E7951" s="15">
        <v>45662</v>
      </c>
      <c r="F7951" s="14" t="s">
        <v>72</v>
      </c>
      <c r="G7951" s="16">
        <v>0</v>
      </c>
    </row>
    <row r="7952" spans="1:7" x14ac:dyDescent="0.3">
      <c r="A7952" s="13" t="s">
        <v>69</v>
      </c>
      <c r="B7952" s="14" t="s">
        <v>1</v>
      </c>
      <c r="C7952" s="14" t="s">
        <v>70</v>
      </c>
      <c r="D7952" s="14" t="s">
        <v>71</v>
      </c>
      <c r="E7952" s="15">
        <v>45663</v>
      </c>
      <c r="F7952" s="14" t="s">
        <v>72</v>
      </c>
      <c r="G7952" s="16">
        <v>0</v>
      </c>
    </row>
    <row r="7953" spans="1:7" x14ac:dyDescent="0.3">
      <c r="A7953" s="13" t="s">
        <v>69</v>
      </c>
      <c r="B7953" s="14" t="s">
        <v>1</v>
      </c>
      <c r="C7953" s="14" t="s">
        <v>70</v>
      </c>
      <c r="D7953" s="14" t="s">
        <v>71</v>
      </c>
      <c r="E7953" s="15">
        <v>45664</v>
      </c>
      <c r="F7953" s="14" t="s">
        <v>72</v>
      </c>
      <c r="G7953" s="16">
        <v>0</v>
      </c>
    </row>
    <row r="7954" spans="1:7" x14ac:dyDescent="0.3">
      <c r="A7954" s="13" t="s">
        <v>69</v>
      </c>
      <c r="B7954" s="14" t="s">
        <v>1</v>
      </c>
      <c r="C7954" s="14" t="s">
        <v>70</v>
      </c>
      <c r="D7954" s="14" t="s">
        <v>71</v>
      </c>
      <c r="E7954" s="15">
        <v>45665</v>
      </c>
      <c r="F7954" s="14" t="s">
        <v>72</v>
      </c>
      <c r="G7954" s="16">
        <v>0</v>
      </c>
    </row>
    <row r="7955" spans="1:7" x14ac:dyDescent="0.3">
      <c r="A7955" s="13" t="s">
        <v>69</v>
      </c>
      <c r="B7955" s="14" t="s">
        <v>1</v>
      </c>
      <c r="C7955" s="14" t="s">
        <v>70</v>
      </c>
      <c r="D7955" s="14" t="s">
        <v>71</v>
      </c>
      <c r="E7955" s="15">
        <v>45666</v>
      </c>
      <c r="F7955" s="14" t="s">
        <v>72</v>
      </c>
      <c r="G7955" s="16">
        <v>0</v>
      </c>
    </row>
    <row r="7956" spans="1:7" x14ac:dyDescent="0.3">
      <c r="A7956" s="13" t="s">
        <v>69</v>
      </c>
      <c r="B7956" s="14" t="s">
        <v>1</v>
      </c>
      <c r="C7956" s="14" t="s">
        <v>70</v>
      </c>
      <c r="D7956" s="14" t="s">
        <v>71</v>
      </c>
      <c r="E7956" s="15">
        <v>45667</v>
      </c>
      <c r="F7956" s="14" t="s">
        <v>72</v>
      </c>
      <c r="G7956" s="16">
        <v>0</v>
      </c>
    </row>
    <row r="7957" spans="1:7" x14ac:dyDescent="0.3">
      <c r="A7957" s="13" t="s">
        <v>69</v>
      </c>
      <c r="B7957" s="14" t="s">
        <v>1</v>
      </c>
      <c r="C7957" s="14" t="s">
        <v>70</v>
      </c>
      <c r="D7957" s="14" t="s">
        <v>71</v>
      </c>
      <c r="E7957" s="15">
        <v>45668</v>
      </c>
      <c r="F7957" s="14" t="s">
        <v>72</v>
      </c>
      <c r="G7957" s="16">
        <v>0</v>
      </c>
    </row>
    <row r="7958" spans="1:7" x14ac:dyDescent="0.3">
      <c r="A7958" s="13" t="s">
        <v>69</v>
      </c>
      <c r="B7958" s="14" t="s">
        <v>1</v>
      </c>
      <c r="C7958" s="14" t="s">
        <v>70</v>
      </c>
      <c r="D7958" s="14" t="s">
        <v>71</v>
      </c>
      <c r="E7958" s="15">
        <v>45669</v>
      </c>
      <c r="F7958" s="14" t="s">
        <v>72</v>
      </c>
      <c r="G7958" s="16">
        <v>0</v>
      </c>
    </row>
    <row r="7959" spans="1:7" x14ac:dyDescent="0.3">
      <c r="A7959" s="13" t="s">
        <v>69</v>
      </c>
      <c r="B7959" s="14" t="s">
        <v>1</v>
      </c>
      <c r="C7959" s="14" t="s">
        <v>70</v>
      </c>
      <c r="D7959" s="14" t="s">
        <v>71</v>
      </c>
      <c r="E7959" s="15">
        <v>45670</v>
      </c>
      <c r="F7959" s="14" t="s">
        <v>72</v>
      </c>
      <c r="G7959" s="16">
        <v>0</v>
      </c>
    </row>
    <row r="7960" spans="1:7" x14ac:dyDescent="0.3">
      <c r="A7960" s="13" t="s">
        <v>69</v>
      </c>
      <c r="B7960" s="14" t="s">
        <v>1</v>
      </c>
      <c r="C7960" s="14" t="s">
        <v>70</v>
      </c>
      <c r="D7960" s="14" t="s">
        <v>71</v>
      </c>
      <c r="E7960" s="15">
        <v>45671</v>
      </c>
      <c r="F7960" s="14" t="s">
        <v>72</v>
      </c>
      <c r="G7960" s="16">
        <v>0</v>
      </c>
    </row>
    <row r="7961" spans="1:7" x14ac:dyDescent="0.3">
      <c r="A7961" s="13" t="s">
        <v>69</v>
      </c>
      <c r="B7961" s="14" t="s">
        <v>1</v>
      </c>
      <c r="C7961" s="14" t="s">
        <v>70</v>
      </c>
      <c r="D7961" s="14" t="s">
        <v>71</v>
      </c>
      <c r="E7961" s="15">
        <v>45672</v>
      </c>
      <c r="F7961" s="14" t="s">
        <v>72</v>
      </c>
      <c r="G7961" s="16">
        <v>0</v>
      </c>
    </row>
    <row r="7962" spans="1:7" x14ac:dyDescent="0.3">
      <c r="A7962" s="13" t="s">
        <v>69</v>
      </c>
      <c r="B7962" s="14" t="s">
        <v>1</v>
      </c>
      <c r="C7962" s="14" t="s">
        <v>70</v>
      </c>
      <c r="D7962" s="14" t="s">
        <v>71</v>
      </c>
      <c r="E7962" s="15">
        <v>45673</v>
      </c>
      <c r="F7962" s="14" t="s">
        <v>72</v>
      </c>
      <c r="G7962" s="16">
        <v>0</v>
      </c>
    </row>
    <row r="7963" spans="1:7" x14ac:dyDescent="0.3">
      <c r="A7963" s="13" t="s">
        <v>69</v>
      </c>
      <c r="B7963" s="14" t="s">
        <v>1</v>
      </c>
      <c r="C7963" s="14" t="s">
        <v>70</v>
      </c>
      <c r="D7963" s="14" t="s">
        <v>71</v>
      </c>
      <c r="E7963" s="15">
        <v>45674</v>
      </c>
      <c r="F7963" s="14" t="s">
        <v>72</v>
      </c>
      <c r="G7963" s="16">
        <v>0</v>
      </c>
    </row>
    <row r="7964" spans="1:7" x14ac:dyDescent="0.3">
      <c r="A7964" s="13" t="s">
        <v>69</v>
      </c>
      <c r="B7964" s="14" t="s">
        <v>1</v>
      </c>
      <c r="C7964" s="14" t="s">
        <v>70</v>
      </c>
      <c r="D7964" s="14" t="s">
        <v>71</v>
      </c>
      <c r="E7964" s="15">
        <v>45675</v>
      </c>
      <c r="F7964" s="14" t="s">
        <v>72</v>
      </c>
      <c r="G7964" s="16">
        <v>0</v>
      </c>
    </row>
    <row r="7965" spans="1:7" x14ac:dyDescent="0.3">
      <c r="A7965" s="13" t="s">
        <v>69</v>
      </c>
      <c r="B7965" s="14" t="s">
        <v>1</v>
      </c>
      <c r="C7965" s="14" t="s">
        <v>70</v>
      </c>
      <c r="D7965" s="14" t="s">
        <v>71</v>
      </c>
      <c r="E7965" s="15">
        <v>45676</v>
      </c>
      <c r="F7965" s="14" t="s">
        <v>72</v>
      </c>
      <c r="G7965" s="16">
        <v>0</v>
      </c>
    </row>
    <row r="7966" spans="1:7" x14ac:dyDescent="0.3">
      <c r="A7966" s="13" t="s">
        <v>69</v>
      </c>
      <c r="B7966" s="14" t="s">
        <v>1</v>
      </c>
      <c r="C7966" s="14" t="s">
        <v>70</v>
      </c>
      <c r="D7966" s="14" t="s">
        <v>71</v>
      </c>
      <c r="E7966" s="15">
        <v>45677</v>
      </c>
      <c r="F7966" s="14" t="s">
        <v>72</v>
      </c>
      <c r="G7966" s="16">
        <v>0</v>
      </c>
    </row>
    <row r="7967" spans="1:7" x14ac:dyDescent="0.3">
      <c r="A7967" s="13" t="s">
        <v>69</v>
      </c>
      <c r="B7967" s="14" t="s">
        <v>1</v>
      </c>
      <c r="C7967" s="14" t="s">
        <v>70</v>
      </c>
      <c r="D7967" s="14" t="s">
        <v>71</v>
      </c>
      <c r="E7967" s="15">
        <v>45678</v>
      </c>
      <c r="F7967" s="14" t="s">
        <v>72</v>
      </c>
      <c r="G7967" s="16">
        <v>0</v>
      </c>
    </row>
    <row r="7968" spans="1:7" x14ac:dyDescent="0.3">
      <c r="A7968" s="13" t="s">
        <v>69</v>
      </c>
      <c r="B7968" s="14" t="s">
        <v>1</v>
      </c>
      <c r="C7968" s="14" t="s">
        <v>70</v>
      </c>
      <c r="D7968" s="14" t="s">
        <v>71</v>
      </c>
      <c r="E7968" s="15">
        <v>45679</v>
      </c>
      <c r="F7968" s="14" t="s">
        <v>72</v>
      </c>
      <c r="G7968" s="16">
        <v>0</v>
      </c>
    </row>
    <row r="7969" spans="1:7" x14ac:dyDescent="0.3">
      <c r="A7969" s="13" t="s">
        <v>69</v>
      </c>
      <c r="B7969" s="14" t="s">
        <v>1</v>
      </c>
      <c r="C7969" s="14" t="s">
        <v>70</v>
      </c>
      <c r="D7969" s="14" t="s">
        <v>71</v>
      </c>
      <c r="E7969" s="15">
        <v>45680</v>
      </c>
      <c r="F7969" s="14" t="s">
        <v>72</v>
      </c>
      <c r="G7969" s="16">
        <v>0</v>
      </c>
    </row>
    <row r="7970" spans="1:7" x14ac:dyDescent="0.3">
      <c r="A7970" s="13" t="s">
        <v>69</v>
      </c>
      <c r="B7970" s="14" t="s">
        <v>1</v>
      </c>
      <c r="C7970" s="14" t="s">
        <v>70</v>
      </c>
      <c r="D7970" s="14" t="s">
        <v>71</v>
      </c>
      <c r="E7970" s="15">
        <v>45681</v>
      </c>
      <c r="F7970" s="14" t="s">
        <v>72</v>
      </c>
      <c r="G7970" s="16">
        <v>0</v>
      </c>
    </row>
    <row r="7971" spans="1:7" x14ac:dyDescent="0.3">
      <c r="A7971" s="13" t="s">
        <v>69</v>
      </c>
      <c r="B7971" s="14" t="s">
        <v>1</v>
      </c>
      <c r="C7971" s="14" t="s">
        <v>70</v>
      </c>
      <c r="D7971" s="14" t="s">
        <v>71</v>
      </c>
      <c r="E7971" s="15">
        <v>45682</v>
      </c>
      <c r="F7971" s="14" t="s">
        <v>72</v>
      </c>
      <c r="G7971" s="16">
        <v>0</v>
      </c>
    </row>
    <row r="7972" spans="1:7" x14ac:dyDescent="0.3">
      <c r="A7972" s="13" t="s">
        <v>69</v>
      </c>
      <c r="B7972" s="14" t="s">
        <v>1</v>
      </c>
      <c r="C7972" s="14" t="s">
        <v>70</v>
      </c>
      <c r="D7972" s="14" t="s">
        <v>71</v>
      </c>
      <c r="E7972" s="15">
        <v>45683</v>
      </c>
      <c r="F7972" s="14" t="s">
        <v>72</v>
      </c>
      <c r="G7972" s="16">
        <v>0</v>
      </c>
    </row>
    <row r="7973" spans="1:7" x14ac:dyDescent="0.3">
      <c r="A7973" s="13" t="s">
        <v>69</v>
      </c>
      <c r="B7973" s="14" t="s">
        <v>1</v>
      </c>
      <c r="C7973" s="14" t="s">
        <v>70</v>
      </c>
      <c r="D7973" s="14" t="s">
        <v>71</v>
      </c>
      <c r="E7973" s="15">
        <v>45684</v>
      </c>
      <c r="F7973" s="14" t="s">
        <v>72</v>
      </c>
      <c r="G7973" s="16">
        <v>0</v>
      </c>
    </row>
    <row r="7974" spans="1:7" x14ac:dyDescent="0.3">
      <c r="A7974" s="13" t="s">
        <v>69</v>
      </c>
      <c r="B7974" s="14" t="s">
        <v>1</v>
      </c>
      <c r="C7974" s="14" t="s">
        <v>70</v>
      </c>
      <c r="D7974" s="14" t="s">
        <v>71</v>
      </c>
      <c r="E7974" s="15">
        <v>45685</v>
      </c>
      <c r="F7974" s="14" t="s">
        <v>72</v>
      </c>
      <c r="G7974" s="16">
        <v>0</v>
      </c>
    </row>
    <row r="7975" spans="1:7" x14ac:dyDescent="0.3">
      <c r="A7975" s="13" t="s">
        <v>69</v>
      </c>
      <c r="B7975" s="14" t="s">
        <v>1</v>
      </c>
      <c r="C7975" s="14" t="s">
        <v>70</v>
      </c>
      <c r="D7975" s="14" t="s">
        <v>71</v>
      </c>
      <c r="E7975" s="15">
        <v>45686</v>
      </c>
      <c r="F7975" s="14" t="s">
        <v>72</v>
      </c>
      <c r="G7975" s="16">
        <v>0</v>
      </c>
    </row>
    <row r="7976" spans="1:7" x14ac:dyDescent="0.3">
      <c r="A7976" s="13" t="s">
        <v>69</v>
      </c>
      <c r="B7976" s="14" t="s">
        <v>1</v>
      </c>
      <c r="C7976" s="14" t="s">
        <v>70</v>
      </c>
      <c r="D7976" s="14" t="s">
        <v>71</v>
      </c>
      <c r="E7976" s="15">
        <v>45687</v>
      </c>
      <c r="F7976" s="14" t="s">
        <v>72</v>
      </c>
      <c r="G7976" s="16">
        <v>0</v>
      </c>
    </row>
    <row r="7977" spans="1:7" x14ac:dyDescent="0.3">
      <c r="A7977" s="13" t="s">
        <v>69</v>
      </c>
      <c r="B7977" s="14" t="s">
        <v>1</v>
      </c>
      <c r="C7977" s="14" t="s">
        <v>70</v>
      </c>
      <c r="D7977" s="14" t="s">
        <v>71</v>
      </c>
      <c r="E7977" s="15">
        <v>45688</v>
      </c>
      <c r="F7977" s="14" t="s">
        <v>72</v>
      </c>
      <c r="G7977" s="16">
        <v>0</v>
      </c>
    </row>
    <row r="7978" spans="1:7" x14ac:dyDescent="0.3">
      <c r="A7978" s="13" t="s">
        <v>69</v>
      </c>
      <c r="B7978" s="14" t="s">
        <v>1</v>
      </c>
      <c r="C7978" s="14" t="s">
        <v>70</v>
      </c>
      <c r="D7978" s="14" t="s">
        <v>71</v>
      </c>
      <c r="E7978" s="15">
        <v>45689</v>
      </c>
      <c r="F7978" s="14" t="s">
        <v>72</v>
      </c>
      <c r="G7978" s="16">
        <v>0</v>
      </c>
    </row>
    <row r="7979" spans="1:7" x14ac:dyDescent="0.3">
      <c r="A7979" s="13" t="s">
        <v>69</v>
      </c>
      <c r="B7979" s="14" t="s">
        <v>1</v>
      </c>
      <c r="C7979" s="14" t="s">
        <v>70</v>
      </c>
      <c r="D7979" s="14" t="s">
        <v>71</v>
      </c>
      <c r="E7979" s="15">
        <v>45690</v>
      </c>
      <c r="F7979" s="14" t="s">
        <v>72</v>
      </c>
      <c r="G7979" s="16">
        <v>0</v>
      </c>
    </row>
    <row r="7980" spans="1:7" x14ac:dyDescent="0.3">
      <c r="A7980" s="13" t="s">
        <v>69</v>
      </c>
      <c r="B7980" s="14" t="s">
        <v>1</v>
      </c>
      <c r="C7980" s="14" t="s">
        <v>70</v>
      </c>
      <c r="D7980" s="14" t="s">
        <v>71</v>
      </c>
      <c r="E7980" s="15">
        <v>45691</v>
      </c>
      <c r="F7980" s="14" t="s">
        <v>72</v>
      </c>
      <c r="G7980" s="16">
        <v>0</v>
      </c>
    </row>
    <row r="7981" spans="1:7" x14ac:dyDescent="0.3">
      <c r="A7981" s="13" t="s">
        <v>69</v>
      </c>
      <c r="B7981" s="14" t="s">
        <v>1</v>
      </c>
      <c r="C7981" s="14" t="s">
        <v>70</v>
      </c>
      <c r="D7981" s="14" t="s">
        <v>71</v>
      </c>
      <c r="E7981" s="15">
        <v>45692</v>
      </c>
      <c r="F7981" s="14" t="s">
        <v>72</v>
      </c>
      <c r="G7981" s="16">
        <v>0</v>
      </c>
    </row>
    <row r="7982" spans="1:7" x14ac:dyDescent="0.3">
      <c r="A7982" s="13" t="s">
        <v>69</v>
      </c>
      <c r="B7982" s="14" t="s">
        <v>1</v>
      </c>
      <c r="C7982" s="14" t="s">
        <v>70</v>
      </c>
      <c r="D7982" s="14" t="s">
        <v>71</v>
      </c>
      <c r="E7982" s="15">
        <v>45693</v>
      </c>
      <c r="F7982" s="14" t="s">
        <v>72</v>
      </c>
      <c r="G7982" s="16">
        <v>0</v>
      </c>
    </row>
    <row r="7983" spans="1:7" x14ac:dyDescent="0.3">
      <c r="A7983" s="13" t="s">
        <v>69</v>
      </c>
      <c r="B7983" s="14" t="s">
        <v>1</v>
      </c>
      <c r="C7983" s="14" t="s">
        <v>70</v>
      </c>
      <c r="D7983" s="14" t="s">
        <v>71</v>
      </c>
      <c r="E7983" s="15">
        <v>45694</v>
      </c>
      <c r="F7983" s="14" t="s">
        <v>72</v>
      </c>
      <c r="G7983" s="16">
        <v>0</v>
      </c>
    </row>
    <row r="7984" spans="1:7" x14ac:dyDescent="0.3">
      <c r="A7984" s="13" t="s">
        <v>69</v>
      </c>
      <c r="B7984" s="14" t="s">
        <v>1</v>
      </c>
      <c r="C7984" s="14" t="s">
        <v>70</v>
      </c>
      <c r="D7984" s="14" t="s">
        <v>71</v>
      </c>
      <c r="E7984" s="15">
        <v>45695</v>
      </c>
      <c r="F7984" s="14" t="s">
        <v>72</v>
      </c>
      <c r="G7984" s="16">
        <v>0</v>
      </c>
    </row>
    <row r="7985" spans="1:7" x14ac:dyDescent="0.3">
      <c r="A7985" s="13" t="s">
        <v>69</v>
      </c>
      <c r="B7985" s="14" t="s">
        <v>1</v>
      </c>
      <c r="C7985" s="14" t="s">
        <v>70</v>
      </c>
      <c r="D7985" s="14" t="s">
        <v>71</v>
      </c>
      <c r="E7985" s="15">
        <v>45696</v>
      </c>
      <c r="F7985" s="14" t="s">
        <v>72</v>
      </c>
      <c r="G7985" s="16">
        <v>0</v>
      </c>
    </row>
    <row r="7986" spans="1:7" x14ac:dyDescent="0.3">
      <c r="A7986" s="13" t="s">
        <v>69</v>
      </c>
      <c r="B7986" s="14" t="s">
        <v>1</v>
      </c>
      <c r="C7986" s="14" t="s">
        <v>70</v>
      </c>
      <c r="D7986" s="14" t="s">
        <v>71</v>
      </c>
      <c r="E7986" s="15">
        <v>45697</v>
      </c>
      <c r="F7986" s="14" t="s">
        <v>72</v>
      </c>
      <c r="G7986" s="16">
        <v>0</v>
      </c>
    </row>
    <row r="7987" spans="1:7" x14ac:dyDescent="0.3">
      <c r="A7987" s="13" t="s">
        <v>69</v>
      </c>
      <c r="B7987" s="14" t="s">
        <v>1</v>
      </c>
      <c r="C7987" s="14" t="s">
        <v>70</v>
      </c>
      <c r="D7987" s="14" t="s">
        <v>71</v>
      </c>
      <c r="E7987" s="15">
        <v>45698</v>
      </c>
      <c r="F7987" s="14" t="s">
        <v>72</v>
      </c>
      <c r="G7987" s="16">
        <v>0</v>
      </c>
    </row>
    <row r="7988" spans="1:7" x14ac:dyDescent="0.3">
      <c r="A7988" s="13" t="s">
        <v>69</v>
      </c>
      <c r="B7988" s="14" t="s">
        <v>1</v>
      </c>
      <c r="C7988" s="14" t="s">
        <v>70</v>
      </c>
      <c r="D7988" s="14" t="s">
        <v>71</v>
      </c>
      <c r="E7988" s="15">
        <v>45699</v>
      </c>
      <c r="F7988" s="14" t="s">
        <v>72</v>
      </c>
      <c r="G7988" s="16">
        <v>0</v>
      </c>
    </row>
    <row r="7989" spans="1:7" x14ac:dyDescent="0.3">
      <c r="A7989" s="13" t="s">
        <v>69</v>
      </c>
      <c r="B7989" s="14" t="s">
        <v>1</v>
      </c>
      <c r="C7989" s="14" t="s">
        <v>70</v>
      </c>
      <c r="D7989" s="14" t="s">
        <v>71</v>
      </c>
      <c r="E7989" s="15">
        <v>45700</v>
      </c>
      <c r="F7989" s="14" t="s">
        <v>72</v>
      </c>
      <c r="G7989" s="16">
        <v>0</v>
      </c>
    </row>
    <row r="7990" spans="1:7" x14ac:dyDescent="0.3">
      <c r="A7990" s="13" t="s">
        <v>69</v>
      </c>
      <c r="B7990" s="14" t="s">
        <v>1</v>
      </c>
      <c r="C7990" s="14" t="s">
        <v>70</v>
      </c>
      <c r="D7990" s="14" t="s">
        <v>71</v>
      </c>
      <c r="E7990" s="15">
        <v>45701</v>
      </c>
      <c r="F7990" s="14" t="s">
        <v>72</v>
      </c>
      <c r="G7990" s="16">
        <v>0</v>
      </c>
    </row>
    <row r="7991" spans="1:7" x14ac:dyDescent="0.3">
      <c r="A7991" s="13" t="s">
        <v>69</v>
      </c>
      <c r="B7991" s="14" t="s">
        <v>1</v>
      </c>
      <c r="C7991" s="14" t="s">
        <v>70</v>
      </c>
      <c r="D7991" s="14" t="s">
        <v>71</v>
      </c>
      <c r="E7991" s="15">
        <v>45702</v>
      </c>
      <c r="F7991" s="14" t="s">
        <v>72</v>
      </c>
      <c r="G7991" s="16">
        <v>0</v>
      </c>
    </row>
    <row r="7992" spans="1:7" x14ac:dyDescent="0.3">
      <c r="A7992" s="13" t="s">
        <v>69</v>
      </c>
      <c r="B7992" s="14" t="s">
        <v>1</v>
      </c>
      <c r="C7992" s="14" t="s">
        <v>70</v>
      </c>
      <c r="D7992" s="14" t="s">
        <v>71</v>
      </c>
      <c r="E7992" s="15">
        <v>45703</v>
      </c>
      <c r="F7992" s="14" t="s">
        <v>72</v>
      </c>
      <c r="G7992" s="16">
        <v>0</v>
      </c>
    </row>
    <row r="7993" spans="1:7" x14ac:dyDescent="0.3">
      <c r="A7993" s="13" t="s">
        <v>69</v>
      </c>
      <c r="B7993" s="14" t="s">
        <v>1</v>
      </c>
      <c r="C7993" s="14" t="s">
        <v>70</v>
      </c>
      <c r="D7993" s="14" t="s">
        <v>71</v>
      </c>
      <c r="E7993" s="15">
        <v>45704</v>
      </c>
      <c r="F7993" s="14" t="s">
        <v>72</v>
      </c>
      <c r="G7993" s="16">
        <v>0</v>
      </c>
    </row>
    <row r="7994" spans="1:7" x14ac:dyDescent="0.3">
      <c r="A7994" s="13" t="s">
        <v>69</v>
      </c>
      <c r="B7994" s="14" t="s">
        <v>1</v>
      </c>
      <c r="C7994" s="14" t="s">
        <v>70</v>
      </c>
      <c r="D7994" s="14" t="s">
        <v>71</v>
      </c>
      <c r="E7994" s="15">
        <v>45705</v>
      </c>
      <c r="F7994" s="14" t="s">
        <v>72</v>
      </c>
      <c r="G7994" s="16">
        <v>0</v>
      </c>
    </row>
    <row r="7995" spans="1:7" x14ac:dyDescent="0.3">
      <c r="A7995" s="13" t="s">
        <v>69</v>
      </c>
      <c r="B7995" s="14" t="s">
        <v>1</v>
      </c>
      <c r="C7995" s="14" t="s">
        <v>70</v>
      </c>
      <c r="D7995" s="14" t="s">
        <v>71</v>
      </c>
      <c r="E7995" s="15">
        <v>45706</v>
      </c>
      <c r="F7995" s="14" t="s">
        <v>72</v>
      </c>
      <c r="G7995" s="16">
        <v>0</v>
      </c>
    </row>
    <row r="7996" spans="1:7" x14ac:dyDescent="0.3">
      <c r="A7996" s="13" t="s">
        <v>69</v>
      </c>
      <c r="B7996" s="14" t="s">
        <v>1</v>
      </c>
      <c r="C7996" s="14" t="s">
        <v>70</v>
      </c>
      <c r="D7996" s="14" t="s">
        <v>71</v>
      </c>
      <c r="E7996" s="15">
        <v>45707</v>
      </c>
      <c r="F7996" s="14" t="s">
        <v>72</v>
      </c>
      <c r="G7996" s="16">
        <v>0</v>
      </c>
    </row>
    <row r="7997" spans="1:7" x14ac:dyDescent="0.3">
      <c r="A7997" s="13" t="s">
        <v>69</v>
      </c>
      <c r="B7997" s="14" t="s">
        <v>1</v>
      </c>
      <c r="C7997" s="14" t="s">
        <v>70</v>
      </c>
      <c r="D7997" s="14" t="s">
        <v>71</v>
      </c>
      <c r="E7997" s="15">
        <v>45708</v>
      </c>
      <c r="F7997" s="14" t="s">
        <v>72</v>
      </c>
      <c r="G7997" s="16">
        <v>0</v>
      </c>
    </row>
    <row r="7998" spans="1:7" x14ac:dyDescent="0.3">
      <c r="A7998" s="13" t="s">
        <v>69</v>
      </c>
      <c r="B7998" s="14" t="s">
        <v>1</v>
      </c>
      <c r="C7998" s="14" t="s">
        <v>70</v>
      </c>
      <c r="D7998" s="14" t="s">
        <v>71</v>
      </c>
      <c r="E7998" s="15">
        <v>45709</v>
      </c>
      <c r="F7998" s="14" t="s">
        <v>72</v>
      </c>
      <c r="G7998" s="16">
        <v>0</v>
      </c>
    </row>
    <row r="7999" spans="1:7" x14ac:dyDescent="0.3">
      <c r="A7999" s="13" t="s">
        <v>69</v>
      </c>
      <c r="B7999" s="14" t="s">
        <v>1</v>
      </c>
      <c r="C7999" s="14" t="s">
        <v>70</v>
      </c>
      <c r="D7999" s="14" t="s">
        <v>71</v>
      </c>
      <c r="E7999" s="15">
        <v>45710</v>
      </c>
      <c r="F7999" s="14" t="s">
        <v>72</v>
      </c>
      <c r="G7999" s="16">
        <v>0</v>
      </c>
    </row>
    <row r="8000" spans="1:7" x14ac:dyDescent="0.3">
      <c r="A8000" s="13" t="s">
        <v>69</v>
      </c>
      <c r="B8000" s="14" t="s">
        <v>1</v>
      </c>
      <c r="C8000" s="14" t="s">
        <v>70</v>
      </c>
      <c r="D8000" s="14" t="s">
        <v>71</v>
      </c>
      <c r="E8000" s="15">
        <v>45711</v>
      </c>
      <c r="F8000" s="14" t="s">
        <v>72</v>
      </c>
      <c r="G8000" s="16">
        <v>0</v>
      </c>
    </row>
    <row r="8001" spans="1:7" x14ac:dyDescent="0.3">
      <c r="A8001" s="13" t="s">
        <v>69</v>
      </c>
      <c r="B8001" s="14" t="s">
        <v>1</v>
      </c>
      <c r="C8001" s="14" t="s">
        <v>70</v>
      </c>
      <c r="D8001" s="14" t="s">
        <v>71</v>
      </c>
      <c r="E8001" s="15">
        <v>45712</v>
      </c>
      <c r="F8001" s="14" t="s">
        <v>72</v>
      </c>
      <c r="G8001" s="16">
        <v>0</v>
      </c>
    </row>
    <row r="8002" spans="1:7" x14ac:dyDescent="0.3">
      <c r="A8002" s="13" t="s">
        <v>69</v>
      </c>
      <c r="B8002" s="14" t="s">
        <v>1</v>
      </c>
      <c r="C8002" s="14" t="s">
        <v>70</v>
      </c>
      <c r="D8002" s="14" t="s">
        <v>71</v>
      </c>
      <c r="E8002" s="15">
        <v>45713</v>
      </c>
      <c r="F8002" s="14" t="s">
        <v>72</v>
      </c>
      <c r="G8002" s="16">
        <v>0</v>
      </c>
    </row>
    <row r="8003" spans="1:7" x14ac:dyDescent="0.3">
      <c r="A8003" s="13" t="s">
        <v>69</v>
      </c>
      <c r="B8003" s="14" t="s">
        <v>1</v>
      </c>
      <c r="C8003" s="14" t="s">
        <v>70</v>
      </c>
      <c r="D8003" s="14" t="s">
        <v>71</v>
      </c>
      <c r="E8003" s="15">
        <v>45714</v>
      </c>
      <c r="F8003" s="14" t="s">
        <v>72</v>
      </c>
      <c r="G8003" s="16">
        <v>0</v>
      </c>
    </row>
    <row r="8004" spans="1:7" x14ac:dyDescent="0.3">
      <c r="A8004" s="13" t="s">
        <v>69</v>
      </c>
      <c r="B8004" s="14" t="s">
        <v>1</v>
      </c>
      <c r="C8004" s="14" t="s">
        <v>70</v>
      </c>
      <c r="D8004" s="14" t="s">
        <v>71</v>
      </c>
      <c r="E8004" s="15">
        <v>45715</v>
      </c>
      <c r="F8004" s="14" t="s">
        <v>72</v>
      </c>
      <c r="G8004" s="16">
        <v>0</v>
      </c>
    </row>
    <row r="8005" spans="1:7" x14ac:dyDescent="0.3">
      <c r="A8005" s="13" t="s">
        <v>69</v>
      </c>
      <c r="B8005" s="14" t="s">
        <v>1</v>
      </c>
      <c r="C8005" s="14" t="s">
        <v>70</v>
      </c>
      <c r="D8005" s="14" t="s">
        <v>71</v>
      </c>
      <c r="E8005" s="15">
        <v>45716</v>
      </c>
      <c r="F8005" s="14" t="s">
        <v>72</v>
      </c>
      <c r="G8005" s="16">
        <v>0</v>
      </c>
    </row>
    <row r="8006" spans="1:7" x14ac:dyDescent="0.3">
      <c r="A8006" s="13" t="s">
        <v>69</v>
      </c>
      <c r="B8006" s="14" t="s">
        <v>1</v>
      </c>
      <c r="C8006" s="14" t="s">
        <v>70</v>
      </c>
      <c r="D8006" s="14" t="s">
        <v>71</v>
      </c>
      <c r="E8006" s="15">
        <v>45717</v>
      </c>
      <c r="F8006" s="14" t="s">
        <v>72</v>
      </c>
      <c r="G8006" s="16">
        <v>0</v>
      </c>
    </row>
    <row r="8007" spans="1:7" x14ac:dyDescent="0.3">
      <c r="A8007" s="13" t="s">
        <v>69</v>
      </c>
      <c r="B8007" s="14" t="s">
        <v>1</v>
      </c>
      <c r="C8007" s="14" t="s">
        <v>70</v>
      </c>
      <c r="D8007" s="14" t="s">
        <v>71</v>
      </c>
      <c r="E8007" s="15">
        <v>45718</v>
      </c>
      <c r="F8007" s="14" t="s">
        <v>72</v>
      </c>
      <c r="G8007" s="16">
        <v>0</v>
      </c>
    </row>
    <row r="8008" spans="1:7" x14ac:dyDescent="0.3">
      <c r="A8008" s="13" t="s">
        <v>69</v>
      </c>
      <c r="B8008" s="14" t="s">
        <v>1</v>
      </c>
      <c r="C8008" s="14" t="s">
        <v>70</v>
      </c>
      <c r="D8008" s="14" t="s">
        <v>71</v>
      </c>
      <c r="E8008" s="15">
        <v>45719</v>
      </c>
      <c r="F8008" s="14" t="s">
        <v>72</v>
      </c>
      <c r="G8008" s="16">
        <v>0</v>
      </c>
    </row>
    <row r="8009" spans="1:7" x14ac:dyDescent="0.3">
      <c r="A8009" s="13" t="s">
        <v>69</v>
      </c>
      <c r="B8009" s="14" t="s">
        <v>1</v>
      </c>
      <c r="C8009" s="14" t="s">
        <v>70</v>
      </c>
      <c r="D8009" s="14" t="s">
        <v>71</v>
      </c>
      <c r="E8009" s="15">
        <v>45720</v>
      </c>
      <c r="F8009" s="14" t="s">
        <v>72</v>
      </c>
      <c r="G8009" s="16">
        <v>0</v>
      </c>
    </row>
    <row r="8010" spans="1:7" x14ac:dyDescent="0.3">
      <c r="A8010" s="13" t="s">
        <v>69</v>
      </c>
      <c r="B8010" s="14" t="s">
        <v>1</v>
      </c>
      <c r="C8010" s="14" t="s">
        <v>70</v>
      </c>
      <c r="D8010" s="14" t="s">
        <v>71</v>
      </c>
      <c r="E8010" s="15">
        <v>45721</v>
      </c>
      <c r="F8010" s="14" t="s">
        <v>72</v>
      </c>
      <c r="G8010" s="16">
        <v>0</v>
      </c>
    </row>
    <row r="8011" spans="1:7" x14ac:dyDescent="0.3">
      <c r="A8011" s="13" t="s">
        <v>69</v>
      </c>
      <c r="B8011" s="14" t="s">
        <v>1</v>
      </c>
      <c r="C8011" s="14" t="s">
        <v>70</v>
      </c>
      <c r="D8011" s="14" t="s">
        <v>71</v>
      </c>
      <c r="E8011" s="15">
        <v>45722</v>
      </c>
      <c r="F8011" s="14" t="s">
        <v>72</v>
      </c>
      <c r="G8011" s="16">
        <v>0</v>
      </c>
    </row>
    <row r="8012" spans="1:7" x14ac:dyDescent="0.3">
      <c r="A8012" s="13" t="s">
        <v>69</v>
      </c>
      <c r="B8012" s="14" t="s">
        <v>1</v>
      </c>
      <c r="C8012" s="14" t="s">
        <v>70</v>
      </c>
      <c r="D8012" s="14" t="s">
        <v>71</v>
      </c>
      <c r="E8012" s="15">
        <v>45723</v>
      </c>
      <c r="F8012" s="14" t="s">
        <v>72</v>
      </c>
      <c r="G8012" s="16">
        <v>0</v>
      </c>
    </row>
    <row r="8013" spans="1:7" x14ac:dyDescent="0.3">
      <c r="A8013" s="13" t="s">
        <v>69</v>
      </c>
      <c r="B8013" s="14" t="s">
        <v>1</v>
      </c>
      <c r="C8013" s="14" t="s">
        <v>70</v>
      </c>
      <c r="D8013" s="14" t="s">
        <v>71</v>
      </c>
      <c r="E8013" s="15">
        <v>45724</v>
      </c>
      <c r="F8013" s="14" t="s">
        <v>72</v>
      </c>
      <c r="G8013" s="16">
        <v>0</v>
      </c>
    </row>
    <row r="8014" spans="1:7" x14ac:dyDescent="0.3">
      <c r="A8014" s="13" t="s">
        <v>69</v>
      </c>
      <c r="B8014" s="14" t="s">
        <v>1</v>
      </c>
      <c r="C8014" s="14" t="s">
        <v>70</v>
      </c>
      <c r="D8014" s="14" t="s">
        <v>71</v>
      </c>
      <c r="E8014" s="15">
        <v>45725</v>
      </c>
      <c r="F8014" s="14" t="s">
        <v>72</v>
      </c>
      <c r="G8014" s="16">
        <v>0</v>
      </c>
    </row>
    <row r="8015" spans="1:7" x14ac:dyDescent="0.3">
      <c r="A8015" s="13" t="s">
        <v>69</v>
      </c>
      <c r="B8015" s="14" t="s">
        <v>1</v>
      </c>
      <c r="C8015" s="14" t="s">
        <v>70</v>
      </c>
      <c r="D8015" s="14" t="s">
        <v>71</v>
      </c>
      <c r="E8015" s="15">
        <v>45726</v>
      </c>
      <c r="F8015" s="14" t="s">
        <v>72</v>
      </c>
      <c r="G8015" s="16">
        <v>0</v>
      </c>
    </row>
    <row r="8016" spans="1:7" x14ac:dyDescent="0.3">
      <c r="A8016" s="13" t="s">
        <v>69</v>
      </c>
      <c r="B8016" s="14" t="s">
        <v>1</v>
      </c>
      <c r="C8016" s="14" t="s">
        <v>70</v>
      </c>
      <c r="D8016" s="14" t="s">
        <v>71</v>
      </c>
      <c r="E8016" s="15">
        <v>45727</v>
      </c>
      <c r="F8016" s="14" t="s">
        <v>72</v>
      </c>
      <c r="G8016" s="16">
        <v>0</v>
      </c>
    </row>
    <row r="8017" spans="1:7" x14ac:dyDescent="0.3">
      <c r="A8017" s="13" t="s">
        <v>69</v>
      </c>
      <c r="B8017" s="14" t="s">
        <v>1</v>
      </c>
      <c r="C8017" s="14" t="s">
        <v>70</v>
      </c>
      <c r="D8017" s="14" t="s">
        <v>71</v>
      </c>
      <c r="E8017" s="15">
        <v>45728</v>
      </c>
      <c r="F8017" s="14" t="s">
        <v>72</v>
      </c>
      <c r="G8017" s="16">
        <v>0</v>
      </c>
    </row>
    <row r="8018" spans="1:7" x14ac:dyDescent="0.3">
      <c r="A8018" s="13" t="s">
        <v>69</v>
      </c>
      <c r="B8018" s="14" t="s">
        <v>1</v>
      </c>
      <c r="C8018" s="14" t="s">
        <v>70</v>
      </c>
      <c r="D8018" s="14" t="s">
        <v>71</v>
      </c>
      <c r="E8018" s="15">
        <v>45729</v>
      </c>
      <c r="F8018" s="14" t="s">
        <v>72</v>
      </c>
      <c r="G8018" s="16">
        <v>0</v>
      </c>
    </row>
    <row r="8019" spans="1:7" x14ac:dyDescent="0.3">
      <c r="A8019" s="13" t="s">
        <v>69</v>
      </c>
      <c r="B8019" s="14" t="s">
        <v>1</v>
      </c>
      <c r="C8019" s="14" t="s">
        <v>70</v>
      </c>
      <c r="D8019" s="14" t="s">
        <v>71</v>
      </c>
      <c r="E8019" s="15">
        <v>45730</v>
      </c>
      <c r="F8019" s="14" t="s">
        <v>72</v>
      </c>
      <c r="G8019" s="16">
        <v>0</v>
      </c>
    </row>
    <row r="8020" spans="1:7" x14ac:dyDescent="0.3">
      <c r="A8020" s="13" t="s">
        <v>69</v>
      </c>
      <c r="B8020" s="14" t="s">
        <v>1</v>
      </c>
      <c r="C8020" s="14" t="s">
        <v>70</v>
      </c>
      <c r="D8020" s="14" t="s">
        <v>71</v>
      </c>
      <c r="E8020" s="15">
        <v>45731</v>
      </c>
      <c r="F8020" s="14" t="s">
        <v>72</v>
      </c>
      <c r="G8020" s="16">
        <v>0</v>
      </c>
    </row>
    <row r="8021" spans="1:7" x14ac:dyDescent="0.3">
      <c r="A8021" s="13" t="s">
        <v>69</v>
      </c>
      <c r="B8021" s="14" t="s">
        <v>1</v>
      </c>
      <c r="C8021" s="14" t="s">
        <v>70</v>
      </c>
      <c r="D8021" s="14" t="s">
        <v>71</v>
      </c>
      <c r="E8021" s="15">
        <v>45732</v>
      </c>
      <c r="F8021" s="14" t="s">
        <v>72</v>
      </c>
      <c r="G8021" s="16">
        <v>0</v>
      </c>
    </row>
    <row r="8022" spans="1:7" x14ac:dyDescent="0.3">
      <c r="A8022" s="13" t="s">
        <v>69</v>
      </c>
      <c r="B8022" s="14" t="s">
        <v>1</v>
      </c>
      <c r="C8022" s="14" t="s">
        <v>70</v>
      </c>
      <c r="D8022" s="14" t="s">
        <v>71</v>
      </c>
      <c r="E8022" s="15">
        <v>45733</v>
      </c>
      <c r="F8022" s="14" t="s">
        <v>72</v>
      </c>
      <c r="G8022" s="16">
        <v>0</v>
      </c>
    </row>
    <row r="8023" spans="1:7" x14ac:dyDescent="0.3">
      <c r="A8023" s="13" t="s">
        <v>69</v>
      </c>
      <c r="B8023" s="14" t="s">
        <v>1</v>
      </c>
      <c r="C8023" s="14" t="s">
        <v>70</v>
      </c>
      <c r="D8023" s="14" t="s">
        <v>71</v>
      </c>
      <c r="E8023" s="15">
        <v>45734</v>
      </c>
      <c r="F8023" s="14" t="s">
        <v>72</v>
      </c>
      <c r="G8023" s="16">
        <v>0</v>
      </c>
    </row>
    <row r="8024" spans="1:7" x14ac:dyDescent="0.3">
      <c r="A8024" s="13" t="s">
        <v>69</v>
      </c>
      <c r="B8024" s="14" t="s">
        <v>1</v>
      </c>
      <c r="C8024" s="14" t="s">
        <v>70</v>
      </c>
      <c r="D8024" s="14" t="s">
        <v>71</v>
      </c>
      <c r="E8024" s="15">
        <v>45735</v>
      </c>
      <c r="F8024" s="14" t="s">
        <v>72</v>
      </c>
      <c r="G8024" s="16">
        <v>0</v>
      </c>
    </row>
    <row r="8025" spans="1:7" x14ac:dyDescent="0.3">
      <c r="A8025" s="13" t="s">
        <v>69</v>
      </c>
      <c r="B8025" s="14" t="s">
        <v>1</v>
      </c>
      <c r="C8025" s="14" t="s">
        <v>70</v>
      </c>
      <c r="D8025" s="14" t="s">
        <v>71</v>
      </c>
      <c r="E8025" s="15">
        <v>45736</v>
      </c>
      <c r="F8025" s="14" t="s">
        <v>72</v>
      </c>
      <c r="G8025" s="16">
        <v>0</v>
      </c>
    </row>
    <row r="8026" spans="1:7" x14ac:dyDescent="0.3">
      <c r="A8026" s="13" t="s">
        <v>69</v>
      </c>
      <c r="B8026" s="14" t="s">
        <v>1</v>
      </c>
      <c r="C8026" s="14" t="s">
        <v>70</v>
      </c>
      <c r="D8026" s="14" t="s">
        <v>71</v>
      </c>
      <c r="E8026" s="15">
        <v>45737</v>
      </c>
      <c r="F8026" s="14" t="s">
        <v>72</v>
      </c>
      <c r="G8026" s="16">
        <v>0</v>
      </c>
    </row>
    <row r="8027" spans="1:7" x14ac:dyDescent="0.3">
      <c r="A8027" s="13" t="s">
        <v>69</v>
      </c>
      <c r="B8027" s="14" t="s">
        <v>1</v>
      </c>
      <c r="C8027" s="14" t="s">
        <v>70</v>
      </c>
      <c r="D8027" s="14" t="s">
        <v>71</v>
      </c>
      <c r="E8027" s="15">
        <v>45738</v>
      </c>
      <c r="F8027" s="14" t="s">
        <v>72</v>
      </c>
      <c r="G8027" s="16">
        <v>0</v>
      </c>
    </row>
    <row r="8028" spans="1:7" x14ac:dyDescent="0.3">
      <c r="A8028" s="13" t="s">
        <v>69</v>
      </c>
      <c r="B8028" s="14" t="s">
        <v>1</v>
      </c>
      <c r="C8028" s="14" t="s">
        <v>70</v>
      </c>
      <c r="D8028" s="14" t="s">
        <v>71</v>
      </c>
      <c r="E8028" s="15">
        <v>45739</v>
      </c>
      <c r="F8028" s="14" t="s">
        <v>72</v>
      </c>
      <c r="G8028" s="16">
        <v>0</v>
      </c>
    </row>
    <row r="8029" spans="1:7" x14ac:dyDescent="0.3">
      <c r="A8029" s="13" t="s">
        <v>69</v>
      </c>
      <c r="B8029" s="14" t="s">
        <v>1</v>
      </c>
      <c r="C8029" s="14" t="s">
        <v>70</v>
      </c>
      <c r="D8029" s="14" t="s">
        <v>71</v>
      </c>
      <c r="E8029" s="15">
        <v>45740</v>
      </c>
      <c r="F8029" s="14" t="s">
        <v>72</v>
      </c>
      <c r="G8029" s="16">
        <v>0</v>
      </c>
    </row>
    <row r="8030" spans="1:7" x14ac:dyDescent="0.3">
      <c r="A8030" s="13" t="s">
        <v>69</v>
      </c>
      <c r="B8030" s="14" t="s">
        <v>1</v>
      </c>
      <c r="C8030" s="14" t="s">
        <v>70</v>
      </c>
      <c r="D8030" s="14" t="s">
        <v>71</v>
      </c>
      <c r="E8030" s="15">
        <v>45741</v>
      </c>
      <c r="F8030" s="14" t="s">
        <v>72</v>
      </c>
      <c r="G8030" s="16">
        <v>0</v>
      </c>
    </row>
    <row r="8031" spans="1:7" x14ac:dyDescent="0.3">
      <c r="A8031" s="13" t="s">
        <v>69</v>
      </c>
      <c r="B8031" s="14" t="s">
        <v>1</v>
      </c>
      <c r="C8031" s="14" t="s">
        <v>70</v>
      </c>
      <c r="D8031" s="14" t="s">
        <v>71</v>
      </c>
      <c r="E8031" s="15">
        <v>45742</v>
      </c>
      <c r="F8031" s="14" t="s">
        <v>72</v>
      </c>
      <c r="G8031" s="16">
        <v>0</v>
      </c>
    </row>
    <row r="8032" spans="1:7" x14ac:dyDescent="0.3">
      <c r="A8032" s="13" t="s">
        <v>69</v>
      </c>
      <c r="B8032" s="14" t="s">
        <v>1</v>
      </c>
      <c r="C8032" s="14" t="s">
        <v>70</v>
      </c>
      <c r="D8032" s="14" t="s">
        <v>71</v>
      </c>
      <c r="E8032" s="15">
        <v>45743</v>
      </c>
      <c r="F8032" s="14" t="s">
        <v>72</v>
      </c>
      <c r="G8032" s="16">
        <v>0</v>
      </c>
    </row>
    <row r="8033" spans="1:7" x14ac:dyDescent="0.3">
      <c r="A8033" s="13" t="s">
        <v>69</v>
      </c>
      <c r="B8033" s="14" t="s">
        <v>1</v>
      </c>
      <c r="C8033" s="14" t="s">
        <v>70</v>
      </c>
      <c r="D8033" s="14" t="s">
        <v>71</v>
      </c>
      <c r="E8033" s="15">
        <v>45744</v>
      </c>
      <c r="F8033" s="14" t="s">
        <v>72</v>
      </c>
      <c r="G8033" s="16">
        <v>0</v>
      </c>
    </row>
    <row r="8034" spans="1:7" x14ac:dyDescent="0.3">
      <c r="A8034" s="13" t="s">
        <v>69</v>
      </c>
      <c r="B8034" s="14" t="s">
        <v>1</v>
      </c>
      <c r="C8034" s="14" t="s">
        <v>70</v>
      </c>
      <c r="D8034" s="14" t="s">
        <v>71</v>
      </c>
      <c r="E8034" s="15">
        <v>45745</v>
      </c>
      <c r="F8034" s="14" t="s">
        <v>72</v>
      </c>
      <c r="G8034" s="16">
        <v>0</v>
      </c>
    </row>
    <row r="8035" spans="1:7" x14ac:dyDescent="0.3">
      <c r="A8035" s="13" t="s">
        <v>69</v>
      </c>
      <c r="B8035" s="14" t="s">
        <v>1</v>
      </c>
      <c r="C8035" s="14" t="s">
        <v>70</v>
      </c>
      <c r="D8035" s="14" t="s">
        <v>71</v>
      </c>
      <c r="E8035" s="15">
        <v>45746</v>
      </c>
      <c r="F8035" s="14" t="s">
        <v>72</v>
      </c>
      <c r="G8035" s="16">
        <v>0</v>
      </c>
    </row>
    <row r="8036" spans="1:7" x14ac:dyDescent="0.3">
      <c r="A8036" s="13" t="s">
        <v>69</v>
      </c>
      <c r="B8036" s="14" t="s">
        <v>1</v>
      </c>
      <c r="C8036" s="14" t="s">
        <v>70</v>
      </c>
      <c r="D8036" s="14" t="s">
        <v>71</v>
      </c>
      <c r="E8036" s="15">
        <v>45747</v>
      </c>
      <c r="F8036" s="14" t="s">
        <v>72</v>
      </c>
      <c r="G8036" s="16">
        <v>0</v>
      </c>
    </row>
    <row r="8037" spans="1:7" x14ac:dyDescent="0.3">
      <c r="A8037" s="13" t="s">
        <v>73</v>
      </c>
      <c r="B8037" s="14" t="s">
        <v>1</v>
      </c>
      <c r="C8037" s="14" t="s">
        <v>59</v>
      </c>
      <c r="D8037" s="14" t="s">
        <v>74</v>
      </c>
      <c r="E8037" s="15">
        <v>45383</v>
      </c>
      <c r="F8037" s="14" t="s">
        <v>25</v>
      </c>
      <c r="G8037" s="16">
        <v>0</v>
      </c>
    </row>
    <row r="8038" spans="1:7" x14ac:dyDescent="0.3">
      <c r="A8038" s="13" t="s">
        <v>73</v>
      </c>
      <c r="B8038" s="14" t="s">
        <v>1</v>
      </c>
      <c r="C8038" s="14" t="s">
        <v>59</v>
      </c>
      <c r="D8038" s="14" t="s">
        <v>74</v>
      </c>
      <c r="E8038" s="15">
        <v>45384</v>
      </c>
      <c r="F8038" s="14" t="s">
        <v>25</v>
      </c>
      <c r="G8038" s="16">
        <v>0</v>
      </c>
    </row>
    <row r="8039" spans="1:7" x14ac:dyDescent="0.3">
      <c r="A8039" s="13" t="s">
        <v>73</v>
      </c>
      <c r="B8039" s="14" t="s">
        <v>1</v>
      </c>
      <c r="C8039" s="14" t="s">
        <v>59</v>
      </c>
      <c r="D8039" s="14" t="s">
        <v>74</v>
      </c>
      <c r="E8039" s="15">
        <v>45385</v>
      </c>
      <c r="F8039" s="14" t="s">
        <v>25</v>
      </c>
      <c r="G8039" s="16">
        <v>0</v>
      </c>
    </row>
    <row r="8040" spans="1:7" x14ac:dyDescent="0.3">
      <c r="A8040" s="13" t="s">
        <v>73</v>
      </c>
      <c r="B8040" s="14" t="s">
        <v>1</v>
      </c>
      <c r="C8040" s="14" t="s">
        <v>59</v>
      </c>
      <c r="D8040" s="14" t="s">
        <v>74</v>
      </c>
      <c r="E8040" s="15">
        <v>45386</v>
      </c>
      <c r="F8040" s="14" t="s">
        <v>25</v>
      </c>
      <c r="G8040" s="16">
        <v>0</v>
      </c>
    </row>
    <row r="8041" spans="1:7" x14ac:dyDescent="0.3">
      <c r="A8041" s="13" t="s">
        <v>73</v>
      </c>
      <c r="B8041" s="14" t="s">
        <v>1</v>
      </c>
      <c r="C8041" s="14" t="s">
        <v>59</v>
      </c>
      <c r="D8041" s="14" t="s">
        <v>74</v>
      </c>
      <c r="E8041" s="15">
        <v>45387</v>
      </c>
      <c r="F8041" s="14" t="s">
        <v>25</v>
      </c>
      <c r="G8041" s="16">
        <v>1.6325224047856616E-3</v>
      </c>
    </row>
    <row r="8042" spans="1:7" x14ac:dyDescent="0.3">
      <c r="A8042" s="13" t="s">
        <v>73</v>
      </c>
      <c r="B8042" s="14" t="s">
        <v>1</v>
      </c>
      <c r="C8042" s="14" t="s">
        <v>59</v>
      </c>
      <c r="D8042" s="14" t="s">
        <v>74</v>
      </c>
      <c r="E8042" s="15">
        <v>45388</v>
      </c>
      <c r="F8042" s="14" t="s">
        <v>25</v>
      </c>
      <c r="G8042" s="16">
        <v>1.6325224047856616E-3</v>
      </c>
    </row>
    <row r="8043" spans="1:7" x14ac:dyDescent="0.3">
      <c r="A8043" s="13" t="s">
        <v>73</v>
      </c>
      <c r="B8043" s="14" t="s">
        <v>1</v>
      </c>
      <c r="C8043" s="14" t="s">
        <v>59</v>
      </c>
      <c r="D8043" s="14" t="s">
        <v>74</v>
      </c>
      <c r="E8043" s="15">
        <v>45389</v>
      </c>
      <c r="F8043" s="14" t="s">
        <v>25</v>
      </c>
      <c r="G8043" s="16">
        <v>1.6325224047856616E-3</v>
      </c>
    </row>
    <row r="8044" spans="1:7" x14ac:dyDescent="0.3">
      <c r="A8044" s="13" t="s">
        <v>73</v>
      </c>
      <c r="B8044" s="14" t="s">
        <v>1</v>
      </c>
      <c r="C8044" s="14" t="s">
        <v>59</v>
      </c>
      <c r="D8044" s="14" t="s">
        <v>74</v>
      </c>
      <c r="E8044" s="15">
        <v>45390</v>
      </c>
      <c r="F8044" s="14" t="s">
        <v>25</v>
      </c>
      <c r="G8044" s="16">
        <v>0</v>
      </c>
    </row>
    <row r="8045" spans="1:7" x14ac:dyDescent="0.3">
      <c r="A8045" s="13" t="s">
        <v>73</v>
      </c>
      <c r="B8045" s="14" t="s">
        <v>1</v>
      </c>
      <c r="C8045" s="14" t="s">
        <v>59</v>
      </c>
      <c r="D8045" s="14" t="s">
        <v>74</v>
      </c>
      <c r="E8045" s="15">
        <v>45391</v>
      </c>
      <c r="F8045" s="14" t="s">
        <v>25</v>
      </c>
      <c r="G8045" s="16">
        <v>0</v>
      </c>
    </row>
    <row r="8046" spans="1:7" x14ac:dyDescent="0.3">
      <c r="A8046" s="13" t="s">
        <v>73</v>
      </c>
      <c r="B8046" s="14" t="s">
        <v>1</v>
      </c>
      <c r="C8046" s="14" t="s">
        <v>59</v>
      </c>
      <c r="D8046" s="14" t="s">
        <v>74</v>
      </c>
      <c r="E8046" s="15">
        <v>45392</v>
      </c>
      <c r="F8046" s="14" t="s">
        <v>25</v>
      </c>
      <c r="G8046" s="16">
        <v>0</v>
      </c>
    </row>
    <row r="8047" spans="1:7" x14ac:dyDescent="0.3">
      <c r="A8047" s="13" t="s">
        <v>73</v>
      </c>
      <c r="B8047" s="14" t="s">
        <v>1</v>
      </c>
      <c r="C8047" s="14" t="s">
        <v>59</v>
      </c>
      <c r="D8047" s="14" t="s">
        <v>74</v>
      </c>
      <c r="E8047" s="15">
        <v>45393</v>
      </c>
      <c r="F8047" s="14" t="s">
        <v>25</v>
      </c>
      <c r="G8047" s="16">
        <v>0</v>
      </c>
    </row>
    <row r="8048" spans="1:7" x14ac:dyDescent="0.3">
      <c r="A8048" s="13" t="s">
        <v>73</v>
      </c>
      <c r="B8048" s="14" t="s">
        <v>1</v>
      </c>
      <c r="C8048" s="14" t="s">
        <v>59</v>
      </c>
      <c r="D8048" s="14" t="s">
        <v>74</v>
      </c>
      <c r="E8048" s="15">
        <v>45394</v>
      </c>
      <c r="F8048" s="14" t="s">
        <v>25</v>
      </c>
      <c r="G8048" s="16">
        <v>0</v>
      </c>
    </row>
    <row r="8049" spans="1:7" x14ac:dyDescent="0.3">
      <c r="A8049" s="13" t="s">
        <v>73</v>
      </c>
      <c r="B8049" s="14" t="s">
        <v>1</v>
      </c>
      <c r="C8049" s="14" t="s">
        <v>59</v>
      </c>
      <c r="D8049" s="14" t="s">
        <v>74</v>
      </c>
      <c r="E8049" s="15">
        <v>45395</v>
      </c>
      <c r="F8049" s="14" t="s">
        <v>25</v>
      </c>
      <c r="G8049" s="16">
        <v>0</v>
      </c>
    </row>
    <row r="8050" spans="1:7" x14ac:dyDescent="0.3">
      <c r="A8050" s="13" t="s">
        <v>73</v>
      </c>
      <c r="B8050" s="14" t="s">
        <v>1</v>
      </c>
      <c r="C8050" s="14" t="s">
        <v>59</v>
      </c>
      <c r="D8050" s="14" t="s">
        <v>74</v>
      </c>
      <c r="E8050" s="15">
        <v>45396</v>
      </c>
      <c r="F8050" s="14" t="s">
        <v>25</v>
      </c>
      <c r="G8050" s="16">
        <v>0</v>
      </c>
    </row>
    <row r="8051" spans="1:7" x14ac:dyDescent="0.3">
      <c r="A8051" s="13" t="s">
        <v>73</v>
      </c>
      <c r="B8051" s="14" t="s">
        <v>1</v>
      </c>
      <c r="C8051" s="14" t="s">
        <v>59</v>
      </c>
      <c r="D8051" s="14" t="s">
        <v>74</v>
      </c>
      <c r="E8051" s="15">
        <v>45397</v>
      </c>
      <c r="F8051" s="14" t="s">
        <v>25</v>
      </c>
      <c r="G8051" s="16">
        <v>0</v>
      </c>
    </row>
    <row r="8052" spans="1:7" x14ac:dyDescent="0.3">
      <c r="A8052" s="13" t="s">
        <v>73</v>
      </c>
      <c r="B8052" s="14" t="s">
        <v>1</v>
      </c>
      <c r="C8052" s="14" t="s">
        <v>59</v>
      </c>
      <c r="D8052" s="14" t="s">
        <v>74</v>
      </c>
      <c r="E8052" s="15">
        <v>45398</v>
      </c>
      <c r="F8052" s="14" t="s">
        <v>25</v>
      </c>
      <c r="G8052" s="16">
        <v>0</v>
      </c>
    </row>
    <row r="8053" spans="1:7" x14ac:dyDescent="0.3">
      <c r="A8053" s="13" t="s">
        <v>73</v>
      </c>
      <c r="B8053" s="14" t="s">
        <v>1</v>
      </c>
      <c r="C8053" s="14" t="s">
        <v>59</v>
      </c>
      <c r="D8053" s="14" t="s">
        <v>74</v>
      </c>
      <c r="E8053" s="15">
        <v>45399</v>
      </c>
      <c r="F8053" s="14" t="s">
        <v>25</v>
      </c>
      <c r="G8053" s="16">
        <v>0</v>
      </c>
    </row>
    <row r="8054" spans="1:7" x14ac:dyDescent="0.3">
      <c r="A8054" s="13" t="s">
        <v>73</v>
      </c>
      <c r="B8054" s="14" t="s">
        <v>1</v>
      </c>
      <c r="C8054" s="14" t="s">
        <v>59</v>
      </c>
      <c r="D8054" s="14" t="s">
        <v>74</v>
      </c>
      <c r="E8054" s="15">
        <v>45400</v>
      </c>
      <c r="F8054" s="14" t="s">
        <v>25</v>
      </c>
      <c r="G8054" s="16">
        <v>0</v>
      </c>
    </row>
    <row r="8055" spans="1:7" x14ac:dyDescent="0.3">
      <c r="A8055" s="13" t="s">
        <v>73</v>
      </c>
      <c r="B8055" s="14" t="s">
        <v>1</v>
      </c>
      <c r="C8055" s="14" t="s">
        <v>59</v>
      </c>
      <c r="D8055" s="14" t="s">
        <v>74</v>
      </c>
      <c r="E8055" s="15">
        <v>45401</v>
      </c>
      <c r="F8055" s="14" t="s">
        <v>25</v>
      </c>
      <c r="G8055" s="16">
        <v>0</v>
      </c>
    </row>
    <row r="8056" spans="1:7" x14ac:dyDescent="0.3">
      <c r="A8056" s="13" t="s">
        <v>73</v>
      </c>
      <c r="B8056" s="14" t="s">
        <v>1</v>
      </c>
      <c r="C8056" s="14" t="s">
        <v>59</v>
      </c>
      <c r="D8056" s="14" t="s">
        <v>74</v>
      </c>
      <c r="E8056" s="15">
        <v>45402</v>
      </c>
      <c r="F8056" s="14" t="s">
        <v>25</v>
      </c>
      <c r="G8056" s="16">
        <v>0</v>
      </c>
    </row>
    <row r="8057" spans="1:7" x14ac:dyDescent="0.3">
      <c r="A8057" s="13" t="s">
        <v>73</v>
      </c>
      <c r="B8057" s="14" t="s">
        <v>1</v>
      </c>
      <c r="C8057" s="14" t="s">
        <v>59</v>
      </c>
      <c r="D8057" s="14" t="s">
        <v>74</v>
      </c>
      <c r="E8057" s="15">
        <v>45403</v>
      </c>
      <c r="F8057" s="14" t="s">
        <v>25</v>
      </c>
      <c r="G8057" s="16">
        <v>0</v>
      </c>
    </row>
    <row r="8058" spans="1:7" x14ac:dyDescent="0.3">
      <c r="A8058" s="13" t="s">
        <v>73</v>
      </c>
      <c r="B8058" s="14" t="s">
        <v>1</v>
      </c>
      <c r="C8058" s="14" t="s">
        <v>59</v>
      </c>
      <c r="D8058" s="14" t="s">
        <v>74</v>
      </c>
      <c r="E8058" s="15">
        <v>45404</v>
      </c>
      <c r="F8058" s="14" t="s">
        <v>25</v>
      </c>
      <c r="G8058" s="16">
        <v>0</v>
      </c>
    </row>
    <row r="8059" spans="1:7" x14ac:dyDescent="0.3">
      <c r="A8059" s="13" t="s">
        <v>73</v>
      </c>
      <c r="B8059" s="14" t="s">
        <v>1</v>
      </c>
      <c r="C8059" s="14" t="s">
        <v>59</v>
      </c>
      <c r="D8059" s="14" t="s">
        <v>74</v>
      </c>
      <c r="E8059" s="15">
        <v>45405</v>
      </c>
      <c r="F8059" s="14" t="s">
        <v>25</v>
      </c>
      <c r="G8059" s="16">
        <v>0</v>
      </c>
    </row>
    <row r="8060" spans="1:7" x14ac:dyDescent="0.3">
      <c r="A8060" s="13" t="s">
        <v>73</v>
      </c>
      <c r="B8060" s="14" t="s">
        <v>1</v>
      </c>
      <c r="C8060" s="14" t="s">
        <v>59</v>
      </c>
      <c r="D8060" s="14" t="s">
        <v>74</v>
      </c>
      <c r="E8060" s="15">
        <v>45406</v>
      </c>
      <c r="F8060" s="14" t="s">
        <v>25</v>
      </c>
      <c r="G8060" s="16">
        <v>0</v>
      </c>
    </row>
    <row r="8061" spans="1:7" x14ac:dyDescent="0.3">
      <c r="A8061" s="13" t="s">
        <v>73</v>
      </c>
      <c r="B8061" s="14" t="s">
        <v>1</v>
      </c>
      <c r="C8061" s="14" t="s">
        <v>59</v>
      </c>
      <c r="D8061" s="14" t="s">
        <v>74</v>
      </c>
      <c r="E8061" s="15">
        <v>45407</v>
      </c>
      <c r="F8061" s="14" t="s">
        <v>25</v>
      </c>
      <c r="G8061" s="16">
        <v>0</v>
      </c>
    </row>
    <row r="8062" spans="1:7" x14ac:dyDescent="0.3">
      <c r="A8062" s="13" t="s">
        <v>73</v>
      </c>
      <c r="B8062" s="14" t="s">
        <v>1</v>
      </c>
      <c r="C8062" s="14" t="s">
        <v>59</v>
      </c>
      <c r="D8062" s="14" t="s">
        <v>74</v>
      </c>
      <c r="E8062" s="15">
        <v>45408</v>
      </c>
      <c r="F8062" s="14" t="s">
        <v>25</v>
      </c>
      <c r="G8062" s="16">
        <v>0</v>
      </c>
    </row>
    <row r="8063" spans="1:7" x14ac:dyDescent="0.3">
      <c r="A8063" s="13" t="s">
        <v>73</v>
      </c>
      <c r="B8063" s="14" t="s">
        <v>1</v>
      </c>
      <c r="C8063" s="14" t="s">
        <v>59</v>
      </c>
      <c r="D8063" s="14" t="s">
        <v>74</v>
      </c>
      <c r="E8063" s="15">
        <v>45409</v>
      </c>
      <c r="F8063" s="14" t="s">
        <v>25</v>
      </c>
      <c r="G8063" s="16">
        <v>0</v>
      </c>
    </row>
    <row r="8064" spans="1:7" x14ac:dyDescent="0.3">
      <c r="A8064" s="13" t="s">
        <v>73</v>
      </c>
      <c r="B8064" s="14" t="s">
        <v>1</v>
      </c>
      <c r="C8064" s="14" t="s">
        <v>59</v>
      </c>
      <c r="D8064" s="14" t="s">
        <v>74</v>
      </c>
      <c r="E8064" s="15">
        <v>45410</v>
      </c>
      <c r="F8064" s="14" t="s">
        <v>25</v>
      </c>
      <c r="G8064" s="16">
        <v>0</v>
      </c>
    </row>
    <row r="8065" spans="1:7" x14ac:dyDescent="0.3">
      <c r="A8065" s="13" t="s">
        <v>73</v>
      </c>
      <c r="B8065" s="14" t="s">
        <v>1</v>
      </c>
      <c r="C8065" s="14" t="s">
        <v>59</v>
      </c>
      <c r="D8065" s="14" t="s">
        <v>74</v>
      </c>
      <c r="E8065" s="15">
        <v>45411</v>
      </c>
      <c r="F8065" s="14" t="s">
        <v>25</v>
      </c>
      <c r="G8065" s="16">
        <v>0</v>
      </c>
    </row>
    <row r="8066" spans="1:7" x14ac:dyDescent="0.3">
      <c r="A8066" s="13" t="s">
        <v>73</v>
      </c>
      <c r="B8066" s="14" t="s">
        <v>1</v>
      </c>
      <c r="C8066" s="14" t="s">
        <v>59</v>
      </c>
      <c r="D8066" s="14" t="s">
        <v>74</v>
      </c>
      <c r="E8066" s="15">
        <v>45412</v>
      </c>
      <c r="F8066" s="14" t="s">
        <v>25</v>
      </c>
      <c r="G8066" s="16">
        <v>0</v>
      </c>
    </row>
    <row r="8067" spans="1:7" x14ac:dyDescent="0.3">
      <c r="A8067" s="13" t="s">
        <v>73</v>
      </c>
      <c r="B8067" s="14" t="s">
        <v>1</v>
      </c>
      <c r="C8067" s="14" t="s">
        <v>59</v>
      </c>
      <c r="D8067" s="14" t="s">
        <v>74</v>
      </c>
      <c r="E8067" s="15">
        <v>45413</v>
      </c>
      <c r="F8067" s="14" t="s">
        <v>25</v>
      </c>
      <c r="G8067" s="16">
        <v>0</v>
      </c>
    </row>
    <row r="8068" spans="1:7" x14ac:dyDescent="0.3">
      <c r="A8068" s="13" t="s">
        <v>73</v>
      </c>
      <c r="B8068" s="14" t="s">
        <v>1</v>
      </c>
      <c r="C8068" s="14" t="s">
        <v>59</v>
      </c>
      <c r="D8068" s="14" t="s">
        <v>74</v>
      </c>
      <c r="E8068" s="15">
        <v>45414</v>
      </c>
      <c r="F8068" s="14" t="s">
        <v>25</v>
      </c>
      <c r="G8068" s="16">
        <v>0</v>
      </c>
    </row>
    <row r="8069" spans="1:7" x14ac:dyDescent="0.3">
      <c r="A8069" s="13" t="s">
        <v>73</v>
      </c>
      <c r="B8069" s="14" t="s">
        <v>1</v>
      </c>
      <c r="C8069" s="14" t="s">
        <v>59</v>
      </c>
      <c r="D8069" s="14" t="s">
        <v>74</v>
      </c>
      <c r="E8069" s="15">
        <v>45415</v>
      </c>
      <c r="F8069" s="14" t="s">
        <v>25</v>
      </c>
      <c r="G8069" s="16">
        <v>0</v>
      </c>
    </row>
    <row r="8070" spans="1:7" x14ac:dyDescent="0.3">
      <c r="A8070" s="13" t="s">
        <v>73</v>
      </c>
      <c r="B8070" s="14" t="s">
        <v>1</v>
      </c>
      <c r="C8070" s="14" t="s">
        <v>59</v>
      </c>
      <c r="D8070" s="14" t="s">
        <v>74</v>
      </c>
      <c r="E8070" s="15">
        <v>45416</v>
      </c>
      <c r="F8070" s="14" t="s">
        <v>25</v>
      </c>
      <c r="G8070" s="16">
        <v>0</v>
      </c>
    </row>
    <row r="8071" spans="1:7" x14ac:dyDescent="0.3">
      <c r="A8071" s="13" t="s">
        <v>73</v>
      </c>
      <c r="B8071" s="14" t="s">
        <v>1</v>
      </c>
      <c r="C8071" s="14" t="s">
        <v>59</v>
      </c>
      <c r="D8071" s="14" t="s">
        <v>74</v>
      </c>
      <c r="E8071" s="15">
        <v>45417</v>
      </c>
      <c r="F8071" s="14" t="s">
        <v>25</v>
      </c>
      <c r="G8071" s="16">
        <v>0</v>
      </c>
    </row>
    <row r="8072" spans="1:7" x14ac:dyDescent="0.3">
      <c r="A8072" s="13" t="s">
        <v>73</v>
      </c>
      <c r="B8072" s="14" t="s">
        <v>1</v>
      </c>
      <c r="C8072" s="14" t="s">
        <v>59</v>
      </c>
      <c r="D8072" s="14" t="s">
        <v>74</v>
      </c>
      <c r="E8072" s="15">
        <v>45418</v>
      </c>
      <c r="F8072" s="14" t="s">
        <v>25</v>
      </c>
      <c r="G8072" s="16">
        <v>0</v>
      </c>
    </row>
    <row r="8073" spans="1:7" x14ac:dyDescent="0.3">
      <c r="A8073" s="13" t="s">
        <v>73</v>
      </c>
      <c r="B8073" s="14" t="s">
        <v>1</v>
      </c>
      <c r="C8073" s="14" t="s">
        <v>59</v>
      </c>
      <c r="D8073" s="14" t="s">
        <v>74</v>
      </c>
      <c r="E8073" s="15">
        <v>45419</v>
      </c>
      <c r="F8073" s="14" t="s">
        <v>25</v>
      </c>
      <c r="G8073" s="16">
        <v>0</v>
      </c>
    </row>
    <row r="8074" spans="1:7" x14ac:dyDescent="0.3">
      <c r="A8074" s="13" t="s">
        <v>73</v>
      </c>
      <c r="B8074" s="14" t="s">
        <v>1</v>
      </c>
      <c r="C8074" s="14" t="s">
        <v>59</v>
      </c>
      <c r="D8074" s="14" t="s">
        <v>74</v>
      </c>
      <c r="E8074" s="15">
        <v>45420</v>
      </c>
      <c r="F8074" s="14" t="s">
        <v>25</v>
      </c>
      <c r="G8074" s="16">
        <v>0</v>
      </c>
    </row>
    <row r="8075" spans="1:7" x14ac:dyDescent="0.3">
      <c r="A8075" s="13" t="s">
        <v>73</v>
      </c>
      <c r="B8075" s="14" t="s">
        <v>1</v>
      </c>
      <c r="C8075" s="14" t="s">
        <v>59</v>
      </c>
      <c r="D8075" s="14" t="s">
        <v>74</v>
      </c>
      <c r="E8075" s="15">
        <v>45421</v>
      </c>
      <c r="F8075" s="14" t="s">
        <v>25</v>
      </c>
      <c r="G8075" s="16">
        <v>0</v>
      </c>
    </row>
    <row r="8076" spans="1:7" x14ac:dyDescent="0.3">
      <c r="A8076" s="13" t="s">
        <v>73</v>
      </c>
      <c r="B8076" s="14" t="s">
        <v>1</v>
      </c>
      <c r="C8076" s="14" t="s">
        <v>59</v>
      </c>
      <c r="D8076" s="14" t="s">
        <v>74</v>
      </c>
      <c r="E8076" s="15">
        <v>45422</v>
      </c>
      <c r="F8076" s="14" t="s">
        <v>25</v>
      </c>
      <c r="G8076" s="16">
        <v>0</v>
      </c>
    </row>
    <row r="8077" spans="1:7" x14ac:dyDescent="0.3">
      <c r="A8077" s="13" t="s">
        <v>73</v>
      </c>
      <c r="B8077" s="14" t="s">
        <v>1</v>
      </c>
      <c r="C8077" s="14" t="s">
        <v>59</v>
      </c>
      <c r="D8077" s="14" t="s">
        <v>74</v>
      </c>
      <c r="E8077" s="15">
        <v>45423</v>
      </c>
      <c r="F8077" s="14" t="s">
        <v>25</v>
      </c>
      <c r="G8077" s="16">
        <v>0</v>
      </c>
    </row>
    <row r="8078" spans="1:7" x14ac:dyDescent="0.3">
      <c r="A8078" s="13" t="s">
        <v>73</v>
      </c>
      <c r="B8078" s="14" t="s">
        <v>1</v>
      </c>
      <c r="C8078" s="14" t="s">
        <v>59</v>
      </c>
      <c r="D8078" s="14" t="s">
        <v>74</v>
      </c>
      <c r="E8078" s="15">
        <v>45424</v>
      </c>
      <c r="F8078" s="14" t="s">
        <v>25</v>
      </c>
      <c r="G8078" s="16">
        <v>0</v>
      </c>
    </row>
    <row r="8079" spans="1:7" x14ac:dyDescent="0.3">
      <c r="A8079" s="13" t="s">
        <v>73</v>
      </c>
      <c r="B8079" s="14" t="s">
        <v>1</v>
      </c>
      <c r="C8079" s="14" t="s">
        <v>59</v>
      </c>
      <c r="D8079" s="14" t="s">
        <v>74</v>
      </c>
      <c r="E8079" s="15">
        <v>45425</v>
      </c>
      <c r="F8079" s="14" t="s">
        <v>25</v>
      </c>
      <c r="G8079" s="16">
        <v>0</v>
      </c>
    </row>
    <row r="8080" spans="1:7" x14ac:dyDescent="0.3">
      <c r="A8080" s="13" t="s">
        <v>73</v>
      </c>
      <c r="B8080" s="14" t="s">
        <v>1</v>
      </c>
      <c r="C8080" s="14" t="s">
        <v>59</v>
      </c>
      <c r="D8080" s="14" t="s">
        <v>74</v>
      </c>
      <c r="E8080" s="15">
        <v>45426</v>
      </c>
      <c r="F8080" s="14" t="s">
        <v>25</v>
      </c>
      <c r="G8080" s="16">
        <v>0</v>
      </c>
    </row>
    <row r="8081" spans="1:7" x14ac:dyDescent="0.3">
      <c r="A8081" s="13" t="s">
        <v>73</v>
      </c>
      <c r="B8081" s="14" t="s">
        <v>1</v>
      </c>
      <c r="C8081" s="14" t="s">
        <v>59</v>
      </c>
      <c r="D8081" s="14" t="s">
        <v>74</v>
      </c>
      <c r="E8081" s="15">
        <v>45427</v>
      </c>
      <c r="F8081" s="14" t="s">
        <v>25</v>
      </c>
      <c r="G8081" s="16">
        <v>0</v>
      </c>
    </row>
    <row r="8082" spans="1:7" x14ac:dyDescent="0.3">
      <c r="A8082" s="13" t="s">
        <v>73</v>
      </c>
      <c r="B8082" s="14" t="s">
        <v>1</v>
      </c>
      <c r="C8082" s="14" t="s">
        <v>59</v>
      </c>
      <c r="D8082" s="14" t="s">
        <v>74</v>
      </c>
      <c r="E8082" s="15">
        <v>45428</v>
      </c>
      <c r="F8082" s="14" t="s">
        <v>25</v>
      </c>
      <c r="G8082" s="16">
        <v>0</v>
      </c>
    </row>
    <row r="8083" spans="1:7" x14ac:dyDescent="0.3">
      <c r="A8083" s="13" t="s">
        <v>73</v>
      </c>
      <c r="B8083" s="14" t="s">
        <v>1</v>
      </c>
      <c r="C8083" s="14" t="s">
        <v>59</v>
      </c>
      <c r="D8083" s="14" t="s">
        <v>74</v>
      </c>
      <c r="E8083" s="15">
        <v>45429</v>
      </c>
      <c r="F8083" s="14" t="s">
        <v>25</v>
      </c>
      <c r="G8083" s="16">
        <v>9.9547925259527437E-2</v>
      </c>
    </row>
    <row r="8084" spans="1:7" x14ac:dyDescent="0.3">
      <c r="A8084" s="13" t="s">
        <v>73</v>
      </c>
      <c r="B8084" s="14" t="s">
        <v>1</v>
      </c>
      <c r="C8084" s="14" t="s">
        <v>59</v>
      </c>
      <c r="D8084" s="14" t="s">
        <v>74</v>
      </c>
      <c r="E8084" s="15">
        <v>45430</v>
      </c>
      <c r="F8084" s="14" t="s">
        <v>25</v>
      </c>
      <c r="G8084" s="16">
        <v>9.9547925259527437E-2</v>
      </c>
    </row>
    <row r="8085" spans="1:7" x14ac:dyDescent="0.3">
      <c r="A8085" s="13" t="s">
        <v>73</v>
      </c>
      <c r="B8085" s="14" t="s">
        <v>1</v>
      </c>
      <c r="C8085" s="14" t="s">
        <v>59</v>
      </c>
      <c r="D8085" s="14" t="s">
        <v>74</v>
      </c>
      <c r="E8085" s="15">
        <v>45431</v>
      </c>
      <c r="F8085" s="14" t="s">
        <v>25</v>
      </c>
      <c r="G8085" s="16">
        <v>9.9547925259527437E-2</v>
      </c>
    </row>
    <row r="8086" spans="1:7" x14ac:dyDescent="0.3">
      <c r="A8086" s="13" t="s">
        <v>73</v>
      </c>
      <c r="B8086" s="14" t="s">
        <v>1</v>
      </c>
      <c r="C8086" s="14" t="s">
        <v>59</v>
      </c>
      <c r="D8086" s="14" t="s">
        <v>74</v>
      </c>
      <c r="E8086" s="15">
        <v>45432</v>
      </c>
      <c r="F8086" s="14" t="s">
        <v>25</v>
      </c>
      <c r="G8086" s="16">
        <v>9.9547925259527437E-2</v>
      </c>
    </row>
    <row r="8087" spans="1:7" x14ac:dyDescent="0.3">
      <c r="A8087" s="13" t="s">
        <v>73</v>
      </c>
      <c r="B8087" s="14" t="s">
        <v>1</v>
      </c>
      <c r="C8087" s="14" t="s">
        <v>59</v>
      </c>
      <c r="D8087" s="14" t="s">
        <v>74</v>
      </c>
      <c r="E8087" s="15">
        <v>45433</v>
      </c>
      <c r="F8087" s="14" t="s">
        <v>25</v>
      </c>
      <c r="G8087" s="16">
        <v>9.6847729282375755E-2</v>
      </c>
    </row>
    <row r="8088" spans="1:7" x14ac:dyDescent="0.3">
      <c r="A8088" s="13" t="s">
        <v>73</v>
      </c>
      <c r="B8088" s="14" t="s">
        <v>1</v>
      </c>
      <c r="C8088" s="14" t="s">
        <v>59</v>
      </c>
      <c r="D8088" s="14" t="s">
        <v>74</v>
      </c>
      <c r="E8088" s="15">
        <v>45434</v>
      </c>
      <c r="F8088" s="14" t="s">
        <v>25</v>
      </c>
      <c r="G8088" s="16">
        <v>8.5506879642178846E-2</v>
      </c>
    </row>
    <row r="8089" spans="1:7" x14ac:dyDescent="0.3">
      <c r="A8089" s="13" t="s">
        <v>73</v>
      </c>
      <c r="B8089" s="14" t="s">
        <v>1</v>
      </c>
      <c r="C8089" s="14" t="s">
        <v>59</v>
      </c>
      <c r="D8089" s="14" t="s">
        <v>74</v>
      </c>
      <c r="E8089" s="15">
        <v>45435</v>
      </c>
      <c r="F8089" s="14" t="s">
        <v>25</v>
      </c>
      <c r="G8089" s="16">
        <v>8.2453085041428106E-2</v>
      </c>
    </row>
    <row r="8090" spans="1:7" x14ac:dyDescent="0.3">
      <c r="A8090" s="13" t="s">
        <v>73</v>
      </c>
      <c r="B8090" s="14" t="s">
        <v>1</v>
      </c>
      <c r="C8090" s="14" t="s">
        <v>59</v>
      </c>
      <c r="D8090" s="14" t="s">
        <v>74</v>
      </c>
      <c r="E8090" s="15">
        <v>45436</v>
      </c>
      <c r="F8090" s="14" t="s">
        <v>25</v>
      </c>
      <c r="G8090" s="16">
        <v>7.958305136360988E-2</v>
      </c>
    </row>
    <row r="8091" spans="1:7" x14ac:dyDescent="0.3">
      <c r="A8091" s="13" t="s">
        <v>73</v>
      </c>
      <c r="B8091" s="14" t="s">
        <v>1</v>
      </c>
      <c r="C8091" s="14" t="s">
        <v>59</v>
      </c>
      <c r="D8091" s="14" t="s">
        <v>74</v>
      </c>
      <c r="E8091" s="15">
        <v>45437</v>
      </c>
      <c r="F8091" s="14" t="s">
        <v>25</v>
      </c>
      <c r="G8091" s="16">
        <v>7.958305136360988E-2</v>
      </c>
    </row>
    <row r="8092" spans="1:7" x14ac:dyDescent="0.3">
      <c r="A8092" s="13" t="s">
        <v>73</v>
      </c>
      <c r="B8092" s="14" t="s">
        <v>1</v>
      </c>
      <c r="C8092" s="14" t="s">
        <v>59</v>
      </c>
      <c r="D8092" s="14" t="s">
        <v>74</v>
      </c>
      <c r="E8092" s="15">
        <v>45438</v>
      </c>
      <c r="F8092" s="14" t="s">
        <v>25</v>
      </c>
      <c r="G8092" s="16">
        <v>7.958305136360988E-2</v>
      </c>
    </row>
    <row r="8093" spans="1:7" x14ac:dyDescent="0.3">
      <c r="A8093" s="13" t="s">
        <v>73</v>
      </c>
      <c r="B8093" s="14" t="s">
        <v>1</v>
      </c>
      <c r="C8093" s="14" t="s">
        <v>59</v>
      </c>
      <c r="D8093" s="14" t="s">
        <v>74</v>
      </c>
      <c r="E8093" s="15">
        <v>45439</v>
      </c>
      <c r="F8093" s="14" t="s">
        <v>25</v>
      </c>
      <c r="G8093" s="16">
        <v>7.6578800003622577E-2</v>
      </c>
    </row>
    <row r="8094" spans="1:7" x14ac:dyDescent="0.3">
      <c r="A8094" s="13" t="s">
        <v>73</v>
      </c>
      <c r="B8094" s="14" t="s">
        <v>1</v>
      </c>
      <c r="C8094" s="14" t="s">
        <v>59</v>
      </c>
      <c r="D8094" s="14" t="s">
        <v>74</v>
      </c>
      <c r="E8094" s="15">
        <v>45440</v>
      </c>
      <c r="F8094" s="14" t="s">
        <v>25</v>
      </c>
      <c r="G8094" s="16">
        <v>6.7731410418571017E-2</v>
      </c>
    </row>
    <row r="8095" spans="1:7" x14ac:dyDescent="0.3">
      <c r="A8095" s="13" t="s">
        <v>73</v>
      </c>
      <c r="B8095" s="14" t="s">
        <v>1</v>
      </c>
      <c r="C8095" s="14" t="s">
        <v>59</v>
      </c>
      <c r="D8095" s="14" t="s">
        <v>74</v>
      </c>
      <c r="E8095" s="15">
        <v>45441</v>
      </c>
      <c r="F8095" s="14" t="s">
        <v>25</v>
      </c>
      <c r="G8095" s="16">
        <v>6.4892586058875323E-2</v>
      </c>
    </row>
    <row r="8096" spans="1:7" x14ac:dyDescent="0.3">
      <c r="A8096" s="13" t="s">
        <v>73</v>
      </c>
      <c r="B8096" s="14" t="s">
        <v>1</v>
      </c>
      <c r="C8096" s="14" t="s">
        <v>59</v>
      </c>
      <c r="D8096" s="14" t="s">
        <v>74</v>
      </c>
      <c r="E8096" s="15">
        <v>45442</v>
      </c>
      <c r="F8096" s="14" t="s">
        <v>25</v>
      </c>
      <c r="G8096" s="16">
        <v>6.129143661170821E-2</v>
      </c>
    </row>
    <row r="8097" spans="1:7" x14ac:dyDescent="0.3">
      <c r="A8097" s="13" t="s">
        <v>73</v>
      </c>
      <c r="B8097" s="14" t="s">
        <v>1</v>
      </c>
      <c r="C8097" s="14" t="s">
        <v>59</v>
      </c>
      <c r="D8097" s="14" t="s">
        <v>74</v>
      </c>
      <c r="E8097" s="15">
        <v>45443</v>
      </c>
      <c r="F8097" s="14" t="s">
        <v>25</v>
      </c>
      <c r="G8097" s="16">
        <v>5.8351756181391039E-2</v>
      </c>
    </row>
    <row r="8098" spans="1:7" x14ac:dyDescent="0.3">
      <c r="A8098" s="13" t="s">
        <v>73</v>
      </c>
      <c r="B8098" s="14" t="s">
        <v>1</v>
      </c>
      <c r="C8098" s="14" t="s">
        <v>59</v>
      </c>
      <c r="D8098" s="14" t="s">
        <v>74</v>
      </c>
      <c r="E8098" s="15">
        <v>45444</v>
      </c>
      <c r="F8098" s="14" t="s">
        <v>25</v>
      </c>
      <c r="G8098" s="16">
        <v>5.8351756181391039E-2</v>
      </c>
    </row>
    <row r="8099" spans="1:7" x14ac:dyDescent="0.3">
      <c r="A8099" s="13" t="s">
        <v>73</v>
      </c>
      <c r="B8099" s="14" t="s">
        <v>1</v>
      </c>
      <c r="C8099" s="14" t="s">
        <v>59</v>
      </c>
      <c r="D8099" s="14" t="s">
        <v>74</v>
      </c>
      <c r="E8099" s="15">
        <v>45445</v>
      </c>
      <c r="F8099" s="14" t="s">
        <v>25</v>
      </c>
      <c r="G8099" s="16">
        <v>5.8351756181391039E-2</v>
      </c>
    </row>
    <row r="8100" spans="1:7" x14ac:dyDescent="0.3">
      <c r="A8100" s="13" t="s">
        <v>73</v>
      </c>
      <c r="B8100" s="14" t="s">
        <v>1</v>
      </c>
      <c r="C8100" s="14" t="s">
        <v>59</v>
      </c>
      <c r="D8100" s="14" t="s">
        <v>74</v>
      </c>
      <c r="E8100" s="15">
        <v>45446</v>
      </c>
      <c r="F8100" s="14" t="s">
        <v>25</v>
      </c>
      <c r="G8100" s="16">
        <v>5.8351756181391039E-2</v>
      </c>
    </row>
    <row r="8101" spans="1:7" x14ac:dyDescent="0.3">
      <c r="A8101" s="13" t="s">
        <v>73</v>
      </c>
      <c r="B8101" s="14" t="s">
        <v>1</v>
      </c>
      <c r="C8101" s="14" t="s">
        <v>59</v>
      </c>
      <c r="D8101" s="14" t="s">
        <v>74</v>
      </c>
      <c r="E8101" s="15">
        <v>45447</v>
      </c>
      <c r="F8101" s="14" t="s">
        <v>25</v>
      </c>
      <c r="G8101" s="16">
        <v>5.4721327945666851E-2</v>
      </c>
    </row>
    <row r="8102" spans="1:7" x14ac:dyDescent="0.3">
      <c r="A8102" s="13" t="s">
        <v>73</v>
      </c>
      <c r="B8102" s="14" t="s">
        <v>1</v>
      </c>
      <c r="C8102" s="14" t="s">
        <v>59</v>
      </c>
      <c r="D8102" s="14" t="s">
        <v>74</v>
      </c>
      <c r="E8102" s="15">
        <v>45448</v>
      </c>
      <c r="F8102" s="14" t="s">
        <v>25</v>
      </c>
      <c r="G8102" s="16">
        <v>0.11542459611188929</v>
      </c>
    </row>
    <row r="8103" spans="1:7" x14ac:dyDescent="0.3">
      <c r="A8103" s="13" t="s">
        <v>73</v>
      </c>
      <c r="B8103" s="14" t="s">
        <v>1</v>
      </c>
      <c r="C8103" s="14" t="s">
        <v>59</v>
      </c>
      <c r="D8103" s="14" t="s">
        <v>74</v>
      </c>
      <c r="E8103" s="15">
        <v>45449</v>
      </c>
      <c r="F8103" s="14" t="s">
        <v>25</v>
      </c>
      <c r="G8103" s="16">
        <v>0.11198633029009535</v>
      </c>
    </row>
    <row r="8104" spans="1:7" x14ac:dyDescent="0.3">
      <c r="A8104" s="13" t="s">
        <v>73</v>
      </c>
      <c r="B8104" s="14" t="s">
        <v>1</v>
      </c>
      <c r="C8104" s="14" t="s">
        <v>59</v>
      </c>
      <c r="D8104" s="14" t="s">
        <v>74</v>
      </c>
      <c r="E8104" s="15">
        <v>45450</v>
      </c>
      <c r="F8104" s="14" t="s">
        <v>25</v>
      </c>
      <c r="G8104" s="16">
        <v>0.10991493561535527</v>
      </c>
    </row>
    <row r="8105" spans="1:7" x14ac:dyDescent="0.3">
      <c r="A8105" s="13" t="s">
        <v>73</v>
      </c>
      <c r="B8105" s="14" t="s">
        <v>1</v>
      </c>
      <c r="C8105" s="14" t="s">
        <v>59</v>
      </c>
      <c r="D8105" s="14" t="s">
        <v>74</v>
      </c>
      <c r="E8105" s="15">
        <v>45451</v>
      </c>
      <c r="F8105" s="14" t="s">
        <v>25</v>
      </c>
      <c r="G8105" s="16">
        <v>0.10991493561535527</v>
      </c>
    </row>
    <row r="8106" spans="1:7" x14ac:dyDescent="0.3">
      <c r="A8106" s="13" t="s">
        <v>73</v>
      </c>
      <c r="B8106" s="14" t="s">
        <v>1</v>
      </c>
      <c r="C8106" s="14" t="s">
        <v>59</v>
      </c>
      <c r="D8106" s="14" t="s">
        <v>74</v>
      </c>
      <c r="E8106" s="15">
        <v>45452</v>
      </c>
      <c r="F8106" s="14" t="s">
        <v>25</v>
      </c>
      <c r="G8106" s="16">
        <v>0.10991493561535527</v>
      </c>
    </row>
    <row r="8107" spans="1:7" x14ac:dyDescent="0.3">
      <c r="A8107" s="13" t="s">
        <v>73</v>
      </c>
      <c r="B8107" s="14" t="s">
        <v>1</v>
      </c>
      <c r="C8107" s="14" t="s">
        <v>59</v>
      </c>
      <c r="D8107" s="14" t="s">
        <v>74</v>
      </c>
      <c r="E8107" s="15">
        <v>45453</v>
      </c>
      <c r="F8107" s="14" t="s">
        <v>25</v>
      </c>
      <c r="G8107" s="16">
        <v>0.10701656084229992</v>
      </c>
    </row>
    <row r="8108" spans="1:7" x14ac:dyDescent="0.3">
      <c r="A8108" s="13" t="s">
        <v>73</v>
      </c>
      <c r="B8108" s="14" t="s">
        <v>1</v>
      </c>
      <c r="C8108" s="14" t="s">
        <v>59</v>
      </c>
      <c r="D8108" s="14" t="s">
        <v>74</v>
      </c>
      <c r="E8108" s="15">
        <v>45454</v>
      </c>
      <c r="F8108" s="14" t="s">
        <v>25</v>
      </c>
      <c r="G8108" s="16">
        <v>9.8334947776822501E-2</v>
      </c>
    </row>
    <row r="8109" spans="1:7" x14ac:dyDescent="0.3">
      <c r="A8109" s="13" t="s">
        <v>73</v>
      </c>
      <c r="B8109" s="14" t="s">
        <v>1</v>
      </c>
      <c r="C8109" s="14" t="s">
        <v>59</v>
      </c>
      <c r="D8109" s="14" t="s">
        <v>74</v>
      </c>
      <c r="E8109" s="15">
        <v>45455</v>
      </c>
      <c r="F8109" s="14" t="s">
        <v>25</v>
      </c>
      <c r="G8109" s="16">
        <v>9.5069087205155334E-2</v>
      </c>
    </row>
    <row r="8110" spans="1:7" x14ac:dyDescent="0.3">
      <c r="A8110" s="13" t="s">
        <v>73</v>
      </c>
      <c r="B8110" s="14" t="s">
        <v>1</v>
      </c>
      <c r="C8110" s="14" t="s">
        <v>59</v>
      </c>
      <c r="D8110" s="14" t="s">
        <v>74</v>
      </c>
      <c r="E8110" s="15">
        <v>45456</v>
      </c>
      <c r="F8110" s="14" t="s">
        <v>25</v>
      </c>
      <c r="G8110" s="16">
        <v>9.2129591008174361E-2</v>
      </c>
    </row>
    <row r="8111" spans="1:7" x14ac:dyDescent="0.3">
      <c r="A8111" s="13" t="s">
        <v>73</v>
      </c>
      <c r="B8111" s="14" t="s">
        <v>1</v>
      </c>
      <c r="C8111" s="14" t="s">
        <v>59</v>
      </c>
      <c r="D8111" s="14" t="s">
        <v>74</v>
      </c>
      <c r="E8111" s="15">
        <v>45457</v>
      </c>
      <c r="F8111" s="14" t="s">
        <v>25</v>
      </c>
      <c r="G8111" s="16">
        <v>0.14298039825783146</v>
      </c>
    </row>
    <row r="8112" spans="1:7" x14ac:dyDescent="0.3">
      <c r="A8112" s="13" t="s">
        <v>73</v>
      </c>
      <c r="B8112" s="14" t="s">
        <v>1</v>
      </c>
      <c r="C8112" s="14" t="s">
        <v>59</v>
      </c>
      <c r="D8112" s="14" t="s">
        <v>74</v>
      </c>
      <c r="E8112" s="15">
        <v>45458</v>
      </c>
      <c r="F8112" s="14" t="s">
        <v>25</v>
      </c>
      <c r="G8112" s="16">
        <v>0.14298039825783146</v>
      </c>
    </row>
    <row r="8113" spans="1:7" x14ac:dyDescent="0.3">
      <c r="A8113" s="13" t="s">
        <v>73</v>
      </c>
      <c r="B8113" s="14" t="s">
        <v>1</v>
      </c>
      <c r="C8113" s="14" t="s">
        <v>59</v>
      </c>
      <c r="D8113" s="14" t="s">
        <v>74</v>
      </c>
      <c r="E8113" s="15">
        <v>45459</v>
      </c>
      <c r="F8113" s="14" t="s">
        <v>25</v>
      </c>
      <c r="G8113" s="16">
        <v>0.14298039825783146</v>
      </c>
    </row>
    <row r="8114" spans="1:7" x14ac:dyDescent="0.3">
      <c r="A8114" s="13" t="s">
        <v>73</v>
      </c>
      <c r="B8114" s="14" t="s">
        <v>1</v>
      </c>
      <c r="C8114" s="14" t="s">
        <v>59</v>
      </c>
      <c r="D8114" s="14" t="s">
        <v>74</v>
      </c>
      <c r="E8114" s="15">
        <v>45460</v>
      </c>
      <c r="F8114" s="14" t="s">
        <v>25</v>
      </c>
      <c r="G8114" s="16">
        <v>0.13992493876157824</v>
      </c>
    </row>
    <row r="8115" spans="1:7" x14ac:dyDescent="0.3">
      <c r="A8115" s="13" t="s">
        <v>73</v>
      </c>
      <c r="B8115" s="14" t="s">
        <v>1</v>
      </c>
      <c r="C8115" s="14" t="s">
        <v>59</v>
      </c>
      <c r="D8115" s="14" t="s">
        <v>74</v>
      </c>
      <c r="E8115" s="15">
        <v>45461</v>
      </c>
      <c r="F8115" s="14" t="s">
        <v>25</v>
      </c>
      <c r="G8115" s="16">
        <v>0.13029540615902468</v>
      </c>
    </row>
    <row r="8116" spans="1:7" x14ac:dyDescent="0.3">
      <c r="A8116" s="13" t="s">
        <v>73</v>
      </c>
      <c r="B8116" s="14" t="s">
        <v>1</v>
      </c>
      <c r="C8116" s="14" t="s">
        <v>59</v>
      </c>
      <c r="D8116" s="14" t="s">
        <v>74</v>
      </c>
      <c r="E8116" s="15">
        <v>45462</v>
      </c>
      <c r="F8116" s="14" t="s">
        <v>25</v>
      </c>
      <c r="G8116" s="16">
        <v>0.12738872437312562</v>
      </c>
    </row>
    <row r="8117" spans="1:7" x14ac:dyDescent="0.3">
      <c r="A8117" s="13" t="s">
        <v>73</v>
      </c>
      <c r="B8117" s="14" t="s">
        <v>1</v>
      </c>
      <c r="C8117" s="14" t="s">
        <v>59</v>
      </c>
      <c r="D8117" s="14" t="s">
        <v>74</v>
      </c>
      <c r="E8117" s="15">
        <v>45463</v>
      </c>
      <c r="F8117" s="14" t="s">
        <v>25</v>
      </c>
      <c r="G8117" s="16">
        <v>0.12540189469707338</v>
      </c>
    </row>
    <row r="8118" spans="1:7" x14ac:dyDescent="0.3">
      <c r="A8118" s="13" t="s">
        <v>73</v>
      </c>
      <c r="B8118" s="14" t="s">
        <v>1</v>
      </c>
      <c r="C8118" s="14" t="s">
        <v>59</v>
      </c>
      <c r="D8118" s="14" t="s">
        <v>74</v>
      </c>
      <c r="E8118" s="15">
        <v>45464</v>
      </c>
      <c r="F8118" s="14" t="s">
        <v>25</v>
      </c>
      <c r="G8118" s="16">
        <v>0.12277194587387623</v>
      </c>
    </row>
    <row r="8119" spans="1:7" x14ac:dyDescent="0.3">
      <c r="A8119" s="13" t="s">
        <v>73</v>
      </c>
      <c r="B8119" s="14" t="s">
        <v>1</v>
      </c>
      <c r="C8119" s="14" t="s">
        <v>59</v>
      </c>
      <c r="D8119" s="14" t="s">
        <v>74</v>
      </c>
      <c r="E8119" s="15">
        <v>45465</v>
      </c>
      <c r="F8119" s="14" t="s">
        <v>25</v>
      </c>
      <c r="G8119" s="16">
        <v>0.12277194587387623</v>
      </c>
    </row>
    <row r="8120" spans="1:7" x14ac:dyDescent="0.3">
      <c r="A8120" s="13" t="s">
        <v>73</v>
      </c>
      <c r="B8120" s="14" t="s">
        <v>1</v>
      </c>
      <c r="C8120" s="14" t="s">
        <v>59</v>
      </c>
      <c r="D8120" s="14" t="s">
        <v>74</v>
      </c>
      <c r="E8120" s="15">
        <v>45466</v>
      </c>
      <c r="F8120" s="14" t="s">
        <v>25</v>
      </c>
      <c r="G8120" s="16">
        <v>0.12277194587387623</v>
      </c>
    </row>
    <row r="8121" spans="1:7" x14ac:dyDescent="0.3">
      <c r="A8121" s="13" t="s">
        <v>73</v>
      </c>
      <c r="B8121" s="14" t="s">
        <v>1</v>
      </c>
      <c r="C8121" s="14" t="s">
        <v>59</v>
      </c>
      <c r="D8121" s="14" t="s">
        <v>74</v>
      </c>
      <c r="E8121" s="15">
        <v>45467</v>
      </c>
      <c r="F8121" s="14" t="s">
        <v>25</v>
      </c>
      <c r="G8121" s="16">
        <v>0.11966208156448756</v>
      </c>
    </row>
    <row r="8122" spans="1:7" x14ac:dyDescent="0.3">
      <c r="A8122" s="13" t="s">
        <v>73</v>
      </c>
      <c r="B8122" s="14" t="s">
        <v>1</v>
      </c>
      <c r="C8122" s="14" t="s">
        <v>59</v>
      </c>
      <c r="D8122" s="14" t="s">
        <v>74</v>
      </c>
      <c r="E8122" s="15">
        <v>45468</v>
      </c>
      <c r="F8122" s="14" t="s">
        <v>25</v>
      </c>
      <c r="G8122" s="16">
        <v>0.11100628604389412</v>
      </c>
    </row>
    <row r="8123" spans="1:7" x14ac:dyDescent="0.3">
      <c r="A8123" s="13" t="s">
        <v>73</v>
      </c>
      <c r="B8123" s="14" t="s">
        <v>1</v>
      </c>
      <c r="C8123" s="14" t="s">
        <v>59</v>
      </c>
      <c r="D8123" s="14" t="s">
        <v>74</v>
      </c>
      <c r="E8123" s="15">
        <v>45469</v>
      </c>
      <c r="F8123" s="14" t="s">
        <v>25</v>
      </c>
      <c r="G8123" s="16">
        <v>0.10836037654679377</v>
      </c>
    </row>
    <row r="8124" spans="1:7" x14ac:dyDescent="0.3">
      <c r="A8124" s="13" t="s">
        <v>73</v>
      </c>
      <c r="B8124" s="14" t="s">
        <v>1</v>
      </c>
      <c r="C8124" s="14" t="s">
        <v>59</v>
      </c>
      <c r="D8124" s="14" t="s">
        <v>74</v>
      </c>
      <c r="E8124" s="15">
        <v>45470</v>
      </c>
      <c r="F8124" s="14" t="s">
        <v>25</v>
      </c>
      <c r="G8124" s="16">
        <v>0.10555218884704921</v>
      </c>
    </row>
    <row r="8125" spans="1:7" x14ac:dyDescent="0.3">
      <c r="A8125" s="13" t="s">
        <v>73</v>
      </c>
      <c r="B8125" s="14" t="s">
        <v>1</v>
      </c>
      <c r="C8125" s="14" t="s">
        <v>59</v>
      </c>
      <c r="D8125" s="14" t="s">
        <v>74</v>
      </c>
      <c r="E8125" s="15">
        <v>45471</v>
      </c>
      <c r="F8125" s="14" t="s">
        <v>25</v>
      </c>
      <c r="G8125" s="16">
        <v>0.10262301725164587</v>
      </c>
    </row>
    <row r="8126" spans="1:7" x14ac:dyDescent="0.3">
      <c r="A8126" s="13" t="s">
        <v>73</v>
      </c>
      <c r="B8126" s="14" t="s">
        <v>1</v>
      </c>
      <c r="C8126" s="14" t="s">
        <v>59</v>
      </c>
      <c r="D8126" s="14" t="s">
        <v>74</v>
      </c>
      <c r="E8126" s="15">
        <v>45472</v>
      </c>
      <c r="F8126" s="14" t="s">
        <v>25</v>
      </c>
      <c r="G8126" s="16">
        <v>0.10262301725164587</v>
      </c>
    </row>
    <row r="8127" spans="1:7" x14ac:dyDescent="0.3">
      <c r="A8127" s="13" t="s">
        <v>73</v>
      </c>
      <c r="B8127" s="14" t="s">
        <v>1</v>
      </c>
      <c r="C8127" s="14" t="s">
        <v>59</v>
      </c>
      <c r="D8127" s="14" t="s">
        <v>74</v>
      </c>
      <c r="E8127" s="15">
        <v>45473</v>
      </c>
      <c r="F8127" s="14" t="s">
        <v>25</v>
      </c>
      <c r="G8127" s="16">
        <v>0.10262301725164587</v>
      </c>
    </row>
    <row r="8128" spans="1:7" x14ac:dyDescent="0.3">
      <c r="A8128" s="13" t="s">
        <v>73</v>
      </c>
      <c r="B8128" s="14" t="s">
        <v>1</v>
      </c>
      <c r="C8128" s="14" t="s">
        <v>59</v>
      </c>
      <c r="D8128" s="14" t="s">
        <v>74</v>
      </c>
      <c r="E8128" s="15">
        <v>45474</v>
      </c>
      <c r="F8128" s="14" t="s">
        <v>25</v>
      </c>
      <c r="G8128" s="16">
        <v>0.10011963363390541</v>
      </c>
    </row>
    <row r="8129" spans="1:7" x14ac:dyDescent="0.3">
      <c r="A8129" s="13" t="s">
        <v>73</v>
      </c>
      <c r="B8129" s="14" t="s">
        <v>1</v>
      </c>
      <c r="C8129" s="14" t="s">
        <v>59</v>
      </c>
      <c r="D8129" s="14" t="s">
        <v>74</v>
      </c>
      <c r="E8129" s="15">
        <v>45475</v>
      </c>
      <c r="F8129" s="14" t="s">
        <v>25</v>
      </c>
      <c r="G8129" s="16">
        <v>0.10013502957265438</v>
      </c>
    </row>
    <row r="8130" spans="1:7" x14ac:dyDescent="0.3">
      <c r="A8130" s="13" t="s">
        <v>73</v>
      </c>
      <c r="B8130" s="14" t="s">
        <v>1</v>
      </c>
      <c r="C8130" s="14" t="s">
        <v>59</v>
      </c>
      <c r="D8130" s="14" t="s">
        <v>74</v>
      </c>
      <c r="E8130" s="15">
        <v>45476</v>
      </c>
      <c r="F8130" s="14" t="s">
        <v>25</v>
      </c>
      <c r="G8130" s="16">
        <v>9.694709934564065E-2</v>
      </c>
    </row>
    <row r="8131" spans="1:7" x14ac:dyDescent="0.3">
      <c r="A8131" s="13" t="s">
        <v>73</v>
      </c>
      <c r="B8131" s="14" t="s">
        <v>1</v>
      </c>
      <c r="C8131" s="14" t="s">
        <v>59</v>
      </c>
      <c r="D8131" s="14" t="s">
        <v>74</v>
      </c>
      <c r="E8131" s="15">
        <v>45477</v>
      </c>
      <c r="F8131" s="14" t="s">
        <v>25</v>
      </c>
      <c r="G8131" s="16">
        <v>9.3868702854598904E-2</v>
      </c>
    </row>
    <row r="8132" spans="1:7" x14ac:dyDescent="0.3">
      <c r="A8132" s="13" t="s">
        <v>73</v>
      </c>
      <c r="B8132" s="14" t="s">
        <v>1</v>
      </c>
      <c r="C8132" s="14" t="s">
        <v>59</v>
      </c>
      <c r="D8132" s="14" t="s">
        <v>74</v>
      </c>
      <c r="E8132" s="15">
        <v>45478</v>
      </c>
      <c r="F8132" s="14" t="s">
        <v>25</v>
      </c>
      <c r="G8132" s="16">
        <v>9.0492443025156452E-2</v>
      </c>
    </row>
    <row r="8133" spans="1:7" x14ac:dyDescent="0.3">
      <c r="A8133" s="13" t="s">
        <v>73</v>
      </c>
      <c r="B8133" s="14" t="s">
        <v>1</v>
      </c>
      <c r="C8133" s="14" t="s">
        <v>59</v>
      </c>
      <c r="D8133" s="14" t="s">
        <v>74</v>
      </c>
      <c r="E8133" s="15">
        <v>45479</v>
      </c>
      <c r="F8133" s="14" t="s">
        <v>25</v>
      </c>
      <c r="G8133" s="16">
        <v>9.0492443025156452E-2</v>
      </c>
    </row>
    <row r="8134" spans="1:7" x14ac:dyDescent="0.3">
      <c r="A8134" s="13" t="s">
        <v>73</v>
      </c>
      <c r="B8134" s="14" t="s">
        <v>1</v>
      </c>
      <c r="C8134" s="14" t="s">
        <v>59</v>
      </c>
      <c r="D8134" s="14" t="s">
        <v>74</v>
      </c>
      <c r="E8134" s="15">
        <v>45480</v>
      </c>
      <c r="F8134" s="14" t="s">
        <v>25</v>
      </c>
      <c r="G8134" s="16">
        <v>9.0492443025156452E-2</v>
      </c>
    </row>
    <row r="8135" spans="1:7" x14ac:dyDescent="0.3">
      <c r="A8135" s="13" t="s">
        <v>73</v>
      </c>
      <c r="B8135" s="14" t="s">
        <v>1</v>
      </c>
      <c r="C8135" s="14" t="s">
        <v>59</v>
      </c>
      <c r="D8135" s="14" t="s">
        <v>74</v>
      </c>
      <c r="E8135" s="15">
        <v>45481</v>
      </c>
      <c r="F8135" s="14" t="s">
        <v>25</v>
      </c>
      <c r="G8135" s="16">
        <v>8.768429672851738E-2</v>
      </c>
    </row>
    <row r="8136" spans="1:7" x14ac:dyDescent="0.3">
      <c r="A8136" s="13" t="s">
        <v>73</v>
      </c>
      <c r="B8136" s="14" t="s">
        <v>1</v>
      </c>
      <c r="C8136" s="14" t="s">
        <v>59</v>
      </c>
      <c r="D8136" s="14" t="s">
        <v>74</v>
      </c>
      <c r="E8136" s="15">
        <v>45482</v>
      </c>
      <c r="F8136" s="14" t="s">
        <v>25</v>
      </c>
      <c r="G8136" s="16">
        <v>7.8724400392076926E-2</v>
      </c>
    </row>
    <row r="8137" spans="1:7" x14ac:dyDescent="0.3">
      <c r="A8137" s="13" t="s">
        <v>73</v>
      </c>
      <c r="B8137" s="14" t="s">
        <v>1</v>
      </c>
      <c r="C8137" s="14" t="s">
        <v>59</v>
      </c>
      <c r="D8137" s="14" t="s">
        <v>74</v>
      </c>
      <c r="E8137" s="15">
        <v>45483</v>
      </c>
      <c r="F8137" s="14" t="s">
        <v>25</v>
      </c>
      <c r="G8137" s="16">
        <v>7.588142536140656E-2</v>
      </c>
    </row>
    <row r="8138" spans="1:7" x14ac:dyDescent="0.3">
      <c r="A8138" s="13" t="s">
        <v>73</v>
      </c>
      <c r="B8138" s="14" t="s">
        <v>1</v>
      </c>
      <c r="C8138" s="14" t="s">
        <v>59</v>
      </c>
      <c r="D8138" s="14" t="s">
        <v>74</v>
      </c>
      <c r="E8138" s="15">
        <v>45484</v>
      </c>
      <c r="F8138" s="14" t="s">
        <v>25</v>
      </c>
      <c r="G8138" s="16">
        <v>7.2633763296029122E-2</v>
      </c>
    </row>
    <row r="8139" spans="1:7" x14ac:dyDescent="0.3">
      <c r="A8139" s="13" t="s">
        <v>73</v>
      </c>
      <c r="B8139" s="14" t="s">
        <v>1</v>
      </c>
      <c r="C8139" s="14" t="s">
        <v>59</v>
      </c>
      <c r="D8139" s="14" t="s">
        <v>74</v>
      </c>
      <c r="E8139" s="15">
        <v>45485</v>
      </c>
      <c r="F8139" s="14" t="s">
        <v>25</v>
      </c>
      <c r="G8139" s="16">
        <v>7.9444842245679506E-2</v>
      </c>
    </row>
    <row r="8140" spans="1:7" x14ac:dyDescent="0.3">
      <c r="A8140" s="13" t="s">
        <v>73</v>
      </c>
      <c r="B8140" s="14" t="s">
        <v>1</v>
      </c>
      <c r="C8140" s="14" t="s">
        <v>59</v>
      </c>
      <c r="D8140" s="14" t="s">
        <v>74</v>
      </c>
      <c r="E8140" s="15">
        <v>45486</v>
      </c>
      <c r="F8140" s="14" t="s">
        <v>25</v>
      </c>
      <c r="G8140" s="16">
        <v>7.9444842245679506E-2</v>
      </c>
    </row>
    <row r="8141" spans="1:7" x14ac:dyDescent="0.3">
      <c r="A8141" s="13" t="s">
        <v>73</v>
      </c>
      <c r="B8141" s="14" t="s">
        <v>1</v>
      </c>
      <c r="C8141" s="14" t="s">
        <v>59</v>
      </c>
      <c r="D8141" s="14" t="s">
        <v>74</v>
      </c>
      <c r="E8141" s="15">
        <v>45487</v>
      </c>
      <c r="F8141" s="14" t="s">
        <v>25</v>
      </c>
      <c r="G8141" s="16">
        <v>7.9444842245679506E-2</v>
      </c>
    </row>
    <row r="8142" spans="1:7" x14ac:dyDescent="0.3">
      <c r="A8142" s="13" t="s">
        <v>73</v>
      </c>
      <c r="B8142" s="14" t="s">
        <v>1</v>
      </c>
      <c r="C8142" s="14" t="s">
        <v>59</v>
      </c>
      <c r="D8142" s="14" t="s">
        <v>74</v>
      </c>
      <c r="E8142" s="15">
        <v>45488</v>
      </c>
      <c r="F8142" s="14" t="s">
        <v>25</v>
      </c>
      <c r="G8142" s="16">
        <v>7.6573108356251904E-2</v>
      </c>
    </row>
    <row r="8143" spans="1:7" x14ac:dyDescent="0.3">
      <c r="A8143" s="13" t="s">
        <v>73</v>
      </c>
      <c r="B8143" s="14" t="s">
        <v>1</v>
      </c>
      <c r="C8143" s="14" t="s">
        <v>59</v>
      </c>
      <c r="D8143" s="14" t="s">
        <v>74</v>
      </c>
      <c r="E8143" s="15">
        <v>45489</v>
      </c>
      <c r="F8143" s="14" t="s">
        <v>25</v>
      </c>
      <c r="G8143" s="16">
        <v>6.7308855949101812E-2</v>
      </c>
    </row>
    <row r="8144" spans="1:7" x14ac:dyDescent="0.3">
      <c r="A8144" s="13" t="s">
        <v>73</v>
      </c>
      <c r="B8144" s="14" t="s">
        <v>1</v>
      </c>
      <c r="C8144" s="14" t="s">
        <v>59</v>
      </c>
      <c r="D8144" s="14" t="s">
        <v>74</v>
      </c>
      <c r="E8144" s="15">
        <v>45490</v>
      </c>
      <c r="F8144" s="14" t="s">
        <v>25</v>
      </c>
      <c r="G8144" s="16">
        <v>6.3561394190792236E-2</v>
      </c>
    </row>
    <row r="8145" spans="1:7" x14ac:dyDescent="0.3">
      <c r="A8145" s="13" t="s">
        <v>73</v>
      </c>
      <c r="B8145" s="14" t="s">
        <v>1</v>
      </c>
      <c r="C8145" s="14" t="s">
        <v>59</v>
      </c>
      <c r="D8145" s="14" t="s">
        <v>74</v>
      </c>
      <c r="E8145" s="15">
        <v>45491</v>
      </c>
      <c r="F8145" s="14" t="s">
        <v>25</v>
      </c>
      <c r="G8145" s="16">
        <v>6.0880775545084087E-2</v>
      </c>
    </row>
    <row r="8146" spans="1:7" x14ac:dyDescent="0.3">
      <c r="A8146" s="13" t="s">
        <v>73</v>
      </c>
      <c r="B8146" s="14" t="s">
        <v>1</v>
      </c>
      <c r="C8146" s="14" t="s">
        <v>59</v>
      </c>
      <c r="D8146" s="14" t="s">
        <v>74</v>
      </c>
      <c r="E8146" s="15">
        <v>45492</v>
      </c>
      <c r="F8146" s="14" t="s">
        <v>25</v>
      </c>
      <c r="G8146" s="16">
        <v>5.7969363401569225E-2</v>
      </c>
    </row>
    <row r="8147" spans="1:7" x14ac:dyDescent="0.3">
      <c r="A8147" s="13" t="s">
        <v>73</v>
      </c>
      <c r="B8147" s="14" t="s">
        <v>1</v>
      </c>
      <c r="C8147" s="14" t="s">
        <v>59</v>
      </c>
      <c r="D8147" s="14" t="s">
        <v>74</v>
      </c>
      <c r="E8147" s="15">
        <v>45493</v>
      </c>
      <c r="F8147" s="14" t="s">
        <v>25</v>
      </c>
      <c r="G8147" s="16">
        <v>5.7969363401569225E-2</v>
      </c>
    </row>
    <row r="8148" spans="1:7" x14ac:dyDescent="0.3">
      <c r="A8148" s="13" t="s">
        <v>73</v>
      </c>
      <c r="B8148" s="14" t="s">
        <v>1</v>
      </c>
      <c r="C8148" s="14" t="s">
        <v>59</v>
      </c>
      <c r="D8148" s="14" t="s">
        <v>74</v>
      </c>
      <c r="E8148" s="15">
        <v>45494</v>
      </c>
      <c r="F8148" s="14" t="s">
        <v>25</v>
      </c>
      <c r="G8148" s="16">
        <v>5.7969363401569225E-2</v>
      </c>
    </row>
    <row r="8149" spans="1:7" x14ac:dyDescent="0.3">
      <c r="A8149" s="13" t="s">
        <v>73</v>
      </c>
      <c r="B8149" s="14" t="s">
        <v>1</v>
      </c>
      <c r="C8149" s="14" t="s">
        <v>59</v>
      </c>
      <c r="D8149" s="14" t="s">
        <v>74</v>
      </c>
      <c r="E8149" s="15">
        <v>45495</v>
      </c>
      <c r="F8149" s="14" t="s">
        <v>25</v>
      </c>
      <c r="G8149" s="16">
        <v>5.4993044158571147E-2</v>
      </c>
    </row>
    <row r="8150" spans="1:7" x14ac:dyDescent="0.3">
      <c r="A8150" s="13" t="s">
        <v>73</v>
      </c>
      <c r="B8150" s="14" t="s">
        <v>1</v>
      </c>
      <c r="C8150" s="14" t="s">
        <v>59</v>
      </c>
      <c r="D8150" s="14" t="s">
        <v>74</v>
      </c>
      <c r="E8150" s="15">
        <v>45496</v>
      </c>
      <c r="F8150" s="14" t="s">
        <v>25</v>
      </c>
      <c r="G8150" s="16">
        <v>4.6101969947019039E-2</v>
      </c>
    </row>
    <row r="8151" spans="1:7" x14ac:dyDescent="0.3">
      <c r="A8151" s="13" t="s">
        <v>73</v>
      </c>
      <c r="B8151" s="14" t="s">
        <v>1</v>
      </c>
      <c r="C8151" s="14" t="s">
        <v>59</v>
      </c>
      <c r="D8151" s="14" t="s">
        <v>74</v>
      </c>
      <c r="E8151" s="15">
        <v>45497</v>
      </c>
      <c r="F8151" s="14" t="s">
        <v>25</v>
      </c>
      <c r="G8151" s="16">
        <v>4.2832886348885983E-2</v>
      </c>
    </row>
    <row r="8152" spans="1:7" x14ac:dyDescent="0.3">
      <c r="A8152" s="13" t="s">
        <v>73</v>
      </c>
      <c r="B8152" s="14" t="s">
        <v>1</v>
      </c>
      <c r="C8152" s="14" t="s">
        <v>59</v>
      </c>
      <c r="D8152" s="14" t="s">
        <v>74</v>
      </c>
      <c r="E8152" s="15">
        <v>45498</v>
      </c>
      <c r="F8152" s="14" t="s">
        <v>25</v>
      </c>
      <c r="G8152" s="16">
        <v>3.9703522782828397E-2</v>
      </c>
    </row>
    <row r="8153" spans="1:7" x14ac:dyDescent="0.3">
      <c r="A8153" s="13" t="s">
        <v>73</v>
      </c>
      <c r="B8153" s="14" t="s">
        <v>1</v>
      </c>
      <c r="C8153" s="14" t="s">
        <v>59</v>
      </c>
      <c r="D8153" s="14" t="s">
        <v>74</v>
      </c>
      <c r="E8153" s="15">
        <v>45499</v>
      </c>
      <c r="F8153" s="14" t="s">
        <v>25</v>
      </c>
      <c r="G8153" s="16">
        <v>3.6838870779828482E-2</v>
      </c>
    </row>
    <row r="8154" spans="1:7" x14ac:dyDescent="0.3">
      <c r="A8154" s="13" t="s">
        <v>73</v>
      </c>
      <c r="B8154" s="14" t="s">
        <v>1</v>
      </c>
      <c r="C8154" s="14" t="s">
        <v>59</v>
      </c>
      <c r="D8154" s="14" t="s">
        <v>74</v>
      </c>
      <c r="E8154" s="15">
        <v>45500</v>
      </c>
      <c r="F8154" s="14" t="s">
        <v>25</v>
      </c>
      <c r="G8154" s="16">
        <v>3.6838870779828482E-2</v>
      </c>
    </row>
    <row r="8155" spans="1:7" x14ac:dyDescent="0.3">
      <c r="A8155" s="13" t="s">
        <v>73</v>
      </c>
      <c r="B8155" s="14" t="s">
        <v>1</v>
      </c>
      <c r="C8155" s="14" t="s">
        <v>59</v>
      </c>
      <c r="D8155" s="14" t="s">
        <v>74</v>
      </c>
      <c r="E8155" s="15">
        <v>45501</v>
      </c>
      <c r="F8155" s="14" t="s">
        <v>25</v>
      </c>
      <c r="G8155" s="16">
        <v>3.6838870779828482E-2</v>
      </c>
    </row>
    <row r="8156" spans="1:7" x14ac:dyDescent="0.3">
      <c r="A8156" s="13" t="s">
        <v>73</v>
      </c>
      <c r="B8156" s="14" t="s">
        <v>1</v>
      </c>
      <c r="C8156" s="14" t="s">
        <v>59</v>
      </c>
      <c r="D8156" s="14" t="s">
        <v>74</v>
      </c>
      <c r="E8156" s="15">
        <v>45502</v>
      </c>
      <c r="F8156" s="14" t="s">
        <v>25</v>
      </c>
      <c r="G8156" s="16">
        <v>4.2253696610530724E-2</v>
      </c>
    </row>
    <row r="8157" spans="1:7" x14ac:dyDescent="0.3">
      <c r="A8157" s="13" t="s">
        <v>73</v>
      </c>
      <c r="B8157" s="14" t="s">
        <v>1</v>
      </c>
      <c r="C8157" s="14" t="s">
        <v>59</v>
      </c>
      <c r="D8157" s="14" t="s">
        <v>74</v>
      </c>
      <c r="E8157" s="15">
        <v>45503</v>
      </c>
      <c r="F8157" s="14" t="s">
        <v>25</v>
      </c>
      <c r="G8157" s="16">
        <v>3.3204076043431882E-2</v>
      </c>
    </row>
    <row r="8158" spans="1:7" x14ac:dyDescent="0.3">
      <c r="A8158" s="13" t="s">
        <v>73</v>
      </c>
      <c r="B8158" s="14" t="s">
        <v>1</v>
      </c>
      <c r="C8158" s="14" t="s">
        <v>59</v>
      </c>
      <c r="D8158" s="14" t="s">
        <v>74</v>
      </c>
      <c r="E8158" s="15">
        <v>45504</v>
      </c>
      <c r="F8158" s="14" t="s">
        <v>25</v>
      </c>
      <c r="G8158" s="16">
        <v>3.0114751676294294E-2</v>
      </c>
    </row>
    <row r="8159" spans="1:7" x14ac:dyDescent="0.3">
      <c r="A8159" s="13" t="s">
        <v>73</v>
      </c>
      <c r="B8159" s="14" t="s">
        <v>1</v>
      </c>
      <c r="C8159" s="14" t="s">
        <v>59</v>
      </c>
      <c r="D8159" s="14" t="s">
        <v>74</v>
      </c>
      <c r="E8159" s="15">
        <v>45505</v>
      </c>
      <c r="F8159" s="14" t="s">
        <v>25</v>
      </c>
      <c r="G8159" s="16">
        <v>3.0114751676294294E-2</v>
      </c>
    </row>
    <row r="8160" spans="1:7" x14ac:dyDescent="0.3">
      <c r="A8160" s="13" t="s">
        <v>73</v>
      </c>
      <c r="B8160" s="14" t="s">
        <v>1</v>
      </c>
      <c r="C8160" s="14" t="s">
        <v>59</v>
      </c>
      <c r="D8160" s="14" t="s">
        <v>74</v>
      </c>
      <c r="E8160" s="15">
        <v>45506</v>
      </c>
      <c r="F8160" s="14" t="s">
        <v>25</v>
      </c>
      <c r="G8160" s="16">
        <v>2.6558555440029184E-2</v>
      </c>
    </row>
    <row r="8161" spans="1:7" x14ac:dyDescent="0.3">
      <c r="A8161" s="13" t="s">
        <v>73</v>
      </c>
      <c r="B8161" s="14" t="s">
        <v>1</v>
      </c>
      <c r="C8161" s="14" t="s">
        <v>59</v>
      </c>
      <c r="D8161" s="14" t="s">
        <v>74</v>
      </c>
      <c r="E8161" s="15">
        <v>45507</v>
      </c>
      <c r="F8161" s="14" t="s">
        <v>25</v>
      </c>
      <c r="G8161" s="16">
        <v>2.6558555440029184E-2</v>
      </c>
    </row>
    <row r="8162" spans="1:7" x14ac:dyDescent="0.3">
      <c r="A8162" s="13" t="s">
        <v>73</v>
      </c>
      <c r="B8162" s="14" t="s">
        <v>1</v>
      </c>
      <c r="C8162" s="14" t="s">
        <v>59</v>
      </c>
      <c r="D8162" s="14" t="s">
        <v>74</v>
      </c>
      <c r="E8162" s="15">
        <v>45508</v>
      </c>
      <c r="F8162" s="14" t="s">
        <v>25</v>
      </c>
      <c r="G8162" s="16">
        <v>2.6558555440029184E-2</v>
      </c>
    </row>
    <row r="8163" spans="1:7" x14ac:dyDescent="0.3">
      <c r="A8163" s="13" t="s">
        <v>73</v>
      </c>
      <c r="B8163" s="14" t="s">
        <v>1</v>
      </c>
      <c r="C8163" s="14" t="s">
        <v>59</v>
      </c>
      <c r="D8163" s="14" t="s">
        <v>74</v>
      </c>
      <c r="E8163" s="15">
        <v>45509</v>
      </c>
      <c r="F8163" s="14" t="s">
        <v>25</v>
      </c>
      <c r="G8163" s="16">
        <v>2.6558555440029184E-2</v>
      </c>
    </row>
    <row r="8164" spans="1:7" x14ac:dyDescent="0.3">
      <c r="A8164" s="13" t="s">
        <v>73</v>
      </c>
      <c r="B8164" s="14" t="s">
        <v>1</v>
      </c>
      <c r="C8164" s="14" t="s">
        <v>59</v>
      </c>
      <c r="D8164" s="14" t="s">
        <v>74</v>
      </c>
      <c r="E8164" s="15">
        <v>45510</v>
      </c>
      <c r="F8164" s="14" t="s">
        <v>25</v>
      </c>
      <c r="G8164" s="16">
        <v>0.11887521467889922</v>
      </c>
    </row>
    <row r="8165" spans="1:7" x14ac:dyDescent="0.3">
      <c r="A8165" s="13" t="s">
        <v>73</v>
      </c>
      <c r="B8165" s="14" t="s">
        <v>1</v>
      </c>
      <c r="C8165" s="14" t="s">
        <v>59</v>
      </c>
      <c r="D8165" s="14" t="s">
        <v>74</v>
      </c>
      <c r="E8165" s="15">
        <v>45511</v>
      </c>
      <c r="F8165" s="14" t="s">
        <v>25</v>
      </c>
      <c r="G8165" s="16">
        <v>0.10849575678511932</v>
      </c>
    </row>
    <row r="8166" spans="1:7" x14ac:dyDescent="0.3">
      <c r="A8166" s="13" t="s">
        <v>73</v>
      </c>
      <c r="B8166" s="14" t="s">
        <v>1</v>
      </c>
      <c r="C8166" s="14" t="s">
        <v>59</v>
      </c>
      <c r="D8166" s="14" t="s">
        <v>74</v>
      </c>
      <c r="E8166" s="15">
        <v>45512</v>
      </c>
      <c r="F8166" s="14" t="s">
        <v>25</v>
      </c>
      <c r="G8166" s="16">
        <v>0.12922404906920151</v>
      </c>
    </row>
    <row r="8167" spans="1:7" x14ac:dyDescent="0.3">
      <c r="A8167" s="13" t="s">
        <v>73</v>
      </c>
      <c r="B8167" s="14" t="s">
        <v>1</v>
      </c>
      <c r="C8167" s="14" t="s">
        <v>59</v>
      </c>
      <c r="D8167" s="14" t="s">
        <v>74</v>
      </c>
      <c r="E8167" s="15">
        <v>45513</v>
      </c>
      <c r="F8167" s="14" t="s">
        <v>25</v>
      </c>
      <c r="G8167" s="16">
        <v>0.12612678893938789</v>
      </c>
    </row>
    <row r="8168" spans="1:7" x14ac:dyDescent="0.3">
      <c r="A8168" s="13" t="s">
        <v>73</v>
      </c>
      <c r="B8168" s="14" t="s">
        <v>1</v>
      </c>
      <c r="C8168" s="14" t="s">
        <v>59</v>
      </c>
      <c r="D8168" s="14" t="s">
        <v>74</v>
      </c>
      <c r="E8168" s="15">
        <v>45514</v>
      </c>
      <c r="F8168" s="14" t="s">
        <v>25</v>
      </c>
      <c r="G8168" s="16">
        <v>0.12612678893938789</v>
      </c>
    </row>
    <row r="8169" spans="1:7" x14ac:dyDescent="0.3">
      <c r="A8169" s="13" t="s">
        <v>73</v>
      </c>
      <c r="B8169" s="14" t="s">
        <v>1</v>
      </c>
      <c r="C8169" s="14" t="s">
        <v>59</v>
      </c>
      <c r="D8169" s="14" t="s">
        <v>74</v>
      </c>
      <c r="E8169" s="15">
        <v>45515</v>
      </c>
      <c r="F8169" s="14" t="s">
        <v>25</v>
      </c>
      <c r="G8169" s="16">
        <v>0.12612678893938789</v>
      </c>
    </row>
    <row r="8170" spans="1:7" x14ac:dyDescent="0.3">
      <c r="A8170" s="13" t="s">
        <v>73</v>
      </c>
      <c r="B8170" s="14" t="s">
        <v>1</v>
      </c>
      <c r="C8170" s="14" t="s">
        <v>59</v>
      </c>
      <c r="D8170" s="14" t="s">
        <v>74</v>
      </c>
      <c r="E8170" s="15">
        <v>45516</v>
      </c>
      <c r="F8170" s="14" t="s">
        <v>25</v>
      </c>
      <c r="G8170" s="16">
        <v>0.12319915683523451</v>
      </c>
    </row>
    <row r="8171" spans="1:7" x14ac:dyDescent="0.3">
      <c r="A8171" s="13" t="s">
        <v>73</v>
      </c>
      <c r="B8171" s="14" t="s">
        <v>1</v>
      </c>
      <c r="C8171" s="14" t="s">
        <v>59</v>
      </c>
      <c r="D8171" s="14" t="s">
        <v>74</v>
      </c>
      <c r="E8171" s="15">
        <v>45517</v>
      </c>
      <c r="F8171" s="14" t="s">
        <v>25</v>
      </c>
      <c r="G8171" s="16">
        <v>0.11433517609694635</v>
      </c>
    </row>
    <row r="8172" spans="1:7" x14ac:dyDescent="0.3">
      <c r="A8172" s="13" t="s">
        <v>73</v>
      </c>
      <c r="B8172" s="14" t="s">
        <v>1</v>
      </c>
      <c r="C8172" s="14" t="s">
        <v>59</v>
      </c>
      <c r="D8172" s="14" t="s">
        <v>74</v>
      </c>
      <c r="E8172" s="15">
        <v>45518</v>
      </c>
      <c r="F8172" s="14" t="s">
        <v>25</v>
      </c>
      <c r="G8172" s="16">
        <v>0.11146879100081002</v>
      </c>
    </row>
    <row r="8173" spans="1:7" x14ac:dyDescent="0.3">
      <c r="A8173" s="13" t="s">
        <v>73</v>
      </c>
      <c r="B8173" s="14" t="s">
        <v>1</v>
      </c>
      <c r="C8173" s="14" t="s">
        <v>59</v>
      </c>
      <c r="D8173" s="14" t="s">
        <v>74</v>
      </c>
      <c r="E8173" s="15">
        <v>45519</v>
      </c>
      <c r="F8173" s="14" t="s">
        <v>25</v>
      </c>
      <c r="G8173" s="16">
        <v>0.10961048101445342</v>
      </c>
    </row>
    <row r="8174" spans="1:7" x14ac:dyDescent="0.3">
      <c r="A8174" s="13" t="s">
        <v>73</v>
      </c>
      <c r="B8174" s="14" t="s">
        <v>1</v>
      </c>
      <c r="C8174" s="14" t="s">
        <v>59</v>
      </c>
      <c r="D8174" s="14" t="s">
        <v>74</v>
      </c>
      <c r="E8174" s="15">
        <v>45520</v>
      </c>
      <c r="F8174" s="14" t="s">
        <v>25</v>
      </c>
      <c r="G8174" s="16">
        <v>0.10580574152624422</v>
      </c>
    </row>
    <row r="8175" spans="1:7" x14ac:dyDescent="0.3">
      <c r="A8175" s="13" t="s">
        <v>73</v>
      </c>
      <c r="B8175" s="14" t="s">
        <v>1</v>
      </c>
      <c r="C8175" s="14" t="s">
        <v>59</v>
      </c>
      <c r="D8175" s="14" t="s">
        <v>74</v>
      </c>
      <c r="E8175" s="15">
        <v>45521</v>
      </c>
      <c r="F8175" s="14" t="s">
        <v>25</v>
      </c>
      <c r="G8175" s="16">
        <v>0.10580574152624422</v>
      </c>
    </row>
    <row r="8176" spans="1:7" x14ac:dyDescent="0.3">
      <c r="A8176" s="13" t="s">
        <v>73</v>
      </c>
      <c r="B8176" s="14" t="s">
        <v>1</v>
      </c>
      <c r="C8176" s="14" t="s">
        <v>59</v>
      </c>
      <c r="D8176" s="14" t="s">
        <v>74</v>
      </c>
      <c r="E8176" s="15">
        <v>45522</v>
      </c>
      <c r="F8176" s="14" t="s">
        <v>25</v>
      </c>
      <c r="G8176" s="16">
        <v>0.10580574152624422</v>
      </c>
    </row>
    <row r="8177" spans="1:7" x14ac:dyDescent="0.3">
      <c r="A8177" s="13" t="s">
        <v>73</v>
      </c>
      <c r="B8177" s="14" t="s">
        <v>1</v>
      </c>
      <c r="C8177" s="14" t="s">
        <v>59</v>
      </c>
      <c r="D8177" s="14" t="s">
        <v>74</v>
      </c>
      <c r="E8177" s="15">
        <v>45523</v>
      </c>
      <c r="F8177" s="14" t="s">
        <v>25</v>
      </c>
      <c r="G8177" s="16">
        <v>0.10244706786462301</v>
      </c>
    </row>
    <row r="8178" spans="1:7" x14ac:dyDescent="0.3">
      <c r="A8178" s="13" t="s">
        <v>73</v>
      </c>
      <c r="B8178" s="14" t="s">
        <v>1</v>
      </c>
      <c r="C8178" s="14" t="s">
        <v>59</v>
      </c>
      <c r="D8178" s="14" t="s">
        <v>74</v>
      </c>
      <c r="E8178" s="15">
        <v>45524</v>
      </c>
      <c r="F8178" s="14" t="s">
        <v>25</v>
      </c>
      <c r="G8178" s="16">
        <v>9.2559295386037466E-2</v>
      </c>
    </row>
    <row r="8179" spans="1:7" x14ac:dyDescent="0.3">
      <c r="A8179" s="13" t="s">
        <v>73</v>
      </c>
      <c r="B8179" s="14" t="s">
        <v>1</v>
      </c>
      <c r="C8179" s="14" t="s">
        <v>59</v>
      </c>
      <c r="D8179" s="14" t="s">
        <v>74</v>
      </c>
      <c r="E8179" s="15">
        <v>45525</v>
      </c>
      <c r="F8179" s="14" t="s">
        <v>25</v>
      </c>
      <c r="G8179" s="16">
        <v>8.9348245408044077E-2</v>
      </c>
    </row>
    <row r="8180" spans="1:7" x14ac:dyDescent="0.3">
      <c r="A8180" s="13" t="s">
        <v>73</v>
      </c>
      <c r="B8180" s="14" t="s">
        <v>1</v>
      </c>
      <c r="C8180" s="14" t="s">
        <v>59</v>
      </c>
      <c r="D8180" s="14" t="s">
        <v>74</v>
      </c>
      <c r="E8180" s="15">
        <v>45526</v>
      </c>
      <c r="F8180" s="14" t="s">
        <v>25</v>
      </c>
      <c r="G8180" s="16">
        <v>0.11811248982343148</v>
      </c>
    </row>
    <row r="8181" spans="1:7" x14ac:dyDescent="0.3">
      <c r="A8181" s="13" t="s">
        <v>73</v>
      </c>
      <c r="B8181" s="14" t="s">
        <v>1</v>
      </c>
      <c r="C8181" s="14" t="s">
        <v>59</v>
      </c>
      <c r="D8181" s="14" t="s">
        <v>74</v>
      </c>
      <c r="E8181" s="15">
        <v>45527</v>
      </c>
      <c r="F8181" s="14" t="s">
        <v>25</v>
      </c>
      <c r="G8181" s="16">
        <v>0.11454677667422009</v>
      </c>
    </row>
    <row r="8182" spans="1:7" x14ac:dyDescent="0.3">
      <c r="A8182" s="13" t="s">
        <v>73</v>
      </c>
      <c r="B8182" s="14" t="s">
        <v>1</v>
      </c>
      <c r="C8182" s="14" t="s">
        <v>59</v>
      </c>
      <c r="D8182" s="14" t="s">
        <v>74</v>
      </c>
      <c r="E8182" s="15">
        <v>45528</v>
      </c>
      <c r="F8182" s="14" t="s">
        <v>25</v>
      </c>
      <c r="G8182" s="16">
        <v>0.11454677667422009</v>
      </c>
    </row>
    <row r="8183" spans="1:7" x14ac:dyDescent="0.3">
      <c r="A8183" s="13" t="s">
        <v>73</v>
      </c>
      <c r="B8183" s="14" t="s">
        <v>1</v>
      </c>
      <c r="C8183" s="14" t="s">
        <v>59</v>
      </c>
      <c r="D8183" s="14" t="s">
        <v>74</v>
      </c>
      <c r="E8183" s="15">
        <v>45529</v>
      </c>
      <c r="F8183" s="14" t="s">
        <v>25</v>
      </c>
      <c r="G8183" s="16">
        <v>0.11454677667422009</v>
      </c>
    </row>
    <row r="8184" spans="1:7" x14ac:dyDescent="0.3">
      <c r="A8184" s="13" t="s">
        <v>73</v>
      </c>
      <c r="B8184" s="14" t="s">
        <v>1</v>
      </c>
      <c r="C8184" s="14" t="s">
        <v>59</v>
      </c>
      <c r="D8184" s="14" t="s">
        <v>74</v>
      </c>
      <c r="E8184" s="15">
        <v>45530</v>
      </c>
      <c r="F8184" s="14" t="s">
        <v>25</v>
      </c>
      <c r="G8184" s="16">
        <v>0.1189552510005517</v>
      </c>
    </row>
    <row r="8185" spans="1:7" x14ac:dyDescent="0.3">
      <c r="A8185" s="13" t="s">
        <v>73</v>
      </c>
      <c r="B8185" s="14" t="s">
        <v>1</v>
      </c>
      <c r="C8185" s="14" t="s">
        <v>59</v>
      </c>
      <c r="D8185" s="14" t="s">
        <v>74</v>
      </c>
      <c r="E8185" s="15">
        <v>45531</v>
      </c>
      <c r="F8185" s="14" t="s">
        <v>25</v>
      </c>
      <c r="G8185" s="16">
        <v>0.1091312196207513</v>
      </c>
    </row>
    <row r="8186" spans="1:7" x14ac:dyDescent="0.3">
      <c r="A8186" s="13" t="s">
        <v>73</v>
      </c>
      <c r="B8186" s="14" t="s">
        <v>1</v>
      </c>
      <c r="C8186" s="14" t="s">
        <v>59</v>
      </c>
      <c r="D8186" s="14" t="s">
        <v>74</v>
      </c>
      <c r="E8186" s="15">
        <v>45532</v>
      </c>
      <c r="F8186" s="14" t="s">
        <v>25</v>
      </c>
      <c r="G8186" s="16">
        <v>0.10622924523903862</v>
      </c>
    </row>
    <row r="8187" spans="1:7" x14ac:dyDescent="0.3">
      <c r="A8187" s="13" t="s">
        <v>73</v>
      </c>
      <c r="B8187" s="14" t="s">
        <v>1</v>
      </c>
      <c r="C8187" s="14" t="s">
        <v>59</v>
      </c>
      <c r="D8187" s="14" t="s">
        <v>74</v>
      </c>
      <c r="E8187" s="15">
        <v>45533</v>
      </c>
      <c r="F8187" s="14" t="s">
        <v>25</v>
      </c>
      <c r="G8187" s="16">
        <v>0.10383067642906275</v>
      </c>
    </row>
    <row r="8188" spans="1:7" x14ac:dyDescent="0.3">
      <c r="A8188" s="13" t="s">
        <v>73</v>
      </c>
      <c r="B8188" s="14" t="s">
        <v>1</v>
      </c>
      <c r="C8188" s="14" t="s">
        <v>59</v>
      </c>
      <c r="D8188" s="14" t="s">
        <v>74</v>
      </c>
      <c r="E8188" s="15">
        <v>45534</v>
      </c>
      <c r="F8188" s="14" t="s">
        <v>25</v>
      </c>
      <c r="G8188" s="16">
        <v>0.10111275949036685</v>
      </c>
    </row>
    <row r="8189" spans="1:7" x14ac:dyDescent="0.3">
      <c r="A8189" s="13" t="s">
        <v>73</v>
      </c>
      <c r="B8189" s="14" t="s">
        <v>1</v>
      </c>
      <c r="C8189" s="14" t="s">
        <v>59</v>
      </c>
      <c r="D8189" s="14" t="s">
        <v>74</v>
      </c>
      <c r="E8189" s="15">
        <v>45535</v>
      </c>
      <c r="F8189" s="14" t="s">
        <v>25</v>
      </c>
      <c r="G8189" s="16">
        <v>0.10111275949036685</v>
      </c>
    </row>
    <row r="8190" spans="1:7" x14ac:dyDescent="0.3">
      <c r="A8190" s="13" t="s">
        <v>73</v>
      </c>
      <c r="B8190" s="14" t="s">
        <v>1</v>
      </c>
      <c r="C8190" s="14" t="s">
        <v>59</v>
      </c>
      <c r="D8190" s="14" t="s">
        <v>74</v>
      </c>
      <c r="E8190" s="15">
        <v>45536</v>
      </c>
      <c r="F8190" s="14" t="s">
        <v>25</v>
      </c>
      <c r="G8190" s="16">
        <v>0.10111275949036685</v>
      </c>
    </row>
    <row r="8191" spans="1:7" x14ac:dyDescent="0.3">
      <c r="A8191" s="13" t="s">
        <v>73</v>
      </c>
      <c r="B8191" s="14" t="s">
        <v>1</v>
      </c>
      <c r="C8191" s="14" t="s">
        <v>59</v>
      </c>
      <c r="D8191" s="14" t="s">
        <v>74</v>
      </c>
      <c r="E8191" s="15">
        <v>45537</v>
      </c>
      <c r="F8191" s="14" t="s">
        <v>25</v>
      </c>
      <c r="G8191" s="16">
        <v>9.8287480681655548E-2</v>
      </c>
    </row>
    <row r="8192" spans="1:7" x14ac:dyDescent="0.3">
      <c r="A8192" s="13" t="s">
        <v>73</v>
      </c>
      <c r="B8192" s="14" t="s">
        <v>1</v>
      </c>
      <c r="C8192" s="14" t="s">
        <v>59</v>
      </c>
      <c r="D8192" s="14" t="s">
        <v>74</v>
      </c>
      <c r="E8192" s="15">
        <v>45538</v>
      </c>
      <c r="F8192" s="14" t="s">
        <v>25</v>
      </c>
      <c r="G8192" s="16">
        <v>9.3973865397785045E-2</v>
      </c>
    </row>
    <row r="8193" spans="1:7" x14ac:dyDescent="0.3">
      <c r="A8193" s="13" t="s">
        <v>73</v>
      </c>
      <c r="B8193" s="14" t="s">
        <v>1</v>
      </c>
      <c r="C8193" s="14" t="s">
        <v>59</v>
      </c>
      <c r="D8193" s="14" t="s">
        <v>74</v>
      </c>
      <c r="E8193" s="15">
        <v>45539</v>
      </c>
      <c r="F8193" s="14" t="s">
        <v>25</v>
      </c>
      <c r="G8193" s="16">
        <v>9.0542010467886264E-2</v>
      </c>
    </row>
    <row r="8194" spans="1:7" x14ac:dyDescent="0.3">
      <c r="A8194" s="13" t="s">
        <v>73</v>
      </c>
      <c r="B8194" s="14" t="s">
        <v>1</v>
      </c>
      <c r="C8194" s="14" t="s">
        <v>59</v>
      </c>
      <c r="D8194" s="14" t="s">
        <v>74</v>
      </c>
      <c r="E8194" s="15">
        <v>45540</v>
      </c>
      <c r="F8194" s="14" t="s">
        <v>25</v>
      </c>
      <c r="G8194" s="16">
        <v>8.7307037727150635E-2</v>
      </c>
    </row>
    <row r="8195" spans="1:7" x14ac:dyDescent="0.3">
      <c r="A8195" s="13" t="s">
        <v>73</v>
      </c>
      <c r="B8195" s="14" t="s">
        <v>1</v>
      </c>
      <c r="C8195" s="14" t="s">
        <v>59</v>
      </c>
      <c r="D8195" s="14" t="s">
        <v>74</v>
      </c>
      <c r="E8195" s="15">
        <v>45541</v>
      </c>
      <c r="F8195" s="14" t="s">
        <v>25</v>
      </c>
      <c r="G8195" s="16">
        <v>8.4213446153247787E-2</v>
      </c>
    </row>
    <row r="8196" spans="1:7" x14ac:dyDescent="0.3">
      <c r="A8196" s="13" t="s">
        <v>73</v>
      </c>
      <c r="B8196" s="14" t="s">
        <v>1</v>
      </c>
      <c r="C8196" s="14" t="s">
        <v>59</v>
      </c>
      <c r="D8196" s="14" t="s">
        <v>74</v>
      </c>
      <c r="E8196" s="15">
        <v>45542</v>
      </c>
      <c r="F8196" s="14" t="s">
        <v>25</v>
      </c>
      <c r="G8196" s="16">
        <v>8.4213446153247787E-2</v>
      </c>
    </row>
    <row r="8197" spans="1:7" x14ac:dyDescent="0.3">
      <c r="A8197" s="13" t="s">
        <v>73</v>
      </c>
      <c r="B8197" s="14" t="s">
        <v>1</v>
      </c>
      <c r="C8197" s="14" t="s">
        <v>59</v>
      </c>
      <c r="D8197" s="14" t="s">
        <v>74</v>
      </c>
      <c r="E8197" s="15">
        <v>45543</v>
      </c>
      <c r="F8197" s="14" t="s">
        <v>25</v>
      </c>
      <c r="G8197" s="16">
        <v>8.4213446153247787E-2</v>
      </c>
    </row>
    <row r="8198" spans="1:7" x14ac:dyDescent="0.3">
      <c r="A8198" s="13" t="s">
        <v>73</v>
      </c>
      <c r="B8198" s="14" t="s">
        <v>1</v>
      </c>
      <c r="C8198" s="14" t="s">
        <v>59</v>
      </c>
      <c r="D8198" s="14" t="s">
        <v>74</v>
      </c>
      <c r="E8198" s="15">
        <v>45544</v>
      </c>
      <c r="F8198" s="14" t="s">
        <v>25</v>
      </c>
      <c r="G8198" s="16">
        <v>8.1882349033932114E-2</v>
      </c>
    </row>
    <row r="8199" spans="1:7" x14ac:dyDescent="0.3">
      <c r="A8199" s="13" t="s">
        <v>73</v>
      </c>
      <c r="B8199" s="14" t="s">
        <v>1</v>
      </c>
      <c r="C8199" s="14" t="s">
        <v>59</v>
      </c>
      <c r="D8199" s="14" t="s">
        <v>74</v>
      </c>
      <c r="E8199" s="15">
        <v>45545</v>
      </c>
      <c r="F8199" s="14" t="s">
        <v>25</v>
      </c>
      <c r="G8199" s="16">
        <v>7.2680813428324914E-2</v>
      </c>
    </row>
    <row r="8200" spans="1:7" x14ac:dyDescent="0.3">
      <c r="A8200" s="13" t="s">
        <v>73</v>
      </c>
      <c r="B8200" s="14" t="s">
        <v>1</v>
      </c>
      <c r="C8200" s="14" t="s">
        <v>59</v>
      </c>
      <c r="D8200" s="14" t="s">
        <v>74</v>
      </c>
      <c r="E8200" s="15">
        <v>45546</v>
      </c>
      <c r="F8200" s="14" t="s">
        <v>25</v>
      </c>
      <c r="G8200" s="16">
        <v>7.0136967206175987E-2</v>
      </c>
    </row>
    <row r="8201" spans="1:7" x14ac:dyDescent="0.3">
      <c r="A8201" s="13" t="s">
        <v>73</v>
      </c>
      <c r="B8201" s="14" t="s">
        <v>1</v>
      </c>
      <c r="C8201" s="14" t="s">
        <v>59</v>
      </c>
      <c r="D8201" s="14" t="s">
        <v>74</v>
      </c>
      <c r="E8201" s="15">
        <v>45547</v>
      </c>
      <c r="F8201" s="14" t="s">
        <v>25</v>
      </c>
      <c r="G8201" s="16">
        <v>6.7066207541951625E-2</v>
      </c>
    </row>
    <row r="8202" spans="1:7" x14ac:dyDescent="0.3">
      <c r="A8202" s="13" t="s">
        <v>73</v>
      </c>
      <c r="B8202" s="14" t="s">
        <v>1</v>
      </c>
      <c r="C8202" s="14" t="s">
        <v>59</v>
      </c>
      <c r="D8202" s="14" t="s">
        <v>74</v>
      </c>
      <c r="E8202" s="15">
        <v>45548</v>
      </c>
      <c r="F8202" s="14" t="s">
        <v>25</v>
      </c>
      <c r="G8202" s="16">
        <v>0.1214442670122069</v>
      </c>
    </row>
    <row r="8203" spans="1:7" x14ac:dyDescent="0.3">
      <c r="A8203" s="13" t="s">
        <v>73</v>
      </c>
      <c r="B8203" s="14" t="s">
        <v>1</v>
      </c>
      <c r="C8203" s="14" t="s">
        <v>59</v>
      </c>
      <c r="D8203" s="14" t="s">
        <v>74</v>
      </c>
      <c r="E8203" s="15">
        <v>45549</v>
      </c>
      <c r="F8203" s="14" t="s">
        <v>25</v>
      </c>
      <c r="G8203" s="16">
        <v>0.1214442670122069</v>
      </c>
    </row>
    <row r="8204" spans="1:7" x14ac:dyDescent="0.3">
      <c r="A8204" s="13" t="s">
        <v>73</v>
      </c>
      <c r="B8204" s="14" t="s">
        <v>1</v>
      </c>
      <c r="C8204" s="14" t="s">
        <v>59</v>
      </c>
      <c r="D8204" s="14" t="s">
        <v>74</v>
      </c>
      <c r="E8204" s="15">
        <v>45550</v>
      </c>
      <c r="F8204" s="14" t="s">
        <v>25</v>
      </c>
      <c r="G8204" s="16">
        <v>0.1214442670122069</v>
      </c>
    </row>
    <row r="8205" spans="1:7" x14ac:dyDescent="0.3">
      <c r="A8205" s="13" t="s">
        <v>73</v>
      </c>
      <c r="B8205" s="14" t="s">
        <v>1</v>
      </c>
      <c r="C8205" s="14" t="s">
        <v>59</v>
      </c>
      <c r="D8205" s="14" t="s">
        <v>74</v>
      </c>
      <c r="E8205" s="15">
        <v>45551</v>
      </c>
      <c r="F8205" s="14" t="s">
        <v>25</v>
      </c>
      <c r="G8205" s="16">
        <v>0.11787427661491798</v>
      </c>
    </row>
    <row r="8206" spans="1:7" x14ac:dyDescent="0.3">
      <c r="A8206" s="13" t="s">
        <v>73</v>
      </c>
      <c r="B8206" s="14" t="s">
        <v>1</v>
      </c>
      <c r="C8206" s="14" t="s">
        <v>59</v>
      </c>
      <c r="D8206" s="14" t="s">
        <v>74</v>
      </c>
      <c r="E8206" s="15">
        <v>45552</v>
      </c>
      <c r="F8206" s="14" t="s">
        <v>25</v>
      </c>
      <c r="G8206" s="16">
        <v>0.10911273766736471</v>
      </c>
    </row>
    <row r="8207" spans="1:7" x14ac:dyDescent="0.3">
      <c r="A8207" s="13" t="s">
        <v>73</v>
      </c>
      <c r="B8207" s="14" t="s">
        <v>1</v>
      </c>
      <c r="C8207" s="14" t="s">
        <v>59</v>
      </c>
      <c r="D8207" s="14" t="s">
        <v>74</v>
      </c>
      <c r="E8207" s="15">
        <v>45553</v>
      </c>
      <c r="F8207" s="14" t="s">
        <v>25</v>
      </c>
      <c r="G8207" s="16">
        <v>0.10597264728405918</v>
      </c>
    </row>
    <row r="8208" spans="1:7" x14ac:dyDescent="0.3">
      <c r="A8208" s="13" t="s">
        <v>73</v>
      </c>
      <c r="B8208" s="14" t="s">
        <v>1</v>
      </c>
      <c r="C8208" s="14" t="s">
        <v>59</v>
      </c>
      <c r="D8208" s="14" t="s">
        <v>74</v>
      </c>
      <c r="E8208" s="15">
        <v>45554</v>
      </c>
      <c r="F8208" s="14" t="s">
        <v>25</v>
      </c>
      <c r="G8208" s="16">
        <v>0.10312749061954674</v>
      </c>
    </row>
    <row r="8209" spans="1:7" x14ac:dyDescent="0.3">
      <c r="A8209" s="13" t="s">
        <v>73</v>
      </c>
      <c r="B8209" s="14" t="s">
        <v>1</v>
      </c>
      <c r="C8209" s="14" t="s">
        <v>59</v>
      </c>
      <c r="D8209" s="14" t="s">
        <v>74</v>
      </c>
      <c r="E8209" s="15">
        <v>45555</v>
      </c>
      <c r="F8209" s="14" t="s">
        <v>25</v>
      </c>
      <c r="G8209" s="16">
        <v>0.10038484010838658</v>
      </c>
    </row>
    <row r="8210" spans="1:7" x14ac:dyDescent="0.3">
      <c r="A8210" s="13" t="s">
        <v>73</v>
      </c>
      <c r="B8210" s="14" t="s">
        <v>1</v>
      </c>
      <c r="C8210" s="14" t="s">
        <v>59</v>
      </c>
      <c r="D8210" s="14" t="s">
        <v>74</v>
      </c>
      <c r="E8210" s="15">
        <v>45556</v>
      </c>
      <c r="F8210" s="14" t="s">
        <v>25</v>
      </c>
      <c r="G8210" s="16">
        <v>0.10038484010838658</v>
      </c>
    </row>
    <row r="8211" spans="1:7" x14ac:dyDescent="0.3">
      <c r="A8211" s="13" t="s">
        <v>73</v>
      </c>
      <c r="B8211" s="14" t="s">
        <v>1</v>
      </c>
      <c r="C8211" s="14" t="s">
        <v>59</v>
      </c>
      <c r="D8211" s="14" t="s">
        <v>74</v>
      </c>
      <c r="E8211" s="15">
        <v>45557</v>
      </c>
      <c r="F8211" s="14" t="s">
        <v>25</v>
      </c>
      <c r="G8211" s="16">
        <v>0.10038484010838658</v>
      </c>
    </row>
    <row r="8212" spans="1:7" x14ac:dyDescent="0.3">
      <c r="A8212" s="13" t="s">
        <v>73</v>
      </c>
      <c r="B8212" s="14" t="s">
        <v>1</v>
      </c>
      <c r="C8212" s="14" t="s">
        <v>59</v>
      </c>
      <c r="D8212" s="14" t="s">
        <v>74</v>
      </c>
      <c r="E8212" s="15">
        <v>45558</v>
      </c>
      <c r="F8212" s="14" t="s">
        <v>25</v>
      </c>
      <c r="G8212" s="16">
        <v>9.7037714453907228E-2</v>
      </c>
    </row>
    <row r="8213" spans="1:7" x14ac:dyDescent="0.3">
      <c r="A8213" s="13" t="s">
        <v>73</v>
      </c>
      <c r="B8213" s="14" t="s">
        <v>1</v>
      </c>
      <c r="C8213" s="14" t="s">
        <v>59</v>
      </c>
      <c r="D8213" s="14" t="s">
        <v>74</v>
      </c>
      <c r="E8213" s="15">
        <v>45559</v>
      </c>
      <c r="F8213" s="14" t="s">
        <v>25</v>
      </c>
      <c r="G8213" s="16">
        <v>8.7498718366779041E-2</v>
      </c>
    </row>
    <row r="8214" spans="1:7" x14ac:dyDescent="0.3">
      <c r="A8214" s="13" t="s">
        <v>73</v>
      </c>
      <c r="B8214" s="14" t="s">
        <v>1</v>
      </c>
      <c r="C8214" s="14" t="s">
        <v>59</v>
      </c>
      <c r="D8214" s="14" t="s">
        <v>74</v>
      </c>
      <c r="E8214" s="15">
        <v>45560</v>
      </c>
      <c r="F8214" s="14" t="s">
        <v>25</v>
      </c>
      <c r="G8214" s="16">
        <v>8.5185327387861332E-2</v>
      </c>
    </row>
    <row r="8215" spans="1:7" x14ac:dyDescent="0.3">
      <c r="A8215" s="13" t="s">
        <v>73</v>
      </c>
      <c r="B8215" s="14" t="s">
        <v>1</v>
      </c>
      <c r="C8215" s="14" t="s">
        <v>59</v>
      </c>
      <c r="D8215" s="14" t="s">
        <v>74</v>
      </c>
      <c r="E8215" s="15">
        <v>45561</v>
      </c>
      <c r="F8215" s="14" t="s">
        <v>25</v>
      </c>
      <c r="G8215" s="16">
        <v>8.3198657284557082E-2</v>
      </c>
    </row>
    <row r="8216" spans="1:7" x14ac:dyDescent="0.3">
      <c r="A8216" s="13" t="s">
        <v>73</v>
      </c>
      <c r="B8216" s="14" t="s">
        <v>1</v>
      </c>
      <c r="C8216" s="14" t="s">
        <v>59</v>
      </c>
      <c r="D8216" s="14" t="s">
        <v>74</v>
      </c>
      <c r="E8216" s="15">
        <v>45562</v>
      </c>
      <c r="F8216" s="14" t="s">
        <v>25</v>
      </c>
      <c r="G8216" s="16">
        <v>7.9760389108300841E-2</v>
      </c>
    </row>
    <row r="8217" spans="1:7" x14ac:dyDescent="0.3">
      <c r="A8217" s="13" t="s">
        <v>73</v>
      </c>
      <c r="B8217" s="14" t="s">
        <v>1</v>
      </c>
      <c r="C8217" s="14" t="s">
        <v>59</v>
      </c>
      <c r="D8217" s="14" t="s">
        <v>74</v>
      </c>
      <c r="E8217" s="15">
        <v>45563</v>
      </c>
      <c r="F8217" s="14" t="s">
        <v>25</v>
      </c>
      <c r="G8217" s="16">
        <v>7.9760389108300841E-2</v>
      </c>
    </row>
    <row r="8218" spans="1:7" x14ac:dyDescent="0.3">
      <c r="A8218" s="13" t="s">
        <v>73</v>
      </c>
      <c r="B8218" s="14" t="s">
        <v>1</v>
      </c>
      <c r="C8218" s="14" t="s">
        <v>59</v>
      </c>
      <c r="D8218" s="14" t="s">
        <v>74</v>
      </c>
      <c r="E8218" s="15">
        <v>45564</v>
      </c>
      <c r="F8218" s="14" t="s">
        <v>25</v>
      </c>
      <c r="G8218" s="16">
        <v>7.9760389108300841E-2</v>
      </c>
    </row>
    <row r="8219" spans="1:7" x14ac:dyDescent="0.3">
      <c r="A8219" s="13" t="s">
        <v>73</v>
      </c>
      <c r="B8219" s="14" t="s">
        <v>1</v>
      </c>
      <c r="C8219" s="14" t="s">
        <v>59</v>
      </c>
      <c r="D8219" s="14" t="s">
        <v>74</v>
      </c>
      <c r="E8219" s="15">
        <v>45565</v>
      </c>
      <c r="F8219" s="14" t="s">
        <v>25</v>
      </c>
      <c r="G8219" s="16">
        <v>7.7193691974710307E-2</v>
      </c>
    </row>
    <row r="8220" spans="1:7" x14ac:dyDescent="0.3">
      <c r="A8220" s="13" t="s">
        <v>73</v>
      </c>
      <c r="B8220" s="14" t="s">
        <v>1</v>
      </c>
      <c r="C8220" s="14" t="s">
        <v>59</v>
      </c>
      <c r="D8220" s="14" t="s">
        <v>74</v>
      </c>
      <c r="E8220" s="15">
        <v>45566</v>
      </c>
      <c r="F8220" s="14" t="s">
        <v>25</v>
      </c>
      <c r="G8220" s="16">
        <v>6.8028646230184384E-2</v>
      </c>
    </row>
    <row r="8221" spans="1:7" x14ac:dyDescent="0.3">
      <c r="A8221" s="13" t="s">
        <v>73</v>
      </c>
      <c r="B8221" s="14" t="s">
        <v>1</v>
      </c>
      <c r="C8221" s="14" t="s">
        <v>59</v>
      </c>
      <c r="D8221" s="14" t="s">
        <v>74</v>
      </c>
      <c r="E8221" s="15">
        <v>45567</v>
      </c>
      <c r="F8221" s="14" t="s">
        <v>25</v>
      </c>
      <c r="G8221" s="16">
        <v>7.0852765315211799E-2</v>
      </c>
    </row>
    <row r="8222" spans="1:7" x14ac:dyDescent="0.3">
      <c r="A8222" s="13" t="s">
        <v>73</v>
      </c>
      <c r="B8222" s="14" t="s">
        <v>1</v>
      </c>
      <c r="C8222" s="14" t="s">
        <v>59</v>
      </c>
      <c r="D8222" s="14" t="s">
        <v>74</v>
      </c>
      <c r="E8222" s="15">
        <v>45568</v>
      </c>
      <c r="F8222" s="14" t="s">
        <v>25</v>
      </c>
      <c r="G8222" s="16">
        <v>6.8052478460377791E-2</v>
      </c>
    </row>
    <row r="8223" spans="1:7" x14ac:dyDescent="0.3">
      <c r="A8223" s="13" t="s">
        <v>73</v>
      </c>
      <c r="B8223" s="14" t="s">
        <v>1</v>
      </c>
      <c r="C8223" s="14" t="s">
        <v>59</v>
      </c>
      <c r="D8223" s="14" t="s">
        <v>74</v>
      </c>
      <c r="E8223" s="15">
        <v>45569</v>
      </c>
      <c r="F8223" s="14" t="s">
        <v>25</v>
      </c>
      <c r="G8223" s="16">
        <v>6.5392131980074569E-2</v>
      </c>
    </row>
    <row r="8224" spans="1:7" x14ac:dyDescent="0.3">
      <c r="A8224" s="13" t="s">
        <v>73</v>
      </c>
      <c r="B8224" s="14" t="s">
        <v>1</v>
      </c>
      <c r="C8224" s="14" t="s">
        <v>59</v>
      </c>
      <c r="D8224" s="14" t="s">
        <v>74</v>
      </c>
      <c r="E8224" s="15">
        <v>45570</v>
      </c>
      <c r="F8224" s="14" t="s">
        <v>25</v>
      </c>
      <c r="G8224" s="16">
        <v>6.5392131980074569E-2</v>
      </c>
    </row>
    <row r="8225" spans="1:7" x14ac:dyDescent="0.3">
      <c r="A8225" s="13" t="s">
        <v>73</v>
      </c>
      <c r="B8225" s="14" t="s">
        <v>1</v>
      </c>
      <c r="C8225" s="14" t="s">
        <v>59</v>
      </c>
      <c r="D8225" s="14" t="s">
        <v>74</v>
      </c>
      <c r="E8225" s="15">
        <v>45571</v>
      </c>
      <c r="F8225" s="14" t="s">
        <v>25</v>
      </c>
      <c r="G8225" s="16">
        <v>6.5392131980074569E-2</v>
      </c>
    </row>
    <row r="8226" spans="1:7" x14ac:dyDescent="0.3">
      <c r="A8226" s="13" t="s">
        <v>73</v>
      </c>
      <c r="B8226" s="14" t="s">
        <v>1</v>
      </c>
      <c r="C8226" s="14" t="s">
        <v>59</v>
      </c>
      <c r="D8226" s="14" t="s">
        <v>74</v>
      </c>
      <c r="E8226" s="15">
        <v>45572</v>
      </c>
      <c r="F8226" s="14" t="s">
        <v>25</v>
      </c>
      <c r="G8226" s="16">
        <v>6.2096480305983713E-2</v>
      </c>
    </row>
    <row r="8227" spans="1:7" x14ac:dyDescent="0.3">
      <c r="A8227" s="13" t="s">
        <v>73</v>
      </c>
      <c r="B8227" s="14" t="s">
        <v>1</v>
      </c>
      <c r="C8227" s="14" t="s">
        <v>59</v>
      </c>
      <c r="D8227" s="14" t="s">
        <v>74</v>
      </c>
      <c r="E8227" s="15">
        <v>45573</v>
      </c>
      <c r="F8227" s="14" t="s">
        <v>25</v>
      </c>
      <c r="G8227" s="16">
        <v>5.315834179298707E-2</v>
      </c>
    </row>
    <row r="8228" spans="1:7" x14ac:dyDescent="0.3">
      <c r="A8228" s="13" t="s">
        <v>73</v>
      </c>
      <c r="B8228" s="14" t="s">
        <v>1</v>
      </c>
      <c r="C8228" s="14" t="s">
        <v>59</v>
      </c>
      <c r="D8228" s="14" t="s">
        <v>74</v>
      </c>
      <c r="E8228" s="15">
        <v>45574</v>
      </c>
      <c r="F8228" s="14" t="s">
        <v>25</v>
      </c>
      <c r="G8228" s="16">
        <v>6.7459086051607858E-2</v>
      </c>
    </row>
    <row r="8229" spans="1:7" x14ac:dyDescent="0.3">
      <c r="A8229" s="13" t="s">
        <v>73</v>
      </c>
      <c r="B8229" s="14" t="s">
        <v>1</v>
      </c>
      <c r="C8229" s="14" t="s">
        <v>59</v>
      </c>
      <c r="D8229" s="14" t="s">
        <v>74</v>
      </c>
      <c r="E8229" s="15">
        <v>45575</v>
      </c>
      <c r="F8229" s="14" t="s">
        <v>25</v>
      </c>
      <c r="G8229" s="16">
        <v>6.4090853266726755E-2</v>
      </c>
    </row>
    <row r="8230" spans="1:7" x14ac:dyDescent="0.3">
      <c r="A8230" s="13" t="s">
        <v>73</v>
      </c>
      <c r="B8230" s="14" t="s">
        <v>1</v>
      </c>
      <c r="C8230" s="14" t="s">
        <v>59</v>
      </c>
      <c r="D8230" s="14" t="s">
        <v>74</v>
      </c>
      <c r="E8230" s="15">
        <v>45576</v>
      </c>
      <c r="F8230" s="14" t="s">
        <v>25</v>
      </c>
      <c r="G8230" s="16">
        <v>6.1124931046102976E-2</v>
      </c>
    </row>
    <row r="8231" spans="1:7" x14ac:dyDescent="0.3">
      <c r="A8231" s="13" t="s">
        <v>73</v>
      </c>
      <c r="B8231" s="14" t="s">
        <v>1</v>
      </c>
      <c r="C8231" s="14" t="s">
        <v>59</v>
      </c>
      <c r="D8231" s="14" t="s">
        <v>74</v>
      </c>
      <c r="E8231" s="15">
        <v>45577</v>
      </c>
      <c r="F8231" s="14" t="s">
        <v>25</v>
      </c>
      <c r="G8231" s="16">
        <v>6.1124931046102976E-2</v>
      </c>
    </row>
    <row r="8232" spans="1:7" x14ac:dyDescent="0.3">
      <c r="A8232" s="13" t="s">
        <v>73</v>
      </c>
      <c r="B8232" s="14" t="s">
        <v>1</v>
      </c>
      <c r="C8232" s="14" t="s">
        <v>59</v>
      </c>
      <c r="D8232" s="14" t="s">
        <v>74</v>
      </c>
      <c r="E8232" s="15">
        <v>45578</v>
      </c>
      <c r="F8232" s="14" t="s">
        <v>25</v>
      </c>
      <c r="G8232" s="16">
        <v>6.1124931046102976E-2</v>
      </c>
    </row>
    <row r="8233" spans="1:7" x14ac:dyDescent="0.3">
      <c r="A8233" s="13" t="s">
        <v>73</v>
      </c>
      <c r="B8233" s="14" t="s">
        <v>1</v>
      </c>
      <c r="C8233" s="14" t="s">
        <v>59</v>
      </c>
      <c r="D8233" s="14" t="s">
        <v>74</v>
      </c>
      <c r="E8233" s="15">
        <v>45579</v>
      </c>
      <c r="F8233" s="14" t="s">
        <v>25</v>
      </c>
      <c r="G8233" s="16">
        <v>5.845979349857567E-2</v>
      </c>
    </row>
    <row r="8234" spans="1:7" x14ac:dyDescent="0.3">
      <c r="A8234" s="13" t="s">
        <v>73</v>
      </c>
      <c r="B8234" s="14" t="s">
        <v>1</v>
      </c>
      <c r="C8234" s="14" t="s">
        <v>59</v>
      </c>
      <c r="D8234" s="14" t="s">
        <v>74</v>
      </c>
      <c r="E8234" s="15">
        <v>45580</v>
      </c>
      <c r="F8234" s="14" t="s">
        <v>25</v>
      </c>
      <c r="G8234" s="16">
        <v>4.9155142135070946E-2</v>
      </c>
    </row>
    <row r="8235" spans="1:7" x14ac:dyDescent="0.3">
      <c r="A8235" s="13" t="s">
        <v>73</v>
      </c>
      <c r="B8235" s="14" t="s">
        <v>1</v>
      </c>
      <c r="C8235" s="14" t="s">
        <v>59</v>
      </c>
      <c r="D8235" s="14" t="s">
        <v>74</v>
      </c>
      <c r="E8235" s="15">
        <v>45581</v>
      </c>
      <c r="F8235" s="14" t="s">
        <v>25</v>
      </c>
      <c r="G8235" s="16">
        <v>4.6305569070186001E-2</v>
      </c>
    </row>
    <row r="8236" spans="1:7" x14ac:dyDescent="0.3">
      <c r="A8236" s="13" t="s">
        <v>73</v>
      </c>
      <c r="B8236" s="14" t="s">
        <v>1</v>
      </c>
      <c r="C8236" s="14" t="s">
        <v>59</v>
      </c>
      <c r="D8236" s="14" t="s">
        <v>74</v>
      </c>
      <c r="E8236" s="15">
        <v>45582</v>
      </c>
      <c r="F8236" s="14" t="s">
        <v>25</v>
      </c>
      <c r="G8236" s="16">
        <v>4.3249297054382137E-2</v>
      </c>
    </row>
    <row r="8237" spans="1:7" x14ac:dyDescent="0.3">
      <c r="A8237" s="13" t="s">
        <v>73</v>
      </c>
      <c r="B8237" s="14" t="s">
        <v>1</v>
      </c>
      <c r="C8237" s="14" t="s">
        <v>59</v>
      </c>
      <c r="D8237" s="14" t="s">
        <v>74</v>
      </c>
      <c r="E8237" s="15">
        <v>45583</v>
      </c>
      <c r="F8237" s="14" t="s">
        <v>25</v>
      </c>
      <c r="G8237" s="16">
        <v>4.0141007210298431E-2</v>
      </c>
    </row>
    <row r="8238" spans="1:7" x14ac:dyDescent="0.3">
      <c r="A8238" s="13" t="s">
        <v>73</v>
      </c>
      <c r="B8238" s="14" t="s">
        <v>1</v>
      </c>
      <c r="C8238" s="14" t="s">
        <v>59</v>
      </c>
      <c r="D8238" s="14" t="s">
        <v>74</v>
      </c>
      <c r="E8238" s="15">
        <v>45584</v>
      </c>
      <c r="F8238" s="14" t="s">
        <v>25</v>
      </c>
      <c r="G8238" s="16">
        <v>4.0141007210298431E-2</v>
      </c>
    </row>
    <row r="8239" spans="1:7" x14ac:dyDescent="0.3">
      <c r="A8239" s="13" t="s">
        <v>73</v>
      </c>
      <c r="B8239" s="14" t="s">
        <v>1</v>
      </c>
      <c r="C8239" s="14" t="s">
        <v>59</v>
      </c>
      <c r="D8239" s="14" t="s">
        <v>74</v>
      </c>
      <c r="E8239" s="15">
        <v>45585</v>
      </c>
      <c r="F8239" s="14" t="s">
        <v>25</v>
      </c>
      <c r="G8239" s="16">
        <v>4.0141007210298431E-2</v>
      </c>
    </row>
    <row r="8240" spans="1:7" x14ac:dyDescent="0.3">
      <c r="A8240" s="13" t="s">
        <v>73</v>
      </c>
      <c r="B8240" s="14" t="s">
        <v>1</v>
      </c>
      <c r="C8240" s="14" t="s">
        <v>59</v>
      </c>
      <c r="D8240" s="14" t="s">
        <v>74</v>
      </c>
      <c r="E8240" s="15">
        <v>45586</v>
      </c>
      <c r="F8240" s="14" t="s">
        <v>25</v>
      </c>
      <c r="G8240" s="16">
        <v>3.7138931311755302E-2</v>
      </c>
    </row>
    <row r="8241" spans="1:7" x14ac:dyDescent="0.3">
      <c r="A8241" s="13" t="s">
        <v>73</v>
      </c>
      <c r="B8241" s="14" t="s">
        <v>1</v>
      </c>
      <c r="C8241" s="14" t="s">
        <v>59</v>
      </c>
      <c r="D8241" s="14" t="s">
        <v>74</v>
      </c>
      <c r="E8241" s="15">
        <v>45587</v>
      </c>
      <c r="F8241" s="14" t="s">
        <v>25</v>
      </c>
      <c r="G8241" s="16">
        <v>2.7867312867140316E-2</v>
      </c>
    </row>
    <row r="8242" spans="1:7" x14ac:dyDescent="0.3">
      <c r="A8242" s="13" t="s">
        <v>73</v>
      </c>
      <c r="B8242" s="14" t="s">
        <v>1</v>
      </c>
      <c r="C8242" s="14" t="s">
        <v>59</v>
      </c>
      <c r="D8242" s="14" t="s">
        <v>74</v>
      </c>
      <c r="E8242" s="15">
        <v>45588</v>
      </c>
      <c r="F8242" s="14" t="s">
        <v>25</v>
      </c>
      <c r="G8242" s="16">
        <v>2.4844210745145416E-2</v>
      </c>
    </row>
    <row r="8243" spans="1:7" x14ac:dyDescent="0.3">
      <c r="A8243" s="13" t="s">
        <v>73</v>
      </c>
      <c r="B8243" s="14" t="s">
        <v>1</v>
      </c>
      <c r="C8243" s="14" t="s">
        <v>59</v>
      </c>
      <c r="D8243" s="14" t="s">
        <v>74</v>
      </c>
      <c r="E8243" s="15">
        <v>45589</v>
      </c>
      <c r="F8243" s="14" t="s">
        <v>25</v>
      </c>
      <c r="G8243" s="16">
        <v>2.1770734515297249E-2</v>
      </c>
    </row>
    <row r="8244" spans="1:7" x14ac:dyDescent="0.3">
      <c r="A8244" s="13" t="s">
        <v>73</v>
      </c>
      <c r="B8244" s="14" t="s">
        <v>1</v>
      </c>
      <c r="C8244" s="14" t="s">
        <v>59</v>
      </c>
      <c r="D8244" s="14" t="s">
        <v>74</v>
      </c>
      <c r="E8244" s="15">
        <v>45590</v>
      </c>
      <c r="F8244" s="14" t="s">
        <v>25</v>
      </c>
      <c r="G8244" s="16">
        <v>1.875452296741182E-2</v>
      </c>
    </row>
    <row r="8245" spans="1:7" x14ac:dyDescent="0.3">
      <c r="A8245" s="13" t="s">
        <v>73</v>
      </c>
      <c r="B8245" s="14" t="s">
        <v>1</v>
      </c>
      <c r="C8245" s="14" t="s">
        <v>59</v>
      </c>
      <c r="D8245" s="14" t="s">
        <v>74</v>
      </c>
      <c r="E8245" s="15">
        <v>45591</v>
      </c>
      <c r="F8245" s="14" t="s">
        <v>25</v>
      </c>
      <c r="G8245" s="16">
        <v>1.875452296741182E-2</v>
      </c>
    </row>
    <row r="8246" spans="1:7" x14ac:dyDescent="0.3">
      <c r="A8246" s="13" t="s">
        <v>73</v>
      </c>
      <c r="B8246" s="14" t="s">
        <v>1</v>
      </c>
      <c r="C8246" s="14" t="s">
        <v>59</v>
      </c>
      <c r="D8246" s="14" t="s">
        <v>74</v>
      </c>
      <c r="E8246" s="15">
        <v>45592</v>
      </c>
      <c r="F8246" s="14" t="s">
        <v>25</v>
      </c>
      <c r="G8246" s="16">
        <v>1.875452296741182E-2</v>
      </c>
    </row>
    <row r="8247" spans="1:7" x14ac:dyDescent="0.3">
      <c r="A8247" s="13" t="s">
        <v>73</v>
      </c>
      <c r="B8247" s="14" t="s">
        <v>1</v>
      </c>
      <c r="C8247" s="14" t="s">
        <v>59</v>
      </c>
      <c r="D8247" s="14" t="s">
        <v>74</v>
      </c>
      <c r="E8247" s="15">
        <v>45593</v>
      </c>
      <c r="F8247" s="14" t="s">
        <v>25</v>
      </c>
      <c r="G8247" s="16">
        <v>1.875452296741182E-2</v>
      </c>
    </row>
    <row r="8248" spans="1:7" x14ac:dyDescent="0.3">
      <c r="A8248" s="13" t="s">
        <v>73</v>
      </c>
      <c r="B8248" s="14" t="s">
        <v>1</v>
      </c>
      <c r="C8248" s="14" t="s">
        <v>59</v>
      </c>
      <c r="D8248" s="14" t="s">
        <v>74</v>
      </c>
      <c r="E8248" s="15">
        <v>45594</v>
      </c>
      <c r="F8248" s="14" t="s">
        <v>25</v>
      </c>
      <c r="G8248" s="16">
        <v>1.5775041206695425E-2</v>
      </c>
    </row>
    <row r="8249" spans="1:7" x14ac:dyDescent="0.3">
      <c r="A8249" s="13" t="s">
        <v>73</v>
      </c>
      <c r="B8249" s="14" t="s">
        <v>1</v>
      </c>
      <c r="C8249" s="14" t="s">
        <v>59</v>
      </c>
      <c r="D8249" s="14" t="s">
        <v>74</v>
      </c>
      <c r="E8249" s="15">
        <v>45595</v>
      </c>
      <c r="F8249" s="14" t="s">
        <v>25</v>
      </c>
      <c r="G8249" s="16">
        <v>3.4895894216511823E-3</v>
      </c>
    </row>
    <row r="8250" spans="1:7" x14ac:dyDescent="0.3">
      <c r="A8250" s="13" t="s">
        <v>73</v>
      </c>
      <c r="B8250" s="14" t="s">
        <v>1</v>
      </c>
      <c r="C8250" s="14" t="s">
        <v>59</v>
      </c>
      <c r="D8250" s="14" t="s">
        <v>74</v>
      </c>
      <c r="E8250" s="15">
        <v>45596</v>
      </c>
      <c r="F8250" s="14" t="s">
        <v>25</v>
      </c>
      <c r="G8250" s="16">
        <v>4.5375260853779522E-4</v>
      </c>
    </row>
    <row r="8251" spans="1:7" x14ac:dyDescent="0.3">
      <c r="A8251" s="13" t="s">
        <v>73</v>
      </c>
      <c r="B8251" s="14" t="s">
        <v>1</v>
      </c>
      <c r="C8251" s="14" t="s">
        <v>59</v>
      </c>
      <c r="D8251" s="14" t="s">
        <v>74</v>
      </c>
      <c r="E8251" s="15">
        <v>45597</v>
      </c>
      <c r="F8251" s="14" t="s">
        <v>25</v>
      </c>
      <c r="G8251" s="16">
        <v>0</v>
      </c>
    </row>
    <row r="8252" spans="1:7" x14ac:dyDescent="0.3">
      <c r="A8252" s="13" t="s">
        <v>73</v>
      </c>
      <c r="B8252" s="14" t="s">
        <v>1</v>
      </c>
      <c r="C8252" s="14" t="s">
        <v>59</v>
      </c>
      <c r="D8252" s="14" t="s">
        <v>74</v>
      </c>
      <c r="E8252" s="15">
        <v>45598</v>
      </c>
      <c r="F8252" s="14" t="s">
        <v>25</v>
      </c>
      <c r="G8252" s="16">
        <v>0</v>
      </c>
    </row>
    <row r="8253" spans="1:7" x14ac:dyDescent="0.3">
      <c r="A8253" s="13" t="s">
        <v>73</v>
      </c>
      <c r="B8253" s="14" t="s">
        <v>1</v>
      </c>
      <c r="C8253" s="14" t="s">
        <v>59</v>
      </c>
      <c r="D8253" s="14" t="s">
        <v>74</v>
      </c>
      <c r="E8253" s="15">
        <v>45599</v>
      </c>
      <c r="F8253" s="14" t="s">
        <v>25</v>
      </c>
      <c r="G8253" s="16">
        <v>0</v>
      </c>
    </row>
    <row r="8254" spans="1:7" x14ac:dyDescent="0.3">
      <c r="A8254" s="13" t="s">
        <v>73</v>
      </c>
      <c r="B8254" s="14" t="s">
        <v>1</v>
      </c>
      <c r="C8254" s="14" t="s">
        <v>59</v>
      </c>
      <c r="D8254" s="14" t="s">
        <v>74</v>
      </c>
      <c r="E8254" s="15">
        <v>45600</v>
      </c>
      <c r="F8254" s="14" t="s">
        <v>25</v>
      </c>
      <c r="G8254" s="16">
        <v>0</v>
      </c>
    </row>
    <row r="8255" spans="1:7" x14ac:dyDescent="0.3">
      <c r="A8255" s="13" t="s">
        <v>73</v>
      </c>
      <c r="B8255" s="14" t="s">
        <v>1</v>
      </c>
      <c r="C8255" s="14" t="s">
        <v>59</v>
      </c>
      <c r="D8255" s="14" t="s">
        <v>74</v>
      </c>
      <c r="E8255" s="15">
        <v>45601</v>
      </c>
      <c r="F8255" s="14" t="s">
        <v>25</v>
      </c>
      <c r="G8255" s="16">
        <v>0</v>
      </c>
    </row>
    <row r="8256" spans="1:7" x14ac:dyDescent="0.3">
      <c r="A8256" s="13" t="s">
        <v>73</v>
      </c>
      <c r="B8256" s="14" t="s">
        <v>1</v>
      </c>
      <c r="C8256" s="14" t="s">
        <v>59</v>
      </c>
      <c r="D8256" s="14" t="s">
        <v>74</v>
      </c>
      <c r="E8256" s="15">
        <v>45602</v>
      </c>
      <c r="F8256" s="14" t="s">
        <v>25</v>
      </c>
      <c r="G8256" s="16">
        <v>0</v>
      </c>
    </row>
    <row r="8257" spans="1:7" x14ac:dyDescent="0.3">
      <c r="A8257" s="13" t="s">
        <v>73</v>
      </c>
      <c r="B8257" s="14" t="s">
        <v>1</v>
      </c>
      <c r="C8257" s="14" t="s">
        <v>59</v>
      </c>
      <c r="D8257" s="14" t="s">
        <v>74</v>
      </c>
      <c r="E8257" s="15">
        <v>45603</v>
      </c>
      <c r="F8257" s="14" t="s">
        <v>25</v>
      </c>
      <c r="G8257" s="16">
        <v>0</v>
      </c>
    </row>
    <row r="8258" spans="1:7" x14ac:dyDescent="0.3">
      <c r="A8258" s="13" t="s">
        <v>73</v>
      </c>
      <c r="B8258" s="14" t="s">
        <v>1</v>
      </c>
      <c r="C8258" s="14" t="s">
        <v>59</v>
      </c>
      <c r="D8258" s="14" t="s">
        <v>74</v>
      </c>
      <c r="E8258" s="15">
        <v>45604</v>
      </c>
      <c r="F8258" s="14" t="s">
        <v>25</v>
      </c>
      <c r="G8258" s="16">
        <v>0</v>
      </c>
    </row>
    <row r="8259" spans="1:7" x14ac:dyDescent="0.3">
      <c r="A8259" s="13" t="s">
        <v>73</v>
      </c>
      <c r="B8259" s="14" t="s">
        <v>1</v>
      </c>
      <c r="C8259" s="14" t="s">
        <v>59</v>
      </c>
      <c r="D8259" s="14" t="s">
        <v>74</v>
      </c>
      <c r="E8259" s="15">
        <v>45605</v>
      </c>
      <c r="F8259" s="14" t="s">
        <v>25</v>
      </c>
      <c r="G8259" s="16">
        <v>0</v>
      </c>
    </row>
    <row r="8260" spans="1:7" x14ac:dyDescent="0.3">
      <c r="A8260" s="13" t="s">
        <v>73</v>
      </c>
      <c r="B8260" s="14" t="s">
        <v>1</v>
      </c>
      <c r="C8260" s="14" t="s">
        <v>59</v>
      </c>
      <c r="D8260" s="14" t="s">
        <v>74</v>
      </c>
      <c r="E8260" s="15">
        <v>45606</v>
      </c>
      <c r="F8260" s="14" t="s">
        <v>25</v>
      </c>
      <c r="G8260" s="16">
        <v>0</v>
      </c>
    </row>
    <row r="8261" spans="1:7" x14ac:dyDescent="0.3">
      <c r="A8261" s="13" t="s">
        <v>73</v>
      </c>
      <c r="B8261" s="14" t="s">
        <v>1</v>
      </c>
      <c r="C8261" s="14" t="s">
        <v>59</v>
      </c>
      <c r="D8261" s="14" t="s">
        <v>74</v>
      </c>
      <c r="E8261" s="15">
        <v>45607</v>
      </c>
      <c r="F8261" s="14" t="s">
        <v>25</v>
      </c>
      <c r="G8261" s="16">
        <v>0</v>
      </c>
    </row>
    <row r="8262" spans="1:7" x14ac:dyDescent="0.3">
      <c r="A8262" s="13" t="s">
        <v>73</v>
      </c>
      <c r="B8262" s="14" t="s">
        <v>1</v>
      </c>
      <c r="C8262" s="14" t="s">
        <v>59</v>
      </c>
      <c r="D8262" s="14" t="s">
        <v>74</v>
      </c>
      <c r="E8262" s="15">
        <v>45608</v>
      </c>
      <c r="F8262" s="14" t="s">
        <v>25</v>
      </c>
      <c r="G8262" s="16">
        <v>0</v>
      </c>
    </row>
    <row r="8263" spans="1:7" x14ac:dyDescent="0.3">
      <c r="A8263" s="13" t="s">
        <v>73</v>
      </c>
      <c r="B8263" s="14" t="s">
        <v>1</v>
      </c>
      <c r="C8263" s="14" t="s">
        <v>59</v>
      </c>
      <c r="D8263" s="14" t="s">
        <v>74</v>
      </c>
      <c r="E8263" s="15">
        <v>45609</v>
      </c>
      <c r="F8263" s="14" t="s">
        <v>25</v>
      </c>
      <c r="G8263" s="16">
        <v>0</v>
      </c>
    </row>
    <row r="8264" spans="1:7" x14ac:dyDescent="0.3">
      <c r="A8264" s="13" t="s">
        <v>73</v>
      </c>
      <c r="B8264" s="14" t="s">
        <v>1</v>
      </c>
      <c r="C8264" s="14" t="s">
        <v>59</v>
      </c>
      <c r="D8264" s="14" t="s">
        <v>74</v>
      </c>
      <c r="E8264" s="15">
        <v>45610</v>
      </c>
      <c r="F8264" s="14" t="s">
        <v>25</v>
      </c>
      <c r="G8264" s="16">
        <v>0</v>
      </c>
    </row>
    <row r="8265" spans="1:7" x14ac:dyDescent="0.3">
      <c r="A8265" s="13" t="s">
        <v>73</v>
      </c>
      <c r="B8265" s="14" t="s">
        <v>1</v>
      </c>
      <c r="C8265" s="14" t="s">
        <v>59</v>
      </c>
      <c r="D8265" s="14" t="s">
        <v>74</v>
      </c>
      <c r="E8265" s="15">
        <v>45611</v>
      </c>
      <c r="F8265" s="14" t="s">
        <v>25</v>
      </c>
      <c r="G8265" s="16">
        <v>0.19234241785668504</v>
      </c>
    </row>
    <row r="8266" spans="1:7" x14ac:dyDescent="0.3">
      <c r="A8266" s="13" t="s">
        <v>73</v>
      </c>
      <c r="B8266" s="14" t="s">
        <v>1</v>
      </c>
      <c r="C8266" s="14" t="s">
        <v>59</v>
      </c>
      <c r="D8266" s="14" t="s">
        <v>74</v>
      </c>
      <c r="E8266" s="15">
        <v>45612</v>
      </c>
      <c r="F8266" s="14" t="s">
        <v>25</v>
      </c>
      <c r="G8266" s="16">
        <v>0.19234241785668504</v>
      </c>
    </row>
    <row r="8267" spans="1:7" x14ac:dyDescent="0.3">
      <c r="A8267" s="13" t="s">
        <v>73</v>
      </c>
      <c r="B8267" s="14" t="s">
        <v>1</v>
      </c>
      <c r="C8267" s="14" t="s">
        <v>59</v>
      </c>
      <c r="D8267" s="14" t="s">
        <v>74</v>
      </c>
      <c r="E8267" s="15">
        <v>45613</v>
      </c>
      <c r="F8267" s="14" t="s">
        <v>25</v>
      </c>
      <c r="G8267" s="16">
        <v>0.19234241785668504</v>
      </c>
    </row>
    <row r="8268" spans="1:7" x14ac:dyDescent="0.3">
      <c r="A8268" s="13" t="s">
        <v>73</v>
      </c>
      <c r="B8268" s="14" t="s">
        <v>1</v>
      </c>
      <c r="C8268" s="14" t="s">
        <v>59</v>
      </c>
      <c r="D8268" s="14" t="s">
        <v>74</v>
      </c>
      <c r="E8268" s="15">
        <v>45614</v>
      </c>
      <c r="F8268" s="14" t="s">
        <v>25</v>
      </c>
      <c r="G8268" s="16">
        <v>0.18822199987139451</v>
      </c>
    </row>
    <row r="8269" spans="1:7" x14ac:dyDescent="0.3">
      <c r="A8269" s="13" t="s">
        <v>73</v>
      </c>
      <c r="B8269" s="14" t="s">
        <v>1</v>
      </c>
      <c r="C8269" s="14" t="s">
        <v>59</v>
      </c>
      <c r="D8269" s="14" t="s">
        <v>74</v>
      </c>
      <c r="E8269" s="15">
        <v>45615</v>
      </c>
      <c r="F8269" s="14" t="s">
        <v>25</v>
      </c>
      <c r="G8269" s="16">
        <v>0.17900531329059072</v>
      </c>
    </row>
    <row r="8270" spans="1:7" x14ac:dyDescent="0.3">
      <c r="A8270" s="13" t="s">
        <v>73</v>
      </c>
      <c r="B8270" s="14" t="s">
        <v>1</v>
      </c>
      <c r="C8270" s="14" t="s">
        <v>59</v>
      </c>
      <c r="D8270" s="14" t="s">
        <v>74</v>
      </c>
      <c r="E8270" s="15">
        <v>45616</v>
      </c>
      <c r="F8270" s="14" t="s">
        <v>25</v>
      </c>
      <c r="G8270" s="16">
        <v>0.17632813570879599</v>
      </c>
    </row>
    <row r="8271" spans="1:7" x14ac:dyDescent="0.3">
      <c r="A8271" s="13" t="s">
        <v>73</v>
      </c>
      <c r="B8271" s="14" t="s">
        <v>1</v>
      </c>
      <c r="C8271" s="14" t="s">
        <v>59</v>
      </c>
      <c r="D8271" s="14" t="s">
        <v>74</v>
      </c>
      <c r="E8271" s="15">
        <v>45617</v>
      </c>
      <c r="F8271" s="14" t="s">
        <v>25</v>
      </c>
      <c r="G8271" s="16">
        <v>0.17380191067756201</v>
      </c>
    </row>
    <row r="8272" spans="1:7" x14ac:dyDescent="0.3">
      <c r="A8272" s="13" t="s">
        <v>73</v>
      </c>
      <c r="B8272" s="14" t="s">
        <v>1</v>
      </c>
      <c r="C8272" s="14" t="s">
        <v>59</v>
      </c>
      <c r="D8272" s="14" t="s">
        <v>74</v>
      </c>
      <c r="E8272" s="15">
        <v>45618</v>
      </c>
      <c r="F8272" s="14" t="s">
        <v>25</v>
      </c>
      <c r="G8272" s="16">
        <v>0.17216177302732022</v>
      </c>
    </row>
    <row r="8273" spans="1:7" x14ac:dyDescent="0.3">
      <c r="A8273" s="13" t="s">
        <v>73</v>
      </c>
      <c r="B8273" s="14" t="s">
        <v>1</v>
      </c>
      <c r="C8273" s="14" t="s">
        <v>59</v>
      </c>
      <c r="D8273" s="14" t="s">
        <v>74</v>
      </c>
      <c r="E8273" s="15">
        <v>45619</v>
      </c>
      <c r="F8273" s="14" t="s">
        <v>25</v>
      </c>
      <c r="G8273" s="16">
        <v>0.17216177302732022</v>
      </c>
    </row>
    <row r="8274" spans="1:7" x14ac:dyDescent="0.3">
      <c r="A8274" s="13" t="s">
        <v>73</v>
      </c>
      <c r="B8274" s="14" t="s">
        <v>1</v>
      </c>
      <c r="C8274" s="14" t="s">
        <v>59</v>
      </c>
      <c r="D8274" s="14" t="s">
        <v>74</v>
      </c>
      <c r="E8274" s="15">
        <v>45620</v>
      </c>
      <c r="F8274" s="14" t="s">
        <v>25</v>
      </c>
      <c r="G8274" s="16">
        <v>0.17216177302732022</v>
      </c>
    </row>
    <row r="8275" spans="1:7" x14ac:dyDescent="0.3">
      <c r="A8275" s="13" t="s">
        <v>73</v>
      </c>
      <c r="B8275" s="14" t="s">
        <v>1</v>
      </c>
      <c r="C8275" s="14" t="s">
        <v>59</v>
      </c>
      <c r="D8275" s="14" t="s">
        <v>74</v>
      </c>
      <c r="E8275" s="15">
        <v>45621</v>
      </c>
      <c r="F8275" s="14" t="s">
        <v>25</v>
      </c>
      <c r="G8275" s="16">
        <v>0.1676140764521975</v>
      </c>
    </row>
    <row r="8276" spans="1:7" x14ac:dyDescent="0.3">
      <c r="A8276" s="13" t="s">
        <v>73</v>
      </c>
      <c r="B8276" s="14" t="s">
        <v>1</v>
      </c>
      <c r="C8276" s="14" t="s">
        <v>59</v>
      </c>
      <c r="D8276" s="14" t="s">
        <v>74</v>
      </c>
      <c r="E8276" s="15">
        <v>45622</v>
      </c>
      <c r="F8276" s="14" t="s">
        <v>25</v>
      </c>
      <c r="G8276" s="16">
        <v>0.15855840548686706</v>
      </c>
    </row>
    <row r="8277" spans="1:7" x14ac:dyDescent="0.3">
      <c r="A8277" s="13" t="s">
        <v>73</v>
      </c>
      <c r="B8277" s="14" t="s">
        <v>1</v>
      </c>
      <c r="C8277" s="14" t="s">
        <v>59</v>
      </c>
      <c r="D8277" s="14" t="s">
        <v>74</v>
      </c>
      <c r="E8277" s="15">
        <v>45623</v>
      </c>
      <c r="F8277" s="14" t="s">
        <v>25</v>
      </c>
      <c r="G8277" s="16">
        <v>0.154709867000666</v>
      </c>
    </row>
    <row r="8278" spans="1:7" x14ac:dyDescent="0.3">
      <c r="A8278" s="13" t="s">
        <v>73</v>
      </c>
      <c r="B8278" s="14" t="s">
        <v>1</v>
      </c>
      <c r="C8278" s="14" t="s">
        <v>59</v>
      </c>
      <c r="D8278" s="14" t="s">
        <v>74</v>
      </c>
      <c r="E8278" s="15">
        <v>45624</v>
      </c>
      <c r="F8278" s="14" t="s">
        <v>25</v>
      </c>
      <c r="G8278" s="16">
        <v>0.22900770021143041</v>
      </c>
    </row>
    <row r="8279" spans="1:7" x14ac:dyDescent="0.3">
      <c r="A8279" s="13" t="s">
        <v>73</v>
      </c>
      <c r="B8279" s="14" t="s">
        <v>1</v>
      </c>
      <c r="C8279" s="14" t="s">
        <v>59</v>
      </c>
      <c r="D8279" s="14" t="s">
        <v>74</v>
      </c>
      <c r="E8279" s="15">
        <v>45625</v>
      </c>
      <c r="F8279" s="14" t="s">
        <v>25</v>
      </c>
      <c r="G8279" s="16">
        <v>0.22544568625836464</v>
      </c>
    </row>
    <row r="8280" spans="1:7" x14ac:dyDescent="0.3">
      <c r="A8280" s="13" t="s">
        <v>73</v>
      </c>
      <c r="B8280" s="14" t="s">
        <v>1</v>
      </c>
      <c r="C8280" s="14" t="s">
        <v>59</v>
      </c>
      <c r="D8280" s="14" t="s">
        <v>74</v>
      </c>
      <c r="E8280" s="15">
        <v>45626</v>
      </c>
      <c r="F8280" s="14" t="s">
        <v>25</v>
      </c>
      <c r="G8280" s="16">
        <v>0.22544568625836464</v>
      </c>
    </row>
    <row r="8281" spans="1:7" x14ac:dyDescent="0.3">
      <c r="A8281" s="13" t="s">
        <v>73</v>
      </c>
      <c r="B8281" s="14" t="s">
        <v>1</v>
      </c>
      <c r="C8281" s="14" t="s">
        <v>59</v>
      </c>
      <c r="D8281" s="14" t="s">
        <v>74</v>
      </c>
      <c r="E8281" s="15">
        <v>45627</v>
      </c>
      <c r="F8281" s="14" t="s">
        <v>25</v>
      </c>
      <c r="G8281" s="16">
        <v>0.22544568625836464</v>
      </c>
    </row>
    <row r="8282" spans="1:7" x14ac:dyDescent="0.3">
      <c r="A8282" s="13" t="s">
        <v>73</v>
      </c>
      <c r="B8282" s="14" t="s">
        <v>1</v>
      </c>
      <c r="C8282" s="14" t="s">
        <v>59</v>
      </c>
      <c r="D8282" s="14" t="s">
        <v>74</v>
      </c>
      <c r="E8282" s="15">
        <v>45628</v>
      </c>
      <c r="F8282" s="14" t="s">
        <v>25</v>
      </c>
      <c r="G8282" s="16">
        <v>0.22384276738903189</v>
      </c>
    </row>
    <row r="8283" spans="1:7" x14ac:dyDescent="0.3">
      <c r="A8283" s="13" t="s">
        <v>73</v>
      </c>
      <c r="B8283" s="14" t="s">
        <v>1</v>
      </c>
      <c r="C8283" s="14" t="s">
        <v>59</v>
      </c>
      <c r="D8283" s="14" t="s">
        <v>74</v>
      </c>
      <c r="E8283" s="15">
        <v>45629</v>
      </c>
      <c r="F8283" s="14" t="s">
        <v>25</v>
      </c>
      <c r="G8283" s="16">
        <v>0.21440040004457961</v>
      </c>
    </row>
    <row r="8284" spans="1:7" x14ac:dyDescent="0.3">
      <c r="A8284" s="13" t="s">
        <v>73</v>
      </c>
      <c r="B8284" s="14" t="s">
        <v>1</v>
      </c>
      <c r="C8284" s="14" t="s">
        <v>59</v>
      </c>
      <c r="D8284" s="14" t="s">
        <v>74</v>
      </c>
      <c r="E8284" s="15">
        <v>45630</v>
      </c>
      <c r="F8284" s="14" t="s">
        <v>25</v>
      </c>
      <c r="G8284" s="16">
        <v>0.20966007092757</v>
      </c>
    </row>
    <row r="8285" spans="1:7" x14ac:dyDescent="0.3">
      <c r="A8285" s="13" t="s">
        <v>73</v>
      </c>
      <c r="B8285" s="14" t="s">
        <v>1</v>
      </c>
      <c r="C8285" s="14" t="s">
        <v>59</v>
      </c>
      <c r="D8285" s="14" t="s">
        <v>74</v>
      </c>
      <c r="E8285" s="15">
        <v>45631</v>
      </c>
      <c r="F8285" s="14" t="s">
        <v>25</v>
      </c>
      <c r="G8285" s="16">
        <v>0.20527479333310392</v>
      </c>
    </row>
    <row r="8286" spans="1:7" x14ac:dyDescent="0.3">
      <c r="A8286" s="13" t="s">
        <v>73</v>
      </c>
      <c r="B8286" s="14" t="s">
        <v>1</v>
      </c>
      <c r="C8286" s="14" t="s">
        <v>59</v>
      </c>
      <c r="D8286" s="14" t="s">
        <v>74</v>
      </c>
      <c r="E8286" s="15">
        <v>45632</v>
      </c>
      <c r="F8286" s="14" t="s">
        <v>25</v>
      </c>
      <c r="G8286" s="16">
        <v>0.2021803271392501</v>
      </c>
    </row>
    <row r="8287" spans="1:7" x14ac:dyDescent="0.3">
      <c r="A8287" s="13" t="s">
        <v>73</v>
      </c>
      <c r="B8287" s="14" t="s">
        <v>1</v>
      </c>
      <c r="C8287" s="14" t="s">
        <v>59</v>
      </c>
      <c r="D8287" s="14" t="s">
        <v>74</v>
      </c>
      <c r="E8287" s="15">
        <v>45633</v>
      </c>
      <c r="F8287" s="14" t="s">
        <v>25</v>
      </c>
      <c r="G8287" s="16">
        <v>0.2021803271392501</v>
      </c>
    </row>
    <row r="8288" spans="1:7" x14ac:dyDescent="0.3">
      <c r="A8288" s="13" t="s">
        <v>73</v>
      </c>
      <c r="B8288" s="14" t="s">
        <v>1</v>
      </c>
      <c r="C8288" s="14" t="s">
        <v>59</v>
      </c>
      <c r="D8288" s="14" t="s">
        <v>74</v>
      </c>
      <c r="E8288" s="15">
        <v>45634</v>
      </c>
      <c r="F8288" s="14" t="s">
        <v>25</v>
      </c>
      <c r="G8288" s="16">
        <v>0.2021803271392501</v>
      </c>
    </row>
    <row r="8289" spans="1:7" x14ac:dyDescent="0.3">
      <c r="A8289" s="13" t="s">
        <v>73</v>
      </c>
      <c r="B8289" s="14" t="s">
        <v>1</v>
      </c>
      <c r="C8289" s="14" t="s">
        <v>59</v>
      </c>
      <c r="D8289" s="14" t="s">
        <v>74</v>
      </c>
      <c r="E8289" s="15">
        <v>45635</v>
      </c>
      <c r="F8289" s="14" t="s">
        <v>25</v>
      </c>
      <c r="G8289" s="16">
        <v>0.19914106197469481</v>
      </c>
    </row>
    <row r="8290" spans="1:7" x14ac:dyDescent="0.3">
      <c r="A8290" s="13" t="s">
        <v>73</v>
      </c>
      <c r="B8290" s="14" t="s">
        <v>1</v>
      </c>
      <c r="C8290" s="14" t="s">
        <v>59</v>
      </c>
      <c r="D8290" s="14" t="s">
        <v>74</v>
      </c>
      <c r="E8290" s="15">
        <v>45636</v>
      </c>
      <c r="F8290" s="14" t="s">
        <v>25</v>
      </c>
      <c r="G8290" s="16">
        <v>0.19064870301051706</v>
      </c>
    </row>
    <row r="8291" spans="1:7" x14ac:dyDescent="0.3">
      <c r="A8291" s="13" t="s">
        <v>73</v>
      </c>
      <c r="B8291" s="14" t="s">
        <v>1</v>
      </c>
      <c r="C8291" s="14" t="s">
        <v>59</v>
      </c>
      <c r="D8291" s="14" t="s">
        <v>74</v>
      </c>
      <c r="E8291" s="15">
        <v>45637</v>
      </c>
      <c r="F8291" s="14" t="s">
        <v>25</v>
      </c>
      <c r="G8291" s="16">
        <v>0.18790040184598675</v>
      </c>
    </row>
    <row r="8292" spans="1:7" x14ac:dyDescent="0.3">
      <c r="A8292" s="13" t="s">
        <v>73</v>
      </c>
      <c r="B8292" s="14" t="s">
        <v>1</v>
      </c>
      <c r="C8292" s="14" t="s">
        <v>59</v>
      </c>
      <c r="D8292" s="14" t="s">
        <v>74</v>
      </c>
      <c r="E8292" s="15">
        <v>45638</v>
      </c>
      <c r="F8292" s="14" t="s">
        <v>25</v>
      </c>
      <c r="G8292" s="16">
        <v>0.18644536285498473</v>
      </c>
    </row>
    <row r="8293" spans="1:7" x14ac:dyDescent="0.3">
      <c r="A8293" s="13" t="s">
        <v>73</v>
      </c>
      <c r="B8293" s="14" t="s">
        <v>1</v>
      </c>
      <c r="C8293" s="14" t="s">
        <v>59</v>
      </c>
      <c r="D8293" s="14" t="s">
        <v>74</v>
      </c>
      <c r="E8293" s="15">
        <v>45639</v>
      </c>
      <c r="F8293" s="14" t="s">
        <v>25</v>
      </c>
      <c r="G8293" s="16">
        <v>0.24136239978768009</v>
      </c>
    </row>
    <row r="8294" spans="1:7" x14ac:dyDescent="0.3">
      <c r="A8294" s="13" t="s">
        <v>73</v>
      </c>
      <c r="B8294" s="14" t="s">
        <v>1</v>
      </c>
      <c r="C8294" s="14" t="s">
        <v>59</v>
      </c>
      <c r="D8294" s="14" t="s">
        <v>74</v>
      </c>
      <c r="E8294" s="15">
        <v>45640</v>
      </c>
      <c r="F8294" s="14" t="s">
        <v>25</v>
      </c>
      <c r="G8294" s="16">
        <v>0.24136239978768009</v>
      </c>
    </row>
    <row r="8295" spans="1:7" x14ac:dyDescent="0.3">
      <c r="A8295" s="13" t="s">
        <v>73</v>
      </c>
      <c r="B8295" s="14" t="s">
        <v>1</v>
      </c>
      <c r="C8295" s="14" t="s">
        <v>59</v>
      </c>
      <c r="D8295" s="14" t="s">
        <v>74</v>
      </c>
      <c r="E8295" s="15">
        <v>45641</v>
      </c>
      <c r="F8295" s="14" t="s">
        <v>25</v>
      </c>
      <c r="G8295" s="16">
        <v>0.24136239978768009</v>
      </c>
    </row>
    <row r="8296" spans="1:7" x14ac:dyDescent="0.3">
      <c r="A8296" s="13" t="s">
        <v>73</v>
      </c>
      <c r="B8296" s="14" t="s">
        <v>1</v>
      </c>
      <c r="C8296" s="14" t="s">
        <v>59</v>
      </c>
      <c r="D8296" s="14" t="s">
        <v>74</v>
      </c>
      <c r="E8296" s="15">
        <v>45642</v>
      </c>
      <c r="F8296" s="14" t="s">
        <v>25</v>
      </c>
      <c r="G8296" s="16">
        <v>0.2386431759505403</v>
      </c>
    </row>
    <row r="8297" spans="1:7" x14ac:dyDescent="0.3">
      <c r="A8297" s="13" t="s">
        <v>73</v>
      </c>
      <c r="B8297" s="14" t="s">
        <v>1</v>
      </c>
      <c r="C8297" s="14" t="s">
        <v>59</v>
      </c>
      <c r="D8297" s="14" t="s">
        <v>74</v>
      </c>
      <c r="E8297" s="15">
        <v>45643</v>
      </c>
      <c r="F8297" s="14" t="s">
        <v>25</v>
      </c>
      <c r="G8297" s="16">
        <v>0.22903341828227658</v>
      </c>
    </row>
    <row r="8298" spans="1:7" x14ac:dyDescent="0.3">
      <c r="A8298" s="13" t="s">
        <v>73</v>
      </c>
      <c r="B8298" s="14" t="s">
        <v>1</v>
      </c>
      <c r="C8298" s="14" t="s">
        <v>59</v>
      </c>
      <c r="D8298" s="14" t="s">
        <v>74</v>
      </c>
      <c r="E8298" s="15">
        <v>45644</v>
      </c>
      <c r="F8298" s="14" t="s">
        <v>25</v>
      </c>
      <c r="G8298" s="16">
        <v>0.22799931392767991</v>
      </c>
    </row>
    <row r="8299" spans="1:7" x14ac:dyDescent="0.3">
      <c r="A8299" s="13" t="s">
        <v>73</v>
      </c>
      <c r="B8299" s="14" t="s">
        <v>1</v>
      </c>
      <c r="C8299" s="14" t="s">
        <v>59</v>
      </c>
      <c r="D8299" s="14" t="s">
        <v>74</v>
      </c>
      <c r="E8299" s="15">
        <v>45645</v>
      </c>
      <c r="F8299" s="14" t="s">
        <v>25</v>
      </c>
      <c r="G8299" s="16">
        <v>0.22437572049685539</v>
      </c>
    </row>
    <row r="8300" spans="1:7" x14ac:dyDescent="0.3">
      <c r="A8300" s="13" t="s">
        <v>73</v>
      </c>
      <c r="B8300" s="14" t="s">
        <v>1</v>
      </c>
      <c r="C8300" s="14" t="s">
        <v>59</v>
      </c>
      <c r="D8300" s="14" t="s">
        <v>74</v>
      </c>
      <c r="E8300" s="15">
        <v>45646</v>
      </c>
      <c r="F8300" s="14" t="s">
        <v>25</v>
      </c>
      <c r="G8300" s="16">
        <v>0.21989879725185735</v>
      </c>
    </row>
    <row r="8301" spans="1:7" x14ac:dyDescent="0.3">
      <c r="A8301" s="13" t="s">
        <v>73</v>
      </c>
      <c r="B8301" s="14" t="s">
        <v>1</v>
      </c>
      <c r="C8301" s="14" t="s">
        <v>59</v>
      </c>
      <c r="D8301" s="14" t="s">
        <v>74</v>
      </c>
      <c r="E8301" s="15">
        <v>45647</v>
      </c>
      <c r="F8301" s="14" t="s">
        <v>25</v>
      </c>
      <c r="G8301" s="16">
        <v>0.21989879725185735</v>
      </c>
    </row>
    <row r="8302" spans="1:7" x14ac:dyDescent="0.3">
      <c r="A8302" s="13" t="s">
        <v>73</v>
      </c>
      <c r="B8302" s="14" t="s">
        <v>1</v>
      </c>
      <c r="C8302" s="14" t="s">
        <v>59</v>
      </c>
      <c r="D8302" s="14" t="s">
        <v>74</v>
      </c>
      <c r="E8302" s="15">
        <v>45648</v>
      </c>
      <c r="F8302" s="14" t="s">
        <v>25</v>
      </c>
      <c r="G8302" s="16">
        <v>0.21989879725185735</v>
      </c>
    </row>
    <row r="8303" spans="1:7" x14ac:dyDescent="0.3">
      <c r="A8303" s="13" t="s">
        <v>73</v>
      </c>
      <c r="B8303" s="14" t="s">
        <v>1</v>
      </c>
      <c r="C8303" s="14" t="s">
        <v>59</v>
      </c>
      <c r="D8303" s="14" t="s">
        <v>74</v>
      </c>
      <c r="E8303" s="15">
        <v>45649</v>
      </c>
      <c r="F8303" s="14" t="s">
        <v>25</v>
      </c>
      <c r="G8303" s="16">
        <v>0.21822854148163617</v>
      </c>
    </row>
    <row r="8304" spans="1:7" x14ac:dyDescent="0.3">
      <c r="A8304" s="13" t="s">
        <v>73</v>
      </c>
      <c r="B8304" s="14" t="s">
        <v>1</v>
      </c>
      <c r="C8304" s="14" t="s">
        <v>59</v>
      </c>
      <c r="D8304" s="14" t="s">
        <v>74</v>
      </c>
      <c r="E8304" s="15">
        <v>45650</v>
      </c>
      <c r="F8304" s="14" t="s">
        <v>25</v>
      </c>
      <c r="G8304" s="16">
        <v>0.20945558246756937</v>
      </c>
    </row>
    <row r="8305" spans="1:7" x14ac:dyDescent="0.3">
      <c r="A8305" s="13" t="s">
        <v>73</v>
      </c>
      <c r="B8305" s="14" t="s">
        <v>1</v>
      </c>
      <c r="C8305" s="14" t="s">
        <v>59</v>
      </c>
      <c r="D8305" s="14" t="s">
        <v>74</v>
      </c>
      <c r="E8305" s="15">
        <v>45651</v>
      </c>
      <c r="F8305" s="14" t="s">
        <v>25</v>
      </c>
      <c r="G8305" s="16">
        <v>0.20945558246756937</v>
      </c>
    </row>
    <row r="8306" spans="1:7" x14ac:dyDescent="0.3">
      <c r="A8306" s="13" t="s">
        <v>73</v>
      </c>
      <c r="B8306" s="14" t="s">
        <v>1</v>
      </c>
      <c r="C8306" s="14" t="s">
        <v>59</v>
      </c>
      <c r="D8306" s="14" t="s">
        <v>74</v>
      </c>
      <c r="E8306" s="15">
        <v>45652</v>
      </c>
      <c r="F8306" s="14" t="s">
        <v>25</v>
      </c>
      <c r="G8306" s="16">
        <v>0.20945558246756937</v>
      </c>
    </row>
    <row r="8307" spans="1:7" x14ac:dyDescent="0.3">
      <c r="A8307" s="13" t="s">
        <v>73</v>
      </c>
      <c r="B8307" s="14" t="s">
        <v>1</v>
      </c>
      <c r="C8307" s="14" t="s">
        <v>59</v>
      </c>
      <c r="D8307" s="14" t="s">
        <v>74</v>
      </c>
      <c r="E8307" s="15">
        <v>45653</v>
      </c>
      <c r="F8307" s="14" t="s">
        <v>25</v>
      </c>
      <c r="G8307" s="16">
        <v>0.20945558246756937</v>
      </c>
    </row>
    <row r="8308" spans="1:7" x14ac:dyDescent="0.3">
      <c r="A8308" s="13" t="s">
        <v>73</v>
      </c>
      <c r="B8308" s="14" t="s">
        <v>1</v>
      </c>
      <c r="C8308" s="14" t="s">
        <v>59</v>
      </c>
      <c r="D8308" s="14" t="s">
        <v>74</v>
      </c>
      <c r="E8308" s="15">
        <v>45654</v>
      </c>
      <c r="F8308" s="14" t="s">
        <v>25</v>
      </c>
      <c r="G8308" s="16">
        <v>0.20945558246756937</v>
      </c>
    </row>
    <row r="8309" spans="1:7" x14ac:dyDescent="0.3">
      <c r="A8309" s="13" t="s">
        <v>73</v>
      </c>
      <c r="B8309" s="14" t="s">
        <v>1</v>
      </c>
      <c r="C8309" s="14" t="s">
        <v>59</v>
      </c>
      <c r="D8309" s="14" t="s">
        <v>74</v>
      </c>
      <c r="E8309" s="15">
        <v>45655</v>
      </c>
      <c r="F8309" s="14" t="s">
        <v>25</v>
      </c>
      <c r="G8309" s="16">
        <v>0.20945558246756937</v>
      </c>
    </row>
    <row r="8310" spans="1:7" x14ac:dyDescent="0.3">
      <c r="A8310" s="13" t="s">
        <v>73</v>
      </c>
      <c r="B8310" s="14" t="s">
        <v>1</v>
      </c>
      <c r="C8310" s="14" t="s">
        <v>59</v>
      </c>
      <c r="D8310" s="14" t="s">
        <v>74</v>
      </c>
      <c r="E8310" s="15">
        <v>45656</v>
      </c>
      <c r="F8310" s="14" t="s">
        <v>25</v>
      </c>
      <c r="G8310" s="16">
        <v>0.20720722756727211</v>
      </c>
    </row>
    <row r="8311" spans="1:7" x14ac:dyDescent="0.3">
      <c r="A8311" s="13" t="s">
        <v>73</v>
      </c>
      <c r="B8311" s="14" t="s">
        <v>1</v>
      </c>
      <c r="C8311" s="14" t="s">
        <v>59</v>
      </c>
      <c r="D8311" s="14" t="s">
        <v>74</v>
      </c>
      <c r="E8311" s="15">
        <v>45657</v>
      </c>
      <c r="F8311" s="14" t="s">
        <v>25</v>
      </c>
      <c r="G8311" s="16">
        <v>0.18960704844866619</v>
      </c>
    </row>
    <row r="8312" spans="1:7" x14ac:dyDescent="0.3">
      <c r="A8312" s="13" t="s">
        <v>73</v>
      </c>
      <c r="B8312" s="14" t="s">
        <v>1</v>
      </c>
      <c r="C8312" s="14" t="s">
        <v>59</v>
      </c>
      <c r="D8312" s="14" t="s">
        <v>74</v>
      </c>
      <c r="E8312" s="15">
        <v>45658</v>
      </c>
      <c r="F8312" s="14" t="s">
        <v>25</v>
      </c>
      <c r="G8312" s="16">
        <v>0.18960704844866619</v>
      </c>
    </row>
    <row r="8313" spans="1:7" x14ac:dyDescent="0.3">
      <c r="A8313" s="13" t="s">
        <v>73</v>
      </c>
      <c r="B8313" s="14" t="s">
        <v>1</v>
      </c>
      <c r="C8313" s="14" t="s">
        <v>59</v>
      </c>
      <c r="D8313" s="14" t="s">
        <v>74</v>
      </c>
      <c r="E8313" s="15">
        <v>45659</v>
      </c>
      <c r="F8313" s="14" t="s">
        <v>25</v>
      </c>
      <c r="G8313" s="16">
        <v>0.18960704844866619</v>
      </c>
    </row>
    <row r="8314" spans="1:7" x14ac:dyDescent="0.3">
      <c r="A8314" s="13" t="s">
        <v>73</v>
      </c>
      <c r="B8314" s="14" t="s">
        <v>1</v>
      </c>
      <c r="C8314" s="14" t="s">
        <v>59</v>
      </c>
      <c r="D8314" s="14" t="s">
        <v>74</v>
      </c>
      <c r="E8314" s="15">
        <v>45660</v>
      </c>
      <c r="F8314" s="14" t="s">
        <v>25</v>
      </c>
      <c r="G8314" s="16">
        <v>0.18678921070871657</v>
      </c>
    </row>
    <row r="8315" spans="1:7" x14ac:dyDescent="0.3">
      <c r="A8315" s="13" t="s">
        <v>73</v>
      </c>
      <c r="B8315" s="14" t="s">
        <v>1</v>
      </c>
      <c r="C8315" s="14" t="s">
        <v>59</v>
      </c>
      <c r="D8315" s="14" t="s">
        <v>74</v>
      </c>
      <c r="E8315" s="15">
        <v>45661</v>
      </c>
      <c r="F8315" s="14" t="s">
        <v>25</v>
      </c>
      <c r="G8315" s="16">
        <v>0.18678921070871657</v>
      </c>
    </row>
    <row r="8316" spans="1:7" x14ac:dyDescent="0.3">
      <c r="A8316" s="13" t="s">
        <v>73</v>
      </c>
      <c r="B8316" s="14" t="s">
        <v>1</v>
      </c>
      <c r="C8316" s="14" t="s">
        <v>59</v>
      </c>
      <c r="D8316" s="14" t="s">
        <v>74</v>
      </c>
      <c r="E8316" s="15">
        <v>45662</v>
      </c>
      <c r="F8316" s="14" t="s">
        <v>25</v>
      </c>
      <c r="G8316" s="16">
        <v>0.18678921070871657</v>
      </c>
    </row>
    <row r="8317" spans="1:7" x14ac:dyDescent="0.3">
      <c r="A8317" s="13" t="s">
        <v>73</v>
      </c>
      <c r="B8317" s="14" t="s">
        <v>1</v>
      </c>
      <c r="C8317" s="14" t="s">
        <v>59</v>
      </c>
      <c r="D8317" s="14" t="s">
        <v>74</v>
      </c>
      <c r="E8317" s="15">
        <v>45663</v>
      </c>
      <c r="F8317" s="14" t="s">
        <v>25</v>
      </c>
      <c r="G8317" s="16">
        <v>0.17690992754453064</v>
      </c>
    </row>
    <row r="8318" spans="1:7" x14ac:dyDescent="0.3">
      <c r="A8318" s="13" t="s">
        <v>73</v>
      </c>
      <c r="B8318" s="14" t="s">
        <v>1</v>
      </c>
      <c r="C8318" s="14" t="s">
        <v>59</v>
      </c>
      <c r="D8318" s="14" t="s">
        <v>74</v>
      </c>
      <c r="E8318" s="15">
        <v>45664</v>
      </c>
      <c r="F8318" s="14" t="s">
        <v>25</v>
      </c>
      <c r="G8318" s="16">
        <v>0.17175416248226177</v>
      </c>
    </row>
    <row r="8319" spans="1:7" x14ac:dyDescent="0.3">
      <c r="A8319" s="13" t="s">
        <v>73</v>
      </c>
      <c r="B8319" s="14" t="s">
        <v>1</v>
      </c>
      <c r="C8319" s="14" t="s">
        <v>59</v>
      </c>
      <c r="D8319" s="14" t="s">
        <v>74</v>
      </c>
      <c r="E8319" s="15">
        <v>45665</v>
      </c>
      <c r="F8319" s="14" t="s">
        <v>25</v>
      </c>
      <c r="G8319" s="16">
        <v>0.16897744643345941</v>
      </c>
    </row>
    <row r="8320" spans="1:7" x14ac:dyDescent="0.3">
      <c r="A8320" s="13" t="s">
        <v>73</v>
      </c>
      <c r="B8320" s="14" t="s">
        <v>1</v>
      </c>
      <c r="C8320" s="14" t="s">
        <v>59</v>
      </c>
      <c r="D8320" s="14" t="s">
        <v>74</v>
      </c>
      <c r="E8320" s="15">
        <v>45666</v>
      </c>
      <c r="F8320" s="14" t="s">
        <v>25</v>
      </c>
      <c r="G8320" s="16">
        <v>0.1661293922791478</v>
      </c>
    </row>
    <row r="8321" spans="1:7" x14ac:dyDescent="0.3">
      <c r="A8321" s="13" t="s">
        <v>73</v>
      </c>
      <c r="B8321" s="14" t="s">
        <v>1</v>
      </c>
      <c r="C8321" s="14" t="s">
        <v>59</v>
      </c>
      <c r="D8321" s="14" t="s">
        <v>74</v>
      </c>
      <c r="E8321" s="15">
        <v>45667</v>
      </c>
      <c r="F8321" s="14" t="s">
        <v>25</v>
      </c>
      <c r="G8321" s="16">
        <v>0.16390224107560442</v>
      </c>
    </row>
    <row r="8322" spans="1:7" x14ac:dyDescent="0.3">
      <c r="A8322" s="13" t="s">
        <v>73</v>
      </c>
      <c r="B8322" s="14" t="s">
        <v>1</v>
      </c>
      <c r="C8322" s="14" t="s">
        <v>59</v>
      </c>
      <c r="D8322" s="14" t="s">
        <v>74</v>
      </c>
      <c r="E8322" s="15">
        <v>45668</v>
      </c>
      <c r="F8322" s="14" t="s">
        <v>25</v>
      </c>
      <c r="G8322" s="16">
        <v>0.16390224107560442</v>
      </c>
    </row>
    <row r="8323" spans="1:7" x14ac:dyDescent="0.3">
      <c r="A8323" s="13" t="s">
        <v>73</v>
      </c>
      <c r="B8323" s="14" t="s">
        <v>1</v>
      </c>
      <c r="C8323" s="14" t="s">
        <v>59</v>
      </c>
      <c r="D8323" s="14" t="s">
        <v>74</v>
      </c>
      <c r="E8323" s="15">
        <v>45669</v>
      </c>
      <c r="F8323" s="14" t="s">
        <v>25</v>
      </c>
      <c r="G8323" s="16">
        <v>0.16390224107560442</v>
      </c>
    </row>
    <row r="8324" spans="1:7" x14ac:dyDescent="0.3">
      <c r="A8324" s="13" t="s">
        <v>73</v>
      </c>
      <c r="B8324" s="14" t="s">
        <v>1</v>
      </c>
      <c r="C8324" s="14" t="s">
        <v>59</v>
      </c>
      <c r="D8324" s="14" t="s">
        <v>74</v>
      </c>
      <c r="E8324" s="15">
        <v>45670</v>
      </c>
      <c r="F8324" s="14" t="s">
        <v>25</v>
      </c>
      <c r="G8324" s="16">
        <v>0.16087376604276626</v>
      </c>
    </row>
    <row r="8325" spans="1:7" x14ac:dyDescent="0.3">
      <c r="A8325" s="13" t="s">
        <v>73</v>
      </c>
      <c r="B8325" s="14" t="s">
        <v>1</v>
      </c>
      <c r="C8325" s="14" t="s">
        <v>59</v>
      </c>
      <c r="D8325" s="14" t="s">
        <v>74</v>
      </c>
      <c r="E8325" s="15">
        <v>45671</v>
      </c>
      <c r="F8325" s="14" t="s">
        <v>25</v>
      </c>
      <c r="G8325" s="16">
        <v>0.15106978521778466</v>
      </c>
    </row>
    <row r="8326" spans="1:7" x14ac:dyDescent="0.3">
      <c r="A8326" s="13" t="s">
        <v>73</v>
      </c>
      <c r="B8326" s="14" t="s">
        <v>1</v>
      </c>
      <c r="C8326" s="14" t="s">
        <v>59</v>
      </c>
      <c r="D8326" s="14" t="s">
        <v>74</v>
      </c>
      <c r="E8326" s="15">
        <v>45672</v>
      </c>
      <c r="F8326" s="14" t="s">
        <v>25</v>
      </c>
      <c r="G8326" s="16">
        <v>0.16695015936800631</v>
      </c>
    </row>
    <row r="8327" spans="1:7" x14ac:dyDescent="0.3">
      <c r="A8327" s="13" t="s">
        <v>73</v>
      </c>
      <c r="B8327" s="14" t="s">
        <v>1</v>
      </c>
      <c r="C8327" s="14" t="s">
        <v>59</v>
      </c>
      <c r="D8327" s="14" t="s">
        <v>74</v>
      </c>
      <c r="E8327" s="15">
        <v>45673</v>
      </c>
      <c r="F8327" s="14" t="s">
        <v>25</v>
      </c>
      <c r="G8327" s="16">
        <v>0.16357169364482049</v>
      </c>
    </row>
    <row r="8328" spans="1:7" x14ac:dyDescent="0.3">
      <c r="A8328" s="13" t="s">
        <v>73</v>
      </c>
      <c r="B8328" s="14" t="s">
        <v>1</v>
      </c>
      <c r="C8328" s="14" t="s">
        <v>59</v>
      </c>
      <c r="D8328" s="14" t="s">
        <v>74</v>
      </c>
      <c r="E8328" s="15">
        <v>45674</v>
      </c>
      <c r="F8328" s="14" t="s">
        <v>25</v>
      </c>
      <c r="G8328" s="16">
        <v>0.16131321773194074</v>
      </c>
    </row>
    <row r="8329" spans="1:7" x14ac:dyDescent="0.3">
      <c r="A8329" s="13" t="s">
        <v>73</v>
      </c>
      <c r="B8329" s="14" t="s">
        <v>1</v>
      </c>
      <c r="C8329" s="14" t="s">
        <v>59</v>
      </c>
      <c r="D8329" s="14" t="s">
        <v>74</v>
      </c>
      <c r="E8329" s="15">
        <v>45675</v>
      </c>
      <c r="F8329" s="14" t="s">
        <v>25</v>
      </c>
      <c r="G8329" s="16">
        <v>0.16131321773194074</v>
      </c>
    </row>
    <row r="8330" spans="1:7" x14ac:dyDescent="0.3">
      <c r="A8330" s="13" t="s">
        <v>73</v>
      </c>
      <c r="B8330" s="14" t="s">
        <v>1</v>
      </c>
      <c r="C8330" s="14" t="s">
        <v>59</v>
      </c>
      <c r="D8330" s="14" t="s">
        <v>74</v>
      </c>
      <c r="E8330" s="15">
        <v>45676</v>
      </c>
      <c r="F8330" s="14" t="s">
        <v>25</v>
      </c>
      <c r="G8330" s="16">
        <v>0.16131321773194074</v>
      </c>
    </row>
    <row r="8331" spans="1:7" x14ac:dyDescent="0.3">
      <c r="A8331" s="13" t="s">
        <v>73</v>
      </c>
      <c r="B8331" s="14" t="s">
        <v>1</v>
      </c>
      <c r="C8331" s="14" t="s">
        <v>59</v>
      </c>
      <c r="D8331" s="14" t="s">
        <v>74</v>
      </c>
      <c r="E8331" s="15">
        <v>45677</v>
      </c>
      <c r="F8331" s="14" t="s">
        <v>25</v>
      </c>
      <c r="G8331" s="16">
        <v>0.15674711705123243</v>
      </c>
    </row>
    <row r="8332" spans="1:7" x14ac:dyDescent="0.3">
      <c r="A8332" s="13" t="s">
        <v>73</v>
      </c>
      <c r="B8332" s="14" t="s">
        <v>1</v>
      </c>
      <c r="C8332" s="14" t="s">
        <v>59</v>
      </c>
      <c r="D8332" s="14" t="s">
        <v>74</v>
      </c>
      <c r="E8332" s="15">
        <v>45678</v>
      </c>
      <c r="F8332" s="14" t="s">
        <v>25</v>
      </c>
      <c r="G8332" s="16">
        <v>0.14751727660109873</v>
      </c>
    </row>
    <row r="8333" spans="1:7" x14ac:dyDescent="0.3">
      <c r="A8333" s="13" t="s">
        <v>73</v>
      </c>
      <c r="B8333" s="14" t="s">
        <v>1</v>
      </c>
      <c r="C8333" s="14" t="s">
        <v>59</v>
      </c>
      <c r="D8333" s="14" t="s">
        <v>74</v>
      </c>
      <c r="E8333" s="15">
        <v>45679</v>
      </c>
      <c r="F8333" s="14" t="s">
        <v>25</v>
      </c>
      <c r="G8333" s="16">
        <v>0.14456424239437948</v>
      </c>
    </row>
    <row r="8334" spans="1:7" x14ac:dyDescent="0.3">
      <c r="A8334" s="13" t="s">
        <v>73</v>
      </c>
      <c r="B8334" s="14" t="s">
        <v>1</v>
      </c>
      <c r="C8334" s="14" t="s">
        <v>59</v>
      </c>
      <c r="D8334" s="14" t="s">
        <v>74</v>
      </c>
      <c r="E8334" s="15">
        <v>45680</v>
      </c>
      <c r="F8334" s="14" t="s">
        <v>25</v>
      </c>
      <c r="G8334" s="16">
        <v>0.14156995843401329</v>
      </c>
    </row>
    <row r="8335" spans="1:7" x14ac:dyDescent="0.3">
      <c r="A8335" s="13" t="s">
        <v>73</v>
      </c>
      <c r="B8335" s="14" t="s">
        <v>1</v>
      </c>
      <c r="C8335" s="14" t="s">
        <v>59</v>
      </c>
      <c r="D8335" s="14" t="s">
        <v>74</v>
      </c>
      <c r="E8335" s="15">
        <v>45681</v>
      </c>
      <c r="F8335" s="14" t="s">
        <v>25</v>
      </c>
      <c r="G8335" s="16">
        <v>0.13827927118872607</v>
      </c>
    </row>
    <row r="8336" spans="1:7" x14ac:dyDescent="0.3">
      <c r="A8336" s="13" t="s">
        <v>73</v>
      </c>
      <c r="B8336" s="14" t="s">
        <v>1</v>
      </c>
      <c r="C8336" s="14" t="s">
        <v>59</v>
      </c>
      <c r="D8336" s="14" t="s">
        <v>74</v>
      </c>
      <c r="E8336" s="15">
        <v>45682</v>
      </c>
      <c r="F8336" s="14" t="s">
        <v>25</v>
      </c>
      <c r="G8336" s="16">
        <v>0.13827927118872607</v>
      </c>
    </row>
    <row r="8337" spans="1:7" x14ac:dyDescent="0.3">
      <c r="A8337" s="13" t="s">
        <v>73</v>
      </c>
      <c r="B8337" s="14" t="s">
        <v>1</v>
      </c>
      <c r="C8337" s="14" t="s">
        <v>59</v>
      </c>
      <c r="D8337" s="14" t="s">
        <v>74</v>
      </c>
      <c r="E8337" s="15">
        <v>45683</v>
      </c>
      <c r="F8337" s="14" t="s">
        <v>25</v>
      </c>
      <c r="G8337" s="16">
        <v>0.13827927118872607</v>
      </c>
    </row>
    <row r="8338" spans="1:7" x14ac:dyDescent="0.3">
      <c r="A8338" s="13" t="s">
        <v>73</v>
      </c>
      <c r="B8338" s="14" t="s">
        <v>1</v>
      </c>
      <c r="C8338" s="14" t="s">
        <v>59</v>
      </c>
      <c r="D8338" s="14" t="s">
        <v>74</v>
      </c>
      <c r="E8338" s="15">
        <v>45684</v>
      </c>
      <c r="F8338" s="14" t="s">
        <v>25</v>
      </c>
      <c r="G8338" s="16">
        <v>0.13463229130236812</v>
      </c>
    </row>
    <row r="8339" spans="1:7" x14ac:dyDescent="0.3">
      <c r="A8339" s="13" t="s">
        <v>73</v>
      </c>
      <c r="B8339" s="14" t="s">
        <v>1</v>
      </c>
      <c r="C8339" s="14" t="s">
        <v>59</v>
      </c>
      <c r="D8339" s="14" t="s">
        <v>74</v>
      </c>
      <c r="E8339" s="15">
        <v>45685</v>
      </c>
      <c r="F8339" s="14" t="s">
        <v>25</v>
      </c>
      <c r="G8339" s="16">
        <v>0.12558166251719385</v>
      </c>
    </row>
    <row r="8340" spans="1:7" x14ac:dyDescent="0.3">
      <c r="A8340" s="13" t="s">
        <v>73</v>
      </c>
      <c r="B8340" s="14" t="s">
        <v>1</v>
      </c>
      <c r="C8340" s="14" t="s">
        <v>59</v>
      </c>
      <c r="D8340" s="14" t="s">
        <v>74</v>
      </c>
      <c r="E8340" s="15">
        <v>45686</v>
      </c>
      <c r="F8340" s="14" t="s">
        <v>25</v>
      </c>
      <c r="G8340" s="16">
        <v>0.12286678071987599</v>
      </c>
    </row>
    <row r="8341" spans="1:7" x14ac:dyDescent="0.3">
      <c r="A8341" s="13" t="s">
        <v>73</v>
      </c>
      <c r="B8341" s="14" t="s">
        <v>1</v>
      </c>
      <c r="C8341" s="14" t="s">
        <v>59</v>
      </c>
      <c r="D8341" s="14" t="s">
        <v>74</v>
      </c>
      <c r="E8341" s="15">
        <v>45687</v>
      </c>
      <c r="F8341" s="14" t="s">
        <v>25</v>
      </c>
      <c r="G8341" s="16">
        <v>0.12015385908593718</v>
      </c>
    </row>
    <row r="8342" spans="1:7" x14ac:dyDescent="0.3">
      <c r="A8342" s="13" t="s">
        <v>73</v>
      </c>
      <c r="B8342" s="14" t="s">
        <v>1</v>
      </c>
      <c r="C8342" s="14" t="s">
        <v>59</v>
      </c>
      <c r="D8342" s="14" t="s">
        <v>74</v>
      </c>
      <c r="E8342" s="15">
        <v>45688</v>
      </c>
      <c r="F8342" s="14" t="s">
        <v>25</v>
      </c>
      <c r="G8342" s="16">
        <v>0.11723842331802571</v>
      </c>
    </row>
    <row r="8343" spans="1:7" x14ac:dyDescent="0.3">
      <c r="A8343" s="13" t="s">
        <v>73</v>
      </c>
      <c r="B8343" s="14" t="s">
        <v>1</v>
      </c>
      <c r="C8343" s="14" t="s">
        <v>59</v>
      </c>
      <c r="D8343" s="14" t="s">
        <v>74</v>
      </c>
      <c r="E8343" s="15">
        <v>45689</v>
      </c>
      <c r="F8343" s="14" t="s">
        <v>25</v>
      </c>
      <c r="G8343" s="16">
        <v>0.11723842331802571</v>
      </c>
    </row>
    <row r="8344" spans="1:7" x14ac:dyDescent="0.3">
      <c r="A8344" s="13" t="s">
        <v>73</v>
      </c>
      <c r="B8344" s="14" t="s">
        <v>1</v>
      </c>
      <c r="C8344" s="14" t="s">
        <v>59</v>
      </c>
      <c r="D8344" s="14" t="s">
        <v>74</v>
      </c>
      <c r="E8344" s="15">
        <v>45690</v>
      </c>
      <c r="F8344" s="14" t="s">
        <v>25</v>
      </c>
      <c r="G8344" s="16">
        <v>0.11723842331802571</v>
      </c>
    </row>
    <row r="8345" spans="1:7" x14ac:dyDescent="0.3">
      <c r="A8345" s="13" t="s">
        <v>73</v>
      </c>
      <c r="B8345" s="14" t="s">
        <v>1</v>
      </c>
      <c r="C8345" s="14" t="s">
        <v>59</v>
      </c>
      <c r="D8345" s="14" t="s">
        <v>74</v>
      </c>
      <c r="E8345" s="15">
        <v>45691</v>
      </c>
      <c r="F8345" s="14" t="s">
        <v>25</v>
      </c>
      <c r="G8345" s="16">
        <v>0.11723842331802571</v>
      </c>
    </row>
    <row r="8346" spans="1:7" x14ac:dyDescent="0.3">
      <c r="A8346" s="13" t="s">
        <v>73</v>
      </c>
      <c r="B8346" s="14" t="s">
        <v>1</v>
      </c>
      <c r="C8346" s="14" t="s">
        <v>59</v>
      </c>
      <c r="D8346" s="14" t="s">
        <v>74</v>
      </c>
      <c r="E8346" s="15">
        <v>45692</v>
      </c>
      <c r="F8346" s="14" t="s">
        <v>25</v>
      </c>
      <c r="G8346" s="16">
        <v>0.11344881637034339</v>
      </c>
    </row>
    <row r="8347" spans="1:7" x14ac:dyDescent="0.3">
      <c r="A8347" s="13" t="s">
        <v>73</v>
      </c>
      <c r="B8347" s="14" t="s">
        <v>1</v>
      </c>
      <c r="C8347" s="14" t="s">
        <v>59</v>
      </c>
      <c r="D8347" s="14" t="s">
        <v>74</v>
      </c>
      <c r="E8347" s="15">
        <v>45693</v>
      </c>
      <c r="F8347" s="14" t="s">
        <v>25</v>
      </c>
      <c r="G8347" s="16">
        <v>0.14240304338496737</v>
      </c>
    </row>
    <row r="8348" spans="1:7" x14ac:dyDescent="0.3">
      <c r="A8348" s="13" t="s">
        <v>73</v>
      </c>
      <c r="B8348" s="14" t="s">
        <v>1</v>
      </c>
      <c r="C8348" s="14" t="s">
        <v>59</v>
      </c>
      <c r="D8348" s="14" t="s">
        <v>74</v>
      </c>
      <c r="E8348" s="15">
        <v>45694</v>
      </c>
      <c r="F8348" s="14" t="s">
        <v>25</v>
      </c>
      <c r="G8348" s="16">
        <v>0.13981218024453412</v>
      </c>
    </row>
    <row r="8349" spans="1:7" x14ac:dyDescent="0.3">
      <c r="A8349" s="13" t="s">
        <v>73</v>
      </c>
      <c r="B8349" s="14" t="s">
        <v>1</v>
      </c>
      <c r="C8349" s="14" t="s">
        <v>59</v>
      </c>
      <c r="D8349" s="14" t="s">
        <v>74</v>
      </c>
      <c r="E8349" s="15">
        <v>45695</v>
      </c>
      <c r="F8349" s="14" t="s">
        <v>25</v>
      </c>
      <c r="G8349" s="16">
        <v>0.1535645180343361</v>
      </c>
    </row>
    <row r="8350" spans="1:7" x14ac:dyDescent="0.3">
      <c r="A8350" s="13" t="s">
        <v>73</v>
      </c>
      <c r="B8350" s="14" t="s">
        <v>1</v>
      </c>
      <c r="C8350" s="14" t="s">
        <v>59</v>
      </c>
      <c r="D8350" s="14" t="s">
        <v>74</v>
      </c>
      <c r="E8350" s="15">
        <v>45696</v>
      </c>
      <c r="F8350" s="14" t="s">
        <v>25</v>
      </c>
      <c r="G8350" s="16">
        <v>0.1535645180343361</v>
      </c>
    </row>
    <row r="8351" spans="1:7" x14ac:dyDescent="0.3">
      <c r="A8351" s="13" t="s">
        <v>73</v>
      </c>
      <c r="B8351" s="14" t="s">
        <v>1</v>
      </c>
      <c r="C8351" s="14" t="s">
        <v>59</v>
      </c>
      <c r="D8351" s="14" t="s">
        <v>74</v>
      </c>
      <c r="E8351" s="15">
        <v>45697</v>
      </c>
      <c r="F8351" s="14" t="s">
        <v>25</v>
      </c>
      <c r="G8351" s="16">
        <v>0.1535645180343361</v>
      </c>
    </row>
    <row r="8352" spans="1:7" x14ac:dyDescent="0.3">
      <c r="A8352" s="13" t="s">
        <v>73</v>
      </c>
      <c r="B8352" s="14" t="s">
        <v>1</v>
      </c>
      <c r="C8352" s="14" t="s">
        <v>59</v>
      </c>
      <c r="D8352" s="14" t="s">
        <v>74</v>
      </c>
      <c r="E8352" s="15">
        <v>45698</v>
      </c>
      <c r="F8352" s="14" t="s">
        <v>25</v>
      </c>
      <c r="G8352" s="16">
        <v>0.15071495244443653</v>
      </c>
    </row>
    <row r="8353" spans="1:7" x14ac:dyDescent="0.3">
      <c r="A8353" s="13" t="s">
        <v>73</v>
      </c>
      <c r="B8353" s="14" t="s">
        <v>1</v>
      </c>
      <c r="C8353" s="14" t="s">
        <v>59</v>
      </c>
      <c r="D8353" s="14" t="s">
        <v>74</v>
      </c>
      <c r="E8353" s="15">
        <v>45699</v>
      </c>
      <c r="F8353" s="14" t="s">
        <v>25</v>
      </c>
      <c r="G8353" s="16">
        <v>0.14168461268308083</v>
      </c>
    </row>
    <row r="8354" spans="1:7" x14ac:dyDescent="0.3">
      <c r="A8354" s="13" t="s">
        <v>73</v>
      </c>
      <c r="B8354" s="14" t="s">
        <v>1</v>
      </c>
      <c r="C8354" s="14" t="s">
        <v>59</v>
      </c>
      <c r="D8354" s="14" t="s">
        <v>74</v>
      </c>
      <c r="E8354" s="15">
        <v>45700</v>
      </c>
      <c r="F8354" s="14" t="s">
        <v>25</v>
      </c>
      <c r="G8354" s="16">
        <v>0.13869034532901756</v>
      </c>
    </row>
    <row r="8355" spans="1:7" x14ac:dyDescent="0.3">
      <c r="A8355" s="13" t="s">
        <v>73</v>
      </c>
      <c r="B8355" s="14" t="s">
        <v>1</v>
      </c>
      <c r="C8355" s="14" t="s">
        <v>59</v>
      </c>
      <c r="D8355" s="14" t="s">
        <v>74</v>
      </c>
      <c r="E8355" s="15">
        <v>45701</v>
      </c>
      <c r="F8355" s="14" t="s">
        <v>25</v>
      </c>
      <c r="G8355" s="16">
        <v>0.13402423527372462</v>
      </c>
    </row>
    <row r="8356" spans="1:7" x14ac:dyDescent="0.3">
      <c r="A8356" s="13" t="s">
        <v>73</v>
      </c>
      <c r="B8356" s="14" t="s">
        <v>1</v>
      </c>
      <c r="C8356" s="14" t="s">
        <v>59</v>
      </c>
      <c r="D8356" s="14" t="s">
        <v>74</v>
      </c>
      <c r="E8356" s="15">
        <v>45702</v>
      </c>
      <c r="F8356" s="14" t="s">
        <v>25</v>
      </c>
      <c r="G8356" s="16">
        <v>0.13041752471511381</v>
      </c>
    </row>
    <row r="8357" spans="1:7" x14ac:dyDescent="0.3">
      <c r="A8357" s="13" t="s">
        <v>73</v>
      </c>
      <c r="B8357" s="14" t="s">
        <v>1</v>
      </c>
      <c r="C8357" s="14" t="s">
        <v>59</v>
      </c>
      <c r="D8357" s="14" t="s">
        <v>74</v>
      </c>
      <c r="E8357" s="15">
        <v>45703</v>
      </c>
      <c r="F8357" s="14" t="s">
        <v>25</v>
      </c>
      <c r="G8357" s="16">
        <v>0.13041752471511381</v>
      </c>
    </row>
    <row r="8358" spans="1:7" x14ac:dyDescent="0.3">
      <c r="A8358" s="13" t="s">
        <v>73</v>
      </c>
      <c r="B8358" s="14" t="s">
        <v>1</v>
      </c>
      <c r="C8358" s="14" t="s">
        <v>59</v>
      </c>
      <c r="D8358" s="14" t="s">
        <v>74</v>
      </c>
      <c r="E8358" s="15">
        <v>45704</v>
      </c>
      <c r="F8358" s="14" t="s">
        <v>25</v>
      </c>
      <c r="G8358" s="16">
        <v>0.13041752471511381</v>
      </c>
    </row>
    <row r="8359" spans="1:7" x14ac:dyDescent="0.3">
      <c r="A8359" s="13" t="s">
        <v>73</v>
      </c>
      <c r="B8359" s="14" t="s">
        <v>1</v>
      </c>
      <c r="C8359" s="14" t="s">
        <v>59</v>
      </c>
      <c r="D8359" s="14" t="s">
        <v>74</v>
      </c>
      <c r="E8359" s="15">
        <v>45705</v>
      </c>
      <c r="F8359" s="14" t="s">
        <v>25</v>
      </c>
      <c r="G8359" s="16">
        <v>0.12756675054417646</v>
      </c>
    </row>
    <row r="8360" spans="1:7" x14ac:dyDescent="0.3">
      <c r="A8360" s="13" t="s">
        <v>73</v>
      </c>
      <c r="B8360" s="14" t="s">
        <v>1</v>
      </c>
      <c r="C8360" s="14" t="s">
        <v>59</v>
      </c>
      <c r="D8360" s="14" t="s">
        <v>74</v>
      </c>
      <c r="E8360" s="15">
        <v>45706</v>
      </c>
      <c r="F8360" s="14" t="s">
        <v>25</v>
      </c>
      <c r="G8360" s="16">
        <v>0.11846211473580368</v>
      </c>
    </row>
    <row r="8361" spans="1:7" x14ac:dyDescent="0.3">
      <c r="A8361" s="13" t="s">
        <v>73</v>
      </c>
      <c r="B8361" s="14" t="s">
        <v>1</v>
      </c>
      <c r="C8361" s="14" t="s">
        <v>59</v>
      </c>
      <c r="D8361" s="14" t="s">
        <v>74</v>
      </c>
      <c r="E8361" s="15">
        <v>45707</v>
      </c>
      <c r="F8361" s="14" t="s">
        <v>25</v>
      </c>
      <c r="G8361" s="16">
        <v>0.12084446249652848</v>
      </c>
    </row>
    <row r="8362" spans="1:7" x14ac:dyDescent="0.3">
      <c r="A8362" s="13" t="s">
        <v>73</v>
      </c>
      <c r="B8362" s="14" t="s">
        <v>1</v>
      </c>
      <c r="C8362" s="14" t="s">
        <v>59</v>
      </c>
      <c r="D8362" s="14" t="s">
        <v>74</v>
      </c>
      <c r="E8362" s="15">
        <v>45708</v>
      </c>
      <c r="F8362" s="14" t="s">
        <v>25</v>
      </c>
      <c r="G8362" s="16">
        <v>0.11685077432418237</v>
      </c>
    </row>
    <row r="8363" spans="1:7" x14ac:dyDescent="0.3">
      <c r="A8363" s="13" t="s">
        <v>73</v>
      </c>
      <c r="B8363" s="14" t="s">
        <v>1</v>
      </c>
      <c r="C8363" s="14" t="s">
        <v>59</v>
      </c>
      <c r="D8363" s="14" t="s">
        <v>74</v>
      </c>
      <c r="E8363" s="15">
        <v>45709</v>
      </c>
      <c r="F8363" s="14" t="s">
        <v>25</v>
      </c>
      <c r="G8363" s="16">
        <v>0.11377417624288239</v>
      </c>
    </row>
    <row r="8364" spans="1:7" x14ac:dyDescent="0.3">
      <c r="A8364" s="13" t="s">
        <v>73</v>
      </c>
      <c r="B8364" s="14" t="s">
        <v>1</v>
      </c>
      <c r="C8364" s="14" t="s">
        <v>59</v>
      </c>
      <c r="D8364" s="14" t="s">
        <v>74</v>
      </c>
      <c r="E8364" s="15">
        <v>45710</v>
      </c>
      <c r="F8364" s="14" t="s">
        <v>25</v>
      </c>
      <c r="G8364" s="16">
        <v>0.11377417624288239</v>
      </c>
    </row>
    <row r="8365" spans="1:7" x14ac:dyDescent="0.3">
      <c r="A8365" s="13" t="s">
        <v>73</v>
      </c>
      <c r="B8365" s="14" t="s">
        <v>1</v>
      </c>
      <c r="C8365" s="14" t="s">
        <v>59</v>
      </c>
      <c r="D8365" s="14" t="s">
        <v>74</v>
      </c>
      <c r="E8365" s="15">
        <v>45711</v>
      </c>
      <c r="F8365" s="14" t="s">
        <v>25</v>
      </c>
      <c r="G8365" s="16">
        <v>0.11377417624288239</v>
      </c>
    </row>
    <row r="8366" spans="1:7" x14ac:dyDescent="0.3">
      <c r="A8366" s="13" t="s">
        <v>73</v>
      </c>
      <c r="B8366" s="14" t="s">
        <v>1</v>
      </c>
      <c r="C8366" s="14" t="s">
        <v>59</v>
      </c>
      <c r="D8366" s="14" t="s">
        <v>74</v>
      </c>
      <c r="E8366" s="15">
        <v>45712</v>
      </c>
      <c r="F8366" s="14" t="s">
        <v>25</v>
      </c>
      <c r="G8366" s="16">
        <v>0.12344739350690315</v>
      </c>
    </row>
    <row r="8367" spans="1:7" x14ac:dyDescent="0.3">
      <c r="A8367" s="13" t="s">
        <v>73</v>
      </c>
      <c r="B8367" s="14" t="s">
        <v>1</v>
      </c>
      <c r="C8367" s="14" t="s">
        <v>59</v>
      </c>
      <c r="D8367" s="14" t="s">
        <v>74</v>
      </c>
      <c r="E8367" s="15">
        <v>45713</v>
      </c>
      <c r="F8367" s="14" t="s">
        <v>25</v>
      </c>
      <c r="G8367" s="16">
        <v>0.11360625059060202</v>
      </c>
    </row>
    <row r="8368" spans="1:7" x14ac:dyDescent="0.3">
      <c r="A8368" s="13" t="s">
        <v>73</v>
      </c>
      <c r="B8368" s="14" t="s">
        <v>1</v>
      </c>
      <c r="C8368" s="14" t="s">
        <v>59</v>
      </c>
      <c r="D8368" s="14" t="s">
        <v>74</v>
      </c>
      <c r="E8368" s="15">
        <v>45714</v>
      </c>
      <c r="F8368" s="14" t="s">
        <v>25</v>
      </c>
      <c r="G8368" s="16">
        <v>0.11075213470611313</v>
      </c>
    </row>
    <row r="8369" spans="1:7" x14ac:dyDescent="0.3">
      <c r="A8369" s="13" t="s">
        <v>73</v>
      </c>
      <c r="B8369" s="14" t="s">
        <v>1</v>
      </c>
      <c r="C8369" s="14" t="s">
        <v>59</v>
      </c>
      <c r="D8369" s="14" t="s">
        <v>74</v>
      </c>
      <c r="E8369" s="15">
        <v>45715</v>
      </c>
      <c r="F8369" s="14" t="s">
        <v>25</v>
      </c>
      <c r="G8369" s="16">
        <v>0.10823846600157788</v>
      </c>
    </row>
    <row r="8370" spans="1:7" x14ac:dyDescent="0.3">
      <c r="A8370" s="13" t="s">
        <v>73</v>
      </c>
      <c r="B8370" s="14" t="s">
        <v>1</v>
      </c>
      <c r="C8370" s="14" t="s">
        <v>59</v>
      </c>
      <c r="D8370" s="14" t="s">
        <v>74</v>
      </c>
      <c r="E8370" s="15">
        <v>45716</v>
      </c>
      <c r="F8370" s="14" t="s">
        <v>25</v>
      </c>
      <c r="G8370" s="16">
        <v>0.10556463392741559</v>
      </c>
    </row>
    <row r="8371" spans="1:7" x14ac:dyDescent="0.3">
      <c r="A8371" s="13" t="s">
        <v>73</v>
      </c>
      <c r="B8371" s="14" t="s">
        <v>1</v>
      </c>
      <c r="C8371" s="14" t="s">
        <v>59</v>
      </c>
      <c r="D8371" s="14" t="s">
        <v>74</v>
      </c>
      <c r="E8371" s="15">
        <v>45717</v>
      </c>
      <c r="F8371" s="14" t="s">
        <v>25</v>
      </c>
      <c r="G8371" s="16">
        <v>0.10556463392741559</v>
      </c>
    </row>
    <row r="8372" spans="1:7" x14ac:dyDescent="0.3">
      <c r="A8372" s="13" t="s">
        <v>73</v>
      </c>
      <c r="B8372" s="14" t="s">
        <v>1</v>
      </c>
      <c r="C8372" s="14" t="s">
        <v>59</v>
      </c>
      <c r="D8372" s="14" t="s">
        <v>74</v>
      </c>
      <c r="E8372" s="15">
        <v>45718</v>
      </c>
      <c r="F8372" s="14" t="s">
        <v>25</v>
      </c>
      <c r="G8372" s="16">
        <v>0.10556463392741559</v>
      </c>
    </row>
    <row r="8373" spans="1:7" x14ac:dyDescent="0.3">
      <c r="A8373" s="13" t="s">
        <v>73</v>
      </c>
      <c r="B8373" s="14" t="s">
        <v>1</v>
      </c>
      <c r="C8373" s="14" t="s">
        <v>59</v>
      </c>
      <c r="D8373" s="14" t="s">
        <v>74</v>
      </c>
      <c r="E8373" s="15">
        <v>45719</v>
      </c>
      <c r="F8373" s="14" t="s">
        <v>25</v>
      </c>
      <c r="G8373" s="16">
        <v>0.10173008046905388</v>
      </c>
    </row>
    <row r="8374" spans="1:7" x14ac:dyDescent="0.3">
      <c r="A8374" s="13" t="s">
        <v>73</v>
      </c>
      <c r="B8374" s="14" t="s">
        <v>1</v>
      </c>
      <c r="C8374" s="14" t="s">
        <v>59</v>
      </c>
      <c r="D8374" s="14" t="s">
        <v>74</v>
      </c>
      <c r="E8374" s="15">
        <v>45720</v>
      </c>
      <c r="F8374" s="14" t="s">
        <v>25</v>
      </c>
      <c r="G8374" s="16">
        <v>9.4633424793792942E-2</v>
      </c>
    </row>
    <row r="8375" spans="1:7" x14ac:dyDescent="0.3">
      <c r="A8375" s="13" t="s">
        <v>73</v>
      </c>
      <c r="B8375" s="14" t="s">
        <v>1</v>
      </c>
      <c r="C8375" s="14" t="s">
        <v>59</v>
      </c>
      <c r="D8375" s="14" t="s">
        <v>74</v>
      </c>
      <c r="E8375" s="15">
        <v>45721</v>
      </c>
      <c r="F8375" s="14" t="s">
        <v>25</v>
      </c>
      <c r="G8375" s="16">
        <v>9.1681149501069842E-2</v>
      </c>
    </row>
    <row r="8376" spans="1:7" x14ac:dyDescent="0.3">
      <c r="A8376" s="13" t="s">
        <v>73</v>
      </c>
      <c r="B8376" s="14" t="s">
        <v>1</v>
      </c>
      <c r="C8376" s="14" t="s">
        <v>59</v>
      </c>
      <c r="D8376" s="14" t="s">
        <v>74</v>
      </c>
      <c r="E8376" s="15">
        <v>45722</v>
      </c>
      <c r="F8376" s="14" t="s">
        <v>25</v>
      </c>
      <c r="G8376" s="16">
        <v>8.7923224762989569E-2</v>
      </c>
    </row>
    <row r="8377" spans="1:7" x14ac:dyDescent="0.3">
      <c r="A8377" s="13" t="s">
        <v>73</v>
      </c>
      <c r="B8377" s="14" t="s">
        <v>1</v>
      </c>
      <c r="C8377" s="14" t="s">
        <v>59</v>
      </c>
      <c r="D8377" s="14" t="s">
        <v>74</v>
      </c>
      <c r="E8377" s="15">
        <v>45723</v>
      </c>
      <c r="F8377" s="14" t="s">
        <v>25</v>
      </c>
      <c r="G8377" s="16">
        <v>8.4522979934164244E-2</v>
      </c>
    </row>
    <row r="8378" spans="1:7" x14ac:dyDescent="0.3">
      <c r="A8378" s="13" t="s">
        <v>73</v>
      </c>
      <c r="B8378" s="14" t="s">
        <v>1</v>
      </c>
      <c r="C8378" s="14" t="s">
        <v>59</v>
      </c>
      <c r="D8378" s="14" t="s">
        <v>74</v>
      </c>
      <c r="E8378" s="15">
        <v>45724</v>
      </c>
      <c r="F8378" s="14" t="s">
        <v>25</v>
      </c>
      <c r="G8378" s="16">
        <v>8.4522979934164244E-2</v>
      </c>
    </row>
    <row r="8379" spans="1:7" x14ac:dyDescent="0.3">
      <c r="A8379" s="13" t="s">
        <v>73</v>
      </c>
      <c r="B8379" s="14" t="s">
        <v>1</v>
      </c>
      <c r="C8379" s="14" t="s">
        <v>59</v>
      </c>
      <c r="D8379" s="14" t="s">
        <v>74</v>
      </c>
      <c r="E8379" s="15">
        <v>45725</v>
      </c>
      <c r="F8379" s="14" t="s">
        <v>25</v>
      </c>
      <c r="G8379" s="16">
        <v>8.4522979934164244E-2</v>
      </c>
    </row>
    <row r="8380" spans="1:7" x14ac:dyDescent="0.3">
      <c r="A8380" s="13" t="s">
        <v>73</v>
      </c>
      <c r="B8380" s="14" t="s">
        <v>1</v>
      </c>
      <c r="C8380" s="14" t="s">
        <v>59</v>
      </c>
      <c r="D8380" s="14" t="s">
        <v>74</v>
      </c>
      <c r="E8380" s="15">
        <v>45726</v>
      </c>
      <c r="F8380" s="14" t="s">
        <v>25</v>
      </c>
      <c r="G8380" s="16">
        <v>8.161668557085304E-2</v>
      </c>
    </row>
    <row r="8381" spans="1:7" x14ac:dyDescent="0.3">
      <c r="A8381" s="13" t="s">
        <v>73</v>
      </c>
      <c r="B8381" s="14" t="s">
        <v>1</v>
      </c>
      <c r="C8381" s="14" t="s">
        <v>59</v>
      </c>
      <c r="D8381" s="14" t="s">
        <v>74</v>
      </c>
      <c r="E8381" s="15">
        <v>45727</v>
      </c>
      <c r="F8381" s="14" t="s">
        <v>25</v>
      </c>
      <c r="G8381" s="16">
        <v>7.2599697982701661E-2</v>
      </c>
    </row>
    <row r="8382" spans="1:7" x14ac:dyDescent="0.3">
      <c r="A8382" s="13" t="s">
        <v>73</v>
      </c>
      <c r="B8382" s="14" t="s">
        <v>1</v>
      </c>
      <c r="C8382" s="14" t="s">
        <v>59</v>
      </c>
      <c r="D8382" s="14" t="s">
        <v>74</v>
      </c>
      <c r="E8382" s="15">
        <v>45728</v>
      </c>
      <c r="F8382" s="14" t="s">
        <v>25</v>
      </c>
      <c r="G8382" s="16">
        <v>6.9520367206068523E-2</v>
      </c>
    </row>
    <row r="8383" spans="1:7" x14ac:dyDescent="0.3">
      <c r="A8383" s="13" t="s">
        <v>73</v>
      </c>
      <c r="B8383" s="14" t="s">
        <v>1</v>
      </c>
      <c r="C8383" s="14" t="s">
        <v>59</v>
      </c>
      <c r="D8383" s="14" t="s">
        <v>74</v>
      </c>
      <c r="E8383" s="15">
        <v>45729</v>
      </c>
      <c r="F8383" s="14" t="s">
        <v>25</v>
      </c>
      <c r="G8383" s="16">
        <v>6.655140883056633E-2</v>
      </c>
    </row>
    <row r="8384" spans="1:7" x14ac:dyDescent="0.3">
      <c r="A8384" s="13" t="s">
        <v>73</v>
      </c>
      <c r="B8384" s="14" t="s">
        <v>1</v>
      </c>
      <c r="C8384" s="14" t="s">
        <v>59</v>
      </c>
      <c r="D8384" s="14" t="s">
        <v>74</v>
      </c>
      <c r="E8384" s="15">
        <v>45730</v>
      </c>
      <c r="F8384" s="14" t="s">
        <v>25</v>
      </c>
      <c r="G8384" s="16">
        <v>7.9447031770951221E-2</v>
      </c>
    </row>
    <row r="8385" spans="1:7" x14ac:dyDescent="0.3">
      <c r="A8385" s="13" t="s">
        <v>73</v>
      </c>
      <c r="B8385" s="14" t="s">
        <v>1</v>
      </c>
      <c r="C8385" s="14" t="s">
        <v>59</v>
      </c>
      <c r="D8385" s="14" t="s">
        <v>74</v>
      </c>
      <c r="E8385" s="15">
        <v>45731</v>
      </c>
      <c r="F8385" s="14" t="s">
        <v>25</v>
      </c>
      <c r="G8385" s="16">
        <v>7.9447031770951221E-2</v>
      </c>
    </row>
    <row r="8386" spans="1:7" x14ac:dyDescent="0.3">
      <c r="A8386" s="13" t="s">
        <v>73</v>
      </c>
      <c r="B8386" s="14" t="s">
        <v>1</v>
      </c>
      <c r="C8386" s="14" t="s">
        <v>59</v>
      </c>
      <c r="D8386" s="14" t="s">
        <v>74</v>
      </c>
      <c r="E8386" s="15">
        <v>45732</v>
      </c>
      <c r="F8386" s="14" t="s">
        <v>25</v>
      </c>
      <c r="G8386" s="16">
        <v>7.9447031770951221E-2</v>
      </c>
    </row>
    <row r="8387" spans="1:7" x14ac:dyDescent="0.3">
      <c r="A8387" s="13" t="s">
        <v>73</v>
      </c>
      <c r="B8387" s="14" t="s">
        <v>1</v>
      </c>
      <c r="C8387" s="14" t="s">
        <v>59</v>
      </c>
      <c r="D8387" s="14" t="s">
        <v>74</v>
      </c>
      <c r="E8387" s="15">
        <v>45733</v>
      </c>
      <c r="F8387" s="14" t="s">
        <v>25</v>
      </c>
      <c r="G8387" s="16">
        <v>7.9447031770951221E-2</v>
      </c>
    </row>
    <row r="8388" spans="1:7" x14ac:dyDescent="0.3">
      <c r="A8388" s="13" t="s">
        <v>73</v>
      </c>
      <c r="B8388" s="14" t="s">
        <v>1</v>
      </c>
      <c r="C8388" s="14" t="s">
        <v>59</v>
      </c>
      <c r="D8388" s="14" t="s">
        <v>74</v>
      </c>
      <c r="E8388" s="15">
        <v>45734</v>
      </c>
      <c r="F8388" s="14" t="s">
        <v>25</v>
      </c>
      <c r="G8388" s="16">
        <v>7.5729101390608969E-2</v>
      </c>
    </row>
    <row r="8389" spans="1:7" x14ac:dyDescent="0.3">
      <c r="A8389" s="13" t="s">
        <v>73</v>
      </c>
      <c r="B8389" s="14" t="s">
        <v>1</v>
      </c>
      <c r="C8389" s="14" t="s">
        <v>59</v>
      </c>
      <c r="D8389" s="14" t="s">
        <v>74</v>
      </c>
      <c r="E8389" s="15">
        <v>45735</v>
      </c>
      <c r="F8389" s="14" t="s">
        <v>25</v>
      </c>
      <c r="G8389" s="16">
        <v>6.3894338804520917E-2</v>
      </c>
    </row>
    <row r="8390" spans="1:7" x14ac:dyDescent="0.3">
      <c r="A8390" s="13" t="s">
        <v>73</v>
      </c>
      <c r="B8390" s="14" t="s">
        <v>1</v>
      </c>
      <c r="C8390" s="14" t="s">
        <v>59</v>
      </c>
      <c r="D8390" s="14" t="s">
        <v>74</v>
      </c>
      <c r="E8390" s="15">
        <v>45736</v>
      </c>
      <c r="F8390" s="14" t="s">
        <v>25</v>
      </c>
      <c r="G8390" s="16">
        <v>6.1222172620662443E-2</v>
      </c>
    </row>
    <row r="8391" spans="1:7" x14ac:dyDescent="0.3">
      <c r="A8391" s="13" t="s">
        <v>73</v>
      </c>
      <c r="B8391" s="14" t="s">
        <v>1</v>
      </c>
      <c r="C8391" s="14" t="s">
        <v>59</v>
      </c>
      <c r="D8391" s="14" t="s">
        <v>74</v>
      </c>
      <c r="E8391" s="15">
        <v>45737</v>
      </c>
      <c r="F8391" s="14" t="s">
        <v>25</v>
      </c>
      <c r="G8391" s="16">
        <v>8.4339704610136193E-2</v>
      </c>
    </row>
    <row r="8392" spans="1:7" x14ac:dyDescent="0.3">
      <c r="A8392" s="13" t="s">
        <v>73</v>
      </c>
      <c r="B8392" s="14" t="s">
        <v>1</v>
      </c>
      <c r="C8392" s="14" t="s">
        <v>59</v>
      </c>
      <c r="D8392" s="14" t="s">
        <v>74</v>
      </c>
      <c r="E8392" s="15">
        <v>45738</v>
      </c>
      <c r="F8392" s="14" t="s">
        <v>25</v>
      </c>
      <c r="G8392" s="16">
        <v>8.4339704610136193E-2</v>
      </c>
    </row>
    <row r="8393" spans="1:7" x14ac:dyDescent="0.3">
      <c r="A8393" s="13" t="s">
        <v>73</v>
      </c>
      <c r="B8393" s="14" t="s">
        <v>1</v>
      </c>
      <c r="C8393" s="14" t="s">
        <v>59</v>
      </c>
      <c r="D8393" s="14" t="s">
        <v>74</v>
      </c>
      <c r="E8393" s="15">
        <v>45739</v>
      </c>
      <c r="F8393" s="14" t="s">
        <v>25</v>
      </c>
      <c r="G8393" s="16">
        <v>8.4339704610136193E-2</v>
      </c>
    </row>
    <row r="8394" spans="1:7" x14ac:dyDescent="0.3">
      <c r="A8394" s="13" t="s">
        <v>73</v>
      </c>
      <c r="B8394" s="14" t="s">
        <v>1</v>
      </c>
      <c r="C8394" s="14" t="s">
        <v>59</v>
      </c>
      <c r="D8394" s="14" t="s">
        <v>74</v>
      </c>
      <c r="E8394" s="15">
        <v>45740</v>
      </c>
      <c r="F8394" s="14" t="s">
        <v>25</v>
      </c>
      <c r="G8394" s="16">
        <v>8.1311824786478554E-2</v>
      </c>
    </row>
    <row r="8395" spans="1:7" x14ac:dyDescent="0.3">
      <c r="A8395" s="13" t="s">
        <v>73</v>
      </c>
      <c r="B8395" s="14" t="s">
        <v>1</v>
      </c>
      <c r="C8395" s="14" t="s">
        <v>59</v>
      </c>
      <c r="D8395" s="14" t="s">
        <v>74</v>
      </c>
      <c r="E8395" s="15">
        <v>45741</v>
      </c>
      <c r="F8395" s="14" t="s">
        <v>25</v>
      </c>
      <c r="G8395" s="16">
        <v>7.2247675343157083E-2</v>
      </c>
    </row>
    <row r="8396" spans="1:7" x14ac:dyDescent="0.3">
      <c r="A8396" s="13" t="s">
        <v>73</v>
      </c>
      <c r="B8396" s="14" t="s">
        <v>1</v>
      </c>
      <c r="C8396" s="14" t="s">
        <v>59</v>
      </c>
      <c r="D8396" s="14" t="s">
        <v>74</v>
      </c>
      <c r="E8396" s="15">
        <v>45742</v>
      </c>
      <c r="F8396" s="14" t="s">
        <v>25</v>
      </c>
      <c r="G8396" s="16">
        <v>6.9313806404090197E-2</v>
      </c>
    </row>
    <row r="8397" spans="1:7" x14ac:dyDescent="0.3">
      <c r="A8397" s="13" t="s">
        <v>73</v>
      </c>
      <c r="B8397" s="14" t="s">
        <v>1</v>
      </c>
      <c r="C8397" s="14" t="s">
        <v>59</v>
      </c>
      <c r="D8397" s="14" t="s">
        <v>74</v>
      </c>
      <c r="E8397" s="15">
        <v>45743</v>
      </c>
      <c r="F8397" s="14" t="s">
        <v>25</v>
      </c>
      <c r="G8397" s="16">
        <v>6.612451809152034E-2</v>
      </c>
    </row>
    <row r="8398" spans="1:7" x14ac:dyDescent="0.3">
      <c r="A8398" s="13" t="s">
        <v>73</v>
      </c>
      <c r="B8398" s="14" t="s">
        <v>1</v>
      </c>
      <c r="C8398" s="14" t="s">
        <v>59</v>
      </c>
      <c r="D8398" s="14" t="s">
        <v>74</v>
      </c>
      <c r="E8398" s="15">
        <v>45744</v>
      </c>
      <c r="F8398" s="14" t="s">
        <v>25</v>
      </c>
      <c r="G8398" s="16">
        <v>6.3050571780823697E-2</v>
      </c>
    </row>
    <row r="8399" spans="1:7" x14ac:dyDescent="0.3">
      <c r="A8399" s="13" t="s">
        <v>73</v>
      </c>
      <c r="B8399" s="14" t="s">
        <v>1</v>
      </c>
      <c r="C8399" s="14" t="s">
        <v>59</v>
      </c>
      <c r="D8399" s="14" t="s">
        <v>74</v>
      </c>
      <c r="E8399" s="15">
        <v>45745</v>
      </c>
      <c r="F8399" s="14" t="s">
        <v>25</v>
      </c>
      <c r="G8399" s="16">
        <v>6.3050571780823697E-2</v>
      </c>
    </row>
    <row r="8400" spans="1:7" x14ac:dyDescent="0.3">
      <c r="A8400" s="13" t="s">
        <v>73</v>
      </c>
      <c r="B8400" s="14" t="s">
        <v>1</v>
      </c>
      <c r="C8400" s="14" t="s">
        <v>59</v>
      </c>
      <c r="D8400" s="14" t="s">
        <v>74</v>
      </c>
      <c r="E8400" s="15">
        <v>45746</v>
      </c>
      <c r="F8400" s="14" t="s">
        <v>25</v>
      </c>
      <c r="G8400" s="16">
        <v>6.3050571780823697E-2</v>
      </c>
    </row>
    <row r="8401" spans="1:7" x14ac:dyDescent="0.3">
      <c r="A8401" s="13" t="s">
        <v>73</v>
      </c>
      <c r="B8401" s="14" t="s">
        <v>1</v>
      </c>
      <c r="C8401" s="14" t="s">
        <v>59</v>
      </c>
      <c r="D8401" s="14" t="s">
        <v>74</v>
      </c>
      <c r="E8401" s="15">
        <v>45747</v>
      </c>
      <c r="F8401" s="14" t="s">
        <v>25</v>
      </c>
      <c r="G8401" s="16">
        <v>6.0308895878459119E-2</v>
      </c>
    </row>
    <row r="8402" spans="1:7" x14ac:dyDescent="0.3">
      <c r="A8402" s="13" t="s">
        <v>75</v>
      </c>
      <c r="B8402" s="14" t="s">
        <v>1</v>
      </c>
      <c r="C8402" s="14" t="s">
        <v>51</v>
      </c>
      <c r="D8402" s="14" t="s">
        <v>76</v>
      </c>
      <c r="E8402" s="15">
        <v>45383</v>
      </c>
      <c r="F8402" s="14" t="s">
        <v>25</v>
      </c>
      <c r="G8402" s="16">
        <v>0</v>
      </c>
    </row>
    <row r="8403" spans="1:7" x14ac:dyDescent="0.3">
      <c r="A8403" s="13" t="s">
        <v>75</v>
      </c>
      <c r="B8403" s="14" t="s">
        <v>1</v>
      </c>
      <c r="C8403" s="14" t="s">
        <v>51</v>
      </c>
      <c r="D8403" s="14" t="s">
        <v>76</v>
      </c>
      <c r="E8403" s="15">
        <v>45384</v>
      </c>
      <c r="F8403" s="14" t="s">
        <v>25</v>
      </c>
      <c r="G8403" s="16">
        <v>0</v>
      </c>
    </row>
    <row r="8404" spans="1:7" x14ac:dyDescent="0.3">
      <c r="A8404" s="13" t="s">
        <v>75</v>
      </c>
      <c r="B8404" s="14" t="s">
        <v>1</v>
      </c>
      <c r="C8404" s="14" t="s">
        <v>51</v>
      </c>
      <c r="D8404" s="14" t="s">
        <v>76</v>
      </c>
      <c r="E8404" s="15">
        <v>45385</v>
      </c>
      <c r="F8404" s="14" t="s">
        <v>25</v>
      </c>
      <c r="G8404" s="16">
        <v>0</v>
      </c>
    </row>
    <row r="8405" spans="1:7" x14ac:dyDescent="0.3">
      <c r="A8405" s="13" t="s">
        <v>75</v>
      </c>
      <c r="B8405" s="14" t="s">
        <v>1</v>
      </c>
      <c r="C8405" s="14" t="s">
        <v>51</v>
      </c>
      <c r="D8405" s="14" t="s">
        <v>76</v>
      </c>
      <c r="E8405" s="15">
        <v>45386</v>
      </c>
      <c r="F8405" s="14" t="s">
        <v>25</v>
      </c>
      <c r="G8405" s="16">
        <v>0</v>
      </c>
    </row>
    <row r="8406" spans="1:7" x14ac:dyDescent="0.3">
      <c r="A8406" s="13" t="s">
        <v>75</v>
      </c>
      <c r="B8406" s="14" t="s">
        <v>1</v>
      </c>
      <c r="C8406" s="14" t="s">
        <v>51</v>
      </c>
      <c r="D8406" s="14" t="s">
        <v>76</v>
      </c>
      <c r="E8406" s="15">
        <v>45387</v>
      </c>
      <c r="F8406" s="14" t="s">
        <v>25</v>
      </c>
      <c r="G8406" s="16">
        <v>0</v>
      </c>
    </row>
    <row r="8407" spans="1:7" x14ac:dyDescent="0.3">
      <c r="A8407" s="13" t="s">
        <v>75</v>
      </c>
      <c r="B8407" s="14" t="s">
        <v>1</v>
      </c>
      <c r="C8407" s="14" t="s">
        <v>51</v>
      </c>
      <c r="D8407" s="14" t="s">
        <v>76</v>
      </c>
      <c r="E8407" s="15">
        <v>45388</v>
      </c>
      <c r="F8407" s="14" t="s">
        <v>25</v>
      </c>
      <c r="G8407" s="16">
        <v>0</v>
      </c>
    </row>
    <row r="8408" spans="1:7" x14ac:dyDescent="0.3">
      <c r="A8408" s="13" t="s">
        <v>75</v>
      </c>
      <c r="B8408" s="14" t="s">
        <v>1</v>
      </c>
      <c r="C8408" s="14" t="s">
        <v>51</v>
      </c>
      <c r="D8408" s="14" t="s">
        <v>76</v>
      </c>
      <c r="E8408" s="15">
        <v>45389</v>
      </c>
      <c r="F8408" s="14" t="s">
        <v>25</v>
      </c>
      <c r="G8408" s="16">
        <v>0</v>
      </c>
    </row>
    <row r="8409" spans="1:7" x14ac:dyDescent="0.3">
      <c r="A8409" s="13" t="s">
        <v>75</v>
      </c>
      <c r="B8409" s="14" t="s">
        <v>1</v>
      </c>
      <c r="C8409" s="14" t="s">
        <v>51</v>
      </c>
      <c r="D8409" s="14" t="s">
        <v>76</v>
      </c>
      <c r="E8409" s="15">
        <v>45390</v>
      </c>
      <c r="F8409" s="14" t="s">
        <v>25</v>
      </c>
      <c r="G8409" s="16">
        <v>0</v>
      </c>
    </row>
    <row r="8410" spans="1:7" x14ac:dyDescent="0.3">
      <c r="A8410" s="13" t="s">
        <v>75</v>
      </c>
      <c r="B8410" s="14" t="s">
        <v>1</v>
      </c>
      <c r="C8410" s="14" t="s">
        <v>51</v>
      </c>
      <c r="D8410" s="14" t="s">
        <v>76</v>
      </c>
      <c r="E8410" s="15">
        <v>45391</v>
      </c>
      <c r="F8410" s="14" t="s">
        <v>25</v>
      </c>
      <c r="G8410" s="16">
        <v>0</v>
      </c>
    </row>
    <row r="8411" spans="1:7" x14ac:dyDescent="0.3">
      <c r="A8411" s="13" t="s">
        <v>75</v>
      </c>
      <c r="B8411" s="14" t="s">
        <v>1</v>
      </c>
      <c r="C8411" s="14" t="s">
        <v>51</v>
      </c>
      <c r="D8411" s="14" t="s">
        <v>76</v>
      </c>
      <c r="E8411" s="15">
        <v>45392</v>
      </c>
      <c r="F8411" s="14" t="s">
        <v>25</v>
      </c>
      <c r="G8411" s="16">
        <v>0</v>
      </c>
    </row>
    <row r="8412" spans="1:7" x14ac:dyDescent="0.3">
      <c r="A8412" s="13" t="s">
        <v>75</v>
      </c>
      <c r="B8412" s="14" t="s">
        <v>1</v>
      </c>
      <c r="C8412" s="14" t="s">
        <v>51</v>
      </c>
      <c r="D8412" s="14" t="s">
        <v>76</v>
      </c>
      <c r="E8412" s="15">
        <v>45393</v>
      </c>
      <c r="F8412" s="14" t="s">
        <v>25</v>
      </c>
      <c r="G8412" s="16">
        <v>0</v>
      </c>
    </row>
    <row r="8413" spans="1:7" x14ac:dyDescent="0.3">
      <c r="A8413" s="13" t="s">
        <v>75</v>
      </c>
      <c r="B8413" s="14" t="s">
        <v>1</v>
      </c>
      <c r="C8413" s="14" t="s">
        <v>51</v>
      </c>
      <c r="D8413" s="14" t="s">
        <v>76</v>
      </c>
      <c r="E8413" s="15">
        <v>45394</v>
      </c>
      <c r="F8413" s="14" t="s">
        <v>25</v>
      </c>
      <c r="G8413" s="16">
        <v>0</v>
      </c>
    </row>
    <row r="8414" spans="1:7" x14ac:dyDescent="0.3">
      <c r="A8414" s="13" t="s">
        <v>75</v>
      </c>
      <c r="B8414" s="14" t="s">
        <v>1</v>
      </c>
      <c r="C8414" s="14" t="s">
        <v>51</v>
      </c>
      <c r="D8414" s="14" t="s">
        <v>76</v>
      </c>
      <c r="E8414" s="15">
        <v>45395</v>
      </c>
      <c r="F8414" s="14" t="s">
        <v>25</v>
      </c>
      <c r="G8414" s="16">
        <v>0</v>
      </c>
    </row>
    <row r="8415" spans="1:7" x14ac:dyDescent="0.3">
      <c r="A8415" s="13" t="s">
        <v>75</v>
      </c>
      <c r="B8415" s="14" t="s">
        <v>1</v>
      </c>
      <c r="C8415" s="14" t="s">
        <v>51</v>
      </c>
      <c r="D8415" s="14" t="s">
        <v>76</v>
      </c>
      <c r="E8415" s="15">
        <v>45396</v>
      </c>
      <c r="F8415" s="14" t="s">
        <v>25</v>
      </c>
      <c r="G8415" s="16">
        <v>0</v>
      </c>
    </row>
    <row r="8416" spans="1:7" x14ac:dyDescent="0.3">
      <c r="A8416" s="13" t="s">
        <v>75</v>
      </c>
      <c r="B8416" s="14" t="s">
        <v>1</v>
      </c>
      <c r="C8416" s="14" t="s">
        <v>51</v>
      </c>
      <c r="D8416" s="14" t="s">
        <v>76</v>
      </c>
      <c r="E8416" s="15">
        <v>45397</v>
      </c>
      <c r="F8416" s="14" t="s">
        <v>25</v>
      </c>
      <c r="G8416" s="16">
        <v>0</v>
      </c>
    </row>
    <row r="8417" spans="1:7" x14ac:dyDescent="0.3">
      <c r="A8417" s="13" t="s">
        <v>75</v>
      </c>
      <c r="B8417" s="14" t="s">
        <v>1</v>
      </c>
      <c r="C8417" s="14" t="s">
        <v>51</v>
      </c>
      <c r="D8417" s="14" t="s">
        <v>76</v>
      </c>
      <c r="E8417" s="15">
        <v>45398</v>
      </c>
      <c r="F8417" s="14" t="s">
        <v>25</v>
      </c>
      <c r="G8417" s="16">
        <v>0</v>
      </c>
    </row>
    <row r="8418" spans="1:7" x14ac:dyDescent="0.3">
      <c r="A8418" s="13" t="s">
        <v>75</v>
      </c>
      <c r="B8418" s="14" t="s">
        <v>1</v>
      </c>
      <c r="C8418" s="14" t="s">
        <v>51</v>
      </c>
      <c r="D8418" s="14" t="s">
        <v>76</v>
      </c>
      <c r="E8418" s="15">
        <v>45399</v>
      </c>
      <c r="F8418" s="14" t="s">
        <v>25</v>
      </c>
      <c r="G8418" s="16">
        <v>0</v>
      </c>
    </row>
    <row r="8419" spans="1:7" x14ac:dyDescent="0.3">
      <c r="A8419" s="13" t="s">
        <v>75</v>
      </c>
      <c r="B8419" s="14" t="s">
        <v>1</v>
      </c>
      <c r="C8419" s="14" t="s">
        <v>51</v>
      </c>
      <c r="D8419" s="14" t="s">
        <v>76</v>
      </c>
      <c r="E8419" s="15">
        <v>45400</v>
      </c>
      <c r="F8419" s="14" t="s">
        <v>25</v>
      </c>
      <c r="G8419" s="16">
        <v>0</v>
      </c>
    </row>
    <row r="8420" spans="1:7" x14ac:dyDescent="0.3">
      <c r="A8420" s="13" t="s">
        <v>75</v>
      </c>
      <c r="B8420" s="14" t="s">
        <v>1</v>
      </c>
      <c r="C8420" s="14" t="s">
        <v>51</v>
      </c>
      <c r="D8420" s="14" t="s">
        <v>76</v>
      </c>
      <c r="E8420" s="15">
        <v>45401</v>
      </c>
      <c r="F8420" s="14" t="s">
        <v>25</v>
      </c>
      <c r="G8420" s="16">
        <v>0</v>
      </c>
    </row>
    <row r="8421" spans="1:7" x14ac:dyDescent="0.3">
      <c r="A8421" s="13" t="s">
        <v>75</v>
      </c>
      <c r="B8421" s="14" t="s">
        <v>1</v>
      </c>
      <c r="C8421" s="14" t="s">
        <v>51</v>
      </c>
      <c r="D8421" s="14" t="s">
        <v>76</v>
      </c>
      <c r="E8421" s="15">
        <v>45402</v>
      </c>
      <c r="F8421" s="14" t="s">
        <v>25</v>
      </c>
      <c r="G8421" s="16">
        <v>0</v>
      </c>
    </row>
    <row r="8422" spans="1:7" x14ac:dyDescent="0.3">
      <c r="A8422" s="13" t="s">
        <v>75</v>
      </c>
      <c r="B8422" s="14" t="s">
        <v>1</v>
      </c>
      <c r="C8422" s="14" t="s">
        <v>51</v>
      </c>
      <c r="D8422" s="14" t="s">
        <v>76</v>
      </c>
      <c r="E8422" s="15">
        <v>45403</v>
      </c>
      <c r="F8422" s="14" t="s">
        <v>25</v>
      </c>
      <c r="G8422" s="16">
        <v>0</v>
      </c>
    </row>
    <row r="8423" spans="1:7" x14ac:dyDescent="0.3">
      <c r="A8423" s="13" t="s">
        <v>75</v>
      </c>
      <c r="B8423" s="14" t="s">
        <v>1</v>
      </c>
      <c r="C8423" s="14" t="s">
        <v>51</v>
      </c>
      <c r="D8423" s="14" t="s">
        <v>76</v>
      </c>
      <c r="E8423" s="15">
        <v>45404</v>
      </c>
      <c r="F8423" s="14" t="s">
        <v>25</v>
      </c>
      <c r="G8423" s="16">
        <v>0</v>
      </c>
    </row>
    <row r="8424" spans="1:7" x14ac:dyDescent="0.3">
      <c r="A8424" s="13" t="s">
        <v>75</v>
      </c>
      <c r="B8424" s="14" t="s">
        <v>1</v>
      </c>
      <c r="C8424" s="14" t="s">
        <v>51</v>
      </c>
      <c r="D8424" s="14" t="s">
        <v>76</v>
      </c>
      <c r="E8424" s="15">
        <v>45405</v>
      </c>
      <c r="F8424" s="14" t="s">
        <v>25</v>
      </c>
      <c r="G8424" s="16">
        <v>0</v>
      </c>
    </row>
    <row r="8425" spans="1:7" x14ac:dyDescent="0.3">
      <c r="A8425" s="13" t="s">
        <v>75</v>
      </c>
      <c r="B8425" s="14" t="s">
        <v>1</v>
      </c>
      <c r="C8425" s="14" t="s">
        <v>51</v>
      </c>
      <c r="D8425" s="14" t="s">
        <v>76</v>
      </c>
      <c r="E8425" s="15">
        <v>45406</v>
      </c>
      <c r="F8425" s="14" t="s">
        <v>25</v>
      </c>
      <c r="G8425" s="16">
        <v>0</v>
      </c>
    </row>
    <row r="8426" spans="1:7" x14ac:dyDescent="0.3">
      <c r="A8426" s="13" t="s">
        <v>75</v>
      </c>
      <c r="B8426" s="14" t="s">
        <v>1</v>
      </c>
      <c r="C8426" s="14" t="s">
        <v>51</v>
      </c>
      <c r="D8426" s="14" t="s">
        <v>76</v>
      </c>
      <c r="E8426" s="15">
        <v>45407</v>
      </c>
      <c r="F8426" s="14" t="s">
        <v>25</v>
      </c>
      <c r="G8426" s="16">
        <v>0</v>
      </c>
    </row>
    <row r="8427" spans="1:7" x14ac:dyDescent="0.3">
      <c r="A8427" s="13" t="s">
        <v>75</v>
      </c>
      <c r="B8427" s="14" t="s">
        <v>1</v>
      </c>
      <c r="C8427" s="14" t="s">
        <v>51</v>
      </c>
      <c r="D8427" s="14" t="s">
        <v>76</v>
      </c>
      <c r="E8427" s="15">
        <v>45408</v>
      </c>
      <c r="F8427" s="14" t="s">
        <v>25</v>
      </c>
      <c r="G8427" s="16">
        <v>0</v>
      </c>
    </row>
    <row r="8428" spans="1:7" x14ac:dyDescent="0.3">
      <c r="A8428" s="13" t="s">
        <v>75</v>
      </c>
      <c r="B8428" s="14" t="s">
        <v>1</v>
      </c>
      <c r="C8428" s="14" t="s">
        <v>51</v>
      </c>
      <c r="D8428" s="14" t="s">
        <v>76</v>
      </c>
      <c r="E8428" s="15">
        <v>45409</v>
      </c>
      <c r="F8428" s="14" t="s">
        <v>25</v>
      </c>
      <c r="G8428" s="16">
        <v>0</v>
      </c>
    </row>
    <row r="8429" spans="1:7" x14ac:dyDescent="0.3">
      <c r="A8429" s="13" t="s">
        <v>75</v>
      </c>
      <c r="B8429" s="14" t="s">
        <v>1</v>
      </c>
      <c r="C8429" s="14" t="s">
        <v>51</v>
      </c>
      <c r="D8429" s="14" t="s">
        <v>76</v>
      </c>
      <c r="E8429" s="15">
        <v>45410</v>
      </c>
      <c r="F8429" s="14" t="s">
        <v>25</v>
      </c>
      <c r="G8429" s="16">
        <v>0</v>
      </c>
    </row>
    <row r="8430" spans="1:7" x14ac:dyDescent="0.3">
      <c r="A8430" s="13" t="s">
        <v>75</v>
      </c>
      <c r="B8430" s="14" t="s">
        <v>1</v>
      </c>
      <c r="C8430" s="14" t="s">
        <v>51</v>
      </c>
      <c r="D8430" s="14" t="s">
        <v>76</v>
      </c>
      <c r="E8430" s="15">
        <v>45411</v>
      </c>
      <c r="F8430" s="14" t="s">
        <v>25</v>
      </c>
      <c r="G8430" s="16">
        <v>0</v>
      </c>
    </row>
    <row r="8431" spans="1:7" x14ac:dyDescent="0.3">
      <c r="A8431" s="13" t="s">
        <v>75</v>
      </c>
      <c r="B8431" s="14" t="s">
        <v>1</v>
      </c>
      <c r="C8431" s="14" t="s">
        <v>51</v>
      </c>
      <c r="D8431" s="14" t="s">
        <v>76</v>
      </c>
      <c r="E8431" s="15">
        <v>45412</v>
      </c>
      <c r="F8431" s="14" t="s">
        <v>25</v>
      </c>
      <c r="G8431" s="16">
        <v>0</v>
      </c>
    </row>
    <row r="8432" spans="1:7" x14ac:dyDescent="0.3">
      <c r="A8432" s="13" t="s">
        <v>75</v>
      </c>
      <c r="B8432" s="14" t="s">
        <v>1</v>
      </c>
      <c r="C8432" s="14" t="s">
        <v>51</v>
      </c>
      <c r="D8432" s="14" t="s">
        <v>76</v>
      </c>
      <c r="E8432" s="15">
        <v>45413</v>
      </c>
      <c r="F8432" s="14" t="s">
        <v>25</v>
      </c>
      <c r="G8432" s="16">
        <v>0</v>
      </c>
    </row>
    <row r="8433" spans="1:7" x14ac:dyDescent="0.3">
      <c r="A8433" s="13" t="s">
        <v>75</v>
      </c>
      <c r="B8433" s="14" t="s">
        <v>1</v>
      </c>
      <c r="C8433" s="14" t="s">
        <v>51</v>
      </c>
      <c r="D8433" s="14" t="s">
        <v>76</v>
      </c>
      <c r="E8433" s="15">
        <v>45414</v>
      </c>
      <c r="F8433" s="14" t="s">
        <v>25</v>
      </c>
      <c r="G8433" s="16">
        <v>0</v>
      </c>
    </row>
    <row r="8434" spans="1:7" x14ac:dyDescent="0.3">
      <c r="A8434" s="13" t="s">
        <v>75</v>
      </c>
      <c r="B8434" s="14" t="s">
        <v>1</v>
      </c>
      <c r="C8434" s="14" t="s">
        <v>51</v>
      </c>
      <c r="D8434" s="14" t="s">
        <v>76</v>
      </c>
      <c r="E8434" s="15">
        <v>45415</v>
      </c>
      <c r="F8434" s="14" t="s">
        <v>25</v>
      </c>
      <c r="G8434" s="16">
        <v>0</v>
      </c>
    </row>
    <row r="8435" spans="1:7" x14ac:dyDescent="0.3">
      <c r="A8435" s="13" t="s">
        <v>75</v>
      </c>
      <c r="B8435" s="14" t="s">
        <v>1</v>
      </c>
      <c r="C8435" s="14" t="s">
        <v>51</v>
      </c>
      <c r="D8435" s="14" t="s">
        <v>76</v>
      </c>
      <c r="E8435" s="15">
        <v>45416</v>
      </c>
      <c r="F8435" s="14" t="s">
        <v>25</v>
      </c>
      <c r="G8435" s="16">
        <v>0</v>
      </c>
    </row>
    <row r="8436" spans="1:7" x14ac:dyDescent="0.3">
      <c r="A8436" s="13" t="s">
        <v>75</v>
      </c>
      <c r="B8436" s="14" t="s">
        <v>1</v>
      </c>
      <c r="C8436" s="14" t="s">
        <v>51</v>
      </c>
      <c r="D8436" s="14" t="s">
        <v>76</v>
      </c>
      <c r="E8436" s="15">
        <v>45417</v>
      </c>
      <c r="F8436" s="14" t="s">
        <v>25</v>
      </c>
      <c r="G8436" s="16">
        <v>0</v>
      </c>
    </row>
    <row r="8437" spans="1:7" x14ac:dyDescent="0.3">
      <c r="A8437" s="13" t="s">
        <v>75</v>
      </c>
      <c r="B8437" s="14" t="s">
        <v>1</v>
      </c>
      <c r="C8437" s="14" t="s">
        <v>51</v>
      </c>
      <c r="D8437" s="14" t="s">
        <v>76</v>
      </c>
      <c r="E8437" s="15">
        <v>45418</v>
      </c>
      <c r="F8437" s="14" t="s">
        <v>25</v>
      </c>
      <c r="G8437" s="16">
        <v>0</v>
      </c>
    </row>
    <row r="8438" spans="1:7" x14ac:dyDescent="0.3">
      <c r="A8438" s="13" t="s">
        <v>75</v>
      </c>
      <c r="B8438" s="14" t="s">
        <v>1</v>
      </c>
      <c r="C8438" s="14" t="s">
        <v>51</v>
      </c>
      <c r="D8438" s="14" t="s">
        <v>76</v>
      </c>
      <c r="E8438" s="15">
        <v>45419</v>
      </c>
      <c r="F8438" s="14" t="s">
        <v>25</v>
      </c>
      <c r="G8438" s="16">
        <v>0</v>
      </c>
    </row>
    <row r="8439" spans="1:7" x14ac:dyDescent="0.3">
      <c r="A8439" s="13" t="s">
        <v>75</v>
      </c>
      <c r="B8439" s="14" t="s">
        <v>1</v>
      </c>
      <c r="C8439" s="14" t="s">
        <v>51</v>
      </c>
      <c r="D8439" s="14" t="s">
        <v>76</v>
      </c>
      <c r="E8439" s="15">
        <v>45420</v>
      </c>
      <c r="F8439" s="14" t="s">
        <v>25</v>
      </c>
      <c r="G8439" s="16">
        <v>0</v>
      </c>
    </row>
    <row r="8440" spans="1:7" x14ac:dyDescent="0.3">
      <c r="A8440" s="13" t="s">
        <v>75</v>
      </c>
      <c r="B8440" s="14" t="s">
        <v>1</v>
      </c>
      <c r="C8440" s="14" t="s">
        <v>51</v>
      </c>
      <c r="D8440" s="14" t="s">
        <v>76</v>
      </c>
      <c r="E8440" s="15">
        <v>45421</v>
      </c>
      <c r="F8440" s="14" t="s">
        <v>25</v>
      </c>
      <c r="G8440" s="16">
        <v>0</v>
      </c>
    </row>
    <row r="8441" spans="1:7" x14ac:dyDescent="0.3">
      <c r="A8441" s="13" t="s">
        <v>75</v>
      </c>
      <c r="B8441" s="14" t="s">
        <v>1</v>
      </c>
      <c r="C8441" s="14" t="s">
        <v>51</v>
      </c>
      <c r="D8441" s="14" t="s">
        <v>76</v>
      </c>
      <c r="E8441" s="15">
        <v>45422</v>
      </c>
      <c r="F8441" s="14" t="s">
        <v>25</v>
      </c>
      <c r="G8441" s="16">
        <v>0</v>
      </c>
    </row>
    <row r="8442" spans="1:7" x14ac:dyDescent="0.3">
      <c r="A8442" s="13" t="s">
        <v>75</v>
      </c>
      <c r="B8442" s="14" t="s">
        <v>1</v>
      </c>
      <c r="C8442" s="14" t="s">
        <v>51</v>
      </c>
      <c r="D8442" s="14" t="s">
        <v>76</v>
      </c>
      <c r="E8442" s="15">
        <v>45423</v>
      </c>
      <c r="F8442" s="14" t="s">
        <v>25</v>
      </c>
      <c r="G8442" s="16">
        <v>0</v>
      </c>
    </row>
    <row r="8443" spans="1:7" x14ac:dyDescent="0.3">
      <c r="A8443" s="13" t="s">
        <v>75</v>
      </c>
      <c r="B8443" s="14" t="s">
        <v>1</v>
      </c>
      <c r="C8443" s="14" t="s">
        <v>51</v>
      </c>
      <c r="D8443" s="14" t="s">
        <v>76</v>
      </c>
      <c r="E8443" s="15">
        <v>45424</v>
      </c>
      <c r="F8443" s="14" t="s">
        <v>25</v>
      </c>
      <c r="G8443" s="16">
        <v>0</v>
      </c>
    </row>
    <row r="8444" spans="1:7" x14ac:dyDescent="0.3">
      <c r="A8444" s="13" t="s">
        <v>75</v>
      </c>
      <c r="B8444" s="14" t="s">
        <v>1</v>
      </c>
      <c r="C8444" s="14" t="s">
        <v>51</v>
      </c>
      <c r="D8444" s="14" t="s">
        <v>76</v>
      </c>
      <c r="E8444" s="15">
        <v>45425</v>
      </c>
      <c r="F8444" s="14" t="s">
        <v>25</v>
      </c>
      <c r="G8444" s="16">
        <v>0</v>
      </c>
    </row>
    <row r="8445" spans="1:7" x14ac:dyDescent="0.3">
      <c r="A8445" s="13" t="s">
        <v>75</v>
      </c>
      <c r="B8445" s="14" t="s">
        <v>1</v>
      </c>
      <c r="C8445" s="14" t="s">
        <v>51</v>
      </c>
      <c r="D8445" s="14" t="s">
        <v>76</v>
      </c>
      <c r="E8445" s="15">
        <v>45426</v>
      </c>
      <c r="F8445" s="14" t="s">
        <v>25</v>
      </c>
      <c r="G8445" s="16">
        <v>0</v>
      </c>
    </row>
    <row r="8446" spans="1:7" x14ac:dyDescent="0.3">
      <c r="A8446" s="13" t="s">
        <v>75</v>
      </c>
      <c r="B8446" s="14" t="s">
        <v>1</v>
      </c>
      <c r="C8446" s="14" t="s">
        <v>51</v>
      </c>
      <c r="D8446" s="14" t="s">
        <v>76</v>
      </c>
      <c r="E8446" s="15">
        <v>45427</v>
      </c>
      <c r="F8446" s="14" t="s">
        <v>25</v>
      </c>
      <c r="G8446" s="16">
        <v>0</v>
      </c>
    </row>
    <row r="8447" spans="1:7" x14ac:dyDescent="0.3">
      <c r="A8447" s="13" t="s">
        <v>75</v>
      </c>
      <c r="B8447" s="14" t="s">
        <v>1</v>
      </c>
      <c r="C8447" s="14" t="s">
        <v>51</v>
      </c>
      <c r="D8447" s="14" t="s">
        <v>76</v>
      </c>
      <c r="E8447" s="15">
        <v>45428</v>
      </c>
      <c r="F8447" s="14" t="s">
        <v>25</v>
      </c>
      <c r="G8447" s="16">
        <v>0</v>
      </c>
    </row>
    <row r="8448" spans="1:7" x14ac:dyDescent="0.3">
      <c r="A8448" s="13" t="s">
        <v>75</v>
      </c>
      <c r="B8448" s="14" t="s">
        <v>1</v>
      </c>
      <c r="C8448" s="14" t="s">
        <v>51</v>
      </c>
      <c r="D8448" s="14" t="s">
        <v>76</v>
      </c>
      <c r="E8448" s="15">
        <v>45429</v>
      </c>
      <c r="F8448" s="14" t="s">
        <v>25</v>
      </c>
      <c r="G8448" s="16">
        <v>0</v>
      </c>
    </row>
    <row r="8449" spans="1:7" x14ac:dyDescent="0.3">
      <c r="A8449" s="13" t="s">
        <v>75</v>
      </c>
      <c r="B8449" s="14" t="s">
        <v>1</v>
      </c>
      <c r="C8449" s="14" t="s">
        <v>51</v>
      </c>
      <c r="D8449" s="14" t="s">
        <v>76</v>
      </c>
      <c r="E8449" s="15">
        <v>45430</v>
      </c>
      <c r="F8449" s="14" t="s">
        <v>25</v>
      </c>
      <c r="G8449" s="16">
        <v>0</v>
      </c>
    </row>
    <row r="8450" spans="1:7" x14ac:dyDescent="0.3">
      <c r="A8450" s="13" t="s">
        <v>75</v>
      </c>
      <c r="B8450" s="14" t="s">
        <v>1</v>
      </c>
      <c r="C8450" s="14" t="s">
        <v>51</v>
      </c>
      <c r="D8450" s="14" t="s">
        <v>76</v>
      </c>
      <c r="E8450" s="15">
        <v>45431</v>
      </c>
      <c r="F8450" s="14" t="s">
        <v>25</v>
      </c>
      <c r="G8450" s="16">
        <v>0</v>
      </c>
    </row>
    <row r="8451" spans="1:7" x14ac:dyDescent="0.3">
      <c r="A8451" s="13" t="s">
        <v>75</v>
      </c>
      <c r="B8451" s="14" t="s">
        <v>1</v>
      </c>
      <c r="C8451" s="14" t="s">
        <v>51</v>
      </c>
      <c r="D8451" s="14" t="s">
        <v>76</v>
      </c>
      <c r="E8451" s="15">
        <v>45432</v>
      </c>
      <c r="F8451" s="14" t="s">
        <v>25</v>
      </c>
      <c r="G8451" s="16">
        <v>0</v>
      </c>
    </row>
    <row r="8452" spans="1:7" x14ac:dyDescent="0.3">
      <c r="A8452" s="13" t="s">
        <v>75</v>
      </c>
      <c r="B8452" s="14" t="s">
        <v>1</v>
      </c>
      <c r="C8452" s="14" t="s">
        <v>51</v>
      </c>
      <c r="D8452" s="14" t="s">
        <v>76</v>
      </c>
      <c r="E8452" s="15">
        <v>45433</v>
      </c>
      <c r="F8452" s="14" t="s">
        <v>25</v>
      </c>
      <c r="G8452" s="16">
        <v>0</v>
      </c>
    </row>
    <row r="8453" spans="1:7" x14ac:dyDescent="0.3">
      <c r="A8453" s="13" t="s">
        <v>75</v>
      </c>
      <c r="B8453" s="14" t="s">
        <v>1</v>
      </c>
      <c r="C8453" s="14" t="s">
        <v>51</v>
      </c>
      <c r="D8453" s="14" t="s">
        <v>76</v>
      </c>
      <c r="E8453" s="15">
        <v>45434</v>
      </c>
      <c r="F8453" s="14" t="s">
        <v>25</v>
      </c>
      <c r="G8453" s="16">
        <v>0</v>
      </c>
    </row>
    <row r="8454" spans="1:7" x14ac:dyDescent="0.3">
      <c r="A8454" s="13" t="s">
        <v>75</v>
      </c>
      <c r="B8454" s="14" t="s">
        <v>1</v>
      </c>
      <c r="C8454" s="14" t="s">
        <v>51</v>
      </c>
      <c r="D8454" s="14" t="s">
        <v>76</v>
      </c>
      <c r="E8454" s="15">
        <v>45435</v>
      </c>
      <c r="F8454" s="14" t="s">
        <v>25</v>
      </c>
      <c r="G8454" s="16">
        <v>0</v>
      </c>
    </row>
    <row r="8455" spans="1:7" x14ac:dyDescent="0.3">
      <c r="A8455" s="13" t="s">
        <v>75</v>
      </c>
      <c r="B8455" s="14" t="s">
        <v>1</v>
      </c>
      <c r="C8455" s="14" t="s">
        <v>51</v>
      </c>
      <c r="D8455" s="14" t="s">
        <v>76</v>
      </c>
      <c r="E8455" s="15">
        <v>45436</v>
      </c>
      <c r="F8455" s="14" t="s">
        <v>25</v>
      </c>
      <c r="G8455" s="16">
        <v>0</v>
      </c>
    </row>
    <row r="8456" spans="1:7" x14ac:dyDescent="0.3">
      <c r="A8456" s="13" t="s">
        <v>75</v>
      </c>
      <c r="B8456" s="14" t="s">
        <v>1</v>
      </c>
      <c r="C8456" s="14" t="s">
        <v>51</v>
      </c>
      <c r="D8456" s="14" t="s">
        <v>76</v>
      </c>
      <c r="E8456" s="15">
        <v>45437</v>
      </c>
      <c r="F8456" s="14" t="s">
        <v>25</v>
      </c>
      <c r="G8456" s="16">
        <v>0</v>
      </c>
    </row>
    <row r="8457" spans="1:7" x14ac:dyDescent="0.3">
      <c r="A8457" s="13" t="s">
        <v>75</v>
      </c>
      <c r="B8457" s="14" t="s">
        <v>1</v>
      </c>
      <c r="C8457" s="14" t="s">
        <v>51</v>
      </c>
      <c r="D8457" s="14" t="s">
        <v>76</v>
      </c>
      <c r="E8457" s="15">
        <v>45438</v>
      </c>
      <c r="F8457" s="14" t="s">
        <v>25</v>
      </c>
      <c r="G8457" s="16">
        <v>0</v>
      </c>
    </row>
    <row r="8458" spans="1:7" x14ac:dyDescent="0.3">
      <c r="A8458" s="13" t="s">
        <v>75</v>
      </c>
      <c r="B8458" s="14" t="s">
        <v>1</v>
      </c>
      <c r="C8458" s="14" t="s">
        <v>51</v>
      </c>
      <c r="D8458" s="14" t="s">
        <v>76</v>
      </c>
      <c r="E8458" s="15">
        <v>45439</v>
      </c>
      <c r="F8458" s="14" t="s">
        <v>25</v>
      </c>
      <c r="G8458" s="16">
        <v>0</v>
      </c>
    </row>
    <row r="8459" spans="1:7" x14ac:dyDescent="0.3">
      <c r="A8459" s="13" t="s">
        <v>75</v>
      </c>
      <c r="B8459" s="14" t="s">
        <v>1</v>
      </c>
      <c r="C8459" s="14" t="s">
        <v>51</v>
      </c>
      <c r="D8459" s="14" t="s">
        <v>76</v>
      </c>
      <c r="E8459" s="15">
        <v>45440</v>
      </c>
      <c r="F8459" s="14" t="s">
        <v>25</v>
      </c>
      <c r="G8459" s="16">
        <v>0</v>
      </c>
    </row>
    <row r="8460" spans="1:7" x14ac:dyDescent="0.3">
      <c r="A8460" s="13" t="s">
        <v>75</v>
      </c>
      <c r="B8460" s="14" t="s">
        <v>1</v>
      </c>
      <c r="C8460" s="14" t="s">
        <v>51</v>
      </c>
      <c r="D8460" s="14" t="s">
        <v>76</v>
      </c>
      <c r="E8460" s="15">
        <v>45441</v>
      </c>
      <c r="F8460" s="14" t="s">
        <v>25</v>
      </c>
      <c r="G8460" s="16">
        <v>0</v>
      </c>
    </row>
    <row r="8461" spans="1:7" x14ac:dyDescent="0.3">
      <c r="A8461" s="13" t="s">
        <v>75</v>
      </c>
      <c r="B8461" s="14" t="s">
        <v>1</v>
      </c>
      <c r="C8461" s="14" t="s">
        <v>51</v>
      </c>
      <c r="D8461" s="14" t="s">
        <v>76</v>
      </c>
      <c r="E8461" s="15">
        <v>45442</v>
      </c>
      <c r="F8461" s="14" t="s">
        <v>25</v>
      </c>
      <c r="G8461" s="16">
        <v>0</v>
      </c>
    </row>
    <row r="8462" spans="1:7" x14ac:dyDescent="0.3">
      <c r="A8462" s="13" t="s">
        <v>75</v>
      </c>
      <c r="B8462" s="14" t="s">
        <v>1</v>
      </c>
      <c r="C8462" s="14" t="s">
        <v>51</v>
      </c>
      <c r="D8462" s="14" t="s">
        <v>76</v>
      </c>
      <c r="E8462" s="15">
        <v>45443</v>
      </c>
      <c r="F8462" s="14" t="s">
        <v>25</v>
      </c>
      <c r="G8462" s="16">
        <v>0</v>
      </c>
    </row>
    <row r="8463" spans="1:7" x14ac:dyDescent="0.3">
      <c r="A8463" s="13" t="s">
        <v>75</v>
      </c>
      <c r="B8463" s="14" t="s">
        <v>1</v>
      </c>
      <c r="C8463" s="14" t="s">
        <v>51</v>
      </c>
      <c r="D8463" s="14" t="s">
        <v>76</v>
      </c>
      <c r="E8463" s="15">
        <v>45444</v>
      </c>
      <c r="F8463" s="14" t="s">
        <v>25</v>
      </c>
      <c r="G8463" s="16">
        <v>0</v>
      </c>
    </row>
    <row r="8464" spans="1:7" x14ac:dyDescent="0.3">
      <c r="A8464" s="13" t="s">
        <v>75</v>
      </c>
      <c r="B8464" s="14" t="s">
        <v>1</v>
      </c>
      <c r="C8464" s="14" t="s">
        <v>51</v>
      </c>
      <c r="D8464" s="14" t="s">
        <v>76</v>
      </c>
      <c r="E8464" s="15">
        <v>45445</v>
      </c>
      <c r="F8464" s="14" t="s">
        <v>25</v>
      </c>
      <c r="G8464" s="16">
        <v>0</v>
      </c>
    </row>
    <row r="8465" spans="1:7" x14ac:dyDescent="0.3">
      <c r="A8465" s="13" t="s">
        <v>75</v>
      </c>
      <c r="B8465" s="14" t="s">
        <v>1</v>
      </c>
      <c r="C8465" s="14" t="s">
        <v>51</v>
      </c>
      <c r="D8465" s="14" t="s">
        <v>76</v>
      </c>
      <c r="E8465" s="15">
        <v>45446</v>
      </c>
      <c r="F8465" s="14" t="s">
        <v>25</v>
      </c>
      <c r="G8465" s="16">
        <v>0</v>
      </c>
    </row>
    <row r="8466" spans="1:7" x14ac:dyDescent="0.3">
      <c r="A8466" s="13" t="s">
        <v>75</v>
      </c>
      <c r="B8466" s="14" t="s">
        <v>1</v>
      </c>
      <c r="C8466" s="14" t="s">
        <v>51</v>
      </c>
      <c r="D8466" s="14" t="s">
        <v>76</v>
      </c>
      <c r="E8466" s="15">
        <v>45447</v>
      </c>
      <c r="F8466" s="14" t="s">
        <v>25</v>
      </c>
      <c r="G8466" s="16">
        <v>0</v>
      </c>
    </row>
    <row r="8467" spans="1:7" x14ac:dyDescent="0.3">
      <c r="A8467" s="13" t="s">
        <v>75</v>
      </c>
      <c r="B8467" s="14" t="s">
        <v>1</v>
      </c>
      <c r="C8467" s="14" t="s">
        <v>51</v>
      </c>
      <c r="D8467" s="14" t="s">
        <v>76</v>
      </c>
      <c r="E8467" s="15">
        <v>45448</v>
      </c>
      <c r="F8467" s="14" t="s">
        <v>25</v>
      </c>
      <c r="G8467" s="16">
        <v>0</v>
      </c>
    </row>
    <row r="8468" spans="1:7" x14ac:dyDescent="0.3">
      <c r="A8468" s="13" t="s">
        <v>75</v>
      </c>
      <c r="B8468" s="14" t="s">
        <v>1</v>
      </c>
      <c r="C8468" s="14" t="s">
        <v>51</v>
      </c>
      <c r="D8468" s="14" t="s">
        <v>76</v>
      </c>
      <c r="E8468" s="15">
        <v>45449</v>
      </c>
      <c r="F8468" s="14" t="s">
        <v>25</v>
      </c>
      <c r="G8468" s="16">
        <v>0</v>
      </c>
    </row>
    <row r="8469" spans="1:7" x14ac:dyDescent="0.3">
      <c r="A8469" s="13" t="s">
        <v>75</v>
      </c>
      <c r="B8469" s="14" t="s">
        <v>1</v>
      </c>
      <c r="C8469" s="14" t="s">
        <v>51</v>
      </c>
      <c r="D8469" s="14" t="s">
        <v>76</v>
      </c>
      <c r="E8469" s="15">
        <v>45450</v>
      </c>
      <c r="F8469" s="14" t="s">
        <v>25</v>
      </c>
      <c r="G8469" s="16">
        <v>0</v>
      </c>
    </row>
    <row r="8470" spans="1:7" x14ac:dyDescent="0.3">
      <c r="A8470" s="13" t="s">
        <v>75</v>
      </c>
      <c r="B8470" s="14" t="s">
        <v>1</v>
      </c>
      <c r="C8470" s="14" t="s">
        <v>51</v>
      </c>
      <c r="D8470" s="14" t="s">
        <v>76</v>
      </c>
      <c r="E8470" s="15">
        <v>45451</v>
      </c>
      <c r="F8470" s="14" t="s">
        <v>25</v>
      </c>
      <c r="G8470" s="16">
        <v>0</v>
      </c>
    </row>
    <row r="8471" spans="1:7" x14ac:dyDescent="0.3">
      <c r="A8471" s="13" t="s">
        <v>75</v>
      </c>
      <c r="B8471" s="14" t="s">
        <v>1</v>
      </c>
      <c r="C8471" s="14" t="s">
        <v>51</v>
      </c>
      <c r="D8471" s="14" t="s">
        <v>76</v>
      </c>
      <c r="E8471" s="15">
        <v>45452</v>
      </c>
      <c r="F8471" s="14" t="s">
        <v>25</v>
      </c>
      <c r="G8471" s="16">
        <v>0</v>
      </c>
    </row>
    <row r="8472" spans="1:7" x14ac:dyDescent="0.3">
      <c r="A8472" s="13" t="s">
        <v>75</v>
      </c>
      <c r="B8472" s="14" t="s">
        <v>1</v>
      </c>
      <c r="C8472" s="14" t="s">
        <v>51</v>
      </c>
      <c r="D8472" s="14" t="s">
        <v>76</v>
      </c>
      <c r="E8472" s="15">
        <v>45453</v>
      </c>
      <c r="F8472" s="14" t="s">
        <v>25</v>
      </c>
      <c r="G8472" s="16">
        <v>0</v>
      </c>
    </row>
    <row r="8473" spans="1:7" x14ac:dyDescent="0.3">
      <c r="A8473" s="13" t="s">
        <v>75</v>
      </c>
      <c r="B8473" s="14" t="s">
        <v>1</v>
      </c>
      <c r="C8473" s="14" t="s">
        <v>51</v>
      </c>
      <c r="D8473" s="14" t="s">
        <v>76</v>
      </c>
      <c r="E8473" s="15">
        <v>45454</v>
      </c>
      <c r="F8473" s="14" t="s">
        <v>25</v>
      </c>
      <c r="G8473" s="16">
        <v>0</v>
      </c>
    </row>
    <row r="8474" spans="1:7" x14ac:dyDescent="0.3">
      <c r="A8474" s="13" t="s">
        <v>75</v>
      </c>
      <c r="B8474" s="14" t="s">
        <v>1</v>
      </c>
      <c r="C8474" s="14" t="s">
        <v>51</v>
      </c>
      <c r="D8474" s="14" t="s">
        <v>76</v>
      </c>
      <c r="E8474" s="15">
        <v>45455</v>
      </c>
      <c r="F8474" s="14" t="s">
        <v>25</v>
      </c>
      <c r="G8474" s="16">
        <v>0</v>
      </c>
    </row>
    <row r="8475" spans="1:7" x14ac:dyDescent="0.3">
      <c r="A8475" s="13" t="s">
        <v>75</v>
      </c>
      <c r="B8475" s="14" t="s">
        <v>1</v>
      </c>
      <c r="C8475" s="14" t="s">
        <v>51</v>
      </c>
      <c r="D8475" s="14" t="s">
        <v>76</v>
      </c>
      <c r="E8475" s="15">
        <v>45456</v>
      </c>
      <c r="F8475" s="14" t="s">
        <v>25</v>
      </c>
      <c r="G8475" s="16">
        <v>0</v>
      </c>
    </row>
    <row r="8476" spans="1:7" x14ac:dyDescent="0.3">
      <c r="A8476" s="13" t="s">
        <v>75</v>
      </c>
      <c r="B8476" s="14" t="s">
        <v>1</v>
      </c>
      <c r="C8476" s="14" t="s">
        <v>51</v>
      </c>
      <c r="D8476" s="14" t="s">
        <v>76</v>
      </c>
      <c r="E8476" s="15">
        <v>45457</v>
      </c>
      <c r="F8476" s="14" t="s">
        <v>25</v>
      </c>
      <c r="G8476" s="16">
        <v>0</v>
      </c>
    </row>
    <row r="8477" spans="1:7" x14ac:dyDescent="0.3">
      <c r="A8477" s="13" t="s">
        <v>75</v>
      </c>
      <c r="B8477" s="14" t="s">
        <v>1</v>
      </c>
      <c r="C8477" s="14" t="s">
        <v>51</v>
      </c>
      <c r="D8477" s="14" t="s">
        <v>76</v>
      </c>
      <c r="E8477" s="15">
        <v>45458</v>
      </c>
      <c r="F8477" s="14" t="s">
        <v>25</v>
      </c>
      <c r="G8477" s="16">
        <v>0</v>
      </c>
    </row>
    <row r="8478" spans="1:7" x14ac:dyDescent="0.3">
      <c r="A8478" s="13" t="s">
        <v>75</v>
      </c>
      <c r="B8478" s="14" t="s">
        <v>1</v>
      </c>
      <c r="C8478" s="14" t="s">
        <v>51</v>
      </c>
      <c r="D8478" s="14" t="s">
        <v>76</v>
      </c>
      <c r="E8478" s="15">
        <v>45459</v>
      </c>
      <c r="F8478" s="14" t="s">
        <v>25</v>
      </c>
      <c r="G8478" s="16">
        <v>0</v>
      </c>
    </row>
    <row r="8479" spans="1:7" x14ac:dyDescent="0.3">
      <c r="A8479" s="13" t="s">
        <v>75</v>
      </c>
      <c r="B8479" s="14" t="s">
        <v>1</v>
      </c>
      <c r="C8479" s="14" t="s">
        <v>51</v>
      </c>
      <c r="D8479" s="14" t="s">
        <v>76</v>
      </c>
      <c r="E8479" s="15">
        <v>45460</v>
      </c>
      <c r="F8479" s="14" t="s">
        <v>25</v>
      </c>
      <c r="G8479" s="16">
        <v>0</v>
      </c>
    </row>
    <row r="8480" spans="1:7" x14ac:dyDescent="0.3">
      <c r="A8480" s="13" t="s">
        <v>75</v>
      </c>
      <c r="B8480" s="14" t="s">
        <v>1</v>
      </c>
      <c r="C8480" s="14" t="s">
        <v>51</v>
      </c>
      <c r="D8480" s="14" t="s">
        <v>76</v>
      </c>
      <c r="E8480" s="15">
        <v>45461</v>
      </c>
      <c r="F8480" s="14" t="s">
        <v>25</v>
      </c>
      <c r="G8480" s="16">
        <v>0</v>
      </c>
    </row>
    <row r="8481" spans="1:7" x14ac:dyDescent="0.3">
      <c r="A8481" s="13" t="s">
        <v>75</v>
      </c>
      <c r="B8481" s="14" t="s">
        <v>1</v>
      </c>
      <c r="C8481" s="14" t="s">
        <v>51</v>
      </c>
      <c r="D8481" s="14" t="s">
        <v>76</v>
      </c>
      <c r="E8481" s="15">
        <v>45462</v>
      </c>
      <c r="F8481" s="14" t="s">
        <v>25</v>
      </c>
      <c r="G8481" s="16">
        <v>0</v>
      </c>
    </row>
    <row r="8482" spans="1:7" x14ac:dyDescent="0.3">
      <c r="A8482" s="13" t="s">
        <v>75</v>
      </c>
      <c r="B8482" s="14" t="s">
        <v>1</v>
      </c>
      <c r="C8482" s="14" t="s">
        <v>51</v>
      </c>
      <c r="D8482" s="14" t="s">
        <v>76</v>
      </c>
      <c r="E8482" s="15">
        <v>45463</v>
      </c>
      <c r="F8482" s="14" t="s">
        <v>25</v>
      </c>
      <c r="G8482" s="16">
        <v>0</v>
      </c>
    </row>
    <row r="8483" spans="1:7" x14ac:dyDescent="0.3">
      <c r="A8483" s="13" t="s">
        <v>75</v>
      </c>
      <c r="B8483" s="14" t="s">
        <v>1</v>
      </c>
      <c r="C8483" s="14" t="s">
        <v>51</v>
      </c>
      <c r="D8483" s="14" t="s">
        <v>76</v>
      </c>
      <c r="E8483" s="15">
        <v>45464</v>
      </c>
      <c r="F8483" s="14" t="s">
        <v>25</v>
      </c>
      <c r="G8483" s="16">
        <v>0</v>
      </c>
    </row>
    <row r="8484" spans="1:7" x14ac:dyDescent="0.3">
      <c r="A8484" s="13" t="s">
        <v>75</v>
      </c>
      <c r="B8484" s="14" t="s">
        <v>1</v>
      </c>
      <c r="C8484" s="14" t="s">
        <v>51</v>
      </c>
      <c r="D8484" s="14" t="s">
        <v>76</v>
      </c>
      <c r="E8484" s="15">
        <v>45465</v>
      </c>
      <c r="F8484" s="14" t="s">
        <v>25</v>
      </c>
      <c r="G8484" s="16">
        <v>0</v>
      </c>
    </row>
    <row r="8485" spans="1:7" x14ac:dyDescent="0.3">
      <c r="A8485" s="13" t="s">
        <v>75</v>
      </c>
      <c r="B8485" s="14" t="s">
        <v>1</v>
      </c>
      <c r="C8485" s="14" t="s">
        <v>51</v>
      </c>
      <c r="D8485" s="14" t="s">
        <v>76</v>
      </c>
      <c r="E8485" s="15">
        <v>45466</v>
      </c>
      <c r="F8485" s="14" t="s">
        <v>25</v>
      </c>
      <c r="G8485" s="16">
        <v>0</v>
      </c>
    </row>
    <row r="8486" spans="1:7" x14ac:dyDescent="0.3">
      <c r="A8486" s="13" t="s">
        <v>75</v>
      </c>
      <c r="B8486" s="14" t="s">
        <v>1</v>
      </c>
      <c r="C8486" s="14" t="s">
        <v>51</v>
      </c>
      <c r="D8486" s="14" t="s">
        <v>76</v>
      </c>
      <c r="E8486" s="15">
        <v>45467</v>
      </c>
      <c r="F8486" s="14" t="s">
        <v>25</v>
      </c>
      <c r="G8486" s="16">
        <v>0</v>
      </c>
    </row>
    <row r="8487" spans="1:7" x14ac:dyDescent="0.3">
      <c r="A8487" s="13" t="s">
        <v>75</v>
      </c>
      <c r="B8487" s="14" t="s">
        <v>1</v>
      </c>
      <c r="C8487" s="14" t="s">
        <v>51</v>
      </c>
      <c r="D8487" s="14" t="s">
        <v>76</v>
      </c>
      <c r="E8487" s="15">
        <v>45468</v>
      </c>
      <c r="F8487" s="14" t="s">
        <v>25</v>
      </c>
      <c r="G8487" s="16">
        <v>0</v>
      </c>
    </row>
    <row r="8488" spans="1:7" x14ac:dyDescent="0.3">
      <c r="A8488" s="13" t="s">
        <v>75</v>
      </c>
      <c r="B8488" s="14" t="s">
        <v>1</v>
      </c>
      <c r="C8488" s="14" t="s">
        <v>51</v>
      </c>
      <c r="D8488" s="14" t="s">
        <v>76</v>
      </c>
      <c r="E8488" s="15">
        <v>45469</v>
      </c>
      <c r="F8488" s="14" t="s">
        <v>25</v>
      </c>
      <c r="G8488" s="16">
        <v>0</v>
      </c>
    </row>
    <row r="8489" spans="1:7" x14ac:dyDescent="0.3">
      <c r="A8489" s="13" t="s">
        <v>75</v>
      </c>
      <c r="B8489" s="14" t="s">
        <v>1</v>
      </c>
      <c r="C8489" s="14" t="s">
        <v>51</v>
      </c>
      <c r="D8489" s="14" t="s">
        <v>76</v>
      </c>
      <c r="E8489" s="15">
        <v>45470</v>
      </c>
      <c r="F8489" s="14" t="s">
        <v>25</v>
      </c>
      <c r="G8489" s="16">
        <v>0</v>
      </c>
    </row>
    <row r="8490" spans="1:7" x14ac:dyDescent="0.3">
      <c r="A8490" s="13" t="s">
        <v>75</v>
      </c>
      <c r="B8490" s="14" t="s">
        <v>1</v>
      </c>
      <c r="C8490" s="14" t="s">
        <v>51</v>
      </c>
      <c r="D8490" s="14" t="s">
        <v>76</v>
      </c>
      <c r="E8490" s="15">
        <v>45471</v>
      </c>
      <c r="F8490" s="14" t="s">
        <v>25</v>
      </c>
      <c r="G8490" s="16">
        <v>0</v>
      </c>
    </row>
    <row r="8491" spans="1:7" x14ac:dyDescent="0.3">
      <c r="A8491" s="13" t="s">
        <v>75</v>
      </c>
      <c r="B8491" s="14" t="s">
        <v>1</v>
      </c>
      <c r="C8491" s="14" t="s">
        <v>51</v>
      </c>
      <c r="D8491" s="14" t="s">
        <v>76</v>
      </c>
      <c r="E8491" s="15">
        <v>45472</v>
      </c>
      <c r="F8491" s="14" t="s">
        <v>25</v>
      </c>
      <c r="G8491" s="16">
        <v>0</v>
      </c>
    </row>
    <row r="8492" spans="1:7" x14ac:dyDescent="0.3">
      <c r="A8492" s="13" t="s">
        <v>75</v>
      </c>
      <c r="B8492" s="14" t="s">
        <v>1</v>
      </c>
      <c r="C8492" s="14" t="s">
        <v>51</v>
      </c>
      <c r="D8492" s="14" t="s">
        <v>76</v>
      </c>
      <c r="E8492" s="15">
        <v>45473</v>
      </c>
      <c r="F8492" s="14" t="s">
        <v>25</v>
      </c>
      <c r="G8492" s="16">
        <v>0</v>
      </c>
    </row>
    <row r="8493" spans="1:7" x14ac:dyDescent="0.3">
      <c r="A8493" s="13" t="s">
        <v>75</v>
      </c>
      <c r="B8493" s="14" t="s">
        <v>1</v>
      </c>
      <c r="C8493" s="14" t="s">
        <v>51</v>
      </c>
      <c r="D8493" s="14" t="s">
        <v>76</v>
      </c>
      <c r="E8493" s="15">
        <v>45474</v>
      </c>
      <c r="F8493" s="14" t="s">
        <v>25</v>
      </c>
      <c r="G8493" s="16">
        <v>0</v>
      </c>
    </row>
    <row r="8494" spans="1:7" x14ac:dyDescent="0.3">
      <c r="A8494" s="13" t="s">
        <v>75</v>
      </c>
      <c r="B8494" s="14" t="s">
        <v>1</v>
      </c>
      <c r="C8494" s="14" t="s">
        <v>51</v>
      </c>
      <c r="D8494" s="14" t="s">
        <v>76</v>
      </c>
      <c r="E8494" s="15">
        <v>45475</v>
      </c>
      <c r="F8494" s="14" t="s">
        <v>25</v>
      </c>
      <c r="G8494" s="16">
        <v>0</v>
      </c>
    </row>
    <row r="8495" spans="1:7" x14ac:dyDescent="0.3">
      <c r="A8495" s="13" t="s">
        <v>75</v>
      </c>
      <c r="B8495" s="14" t="s">
        <v>1</v>
      </c>
      <c r="C8495" s="14" t="s">
        <v>51</v>
      </c>
      <c r="D8495" s="14" t="s">
        <v>76</v>
      </c>
      <c r="E8495" s="15">
        <v>45476</v>
      </c>
      <c r="F8495" s="14" t="s">
        <v>25</v>
      </c>
      <c r="G8495" s="16">
        <v>0</v>
      </c>
    </row>
    <row r="8496" spans="1:7" x14ac:dyDescent="0.3">
      <c r="A8496" s="13" t="s">
        <v>75</v>
      </c>
      <c r="B8496" s="14" t="s">
        <v>1</v>
      </c>
      <c r="C8496" s="14" t="s">
        <v>51</v>
      </c>
      <c r="D8496" s="14" t="s">
        <v>76</v>
      </c>
      <c r="E8496" s="15">
        <v>45477</v>
      </c>
      <c r="F8496" s="14" t="s">
        <v>25</v>
      </c>
      <c r="G8496" s="16">
        <v>0</v>
      </c>
    </row>
    <row r="8497" spans="1:7" x14ac:dyDescent="0.3">
      <c r="A8497" s="13" t="s">
        <v>75</v>
      </c>
      <c r="B8497" s="14" t="s">
        <v>1</v>
      </c>
      <c r="C8497" s="14" t="s">
        <v>51</v>
      </c>
      <c r="D8497" s="14" t="s">
        <v>76</v>
      </c>
      <c r="E8497" s="15">
        <v>45478</v>
      </c>
      <c r="F8497" s="14" t="s">
        <v>25</v>
      </c>
      <c r="G8497" s="16">
        <v>0</v>
      </c>
    </row>
    <row r="8498" spans="1:7" x14ac:dyDescent="0.3">
      <c r="A8498" s="13" t="s">
        <v>75</v>
      </c>
      <c r="B8498" s="14" t="s">
        <v>1</v>
      </c>
      <c r="C8498" s="14" t="s">
        <v>51</v>
      </c>
      <c r="D8498" s="14" t="s">
        <v>76</v>
      </c>
      <c r="E8498" s="15">
        <v>45479</v>
      </c>
      <c r="F8498" s="14" t="s">
        <v>25</v>
      </c>
      <c r="G8498" s="16">
        <v>0</v>
      </c>
    </row>
    <row r="8499" spans="1:7" x14ac:dyDescent="0.3">
      <c r="A8499" s="13" t="s">
        <v>75</v>
      </c>
      <c r="B8499" s="14" t="s">
        <v>1</v>
      </c>
      <c r="C8499" s="14" t="s">
        <v>51</v>
      </c>
      <c r="D8499" s="14" t="s">
        <v>76</v>
      </c>
      <c r="E8499" s="15">
        <v>45480</v>
      </c>
      <c r="F8499" s="14" t="s">
        <v>25</v>
      </c>
      <c r="G8499" s="16">
        <v>0</v>
      </c>
    </row>
    <row r="8500" spans="1:7" x14ac:dyDescent="0.3">
      <c r="A8500" s="13" t="s">
        <v>75</v>
      </c>
      <c r="B8500" s="14" t="s">
        <v>1</v>
      </c>
      <c r="C8500" s="14" t="s">
        <v>51</v>
      </c>
      <c r="D8500" s="14" t="s">
        <v>76</v>
      </c>
      <c r="E8500" s="15">
        <v>45481</v>
      </c>
      <c r="F8500" s="14" t="s">
        <v>25</v>
      </c>
      <c r="G8500" s="16">
        <v>0</v>
      </c>
    </row>
    <row r="8501" spans="1:7" x14ac:dyDescent="0.3">
      <c r="A8501" s="13" t="s">
        <v>75</v>
      </c>
      <c r="B8501" s="14" t="s">
        <v>1</v>
      </c>
      <c r="C8501" s="14" t="s">
        <v>51</v>
      </c>
      <c r="D8501" s="14" t="s">
        <v>76</v>
      </c>
      <c r="E8501" s="15">
        <v>45482</v>
      </c>
      <c r="F8501" s="14" t="s">
        <v>25</v>
      </c>
      <c r="G8501" s="16">
        <v>0</v>
      </c>
    </row>
    <row r="8502" spans="1:7" x14ac:dyDescent="0.3">
      <c r="A8502" s="13" t="s">
        <v>75</v>
      </c>
      <c r="B8502" s="14" t="s">
        <v>1</v>
      </c>
      <c r="C8502" s="14" t="s">
        <v>51</v>
      </c>
      <c r="D8502" s="14" t="s">
        <v>76</v>
      </c>
      <c r="E8502" s="15">
        <v>45483</v>
      </c>
      <c r="F8502" s="14" t="s">
        <v>25</v>
      </c>
      <c r="G8502" s="16">
        <v>0</v>
      </c>
    </row>
    <row r="8503" spans="1:7" x14ac:dyDescent="0.3">
      <c r="A8503" s="13" t="s">
        <v>75</v>
      </c>
      <c r="B8503" s="14" t="s">
        <v>1</v>
      </c>
      <c r="C8503" s="14" t="s">
        <v>51</v>
      </c>
      <c r="D8503" s="14" t="s">
        <v>76</v>
      </c>
      <c r="E8503" s="15">
        <v>45484</v>
      </c>
      <c r="F8503" s="14" t="s">
        <v>25</v>
      </c>
      <c r="G8503" s="16">
        <v>0</v>
      </c>
    </row>
    <row r="8504" spans="1:7" x14ac:dyDescent="0.3">
      <c r="A8504" s="13" t="s">
        <v>75</v>
      </c>
      <c r="B8504" s="14" t="s">
        <v>1</v>
      </c>
      <c r="C8504" s="14" t="s">
        <v>51</v>
      </c>
      <c r="D8504" s="14" t="s">
        <v>76</v>
      </c>
      <c r="E8504" s="15">
        <v>45485</v>
      </c>
      <c r="F8504" s="14" t="s">
        <v>25</v>
      </c>
      <c r="G8504" s="16">
        <v>0</v>
      </c>
    </row>
    <row r="8505" spans="1:7" x14ac:dyDescent="0.3">
      <c r="A8505" s="13" t="s">
        <v>75</v>
      </c>
      <c r="B8505" s="14" t="s">
        <v>1</v>
      </c>
      <c r="C8505" s="14" t="s">
        <v>51</v>
      </c>
      <c r="D8505" s="14" t="s">
        <v>76</v>
      </c>
      <c r="E8505" s="15">
        <v>45486</v>
      </c>
      <c r="F8505" s="14" t="s">
        <v>25</v>
      </c>
      <c r="G8505" s="16">
        <v>0</v>
      </c>
    </row>
    <row r="8506" spans="1:7" x14ac:dyDescent="0.3">
      <c r="A8506" s="13" t="s">
        <v>75</v>
      </c>
      <c r="B8506" s="14" t="s">
        <v>1</v>
      </c>
      <c r="C8506" s="14" t="s">
        <v>51</v>
      </c>
      <c r="D8506" s="14" t="s">
        <v>76</v>
      </c>
      <c r="E8506" s="15">
        <v>45487</v>
      </c>
      <c r="F8506" s="14" t="s">
        <v>25</v>
      </c>
      <c r="G8506" s="16">
        <v>0</v>
      </c>
    </row>
    <row r="8507" spans="1:7" x14ac:dyDescent="0.3">
      <c r="A8507" s="13" t="s">
        <v>75</v>
      </c>
      <c r="B8507" s="14" t="s">
        <v>1</v>
      </c>
      <c r="C8507" s="14" t="s">
        <v>51</v>
      </c>
      <c r="D8507" s="14" t="s">
        <v>76</v>
      </c>
      <c r="E8507" s="15">
        <v>45488</v>
      </c>
      <c r="F8507" s="14" t="s">
        <v>25</v>
      </c>
      <c r="G8507" s="16">
        <v>1.0428548087979669E-3</v>
      </c>
    </row>
    <row r="8508" spans="1:7" x14ac:dyDescent="0.3">
      <c r="A8508" s="13" t="s">
        <v>75</v>
      </c>
      <c r="B8508" s="14" t="s">
        <v>1</v>
      </c>
      <c r="C8508" s="14" t="s">
        <v>51</v>
      </c>
      <c r="D8508" s="14" t="s">
        <v>76</v>
      </c>
      <c r="E8508" s="15">
        <v>45489</v>
      </c>
      <c r="F8508" s="14" t="s">
        <v>25</v>
      </c>
      <c r="G8508" s="16">
        <v>0</v>
      </c>
    </row>
    <row r="8509" spans="1:7" x14ac:dyDescent="0.3">
      <c r="A8509" s="13" t="s">
        <v>75</v>
      </c>
      <c r="B8509" s="14" t="s">
        <v>1</v>
      </c>
      <c r="C8509" s="14" t="s">
        <v>51</v>
      </c>
      <c r="D8509" s="14" t="s">
        <v>76</v>
      </c>
      <c r="E8509" s="15">
        <v>45490</v>
      </c>
      <c r="F8509" s="14" t="s">
        <v>25</v>
      </c>
      <c r="G8509" s="16">
        <v>0</v>
      </c>
    </row>
    <row r="8510" spans="1:7" x14ac:dyDescent="0.3">
      <c r="A8510" s="13" t="s">
        <v>75</v>
      </c>
      <c r="B8510" s="14" t="s">
        <v>1</v>
      </c>
      <c r="C8510" s="14" t="s">
        <v>51</v>
      </c>
      <c r="D8510" s="14" t="s">
        <v>76</v>
      </c>
      <c r="E8510" s="15">
        <v>45491</v>
      </c>
      <c r="F8510" s="14" t="s">
        <v>25</v>
      </c>
      <c r="G8510" s="16">
        <v>0</v>
      </c>
    </row>
    <row r="8511" spans="1:7" x14ac:dyDescent="0.3">
      <c r="A8511" s="13" t="s">
        <v>75</v>
      </c>
      <c r="B8511" s="14" t="s">
        <v>1</v>
      </c>
      <c r="C8511" s="14" t="s">
        <v>51</v>
      </c>
      <c r="D8511" s="14" t="s">
        <v>76</v>
      </c>
      <c r="E8511" s="15">
        <v>45492</v>
      </c>
      <c r="F8511" s="14" t="s">
        <v>25</v>
      </c>
      <c r="G8511" s="16">
        <v>0</v>
      </c>
    </row>
    <row r="8512" spans="1:7" x14ac:dyDescent="0.3">
      <c r="A8512" s="13" t="s">
        <v>75</v>
      </c>
      <c r="B8512" s="14" t="s">
        <v>1</v>
      </c>
      <c r="C8512" s="14" t="s">
        <v>51</v>
      </c>
      <c r="D8512" s="14" t="s">
        <v>76</v>
      </c>
      <c r="E8512" s="15">
        <v>45493</v>
      </c>
      <c r="F8512" s="14" t="s">
        <v>25</v>
      </c>
      <c r="G8512" s="16">
        <v>0</v>
      </c>
    </row>
    <row r="8513" spans="1:7" x14ac:dyDescent="0.3">
      <c r="A8513" s="13" t="s">
        <v>75</v>
      </c>
      <c r="B8513" s="14" t="s">
        <v>1</v>
      </c>
      <c r="C8513" s="14" t="s">
        <v>51</v>
      </c>
      <c r="D8513" s="14" t="s">
        <v>76</v>
      </c>
      <c r="E8513" s="15">
        <v>45494</v>
      </c>
      <c r="F8513" s="14" t="s">
        <v>25</v>
      </c>
      <c r="G8513" s="16">
        <v>0</v>
      </c>
    </row>
    <row r="8514" spans="1:7" x14ac:dyDescent="0.3">
      <c r="A8514" s="13" t="s">
        <v>75</v>
      </c>
      <c r="B8514" s="14" t="s">
        <v>1</v>
      </c>
      <c r="C8514" s="14" t="s">
        <v>51</v>
      </c>
      <c r="D8514" s="14" t="s">
        <v>76</v>
      </c>
      <c r="E8514" s="15">
        <v>45495</v>
      </c>
      <c r="F8514" s="14" t="s">
        <v>25</v>
      </c>
      <c r="G8514" s="16">
        <v>0</v>
      </c>
    </row>
    <row r="8515" spans="1:7" x14ac:dyDescent="0.3">
      <c r="A8515" s="13" t="s">
        <v>75</v>
      </c>
      <c r="B8515" s="14" t="s">
        <v>1</v>
      </c>
      <c r="C8515" s="14" t="s">
        <v>51</v>
      </c>
      <c r="D8515" s="14" t="s">
        <v>76</v>
      </c>
      <c r="E8515" s="15">
        <v>45496</v>
      </c>
      <c r="F8515" s="14" t="s">
        <v>25</v>
      </c>
      <c r="G8515" s="16">
        <v>0</v>
      </c>
    </row>
    <row r="8516" spans="1:7" x14ac:dyDescent="0.3">
      <c r="A8516" s="13" t="s">
        <v>75</v>
      </c>
      <c r="B8516" s="14" t="s">
        <v>1</v>
      </c>
      <c r="C8516" s="14" t="s">
        <v>51</v>
      </c>
      <c r="D8516" s="14" t="s">
        <v>76</v>
      </c>
      <c r="E8516" s="15">
        <v>45497</v>
      </c>
      <c r="F8516" s="14" t="s">
        <v>25</v>
      </c>
      <c r="G8516" s="16">
        <v>0</v>
      </c>
    </row>
    <row r="8517" spans="1:7" x14ac:dyDescent="0.3">
      <c r="A8517" s="13" t="s">
        <v>75</v>
      </c>
      <c r="B8517" s="14" t="s">
        <v>1</v>
      </c>
      <c r="C8517" s="14" t="s">
        <v>51</v>
      </c>
      <c r="D8517" s="14" t="s">
        <v>76</v>
      </c>
      <c r="E8517" s="15">
        <v>45498</v>
      </c>
      <c r="F8517" s="14" t="s">
        <v>25</v>
      </c>
      <c r="G8517" s="16">
        <v>0</v>
      </c>
    </row>
    <row r="8518" spans="1:7" x14ac:dyDescent="0.3">
      <c r="A8518" s="13" t="s">
        <v>75</v>
      </c>
      <c r="B8518" s="14" t="s">
        <v>1</v>
      </c>
      <c r="C8518" s="14" t="s">
        <v>51</v>
      </c>
      <c r="D8518" s="14" t="s">
        <v>76</v>
      </c>
      <c r="E8518" s="15">
        <v>45499</v>
      </c>
      <c r="F8518" s="14" t="s">
        <v>25</v>
      </c>
      <c r="G8518" s="16">
        <v>0</v>
      </c>
    </row>
    <row r="8519" spans="1:7" x14ac:dyDescent="0.3">
      <c r="A8519" s="13" t="s">
        <v>75</v>
      </c>
      <c r="B8519" s="14" t="s">
        <v>1</v>
      </c>
      <c r="C8519" s="14" t="s">
        <v>51</v>
      </c>
      <c r="D8519" s="14" t="s">
        <v>76</v>
      </c>
      <c r="E8519" s="15">
        <v>45500</v>
      </c>
      <c r="F8519" s="14" t="s">
        <v>25</v>
      </c>
      <c r="G8519" s="16">
        <v>0</v>
      </c>
    </row>
    <row r="8520" spans="1:7" x14ac:dyDescent="0.3">
      <c r="A8520" s="13" t="s">
        <v>75</v>
      </c>
      <c r="B8520" s="14" t="s">
        <v>1</v>
      </c>
      <c r="C8520" s="14" t="s">
        <v>51</v>
      </c>
      <c r="D8520" s="14" t="s">
        <v>76</v>
      </c>
      <c r="E8520" s="15">
        <v>45501</v>
      </c>
      <c r="F8520" s="14" t="s">
        <v>25</v>
      </c>
      <c r="G8520" s="16">
        <v>0</v>
      </c>
    </row>
    <row r="8521" spans="1:7" x14ac:dyDescent="0.3">
      <c r="A8521" s="13" t="s">
        <v>75</v>
      </c>
      <c r="B8521" s="14" t="s">
        <v>1</v>
      </c>
      <c r="C8521" s="14" t="s">
        <v>51</v>
      </c>
      <c r="D8521" s="14" t="s">
        <v>76</v>
      </c>
      <c r="E8521" s="15">
        <v>45502</v>
      </c>
      <c r="F8521" s="14" t="s">
        <v>25</v>
      </c>
      <c r="G8521" s="16">
        <v>0</v>
      </c>
    </row>
    <row r="8522" spans="1:7" x14ac:dyDescent="0.3">
      <c r="A8522" s="13" t="s">
        <v>75</v>
      </c>
      <c r="B8522" s="14" t="s">
        <v>1</v>
      </c>
      <c r="C8522" s="14" t="s">
        <v>51</v>
      </c>
      <c r="D8522" s="14" t="s">
        <v>76</v>
      </c>
      <c r="E8522" s="15">
        <v>45503</v>
      </c>
      <c r="F8522" s="14" t="s">
        <v>25</v>
      </c>
      <c r="G8522" s="16">
        <v>0</v>
      </c>
    </row>
    <row r="8523" spans="1:7" x14ac:dyDescent="0.3">
      <c r="A8523" s="13" t="s">
        <v>75</v>
      </c>
      <c r="B8523" s="14" t="s">
        <v>1</v>
      </c>
      <c r="C8523" s="14" t="s">
        <v>51</v>
      </c>
      <c r="D8523" s="14" t="s">
        <v>76</v>
      </c>
      <c r="E8523" s="15">
        <v>45504</v>
      </c>
      <c r="F8523" s="14" t="s">
        <v>25</v>
      </c>
      <c r="G8523" s="16">
        <v>0</v>
      </c>
    </row>
    <row r="8524" spans="1:7" x14ac:dyDescent="0.3">
      <c r="A8524" s="13" t="s">
        <v>75</v>
      </c>
      <c r="B8524" s="14" t="s">
        <v>1</v>
      </c>
      <c r="C8524" s="14" t="s">
        <v>51</v>
      </c>
      <c r="D8524" s="14" t="s">
        <v>76</v>
      </c>
      <c r="E8524" s="15">
        <v>45505</v>
      </c>
      <c r="F8524" s="14" t="s">
        <v>25</v>
      </c>
      <c r="G8524" s="16">
        <v>0</v>
      </c>
    </row>
    <row r="8525" spans="1:7" x14ac:dyDescent="0.3">
      <c r="A8525" s="13" t="s">
        <v>75</v>
      </c>
      <c r="B8525" s="14" t="s">
        <v>1</v>
      </c>
      <c r="C8525" s="14" t="s">
        <v>51</v>
      </c>
      <c r="D8525" s="14" t="s">
        <v>76</v>
      </c>
      <c r="E8525" s="15">
        <v>45506</v>
      </c>
      <c r="F8525" s="14" t="s">
        <v>25</v>
      </c>
      <c r="G8525" s="16">
        <v>0</v>
      </c>
    </row>
    <row r="8526" spans="1:7" x14ac:dyDescent="0.3">
      <c r="A8526" s="13" t="s">
        <v>75</v>
      </c>
      <c r="B8526" s="14" t="s">
        <v>1</v>
      </c>
      <c r="C8526" s="14" t="s">
        <v>51</v>
      </c>
      <c r="D8526" s="14" t="s">
        <v>76</v>
      </c>
      <c r="E8526" s="15">
        <v>45507</v>
      </c>
      <c r="F8526" s="14" t="s">
        <v>25</v>
      </c>
      <c r="G8526" s="16">
        <v>0</v>
      </c>
    </row>
    <row r="8527" spans="1:7" x14ac:dyDescent="0.3">
      <c r="A8527" s="13" t="s">
        <v>75</v>
      </c>
      <c r="B8527" s="14" t="s">
        <v>1</v>
      </c>
      <c r="C8527" s="14" t="s">
        <v>51</v>
      </c>
      <c r="D8527" s="14" t="s">
        <v>76</v>
      </c>
      <c r="E8527" s="15">
        <v>45508</v>
      </c>
      <c r="F8527" s="14" t="s">
        <v>25</v>
      </c>
      <c r="G8527" s="16">
        <v>0</v>
      </c>
    </row>
    <row r="8528" spans="1:7" x14ac:dyDescent="0.3">
      <c r="A8528" s="13" t="s">
        <v>75</v>
      </c>
      <c r="B8528" s="14" t="s">
        <v>1</v>
      </c>
      <c r="C8528" s="14" t="s">
        <v>51</v>
      </c>
      <c r="D8528" s="14" t="s">
        <v>76</v>
      </c>
      <c r="E8528" s="15">
        <v>45509</v>
      </c>
      <c r="F8528" s="14" t="s">
        <v>25</v>
      </c>
      <c r="G8528" s="16">
        <v>0</v>
      </c>
    </row>
    <row r="8529" spans="1:7" x14ac:dyDescent="0.3">
      <c r="A8529" s="13" t="s">
        <v>75</v>
      </c>
      <c r="B8529" s="14" t="s">
        <v>1</v>
      </c>
      <c r="C8529" s="14" t="s">
        <v>51</v>
      </c>
      <c r="D8529" s="14" t="s">
        <v>76</v>
      </c>
      <c r="E8529" s="15">
        <v>45510</v>
      </c>
      <c r="F8529" s="14" t="s">
        <v>25</v>
      </c>
      <c r="G8529" s="16">
        <v>0</v>
      </c>
    </row>
    <row r="8530" spans="1:7" x14ac:dyDescent="0.3">
      <c r="A8530" s="13" t="s">
        <v>75</v>
      </c>
      <c r="B8530" s="14" t="s">
        <v>1</v>
      </c>
      <c r="C8530" s="14" t="s">
        <v>51</v>
      </c>
      <c r="D8530" s="14" t="s">
        <v>76</v>
      </c>
      <c r="E8530" s="15">
        <v>45511</v>
      </c>
      <c r="F8530" s="14" t="s">
        <v>25</v>
      </c>
      <c r="G8530" s="16">
        <v>0</v>
      </c>
    </row>
    <row r="8531" spans="1:7" x14ac:dyDescent="0.3">
      <c r="A8531" s="13" t="s">
        <v>75</v>
      </c>
      <c r="B8531" s="14" t="s">
        <v>1</v>
      </c>
      <c r="C8531" s="14" t="s">
        <v>51</v>
      </c>
      <c r="D8531" s="14" t="s">
        <v>76</v>
      </c>
      <c r="E8531" s="15">
        <v>45512</v>
      </c>
      <c r="F8531" s="14" t="s">
        <v>25</v>
      </c>
      <c r="G8531" s="16">
        <v>0</v>
      </c>
    </row>
    <row r="8532" spans="1:7" x14ac:dyDescent="0.3">
      <c r="A8532" s="13" t="s">
        <v>75</v>
      </c>
      <c r="B8532" s="14" t="s">
        <v>1</v>
      </c>
      <c r="C8532" s="14" t="s">
        <v>51</v>
      </c>
      <c r="D8532" s="14" t="s">
        <v>76</v>
      </c>
      <c r="E8532" s="15">
        <v>45513</v>
      </c>
      <c r="F8532" s="14" t="s">
        <v>25</v>
      </c>
      <c r="G8532" s="16">
        <v>0</v>
      </c>
    </row>
    <row r="8533" spans="1:7" x14ac:dyDescent="0.3">
      <c r="A8533" s="13" t="s">
        <v>75</v>
      </c>
      <c r="B8533" s="14" t="s">
        <v>1</v>
      </c>
      <c r="C8533" s="14" t="s">
        <v>51</v>
      </c>
      <c r="D8533" s="14" t="s">
        <v>76</v>
      </c>
      <c r="E8533" s="15">
        <v>45514</v>
      </c>
      <c r="F8533" s="14" t="s">
        <v>25</v>
      </c>
      <c r="G8533" s="16">
        <v>0</v>
      </c>
    </row>
    <row r="8534" spans="1:7" x14ac:dyDescent="0.3">
      <c r="A8534" s="13" t="s">
        <v>75</v>
      </c>
      <c r="B8534" s="14" t="s">
        <v>1</v>
      </c>
      <c r="C8534" s="14" t="s">
        <v>51</v>
      </c>
      <c r="D8534" s="14" t="s">
        <v>76</v>
      </c>
      <c r="E8534" s="15">
        <v>45515</v>
      </c>
      <c r="F8534" s="14" t="s">
        <v>25</v>
      </c>
      <c r="G8534" s="16">
        <v>0</v>
      </c>
    </row>
    <row r="8535" spans="1:7" x14ac:dyDescent="0.3">
      <c r="A8535" s="13" t="s">
        <v>75</v>
      </c>
      <c r="B8535" s="14" t="s">
        <v>1</v>
      </c>
      <c r="C8535" s="14" t="s">
        <v>51</v>
      </c>
      <c r="D8535" s="14" t="s">
        <v>76</v>
      </c>
      <c r="E8535" s="15">
        <v>45516</v>
      </c>
      <c r="F8535" s="14" t="s">
        <v>25</v>
      </c>
      <c r="G8535" s="16">
        <v>0</v>
      </c>
    </row>
    <row r="8536" spans="1:7" x14ac:dyDescent="0.3">
      <c r="A8536" s="13" t="s">
        <v>75</v>
      </c>
      <c r="B8536" s="14" t="s">
        <v>1</v>
      </c>
      <c r="C8536" s="14" t="s">
        <v>51</v>
      </c>
      <c r="D8536" s="14" t="s">
        <v>76</v>
      </c>
      <c r="E8536" s="15">
        <v>45517</v>
      </c>
      <c r="F8536" s="14" t="s">
        <v>25</v>
      </c>
      <c r="G8536" s="16">
        <v>0</v>
      </c>
    </row>
    <row r="8537" spans="1:7" x14ac:dyDescent="0.3">
      <c r="A8537" s="13" t="s">
        <v>75</v>
      </c>
      <c r="B8537" s="14" t="s">
        <v>1</v>
      </c>
      <c r="C8537" s="14" t="s">
        <v>51</v>
      </c>
      <c r="D8537" s="14" t="s">
        <v>76</v>
      </c>
      <c r="E8537" s="15">
        <v>45518</v>
      </c>
      <c r="F8537" s="14" t="s">
        <v>25</v>
      </c>
      <c r="G8537" s="16">
        <v>0</v>
      </c>
    </row>
    <row r="8538" spans="1:7" x14ac:dyDescent="0.3">
      <c r="A8538" s="13" t="s">
        <v>75</v>
      </c>
      <c r="B8538" s="14" t="s">
        <v>1</v>
      </c>
      <c r="C8538" s="14" t="s">
        <v>51</v>
      </c>
      <c r="D8538" s="14" t="s">
        <v>76</v>
      </c>
      <c r="E8538" s="15">
        <v>45519</v>
      </c>
      <c r="F8538" s="14" t="s">
        <v>25</v>
      </c>
      <c r="G8538" s="16">
        <v>0</v>
      </c>
    </row>
    <row r="8539" spans="1:7" x14ac:dyDescent="0.3">
      <c r="A8539" s="13" t="s">
        <v>75</v>
      </c>
      <c r="B8539" s="14" t="s">
        <v>1</v>
      </c>
      <c r="C8539" s="14" t="s">
        <v>51</v>
      </c>
      <c r="D8539" s="14" t="s">
        <v>76</v>
      </c>
      <c r="E8539" s="15">
        <v>45520</v>
      </c>
      <c r="F8539" s="14" t="s">
        <v>25</v>
      </c>
      <c r="G8539" s="16">
        <v>0</v>
      </c>
    </row>
    <row r="8540" spans="1:7" x14ac:dyDescent="0.3">
      <c r="A8540" s="13" t="s">
        <v>75</v>
      </c>
      <c r="B8540" s="14" t="s">
        <v>1</v>
      </c>
      <c r="C8540" s="14" t="s">
        <v>51</v>
      </c>
      <c r="D8540" s="14" t="s">
        <v>76</v>
      </c>
      <c r="E8540" s="15">
        <v>45521</v>
      </c>
      <c r="F8540" s="14" t="s">
        <v>25</v>
      </c>
      <c r="G8540" s="16">
        <v>0</v>
      </c>
    </row>
    <row r="8541" spans="1:7" x14ac:dyDescent="0.3">
      <c r="A8541" s="13" t="s">
        <v>75</v>
      </c>
      <c r="B8541" s="14" t="s">
        <v>1</v>
      </c>
      <c r="C8541" s="14" t="s">
        <v>51</v>
      </c>
      <c r="D8541" s="14" t="s">
        <v>76</v>
      </c>
      <c r="E8541" s="15">
        <v>45522</v>
      </c>
      <c r="F8541" s="14" t="s">
        <v>25</v>
      </c>
      <c r="G8541" s="16">
        <v>0</v>
      </c>
    </row>
    <row r="8542" spans="1:7" x14ac:dyDescent="0.3">
      <c r="A8542" s="13" t="s">
        <v>75</v>
      </c>
      <c r="B8542" s="14" t="s">
        <v>1</v>
      </c>
      <c r="C8542" s="14" t="s">
        <v>51</v>
      </c>
      <c r="D8542" s="14" t="s">
        <v>76</v>
      </c>
      <c r="E8542" s="15">
        <v>45523</v>
      </c>
      <c r="F8542" s="14" t="s">
        <v>25</v>
      </c>
      <c r="G8542" s="16">
        <v>0</v>
      </c>
    </row>
    <row r="8543" spans="1:7" x14ac:dyDescent="0.3">
      <c r="A8543" s="13" t="s">
        <v>75</v>
      </c>
      <c r="B8543" s="14" t="s">
        <v>1</v>
      </c>
      <c r="C8543" s="14" t="s">
        <v>51</v>
      </c>
      <c r="D8543" s="14" t="s">
        <v>76</v>
      </c>
      <c r="E8543" s="15">
        <v>45524</v>
      </c>
      <c r="F8543" s="14" t="s">
        <v>25</v>
      </c>
      <c r="G8543" s="16">
        <v>0</v>
      </c>
    </row>
    <row r="8544" spans="1:7" x14ac:dyDescent="0.3">
      <c r="A8544" s="13" t="s">
        <v>75</v>
      </c>
      <c r="B8544" s="14" t="s">
        <v>1</v>
      </c>
      <c r="C8544" s="14" t="s">
        <v>51</v>
      </c>
      <c r="D8544" s="14" t="s">
        <v>76</v>
      </c>
      <c r="E8544" s="15">
        <v>45525</v>
      </c>
      <c r="F8544" s="14" t="s">
        <v>25</v>
      </c>
      <c r="G8544" s="16">
        <v>0</v>
      </c>
    </row>
    <row r="8545" spans="1:7" x14ac:dyDescent="0.3">
      <c r="A8545" s="13" t="s">
        <v>75</v>
      </c>
      <c r="B8545" s="14" t="s">
        <v>1</v>
      </c>
      <c r="C8545" s="14" t="s">
        <v>51</v>
      </c>
      <c r="D8545" s="14" t="s">
        <v>76</v>
      </c>
      <c r="E8545" s="15">
        <v>45526</v>
      </c>
      <c r="F8545" s="14" t="s">
        <v>25</v>
      </c>
      <c r="G8545" s="16">
        <v>0</v>
      </c>
    </row>
    <row r="8546" spans="1:7" x14ac:dyDescent="0.3">
      <c r="A8546" s="13" t="s">
        <v>75</v>
      </c>
      <c r="B8546" s="14" t="s">
        <v>1</v>
      </c>
      <c r="C8546" s="14" t="s">
        <v>51</v>
      </c>
      <c r="D8546" s="14" t="s">
        <v>76</v>
      </c>
      <c r="E8546" s="15">
        <v>45527</v>
      </c>
      <c r="F8546" s="14" t="s">
        <v>25</v>
      </c>
      <c r="G8546" s="16">
        <v>0</v>
      </c>
    </row>
    <row r="8547" spans="1:7" x14ac:dyDescent="0.3">
      <c r="A8547" s="13" t="s">
        <v>75</v>
      </c>
      <c r="B8547" s="14" t="s">
        <v>1</v>
      </c>
      <c r="C8547" s="14" t="s">
        <v>51</v>
      </c>
      <c r="D8547" s="14" t="s">
        <v>76</v>
      </c>
      <c r="E8547" s="15">
        <v>45528</v>
      </c>
      <c r="F8547" s="14" t="s">
        <v>25</v>
      </c>
      <c r="G8547" s="16">
        <v>0</v>
      </c>
    </row>
    <row r="8548" spans="1:7" x14ac:dyDescent="0.3">
      <c r="A8548" s="13" t="s">
        <v>75</v>
      </c>
      <c r="B8548" s="14" t="s">
        <v>1</v>
      </c>
      <c r="C8548" s="14" t="s">
        <v>51</v>
      </c>
      <c r="D8548" s="14" t="s">
        <v>76</v>
      </c>
      <c r="E8548" s="15">
        <v>45529</v>
      </c>
      <c r="F8548" s="14" t="s">
        <v>25</v>
      </c>
      <c r="G8548" s="16">
        <v>0</v>
      </c>
    </row>
    <row r="8549" spans="1:7" x14ac:dyDescent="0.3">
      <c r="A8549" s="13" t="s">
        <v>75</v>
      </c>
      <c r="B8549" s="14" t="s">
        <v>1</v>
      </c>
      <c r="C8549" s="14" t="s">
        <v>51</v>
      </c>
      <c r="D8549" s="14" t="s">
        <v>76</v>
      </c>
      <c r="E8549" s="15">
        <v>45530</v>
      </c>
      <c r="F8549" s="14" t="s">
        <v>25</v>
      </c>
      <c r="G8549" s="16">
        <v>0</v>
      </c>
    </row>
    <row r="8550" spans="1:7" x14ac:dyDescent="0.3">
      <c r="A8550" s="13" t="s">
        <v>75</v>
      </c>
      <c r="B8550" s="14" t="s">
        <v>1</v>
      </c>
      <c r="C8550" s="14" t="s">
        <v>51</v>
      </c>
      <c r="D8550" s="14" t="s">
        <v>76</v>
      </c>
      <c r="E8550" s="15">
        <v>45531</v>
      </c>
      <c r="F8550" s="14" t="s">
        <v>25</v>
      </c>
      <c r="G8550" s="16">
        <v>0</v>
      </c>
    </row>
    <row r="8551" spans="1:7" x14ac:dyDescent="0.3">
      <c r="A8551" s="13" t="s">
        <v>75</v>
      </c>
      <c r="B8551" s="14" t="s">
        <v>1</v>
      </c>
      <c r="C8551" s="14" t="s">
        <v>51</v>
      </c>
      <c r="D8551" s="14" t="s">
        <v>76</v>
      </c>
      <c r="E8551" s="15">
        <v>45532</v>
      </c>
      <c r="F8551" s="14" t="s">
        <v>25</v>
      </c>
      <c r="G8551" s="16">
        <v>0</v>
      </c>
    </row>
    <row r="8552" spans="1:7" x14ac:dyDescent="0.3">
      <c r="A8552" s="13" t="s">
        <v>75</v>
      </c>
      <c r="B8552" s="14" t="s">
        <v>1</v>
      </c>
      <c r="C8552" s="14" t="s">
        <v>51</v>
      </c>
      <c r="D8552" s="14" t="s">
        <v>76</v>
      </c>
      <c r="E8552" s="15">
        <v>45533</v>
      </c>
      <c r="F8552" s="14" t="s">
        <v>25</v>
      </c>
      <c r="G8552" s="16">
        <v>0</v>
      </c>
    </row>
    <row r="8553" spans="1:7" x14ac:dyDescent="0.3">
      <c r="A8553" s="13" t="s">
        <v>75</v>
      </c>
      <c r="B8553" s="14" t="s">
        <v>1</v>
      </c>
      <c r="C8553" s="14" t="s">
        <v>51</v>
      </c>
      <c r="D8553" s="14" t="s">
        <v>76</v>
      </c>
      <c r="E8553" s="15">
        <v>45534</v>
      </c>
      <c r="F8553" s="14" t="s">
        <v>25</v>
      </c>
      <c r="G8553" s="16">
        <v>0</v>
      </c>
    </row>
    <row r="8554" spans="1:7" x14ac:dyDescent="0.3">
      <c r="A8554" s="13" t="s">
        <v>75</v>
      </c>
      <c r="B8554" s="14" t="s">
        <v>1</v>
      </c>
      <c r="C8554" s="14" t="s">
        <v>51</v>
      </c>
      <c r="D8554" s="14" t="s">
        <v>76</v>
      </c>
      <c r="E8554" s="15">
        <v>45535</v>
      </c>
      <c r="F8554" s="14" t="s">
        <v>25</v>
      </c>
      <c r="G8554" s="16">
        <v>0</v>
      </c>
    </row>
    <row r="8555" spans="1:7" x14ac:dyDescent="0.3">
      <c r="A8555" s="13" t="s">
        <v>75</v>
      </c>
      <c r="B8555" s="14" t="s">
        <v>1</v>
      </c>
      <c r="C8555" s="14" t="s">
        <v>51</v>
      </c>
      <c r="D8555" s="14" t="s">
        <v>76</v>
      </c>
      <c r="E8555" s="15">
        <v>45536</v>
      </c>
      <c r="F8555" s="14" t="s">
        <v>25</v>
      </c>
      <c r="G8555" s="16">
        <v>0</v>
      </c>
    </row>
    <row r="8556" spans="1:7" x14ac:dyDescent="0.3">
      <c r="A8556" s="13" t="s">
        <v>75</v>
      </c>
      <c r="B8556" s="14" t="s">
        <v>1</v>
      </c>
      <c r="C8556" s="14" t="s">
        <v>51</v>
      </c>
      <c r="D8556" s="14" t="s">
        <v>76</v>
      </c>
      <c r="E8556" s="15">
        <v>45537</v>
      </c>
      <c r="F8556" s="14" t="s">
        <v>25</v>
      </c>
      <c r="G8556" s="16">
        <v>0</v>
      </c>
    </row>
    <row r="8557" spans="1:7" x14ac:dyDescent="0.3">
      <c r="A8557" s="13" t="s">
        <v>75</v>
      </c>
      <c r="B8557" s="14" t="s">
        <v>1</v>
      </c>
      <c r="C8557" s="14" t="s">
        <v>51</v>
      </c>
      <c r="D8557" s="14" t="s">
        <v>76</v>
      </c>
      <c r="E8557" s="15">
        <v>45538</v>
      </c>
      <c r="F8557" s="14" t="s">
        <v>25</v>
      </c>
      <c r="G8557" s="16">
        <v>0</v>
      </c>
    </row>
    <row r="8558" spans="1:7" x14ac:dyDescent="0.3">
      <c r="A8558" s="13" t="s">
        <v>75</v>
      </c>
      <c r="B8558" s="14" t="s">
        <v>1</v>
      </c>
      <c r="C8558" s="14" t="s">
        <v>51</v>
      </c>
      <c r="D8558" s="14" t="s">
        <v>76</v>
      </c>
      <c r="E8558" s="15">
        <v>45539</v>
      </c>
      <c r="F8558" s="14" t="s">
        <v>25</v>
      </c>
      <c r="G8558" s="16">
        <v>0</v>
      </c>
    </row>
    <row r="8559" spans="1:7" x14ac:dyDescent="0.3">
      <c r="A8559" s="13" t="s">
        <v>75</v>
      </c>
      <c r="B8559" s="14" t="s">
        <v>1</v>
      </c>
      <c r="C8559" s="14" t="s">
        <v>51</v>
      </c>
      <c r="D8559" s="14" t="s">
        <v>76</v>
      </c>
      <c r="E8559" s="15">
        <v>45540</v>
      </c>
      <c r="F8559" s="14" t="s">
        <v>25</v>
      </c>
      <c r="G8559" s="16">
        <v>0</v>
      </c>
    </row>
    <row r="8560" spans="1:7" x14ac:dyDescent="0.3">
      <c r="A8560" s="13" t="s">
        <v>75</v>
      </c>
      <c r="B8560" s="14" t="s">
        <v>1</v>
      </c>
      <c r="C8560" s="14" t="s">
        <v>51</v>
      </c>
      <c r="D8560" s="14" t="s">
        <v>76</v>
      </c>
      <c r="E8560" s="15">
        <v>45541</v>
      </c>
      <c r="F8560" s="14" t="s">
        <v>25</v>
      </c>
      <c r="G8560" s="16">
        <v>0</v>
      </c>
    </row>
    <row r="8561" spans="1:7" x14ac:dyDescent="0.3">
      <c r="A8561" s="13" t="s">
        <v>75</v>
      </c>
      <c r="B8561" s="14" t="s">
        <v>1</v>
      </c>
      <c r="C8561" s="14" t="s">
        <v>51</v>
      </c>
      <c r="D8561" s="14" t="s">
        <v>76</v>
      </c>
      <c r="E8561" s="15">
        <v>45542</v>
      </c>
      <c r="F8561" s="14" t="s">
        <v>25</v>
      </c>
      <c r="G8561" s="16">
        <v>0</v>
      </c>
    </row>
    <row r="8562" spans="1:7" x14ac:dyDescent="0.3">
      <c r="A8562" s="13" t="s">
        <v>75</v>
      </c>
      <c r="B8562" s="14" t="s">
        <v>1</v>
      </c>
      <c r="C8562" s="14" t="s">
        <v>51</v>
      </c>
      <c r="D8562" s="14" t="s">
        <v>76</v>
      </c>
      <c r="E8562" s="15">
        <v>45543</v>
      </c>
      <c r="F8562" s="14" t="s">
        <v>25</v>
      </c>
      <c r="G8562" s="16">
        <v>0</v>
      </c>
    </row>
    <row r="8563" spans="1:7" x14ac:dyDescent="0.3">
      <c r="A8563" s="13" t="s">
        <v>75</v>
      </c>
      <c r="B8563" s="14" t="s">
        <v>1</v>
      </c>
      <c r="C8563" s="14" t="s">
        <v>51</v>
      </c>
      <c r="D8563" s="14" t="s">
        <v>76</v>
      </c>
      <c r="E8563" s="15">
        <v>45544</v>
      </c>
      <c r="F8563" s="14" t="s">
        <v>25</v>
      </c>
      <c r="G8563" s="16">
        <v>0</v>
      </c>
    </row>
    <row r="8564" spans="1:7" x14ac:dyDescent="0.3">
      <c r="A8564" s="13" t="s">
        <v>75</v>
      </c>
      <c r="B8564" s="14" t="s">
        <v>1</v>
      </c>
      <c r="C8564" s="14" t="s">
        <v>51</v>
      </c>
      <c r="D8564" s="14" t="s">
        <v>76</v>
      </c>
      <c r="E8564" s="15">
        <v>45545</v>
      </c>
      <c r="F8564" s="14" t="s">
        <v>25</v>
      </c>
      <c r="G8564" s="16">
        <v>0</v>
      </c>
    </row>
    <row r="8565" spans="1:7" x14ac:dyDescent="0.3">
      <c r="A8565" s="13" t="s">
        <v>75</v>
      </c>
      <c r="B8565" s="14" t="s">
        <v>1</v>
      </c>
      <c r="C8565" s="14" t="s">
        <v>51</v>
      </c>
      <c r="D8565" s="14" t="s">
        <v>76</v>
      </c>
      <c r="E8565" s="15">
        <v>45546</v>
      </c>
      <c r="F8565" s="14" t="s">
        <v>25</v>
      </c>
      <c r="G8565" s="16">
        <v>0</v>
      </c>
    </row>
    <row r="8566" spans="1:7" x14ac:dyDescent="0.3">
      <c r="A8566" s="13" t="s">
        <v>75</v>
      </c>
      <c r="B8566" s="14" t="s">
        <v>1</v>
      </c>
      <c r="C8566" s="14" t="s">
        <v>51</v>
      </c>
      <c r="D8566" s="14" t="s">
        <v>76</v>
      </c>
      <c r="E8566" s="15">
        <v>45547</v>
      </c>
      <c r="F8566" s="14" t="s">
        <v>25</v>
      </c>
      <c r="G8566" s="16">
        <v>0</v>
      </c>
    </row>
    <row r="8567" spans="1:7" x14ac:dyDescent="0.3">
      <c r="A8567" s="13" t="s">
        <v>75</v>
      </c>
      <c r="B8567" s="14" t="s">
        <v>1</v>
      </c>
      <c r="C8567" s="14" t="s">
        <v>51</v>
      </c>
      <c r="D8567" s="14" t="s">
        <v>76</v>
      </c>
      <c r="E8567" s="15">
        <v>45548</v>
      </c>
      <c r="F8567" s="14" t="s">
        <v>25</v>
      </c>
      <c r="G8567" s="16">
        <v>0</v>
      </c>
    </row>
    <row r="8568" spans="1:7" x14ac:dyDescent="0.3">
      <c r="A8568" s="13" t="s">
        <v>75</v>
      </c>
      <c r="B8568" s="14" t="s">
        <v>1</v>
      </c>
      <c r="C8568" s="14" t="s">
        <v>51</v>
      </c>
      <c r="D8568" s="14" t="s">
        <v>76</v>
      </c>
      <c r="E8568" s="15">
        <v>45549</v>
      </c>
      <c r="F8568" s="14" t="s">
        <v>25</v>
      </c>
      <c r="G8568" s="16">
        <v>0</v>
      </c>
    </row>
    <row r="8569" spans="1:7" x14ac:dyDescent="0.3">
      <c r="A8569" s="13" t="s">
        <v>75</v>
      </c>
      <c r="B8569" s="14" t="s">
        <v>1</v>
      </c>
      <c r="C8569" s="14" t="s">
        <v>51</v>
      </c>
      <c r="D8569" s="14" t="s">
        <v>76</v>
      </c>
      <c r="E8569" s="15">
        <v>45550</v>
      </c>
      <c r="F8569" s="14" t="s">
        <v>25</v>
      </c>
      <c r="G8569" s="16">
        <v>0</v>
      </c>
    </row>
    <row r="8570" spans="1:7" x14ac:dyDescent="0.3">
      <c r="A8570" s="13" t="s">
        <v>75</v>
      </c>
      <c r="B8570" s="14" t="s">
        <v>1</v>
      </c>
      <c r="C8570" s="14" t="s">
        <v>51</v>
      </c>
      <c r="D8570" s="14" t="s">
        <v>76</v>
      </c>
      <c r="E8570" s="15">
        <v>45551</v>
      </c>
      <c r="F8570" s="14" t="s">
        <v>25</v>
      </c>
      <c r="G8570" s="16">
        <v>0</v>
      </c>
    </row>
    <row r="8571" spans="1:7" x14ac:dyDescent="0.3">
      <c r="A8571" s="13" t="s">
        <v>75</v>
      </c>
      <c r="B8571" s="14" t="s">
        <v>1</v>
      </c>
      <c r="C8571" s="14" t="s">
        <v>51</v>
      </c>
      <c r="D8571" s="14" t="s">
        <v>76</v>
      </c>
      <c r="E8571" s="15">
        <v>45552</v>
      </c>
      <c r="F8571" s="14" t="s">
        <v>25</v>
      </c>
      <c r="G8571" s="16">
        <v>0</v>
      </c>
    </row>
    <row r="8572" spans="1:7" x14ac:dyDescent="0.3">
      <c r="A8572" s="13" t="s">
        <v>75</v>
      </c>
      <c r="B8572" s="14" t="s">
        <v>1</v>
      </c>
      <c r="C8572" s="14" t="s">
        <v>51</v>
      </c>
      <c r="D8572" s="14" t="s">
        <v>76</v>
      </c>
      <c r="E8572" s="15">
        <v>45553</v>
      </c>
      <c r="F8572" s="14" t="s">
        <v>25</v>
      </c>
      <c r="G8572" s="16">
        <v>0</v>
      </c>
    </row>
    <row r="8573" spans="1:7" x14ac:dyDescent="0.3">
      <c r="A8573" s="13" t="s">
        <v>75</v>
      </c>
      <c r="B8573" s="14" t="s">
        <v>1</v>
      </c>
      <c r="C8573" s="14" t="s">
        <v>51</v>
      </c>
      <c r="D8573" s="14" t="s">
        <v>76</v>
      </c>
      <c r="E8573" s="15">
        <v>45554</v>
      </c>
      <c r="F8573" s="14" t="s">
        <v>25</v>
      </c>
      <c r="G8573" s="16">
        <v>0</v>
      </c>
    </row>
    <row r="8574" spans="1:7" x14ac:dyDescent="0.3">
      <c r="A8574" s="13" t="s">
        <v>75</v>
      </c>
      <c r="B8574" s="14" t="s">
        <v>1</v>
      </c>
      <c r="C8574" s="14" t="s">
        <v>51</v>
      </c>
      <c r="D8574" s="14" t="s">
        <v>76</v>
      </c>
      <c r="E8574" s="15">
        <v>45555</v>
      </c>
      <c r="F8574" s="14" t="s">
        <v>25</v>
      </c>
      <c r="G8574" s="16">
        <v>0</v>
      </c>
    </row>
    <row r="8575" spans="1:7" x14ac:dyDescent="0.3">
      <c r="A8575" s="13" t="s">
        <v>75</v>
      </c>
      <c r="B8575" s="14" t="s">
        <v>1</v>
      </c>
      <c r="C8575" s="14" t="s">
        <v>51</v>
      </c>
      <c r="D8575" s="14" t="s">
        <v>76</v>
      </c>
      <c r="E8575" s="15">
        <v>45556</v>
      </c>
      <c r="F8575" s="14" t="s">
        <v>25</v>
      </c>
      <c r="G8575" s="16">
        <v>0</v>
      </c>
    </row>
    <row r="8576" spans="1:7" x14ac:dyDescent="0.3">
      <c r="A8576" s="13" t="s">
        <v>75</v>
      </c>
      <c r="B8576" s="14" t="s">
        <v>1</v>
      </c>
      <c r="C8576" s="14" t="s">
        <v>51</v>
      </c>
      <c r="D8576" s="14" t="s">
        <v>76</v>
      </c>
      <c r="E8576" s="15">
        <v>45557</v>
      </c>
      <c r="F8576" s="14" t="s">
        <v>25</v>
      </c>
      <c r="G8576" s="16">
        <v>0</v>
      </c>
    </row>
    <row r="8577" spans="1:7" x14ac:dyDescent="0.3">
      <c r="A8577" s="13" t="s">
        <v>75</v>
      </c>
      <c r="B8577" s="14" t="s">
        <v>1</v>
      </c>
      <c r="C8577" s="14" t="s">
        <v>51</v>
      </c>
      <c r="D8577" s="14" t="s">
        <v>76</v>
      </c>
      <c r="E8577" s="15">
        <v>45558</v>
      </c>
      <c r="F8577" s="14" t="s">
        <v>25</v>
      </c>
      <c r="G8577" s="16">
        <v>0</v>
      </c>
    </row>
    <row r="8578" spans="1:7" x14ac:dyDescent="0.3">
      <c r="A8578" s="13" t="s">
        <v>75</v>
      </c>
      <c r="B8578" s="14" t="s">
        <v>1</v>
      </c>
      <c r="C8578" s="14" t="s">
        <v>51</v>
      </c>
      <c r="D8578" s="14" t="s">
        <v>76</v>
      </c>
      <c r="E8578" s="15">
        <v>45559</v>
      </c>
      <c r="F8578" s="14" t="s">
        <v>25</v>
      </c>
      <c r="G8578" s="16">
        <v>0</v>
      </c>
    </row>
    <row r="8579" spans="1:7" x14ac:dyDescent="0.3">
      <c r="A8579" s="13" t="s">
        <v>75</v>
      </c>
      <c r="B8579" s="14" t="s">
        <v>1</v>
      </c>
      <c r="C8579" s="14" t="s">
        <v>51</v>
      </c>
      <c r="D8579" s="14" t="s">
        <v>76</v>
      </c>
      <c r="E8579" s="15">
        <v>45560</v>
      </c>
      <c r="F8579" s="14" t="s">
        <v>25</v>
      </c>
      <c r="G8579" s="16">
        <v>0</v>
      </c>
    </row>
    <row r="8580" spans="1:7" x14ac:dyDescent="0.3">
      <c r="A8580" s="13" t="s">
        <v>75</v>
      </c>
      <c r="B8580" s="14" t="s">
        <v>1</v>
      </c>
      <c r="C8580" s="14" t="s">
        <v>51</v>
      </c>
      <c r="D8580" s="14" t="s">
        <v>76</v>
      </c>
      <c r="E8580" s="15">
        <v>45561</v>
      </c>
      <c r="F8580" s="14" t="s">
        <v>25</v>
      </c>
      <c r="G8580" s="16">
        <v>0</v>
      </c>
    </row>
    <row r="8581" spans="1:7" x14ac:dyDescent="0.3">
      <c r="A8581" s="13" t="s">
        <v>75</v>
      </c>
      <c r="B8581" s="14" t="s">
        <v>1</v>
      </c>
      <c r="C8581" s="14" t="s">
        <v>51</v>
      </c>
      <c r="D8581" s="14" t="s">
        <v>76</v>
      </c>
      <c r="E8581" s="15">
        <v>45562</v>
      </c>
      <c r="F8581" s="14" t="s">
        <v>25</v>
      </c>
      <c r="G8581" s="16">
        <v>0</v>
      </c>
    </row>
    <row r="8582" spans="1:7" x14ac:dyDescent="0.3">
      <c r="A8582" s="13" t="s">
        <v>75</v>
      </c>
      <c r="B8582" s="14" t="s">
        <v>1</v>
      </c>
      <c r="C8582" s="14" t="s">
        <v>51</v>
      </c>
      <c r="D8582" s="14" t="s">
        <v>76</v>
      </c>
      <c r="E8582" s="15">
        <v>45563</v>
      </c>
      <c r="F8582" s="14" t="s">
        <v>25</v>
      </c>
      <c r="G8582" s="16">
        <v>0</v>
      </c>
    </row>
    <row r="8583" spans="1:7" x14ac:dyDescent="0.3">
      <c r="A8583" s="13" t="s">
        <v>75</v>
      </c>
      <c r="B8583" s="14" t="s">
        <v>1</v>
      </c>
      <c r="C8583" s="14" t="s">
        <v>51</v>
      </c>
      <c r="D8583" s="14" t="s">
        <v>76</v>
      </c>
      <c r="E8583" s="15">
        <v>45564</v>
      </c>
      <c r="F8583" s="14" t="s">
        <v>25</v>
      </c>
      <c r="G8583" s="16">
        <v>0</v>
      </c>
    </row>
    <row r="8584" spans="1:7" x14ac:dyDescent="0.3">
      <c r="A8584" s="13" t="s">
        <v>75</v>
      </c>
      <c r="B8584" s="14" t="s">
        <v>1</v>
      </c>
      <c r="C8584" s="14" t="s">
        <v>51</v>
      </c>
      <c r="D8584" s="14" t="s">
        <v>76</v>
      </c>
      <c r="E8584" s="15">
        <v>45565</v>
      </c>
      <c r="F8584" s="14" t="s">
        <v>25</v>
      </c>
      <c r="G8584" s="16">
        <v>0</v>
      </c>
    </row>
    <row r="8585" spans="1:7" x14ac:dyDescent="0.3">
      <c r="A8585" s="13" t="s">
        <v>75</v>
      </c>
      <c r="B8585" s="14" t="s">
        <v>1</v>
      </c>
      <c r="C8585" s="14" t="s">
        <v>51</v>
      </c>
      <c r="D8585" s="14" t="s">
        <v>76</v>
      </c>
      <c r="E8585" s="15">
        <v>45566</v>
      </c>
      <c r="F8585" s="14" t="s">
        <v>25</v>
      </c>
      <c r="G8585" s="16">
        <v>0</v>
      </c>
    </row>
    <row r="8586" spans="1:7" x14ac:dyDescent="0.3">
      <c r="A8586" s="13" t="s">
        <v>75</v>
      </c>
      <c r="B8586" s="14" t="s">
        <v>1</v>
      </c>
      <c r="C8586" s="14" t="s">
        <v>51</v>
      </c>
      <c r="D8586" s="14" t="s">
        <v>76</v>
      </c>
      <c r="E8586" s="15">
        <v>45567</v>
      </c>
      <c r="F8586" s="14" t="s">
        <v>25</v>
      </c>
      <c r="G8586" s="16">
        <v>0</v>
      </c>
    </row>
    <row r="8587" spans="1:7" x14ac:dyDescent="0.3">
      <c r="A8587" s="13" t="s">
        <v>75</v>
      </c>
      <c r="B8587" s="14" t="s">
        <v>1</v>
      </c>
      <c r="C8587" s="14" t="s">
        <v>51</v>
      </c>
      <c r="D8587" s="14" t="s">
        <v>76</v>
      </c>
      <c r="E8587" s="15">
        <v>45568</v>
      </c>
      <c r="F8587" s="14" t="s">
        <v>25</v>
      </c>
      <c r="G8587" s="16">
        <v>0</v>
      </c>
    </row>
    <row r="8588" spans="1:7" x14ac:dyDescent="0.3">
      <c r="A8588" s="13" t="s">
        <v>75</v>
      </c>
      <c r="B8588" s="14" t="s">
        <v>1</v>
      </c>
      <c r="C8588" s="14" t="s">
        <v>51</v>
      </c>
      <c r="D8588" s="14" t="s">
        <v>76</v>
      </c>
      <c r="E8588" s="15">
        <v>45569</v>
      </c>
      <c r="F8588" s="14" t="s">
        <v>25</v>
      </c>
      <c r="G8588" s="16">
        <v>0</v>
      </c>
    </row>
    <row r="8589" spans="1:7" x14ac:dyDescent="0.3">
      <c r="A8589" s="13" t="s">
        <v>75</v>
      </c>
      <c r="B8589" s="14" t="s">
        <v>1</v>
      </c>
      <c r="C8589" s="14" t="s">
        <v>51</v>
      </c>
      <c r="D8589" s="14" t="s">
        <v>76</v>
      </c>
      <c r="E8589" s="15">
        <v>45570</v>
      </c>
      <c r="F8589" s="14" t="s">
        <v>25</v>
      </c>
      <c r="G8589" s="16">
        <v>0</v>
      </c>
    </row>
    <row r="8590" spans="1:7" x14ac:dyDescent="0.3">
      <c r="A8590" s="13" t="s">
        <v>75</v>
      </c>
      <c r="B8590" s="14" t="s">
        <v>1</v>
      </c>
      <c r="C8590" s="14" t="s">
        <v>51</v>
      </c>
      <c r="D8590" s="14" t="s">
        <v>76</v>
      </c>
      <c r="E8590" s="15">
        <v>45571</v>
      </c>
      <c r="F8590" s="14" t="s">
        <v>25</v>
      </c>
      <c r="G8590" s="16">
        <v>0</v>
      </c>
    </row>
    <row r="8591" spans="1:7" x14ac:dyDescent="0.3">
      <c r="A8591" s="13" t="s">
        <v>75</v>
      </c>
      <c r="B8591" s="14" t="s">
        <v>1</v>
      </c>
      <c r="C8591" s="14" t="s">
        <v>51</v>
      </c>
      <c r="D8591" s="14" t="s">
        <v>76</v>
      </c>
      <c r="E8591" s="15">
        <v>45572</v>
      </c>
      <c r="F8591" s="14" t="s">
        <v>25</v>
      </c>
      <c r="G8591" s="16">
        <v>0</v>
      </c>
    </row>
    <row r="8592" spans="1:7" x14ac:dyDescent="0.3">
      <c r="A8592" s="13" t="s">
        <v>75</v>
      </c>
      <c r="B8592" s="14" t="s">
        <v>1</v>
      </c>
      <c r="C8592" s="14" t="s">
        <v>51</v>
      </c>
      <c r="D8592" s="14" t="s">
        <v>76</v>
      </c>
      <c r="E8592" s="15">
        <v>45573</v>
      </c>
      <c r="F8592" s="14" t="s">
        <v>25</v>
      </c>
      <c r="G8592" s="16">
        <v>0</v>
      </c>
    </row>
    <row r="8593" spans="1:7" x14ac:dyDescent="0.3">
      <c r="A8593" s="13" t="s">
        <v>75</v>
      </c>
      <c r="B8593" s="14" t="s">
        <v>1</v>
      </c>
      <c r="C8593" s="14" t="s">
        <v>51</v>
      </c>
      <c r="D8593" s="14" t="s">
        <v>76</v>
      </c>
      <c r="E8593" s="15">
        <v>45574</v>
      </c>
      <c r="F8593" s="14" t="s">
        <v>25</v>
      </c>
      <c r="G8593" s="16">
        <v>0</v>
      </c>
    </row>
    <row r="8594" spans="1:7" x14ac:dyDescent="0.3">
      <c r="A8594" s="13" t="s">
        <v>75</v>
      </c>
      <c r="B8594" s="14" t="s">
        <v>1</v>
      </c>
      <c r="C8594" s="14" t="s">
        <v>51</v>
      </c>
      <c r="D8594" s="14" t="s">
        <v>76</v>
      </c>
      <c r="E8594" s="15">
        <v>45575</v>
      </c>
      <c r="F8594" s="14" t="s">
        <v>25</v>
      </c>
      <c r="G8594" s="16">
        <v>0</v>
      </c>
    </row>
    <row r="8595" spans="1:7" x14ac:dyDescent="0.3">
      <c r="A8595" s="13" t="s">
        <v>75</v>
      </c>
      <c r="B8595" s="14" t="s">
        <v>1</v>
      </c>
      <c r="C8595" s="14" t="s">
        <v>51</v>
      </c>
      <c r="D8595" s="14" t="s">
        <v>76</v>
      </c>
      <c r="E8595" s="15">
        <v>45576</v>
      </c>
      <c r="F8595" s="14" t="s">
        <v>25</v>
      </c>
      <c r="G8595" s="16">
        <v>0</v>
      </c>
    </row>
    <row r="8596" spans="1:7" x14ac:dyDescent="0.3">
      <c r="A8596" s="13" t="s">
        <v>75</v>
      </c>
      <c r="B8596" s="14" t="s">
        <v>1</v>
      </c>
      <c r="C8596" s="14" t="s">
        <v>51</v>
      </c>
      <c r="D8596" s="14" t="s">
        <v>76</v>
      </c>
      <c r="E8596" s="15">
        <v>45577</v>
      </c>
      <c r="F8596" s="14" t="s">
        <v>25</v>
      </c>
      <c r="G8596" s="16">
        <v>0</v>
      </c>
    </row>
    <row r="8597" spans="1:7" x14ac:dyDescent="0.3">
      <c r="A8597" s="13" t="s">
        <v>75</v>
      </c>
      <c r="B8597" s="14" t="s">
        <v>1</v>
      </c>
      <c r="C8597" s="14" t="s">
        <v>51</v>
      </c>
      <c r="D8597" s="14" t="s">
        <v>76</v>
      </c>
      <c r="E8597" s="15">
        <v>45578</v>
      </c>
      <c r="F8597" s="14" t="s">
        <v>25</v>
      </c>
      <c r="G8597" s="16">
        <v>0</v>
      </c>
    </row>
    <row r="8598" spans="1:7" x14ac:dyDescent="0.3">
      <c r="A8598" s="13" t="s">
        <v>75</v>
      </c>
      <c r="B8598" s="14" t="s">
        <v>1</v>
      </c>
      <c r="C8598" s="14" t="s">
        <v>51</v>
      </c>
      <c r="D8598" s="14" t="s">
        <v>76</v>
      </c>
      <c r="E8598" s="15">
        <v>45579</v>
      </c>
      <c r="F8598" s="14" t="s">
        <v>25</v>
      </c>
      <c r="G8598" s="16">
        <v>0</v>
      </c>
    </row>
    <row r="8599" spans="1:7" x14ac:dyDescent="0.3">
      <c r="A8599" s="13" t="s">
        <v>75</v>
      </c>
      <c r="B8599" s="14" t="s">
        <v>1</v>
      </c>
      <c r="C8599" s="14" t="s">
        <v>51</v>
      </c>
      <c r="D8599" s="14" t="s">
        <v>76</v>
      </c>
      <c r="E8599" s="15">
        <v>45580</v>
      </c>
      <c r="F8599" s="14" t="s">
        <v>25</v>
      </c>
      <c r="G8599" s="16">
        <v>0</v>
      </c>
    </row>
    <row r="8600" spans="1:7" x14ac:dyDescent="0.3">
      <c r="A8600" s="13" t="s">
        <v>75</v>
      </c>
      <c r="B8600" s="14" t="s">
        <v>1</v>
      </c>
      <c r="C8600" s="14" t="s">
        <v>51</v>
      </c>
      <c r="D8600" s="14" t="s">
        <v>76</v>
      </c>
      <c r="E8600" s="15">
        <v>45581</v>
      </c>
      <c r="F8600" s="14" t="s">
        <v>25</v>
      </c>
      <c r="G8600" s="16">
        <v>0</v>
      </c>
    </row>
    <row r="8601" spans="1:7" x14ac:dyDescent="0.3">
      <c r="A8601" s="13" t="s">
        <v>75</v>
      </c>
      <c r="B8601" s="14" t="s">
        <v>1</v>
      </c>
      <c r="C8601" s="14" t="s">
        <v>51</v>
      </c>
      <c r="D8601" s="14" t="s">
        <v>76</v>
      </c>
      <c r="E8601" s="15">
        <v>45582</v>
      </c>
      <c r="F8601" s="14" t="s">
        <v>25</v>
      </c>
      <c r="G8601" s="16">
        <v>0</v>
      </c>
    </row>
    <row r="8602" spans="1:7" x14ac:dyDescent="0.3">
      <c r="A8602" s="13" t="s">
        <v>75</v>
      </c>
      <c r="B8602" s="14" t="s">
        <v>1</v>
      </c>
      <c r="C8602" s="14" t="s">
        <v>51</v>
      </c>
      <c r="D8602" s="14" t="s">
        <v>76</v>
      </c>
      <c r="E8602" s="15">
        <v>45583</v>
      </c>
      <c r="F8602" s="14" t="s">
        <v>25</v>
      </c>
      <c r="G8602" s="16">
        <v>0</v>
      </c>
    </row>
    <row r="8603" spans="1:7" x14ac:dyDescent="0.3">
      <c r="A8603" s="13" t="s">
        <v>75</v>
      </c>
      <c r="B8603" s="14" t="s">
        <v>1</v>
      </c>
      <c r="C8603" s="14" t="s">
        <v>51</v>
      </c>
      <c r="D8603" s="14" t="s">
        <v>76</v>
      </c>
      <c r="E8603" s="15">
        <v>45584</v>
      </c>
      <c r="F8603" s="14" t="s">
        <v>25</v>
      </c>
      <c r="G8603" s="16">
        <v>0</v>
      </c>
    </row>
    <row r="8604" spans="1:7" x14ac:dyDescent="0.3">
      <c r="A8604" s="13" t="s">
        <v>75</v>
      </c>
      <c r="B8604" s="14" t="s">
        <v>1</v>
      </c>
      <c r="C8604" s="14" t="s">
        <v>51</v>
      </c>
      <c r="D8604" s="14" t="s">
        <v>76</v>
      </c>
      <c r="E8604" s="15">
        <v>45585</v>
      </c>
      <c r="F8604" s="14" t="s">
        <v>25</v>
      </c>
      <c r="G8604" s="16">
        <v>0</v>
      </c>
    </row>
    <row r="8605" spans="1:7" x14ac:dyDescent="0.3">
      <c r="A8605" s="13" t="s">
        <v>75</v>
      </c>
      <c r="B8605" s="14" t="s">
        <v>1</v>
      </c>
      <c r="C8605" s="14" t="s">
        <v>51</v>
      </c>
      <c r="D8605" s="14" t="s">
        <v>76</v>
      </c>
      <c r="E8605" s="15">
        <v>45586</v>
      </c>
      <c r="F8605" s="14" t="s">
        <v>25</v>
      </c>
      <c r="G8605" s="16">
        <v>0</v>
      </c>
    </row>
    <row r="8606" spans="1:7" x14ac:dyDescent="0.3">
      <c r="A8606" s="13" t="s">
        <v>75</v>
      </c>
      <c r="B8606" s="14" t="s">
        <v>1</v>
      </c>
      <c r="C8606" s="14" t="s">
        <v>51</v>
      </c>
      <c r="D8606" s="14" t="s">
        <v>76</v>
      </c>
      <c r="E8606" s="15">
        <v>45587</v>
      </c>
      <c r="F8606" s="14" t="s">
        <v>25</v>
      </c>
      <c r="G8606" s="16">
        <v>0</v>
      </c>
    </row>
    <row r="8607" spans="1:7" x14ac:dyDescent="0.3">
      <c r="A8607" s="13" t="s">
        <v>75</v>
      </c>
      <c r="B8607" s="14" t="s">
        <v>1</v>
      </c>
      <c r="C8607" s="14" t="s">
        <v>51</v>
      </c>
      <c r="D8607" s="14" t="s">
        <v>76</v>
      </c>
      <c r="E8607" s="15">
        <v>45588</v>
      </c>
      <c r="F8607" s="14" t="s">
        <v>25</v>
      </c>
      <c r="G8607" s="16">
        <v>0</v>
      </c>
    </row>
    <row r="8608" spans="1:7" x14ac:dyDescent="0.3">
      <c r="A8608" s="13" t="s">
        <v>75</v>
      </c>
      <c r="B8608" s="14" t="s">
        <v>1</v>
      </c>
      <c r="C8608" s="14" t="s">
        <v>51</v>
      </c>
      <c r="D8608" s="14" t="s">
        <v>76</v>
      </c>
      <c r="E8608" s="15">
        <v>45589</v>
      </c>
      <c r="F8608" s="14" t="s">
        <v>25</v>
      </c>
      <c r="G8608" s="16">
        <v>0</v>
      </c>
    </row>
    <row r="8609" spans="1:7" x14ac:dyDescent="0.3">
      <c r="A8609" s="13" t="s">
        <v>75</v>
      </c>
      <c r="B8609" s="14" t="s">
        <v>1</v>
      </c>
      <c r="C8609" s="14" t="s">
        <v>51</v>
      </c>
      <c r="D8609" s="14" t="s">
        <v>76</v>
      </c>
      <c r="E8609" s="15">
        <v>45590</v>
      </c>
      <c r="F8609" s="14" t="s">
        <v>25</v>
      </c>
      <c r="G8609" s="16">
        <v>0</v>
      </c>
    </row>
    <row r="8610" spans="1:7" x14ac:dyDescent="0.3">
      <c r="A8610" s="13" t="s">
        <v>75</v>
      </c>
      <c r="B8610" s="14" t="s">
        <v>1</v>
      </c>
      <c r="C8610" s="14" t="s">
        <v>51</v>
      </c>
      <c r="D8610" s="14" t="s">
        <v>76</v>
      </c>
      <c r="E8610" s="15">
        <v>45591</v>
      </c>
      <c r="F8610" s="14" t="s">
        <v>25</v>
      </c>
      <c r="G8610" s="16">
        <v>0</v>
      </c>
    </row>
    <row r="8611" spans="1:7" x14ac:dyDescent="0.3">
      <c r="A8611" s="13" t="s">
        <v>75</v>
      </c>
      <c r="B8611" s="14" t="s">
        <v>1</v>
      </c>
      <c r="C8611" s="14" t="s">
        <v>51</v>
      </c>
      <c r="D8611" s="14" t="s">
        <v>76</v>
      </c>
      <c r="E8611" s="15">
        <v>45592</v>
      </c>
      <c r="F8611" s="14" t="s">
        <v>25</v>
      </c>
      <c r="G8611" s="16">
        <v>0</v>
      </c>
    </row>
    <row r="8612" spans="1:7" x14ac:dyDescent="0.3">
      <c r="A8612" s="13" t="s">
        <v>75</v>
      </c>
      <c r="B8612" s="14" t="s">
        <v>1</v>
      </c>
      <c r="C8612" s="14" t="s">
        <v>51</v>
      </c>
      <c r="D8612" s="14" t="s">
        <v>76</v>
      </c>
      <c r="E8612" s="15">
        <v>45593</v>
      </c>
      <c r="F8612" s="14" t="s">
        <v>25</v>
      </c>
      <c r="G8612" s="16">
        <v>0</v>
      </c>
    </row>
    <row r="8613" spans="1:7" x14ac:dyDescent="0.3">
      <c r="A8613" s="13" t="s">
        <v>75</v>
      </c>
      <c r="B8613" s="14" t="s">
        <v>1</v>
      </c>
      <c r="C8613" s="14" t="s">
        <v>51</v>
      </c>
      <c r="D8613" s="14" t="s">
        <v>76</v>
      </c>
      <c r="E8613" s="15">
        <v>45594</v>
      </c>
      <c r="F8613" s="14" t="s">
        <v>25</v>
      </c>
      <c r="G8613" s="16">
        <v>0</v>
      </c>
    </row>
    <row r="8614" spans="1:7" x14ac:dyDescent="0.3">
      <c r="A8614" s="13" t="s">
        <v>75</v>
      </c>
      <c r="B8614" s="14" t="s">
        <v>1</v>
      </c>
      <c r="C8614" s="14" t="s">
        <v>51</v>
      </c>
      <c r="D8614" s="14" t="s">
        <v>76</v>
      </c>
      <c r="E8614" s="15">
        <v>45595</v>
      </c>
      <c r="F8614" s="14" t="s">
        <v>25</v>
      </c>
      <c r="G8614" s="16">
        <v>0</v>
      </c>
    </row>
    <row r="8615" spans="1:7" x14ac:dyDescent="0.3">
      <c r="A8615" s="13" t="s">
        <v>75</v>
      </c>
      <c r="B8615" s="14" t="s">
        <v>1</v>
      </c>
      <c r="C8615" s="14" t="s">
        <v>51</v>
      </c>
      <c r="D8615" s="14" t="s">
        <v>76</v>
      </c>
      <c r="E8615" s="15">
        <v>45596</v>
      </c>
      <c r="F8615" s="14" t="s">
        <v>25</v>
      </c>
      <c r="G8615" s="16">
        <v>0</v>
      </c>
    </row>
    <row r="8616" spans="1:7" x14ac:dyDescent="0.3">
      <c r="A8616" s="13" t="s">
        <v>75</v>
      </c>
      <c r="B8616" s="14" t="s">
        <v>1</v>
      </c>
      <c r="C8616" s="14" t="s">
        <v>51</v>
      </c>
      <c r="D8616" s="14" t="s">
        <v>76</v>
      </c>
      <c r="E8616" s="15">
        <v>45597</v>
      </c>
      <c r="F8616" s="14" t="s">
        <v>25</v>
      </c>
      <c r="G8616" s="16">
        <v>0</v>
      </c>
    </row>
    <row r="8617" spans="1:7" x14ac:dyDescent="0.3">
      <c r="A8617" s="13" t="s">
        <v>75</v>
      </c>
      <c r="B8617" s="14" t="s">
        <v>1</v>
      </c>
      <c r="C8617" s="14" t="s">
        <v>51</v>
      </c>
      <c r="D8617" s="14" t="s">
        <v>76</v>
      </c>
      <c r="E8617" s="15">
        <v>45598</v>
      </c>
      <c r="F8617" s="14" t="s">
        <v>25</v>
      </c>
      <c r="G8617" s="16">
        <v>0</v>
      </c>
    </row>
    <row r="8618" spans="1:7" x14ac:dyDescent="0.3">
      <c r="A8618" s="13" t="s">
        <v>75</v>
      </c>
      <c r="B8618" s="14" t="s">
        <v>1</v>
      </c>
      <c r="C8618" s="14" t="s">
        <v>51</v>
      </c>
      <c r="D8618" s="14" t="s">
        <v>76</v>
      </c>
      <c r="E8618" s="15">
        <v>45599</v>
      </c>
      <c r="F8618" s="14" t="s">
        <v>25</v>
      </c>
      <c r="G8618" s="16">
        <v>0</v>
      </c>
    </row>
    <row r="8619" spans="1:7" x14ac:dyDescent="0.3">
      <c r="A8619" s="13" t="s">
        <v>75</v>
      </c>
      <c r="B8619" s="14" t="s">
        <v>1</v>
      </c>
      <c r="C8619" s="14" t="s">
        <v>51</v>
      </c>
      <c r="D8619" s="14" t="s">
        <v>76</v>
      </c>
      <c r="E8619" s="15">
        <v>45600</v>
      </c>
      <c r="F8619" s="14" t="s">
        <v>25</v>
      </c>
      <c r="G8619" s="16">
        <v>0</v>
      </c>
    </row>
    <row r="8620" spans="1:7" x14ac:dyDescent="0.3">
      <c r="A8620" s="13" t="s">
        <v>75</v>
      </c>
      <c r="B8620" s="14" t="s">
        <v>1</v>
      </c>
      <c r="C8620" s="14" t="s">
        <v>51</v>
      </c>
      <c r="D8620" s="14" t="s">
        <v>76</v>
      </c>
      <c r="E8620" s="15">
        <v>45601</v>
      </c>
      <c r="F8620" s="14" t="s">
        <v>25</v>
      </c>
      <c r="G8620" s="16">
        <v>0</v>
      </c>
    </row>
    <row r="8621" spans="1:7" x14ac:dyDescent="0.3">
      <c r="A8621" s="13" t="s">
        <v>75</v>
      </c>
      <c r="B8621" s="14" t="s">
        <v>1</v>
      </c>
      <c r="C8621" s="14" t="s">
        <v>51</v>
      </c>
      <c r="D8621" s="14" t="s">
        <v>76</v>
      </c>
      <c r="E8621" s="15">
        <v>45602</v>
      </c>
      <c r="F8621" s="14" t="s">
        <v>25</v>
      </c>
      <c r="G8621" s="16">
        <v>0</v>
      </c>
    </row>
    <row r="8622" spans="1:7" x14ac:dyDescent="0.3">
      <c r="A8622" s="13" t="s">
        <v>75</v>
      </c>
      <c r="B8622" s="14" t="s">
        <v>1</v>
      </c>
      <c r="C8622" s="14" t="s">
        <v>51</v>
      </c>
      <c r="D8622" s="14" t="s">
        <v>76</v>
      </c>
      <c r="E8622" s="15">
        <v>45603</v>
      </c>
      <c r="F8622" s="14" t="s">
        <v>25</v>
      </c>
      <c r="G8622" s="16">
        <v>0</v>
      </c>
    </row>
    <row r="8623" spans="1:7" x14ac:dyDescent="0.3">
      <c r="A8623" s="13" t="s">
        <v>75</v>
      </c>
      <c r="B8623" s="14" t="s">
        <v>1</v>
      </c>
      <c r="C8623" s="14" t="s">
        <v>51</v>
      </c>
      <c r="D8623" s="14" t="s">
        <v>76</v>
      </c>
      <c r="E8623" s="15">
        <v>45604</v>
      </c>
      <c r="F8623" s="14" t="s">
        <v>25</v>
      </c>
      <c r="G8623" s="16">
        <v>0</v>
      </c>
    </row>
    <row r="8624" spans="1:7" x14ac:dyDescent="0.3">
      <c r="A8624" s="13" t="s">
        <v>75</v>
      </c>
      <c r="B8624" s="14" t="s">
        <v>1</v>
      </c>
      <c r="C8624" s="14" t="s">
        <v>51</v>
      </c>
      <c r="D8624" s="14" t="s">
        <v>76</v>
      </c>
      <c r="E8624" s="15">
        <v>45605</v>
      </c>
      <c r="F8624" s="14" t="s">
        <v>25</v>
      </c>
      <c r="G8624" s="16">
        <v>0</v>
      </c>
    </row>
    <row r="8625" spans="1:7" x14ac:dyDescent="0.3">
      <c r="A8625" s="13" t="s">
        <v>75</v>
      </c>
      <c r="B8625" s="14" t="s">
        <v>1</v>
      </c>
      <c r="C8625" s="14" t="s">
        <v>51</v>
      </c>
      <c r="D8625" s="14" t="s">
        <v>76</v>
      </c>
      <c r="E8625" s="15">
        <v>45606</v>
      </c>
      <c r="F8625" s="14" t="s">
        <v>25</v>
      </c>
      <c r="G8625" s="16">
        <v>0</v>
      </c>
    </row>
    <row r="8626" spans="1:7" x14ac:dyDescent="0.3">
      <c r="A8626" s="13" t="s">
        <v>75</v>
      </c>
      <c r="B8626" s="14" t="s">
        <v>1</v>
      </c>
      <c r="C8626" s="14" t="s">
        <v>51</v>
      </c>
      <c r="D8626" s="14" t="s">
        <v>76</v>
      </c>
      <c r="E8626" s="15">
        <v>45607</v>
      </c>
      <c r="F8626" s="14" t="s">
        <v>25</v>
      </c>
      <c r="G8626" s="16">
        <v>0</v>
      </c>
    </row>
    <row r="8627" spans="1:7" x14ac:dyDescent="0.3">
      <c r="A8627" s="13" t="s">
        <v>75</v>
      </c>
      <c r="B8627" s="14" t="s">
        <v>1</v>
      </c>
      <c r="C8627" s="14" t="s">
        <v>51</v>
      </c>
      <c r="D8627" s="14" t="s">
        <v>76</v>
      </c>
      <c r="E8627" s="15">
        <v>45608</v>
      </c>
      <c r="F8627" s="14" t="s">
        <v>25</v>
      </c>
      <c r="G8627" s="16">
        <v>0</v>
      </c>
    </row>
    <row r="8628" spans="1:7" x14ac:dyDescent="0.3">
      <c r="A8628" s="13" t="s">
        <v>75</v>
      </c>
      <c r="B8628" s="14" t="s">
        <v>1</v>
      </c>
      <c r="C8628" s="14" t="s">
        <v>51</v>
      </c>
      <c r="D8628" s="14" t="s">
        <v>76</v>
      </c>
      <c r="E8628" s="15">
        <v>45609</v>
      </c>
      <c r="F8628" s="14" t="s">
        <v>25</v>
      </c>
      <c r="G8628" s="16">
        <v>0</v>
      </c>
    </row>
    <row r="8629" spans="1:7" x14ac:dyDescent="0.3">
      <c r="A8629" s="13" t="s">
        <v>75</v>
      </c>
      <c r="B8629" s="14" t="s">
        <v>1</v>
      </c>
      <c r="C8629" s="14" t="s">
        <v>51</v>
      </c>
      <c r="D8629" s="14" t="s">
        <v>76</v>
      </c>
      <c r="E8629" s="15">
        <v>45610</v>
      </c>
      <c r="F8629" s="14" t="s">
        <v>25</v>
      </c>
      <c r="G8629" s="16">
        <v>0</v>
      </c>
    </row>
    <row r="8630" spans="1:7" x14ac:dyDescent="0.3">
      <c r="A8630" s="13" t="s">
        <v>75</v>
      </c>
      <c r="B8630" s="14" t="s">
        <v>1</v>
      </c>
      <c r="C8630" s="14" t="s">
        <v>51</v>
      </c>
      <c r="D8630" s="14" t="s">
        <v>76</v>
      </c>
      <c r="E8630" s="15">
        <v>45611</v>
      </c>
      <c r="F8630" s="14" t="s">
        <v>25</v>
      </c>
      <c r="G8630" s="16">
        <v>0</v>
      </c>
    </row>
    <row r="8631" spans="1:7" x14ac:dyDescent="0.3">
      <c r="A8631" s="13" t="s">
        <v>75</v>
      </c>
      <c r="B8631" s="14" t="s">
        <v>1</v>
      </c>
      <c r="C8631" s="14" t="s">
        <v>51</v>
      </c>
      <c r="D8631" s="14" t="s">
        <v>76</v>
      </c>
      <c r="E8631" s="15">
        <v>45612</v>
      </c>
      <c r="F8631" s="14" t="s">
        <v>25</v>
      </c>
      <c r="G8631" s="16">
        <v>0</v>
      </c>
    </row>
    <row r="8632" spans="1:7" x14ac:dyDescent="0.3">
      <c r="A8632" s="13" t="s">
        <v>75</v>
      </c>
      <c r="B8632" s="14" t="s">
        <v>1</v>
      </c>
      <c r="C8632" s="14" t="s">
        <v>51</v>
      </c>
      <c r="D8632" s="14" t="s">
        <v>76</v>
      </c>
      <c r="E8632" s="15">
        <v>45613</v>
      </c>
      <c r="F8632" s="14" t="s">
        <v>25</v>
      </c>
      <c r="G8632" s="16">
        <v>0</v>
      </c>
    </row>
    <row r="8633" spans="1:7" x14ac:dyDescent="0.3">
      <c r="A8633" s="13" t="s">
        <v>75</v>
      </c>
      <c r="B8633" s="14" t="s">
        <v>1</v>
      </c>
      <c r="C8633" s="14" t="s">
        <v>51</v>
      </c>
      <c r="D8633" s="14" t="s">
        <v>76</v>
      </c>
      <c r="E8633" s="15">
        <v>45614</v>
      </c>
      <c r="F8633" s="14" t="s">
        <v>25</v>
      </c>
      <c r="G8633" s="16">
        <v>0</v>
      </c>
    </row>
    <row r="8634" spans="1:7" x14ac:dyDescent="0.3">
      <c r="A8634" s="13" t="s">
        <v>75</v>
      </c>
      <c r="B8634" s="14" t="s">
        <v>1</v>
      </c>
      <c r="C8634" s="14" t="s">
        <v>51</v>
      </c>
      <c r="D8634" s="14" t="s">
        <v>76</v>
      </c>
      <c r="E8634" s="15">
        <v>45615</v>
      </c>
      <c r="F8634" s="14" t="s">
        <v>25</v>
      </c>
      <c r="G8634" s="16">
        <v>0</v>
      </c>
    </row>
    <row r="8635" spans="1:7" x14ac:dyDescent="0.3">
      <c r="A8635" s="13" t="s">
        <v>75</v>
      </c>
      <c r="B8635" s="14" t="s">
        <v>1</v>
      </c>
      <c r="C8635" s="14" t="s">
        <v>51</v>
      </c>
      <c r="D8635" s="14" t="s">
        <v>76</v>
      </c>
      <c r="E8635" s="15">
        <v>45616</v>
      </c>
      <c r="F8635" s="14" t="s">
        <v>25</v>
      </c>
      <c r="G8635" s="16">
        <v>0</v>
      </c>
    </row>
    <row r="8636" spans="1:7" x14ac:dyDescent="0.3">
      <c r="A8636" s="13" t="s">
        <v>75</v>
      </c>
      <c r="B8636" s="14" t="s">
        <v>1</v>
      </c>
      <c r="C8636" s="14" t="s">
        <v>51</v>
      </c>
      <c r="D8636" s="14" t="s">
        <v>76</v>
      </c>
      <c r="E8636" s="15">
        <v>45617</v>
      </c>
      <c r="F8636" s="14" t="s">
        <v>25</v>
      </c>
      <c r="G8636" s="16">
        <v>0</v>
      </c>
    </row>
    <row r="8637" spans="1:7" x14ac:dyDescent="0.3">
      <c r="A8637" s="13" t="s">
        <v>75</v>
      </c>
      <c r="B8637" s="14" t="s">
        <v>1</v>
      </c>
      <c r="C8637" s="14" t="s">
        <v>51</v>
      </c>
      <c r="D8637" s="14" t="s">
        <v>76</v>
      </c>
      <c r="E8637" s="15">
        <v>45618</v>
      </c>
      <c r="F8637" s="14" t="s">
        <v>25</v>
      </c>
      <c r="G8637" s="16">
        <v>0</v>
      </c>
    </row>
    <row r="8638" spans="1:7" x14ac:dyDescent="0.3">
      <c r="A8638" s="13" t="s">
        <v>75</v>
      </c>
      <c r="B8638" s="14" t="s">
        <v>1</v>
      </c>
      <c r="C8638" s="14" t="s">
        <v>51</v>
      </c>
      <c r="D8638" s="14" t="s">
        <v>76</v>
      </c>
      <c r="E8638" s="15">
        <v>45619</v>
      </c>
      <c r="F8638" s="14" t="s">
        <v>25</v>
      </c>
      <c r="G8638" s="16">
        <v>0</v>
      </c>
    </row>
    <row r="8639" spans="1:7" x14ac:dyDescent="0.3">
      <c r="A8639" s="13" t="s">
        <v>75</v>
      </c>
      <c r="B8639" s="14" t="s">
        <v>1</v>
      </c>
      <c r="C8639" s="14" t="s">
        <v>51</v>
      </c>
      <c r="D8639" s="14" t="s">
        <v>76</v>
      </c>
      <c r="E8639" s="15">
        <v>45620</v>
      </c>
      <c r="F8639" s="14" t="s">
        <v>25</v>
      </c>
      <c r="G8639" s="16">
        <v>0</v>
      </c>
    </row>
    <row r="8640" spans="1:7" x14ac:dyDescent="0.3">
      <c r="A8640" s="13" t="s">
        <v>75</v>
      </c>
      <c r="B8640" s="14" t="s">
        <v>1</v>
      </c>
      <c r="C8640" s="14" t="s">
        <v>51</v>
      </c>
      <c r="D8640" s="14" t="s">
        <v>76</v>
      </c>
      <c r="E8640" s="15">
        <v>45621</v>
      </c>
      <c r="F8640" s="14" t="s">
        <v>25</v>
      </c>
      <c r="G8640" s="16">
        <v>0</v>
      </c>
    </row>
    <row r="8641" spans="1:7" x14ac:dyDescent="0.3">
      <c r="A8641" s="13" t="s">
        <v>75</v>
      </c>
      <c r="B8641" s="14" t="s">
        <v>1</v>
      </c>
      <c r="C8641" s="14" t="s">
        <v>51</v>
      </c>
      <c r="D8641" s="14" t="s">
        <v>76</v>
      </c>
      <c r="E8641" s="15">
        <v>45622</v>
      </c>
      <c r="F8641" s="14" t="s">
        <v>25</v>
      </c>
      <c r="G8641" s="16">
        <v>0</v>
      </c>
    </row>
    <row r="8642" spans="1:7" x14ac:dyDescent="0.3">
      <c r="A8642" s="13" t="s">
        <v>75</v>
      </c>
      <c r="B8642" s="14" t="s">
        <v>1</v>
      </c>
      <c r="C8642" s="14" t="s">
        <v>51</v>
      </c>
      <c r="D8642" s="14" t="s">
        <v>76</v>
      </c>
      <c r="E8642" s="15">
        <v>45623</v>
      </c>
      <c r="F8642" s="14" t="s">
        <v>25</v>
      </c>
      <c r="G8642" s="16">
        <v>0</v>
      </c>
    </row>
    <row r="8643" spans="1:7" x14ac:dyDescent="0.3">
      <c r="A8643" s="13" t="s">
        <v>75</v>
      </c>
      <c r="B8643" s="14" t="s">
        <v>1</v>
      </c>
      <c r="C8643" s="14" t="s">
        <v>51</v>
      </c>
      <c r="D8643" s="14" t="s">
        <v>76</v>
      </c>
      <c r="E8643" s="15">
        <v>45624</v>
      </c>
      <c r="F8643" s="14" t="s">
        <v>25</v>
      </c>
      <c r="G8643" s="16">
        <v>0</v>
      </c>
    </row>
    <row r="8644" spans="1:7" x14ac:dyDescent="0.3">
      <c r="A8644" s="13" t="s">
        <v>75</v>
      </c>
      <c r="B8644" s="14" t="s">
        <v>1</v>
      </c>
      <c r="C8644" s="14" t="s">
        <v>51</v>
      </c>
      <c r="D8644" s="14" t="s">
        <v>76</v>
      </c>
      <c r="E8644" s="15">
        <v>45625</v>
      </c>
      <c r="F8644" s="14" t="s">
        <v>25</v>
      </c>
      <c r="G8644" s="16">
        <v>0</v>
      </c>
    </row>
    <row r="8645" spans="1:7" x14ac:dyDescent="0.3">
      <c r="A8645" s="13" t="s">
        <v>75</v>
      </c>
      <c r="B8645" s="14" t="s">
        <v>1</v>
      </c>
      <c r="C8645" s="14" t="s">
        <v>51</v>
      </c>
      <c r="D8645" s="14" t="s">
        <v>76</v>
      </c>
      <c r="E8645" s="15">
        <v>45626</v>
      </c>
      <c r="F8645" s="14" t="s">
        <v>25</v>
      </c>
      <c r="G8645" s="16">
        <v>0</v>
      </c>
    </row>
    <row r="8646" spans="1:7" x14ac:dyDescent="0.3">
      <c r="A8646" s="13" t="s">
        <v>75</v>
      </c>
      <c r="B8646" s="14" t="s">
        <v>1</v>
      </c>
      <c r="C8646" s="14" t="s">
        <v>51</v>
      </c>
      <c r="D8646" s="14" t="s">
        <v>76</v>
      </c>
      <c r="E8646" s="15">
        <v>45627</v>
      </c>
      <c r="F8646" s="14" t="s">
        <v>25</v>
      </c>
      <c r="G8646" s="16">
        <v>0</v>
      </c>
    </row>
    <row r="8647" spans="1:7" x14ac:dyDescent="0.3">
      <c r="A8647" s="13" t="s">
        <v>75</v>
      </c>
      <c r="B8647" s="14" t="s">
        <v>1</v>
      </c>
      <c r="C8647" s="14" t="s">
        <v>51</v>
      </c>
      <c r="D8647" s="14" t="s">
        <v>76</v>
      </c>
      <c r="E8647" s="15">
        <v>45628</v>
      </c>
      <c r="F8647" s="14" t="s">
        <v>25</v>
      </c>
      <c r="G8647" s="16">
        <v>0</v>
      </c>
    </row>
    <row r="8648" spans="1:7" x14ac:dyDescent="0.3">
      <c r="A8648" s="13" t="s">
        <v>75</v>
      </c>
      <c r="B8648" s="14" t="s">
        <v>1</v>
      </c>
      <c r="C8648" s="14" t="s">
        <v>51</v>
      </c>
      <c r="D8648" s="14" t="s">
        <v>76</v>
      </c>
      <c r="E8648" s="15">
        <v>45629</v>
      </c>
      <c r="F8648" s="14" t="s">
        <v>25</v>
      </c>
      <c r="G8648" s="16">
        <v>0</v>
      </c>
    </row>
    <row r="8649" spans="1:7" x14ac:dyDescent="0.3">
      <c r="A8649" s="13" t="s">
        <v>75</v>
      </c>
      <c r="B8649" s="14" t="s">
        <v>1</v>
      </c>
      <c r="C8649" s="14" t="s">
        <v>51</v>
      </c>
      <c r="D8649" s="14" t="s">
        <v>76</v>
      </c>
      <c r="E8649" s="15">
        <v>45630</v>
      </c>
      <c r="F8649" s="14" t="s">
        <v>25</v>
      </c>
      <c r="G8649" s="16">
        <v>0</v>
      </c>
    </row>
    <row r="8650" spans="1:7" x14ac:dyDescent="0.3">
      <c r="A8650" s="13" t="s">
        <v>75</v>
      </c>
      <c r="B8650" s="14" t="s">
        <v>1</v>
      </c>
      <c r="C8650" s="14" t="s">
        <v>51</v>
      </c>
      <c r="D8650" s="14" t="s">
        <v>76</v>
      </c>
      <c r="E8650" s="15">
        <v>45631</v>
      </c>
      <c r="F8650" s="14" t="s">
        <v>25</v>
      </c>
      <c r="G8650" s="16">
        <v>0</v>
      </c>
    </row>
    <row r="8651" spans="1:7" x14ac:dyDescent="0.3">
      <c r="A8651" s="13" t="s">
        <v>75</v>
      </c>
      <c r="B8651" s="14" t="s">
        <v>1</v>
      </c>
      <c r="C8651" s="14" t="s">
        <v>51</v>
      </c>
      <c r="D8651" s="14" t="s">
        <v>76</v>
      </c>
      <c r="E8651" s="15">
        <v>45632</v>
      </c>
      <c r="F8651" s="14" t="s">
        <v>25</v>
      </c>
      <c r="G8651" s="16">
        <v>0</v>
      </c>
    </row>
    <row r="8652" spans="1:7" x14ac:dyDescent="0.3">
      <c r="A8652" s="13" t="s">
        <v>75</v>
      </c>
      <c r="B8652" s="14" t="s">
        <v>1</v>
      </c>
      <c r="C8652" s="14" t="s">
        <v>51</v>
      </c>
      <c r="D8652" s="14" t="s">
        <v>76</v>
      </c>
      <c r="E8652" s="15">
        <v>45633</v>
      </c>
      <c r="F8652" s="14" t="s">
        <v>25</v>
      </c>
      <c r="G8652" s="16">
        <v>0</v>
      </c>
    </row>
    <row r="8653" spans="1:7" x14ac:dyDescent="0.3">
      <c r="A8653" s="13" t="s">
        <v>75</v>
      </c>
      <c r="B8653" s="14" t="s">
        <v>1</v>
      </c>
      <c r="C8653" s="14" t="s">
        <v>51</v>
      </c>
      <c r="D8653" s="14" t="s">
        <v>76</v>
      </c>
      <c r="E8653" s="15">
        <v>45634</v>
      </c>
      <c r="F8653" s="14" t="s">
        <v>25</v>
      </c>
      <c r="G8653" s="16">
        <v>0</v>
      </c>
    </row>
    <row r="8654" spans="1:7" x14ac:dyDescent="0.3">
      <c r="A8654" s="13" t="s">
        <v>75</v>
      </c>
      <c r="B8654" s="14" t="s">
        <v>1</v>
      </c>
      <c r="C8654" s="14" t="s">
        <v>51</v>
      </c>
      <c r="D8654" s="14" t="s">
        <v>76</v>
      </c>
      <c r="E8654" s="15">
        <v>45635</v>
      </c>
      <c r="F8654" s="14" t="s">
        <v>25</v>
      </c>
      <c r="G8654" s="16">
        <v>2.3025340935816322E-2</v>
      </c>
    </row>
    <row r="8655" spans="1:7" x14ac:dyDescent="0.3">
      <c r="A8655" s="13" t="s">
        <v>75</v>
      </c>
      <c r="B8655" s="14" t="s">
        <v>1</v>
      </c>
      <c r="C8655" s="14" t="s">
        <v>51</v>
      </c>
      <c r="D8655" s="14" t="s">
        <v>76</v>
      </c>
      <c r="E8655" s="15">
        <v>45636</v>
      </c>
      <c r="F8655" s="14" t="s">
        <v>25</v>
      </c>
      <c r="G8655" s="16">
        <v>1.4884719224367333E-2</v>
      </c>
    </row>
    <row r="8656" spans="1:7" x14ac:dyDescent="0.3">
      <c r="A8656" s="13" t="s">
        <v>75</v>
      </c>
      <c r="B8656" s="14" t="s">
        <v>1</v>
      </c>
      <c r="C8656" s="14" t="s">
        <v>51</v>
      </c>
      <c r="D8656" s="14" t="s">
        <v>76</v>
      </c>
      <c r="E8656" s="15">
        <v>45637</v>
      </c>
      <c r="F8656" s="14" t="s">
        <v>25</v>
      </c>
      <c r="G8656" s="16">
        <v>1.5173883483155069E-2</v>
      </c>
    </row>
    <row r="8657" spans="1:7" x14ac:dyDescent="0.3">
      <c r="A8657" s="13" t="s">
        <v>75</v>
      </c>
      <c r="B8657" s="14" t="s">
        <v>1</v>
      </c>
      <c r="C8657" s="14" t="s">
        <v>51</v>
      </c>
      <c r="D8657" s="14" t="s">
        <v>76</v>
      </c>
      <c r="E8657" s="15">
        <v>45638</v>
      </c>
      <c r="F8657" s="14" t="s">
        <v>25</v>
      </c>
      <c r="G8657" s="16">
        <v>1.2539357730084884E-2</v>
      </c>
    </row>
    <row r="8658" spans="1:7" x14ac:dyDescent="0.3">
      <c r="A8658" s="13" t="s">
        <v>75</v>
      </c>
      <c r="B8658" s="14" t="s">
        <v>1</v>
      </c>
      <c r="C8658" s="14" t="s">
        <v>51</v>
      </c>
      <c r="D8658" s="14" t="s">
        <v>76</v>
      </c>
      <c r="E8658" s="15">
        <v>45639</v>
      </c>
      <c r="F8658" s="14" t="s">
        <v>25</v>
      </c>
      <c r="G8658" s="16">
        <v>9.7769833736065792E-3</v>
      </c>
    </row>
    <row r="8659" spans="1:7" x14ac:dyDescent="0.3">
      <c r="A8659" s="13" t="s">
        <v>75</v>
      </c>
      <c r="B8659" s="14" t="s">
        <v>1</v>
      </c>
      <c r="C8659" s="14" t="s">
        <v>51</v>
      </c>
      <c r="D8659" s="14" t="s">
        <v>76</v>
      </c>
      <c r="E8659" s="15">
        <v>45640</v>
      </c>
      <c r="F8659" s="14" t="s">
        <v>25</v>
      </c>
      <c r="G8659" s="16">
        <v>9.7769833736065792E-3</v>
      </c>
    </row>
    <row r="8660" spans="1:7" x14ac:dyDescent="0.3">
      <c r="A8660" s="13" t="s">
        <v>75</v>
      </c>
      <c r="B8660" s="14" t="s">
        <v>1</v>
      </c>
      <c r="C8660" s="14" t="s">
        <v>51</v>
      </c>
      <c r="D8660" s="14" t="s">
        <v>76</v>
      </c>
      <c r="E8660" s="15">
        <v>45641</v>
      </c>
      <c r="F8660" s="14" t="s">
        <v>25</v>
      </c>
      <c r="G8660" s="16">
        <v>9.7769833736065792E-3</v>
      </c>
    </row>
    <row r="8661" spans="1:7" x14ac:dyDescent="0.3">
      <c r="A8661" s="13" t="s">
        <v>75</v>
      </c>
      <c r="B8661" s="14" t="s">
        <v>1</v>
      </c>
      <c r="C8661" s="14" t="s">
        <v>51</v>
      </c>
      <c r="D8661" s="14" t="s">
        <v>76</v>
      </c>
      <c r="E8661" s="15">
        <v>45642</v>
      </c>
      <c r="F8661" s="14" t="s">
        <v>25</v>
      </c>
      <c r="G8661" s="16">
        <v>5.1356673569005473E-3</v>
      </c>
    </row>
    <row r="8662" spans="1:7" x14ac:dyDescent="0.3">
      <c r="A8662" s="13" t="s">
        <v>75</v>
      </c>
      <c r="B8662" s="14" t="s">
        <v>1</v>
      </c>
      <c r="C8662" s="14" t="s">
        <v>51</v>
      </c>
      <c r="D8662" s="14" t="s">
        <v>76</v>
      </c>
      <c r="E8662" s="15">
        <v>45643</v>
      </c>
      <c r="F8662" s="14" t="s">
        <v>25</v>
      </c>
      <c r="G8662" s="16">
        <v>5.3798596788067832E-4</v>
      </c>
    </row>
    <row r="8663" spans="1:7" x14ac:dyDescent="0.3">
      <c r="A8663" s="13" t="s">
        <v>75</v>
      </c>
      <c r="B8663" s="14" t="s">
        <v>1</v>
      </c>
      <c r="C8663" s="14" t="s">
        <v>51</v>
      </c>
      <c r="D8663" s="14" t="s">
        <v>76</v>
      </c>
      <c r="E8663" s="15">
        <v>45644</v>
      </c>
      <c r="F8663" s="14" t="s">
        <v>25</v>
      </c>
      <c r="G8663" s="16">
        <v>0</v>
      </c>
    </row>
    <row r="8664" spans="1:7" x14ac:dyDescent="0.3">
      <c r="A8664" s="13" t="s">
        <v>75</v>
      </c>
      <c r="B8664" s="14" t="s">
        <v>1</v>
      </c>
      <c r="C8664" s="14" t="s">
        <v>51</v>
      </c>
      <c r="D8664" s="14" t="s">
        <v>76</v>
      </c>
      <c r="E8664" s="15">
        <v>45645</v>
      </c>
      <c r="F8664" s="14" t="s">
        <v>25</v>
      </c>
      <c r="G8664" s="16">
        <v>0</v>
      </c>
    </row>
    <row r="8665" spans="1:7" x14ac:dyDescent="0.3">
      <c r="A8665" s="13" t="s">
        <v>75</v>
      </c>
      <c r="B8665" s="14" t="s">
        <v>1</v>
      </c>
      <c r="C8665" s="14" t="s">
        <v>51</v>
      </c>
      <c r="D8665" s="14" t="s">
        <v>76</v>
      </c>
      <c r="E8665" s="15">
        <v>45646</v>
      </c>
      <c r="F8665" s="14" t="s">
        <v>25</v>
      </c>
      <c r="G8665" s="16">
        <v>0</v>
      </c>
    </row>
    <row r="8666" spans="1:7" x14ac:dyDescent="0.3">
      <c r="A8666" s="13" t="s">
        <v>75</v>
      </c>
      <c r="B8666" s="14" t="s">
        <v>1</v>
      </c>
      <c r="C8666" s="14" t="s">
        <v>51</v>
      </c>
      <c r="D8666" s="14" t="s">
        <v>76</v>
      </c>
      <c r="E8666" s="15">
        <v>45647</v>
      </c>
      <c r="F8666" s="14" t="s">
        <v>25</v>
      </c>
      <c r="G8666" s="16">
        <v>0</v>
      </c>
    </row>
    <row r="8667" spans="1:7" x14ac:dyDescent="0.3">
      <c r="A8667" s="13" t="s">
        <v>75</v>
      </c>
      <c r="B8667" s="14" t="s">
        <v>1</v>
      </c>
      <c r="C8667" s="14" t="s">
        <v>51</v>
      </c>
      <c r="D8667" s="14" t="s">
        <v>76</v>
      </c>
      <c r="E8667" s="15">
        <v>45648</v>
      </c>
      <c r="F8667" s="14" t="s">
        <v>25</v>
      </c>
      <c r="G8667" s="16">
        <v>0</v>
      </c>
    </row>
    <row r="8668" spans="1:7" x14ac:dyDescent="0.3">
      <c r="A8668" s="13" t="s">
        <v>75</v>
      </c>
      <c r="B8668" s="14" t="s">
        <v>1</v>
      </c>
      <c r="C8668" s="14" t="s">
        <v>51</v>
      </c>
      <c r="D8668" s="14" t="s">
        <v>76</v>
      </c>
      <c r="E8668" s="15">
        <v>45649</v>
      </c>
      <c r="F8668" s="14" t="s">
        <v>25</v>
      </c>
      <c r="G8668" s="16">
        <v>0</v>
      </c>
    </row>
    <row r="8669" spans="1:7" x14ac:dyDescent="0.3">
      <c r="A8669" s="13" t="s">
        <v>75</v>
      </c>
      <c r="B8669" s="14" t="s">
        <v>1</v>
      </c>
      <c r="C8669" s="14" t="s">
        <v>51</v>
      </c>
      <c r="D8669" s="14" t="s">
        <v>76</v>
      </c>
      <c r="E8669" s="15">
        <v>45650</v>
      </c>
      <c r="F8669" s="14" t="s">
        <v>25</v>
      </c>
      <c r="G8669" s="16">
        <v>0</v>
      </c>
    </row>
    <row r="8670" spans="1:7" x14ac:dyDescent="0.3">
      <c r="A8670" s="13" t="s">
        <v>75</v>
      </c>
      <c r="B8670" s="14" t="s">
        <v>1</v>
      </c>
      <c r="C8670" s="14" t="s">
        <v>51</v>
      </c>
      <c r="D8670" s="14" t="s">
        <v>76</v>
      </c>
      <c r="E8670" s="15">
        <v>45651</v>
      </c>
      <c r="F8670" s="14" t="s">
        <v>25</v>
      </c>
      <c r="G8670" s="16">
        <v>0</v>
      </c>
    </row>
    <row r="8671" spans="1:7" x14ac:dyDescent="0.3">
      <c r="A8671" s="13" t="s">
        <v>75</v>
      </c>
      <c r="B8671" s="14" t="s">
        <v>1</v>
      </c>
      <c r="C8671" s="14" t="s">
        <v>51</v>
      </c>
      <c r="D8671" s="14" t="s">
        <v>76</v>
      </c>
      <c r="E8671" s="15">
        <v>45652</v>
      </c>
      <c r="F8671" s="14" t="s">
        <v>25</v>
      </c>
      <c r="G8671" s="16">
        <v>0</v>
      </c>
    </row>
    <row r="8672" spans="1:7" x14ac:dyDescent="0.3">
      <c r="A8672" s="13" t="s">
        <v>75</v>
      </c>
      <c r="B8672" s="14" t="s">
        <v>1</v>
      </c>
      <c r="C8672" s="14" t="s">
        <v>51</v>
      </c>
      <c r="D8672" s="14" t="s">
        <v>76</v>
      </c>
      <c r="E8672" s="15">
        <v>45653</v>
      </c>
      <c r="F8672" s="14" t="s">
        <v>25</v>
      </c>
      <c r="G8672" s="16">
        <v>0</v>
      </c>
    </row>
    <row r="8673" spans="1:7" x14ac:dyDescent="0.3">
      <c r="A8673" s="13" t="s">
        <v>75</v>
      </c>
      <c r="B8673" s="14" t="s">
        <v>1</v>
      </c>
      <c r="C8673" s="14" t="s">
        <v>51</v>
      </c>
      <c r="D8673" s="14" t="s">
        <v>76</v>
      </c>
      <c r="E8673" s="15">
        <v>45654</v>
      </c>
      <c r="F8673" s="14" t="s">
        <v>25</v>
      </c>
      <c r="G8673" s="16">
        <v>0</v>
      </c>
    </row>
    <row r="8674" spans="1:7" x14ac:dyDescent="0.3">
      <c r="A8674" s="13" t="s">
        <v>75</v>
      </c>
      <c r="B8674" s="14" t="s">
        <v>1</v>
      </c>
      <c r="C8674" s="14" t="s">
        <v>51</v>
      </c>
      <c r="D8674" s="14" t="s">
        <v>76</v>
      </c>
      <c r="E8674" s="15">
        <v>45655</v>
      </c>
      <c r="F8674" s="14" t="s">
        <v>25</v>
      </c>
      <c r="G8674" s="16">
        <v>0</v>
      </c>
    </row>
    <row r="8675" spans="1:7" x14ac:dyDescent="0.3">
      <c r="A8675" s="13" t="s">
        <v>75</v>
      </c>
      <c r="B8675" s="14" t="s">
        <v>1</v>
      </c>
      <c r="C8675" s="14" t="s">
        <v>51</v>
      </c>
      <c r="D8675" s="14" t="s">
        <v>76</v>
      </c>
      <c r="E8675" s="15">
        <v>45656</v>
      </c>
      <c r="F8675" s="14" t="s">
        <v>25</v>
      </c>
      <c r="G8675" s="16">
        <v>0</v>
      </c>
    </row>
    <row r="8676" spans="1:7" x14ac:dyDescent="0.3">
      <c r="A8676" s="13" t="s">
        <v>75</v>
      </c>
      <c r="B8676" s="14" t="s">
        <v>1</v>
      </c>
      <c r="C8676" s="14" t="s">
        <v>51</v>
      </c>
      <c r="D8676" s="14" t="s">
        <v>76</v>
      </c>
      <c r="E8676" s="15">
        <v>45657</v>
      </c>
      <c r="F8676" s="14" t="s">
        <v>25</v>
      </c>
      <c r="G8676" s="16">
        <v>0</v>
      </c>
    </row>
    <row r="8677" spans="1:7" x14ac:dyDescent="0.3">
      <c r="A8677" s="13" t="s">
        <v>75</v>
      </c>
      <c r="B8677" s="14" t="s">
        <v>1</v>
      </c>
      <c r="C8677" s="14" t="s">
        <v>51</v>
      </c>
      <c r="D8677" s="14" t="s">
        <v>76</v>
      </c>
      <c r="E8677" s="15">
        <v>45658</v>
      </c>
      <c r="F8677" s="14" t="s">
        <v>25</v>
      </c>
      <c r="G8677" s="16">
        <v>0</v>
      </c>
    </row>
    <row r="8678" spans="1:7" x14ac:dyDescent="0.3">
      <c r="A8678" s="13" t="s">
        <v>75</v>
      </c>
      <c r="B8678" s="14" t="s">
        <v>1</v>
      </c>
      <c r="C8678" s="14" t="s">
        <v>51</v>
      </c>
      <c r="D8678" s="14" t="s">
        <v>76</v>
      </c>
      <c r="E8678" s="15">
        <v>45659</v>
      </c>
      <c r="F8678" s="14" t="s">
        <v>25</v>
      </c>
      <c r="G8678" s="16">
        <v>0</v>
      </c>
    </row>
    <row r="8679" spans="1:7" x14ac:dyDescent="0.3">
      <c r="A8679" s="13" t="s">
        <v>75</v>
      </c>
      <c r="B8679" s="14" t="s">
        <v>1</v>
      </c>
      <c r="C8679" s="14" t="s">
        <v>51</v>
      </c>
      <c r="D8679" s="14" t="s">
        <v>76</v>
      </c>
      <c r="E8679" s="15">
        <v>45660</v>
      </c>
      <c r="F8679" s="14" t="s">
        <v>25</v>
      </c>
      <c r="G8679" s="16">
        <v>0</v>
      </c>
    </row>
    <row r="8680" spans="1:7" x14ac:dyDescent="0.3">
      <c r="A8680" s="13" t="s">
        <v>75</v>
      </c>
      <c r="B8680" s="14" t="s">
        <v>1</v>
      </c>
      <c r="C8680" s="14" t="s">
        <v>51</v>
      </c>
      <c r="D8680" s="14" t="s">
        <v>76</v>
      </c>
      <c r="E8680" s="15">
        <v>45661</v>
      </c>
      <c r="F8680" s="14" t="s">
        <v>25</v>
      </c>
      <c r="G8680" s="16">
        <v>0</v>
      </c>
    </row>
    <row r="8681" spans="1:7" x14ac:dyDescent="0.3">
      <c r="A8681" s="13" t="s">
        <v>75</v>
      </c>
      <c r="B8681" s="14" t="s">
        <v>1</v>
      </c>
      <c r="C8681" s="14" t="s">
        <v>51</v>
      </c>
      <c r="D8681" s="14" t="s">
        <v>76</v>
      </c>
      <c r="E8681" s="15">
        <v>45662</v>
      </c>
      <c r="F8681" s="14" t="s">
        <v>25</v>
      </c>
      <c r="G8681" s="16">
        <v>0</v>
      </c>
    </row>
    <row r="8682" spans="1:7" x14ac:dyDescent="0.3">
      <c r="A8682" s="13" t="s">
        <v>75</v>
      </c>
      <c r="B8682" s="14" t="s">
        <v>1</v>
      </c>
      <c r="C8682" s="14" t="s">
        <v>51</v>
      </c>
      <c r="D8682" s="14" t="s">
        <v>76</v>
      </c>
      <c r="E8682" s="15">
        <v>45663</v>
      </c>
      <c r="F8682" s="14" t="s">
        <v>25</v>
      </c>
      <c r="G8682" s="16">
        <v>0</v>
      </c>
    </row>
    <row r="8683" spans="1:7" x14ac:dyDescent="0.3">
      <c r="A8683" s="13" t="s">
        <v>75</v>
      </c>
      <c r="B8683" s="14" t="s">
        <v>1</v>
      </c>
      <c r="C8683" s="14" t="s">
        <v>51</v>
      </c>
      <c r="D8683" s="14" t="s">
        <v>76</v>
      </c>
      <c r="E8683" s="15">
        <v>45664</v>
      </c>
      <c r="F8683" s="14" t="s">
        <v>25</v>
      </c>
      <c r="G8683" s="16">
        <v>0</v>
      </c>
    </row>
    <row r="8684" spans="1:7" x14ac:dyDescent="0.3">
      <c r="A8684" s="13" t="s">
        <v>75</v>
      </c>
      <c r="B8684" s="14" t="s">
        <v>1</v>
      </c>
      <c r="C8684" s="14" t="s">
        <v>51</v>
      </c>
      <c r="D8684" s="14" t="s">
        <v>76</v>
      </c>
      <c r="E8684" s="15">
        <v>45665</v>
      </c>
      <c r="F8684" s="14" t="s">
        <v>25</v>
      </c>
      <c r="G8684" s="16">
        <v>0</v>
      </c>
    </row>
    <row r="8685" spans="1:7" x14ac:dyDescent="0.3">
      <c r="A8685" s="13" t="s">
        <v>75</v>
      </c>
      <c r="B8685" s="14" t="s">
        <v>1</v>
      </c>
      <c r="C8685" s="14" t="s">
        <v>51</v>
      </c>
      <c r="D8685" s="14" t="s">
        <v>76</v>
      </c>
      <c r="E8685" s="15">
        <v>45666</v>
      </c>
      <c r="F8685" s="14" t="s">
        <v>25</v>
      </c>
      <c r="G8685" s="16">
        <v>0</v>
      </c>
    </row>
    <row r="8686" spans="1:7" x14ac:dyDescent="0.3">
      <c r="A8686" s="13" t="s">
        <v>75</v>
      </c>
      <c r="B8686" s="14" t="s">
        <v>1</v>
      </c>
      <c r="C8686" s="14" t="s">
        <v>51</v>
      </c>
      <c r="D8686" s="14" t="s">
        <v>76</v>
      </c>
      <c r="E8686" s="15">
        <v>45667</v>
      </c>
      <c r="F8686" s="14" t="s">
        <v>25</v>
      </c>
      <c r="G8686" s="16">
        <v>0</v>
      </c>
    </row>
    <row r="8687" spans="1:7" x14ac:dyDescent="0.3">
      <c r="A8687" s="13" t="s">
        <v>75</v>
      </c>
      <c r="B8687" s="14" t="s">
        <v>1</v>
      </c>
      <c r="C8687" s="14" t="s">
        <v>51</v>
      </c>
      <c r="D8687" s="14" t="s">
        <v>76</v>
      </c>
      <c r="E8687" s="15">
        <v>45668</v>
      </c>
      <c r="F8687" s="14" t="s">
        <v>25</v>
      </c>
      <c r="G8687" s="16">
        <v>0</v>
      </c>
    </row>
    <row r="8688" spans="1:7" x14ac:dyDescent="0.3">
      <c r="A8688" s="13" t="s">
        <v>75</v>
      </c>
      <c r="B8688" s="14" t="s">
        <v>1</v>
      </c>
      <c r="C8688" s="14" t="s">
        <v>51</v>
      </c>
      <c r="D8688" s="14" t="s">
        <v>76</v>
      </c>
      <c r="E8688" s="15">
        <v>45669</v>
      </c>
      <c r="F8688" s="14" t="s">
        <v>25</v>
      </c>
      <c r="G8688" s="16">
        <v>0</v>
      </c>
    </row>
    <row r="8689" spans="1:7" x14ac:dyDescent="0.3">
      <c r="A8689" s="13" t="s">
        <v>75</v>
      </c>
      <c r="B8689" s="14" t="s">
        <v>1</v>
      </c>
      <c r="C8689" s="14" t="s">
        <v>51</v>
      </c>
      <c r="D8689" s="14" t="s">
        <v>76</v>
      </c>
      <c r="E8689" s="15">
        <v>45670</v>
      </c>
      <c r="F8689" s="14" t="s">
        <v>25</v>
      </c>
      <c r="G8689" s="16">
        <v>0</v>
      </c>
    </row>
    <row r="8690" spans="1:7" x14ac:dyDescent="0.3">
      <c r="A8690" s="13" t="s">
        <v>75</v>
      </c>
      <c r="B8690" s="14" t="s">
        <v>1</v>
      </c>
      <c r="C8690" s="14" t="s">
        <v>51</v>
      </c>
      <c r="D8690" s="14" t="s">
        <v>76</v>
      </c>
      <c r="E8690" s="15">
        <v>45671</v>
      </c>
      <c r="F8690" s="14" t="s">
        <v>25</v>
      </c>
      <c r="G8690" s="16">
        <v>0</v>
      </c>
    </row>
    <row r="8691" spans="1:7" x14ac:dyDescent="0.3">
      <c r="A8691" s="13" t="s">
        <v>75</v>
      </c>
      <c r="B8691" s="14" t="s">
        <v>1</v>
      </c>
      <c r="C8691" s="14" t="s">
        <v>51</v>
      </c>
      <c r="D8691" s="14" t="s">
        <v>76</v>
      </c>
      <c r="E8691" s="15">
        <v>45672</v>
      </c>
      <c r="F8691" s="14" t="s">
        <v>25</v>
      </c>
      <c r="G8691" s="16">
        <v>0</v>
      </c>
    </row>
    <row r="8692" spans="1:7" x14ac:dyDescent="0.3">
      <c r="A8692" s="13" t="s">
        <v>75</v>
      </c>
      <c r="B8692" s="14" t="s">
        <v>1</v>
      </c>
      <c r="C8692" s="14" t="s">
        <v>51</v>
      </c>
      <c r="D8692" s="14" t="s">
        <v>76</v>
      </c>
      <c r="E8692" s="15">
        <v>45673</v>
      </c>
      <c r="F8692" s="14" t="s">
        <v>25</v>
      </c>
      <c r="G8692" s="16">
        <v>0</v>
      </c>
    </row>
    <row r="8693" spans="1:7" x14ac:dyDescent="0.3">
      <c r="A8693" s="13" t="s">
        <v>75</v>
      </c>
      <c r="B8693" s="14" t="s">
        <v>1</v>
      </c>
      <c r="C8693" s="14" t="s">
        <v>51</v>
      </c>
      <c r="D8693" s="14" t="s">
        <v>76</v>
      </c>
      <c r="E8693" s="15">
        <v>45674</v>
      </c>
      <c r="F8693" s="14" t="s">
        <v>25</v>
      </c>
      <c r="G8693" s="16">
        <v>0</v>
      </c>
    </row>
    <row r="8694" spans="1:7" x14ac:dyDescent="0.3">
      <c r="A8694" s="13" t="s">
        <v>75</v>
      </c>
      <c r="B8694" s="14" t="s">
        <v>1</v>
      </c>
      <c r="C8694" s="14" t="s">
        <v>51</v>
      </c>
      <c r="D8694" s="14" t="s">
        <v>76</v>
      </c>
      <c r="E8694" s="15">
        <v>45675</v>
      </c>
      <c r="F8694" s="14" t="s">
        <v>25</v>
      </c>
      <c r="G8694" s="16">
        <v>0</v>
      </c>
    </row>
    <row r="8695" spans="1:7" x14ac:dyDescent="0.3">
      <c r="A8695" s="13" t="s">
        <v>75</v>
      </c>
      <c r="B8695" s="14" t="s">
        <v>1</v>
      </c>
      <c r="C8695" s="14" t="s">
        <v>51</v>
      </c>
      <c r="D8695" s="14" t="s">
        <v>76</v>
      </c>
      <c r="E8695" s="15">
        <v>45676</v>
      </c>
      <c r="F8695" s="14" t="s">
        <v>25</v>
      </c>
      <c r="G8695" s="16">
        <v>0</v>
      </c>
    </row>
    <row r="8696" spans="1:7" x14ac:dyDescent="0.3">
      <c r="A8696" s="13" t="s">
        <v>75</v>
      </c>
      <c r="B8696" s="14" t="s">
        <v>1</v>
      </c>
      <c r="C8696" s="14" t="s">
        <v>51</v>
      </c>
      <c r="D8696" s="14" t="s">
        <v>76</v>
      </c>
      <c r="E8696" s="15">
        <v>45677</v>
      </c>
      <c r="F8696" s="14" t="s">
        <v>25</v>
      </c>
      <c r="G8696" s="16">
        <v>0</v>
      </c>
    </row>
    <row r="8697" spans="1:7" x14ac:dyDescent="0.3">
      <c r="A8697" s="13" t="s">
        <v>75</v>
      </c>
      <c r="B8697" s="14" t="s">
        <v>1</v>
      </c>
      <c r="C8697" s="14" t="s">
        <v>51</v>
      </c>
      <c r="D8697" s="14" t="s">
        <v>76</v>
      </c>
      <c r="E8697" s="15">
        <v>45678</v>
      </c>
      <c r="F8697" s="14" t="s">
        <v>25</v>
      </c>
      <c r="G8697" s="16">
        <v>0</v>
      </c>
    </row>
    <row r="8698" spans="1:7" x14ac:dyDescent="0.3">
      <c r="A8698" s="13" t="s">
        <v>75</v>
      </c>
      <c r="B8698" s="14" t="s">
        <v>1</v>
      </c>
      <c r="C8698" s="14" t="s">
        <v>51</v>
      </c>
      <c r="D8698" s="14" t="s">
        <v>76</v>
      </c>
      <c r="E8698" s="15">
        <v>45679</v>
      </c>
      <c r="F8698" s="14" t="s">
        <v>25</v>
      </c>
      <c r="G8698" s="16">
        <v>0</v>
      </c>
    </row>
    <row r="8699" spans="1:7" x14ac:dyDescent="0.3">
      <c r="A8699" s="13" t="s">
        <v>75</v>
      </c>
      <c r="B8699" s="14" t="s">
        <v>1</v>
      </c>
      <c r="C8699" s="14" t="s">
        <v>51</v>
      </c>
      <c r="D8699" s="14" t="s">
        <v>76</v>
      </c>
      <c r="E8699" s="15">
        <v>45680</v>
      </c>
      <c r="F8699" s="14" t="s">
        <v>25</v>
      </c>
      <c r="G8699" s="16">
        <v>0</v>
      </c>
    </row>
    <row r="8700" spans="1:7" x14ac:dyDescent="0.3">
      <c r="A8700" s="13" t="s">
        <v>75</v>
      </c>
      <c r="B8700" s="14" t="s">
        <v>1</v>
      </c>
      <c r="C8700" s="14" t="s">
        <v>51</v>
      </c>
      <c r="D8700" s="14" t="s">
        <v>76</v>
      </c>
      <c r="E8700" s="15">
        <v>45681</v>
      </c>
      <c r="F8700" s="14" t="s">
        <v>25</v>
      </c>
      <c r="G8700" s="16">
        <v>0</v>
      </c>
    </row>
    <row r="8701" spans="1:7" x14ac:dyDescent="0.3">
      <c r="A8701" s="13" t="s">
        <v>75</v>
      </c>
      <c r="B8701" s="14" t="s">
        <v>1</v>
      </c>
      <c r="C8701" s="14" t="s">
        <v>51</v>
      </c>
      <c r="D8701" s="14" t="s">
        <v>76</v>
      </c>
      <c r="E8701" s="15">
        <v>45682</v>
      </c>
      <c r="F8701" s="14" t="s">
        <v>25</v>
      </c>
      <c r="G8701" s="16">
        <v>0</v>
      </c>
    </row>
    <row r="8702" spans="1:7" x14ac:dyDescent="0.3">
      <c r="A8702" s="13" t="s">
        <v>75</v>
      </c>
      <c r="B8702" s="14" t="s">
        <v>1</v>
      </c>
      <c r="C8702" s="14" t="s">
        <v>51</v>
      </c>
      <c r="D8702" s="14" t="s">
        <v>76</v>
      </c>
      <c r="E8702" s="15">
        <v>45683</v>
      </c>
      <c r="F8702" s="14" t="s">
        <v>25</v>
      </c>
      <c r="G8702" s="16">
        <v>0</v>
      </c>
    </row>
    <row r="8703" spans="1:7" x14ac:dyDescent="0.3">
      <c r="A8703" s="13" t="s">
        <v>75</v>
      </c>
      <c r="B8703" s="14" t="s">
        <v>1</v>
      </c>
      <c r="C8703" s="14" t="s">
        <v>51</v>
      </c>
      <c r="D8703" s="14" t="s">
        <v>76</v>
      </c>
      <c r="E8703" s="15">
        <v>45684</v>
      </c>
      <c r="F8703" s="14" t="s">
        <v>25</v>
      </c>
      <c r="G8703" s="16">
        <v>0</v>
      </c>
    </row>
    <row r="8704" spans="1:7" x14ac:dyDescent="0.3">
      <c r="A8704" s="13" t="s">
        <v>75</v>
      </c>
      <c r="B8704" s="14" t="s">
        <v>1</v>
      </c>
      <c r="C8704" s="14" t="s">
        <v>51</v>
      </c>
      <c r="D8704" s="14" t="s">
        <v>76</v>
      </c>
      <c r="E8704" s="15">
        <v>45685</v>
      </c>
      <c r="F8704" s="14" t="s">
        <v>25</v>
      </c>
      <c r="G8704" s="16">
        <v>0</v>
      </c>
    </row>
    <row r="8705" spans="1:7" x14ac:dyDescent="0.3">
      <c r="A8705" s="13" t="s">
        <v>75</v>
      </c>
      <c r="B8705" s="14" t="s">
        <v>1</v>
      </c>
      <c r="C8705" s="14" t="s">
        <v>51</v>
      </c>
      <c r="D8705" s="14" t="s">
        <v>76</v>
      </c>
      <c r="E8705" s="15">
        <v>45686</v>
      </c>
      <c r="F8705" s="14" t="s">
        <v>25</v>
      </c>
      <c r="G8705" s="16">
        <v>0</v>
      </c>
    </row>
    <row r="8706" spans="1:7" x14ac:dyDescent="0.3">
      <c r="A8706" s="13" t="s">
        <v>75</v>
      </c>
      <c r="B8706" s="14" t="s">
        <v>1</v>
      </c>
      <c r="C8706" s="14" t="s">
        <v>51</v>
      </c>
      <c r="D8706" s="14" t="s">
        <v>76</v>
      </c>
      <c r="E8706" s="15">
        <v>45687</v>
      </c>
      <c r="F8706" s="14" t="s">
        <v>25</v>
      </c>
      <c r="G8706" s="16">
        <v>0</v>
      </c>
    </row>
    <row r="8707" spans="1:7" x14ac:dyDescent="0.3">
      <c r="A8707" s="13" t="s">
        <v>75</v>
      </c>
      <c r="B8707" s="14" t="s">
        <v>1</v>
      </c>
      <c r="C8707" s="14" t="s">
        <v>51</v>
      </c>
      <c r="D8707" s="14" t="s">
        <v>76</v>
      </c>
      <c r="E8707" s="15">
        <v>45688</v>
      </c>
      <c r="F8707" s="14" t="s">
        <v>25</v>
      </c>
      <c r="G8707" s="16">
        <v>0</v>
      </c>
    </row>
    <row r="8708" spans="1:7" x14ac:dyDescent="0.3">
      <c r="A8708" s="13" t="s">
        <v>75</v>
      </c>
      <c r="B8708" s="14" t="s">
        <v>1</v>
      </c>
      <c r="C8708" s="14" t="s">
        <v>51</v>
      </c>
      <c r="D8708" s="14" t="s">
        <v>76</v>
      </c>
      <c r="E8708" s="15">
        <v>45689</v>
      </c>
      <c r="F8708" s="14" t="s">
        <v>25</v>
      </c>
      <c r="G8708" s="16">
        <v>0</v>
      </c>
    </row>
    <row r="8709" spans="1:7" x14ac:dyDescent="0.3">
      <c r="A8709" s="13" t="s">
        <v>75</v>
      </c>
      <c r="B8709" s="14" t="s">
        <v>1</v>
      </c>
      <c r="C8709" s="14" t="s">
        <v>51</v>
      </c>
      <c r="D8709" s="14" t="s">
        <v>76</v>
      </c>
      <c r="E8709" s="15">
        <v>45690</v>
      </c>
      <c r="F8709" s="14" t="s">
        <v>25</v>
      </c>
      <c r="G8709" s="16">
        <v>0</v>
      </c>
    </row>
    <row r="8710" spans="1:7" x14ac:dyDescent="0.3">
      <c r="A8710" s="13" t="s">
        <v>75</v>
      </c>
      <c r="B8710" s="14" t="s">
        <v>1</v>
      </c>
      <c r="C8710" s="14" t="s">
        <v>51</v>
      </c>
      <c r="D8710" s="14" t="s">
        <v>76</v>
      </c>
      <c r="E8710" s="15">
        <v>45691</v>
      </c>
      <c r="F8710" s="14" t="s">
        <v>25</v>
      </c>
      <c r="G8710" s="16">
        <v>0</v>
      </c>
    </row>
    <row r="8711" spans="1:7" x14ac:dyDescent="0.3">
      <c r="A8711" s="13" t="s">
        <v>75</v>
      </c>
      <c r="B8711" s="14" t="s">
        <v>1</v>
      </c>
      <c r="C8711" s="14" t="s">
        <v>51</v>
      </c>
      <c r="D8711" s="14" t="s">
        <v>76</v>
      </c>
      <c r="E8711" s="15">
        <v>45692</v>
      </c>
      <c r="F8711" s="14" t="s">
        <v>25</v>
      </c>
      <c r="G8711" s="16">
        <v>0</v>
      </c>
    </row>
    <row r="8712" spans="1:7" x14ac:dyDescent="0.3">
      <c r="A8712" s="13" t="s">
        <v>75</v>
      </c>
      <c r="B8712" s="14" t="s">
        <v>1</v>
      </c>
      <c r="C8712" s="14" t="s">
        <v>51</v>
      </c>
      <c r="D8712" s="14" t="s">
        <v>76</v>
      </c>
      <c r="E8712" s="15">
        <v>45693</v>
      </c>
      <c r="F8712" s="14" t="s">
        <v>25</v>
      </c>
      <c r="G8712" s="16">
        <v>0</v>
      </c>
    </row>
    <row r="8713" spans="1:7" x14ac:dyDescent="0.3">
      <c r="A8713" s="13" t="s">
        <v>75</v>
      </c>
      <c r="B8713" s="14" t="s">
        <v>1</v>
      </c>
      <c r="C8713" s="14" t="s">
        <v>51</v>
      </c>
      <c r="D8713" s="14" t="s">
        <v>76</v>
      </c>
      <c r="E8713" s="15">
        <v>45694</v>
      </c>
      <c r="F8713" s="14" t="s">
        <v>25</v>
      </c>
      <c r="G8713" s="16">
        <v>0</v>
      </c>
    </row>
    <row r="8714" spans="1:7" x14ac:dyDescent="0.3">
      <c r="A8714" s="13" t="s">
        <v>75</v>
      </c>
      <c r="B8714" s="14" t="s">
        <v>1</v>
      </c>
      <c r="C8714" s="14" t="s">
        <v>51</v>
      </c>
      <c r="D8714" s="14" t="s">
        <v>76</v>
      </c>
      <c r="E8714" s="15">
        <v>45695</v>
      </c>
      <c r="F8714" s="14" t="s">
        <v>25</v>
      </c>
      <c r="G8714" s="16">
        <v>0</v>
      </c>
    </row>
    <row r="8715" spans="1:7" x14ac:dyDescent="0.3">
      <c r="A8715" s="13" t="s">
        <v>75</v>
      </c>
      <c r="B8715" s="14" t="s">
        <v>1</v>
      </c>
      <c r="C8715" s="14" t="s">
        <v>51</v>
      </c>
      <c r="D8715" s="14" t="s">
        <v>76</v>
      </c>
      <c r="E8715" s="15">
        <v>45696</v>
      </c>
      <c r="F8715" s="14" t="s">
        <v>25</v>
      </c>
      <c r="G8715" s="16">
        <v>0</v>
      </c>
    </row>
    <row r="8716" spans="1:7" x14ac:dyDescent="0.3">
      <c r="A8716" s="13" t="s">
        <v>75</v>
      </c>
      <c r="B8716" s="14" t="s">
        <v>1</v>
      </c>
      <c r="C8716" s="14" t="s">
        <v>51</v>
      </c>
      <c r="D8716" s="14" t="s">
        <v>76</v>
      </c>
      <c r="E8716" s="15">
        <v>45697</v>
      </c>
      <c r="F8716" s="14" t="s">
        <v>25</v>
      </c>
      <c r="G8716" s="16">
        <v>0</v>
      </c>
    </row>
    <row r="8717" spans="1:7" x14ac:dyDescent="0.3">
      <c r="A8717" s="13" t="s">
        <v>75</v>
      </c>
      <c r="B8717" s="14" t="s">
        <v>1</v>
      </c>
      <c r="C8717" s="14" t="s">
        <v>51</v>
      </c>
      <c r="D8717" s="14" t="s">
        <v>76</v>
      </c>
      <c r="E8717" s="15">
        <v>45698</v>
      </c>
      <c r="F8717" s="14" t="s">
        <v>25</v>
      </c>
      <c r="G8717" s="16">
        <v>0</v>
      </c>
    </row>
    <row r="8718" spans="1:7" x14ac:dyDescent="0.3">
      <c r="A8718" s="13" t="s">
        <v>75</v>
      </c>
      <c r="B8718" s="14" t="s">
        <v>1</v>
      </c>
      <c r="C8718" s="14" t="s">
        <v>51</v>
      </c>
      <c r="D8718" s="14" t="s">
        <v>76</v>
      </c>
      <c r="E8718" s="15">
        <v>45699</v>
      </c>
      <c r="F8718" s="14" t="s">
        <v>25</v>
      </c>
      <c r="G8718" s="16">
        <v>0</v>
      </c>
    </row>
    <row r="8719" spans="1:7" x14ac:dyDescent="0.3">
      <c r="A8719" s="13" t="s">
        <v>75</v>
      </c>
      <c r="B8719" s="14" t="s">
        <v>1</v>
      </c>
      <c r="C8719" s="14" t="s">
        <v>51</v>
      </c>
      <c r="D8719" s="14" t="s">
        <v>76</v>
      </c>
      <c r="E8719" s="15">
        <v>45700</v>
      </c>
      <c r="F8719" s="14" t="s">
        <v>25</v>
      </c>
      <c r="G8719" s="16">
        <v>0</v>
      </c>
    </row>
    <row r="8720" spans="1:7" x14ac:dyDescent="0.3">
      <c r="A8720" s="13" t="s">
        <v>75</v>
      </c>
      <c r="B8720" s="14" t="s">
        <v>1</v>
      </c>
      <c r="C8720" s="14" t="s">
        <v>51</v>
      </c>
      <c r="D8720" s="14" t="s">
        <v>76</v>
      </c>
      <c r="E8720" s="15">
        <v>45701</v>
      </c>
      <c r="F8720" s="14" t="s">
        <v>25</v>
      </c>
      <c r="G8720" s="16">
        <v>0</v>
      </c>
    </row>
    <row r="8721" spans="1:7" x14ac:dyDescent="0.3">
      <c r="A8721" s="13" t="s">
        <v>75</v>
      </c>
      <c r="B8721" s="14" t="s">
        <v>1</v>
      </c>
      <c r="C8721" s="14" t="s">
        <v>51</v>
      </c>
      <c r="D8721" s="14" t="s">
        <v>76</v>
      </c>
      <c r="E8721" s="15">
        <v>45702</v>
      </c>
      <c r="F8721" s="14" t="s">
        <v>25</v>
      </c>
      <c r="G8721" s="16">
        <v>0</v>
      </c>
    </row>
    <row r="8722" spans="1:7" x14ac:dyDescent="0.3">
      <c r="A8722" s="13" t="s">
        <v>75</v>
      </c>
      <c r="B8722" s="14" t="s">
        <v>1</v>
      </c>
      <c r="C8722" s="14" t="s">
        <v>51</v>
      </c>
      <c r="D8722" s="14" t="s">
        <v>76</v>
      </c>
      <c r="E8722" s="15">
        <v>45703</v>
      </c>
      <c r="F8722" s="14" t="s">
        <v>25</v>
      </c>
      <c r="G8722" s="16">
        <v>0</v>
      </c>
    </row>
    <row r="8723" spans="1:7" x14ac:dyDescent="0.3">
      <c r="A8723" s="13" t="s">
        <v>75</v>
      </c>
      <c r="B8723" s="14" t="s">
        <v>1</v>
      </c>
      <c r="C8723" s="14" t="s">
        <v>51</v>
      </c>
      <c r="D8723" s="14" t="s">
        <v>76</v>
      </c>
      <c r="E8723" s="15">
        <v>45704</v>
      </c>
      <c r="F8723" s="14" t="s">
        <v>25</v>
      </c>
      <c r="G8723" s="16">
        <v>0</v>
      </c>
    </row>
    <row r="8724" spans="1:7" x14ac:dyDescent="0.3">
      <c r="A8724" s="13" t="s">
        <v>75</v>
      </c>
      <c r="B8724" s="14" t="s">
        <v>1</v>
      </c>
      <c r="C8724" s="14" t="s">
        <v>51</v>
      </c>
      <c r="D8724" s="14" t="s">
        <v>76</v>
      </c>
      <c r="E8724" s="15">
        <v>45705</v>
      </c>
      <c r="F8724" s="14" t="s">
        <v>25</v>
      </c>
      <c r="G8724" s="16">
        <v>0</v>
      </c>
    </row>
    <row r="8725" spans="1:7" x14ac:dyDescent="0.3">
      <c r="A8725" s="13" t="s">
        <v>75</v>
      </c>
      <c r="B8725" s="14" t="s">
        <v>1</v>
      </c>
      <c r="C8725" s="14" t="s">
        <v>51</v>
      </c>
      <c r="D8725" s="14" t="s">
        <v>76</v>
      </c>
      <c r="E8725" s="15">
        <v>45706</v>
      </c>
      <c r="F8725" s="14" t="s">
        <v>25</v>
      </c>
      <c r="G8725" s="16">
        <v>0</v>
      </c>
    </row>
    <row r="8726" spans="1:7" x14ac:dyDescent="0.3">
      <c r="A8726" s="13" t="s">
        <v>75</v>
      </c>
      <c r="B8726" s="14" t="s">
        <v>1</v>
      </c>
      <c r="C8726" s="14" t="s">
        <v>51</v>
      </c>
      <c r="D8726" s="14" t="s">
        <v>76</v>
      </c>
      <c r="E8726" s="15">
        <v>45707</v>
      </c>
      <c r="F8726" s="14" t="s">
        <v>25</v>
      </c>
      <c r="G8726" s="16">
        <v>0</v>
      </c>
    </row>
    <row r="8727" spans="1:7" x14ac:dyDescent="0.3">
      <c r="A8727" s="13" t="s">
        <v>75</v>
      </c>
      <c r="B8727" s="14" t="s">
        <v>1</v>
      </c>
      <c r="C8727" s="14" t="s">
        <v>51</v>
      </c>
      <c r="D8727" s="14" t="s">
        <v>76</v>
      </c>
      <c r="E8727" s="15">
        <v>45708</v>
      </c>
      <c r="F8727" s="14" t="s">
        <v>25</v>
      </c>
      <c r="G8727" s="16">
        <v>0</v>
      </c>
    </row>
    <row r="8728" spans="1:7" x14ac:dyDescent="0.3">
      <c r="A8728" s="13" t="s">
        <v>75</v>
      </c>
      <c r="B8728" s="14" t="s">
        <v>1</v>
      </c>
      <c r="C8728" s="14" t="s">
        <v>51</v>
      </c>
      <c r="D8728" s="14" t="s">
        <v>76</v>
      </c>
      <c r="E8728" s="15">
        <v>45709</v>
      </c>
      <c r="F8728" s="14" t="s">
        <v>25</v>
      </c>
      <c r="G8728" s="16">
        <v>0</v>
      </c>
    </row>
    <row r="8729" spans="1:7" x14ac:dyDescent="0.3">
      <c r="A8729" s="13" t="s">
        <v>75</v>
      </c>
      <c r="B8729" s="14" t="s">
        <v>1</v>
      </c>
      <c r="C8729" s="14" t="s">
        <v>51</v>
      </c>
      <c r="D8729" s="14" t="s">
        <v>76</v>
      </c>
      <c r="E8729" s="15">
        <v>45710</v>
      </c>
      <c r="F8729" s="14" t="s">
        <v>25</v>
      </c>
      <c r="G8729" s="16">
        <v>0</v>
      </c>
    </row>
    <row r="8730" spans="1:7" x14ac:dyDescent="0.3">
      <c r="A8730" s="13" t="s">
        <v>75</v>
      </c>
      <c r="B8730" s="14" t="s">
        <v>1</v>
      </c>
      <c r="C8730" s="14" t="s">
        <v>51</v>
      </c>
      <c r="D8730" s="14" t="s">
        <v>76</v>
      </c>
      <c r="E8730" s="15">
        <v>45711</v>
      </c>
      <c r="F8730" s="14" t="s">
        <v>25</v>
      </c>
      <c r="G8730" s="16">
        <v>0</v>
      </c>
    </row>
    <row r="8731" spans="1:7" x14ac:dyDescent="0.3">
      <c r="A8731" s="13" t="s">
        <v>75</v>
      </c>
      <c r="B8731" s="14" t="s">
        <v>1</v>
      </c>
      <c r="C8731" s="14" t="s">
        <v>51</v>
      </c>
      <c r="D8731" s="14" t="s">
        <v>76</v>
      </c>
      <c r="E8731" s="15">
        <v>45712</v>
      </c>
      <c r="F8731" s="14" t="s">
        <v>25</v>
      </c>
      <c r="G8731" s="16">
        <v>0</v>
      </c>
    </row>
    <row r="8732" spans="1:7" x14ac:dyDescent="0.3">
      <c r="A8732" s="13" t="s">
        <v>75</v>
      </c>
      <c r="B8732" s="14" t="s">
        <v>1</v>
      </c>
      <c r="C8732" s="14" t="s">
        <v>51</v>
      </c>
      <c r="D8732" s="14" t="s">
        <v>76</v>
      </c>
      <c r="E8732" s="15">
        <v>45713</v>
      </c>
      <c r="F8732" s="14" t="s">
        <v>25</v>
      </c>
      <c r="G8732" s="16">
        <v>0</v>
      </c>
    </row>
    <row r="8733" spans="1:7" x14ac:dyDescent="0.3">
      <c r="A8733" s="13" t="s">
        <v>75</v>
      </c>
      <c r="B8733" s="14" t="s">
        <v>1</v>
      </c>
      <c r="C8733" s="14" t="s">
        <v>51</v>
      </c>
      <c r="D8733" s="14" t="s">
        <v>76</v>
      </c>
      <c r="E8733" s="15">
        <v>45714</v>
      </c>
      <c r="F8733" s="14" t="s">
        <v>25</v>
      </c>
      <c r="G8733" s="16">
        <v>0</v>
      </c>
    </row>
    <row r="8734" spans="1:7" x14ac:dyDescent="0.3">
      <c r="A8734" s="13" t="s">
        <v>75</v>
      </c>
      <c r="B8734" s="14" t="s">
        <v>1</v>
      </c>
      <c r="C8734" s="14" t="s">
        <v>51</v>
      </c>
      <c r="D8734" s="14" t="s">
        <v>76</v>
      </c>
      <c r="E8734" s="15">
        <v>45715</v>
      </c>
      <c r="F8734" s="14" t="s">
        <v>25</v>
      </c>
      <c r="G8734" s="16">
        <v>0</v>
      </c>
    </row>
    <row r="8735" spans="1:7" x14ac:dyDescent="0.3">
      <c r="A8735" s="13" t="s">
        <v>75</v>
      </c>
      <c r="B8735" s="14" t="s">
        <v>1</v>
      </c>
      <c r="C8735" s="14" t="s">
        <v>51</v>
      </c>
      <c r="D8735" s="14" t="s">
        <v>76</v>
      </c>
      <c r="E8735" s="15">
        <v>45716</v>
      </c>
      <c r="F8735" s="14" t="s">
        <v>25</v>
      </c>
      <c r="G8735" s="16">
        <v>0</v>
      </c>
    </row>
    <row r="8736" spans="1:7" x14ac:dyDescent="0.3">
      <c r="A8736" s="13" t="s">
        <v>75</v>
      </c>
      <c r="B8736" s="14" t="s">
        <v>1</v>
      </c>
      <c r="C8736" s="14" t="s">
        <v>51</v>
      </c>
      <c r="D8736" s="14" t="s">
        <v>76</v>
      </c>
      <c r="E8736" s="15">
        <v>45717</v>
      </c>
      <c r="F8736" s="14" t="s">
        <v>25</v>
      </c>
      <c r="G8736" s="16">
        <v>0</v>
      </c>
    </row>
    <row r="8737" spans="1:7" x14ac:dyDescent="0.3">
      <c r="A8737" s="13" t="s">
        <v>75</v>
      </c>
      <c r="B8737" s="14" t="s">
        <v>1</v>
      </c>
      <c r="C8737" s="14" t="s">
        <v>51</v>
      </c>
      <c r="D8737" s="14" t="s">
        <v>76</v>
      </c>
      <c r="E8737" s="15">
        <v>45718</v>
      </c>
      <c r="F8737" s="14" t="s">
        <v>25</v>
      </c>
      <c r="G8737" s="16">
        <v>0</v>
      </c>
    </row>
    <row r="8738" spans="1:7" x14ac:dyDescent="0.3">
      <c r="A8738" s="13" t="s">
        <v>75</v>
      </c>
      <c r="B8738" s="14" t="s">
        <v>1</v>
      </c>
      <c r="C8738" s="14" t="s">
        <v>51</v>
      </c>
      <c r="D8738" s="14" t="s">
        <v>76</v>
      </c>
      <c r="E8738" s="15">
        <v>45719</v>
      </c>
      <c r="F8738" s="14" t="s">
        <v>25</v>
      </c>
      <c r="G8738" s="16">
        <v>0</v>
      </c>
    </row>
    <row r="8739" spans="1:7" x14ac:dyDescent="0.3">
      <c r="A8739" s="13" t="s">
        <v>75</v>
      </c>
      <c r="B8739" s="14" t="s">
        <v>1</v>
      </c>
      <c r="C8739" s="14" t="s">
        <v>51</v>
      </c>
      <c r="D8739" s="14" t="s">
        <v>76</v>
      </c>
      <c r="E8739" s="15">
        <v>45720</v>
      </c>
      <c r="F8739" s="14" t="s">
        <v>25</v>
      </c>
      <c r="G8739" s="16">
        <v>0</v>
      </c>
    </row>
    <row r="8740" spans="1:7" x14ac:dyDescent="0.3">
      <c r="A8740" s="13" t="s">
        <v>75</v>
      </c>
      <c r="B8740" s="14" t="s">
        <v>1</v>
      </c>
      <c r="C8740" s="14" t="s">
        <v>51</v>
      </c>
      <c r="D8740" s="14" t="s">
        <v>76</v>
      </c>
      <c r="E8740" s="15">
        <v>45721</v>
      </c>
      <c r="F8740" s="14" t="s">
        <v>25</v>
      </c>
      <c r="G8740" s="16">
        <v>0</v>
      </c>
    </row>
    <row r="8741" spans="1:7" x14ac:dyDescent="0.3">
      <c r="A8741" s="13" t="s">
        <v>75</v>
      </c>
      <c r="B8741" s="14" t="s">
        <v>1</v>
      </c>
      <c r="C8741" s="14" t="s">
        <v>51</v>
      </c>
      <c r="D8741" s="14" t="s">
        <v>76</v>
      </c>
      <c r="E8741" s="15">
        <v>45722</v>
      </c>
      <c r="F8741" s="14" t="s">
        <v>25</v>
      </c>
      <c r="G8741" s="16">
        <v>0</v>
      </c>
    </row>
    <row r="8742" spans="1:7" x14ac:dyDescent="0.3">
      <c r="A8742" s="13" t="s">
        <v>75</v>
      </c>
      <c r="B8742" s="14" t="s">
        <v>1</v>
      </c>
      <c r="C8742" s="14" t="s">
        <v>51</v>
      </c>
      <c r="D8742" s="14" t="s">
        <v>76</v>
      </c>
      <c r="E8742" s="15">
        <v>45723</v>
      </c>
      <c r="F8742" s="14" t="s">
        <v>25</v>
      </c>
      <c r="G8742" s="16">
        <v>0</v>
      </c>
    </row>
    <row r="8743" spans="1:7" x14ac:dyDescent="0.3">
      <c r="A8743" s="13" t="s">
        <v>75</v>
      </c>
      <c r="B8743" s="14" t="s">
        <v>1</v>
      </c>
      <c r="C8743" s="14" t="s">
        <v>51</v>
      </c>
      <c r="D8743" s="14" t="s">
        <v>76</v>
      </c>
      <c r="E8743" s="15">
        <v>45724</v>
      </c>
      <c r="F8743" s="14" t="s">
        <v>25</v>
      </c>
      <c r="G8743" s="16">
        <v>0</v>
      </c>
    </row>
    <row r="8744" spans="1:7" x14ac:dyDescent="0.3">
      <c r="A8744" s="13" t="s">
        <v>75</v>
      </c>
      <c r="B8744" s="14" t="s">
        <v>1</v>
      </c>
      <c r="C8744" s="14" t="s">
        <v>51</v>
      </c>
      <c r="D8744" s="14" t="s">
        <v>76</v>
      </c>
      <c r="E8744" s="15">
        <v>45725</v>
      </c>
      <c r="F8744" s="14" t="s">
        <v>25</v>
      </c>
      <c r="G8744" s="16">
        <v>0</v>
      </c>
    </row>
    <row r="8745" spans="1:7" x14ac:dyDescent="0.3">
      <c r="A8745" s="13" t="s">
        <v>75</v>
      </c>
      <c r="B8745" s="14" t="s">
        <v>1</v>
      </c>
      <c r="C8745" s="14" t="s">
        <v>51</v>
      </c>
      <c r="D8745" s="14" t="s">
        <v>76</v>
      </c>
      <c r="E8745" s="15">
        <v>45726</v>
      </c>
      <c r="F8745" s="14" t="s">
        <v>25</v>
      </c>
      <c r="G8745" s="16">
        <v>0</v>
      </c>
    </row>
    <row r="8746" spans="1:7" x14ac:dyDescent="0.3">
      <c r="A8746" s="13" t="s">
        <v>75</v>
      </c>
      <c r="B8746" s="14" t="s">
        <v>1</v>
      </c>
      <c r="C8746" s="14" t="s">
        <v>51</v>
      </c>
      <c r="D8746" s="14" t="s">
        <v>76</v>
      </c>
      <c r="E8746" s="15">
        <v>45727</v>
      </c>
      <c r="F8746" s="14" t="s">
        <v>25</v>
      </c>
      <c r="G8746" s="16">
        <v>0</v>
      </c>
    </row>
    <row r="8747" spans="1:7" x14ac:dyDescent="0.3">
      <c r="A8747" s="13" t="s">
        <v>75</v>
      </c>
      <c r="B8747" s="14" t="s">
        <v>1</v>
      </c>
      <c r="C8747" s="14" t="s">
        <v>51</v>
      </c>
      <c r="D8747" s="14" t="s">
        <v>76</v>
      </c>
      <c r="E8747" s="15">
        <v>45728</v>
      </c>
      <c r="F8747" s="14" t="s">
        <v>25</v>
      </c>
      <c r="G8747" s="16">
        <v>0</v>
      </c>
    </row>
    <row r="8748" spans="1:7" x14ac:dyDescent="0.3">
      <c r="A8748" s="13" t="s">
        <v>75</v>
      </c>
      <c r="B8748" s="14" t="s">
        <v>1</v>
      </c>
      <c r="C8748" s="14" t="s">
        <v>51</v>
      </c>
      <c r="D8748" s="14" t="s">
        <v>76</v>
      </c>
      <c r="E8748" s="15">
        <v>45729</v>
      </c>
      <c r="F8748" s="14" t="s">
        <v>25</v>
      </c>
      <c r="G8748" s="16">
        <v>0</v>
      </c>
    </row>
    <row r="8749" spans="1:7" x14ac:dyDescent="0.3">
      <c r="A8749" s="13" t="s">
        <v>75</v>
      </c>
      <c r="B8749" s="14" t="s">
        <v>1</v>
      </c>
      <c r="C8749" s="14" t="s">
        <v>51</v>
      </c>
      <c r="D8749" s="14" t="s">
        <v>76</v>
      </c>
      <c r="E8749" s="15">
        <v>45730</v>
      </c>
      <c r="F8749" s="14" t="s">
        <v>25</v>
      </c>
      <c r="G8749" s="16">
        <v>0</v>
      </c>
    </row>
    <row r="8750" spans="1:7" x14ac:dyDescent="0.3">
      <c r="A8750" s="13" t="s">
        <v>75</v>
      </c>
      <c r="B8750" s="14" t="s">
        <v>1</v>
      </c>
      <c r="C8750" s="14" t="s">
        <v>51</v>
      </c>
      <c r="D8750" s="14" t="s">
        <v>76</v>
      </c>
      <c r="E8750" s="15">
        <v>45731</v>
      </c>
      <c r="F8750" s="14" t="s">
        <v>25</v>
      </c>
      <c r="G8750" s="16">
        <v>0</v>
      </c>
    </row>
    <row r="8751" spans="1:7" x14ac:dyDescent="0.3">
      <c r="A8751" s="13" t="s">
        <v>75</v>
      </c>
      <c r="B8751" s="14" t="s">
        <v>1</v>
      </c>
      <c r="C8751" s="14" t="s">
        <v>51</v>
      </c>
      <c r="D8751" s="14" t="s">
        <v>76</v>
      </c>
      <c r="E8751" s="15">
        <v>45732</v>
      </c>
      <c r="F8751" s="14" t="s">
        <v>25</v>
      </c>
      <c r="G8751" s="16">
        <v>0</v>
      </c>
    </row>
    <row r="8752" spans="1:7" x14ac:dyDescent="0.3">
      <c r="A8752" s="13" t="s">
        <v>75</v>
      </c>
      <c r="B8752" s="14" t="s">
        <v>1</v>
      </c>
      <c r="C8752" s="14" t="s">
        <v>51</v>
      </c>
      <c r="D8752" s="14" t="s">
        <v>76</v>
      </c>
      <c r="E8752" s="15">
        <v>45733</v>
      </c>
      <c r="F8752" s="14" t="s">
        <v>25</v>
      </c>
      <c r="G8752" s="16">
        <v>0</v>
      </c>
    </row>
    <row r="8753" spans="1:7" x14ac:dyDescent="0.3">
      <c r="A8753" s="13" t="s">
        <v>75</v>
      </c>
      <c r="B8753" s="14" t="s">
        <v>1</v>
      </c>
      <c r="C8753" s="14" t="s">
        <v>51</v>
      </c>
      <c r="D8753" s="14" t="s">
        <v>76</v>
      </c>
      <c r="E8753" s="15">
        <v>45734</v>
      </c>
      <c r="F8753" s="14" t="s">
        <v>25</v>
      </c>
      <c r="G8753" s="16">
        <v>0</v>
      </c>
    </row>
    <row r="8754" spans="1:7" x14ac:dyDescent="0.3">
      <c r="A8754" s="13" t="s">
        <v>75</v>
      </c>
      <c r="B8754" s="14" t="s">
        <v>1</v>
      </c>
      <c r="C8754" s="14" t="s">
        <v>51</v>
      </c>
      <c r="D8754" s="14" t="s">
        <v>76</v>
      </c>
      <c r="E8754" s="15">
        <v>45735</v>
      </c>
      <c r="F8754" s="14" t="s">
        <v>25</v>
      </c>
      <c r="G8754" s="16">
        <v>0</v>
      </c>
    </row>
    <row r="8755" spans="1:7" x14ac:dyDescent="0.3">
      <c r="A8755" s="13" t="s">
        <v>75</v>
      </c>
      <c r="B8755" s="14" t="s">
        <v>1</v>
      </c>
      <c r="C8755" s="14" t="s">
        <v>51</v>
      </c>
      <c r="D8755" s="14" t="s">
        <v>76</v>
      </c>
      <c r="E8755" s="15">
        <v>45736</v>
      </c>
      <c r="F8755" s="14" t="s">
        <v>25</v>
      </c>
      <c r="G8755" s="16">
        <v>0</v>
      </c>
    </row>
    <row r="8756" spans="1:7" x14ac:dyDescent="0.3">
      <c r="A8756" s="13" t="s">
        <v>75</v>
      </c>
      <c r="B8756" s="14" t="s">
        <v>1</v>
      </c>
      <c r="C8756" s="14" t="s">
        <v>51</v>
      </c>
      <c r="D8756" s="14" t="s">
        <v>76</v>
      </c>
      <c r="E8756" s="15">
        <v>45737</v>
      </c>
      <c r="F8756" s="14" t="s">
        <v>25</v>
      </c>
      <c r="G8756" s="16">
        <v>0</v>
      </c>
    </row>
    <row r="8757" spans="1:7" x14ac:dyDescent="0.3">
      <c r="A8757" s="13" t="s">
        <v>75</v>
      </c>
      <c r="B8757" s="14" t="s">
        <v>1</v>
      </c>
      <c r="C8757" s="14" t="s">
        <v>51</v>
      </c>
      <c r="D8757" s="14" t="s">
        <v>76</v>
      </c>
      <c r="E8757" s="15">
        <v>45738</v>
      </c>
      <c r="F8757" s="14" t="s">
        <v>25</v>
      </c>
      <c r="G8757" s="16">
        <v>0</v>
      </c>
    </row>
    <row r="8758" spans="1:7" x14ac:dyDescent="0.3">
      <c r="A8758" s="13" t="s">
        <v>75</v>
      </c>
      <c r="B8758" s="14" t="s">
        <v>1</v>
      </c>
      <c r="C8758" s="14" t="s">
        <v>51</v>
      </c>
      <c r="D8758" s="14" t="s">
        <v>76</v>
      </c>
      <c r="E8758" s="15">
        <v>45739</v>
      </c>
      <c r="F8758" s="14" t="s">
        <v>25</v>
      </c>
      <c r="G8758" s="16">
        <v>0</v>
      </c>
    </row>
    <row r="8759" spans="1:7" x14ac:dyDescent="0.3">
      <c r="A8759" s="13" t="s">
        <v>75</v>
      </c>
      <c r="B8759" s="14" t="s">
        <v>1</v>
      </c>
      <c r="C8759" s="14" t="s">
        <v>51</v>
      </c>
      <c r="D8759" s="14" t="s">
        <v>76</v>
      </c>
      <c r="E8759" s="15">
        <v>45740</v>
      </c>
      <c r="F8759" s="14" t="s">
        <v>25</v>
      </c>
      <c r="G8759" s="16">
        <v>0</v>
      </c>
    </row>
    <row r="8760" spans="1:7" x14ac:dyDescent="0.3">
      <c r="A8760" s="13" t="s">
        <v>75</v>
      </c>
      <c r="B8760" s="14" t="s">
        <v>1</v>
      </c>
      <c r="C8760" s="14" t="s">
        <v>51</v>
      </c>
      <c r="D8760" s="14" t="s">
        <v>76</v>
      </c>
      <c r="E8760" s="15">
        <v>45741</v>
      </c>
      <c r="F8760" s="14" t="s">
        <v>25</v>
      </c>
      <c r="G8760" s="16">
        <v>0</v>
      </c>
    </row>
    <row r="8761" spans="1:7" x14ac:dyDescent="0.3">
      <c r="A8761" s="13" t="s">
        <v>75</v>
      </c>
      <c r="B8761" s="14" t="s">
        <v>1</v>
      </c>
      <c r="C8761" s="14" t="s">
        <v>51</v>
      </c>
      <c r="D8761" s="14" t="s">
        <v>76</v>
      </c>
      <c r="E8761" s="15">
        <v>45742</v>
      </c>
      <c r="F8761" s="14" t="s">
        <v>25</v>
      </c>
      <c r="G8761" s="16">
        <v>0</v>
      </c>
    </row>
    <row r="8762" spans="1:7" x14ac:dyDescent="0.3">
      <c r="A8762" s="13" t="s">
        <v>75</v>
      </c>
      <c r="B8762" s="14" t="s">
        <v>1</v>
      </c>
      <c r="C8762" s="14" t="s">
        <v>51</v>
      </c>
      <c r="D8762" s="14" t="s">
        <v>76</v>
      </c>
      <c r="E8762" s="15">
        <v>45743</v>
      </c>
      <c r="F8762" s="14" t="s">
        <v>25</v>
      </c>
      <c r="G8762" s="16">
        <v>0</v>
      </c>
    </row>
    <row r="8763" spans="1:7" x14ac:dyDescent="0.3">
      <c r="A8763" s="13" t="s">
        <v>75</v>
      </c>
      <c r="B8763" s="14" t="s">
        <v>1</v>
      </c>
      <c r="C8763" s="14" t="s">
        <v>51</v>
      </c>
      <c r="D8763" s="14" t="s">
        <v>76</v>
      </c>
      <c r="E8763" s="15">
        <v>45744</v>
      </c>
      <c r="F8763" s="14" t="s">
        <v>25</v>
      </c>
      <c r="G8763" s="16">
        <v>0</v>
      </c>
    </row>
    <row r="8764" spans="1:7" x14ac:dyDescent="0.3">
      <c r="A8764" s="13" t="s">
        <v>75</v>
      </c>
      <c r="B8764" s="14" t="s">
        <v>1</v>
      </c>
      <c r="C8764" s="14" t="s">
        <v>51</v>
      </c>
      <c r="D8764" s="14" t="s">
        <v>76</v>
      </c>
      <c r="E8764" s="15">
        <v>45745</v>
      </c>
      <c r="F8764" s="14" t="s">
        <v>25</v>
      </c>
      <c r="G8764" s="16">
        <v>0</v>
      </c>
    </row>
    <row r="8765" spans="1:7" x14ac:dyDescent="0.3">
      <c r="A8765" s="13" t="s">
        <v>75</v>
      </c>
      <c r="B8765" s="14" t="s">
        <v>1</v>
      </c>
      <c r="C8765" s="14" t="s">
        <v>51</v>
      </c>
      <c r="D8765" s="14" t="s">
        <v>76</v>
      </c>
      <c r="E8765" s="15">
        <v>45746</v>
      </c>
      <c r="F8765" s="14" t="s">
        <v>25</v>
      </c>
      <c r="G8765" s="16">
        <v>0</v>
      </c>
    </row>
    <row r="8766" spans="1:7" x14ac:dyDescent="0.3">
      <c r="A8766" s="13" t="s">
        <v>75</v>
      </c>
      <c r="B8766" s="14" t="s">
        <v>1</v>
      </c>
      <c r="C8766" s="14" t="s">
        <v>51</v>
      </c>
      <c r="D8766" s="14" t="s">
        <v>76</v>
      </c>
      <c r="E8766" s="15">
        <v>45747</v>
      </c>
      <c r="F8766" s="14" t="s">
        <v>25</v>
      </c>
      <c r="G8766" s="16">
        <v>0</v>
      </c>
    </row>
    <row r="8767" spans="1:7" x14ac:dyDescent="0.3">
      <c r="A8767" s="13" t="s">
        <v>77</v>
      </c>
      <c r="B8767" s="14" t="s">
        <v>1</v>
      </c>
      <c r="C8767" s="14" t="s">
        <v>47</v>
      </c>
      <c r="D8767" s="14" t="s">
        <v>78</v>
      </c>
      <c r="E8767" s="15">
        <v>45383</v>
      </c>
      <c r="F8767" s="14" t="s">
        <v>25</v>
      </c>
      <c r="G8767" s="16">
        <v>0</v>
      </c>
    </row>
    <row r="8768" spans="1:7" x14ac:dyDescent="0.3">
      <c r="A8768" s="13" t="s">
        <v>77</v>
      </c>
      <c r="B8768" s="14" t="s">
        <v>1</v>
      </c>
      <c r="C8768" s="14" t="s">
        <v>47</v>
      </c>
      <c r="D8768" s="14" t="s">
        <v>78</v>
      </c>
      <c r="E8768" s="15">
        <v>45384</v>
      </c>
      <c r="F8768" s="14" t="s">
        <v>25</v>
      </c>
      <c r="G8768" s="16">
        <v>0</v>
      </c>
    </row>
    <row r="8769" spans="1:7" x14ac:dyDescent="0.3">
      <c r="A8769" s="13" t="s">
        <v>77</v>
      </c>
      <c r="B8769" s="14" t="s">
        <v>1</v>
      </c>
      <c r="C8769" s="14" t="s">
        <v>47</v>
      </c>
      <c r="D8769" s="14" t="s">
        <v>78</v>
      </c>
      <c r="E8769" s="15">
        <v>45385</v>
      </c>
      <c r="F8769" s="14" t="s">
        <v>25</v>
      </c>
      <c r="G8769" s="16">
        <v>0</v>
      </c>
    </row>
    <row r="8770" spans="1:7" x14ac:dyDescent="0.3">
      <c r="A8770" s="13" t="s">
        <v>77</v>
      </c>
      <c r="B8770" s="14" t="s">
        <v>1</v>
      </c>
      <c r="C8770" s="14" t="s">
        <v>47</v>
      </c>
      <c r="D8770" s="14" t="s">
        <v>78</v>
      </c>
      <c r="E8770" s="15">
        <v>45386</v>
      </c>
      <c r="F8770" s="14" t="s">
        <v>25</v>
      </c>
      <c r="G8770" s="16">
        <v>0</v>
      </c>
    </row>
    <row r="8771" spans="1:7" x14ac:dyDescent="0.3">
      <c r="A8771" s="13" t="s">
        <v>77</v>
      </c>
      <c r="B8771" s="14" t="s">
        <v>1</v>
      </c>
      <c r="C8771" s="14" t="s">
        <v>47</v>
      </c>
      <c r="D8771" s="14" t="s">
        <v>78</v>
      </c>
      <c r="E8771" s="15">
        <v>45387</v>
      </c>
      <c r="F8771" s="14" t="s">
        <v>25</v>
      </c>
      <c r="G8771" s="16">
        <v>0</v>
      </c>
    </row>
    <row r="8772" spans="1:7" x14ac:dyDescent="0.3">
      <c r="A8772" s="13" t="s">
        <v>77</v>
      </c>
      <c r="B8772" s="14" t="s">
        <v>1</v>
      </c>
      <c r="C8772" s="14" t="s">
        <v>47</v>
      </c>
      <c r="D8772" s="14" t="s">
        <v>78</v>
      </c>
      <c r="E8772" s="15">
        <v>45388</v>
      </c>
      <c r="F8772" s="14" t="s">
        <v>25</v>
      </c>
      <c r="G8772" s="16">
        <v>0</v>
      </c>
    </row>
    <row r="8773" spans="1:7" x14ac:dyDescent="0.3">
      <c r="A8773" s="13" t="s">
        <v>77</v>
      </c>
      <c r="B8773" s="14" t="s">
        <v>1</v>
      </c>
      <c r="C8773" s="14" t="s">
        <v>47</v>
      </c>
      <c r="D8773" s="14" t="s">
        <v>78</v>
      </c>
      <c r="E8773" s="15">
        <v>45389</v>
      </c>
      <c r="F8773" s="14" t="s">
        <v>25</v>
      </c>
      <c r="G8773" s="16">
        <v>0</v>
      </c>
    </row>
    <row r="8774" spans="1:7" x14ac:dyDescent="0.3">
      <c r="A8774" s="13" t="s">
        <v>77</v>
      </c>
      <c r="B8774" s="14" t="s">
        <v>1</v>
      </c>
      <c r="C8774" s="14" t="s">
        <v>47</v>
      </c>
      <c r="D8774" s="14" t="s">
        <v>78</v>
      </c>
      <c r="E8774" s="15">
        <v>45390</v>
      </c>
      <c r="F8774" s="14" t="s">
        <v>25</v>
      </c>
      <c r="G8774" s="16">
        <v>0</v>
      </c>
    </row>
    <row r="8775" spans="1:7" x14ac:dyDescent="0.3">
      <c r="A8775" s="13" t="s">
        <v>77</v>
      </c>
      <c r="B8775" s="14" t="s">
        <v>1</v>
      </c>
      <c r="C8775" s="14" t="s">
        <v>47</v>
      </c>
      <c r="D8775" s="14" t="s">
        <v>78</v>
      </c>
      <c r="E8775" s="15">
        <v>45391</v>
      </c>
      <c r="F8775" s="14" t="s">
        <v>25</v>
      </c>
      <c r="G8775" s="16">
        <v>0</v>
      </c>
    </row>
    <row r="8776" spans="1:7" x14ac:dyDescent="0.3">
      <c r="A8776" s="13" t="s">
        <v>77</v>
      </c>
      <c r="B8776" s="14" t="s">
        <v>1</v>
      </c>
      <c r="C8776" s="14" t="s">
        <v>47</v>
      </c>
      <c r="D8776" s="14" t="s">
        <v>78</v>
      </c>
      <c r="E8776" s="15">
        <v>45392</v>
      </c>
      <c r="F8776" s="14" t="s">
        <v>25</v>
      </c>
      <c r="G8776" s="16">
        <v>0</v>
      </c>
    </row>
    <row r="8777" spans="1:7" x14ac:dyDescent="0.3">
      <c r="A8777" s="13" t="s">
        <v>77</v>
      </c>
      <c r="B8777" s="14" t="s">
        <v>1</v>
      </c>
      <c r="C8777" s="14" t="s">
        <v>47</v>
      </c>
      <c r="D8777" s="14" t="s">
        <v>78</v>
      </c>
      <c r="E8777" s="15">
        <v>45393</v>
      </c>
      <c r="F8777" s="14" t="s">
        <v>25</v>
      </c>
      <c r="G8777" s="16">
        <v>0</v>
      </c>
    </row>
    <row r="8778" spans="1:7" x14ac:dyDescent="0.3">
      <c r="A8778" s="13" t="s">
        <v>77</v>
      </c>
      <c r="B8778" s="14" t="s">
        <v>1</v>
      </c>
      <c r="C8778" s="14" t="s">
        <v>47</v>
      </c>
      <c r="D8778" s="14" t="s">
        <v>78</v>
      </c>
      <c r="E8778" s="15">
        <v>45394</v>
      </c>
      <c r="F8778" s="14" t="s">
        <v>25</v>
      </c>
      <c r="G8778" s="16">
        <v>0</v>
      </c>
    </row>
    <row r="8779" spans="1:7" x14ac:dyDescent="0.3">
      <c r="A8779" s="13" t="s">
        <v>77</v>
      </c>
      <c r="B8779" s="14" t="s">
        <v>1</v>
      </c>
      <c r="C8779" s="14" t="s">
        <v>47</v>
      </c>
      <c r="D8779" s="14" t="s">
        <v>78</v>
      </c>
      <c r="E8779" s="15">
        <v>45395</v>
      </c>
      <c r="F8779" s="14" t="s">
        <v>25</v>
      </c>
      <c r="G8779" s="16">
        <v>0</v>
      </c>
    </row>
    <row r="8780" spans="1:7" x14ac:dyDescent="0.3">
      <c r="A8780" s="13" t="s">
        <v>77</v>
      </c>
      <c r="B8780" s="14" t="s">
        <v>1</v>
      </c>
      <c r="C8780" s="14" t="s">
        <v>47</v>
      </c>
      <c r="D8780" s="14" t="s">
        <v>78</v>
      </c>
      <c r="E8780" s="15">
        <v>45396</v>
      </c>
      <c r="F8780" s="14" t="s">
        <v>25</v>
      </c>
      <c r="G8780" s="16">
        <v>0</v>
      </c>
    </row>
    <row r="8781" spans="1:7" x14ac:dyDescent="0.3">
      <c r="A8781" s="13" t="s">
        <v>77</v>
      </c>
      <c r="B8781" s="14" t="s">
        <v>1</v>
      </c>
      <c r="C8781" s="14" t="s">
        <v>47</v>
      </c>
      <c r="D8781" s="14" t="s">
        <v>78</v>
      </c>
      <c r="E8781" s="15">
        <v>45397</v>
      </c>
      <c r="F8781" s="14" t="s">
        <v>25</v>
      </c>
      <c r="G8781" s="16">
        <v>0</v>
      </c>
    </row>
    <row r="8782" spans="1:7" x14ac:dyDescent="0.3">
      <c r="A8782" s="13" t="s">
        <v>77</v>
      </c>
      <c r="B8782" s="14" t="s">
        <v>1</v>
      </c>
      <c r="C8782" s="14" t="s">
        <v>47</v>
      </c>
      <c r="D8782" s="14" t="s">
        <v>78</v>
      </c>
      <c r="E8782" s="15">
        <v>45398</v>
      </c>
      <c r="F8782" s="14" t="s">
        <v>25</v>
      </c>
      <c r="G8782" s="16">
        <v>0</v>
      </c>
    </row>
    <row r="8783" spans="1:7" x14ac:dyDescent="0.3">
      <c r="A8783" s="13" t="s">
        <v>77</v>
      </c>
      <c r="B8783" s="14" t="s">
        <v>1</v>
      </c>
      <c r="C8783" s="14" t="s">
        <v>47</v>
      </c>
      <c r="D8783" s="14" t="s">
        <v>78</v>
      </c>
      <c r="E8783" s="15">
        <v>45399</v>
      </c>
      <c r="F8783" s="14" t="s">
        <v>25</v>
      </c>
      <c r="G8783" s="16">
        <v>0</v>
      </c>
    </row>
    <row r="8784" spans="1:7" x14ac:dyDescent="0.3">
      <c r="A8784" s="13" t="s">
        <v>77</v>
      </c>
      <c r="B8784" s="14" t="s">
        <v>1</v>
      </c>
      <c r="C8784" s="14" t="s">
        <v>47</v>
      </c>
      <c r="D8784" s="14" t="s">
        <v>78</v>
      </c>
      <c r="E8784" s="15">
        <v>45400</v>
      </c>
      <c r="F8784" s="14" t="s">
        <v>25</v>
      </c>
      <c r="G8784" s="16">
        <v>0</v>
      </c>
    </row>
    <row r="8785" spans="1:7" x14ac:dyDescent="0.3">
      <c r="A8785" s="13" t="s">
        <v>77</v>
      </c>
      <c r="B8785" s="14" t="s">
        <v>1</v>
      </c>
      <c r="C8785" s="14" t="s">
        <v>47</v>
      </c>
      <c r="D8785" s="14" t="s">
        <v>78</v>
      </c>
      <c r="E8785" s="15">
        <v>45401</v>
      </c>
      <c r="F8785" s="14" t="s">
        <v>25</v>
      </c>
      <c r="G8785" s="16">
        <v>0</v>
      </c>
    </row>
    <row r="8786" spans="1:7" x14ac:dyDescent="0.3">
      <c r="A8786" s="13" t="s">
        <v>77</v>
      </c>
      <c r="B8786" s="14" t="s">
        <v>1</v>
      </c>
      <c r="C8786" s="14" t="s">
        <v>47</v>
      </c>
      <c r="D8786" s="14" t="s">
        <v>78</v>
      </c>
      <c r="E8786" s="15">
        <v>45402</v>
      </c>
      <c r="F8786" s="14" t="s">
        <v>25</v>
      </c>
      <c r="G8786" s="16">
        <v>0</v>
      </c>
    </row>
    <row r="8787" spans="1:7" x14ac:dyDescent="0.3">
      <c r="A8787" s="13" t="s">
        <v>77</v>
      </c>
      <c r="B8787" s="14" t="s">
        <v>1</v>
      </c>
      <c r="C8787" s="14" t="s">
        <v>47</v>
      </c>
      <c r="D8787" s="14" t="s">
        <v>78</v>
      </c>
      <c r="E8787" s="15">
        <v>45403</v>
      </c>
      <c r="F8787" s="14" t="s">
        <v>25</v>
      </c>
      <c r="G8787" s="16">
        <v>0</v>
      </c>
    </row>
    <row r="8788" spans="1:7" x14ac:dyDescent="0.3">
      <c r="A8788" s="13" t="s">
        <v>77</v>
      </c>
      <c r="B8788" s="14" t="s">
        <v>1</v>
      </c>
      <c r="C8788" s="14" t="s">
        <v>47</v>
      </c>
      <c r="D8788" s="14" t="s">
        <v>78</v>
      </c>
      <c r="E8788" s="15">
        <v>45404</v>
      </c>
      <c r="F8788" s="14" t="s">
        <v>25</v>
      </c>
      <c r="G8788" s="16">
        <v>0</v>
      </c>
    </row>
    <row r="8789" spans="1:7" x14ac:dyDescent="0.3">
      <c r="A8789" s="13" t="s">
        <v>77</v>
      </c>
      <c r="B8789" s="14" t="s">
        <v>1</v>
      </c>
      <c r="C8789" s="14" t="s">
        <v>47</v>
      </c>
      <c r="D8789" s="14" t="s">
        <v>78</v>
      </c>
      <c r="E8789" s="15">
        <v>45405</v>
      </c>
      <c r="F8789" s="14" t="s">
        <v>25</v>
      </c>
      <c r="G8789" s="16">
        <v>0</v>
      </c>
    </row>
    <row r="8790" spans="1:7" x14ac:dyDescent="0.3">
      <c r="A8790" s="13" t="s">
        <v>77</v>
      </c>
      <c r="B8790" s="14" t="s">
        <v>1</v>
      </c>
      <c r="C8790" s="14" t="s">
        <v>47</v>
      </c>
      <c r="D8790" s="14" t="s">
        <v>78</v>
      </c>
      <c r="E8790" s="15">
        <v>45406</v>
      </c>
      <c r="F8790" s="14" t="s">
        <v>25</v>
      </c>
      <c r="G8790" s="16">
        <v>0</v>
      </c>
    </row>
    <row r="8791" spans="1:7" x14ac:dyDescent="0.3">
      <c r="A8791" s="13" t="s">
        <v>77</v>
      </c>
      <c r="B8791" s="14" t="s">
        <v>1</v>
      </c>
      <c r="C8791" s="14" t="s">
        <v>47</v>
      </c>
      <c r="D8791" s="14" t="s">
        <v>78</v>
      </c>
      <c r="E8791" s="15">
        <v>45407</v>
      </c>
      <c r="F8791" s="14" t="s">
        <v>25</v>
      </c>
      <c r="G8791" s="16">
        <v>0</v>
      </c>
    </row>
    <row r="8792" spans="1:7" x14ac:dyDescent="0.3">
      <c r="A8792" s="13" t="s">
        <v>77</v>
      </c>
      <c r="B8792" s="14" t="s">
        <v>1</v>
      </c>
      <c r="C8792" s="14" t="s">
        <v>47</v>
      </c>
      <c r="D8792" s="14" t="s">
        <v>78</v>
      </c>
      <c r="E8792" s="15">
        <v>45408</v>
      </c>
      <c r="F8792" s="14" t="s">
        <v>25</v>
      </c>
      <c r="G8792" s="16">
        <v>0</v>
      </c>
    </row>
    <row r="8793" spans="1:7" x14ac:dyDescent="0.3">
      <c r="A8793" s="13" t="s">
        <v>77</v>
      </c>
      <c r="B8793" s="14" t="s">
        <v>1</v>
      </c>
      <c r="C8793" s="14" t="s">
        <v>47</v>
      </c>
      <c r="D8793" s="14" t="s">
        <v>78</v>
      </c>
      <c r="E8793" s="15">
        <v>45409</v>
      </c>
      <c r="F8793" s="14" t="s">
        <v>25</v>
      </c>
      <c r="G8793" s="16">
        <v>0</v>
      </c>
    </row>
    <row r="8794" spans="1:7" x14ac:dyDescent="0.3">
      <c r="A8794" s="13" t="s">
        <v>77</v>
      </c>
      <c r="B8794" s="14" t="s">
        <v>1</v>
      </c>
      <c r="C8794" s="14" t="s">
        <v>47</v>
      </c>
      <c r="D8794" s="14" t="s">
        <v>78</v>
      </c>
      <c r="E8794" s="15">
        <v>45410</v>
      </c>
      <c r="F8794" s="14" t="s">
        <v>25</v>
      </c>
      <c r="G8794" s="16">
        <v>0</v>
      </c>
    </row>
    <row r="8795" spans="1:7" x14ac:dyDescent="0.3">
      <c r="A8795" s="13" t="s">
        <v>77</v>
      </c>
      <c r="B8795" s="14" t="s">
        <v>1</v>
      </c>
      <c r="C8795" s="14" t="s">
        <v>47</v>
      </c>
      <c r="D8795" s="14" t="s">
        <v>78</v>
      </c>
      <c r="E8795" s="15">
        <v>45411</v>
      </c>
      <c r="F8795" s="14" t="s">
        <v>25</v>
      </c>
      <c r="G8795" s="16">
        <v>0</v>
      </c>
    </row>
    <row r="8796" spans="1:7" x14ac:dyDescent="0.3">
      <c r="A8796" s="13" t="s">
        <v>77</v>
      </c>
      <c r="B8796" s="14" t="s">
        <v>1</v>
      </c>
      <c r="C8796" s="14" t="s">
        <v>47</v>
      </c>
      <c r="D8796" s="14" t="s">
        <v>78</v>
      </c>
      <c r="E8796" s="15">
        <v>45412</v>
      </c>
      <c r="F8796" s="14" t="s">
        <v>25</v>
      </c>
      <c r="G8796" s="16">
        <v>0</v>
      </c>
    </row>
    <row r="8797" spans="1:7" x14ac:dyDescent="0.3">
      <c r="A8797" s="13" t="s">
        <v>77</v>
      </c>
      <c r="B8797" s="14" t="s">
        <v>1</v>
      </c>
      <c r="C8797" s="14" t="s">
        <v>47</v>
      </c>
      <c r="D8797" s="14" t="s">
        <v>78</v>
      </c>
      <c r="E8797" s="15">
        <v>45413</v>
      </c>
      <c r="F8797" s="14" t="s">
        <v>25</v>
      </c>
      <c r="G8797" s="16">
        <v>8.1812881118599884E-3</v>
      </c>
    </row>
    <row r="8798" spans="1:7" x14ac:dyDescent="0.3">
      <c r="A8798" s="13" t="s">
        <v>77</v>
      </c>
      <c r="B8798" s="14" t="s">
        <v>1</v>
      </c>
      <c r="C8798" s="14" t="s">
        <v>47</v>
      </c>
      <c r="D8798" s="14" t="s">
        <v>78</v>
      </c>
      <c r="E8798" s="15">
        <v>45414</v>
      </c>
      <c r="F8798" s="14" t="s">
        <v>25</v>
      </c>
      <c r="G8798" s="16">
        <v>8.9543415371677506E-3</v>
      </c>
    </row>
    <row r="8799" spans="1:7" x14ac:dyDescent="0.3">
      <c r="A8799" s="13" t="s">
        <v>77</v>
      </c>
      <c r="B8799" s="14" t="s">
        <v>1</v>
      </c>
      <c r="C8799" s="14" t="s">
        <v>47</v>
      </c>
      <c r="D8799" s="14" t="s">
        <v>78</v>
      </c>
      <c r="E8799" s="15">
        <v>45415</v>
      </c>
      <c r="F8799" s="14" t="s">
        <v>25</v>
      </c>
      <c r="G8799" s="16">
        <v>9.4843028024936445E-3</v>
      </c>
    </row>
    <row r="8800" spans="1:7" x14ac:dyDescent="0.3">
      <c r="A8800" s="13" t="s">
        <v>77</v>
      </c>
      <c r="B8800" s="14" t="s">
        <v>1</v>
      </c>
      <c r="C8800" s="14" t="s">
        <v>47</v>
      </c>
      <c r="D8800" s="14" t="s">
        <v>78</v>
      </c>
      <c r="E8800" s="15">
        <v>45416</v>
      </c>
      <c r="F8800" s="14" t="s">
        <v>25</v>
      </c>
      <c r="G8800" s="16">
        <v>9.4843028024936445E-3</v>
      </c>
    </row>
    <row r="8801" spans="1:7" x14ac:dyDescent="0.3">
      <c r="A8801" s="13" t="s">
        <v>77</v>
      </c>
      <c r="B8801" s="14" t="s">
        <v>1</v>
      </c>
      <c r="C8801" s="14" t="s">
        <v>47</v>
      </c>
      <c r="D8801" s="14" t="s">
        <v>78</v>
      </c>
      <c r="E8801" s="15">
        <v>45417</v>
      </c>
      <c r="F8801" s="14" t="s">
        <v>25</v>
      </c>
      <c r="G8801" s="16">
        <v>9.4843028024936445E-3</v>
      </c>
    </row>
    <row r="8802" spans="1:7" x14ac:dyDescent="0.3">
      <c r="A8802" s="13" t="s">
        <v>77</v>
      </c>
      <c r="B8802" s="14" t="s">
        <v>1</v>
      </c>
      <c r="C8802" s="14" t="s">
        <v>47</v>
      </c>
      <c r="D8802" s="14" t="s">
        <v>78</v>
      </c>
      <c r="E8802" s="15">
        <v>45418</v>
      </c>
      <c r="F8802" s="14" t="s">
        <v>25</v>
      </c>
      <c r="G8802" s="16">
        <v>9.4843028024936445E-3</v>
      </c>
    </row>
    <row r="8803" spans="1:7" x14ac:dyDescent="0.3">
      <c r="A8803" s="13" t="s">
        <v>77</v>
      </c>
      <c r="B8803" s="14" t="s">
        <v>1</v>
      </c>
      <c r="C8803" s="14" t="s">
        <v>47</v>
      </c>
      <c r="D8803" s="14" t="s">
        <v>78</v>
      </c>
      <c r="E8803" s="15">
        <v>45419</v>
      </c>
      <c r="F8803" s="14" t="s">
        <v>25</v>
      </c>
      <c r="G8803" s="16">
        <v>7.5665572703286603E-3</v>
      </c>
    </row>
    <row r="8804" spans="1:7" x14ac:dyDescent="0.3">
      <c r="A8804" s="13" t="s">
        <v>77</v>
      </c>
      <c r="B8804" s="14" t="s">
        <v>1</v>
      </c>
      <c r="C8804" s="14" t="s">
        <v>47</v>
      </c>
      <c r="D8804" s="14" t="s">
        <v>78</v>
      </c>
      <c r="E8804" s="15">
        <v>45420</v>
      </c>
      <c r="F8804" s="14" t="s">
        <v>25</v>
      </c>
      <c r="G8804" s="16">
        <v>0</v>
      </c>
    </row>
    <row r="8805" spans="1:7" x14ac:dyDescent="0.3">
      <c r="A8805" s="13" t="s">
        <v>77</v>
      </c>
      <c r="B8805" s="14" t="s">
        <v>1</v>
      </c>
      <c r="C8805" s="14" t="s">
        <v>47</v>
      </c>
      <c r="D8805" s="14" t="s">
        <v>78</v>
      </c>
      <c r="E8805" s="15">
        <v>45421</v>
      </c>
      <c r="F8805" s="14" t="s">
        <v>25</v>
      </c>
      <c r="G8805" s="16">
        <v>0</v>
      </c>
    </row>
    <row r="8806" spans="1:7" x14ac:dyDescent="0.3">
      <c r="A8806" s="13" t="s">
        <v>77</v>
      </c>
      <c r="B8806" s="14" t="s">
        <v>1</v>
      </c>
      <c r="C8806" s="14" t="s">
        <v>47</v>
      </c>
      <c r="D8806" s="14" t="s">
        <v>78</v>
      </c>
      <c r="E8806" s="15">
        <v>45422</v>
      </c>
      <c r="F8806" s="14" t="s">
        <v>25</v>
      </c>
      <c r="G8806" s="16">
        <v>0</v>
      </c>
    </row>
    <row r="8807" spans="1:7" x14ac:dyDescent="0.3">
      <c r="A8807" s="13" t="s">
        <v>77</v>
      </c>
      <c r="B8807" s="14" t="s">
        <v>1</v>
      </c>
      <c r="C8807" s="14" t="s">
        <v>47</v>
      </c>
      <c r="D8807" s="14" t="s">
        <v>78</v>
      </c>
      <c r="E8807" s="15">
        <v>45423</v>
      </c>
      <c r="F8807" s="14" t="s">
        <v>25</v>
      </c>
      <c r="G8807" s="16">
        <v>0</v>
      </c>
    </row>
    <row r="8808" spans="1:7" x14ac:dyDescent="0.3">
      <c r="A8808" s="13" t="s">
        <v>77</v>
      </c>
      <c r="B8808" s="14" t="s">
        <v>1</v>
      </c>
      <c r="C8808" s="14" t="s">
        <v>47</v>
      </c>
      <c r="D8808" s="14" t="s">
        <v>78</v>
      </c>
      <c r="E8808" s="15">
        <v>45424</v>
      </c>
      <c r="F8808" s="14" t="s">
        <v>25</v>
      </c>
      <c r="G8808" s="16">
        <v>0</v>
      </c>
    </row>
    <row r="8809" spans="1:7" x14ac:dyDescent="0.3">
      <c r="A8809" s="13" t="s">
        <v>77</v>
      </c>
      <c r="B8809" s="14" t="s">
        <v>1</v>
      </c>
      <c r="C8809" s="14" t="s">
        <v>47</v>
      </c>
      <c r="D8809" s="14" t="s">
        <v>78</v>
      </c>
      <c r="E8809" s="15">
        <v>45425</v>
      </c>
      <c r="F8809" s="14" t="s">
        <v>25</v>
      </c>
      <c r="G8809" s="16">
        <v>0</v>
      </c>
    </row>
    <row r="8810" spans="1:7" x14ac:dyDescent="0.3">
      <c r="A8810" s="13" t="s">
        <v>77</v>
      </c>
      <c r="B8810" s="14" t="s">
        <v>1</v>
      </c>
      <c r="C8810" s="14" t="s">
        <v>47</v>
      </c>
      <c r="D8810" s="14" t="s">
        <v>78</v>
      </c>
      <c r="E8810" s="15">
        <v>45426</v>
      </c>
      <c r="F8810" s="14" t="s">
        <v>25</v>
      </c>
      <c r="G8810" s="16">
        <v>0</v>
      </c>
    </row>
    <row r="8811" spans="1:7" x14ac:dyDescent="0.3">
      <c r="A8811" s="13" t="s">
        <v>77</v>
      </c>
      <c r="B8811" s="14" t="s">
        <v>1</v>
      </c>
      <c r="C8811" s="14" t="s">
        <v>47</v>
      </c>
      <c r="D8811" s="14" t="s">
        <v>78</v>
      </c>
      <c r="E8811" s="15">
        <v>45427</v>
      </c>
      <c r="F8811" s="14" t="s">
        <v>25</v>
      </c>
      <c r="G8811" s="16">
        <v>0</v>
      </c>
    </row>
    <row r="8812" spans="1:7" x14ac:dyDescent="0.3">
      <c r="A8812" s="13" t="s">
        <v>77</v>
      </c>
      <c r="B8812" s="14" t="s">
        <v>1</v>
      </c>
      <c r="C8812" s="14" t="s">
        <v>47</v>
      </c>
      <c r="D8812" s="14" t="s">
        <v>78</v>
      </c>
      <c r="E8812" s="15">
        <v>45428</v>
      </c>
      <c r="F8812" s="14" t="s">
        <v>25</v>
      </c>
      <c r="G8812" s="16">
        <v>0</v>
      </c>
    </row>
    <row r="8813" spans="1:7" x14ac:dyDescent="0.3">
      <c r="A8813" s="13" t="s">
        <v>77</v>
      </c>
      <c r="B8813" s="14" t="s">
        <v>1</v>
      </c>
      <c r="C8813" s="14" t="s">
        <v>47</v>
      </c>
      <c r="D8813" s="14" t="s">
        <v>78</v>
      </c>
      <c r="E8813" s="15">
        <v>45429</v>
      </c>
      <c r="F8813" s="14" t="s">
        <v>25</v>
      </c>
      <c r="G8813" s="16">
        <v>1.2465252210438496E-2</v>
      </c>
    </row>
    <row r="8814" spans="1:7" x14ac:dyDescent="0.3">
      <c r="A8814" s="13" t="s">
        <v>77</v>
      </c>
      <c r="B8814" s="14" t="s">
        <v>1</v>
      </c>
      <c r="C8814" s="14" t="s">
        <v>47</v>
      </c>
      <c r="D8814" s="14" t="s">
        <v>78</v>
      </c>
      <c r="E8814" s="15">
        <v>45430</v>
      </c>
      <c r="F8814" s="14" t="s">
        <v>25</v>
      </c>
      <c r="G8814" s="16">
        <v>1.2465252210438496E-2</v>
      </c>
    </row>
    <row r="8815" spans="1:7" x14ac:dyDescent="0.3">
      <c r="A8815" s="13" t="s">
        <v>77</v>
      </c>
      <c r="B8815" s="14" t="s">
        <v>1</v>
      </c>
      <c r="C8815" s="14" t="s">
        <v>47</v>
      </c>
      <c r="D8815" s="14" t="s">
        <v>78</v>
      </c>
      <c r="E8815" s="15">
        <v>45431</v>
      </c>
      <c r="F8815" s="14" t="s">
        <v>25</v>
      </c>
      <c r="G8815" s="16">
        <v>1.2465252210438496E-2</v>
      </c>
    </row>
    <row r="8816" spans="1:7" x14ac:dyDescent="0.3">
      <c r="A8816" s="13" t="s">
        <v>77</v>
      </c>
      <c r="B8816" s="14" t="s">
        <v>1</v>
      </c>
      <c r="C8816" s="14" t="s">
        <v>47</v>
      </c>
      <c r="D8816" s="14" t="s">
        <v>78</v>
      </c>
      <c r="E8816" s="15">
        <v>45432</v>
      </c>
      <c r="F8816" s="14" t="s">
        <v>25</v>
      </c>
      <c r="G8816" s="16">
        <v>1.0410777228490823E-2</v>
      </c>
    </row>
    <row r="8817" spans="1:7" x14ac:dyDescent="0.3">
      <c r="A8817" s="13" t="s">
        <v>77</v>
      </c>
      <c r="B8817" s="14" t="s">
        <v>1</v>
      </c>
      <c r="C8817" s="14" t="s">
        <v>47</v>
      </c>
      <c r="D8817" s="14" t="s">
        <v>78</v>
      </c>
      <c r="E8817" s="15">
        <v>45433</v>
      </c>
      <c r="F8817" s="14" t="s">
        <v>25</v>
      </c>
      <c r="G8817" s="16">
        <v>1.7241016773981037E-2</v>
      </c>
    </row>
    <row r="8818" spans="1:7" x14ac:dyDescent="0.3">
      <c r="A8818" s="13" t="s">
        <v>77</v>
      </c>
      <c r="B8818" s="14" t="s">
        <v>1</v>
      </c>
      <c r="C8818" s="14" t="s">
        <v>47</v>
      </c>
      <c r="D8818" s="14" t="s">
        <v>78</v>
      </c>
      <c r="E8818" s="15">
        <v>45434</v>
      </c>
      <c r="F8818" s="14" t="s">
        <v>25</v>
      </c>
      <c r="G8818" s="16">
        <v>6.6662185675883195E-2</v>
      </c>
    </row>
    <row r="8819" spans="1:7" x14ac:dyDescent="0.3">
      <c r="A8819" s="13" t="s">
        <v>77</v>
      </c>
      <c r="B8819" s="14" t="s">
        <v>1</v>
      </c>
      <c r="C8819" s="14" t="s">
        <v>47</v>
      </c>
      <c r="D8819" s="14" t="s">
        <v>78</v>
      </c>
      <c r="E8819" s="15">
        <v>45435</v>
      </c>
      <c r="F8819" s="14" t="s">
        <v>25</v>
      </c>
      <c r="G8819" s="16">
        <v>6.4486413550344651E-2</v>
      </c>
    </row>
    <row r="8820" spans="1:7" x14ac:dyDescent="0.3">
      <c r="A8820" s="13" t="s">
        <v>77</v>
      </c>
      <c r="B8820" s="14" t="s">
        <v>1</v>
      </c>
      <c r="C8820" s="14" t="s">
        <v>47</v>
      </c>
      <c r="D8820" s="14" t="s">
        <v>78</v>
      </c>
      <c r="E8820" s="15">
        <v>45436</v>
      </c>
      <c r="F8820" s="14" t="s">
        <v>25</v>
      </c>
      <c r="G8820" s="16">
        <v>6.242065289367138E-2</v>
      </c>
    </row>
    <row r="8821" spans="1:7" x14ac:dyDescent="0.3">
      <c r="A8821" s="13" t="s">
        <v>77</v>
      </c>
      <c r="B8821" s="14" t="s">
        <v>1</v>
      </c>
      <c r="C8821" s="14" t="s">
        <v>47</v>
      </c>
      <c r="D8821" s="14" t="s">
        <v>78</v>
      </c>
      <c r="E8821" s="15">
        <v>45437</v>
      </c>
      <c r="F8821" s="14" t="s">
        <v>25</v>
      </c>
      <c r="G8821" s="16">
        <v>6.242065289367138E-2</v>
      </c>
    </row>
    <row r="8822" spans="1:7" x14ac:dyDescent="0.3">
      <c r="A8822" s="13" t="s">
        <v>77</v>
      </c>
      <c r="B8822" s="14" t="s">
        <v>1</v>
      </c>
      <c r="C8822" s="14" t="s">
        <v>47</v>
      </c>
      <c r="D8822" s="14" t="s">
        <v>78</v>
      </c>
      <c r="E8822" s="15">
        <v>45438</v>
      </c>
      <c r="F8822" s="14" t="s">
        <v>25</v>
      </c>
      <c r="G8822" s="16">
        <v>6.242065289367138E-2</v>
      </c>
    </row>
    <row r="8823" spans="1:7" x14ac:dyDescent="0.3">
      <c r="A8823" s="13" t="s">
        <v>77</v>
      </c>
      <c r="B8823" s="14" t="s">
        <v>1</v>
      </c>
      <c r="C8823" s="14" t="s">
        <v>47</v>
      </c>
      <c r="D8823" s="14" t="s">
        <v>78</v>
      </c>
      <c r="E8823" s="15">
        <v>45439</v>
      </c>
      <c r="F8823" s="14" t="s">
        <v>25</v>
      </c>
      <c r="G8823" s="16">
        <v>6.242065289367138E-2</v>
      </c>
    </row>
    <row r="8824" spans="1:7" x14ac:dyDescent="0.3">
      <c r="A8824" s="13" t="s">
        <v>77</v>
      </c>
      <c r="B8824" s="14" t="s">
        <v>1</v>
      </c>
      <c r="C8824" s="14" t="s">
        <v>47</v>
      </c>
      <c r="D8824" s="14" t="s">
        <v>78</v>
      </c>
      <c r="E8824" s="15">
        <v>45440</v>
      </c>
      <c r="F8824" s="14" t="s">
        <v>25</v>
      </c>
      <c r="G8824" s="16">
        <v>6.0156697801580068E-2</v>
      </c>
    </row>
    <row r="8825" spans="1:7" x14ac:dyDescent="0.3">
      <c r="A8825" s="13" t="s">
        <v>77</v>
      </c>
      <c r="B8825" s="14" t="s">
        <v>1</v>
      </c>
      <c r="C8825" s="14" t="s">
        <v>47</v>
      </c>
      <c r="D8825" s="14" t="s">
        <v>78</v>
      </c>
      <c r="E8825" s="15">
        <v>45441</v>
      </c>
      <c r="F8825" s="14" t="s">
        <v>25</v>
      </c>
      <c r="G8825" s="16">
        <v>0.10644092470352078</v>
      </c>
    </row>
    <row r="8826" spans="1:7" x14ac:dyDescent="0.3">
      <c r="A8826" s="13" t="s">
        <v>77</v>
      </c>
      <c r="B8826" s="14" t="s">
        <v>1</v>
      </c>
      <c r="C8826" s="14" t="s">
        <v>47</v>
      </c>
      <c r="D8826" s="14" t="s">
        <v>78</v>
      </c>
      <c r="E8826" s="15">
        <v>45442</v>
      </c>
      <c r="F8826" s="14" t="s">
        <v>25</v>
      </c>
      <c r="G8826" s="16">
        <v>0.12238266330265149</v>
      </c>
    </row>
    <row r="8827" spans="1:7" x14ac:dyDescent="0.3">
      <c r="A8827" s="13" t="s">
        <v>77</v>
      </c>
      <c r="B8827" s="14" t="s">
        <v>1</v>
      </c>
      <c r="C8827" s="14" t="s">
        <v>47</v>
      </c>
      <c r="D8827" s="14" t="s">
        <v>78</v>
      </c>
      <c r="E8827" s="15">
        <v>45443</v>
      </c>
      <c r="F8827" s="14" t="s">
        <v>25</v>
      </c>
      <c r="G8827" s="16">
        <v>0.12014436629405983</v>
      </c>
    </row>
    <row r="8828" spans="1:7" x14ac:dyDescent="0.3">
      <c r="A8828" s="13" t="s">
        <v>77</v>
      </c>
      <c r="B8828" s="14" t="s">
        <v>1</v>
      </c>
      <c r="C8828" s="14" t="s">
        <v>47</v>
      </c>
      <c r="D8828" s="14" t="s">
        <v>78</v>
      </c>
      <c r="E8828" s="15">
        <v>45444</v>
      </c>
      <c r="F8828" s="14" t="s">
        <v>25</v>
      </c>
      <c r="G8828" s="16">
        <v>0.12014436629405983</v>
      </c>
    </row>
    <row r="8829" spans="1:7" x14ac:dyDescent="0.3">
      <c r="A8829" s="13" t="s">
        <v>77</v>
      </c>
      <c r="B8829" s="14" t="s">
        <v>1</v>
      </c>
      <c r="C8829" s="14" t="s">
        <v>47</v>
      </c>
      <c r="D8829" s="14" t="s">
        <v>78</v>
      </c>
      <c r="E8829" s="15">
        <v>45445</v>
      </c>
      <c r="F8829" s="14" t="s">
        <v>25</v>
      </c>
      <c r="G8829" s="16">
        <v>0.12014436629405983</v>
      </c>
    </row>
    <row r="8830" spans="1:7" x14ac:dyDescent="0.3">
      <c r="A8830" s="13" t="s">
        <v>77</v>
      </c>
      <c r="B8830" s="14" t="s">
        <v>1</v>
      </c>
      <c r="C8830" s="14" t="s">
        <v>47</v>
      </c>
      <c r="D8830" s="14" t="s">
        <v>78</v>
      </c>
      <c r="E8830" s="15">
        <v>45446</v>
      </c>
      <c r="F8830" s="14" t="s">
        <v>25</v>
      </c>
      <c r="G8830" s="16">
        <v>0.12014436629405983</v>
      </c>
    </row>
    <row r="8831" spans="1:7" x14ac:dyDescent="0.3">
      <c r="A8831" s="13" t="s">
        <v>77</v>
      </c>
      <c r="B8831" s="14" t="s">
        <v>1</v>
      </c>
      <c r="C8831" s="14" t="s">
        <v>47</v>
      </c>
      <c r="D8831" s="14" t="s">
        <v>78</v>
      </c>
      <c r="E8831" s="15">
        <v>45447</v>
      </c>
      <c r="F8831" s="14" t="s">
        <v>25</v>
      </c>
      <c r="G8831" s="16">
        <v>0.14382197902234425</v>
      </c>
    </row>
    <row r="8832" spans="1:7" x14ac:dyDescent="0.3">
      <c r="A8832" s="13" t="s">
        <v>77</v>
      </c>
      <c r="B8832" s="14" t="s">
        <v>1</v>
      </c>
      <c r="C8832" s="14" t="s">
        <v>47</v>
      </c>
      <c r="D8832" s="14" t="s">
        <v>78</v>
      </c>
      <c r="E8832" s="15">
        <v>45448</v>
      </c>
      <c r="F8832" s="14" t="s">
        <v>25</v>
      </c>
      <c r="G8832" s="16">
        <v>0.16392616221704026</v>
      </c>
    </row>
    <row r="8833" spans="1:7" x14ac:dyDescent="0.3">
      <c r="A8833" s="13" t="s">
        <v>77</v>
      </c>
      <c r="B8833" s="14" t="s">
        <v>1</v>
      </c>
      <c r="C8833" s="14" t="s">
        <v>47</v>
      </c>
      <c r="D8833" s="14" t="s">
        <v>78</v>
      </c>
      <c r="E8833" s="15">
        <v>45449</v>
      </c>
      <c r="F8833" s="14" t="s">
        <v>25</v>
      </c>
      <c r="G8833" s="16">
        <v>0.16114352766173212</v>
      </c>
    </row>
    <row r="8834" spans="1:7" x14ac:dyDescent="0.3">
      <c r="A8834" s="13" t="s">
        <v>77</v>
      </c>
      <c r="B8834" s="14" t="s">
        <v>1</v>
      </c>
      <c r="C8834" s="14" t="s">
        <v>47</v>
      </c>
      <c r="D8834" s="14" t="s">
        <v>78</v>
      </c>
      <c r="E8834" s="15">
        <v>45450</v>
      </c>
      <c r="F8834" s="14" t="s">
        <v>25</v>
      </c>
      <c r="G8834" s="16">
        <v>0.16030733809794792</v>
      </c>
    </row>
    <row r="8835" spans="1:7" x14ac:dyDescent="0.3">
      <c r="A8835" s="13" t="s">
        <v>77</v>
      </c>
      <c r="B8835" s="14" t="s">
        <v>1</v>
      </c>
      <c r="C8835" s="14" t="s">
        <v>47</v>
      </c>
      <c r="D8835" s="14" t="s">
        <v>78</v>
      </c>
      <c r="E8835" s="15">
        <v>45451</v>
      </c>
      <c r="F8835" s="14" t="s">
        <v>25</v>
      </c>
      <c r="G8835" s="16">
        <v>0.16030733809794792</v>
      </c>
    </row>
    <row r="8836" spans="1:7" x14ac:dyDescent="0.3">
      <c r="A8836" s="13" t="s">
        <v>77</v>
      </c>
      <c r="B8836" s="14" t="s">
        <v>1</v>
      </c>
      <c r="C8836" s="14" t="s">
        <v>47</v>
      </c>
      <c r="D8836" s="14" t="s">
        <v>78</v>
      </c>
      <c r="E8836" s="15">
        <v>45452</v>
      </c>
      <c r="F8836" s="14" t="s">
        <v>25</v>
      </c>
      <c r="G8836" s="16">
        <v>0.16030733809794792</v>
      </c>
    </row>
    <row r="8837" spans="1:7" x14ac:dyDescent="0.3">
      <c r="A8837" s="13" t="s">
        <v>77</v>
      </c>
      <c r="B8837" s="14" t="s">
        <v>1</v>
      </c>
      <c r="C8837" s="14" t="s">
        <v>47</v>
      </c>
      <c r="D8837" s="14" t="s">
        <v>78</v>
      </c>
      <c r="E8837" s="15">
        <v>45453</v>
      </c>
      <c r="F8837" s="14" t="s">
        <v>25</v>
      </c>
      <c r="G8837" s="16">
        <v>0.1583194555170814</v>
      </c>
    </row>
    <row r="8838" spans="1:7" x14ac:dyDescent="0.3">
      <c r="A8838" s="13" t="s">
        <v>77</v>
      </c>
      <c r="B8838" s="14" t="s">
        <v>1</v>
      </c>
      <c r="C8838" s="14" t="s">
        <v>47</v>
      </c>
      <c r="D8838" s="14" t="s">
        <v>78</v>
      </c>
      <c r="E8838" s="15">
        <v>45454</v>
      </c>
      <c r="F8838" s="14" t="s">
        <v>25</v>
      </c>
      <c r="G8838" s="16">
        <v>0.15238724032272516</v>
      </c>
    </row>
    <row r="8839" spans="1:7" x14ac:dyDescent="0.3">
      <c r="A8839" s="13" t="s">
        <v>77</v>
      </c>
      <c r="B8839" s="14" t="s">
        <v>1</v>
      </c>
      <c r="C8839" s="14" t="s">
        <v>47</v>
      </c>
      <c r="D8839" s="14" t="s">
        <v>78</v>
      </c>
      <c r="E8839" s="15">
        <v>45455</v>
      </c>
      <c r="F8839" s="14" t="s">
        <v>25</v>
      </c>
      <c r="G8839" s="16">
        <v>0.1497779690727917</v>
      </c>
    </row>
    <row r="8840" spans="1:7" x14ac:dyDescent="0.3">
      <c r="A8840" s="13" t="s">
        <v>77</v>
      </c>
      <c r="B8840" s="14" t="s">
        <v>1</v>
      </c>
      <c r="C8840" s="14" t="s">
        <v>47</v>
      </c>
      <c r="D8840" s="14" t="s">
        <v>78</v>
      </c>
      <c r="E8840" s="15">
        <v>45456</v>
      </c>
      <c r="F8840" s="14" t="s">
        <v>25</v>
      </c>
      <c r="G8840" s="16">
        <v>0.17864366264946821</v>
      </c>
    </row>
    <row r="8841" spans="1:7" x14ac:dyDescent="0.3">
      <c r="A8841" s="13" t="s">
        <v>77</v>
      </c>
      <c r="B8841" s="14" t="s">
        <v>1</v>
      </c>
      <c r="C8841" s="14" t="s">
        <v>47</v>
      </c>
      <c r="D8841" s="14" t="s">
        <v>78</v>
      </c>
      <c r="E8841" s="15">
        <v>45457</v>
      </c>
      <c r="F8841" s="14" t="s">
        <v>25</v>
      </c>
      <c r="G8841" s="16">
        <v>0.18207667507215916</v>
      </c>
    </row>
    <row r="8842" spans="1:7" x14ac:dyDescent="0.3">
      <c r="A8842" s="13" t="s">
        <v>77</v>
      </c>
      <c r="B8842" s="14" t="s">
        <v>1</v>
      </c>
      <c r="C8842" s="14" t="s">
        <v>47</v>
      </c>
      <c r="D8842" s="14" t="s">
        <v>78</v>
      </c>
      <c r="E8842" s="15">
        <v>45458</v>
      </c>
      <c r="F8842" s="14" t="s">
        <v>25</v>
      </c>
      <c r="G8842" s="16">
        <v>0.18207667507215916</v>
      </c>
    </row>
    <row r="8843" spans="1:7" x14ac:dyDescent="0.3">
      <c r="A8843" s="13" t="s">
        <v>77</v>
      </c>
      <c r="B8843" s="14" t="s">
        <v>1</v>
      </c>
      <c r="C8843" s="14" t="s">
        <v>47</v>
      </c>
      <c r="D8843" s="14" t="s">
        <v>78</v>
      </c>
      <c r="E8843" s="15">
        <v>45459</v>
      </c>
      <c r="F8843" s="14" t="s">
        <v>25</v>
      </c>
      <c r="G8843" s="16">
        <v>0.18207667507215916</v>
      </c>
    </row>
    <row r="8844" spans="1:7" x14ac:dyDescent="0.3">
      <c r="A8844" s="13" t="s">
        <v>77</v>
      </c>
      <c r="B8844" s="14" t="s">
        <v>1</v>
      </c>
      <c r="C8844" s="14" t="s">
        <v>47</v>
      </c>
      <c r="D8844" s="14" t="s">
        <v>78</v>
      </c>
      <c r="E8844" s="15">
        <v>45460</v>
      </c>
      <c r="F8844" s="14" t="s">
        <v>25</v>
      </c>
      <c r="G8844" s="16">
        <v>0.18095141044579049</v>
      </c>
    </row>
    <row r="8845" spans="1:7" x14ac:dyDescent="0.3">
      <c r="A8845" s="13" t="s">
        <v>77</v>
      </c>
      <c r="B8845" s="14" t="s">
        <v>1</v>
      </c>
      <c r="C8845" s="14" t="s">
        <v>47</v>
      </c>
      <c r="D8845" s="14" t="s">
        <v>78</v>
      </c>
      <c r="E8845" s="15">
        <v>45461</v>
      </c>
      <c r="F8845" s="14" t="s">
        <v>25</v>
      </c>
      <c r="G8845" s="16">
        <v>0.18123962541355809</v>
      </c>
    </row>
    <row r="8846" spans="1:7" x14ac:dyDescent="0.3">
      <c r="A8846" s="13" t="s">
        <v>77</v>
      </c>
      <c r="B8846" s="14" t="s">
        <v>1</v>
      </c>
      <c r="C8846" s="14" t="s">
        <v>47</v>
      </c>
      <c r="D8846" s="14" t="s">
        <v>78</v>
      </c>
      <c r="E8846" s="15">
        <v>45462</v>
      </c>
      <c r="F8846" s="14" t="s">
        <v>25</v>
      </c>
      <c r="G8846" s="16">
        <v>0.18123962541355809</v>
      </c>
    </row>
    <row r="8847" spans="1:7" x14ac:dyDescent="0.3">
      <c r="A8847" s="13" t="s">
        <v>77</v>
      </c>
      <c r="B8847" s="14" t="s">
        <v>1</v>
      </c>
      <c r="C8847" s="14" t="s">
        <v>47</v>
      </c>
      <c r="D8847" s="14" t="s">
        <v>78</v>
      </c>
      <c r="E8847" s="15">
        <v>45463</v>
      </c>
      <c r="F8847" s="14" t="s">
        <v>25</v>
      </c>
      <c r="G8847" s="16">
        <v>0.21925698080696326</v>
      </c>
    </row>
    <row r="8848" spans="1:7" x14ac:dyDescent="0.3">
      <c r="A8848" s="13" t="s">
        <v>77</v>
      </c>
      <c r="B8848" s="14" t="s">
        <v>1</v>
      </c>
      <c r="C8848" s="14" t="s">
        <v>47</v>
      </c>
      <c r="D8848" s="14" t="s">
        <v>78</v>
      </c>
      <c r="E8848" s="15">
        <v>45464</v>
      </c>
      <c r="F8848" s="14" t="s">
        <v>25</v>
      </c>
      <c r="G8848" s="16">
        <v>0.21580559788999476</v>
      </c>
    </row>
    <row r="8849" spans="1:7" x14ac:dyDescent="0.3">
      <c r="A8849" s="13" t="s">
        <v>77</v>
      </c>
      <c r="B8849" s="14" t="s">
        <v>1</v>
      </c>
      <c r="C8849" s="14" t="s">
        <v>47</v>
      </c>
      <c r="D8849" s="14" t="s">
        <v>78</v>
      </c>
      <c r="E8849" s="15">
        <v>45465</v>
      </c>
      <c r="F8849" s="14" t="s">
        <v>25</v>
      </c>
      <c r="G8849" s="16">
        <v>0.21580559788999476</v>
      </c>
    </row>
    <row r="8850" spans="1:7" x14ac:dyDescent="0.3">
      <c r="A8850" s="13" t="s">
        <v>77</v>
      </c>
      <c r="B8850" s="14" t="s">
        <v>1</v>
      </c>
      <c r="C8850" s="14" t="s">
        <v>47</v>
      </c>
      <c r="D8850" s="14" t="s">
        <v>78</v>
      </c>
      <c r="E8850" s="15">
        <v>45466</v>
      </c>
      <c r="F8850" s="14" t="s">
        <v>25</v>
      </c>
      <c r="G8850" s="16">
        <v>0.21580559788999476</v>
      </c>
    </row>
    <row r="8851" spans="1:7" x14ac:dyDescent="0.3">
      <c r="A8851" s="13" t="s">
        <v>77</v>
      </c>
      <c r="B8851" s="14" t="s">
        <v>1</v>
      </c>
      <c r="C8851" s="14" t="s">
        <v>47</v>
      </c>
      <c r="D8851" s="14" t="s">
        <v>78</v>
      </c>
      <c r="E8851" s="15">
        <v>45467</v>
      </c>
      <c r="F8851" s="14" t="s">
        <v>25</v>
      </c>
      <c r="G8851" s="16">
        <v>0.21649867721281321</v>
      </c>
    </row>
    <row r="8852" spans="1:7" x14ac:dyDescent="0.3">
      <c r="A8852" s="13" t="s">
        <v>77</v>
      </c>
      <c r="B8852" s="14" t="s">
        <v>1</v>
      </c>
      <c r="C8852" s="14" t="s">
        <v>47</v>
      </c>
      <c r="D8852" s="14" t="s">
        <v>78</v>
      </c>
      <c r="E8852" s="15">
        <v>45468</v>
      </c>
      <c r="F8852" s="14" t="s">
        <v>25</v>
      </c>
      <c r="G8852" s="16">
        <v>0.21398179114101371</v>
      </c>
    </row>
    <row r="8853" spans="1:7" x14ac:dyDescent="0.3">
      <c r="A8853" s="13" t="s">
        <v>77</v>
      </c>
      <c r="B8853" s="14" t="s">
        <v>1</v>
      </c>
      <c r="C8853" s="14" t="s">
        <v>47</v>
      </c>
      <c r="D8853" s="14" t="s">
        <v>78</v>
      </c>
      <c r="E8853" s="15">
        <v>45469</v>
      </c>
      <c r="F8853" s="14" t="s">
        <v>25</v>
      </c>
      <c r="G8853" s="16">
        <v>0.21260658222209367</v>
      </c>
    </row>
    <row r="8854" spans="1:7" x14ac:dyDescent="0.3">
      <c r="A8854" s="13" t="s">
        <v>77</v>
      </c>
      <c r="B8854" s="14" t="s">
        <v>1</v>
      </c>
      <c r="C8854" s="14" t="s">
        <v>47</v>
      </c>
      <c r="D8854" s="14" t="s">
        <v>78</v>
      </c>
      <c r="E8854" s="15">
        <v>45470</v>
      </c>
      <c r="F8854" s="14" t="s">
        <v>25</v>
      </c>
      <c r="G8854" s="16">
        <v>0.21091924304890305</v>
      </c>
    </row>
    <row r="8855" spans="1:7" x14ac:dyDescent="0.3">
      <c r="A8855" s="13" t="s">
        <v>77</v>
      </c>
      <c r="B8855" s="14" t="s">
        <v>1</v>
      </c>
      <c r="C8855" s="14" t="s">
        <v>47</v>
      </c>
      <c r="D8855" s="14" t="s">
        <v>78</v>
      </c>
      <c r="E8855" s="15">
        <v>45471</v>
      </c>
      <c r="F8855" s="14" t="s">
        <v>25</v>
      </c>
      <c r="G8855" s="16">
        <v>0.2089740390845658</v>
      </c>
    </row>
    <row r="8856" spans="1:7" x14ac:dyDescent="0.3">
      <c r="A8856" s="13" t="s">
        <v>77</v>
      </c>
      <c r="B8856" s="14" t="s">
        <v>1</v>
      </c>
      <c r="C8856" s="14" t="s">
        <v>47</v>
      </c>
      <c r="D8856" s="14" t="s">
        <v>78</v>
      </c>
      <c r="E8856" s="15">
        <v>45472</v>
      </c>
      <c r="F8856" s="14" t="s">
        <v>25</v>
      </c>
      <c r="G8856" s="16">
        <v>0.2089740390845658</v>
      </c>
    </row>
    <row r="8857" spans="1:7" x14ac:dyDescent="0.3">
      <c r="A8857" s="13" t="s">
        <v>77</v>
      </c>
      <c r="B8857" s="14" t="s">
        <v>1</v>
      </c>
      <c r="C8857" s="14" t="s">
        <v>47</v>
      </c>
      <c r="D8857" s="14" t="s">
        <v>78</v>
      </c>
      <c r="E8857" s="15">
        <v>45473</v>
      </c>
      <c r="F8857" s="14" t="s">
        <v>25</v>
      </c>
      <c r="G8857" s="16">
        <v>0.2089740390845658</v>
      </c>
    </row>
    <row r="8858" spans="1:7" x14ac:dyDescent="0.3">
      <c r="A8858" s="13" t="s">
        <v>77</v>
      </c>
      <c r="B8858" s="14" t="s">
        <v>1</v>
      </c>
      <c r="C8858" s="14" t="s">
        <v>47</v>
      </c>
      <c r="D8858" s="14" t="s">
        <v>78</v>
      </c>
      <c r="E8858" s="15">
        <v>45474</v>
      </c>
      <c r="F8858" s="14" t="s">
        <v>25</v>
      </c>
      <c r="G8858" s="16">
        <v>0.21698379773007584</v>
      </c>
    </row>
    <row r="8859" spans="1:7" x14ac:dyDescent="0.3">
      <c r="A8859" s="13" t="s">
        <v>77</v>
      </c>
      <c r="B8859" s="14" t="s">
        <v>1</v>
      </c>
      <c r="C8859" s="14" t="s">
        <v>47</v>
      </c>
      <c r="D8859" s="14" t="s">
        <v>78</v>
      </c>
      <c r="E8859" s="15">
        <v>45475</v>
      </c>
      <c r="F8859" s="14" t="s">
        <v>25</v>
      </c>
      <c r="G8859" s="16">
        <v>0.21248577187781564</v>
      </c>
    </row>
    <row r="8860" spans="1:7" x14ac:dyDescent="0.3">
      <c r="A8860" s="13" t="s">
        <v>77</v>
      </c>
      <c r="B8860" s="14" t="s">
        <v>1</v>
      </c>
      <c r="C8860" s="14" t="s">
        <v>47</v>
      </c>
      <c r="D8860" s="14" t="s">
        <v>78</v>
      </c>
      <c r="E8860" s="15">
        <v>45476</v>
      </c>
      <c r="F8860" s="14" t="s">
        <v>25</v>
      </c>
      <c r="G8860" s="16">
        <v>0.22097997369463496</v>
      </c>
    </row>
    <row r="8861" spans="1:7" x14ac:dyDescent="0.3">
      <c r="A8861" s="13" t="s">
        <v>77</v>
      </c>
      <c r="B8861" s="14" t="s">
        <v>1</v>
      </c>
      <c r="C8861" s="14" t="s">
        <v>47</v>
      </c>
      <c r="D8861" s="14" t="s">
        <v>78</v>
      </c>
      <c r="E8861" s="15">
        <v>45477</v>
      </c>
      <c r="F8861" s="14" t="s">
        <v>25</v>
      </c>
      <c r="G8861" s="16">
        <v>0.22097997369463496</v>
      </c>
    </row>
    <row r="8862" spans="1:7" x14ac:dyDescent="0.3">
      <c r="A8862" s="13" t="s">
        <v>77</v>
      </c>
      <c r="B8862" s="14" t="s">
        <v>1</v>
      </c>
      <c r="C8862" s="14" t="s">
        <v>47</v>
      </c>
      <c r="D8862" s="14" t="s">
        <v>78</v>
      </c>
      <c r="E8862" s="15">
        <v>45478</v>
      </c>
      <c r="F8862" s="14" t="s">
        <v>25</v>
      </c>
      <c r="G8862" s="16">
        <v>0.21766906610327297</v>
      </c>
    </row>
    <row r="8863" spans="1:7" x14ac:dyDescent="0.3">
      <c r="A8863" s="13" t="s">
        <v>77</v>
      </c>
      <c r="B8863" s="14" t="s">
        <v>1</v>
      </c>
      <c r="C8863" s="14" t="s">
        <v>47</v>
      </c>
      <c r="D8863" s="14" t="s">
        <v>78</v>
      </c>
      <c r="E8863" s="15">
        <v>45479</v>
      </c>
      <c r="F8863" s="14" t="s">
        <v>25</v>
      </c>
      <c r="G8863" s="16">
        <v>0.21766906610327297</v>
      </c>
    </row>
    <row r="8864" spans="1:7" x14ac:dyDescent="0.3">
      <c r="A8864" s="13" t="s">
        <v>77</v>
      </c>
      <c r="B8864" s="14" t="s">
        <v>1</v>
      </c>
      <c r="C8864" s="14" t="s">
        <v>47</v>
      </c>
      <c r="D8864" s="14" t="s">
        <v>78</v>
      </c>
      <c r="E8864" s="15">
        <v>45480</v>
      </c>
      <c r="F8864" s="14" t="s">
        <v>25</v>
      </c>
      <c r="G8864" s="16">
        <v>0.21766906610327297</v>
      </c>
    </row>
    <row r="8865" spans="1:7" x14ac:dyDescent="0.3">
      <c r="A8865" s="13" t="s">
        <v>77</v>
      </c>
      <c r="B8865" s="14" t="s">
        <v>1</v>
      </c>
      <c r="C8865" s="14" t="s">
        <v>47</v>
      </c>
      <c r="D8865" s="14" t="s">
        <v>78</v>
      </c>
      <c r="E8865" s="15">
        <v>45481</v>
      </c>
      <c r="F8865" s="14" t="s">
        <v>25</v>
      </c>
      <c r="G8865" s="16">
        <v>0.21399491279376159</v>
      </c>
    </row>
    <row r="8866" spans="1:7" x14ac:dyDescent="0.3">
      <c r="A8866" s="13" t="s">
        <v>77</v>
      </c>
      <c r="B8866" s="14" t="s">
        <v>1</v>
      </c>
      <c r="C8866" s="14" t="s">
        <v>47</v>
      </c>
      <c r="D8866" s="14" t="s">
        <v>78</v>
      </c>
      <c r="E8866" s="15">
        <v>45482</v>
      </c>
      <c r="F8866" s="14" t="s">
        <v>25</v>
      </c>
      <c r="G8866" s="16">
        <v>0.20796191338577744</v>
      </c>
    </row>
    <row r="8867" spans="1:7" x14ac:dyDescent="0.3">
      <c r="A8867" s="13" t="s">
        <v>77</v>
      </c>
      <c r="B8867" s="14" t="s">
        <v>1</v>
      </c>
      <c r="C8867" s="14" t="s">
        <v>47</v>
      </c>
      <c r="D8867" s="14" t="s">
        <v>78</v>
      </c>
      <c r="E8867" s="15">
        <v>45483</v>
      </c>
      <c r="F8867" s="14" t="s">
        <v>25</v>
      </c>
      <c r="G8867" s="16">
        <v>0.20630022699806685</v>
      </c>
    </row>
    <row r="8868" spans="1:7" x14ac:dyDescent="0.3">
      <c r="A8868" s="13" t="s">
        <v>77</v>
      </c>
      <c r="B8868" s="14" t="s">
        <v>1</v>
      </c>
      <c r="C8868" s="14" t="s">
        <v>47</v>
      </c>
      <c r="D8868" s="14" t="s">
        <v>78</v>
      </c>
      <c r="E8868" s="15">
        <v>45484</v>
      </c>
      <c r="F8868" s="14" t="s">
        <v>25</v>
      </c>
      <c r="G8868" s="16">
        <v>0.20355728540141232</v>
      </c>
    </row>
    <row r="8869" spans="1:7" x14ac:dyDescent="0.3">
      <c r="A8869" s="13" t="s">
        <v>77</v>
      </c>
      <c r="B8869" s="14" t="s">
        <v>1</v>
      </c>
      <c r="C8869" s="14" t="s">
        <v>47</v>
      </c>
      <c r="D8869" s="14" t="s">
        <v>78</v>
      </c>
      <c r="E8869" s="15">
        <v>45485</v>
      </c>
      <c r="F8869" s="14" t="s">
        <v>25</v>
      </c>
      <c r="G8869" s="16">
        <v>0.2009780136807085</v>
      </c>
    </row>
    <row r="8870" spans="1:7" x14ac:dyDescent="0.3">
      <c r="A8870" s="13" t="s">
        <v>77</v>
      </c>
      <c r="B8870" s="14" t="s">
        <v>1</v>
      </c>
      <c r="C8870" s="14" t="s">
        <v>47</v>
      </c>
      <c r="D8870" s="14" t="s">
        <v>78</v>
      </c>
      <c r="E8870" s="15">
        <v>45486</v>
      </c>
      <c r="F8870" s="14" t="s">
        <v>25</v>
      </c>
      <c r="G8870" s="16">
        <v>0.2009780136807085</v>
      </c>
    </row>
    <row r="8871" spans="1:7" x14ac:dyDescent="0.3">
      <c r="A8871" s="13" t="s">
        <v>77</v>
      </c>
      <c r="B8871" s="14" t="s">
        <v>1</v>
      </c>
      <c r="C8871" s="14" t="s">
        <v>47</v>
      </c>
      <c r="D8871" s="14" t="s">
        <v>78</v>
      </c>
      <c r="E8871" s="15">
        <v>45487</v>
      </c>
      <c r="F8871" s="14" t="s">
        <v>25</v>
      </c>
      <c r="G8871" s="16">
        <v>0.2009780136807085</v>
      </c>
    </row>
    <row r="8872" spans="1:7" x14ac:dyDescent="0.3">
      <c r="A8872" s="13" t="s">
        <v>77</v>
      </c>
      <c r="B8872" s="14" t="s">
        <v>1</v>
      </c>
      <c r="C8872" s="14" t="s">
        <v>47</v>
      </c>
      <c r="D8872" s="14" t="s">
        <v>78</v>
      </c>
      <c r="E8872" s="15">
        <v>45488</v>
      </c>
      <c r="F8872" s="14" t="s">
        <v>25</v>
      </c>
      <c r="G8872" s="16">
        <v>0.20239011599328977</v>
      </c>
    </row>
    <row r="8873" spans="1:7" x14ac:dyDescent="0.3">
      <c r="A8873" s="13" t="s">
        <v>77</v>
      </c>
      <c r="B8873" s="14" t="s">
        <v>1</v>
      </c>
      <c r="C8873" s="14" t="s">
        <v>47</v>
      </c>
      <c r="D8873" s="14" t="s">
        <v>78</v>
      </c>
      <c r="E8873" s="15">
        <v>45489</v>
      </c>
      <c r="F8873" s="14" t="s">
        <v>25</v>
      </c>
      <c r="G8873" s="16">
        <v>0.19562697833491996</v>
      </c>
    </row>
    <row r="8874" spans="1:7" x14ac:dyDescent="0.3">
      <c r="A8874" s="13" t="s">
        <v>77</v>
      </c>
      <c r="B8874" s="14" t="s">
        <v>1</v>
      </c>
      <c r="C8874" s="14" t="s">
        <v>47</v>
      </c>
      <c r="D8874" s="14" t="s">
        <v>78</v>
      </c>
      <c r="E8874" s="15">
        <v>45490</v>
      </c>
      <c r="F8874" s="14" t="s">
        <v>25</v>
      </c>
      <c r="G8874" s="16">
        <v>0.19134058562496331</v>
      </c>
    </row>
    <row r="8875" spans="1:7" x14ac:dyDescent="0.3">
      <c r="A8875" s="13" t="s">
        <v>77</v>
      </c>
      <c r="B8875" s="14" t="s">
        <v>1</v>
      </c>
      <c r="C8875" s="14" t="s">
        <v>47</v>
      </c>
      <c r="D8875" s="14" t="s">
        <v>78</v>
      </c>
      <c r="E8875" s="15">
        <v>45491</v>
      </c>
      <c r="F8875" s="14" t="s">
        <v>25</v>
      </c>
      <c r="G8875" s="16">
        <v>0.19018103684260651</v>
      </c>
    </row>
    <row r="8876" spans="1:7" x14ac:dyDescent="0.3">
      <c r="A8876" s="13" t="s">
        <v>77</v>
      </c>
      <c r="B8876" s="14" t="s">
        <v>1</v>
      </c>
      <c r="C8876" s="14" t="s">
        <v>47</v>
      </c>
      <c r="D8876" s="14" t="s">
        <v>78</v>
      </c>
      <c r="E8876" s="15">
        <v>45492</v>
      </c>
      <c r="F8876" s="14" t="s">
        <v>25</v>
      </c>
      <c r="G8876" s="16">
        <v>0.18846616923679257</v>
      </c>
    </row>
    <row r="8877" spans="1:7" x14ac:dyDescent="0.3">
      <c r="A8877" s="13" t="s">
        <v>77</v>
      </c>
      <c r="B8877" s="14" t="s">
        <v>1</v>
      </c>
      <c r="C8877" s="14" t="s">
        <v>47</v>
      </c>
      <c r="D8877" s="14" t="s">
        <v>78</v>
      </c>
      <c r="E8877" s="15">
        <v>45493</v>
      </c>
      <c r="F8877" s="14" t="s">
        <v>25</v>
      </c>
      <c r="G8877" s="16">
        <v>0.18846616923679257</v>
      </c>
    </row>
    <row r="8878" spans="1:7" x14ac:dyDescent="0.3">
      <c r="A8878" s="13" t="s">
        <v>77</v>
      </c>
      <c r="B8878" s="14" t="s">
        <v>1</v>
      </c>
      <c r="C8878" s="14" t="s">
        <v>47</v>
      </c>
      <c r="D8878" s="14" t="s">
        <v>78</v>
      </c>
      <c r="E8878" s="15">
        <v>45494</v>
      </c>
      <c r="F8878" s="14" t="s">
        <v>25</v>
      </c>
      <c r="G8878" s="16">
        <v>0.18846616923679257</v>
      </c>
    </row>
    <row r="8879" spans="1:7" x14ac:dyDescent="0.3">
      <c r="A8879" s="13" t="s">
        <v>77</v>
      </c>
      <c r="B8879" s="14" t="s">
        <v>1</v>
      </c>
      <c r="C8879" s="14" t="s">
        <v>47</v>
      </c>
      <c r="D8879" s="14" t="s">
        <v>78</v>
      </c>
      <c r="E8879" s="15">
        <v>45495</v>
      </c>
      <c r="F8879" s="14" t="s">
        <v>25</v>
      </c>
      <c r="G8879" s="16">
        <v>0.18656847797180878</v>
      </c>
    </row>
    <row r="8880" spans="1:7" x14ac:dyDescent="0.3">
      <c r="A8880" s="13" t="s">
        <v>77</v>
      </c>
      <c r="B8880" s="14" t="s">
        <v>1</v>
      </c>
      <c r="C8880" s="14" t="s">
        <v>47</v>
      </c>
      <c r="D8880" s="14" t="s">
        <v>78</v>
      </c>
      <c r="E8880" s="15">
        <v>45496</v>
      </c>
      <c r="F8880" s="14" t="s">
        <v>25</v>
      </c>
      <c r="G8880" s="16">
        <v>0.18097390376199995</v>
      </c>
    </row>
    <row r="8881" spans="1:7" x14ac:dyDescent="0.3">
      <c r="A8881" s="13" t="s">
        <v>77</v>
      </c>
      <c r="B8881" s="14" t="s">
        <v>1</v>
      </c>
      <c r="C8881" s="14" t="s">
        <v>47</v>
      </c>
      <c r="D8881" s="14" t="s">
        <v>78</v>
      </c>
      <c r="E8881" s="15">
        <v>45497</v>
      </c>
      <c r="F8881" s="14" t="s">
        <v>25</v>
      </c>
      <c r="G8881" s="16">
        <v>0.17779174256098673</v>
      </c>
    </row>
    <row r="8882" spans="1:7" x14ac:dyDescent="0.3">
      <c r="A8882" s="13" t="s">
        <v>77</v>
      </c>
      <c r="B8882" s="14" t="s">
        <v>1</v>
      </c>
      <c r="C8882" s="14" t="s">
        <v>47</v>
      </c>
      <c r="D8882" s="14" t="s">
        <v>78</v>
      </c>
      <c r="E8882" s="15">
        <v>45498</v>
      </c>
      <c r="F8882" s="14" t="s">
        <v>25</v>
      </c>
      <c r="G8882" s="16">
        <v>0.17510463267292772</v>
      </c>
    </row>
    <row r="8883" spans="1:7" x14ac:dyDescent="0.3">
      <c r="A8883" s="13" t="s">
        <v>77</v>
      </c>
      <c r="B8883" s="14" t="s">
        <v>1</v>
      </c>
      <c r="C8883" s="14" t="s">
        <v>47</v>
      </c>
      <c r="D8883" s="14" t="s">
        <v>78</v>
      </c>
      <c r="E8883" s="15">
        <v>45499</v>
      </c>
      <c r="F8883" s="14" t="s">
        <v>25</v>
      </c>
      <c r="G8883" s="16">
        <v>0.17360207306739486</v>
      </c>
    </row>
    <row r="8884" spans="1:7" x14ac:dyDescent="0.3">
      <c r="A8884" s="13" t="s">
        <v>77</v>
      </c>
      <c r="B8884" s="14" t="s">
        <v>1</v>
      </c>
      <c r="C8884" s="14" t="s">
        <v>47</v>
      </c>
      <c r="D8884" s="14" t="s">
        <v>78</v>
      </c>
      <c r="E8884" s="15">
        <v>45500</v>
      </c>
      <c r="F8884" s="14" t="s">
        <v>25</v>
      </c>
      <c r="G8884" s="16">
        <v>0.17360207306739486</v>
      </c>
    </row>
    <row r="8885" spans="1:7" x14ac:dyDescent="0.3">
      <c r="A8885" s="13" t="s">
        <v>77</v>
      </c>
      <c r="B8885" s="14" t="s">
        <v>1</v>
      </c>
      <c r="C8885" s="14" t="s">
        <v>47</v>
      </c>
      <c r="D8885" s="14" t="s">
        <v>78</v>
      </c>
      <c r="E8885" s="15">
        <v>45501</v>
      </c>
      <c r="F8885" s="14" t="s">
        <v>25</v>
      </c>
      <c r="G8885" s="16">
        <v>0.17360207306739486</v>
      </c>
    </row>
    <row r="8886" spans="1:7" x14ac:dyDescent="0.3">
      <c r="A8886" s="13" t="s">
        <v>77</v>
      </c>
      <c r="B8886" s="14" t="s">
        <v>1</v>
      </c>
      <c r="C8886" s="14" t="s">
        <v>47</v>
      </c>
      <c r="D8886" s="14" t="s">
        <v>78</v>
      </c>
      <c r="E8886" s="15">
        <v>45502</v>
      </c>
      <c r="F8886" s="14" t="s">
        <v>25</v>
      </c>
      <c r="G8886" s="16">
        <v>0.1721764962766516</v>
      </c>
    </row>
    <row r="8887" spans="1:7" x14ac:dyDescent="0.3">
      <c r="A8887" s="13" t="s">
        <v>77</v>
      </c>
      <c r="B8887" s="14" t="s">
        <v>1</v>
      </c>
      <c r="C8887" s="14" t="s">
        <v>47</v>
      </c>
      <c r="D8887" s="14" t="s">
        <v>78</v>
      </c>
      <c r="E8887" s="15">
        <v>45503</v>
      </c>
      <c r="F8887" s="14" t="s">
        <v>25</v>
      </c>
      <c r="G8887" s="16">
        <v>0.16583937979713204</v>
      </c>
    </row>
    <row r="8888" spans="1:7" x14ac:dyDescent="0.3">
      <c r="A8888" s="13" t="s">
        <v>77</v>
      </c>
      <c r="B8888" s="14" t="s">
        <v>1</v>
      </c>
      <c r="C8888" s="14" t="s">
        <v>47</v>
      </c>
      <c r="D8888" s="14" t="s">
        <v>78</v>
      </c>
      <c r="E8888" s="15">
        <v>45504</v>
      </c>
      <c r="F8888" s="14" t="s">
        <v>25</v>
      </c>
      <c r="G8888" s="16">
        <v>0.1630910305268603</v>
      </c>
    </row>
    <row r="8889" spans="1:7" x14ac:dyDescent="0.3">
      <c r="A8889" s="13" t="s">
        <v>77</v>
      </c>
      <c r="B8889" s="14" t="s">
        <v>1</v>
      </c>
      <c r="C8889" s="14" t="s">
        <v>47</v>
      </c>
      <c r="D8889" s="14" t="s">
        <v>78</v>
      </c>
      <c r="E8889" s="15">
        <v>45505</v>
      </c>
      <c r="F8889" s="14" t="s">
        <v>25</v>
      </c>
      <c r="G8889" s="16">
        <v>0.16029836038121015</v>
      </c>
    </row>
    <row r="8890" spans="1:7" x14ac:dyDescent="0.3">
      <c r="A8890" s="13" t="s">
        <v>77</v>
      </c>
      <c r="B8890" s="14" t="s">
        <v>1</v>
      </c>
      <c r="C8890" s="14" t="s">
        <v>47</v>
      </c>
      <c r="D8890" s="14" t="s">
        <v>78</v>
      </c>
      <c r="E8890" s="15">
        <v>45506</v>
      </c>
      <c r="F8890" s="14" t="s">
        <v>25</v>
      </c>
      <c r="G8890" s="16">
        <v>0.15515483133202362</v>
      </c>
    </row>
    <row r="8891" spans="1:7" x14ac:dyDescent="0.3">
      <c r="A8891" s="13" t="s">
        <v>77</v>
      </c>
      <c r="B8891" s="14" t="s">
        <v>1</v>
      </c>
      <c r="C8891" s="14" t="s">
        <v>47</v>
      </c>
      <c r="D8891" s="14" t="s">
        <v>78</v>
      </c>
      <c r="E8891" s="15">
        <v>45507</v>
      </c>
      <c r="F8891" s="14" t="s">
        <v>25</v>
      </c>
      <c r="G8891" s="16">
        <v>0.15515483133202362</v>
      </c>
    </row>
    <row r="8892" spans="1:7" x14ac:dyDescent="0.3">
      <c r="A8892" s="13" t="s">
        <v>77</v>
      </c>
      <c r="B8892" s="14" t="s">
        <v>1</v>
      </c>
      <c r="C8892" s="14" t="s">
        <v>47</v>
      </c>
      <c r="D8892" s="14" t="s">
        <v>78</v>
      </c>
      <c r="E8892" s="15">
        <v>45508</v>
      </c>
      <c r="F8892" s="14" t="s">
        <v>25</v>
      </c>
      <c r="G8892" s="16">
        <v>0.15515483133202362</v>
      </c>
    </row>
    <row r="8893" spans="1:7" x14ac:dyDescent="0.3">
      <c r="A8893" s="13" t="s">
        <v>77</v>
      </c>
      <c r="B8893" s="14" t="s">
        <v>1</v>
      </c>
      <c r="C8893" s="14" t="s">
        <v>47</v>
      </c>
      <c r="D8893" s="14" t="s">
        <v>78</v>
      </c>
      <c r="E8893" s="15">
        <v>45509</v>
      </c>
      <c r="F8893" s="14" t="s">
        <v>25</v>
      </c>
      <c r="G8893" s="16">
        <v>0.15515483133202362</v>
      </c>
    </row>
    <row r="8894" spans="1:7" x14ac:dyDescent="0.3">
      <c r="A8894" s="13" t="s">
        <v>77</v>
      </c>
      <c r="B8894" s="14" t="s">
        <v>1</v>
      </c>
      <c r="C8894" s="14" t="s">
        <v>47</v>
      </c>
      <c r="D8894" s="14" t="s">
        <v>78</v>
      </c>
      <c r="E8894" s="15">
        <v>45510</v>
      </c>
      <c r="F8894" s="14" t="s">
        <v>25</v>
      </c>
      <c r="G8894" s="16">
        <v>0.15224634056772493</v>
      </c>
    </row>
    <row r="8895" spans="1:7" x14ac:dyDescent="0.3">
      <c r="A8895" s="13" t="s">
        <v>77</v>
      </c>
      <c r="B8895" s="14" t="s">
        <v>1</v>
      </c>
      <c r="C8895" s="14" t="s">
        <v>47</v>
      </c>
      <c r="D8895" s="14" t="s">
        <v>78</v>
      </c>
      <c r="E8895" s="15">
        <v>45511</v>
      </c>
      <c r="F8895" s="14" t="s">
        <v>25</v>
      </c>
      <c r="G8895" s="16">
        <v>0.14718119735050764</v>
      </c>
    </row>
    <row r="8896" spans="1:7" x14ac:dyDescent="0.3">
      <c r="A8896" s="13" t="s">
        <v>77</v>
      </c>
      <c r="B8896" s="14" t="s">
        <v>1</v>
      </c>
      <c r="C8896" s="14" t="s">
        <v>47</v>
      </c>
      <c r="D8896" s="14" t="s">
        <v>78</v>
      </c>
      <c r="E8896" s="15">
        <v>45512</v>
      </c>
      <c r="F8896" s="14" t="s">
        <v>25</v>
      </c>
      <c r="G8896" s="16">
        <v>0.1462778673550566</v>
      </c>
    </row>
    <row r="8897" spans="1:7" x14ac:dyDescent="0.3">
      <c r="A8897" s="13" t="s">
        <v>77</v>
      </c>
      <c r="B8897" s="14" t="s">
        <v>1</v>
      </c>
      <c r="C8897" s="14" t="s">
        <v>47</v>
      </c>
      <c r="D8897" s="14" t="s">
        <v>78</v>
      </c>
      <c r="E8897" s="15">
        <v>45513</v>
      </c>
      <c r="F8897" s="14" t="s">
        <v>25</v>
      </c>
      <c r="G8897" s="16">
        <v>0.1443730073677722</v>
      </c>
    </row>
    <row r="8898" spans="1:7" x14ac:dyDescent="0.3">
      <c r="A8898" s="13" t="s">
        <v>77</v>
      </c>
      <c r="B8898" s="14" t="s">
        <v>1</v>
      </c>
      <c r="C8898" s="14" t="s">
        <v>47</v>
      </c>
      <c r="D8898" s="14" t="s">
        <v>78</v>
      </c>
      <c r="E8898" s="15">
        <v>45514</v>
      </c>
      <c r="F8898" s="14" t="s">
        <v>25</v>
      </c>
      <c r="G8898" s="16">
        <v>0.1443730073677722</v>
      </c>
    </row>
    <row r="8899" spans="1:7" x14ac:dyDescent="0.3">
      <c r="A8899" s="13" t="s">
        <v>77</v>
      </c>
      <c r="B8899" s="14" t="s">
        <v>1</v>
      </c>
      <c r="C8899" s="14" t="s">
        <v>47</v>
      </c>
      <c r="D8899" s="14" t="s">
        <v>78</v>
      </c>
      <c r="E8899" s="15">
        <v>45515</v>
      </c>
      <c r="F8899" s="14" t="s">
        <v>25</v>
      </c>
      <c r="G8899" s="16">
        <v>0.1443730073677722</v>
      </c>
    </row>
    <row r="8900" spans="1:7" x14ac:dyDescent="0.3">
      <c r="A8900" s="13" t="s">
        <v>77</v>
      </c>
      <c r="B8900" s="14" t="s">
        <v>1</v>
      </c>
      <c r="C8900" s="14" t="s">
        <v>47</v>
      </c>
      <c r="D8900" s="14" t="s">
        <v>78</v>
      </c>
      <c r="E8900" s="15">
        <v>45516</v>
      </c>
      <c r="F8900" s="14" t="s">
        <v>25</v>
      </c>
      <c r="G8900" s="16">
        <v>0.14260368331244871</v>
      </c>
    </row>
    <row r="8901" spans="1:7" x14ac:dyDescent="0.3">
      <c r="A8901" s="13" t="s">
        <v>77</v>
      </c>
      <c r="B8901" s="14" t="s">
        <v>1</v>
      </c>
      <c r="C8901" s="14" t="s">
        <v>47</v>
      </c>
      <c r="D8901" s="14" t="s">
        <v>78</v>
      </c>
      <c r="E8901" s="15">
        <v>45517</v>
      </c>
      <c r="F8901" s="14" t="s">
        <v>25</v>
      </c>
      <c r="G8901" s="16">
        <v>0.13810224596610496</v>
      </c>
    </row>
    <row r="8902" spans="1:7" x14ac:dyDescent="0.3">
      <c r="A8902" s="13" t="s">
        <v>77</v>
      </c>
      <c r="B8902" s="14" t="s">
        <v>1</v>
      </c>
      <c r="C8902" s="14" t="s">
        <v>47</v>
      </c>
      <c r="D8902" s="14" t="s">
        <v>78</v>
      </c>
      <c r="E8902" s="15">
        <v>45518</v>
      </c>
      <c r="F8902" s="14" t="s">
        <v>25</v>
      </c>
      <c r="G8902" s="16">
        <v>0.13640373293784816</v>
      </c>
    </row>
    <row r="8903" spans="1:7" x14ac:dyDescent="0.3">
      <c r="A8903" s="13" t="s">
        <v>77</v>
      </c>
      <c r="B8903" s="14" t="s">
        <v>1</v>
      </c>
      <c r="C8903" s="14" t="s">
        <v>47</v>
      </c>
      <c r="D8903" s="14" t="s">
        <v>78</v>
      </c>
      <c r="E8903" s="15">
        <v>45519</v>
      </c>
      <c r="F8903" s="14" t="s">
        <v>25</v>
      </c>
      <c r="G8903" s="16">
        <v>0.13575670240780807</v>
      </c>
    </row>
    <row r="8904" spans="1:7" x14ac:dyDescent="0.3">
      <c r="A8904" s="13" t="s">
        <v>77</v>
      </c>
      <c r="B8904" s="14" t="s">
        <v>1</v>
      </c>
      <c r="C8904" s="14" t="s">
        <v>47</v>
      </c>
      <c r="D8904" s="14" t="s">
        <v>78</v>
      </c>
      <c r="E8904" s="15">
        <v>45520</v>
      </c>
      <c r="F8904" s="14" t="s">
        <v>25</v>
      </c>
      <c r="G8904" s="16">
        <v>0.13468789135493822</v>
      </c>
    </row>
    <row r="8905" spans="1:7" x14ac:dyDescent="0.3">
      <c r="A8905" s="13" t="s">
        <v>77</v>
      </c>
      <c r="B8905" s="14" t="s">
        <v>1</v>
      </c>
      <c r="C8905" s="14" t="s">
        <v>47</v>
      </c>
      <c r="D8905" s="14" t="s">
        <v>78</v>
      </c>
      <c r="E8905" s="15">
        <v>45521</v>
      </c>
      <c r="F8905" s="14" t="s">
        <v>25</v>
      </c>
      <c r="G8905" s="16">
        <v>0.13468789135493822</v>
      </c>
    </row>
    <row r="8906" spans="1:7" x14ac:dyDescent="0.3">
      <c r="A8906" s="13" t="s">
        <v>77</v>
      </c>
      <c r="B8906" s="14" t="s">
        <v>1</v>
      </c>
      <c r="C8906" s="14" t="s">
        <v>47</v>
      </c>
      <c r="D8906" s="14" t="s">
        <v>78</v>
      </c>
      <c r="E8906" s="15">
        <v>45522</v>
      </c>
      <c r="F8906" s="14" t="s">
        <v>25</v>
      </c>
      <c r="G8906" s="16">
        <v>0.13468789135493822</v>
      </c>
    </row>
    <row r="8907" spans="1:7" x14ac:dyDescent="0.3">
      <c r="A8907" s="13" t="s">
        <v>77</v>
      </c>
      <c r="B8907" s="14" t="s">
        <v>1</v>
      </c>
      <c r="C8907" s="14" t="s">
        <v>47</v>
      </c>
      <c r="D8907" s="14" t="s">
        <v>78</v>
      </c>
      <c r="E8907" s="15">
        <v>45523</v>
      </c>
      <c r="F8907" s="14" t="s">
        <v>25</v>
      </c>
      <c r="G8907" s="16">
        <v>0.13230299648597205</v>
      </c>
    </row>
    <row r="8908" spans="1:7" x14ac:dyDescent="0.3">
      <c r="A8908" s="13" t="s">
        <v>77</v>
      </c>
      <c r="B8908" s="14" t="s">
        <v>1</v>
      </c>
      <c r="C8908" s="14" t="s">
        <v>47</v>
      </c>
      <c r="D8908" s="14" t="s">
        <v>78</v>
      </c>
      <c r="E8908" s="15">
        <v>45524</v>
      </c>
      <c r="F8908" s="14" t="s">
        <v>25</v>
      </c>
      <c r="G8908" s="16">
        <v>0.12542146077184144</v>
      </c>
    </row>
    <row r="8909" spans="1:7" x14ac:dyDescent="0.3">
      <c r="A8909" s="13" t="s">
        <v>77</v>
      </c>
      <c r="B8909" s="14" t="s">
        <v>1</v>
      </c>
      <c r="C8909" s="14" t="s">
        <v>47</v>
      </c>
      <c r="D8909" s="14" t="s">
        <v>78</v>
      </c>
      <c r="E8909" s="15">
        <v>45525</v>
      </c>
      <c r="F8909" s="14" t="s">
        <v>25</v>
      </c>
      <c r="G8909" s="16">
        <v>0.12321055678870493</v>
      </c>
    </row>
    <row r="8910" spans="1:7" x14ac:dyDescent="0.3">
      <c r="A8910" s="13" t="s">
        <v>77</v>
      </c>
      <c r="B8910" s="14" t="s">
        <v>1</v>
      </c>
      <c r="C8910" s="14" t="s">
        <v>47</v>
      </c>
      <c r="D8910" s="14" t="s">
        <v>78</v>
      </c>
      <c r="E8910" s="15">
        <v>45526</v>
      </c>
      <c r="F8910" s="14" t="s">
        <v>25</v>
      </c>
      <c r="G8910" s="16">
        <v>0.12138367382520295</v>
      </c>
    </row>
    <row r="8911" spans="1:7" x14ac:dyDescent="0.3">
      <c r="A8911" s="13" t="s">
        <v>77</v>
      </c>
      <c r="B8911" s="14" t="s">
        <v>1</v>
      </c>
      <c r="C8911" s="14" t="s">
        <v>47</v>
      </c>
      <c r="D8911" s="14" t="s">
        <v>78</v>
      </c>
      <c r="E8911" s="15">
        <v>45527</v>
      </c>
      <c r="F8911" s="14" t="s">
        <v>25</v>
      </c>
      <c r="G8911" s="16">
        <v>0.11890522209391859</v>
      </c>
    </row>
    <row r="8912" spans="1:7" x14ac:dyDescent="0.3">
      <c r="A8912" s="13" t="s">
        <v>77</v>
      </c>
      <c r="B8912" s="14" t="s">
        <v>1</v>
      </c>
      <c r="C8912" s="14" t="s">
        <v>47</v>
      </c>
      <c r="D8912" s="14" t="s">
        <v>78</v>
      </c>
      <c r="E8912" s="15">
        <v>45528</v>
      </c>
      <c r="F8912" s="14" t="s">
        <v>25</v>
      </c>
      <c r="G8912" s="16">
        <v>0.11890522209391859</v>
      </c>
    </row>
    <row r="8913" spans="1:7" x14ac:dyDescent="0.3">
      <c r="A8913" s="13" t="s">
        <v>77</v>
      </c>
      <c r="B8913" s="14" t="s">
        <v>1</v>
      </c>
      <c r="C8913" s="14" t="s">
        <v>47</v>
      </c>
      <c r="D8913" s="14" t="s">
        <v>78</v>
      </c>
      <c r="E8913" s="15">
        <v>45529</v>
      </c>
      <c r="F8913" s="14" t="s">
        <v>25</v>
      </c>
      <c r="G8913" s="16">
        <v>0.11890522209391859</v>
      </c>
    </row>
    <row r="8914" spans="1:7" x14ac:dyDescent="0.3">
      <c r="A8914" s="13" t="s">
        <v>77</v>
      </c>
      <c r="B8914" s="14" t="s">
        <v>1</v>
      </c>
      <c r="C8914" s="14" t="s">
        <v>47</v>
      </c>
      <c r="D8914" s="14" t="s">
        <v>78</v>
      </c>
      <c r="E8914" s="15">
        <v>45530</v>
      </c>
      <c r="F8914" s="14" t="s">
        <v>25</v>
      </c>
      <c r="G8914" s="16">
        <v>0.11890522209391859</v>
      </c>
    </row>
    <row r="8915" spans="1:7" x14ac:dyDescent="0.3">
      <c r="A8915" s="13" t="s">
        <v>77</v>
      </c>
      <c r="B8915" s="14" t="s">
        <v>1</v>
      </c>
      <c r="C8915" s="14" t="s">
        <v>47</v>
      </c>
      <c r="D8915" s="14" t="s">
        <v>78</v>
      </c>
      <c r="E8915" s="15">
        <v>45531</v>
      </c>
      <c r="F8915" s="14" t="s">
        <v>25</v>
      </c>
      <c r="G8915" s="16">
        <v>0.11614494997819909</v>
      </c>
    </row>
    <row r="8916" spans="1:7" x14ac:dyDescent="0.3">
      <c r="A8916" s="13" t="s">
        <v>77</v>
      </c>
      <c r="B8916" s="14" t="s">
        <v>1</v>
      </c>
      <c r="C8916" s="14" t="s">
        <v>47</v>
      </c>
      <c r="D8916" s="14" t="s">
        <v>78</v>
      </c>
      <c r="E8916" s="15">
        <v>45532</v>
      </c>
      <c r="F8916" s="14" t="s">
        <v>25</v>
      </c>
      <c r="G8916" s="16">
        <v>0.10864596802012901</v>
      </c>
    </row>
    <row r="8917" spans="1:7" x14ac:dyDescent="0.3">
      <c r="A8917" s="13" t="s">
        <v>77</v>
      </c>
      <c r="B8917" s="14" t="s">
        <v>1</v>
      </c>
      <c r="C8917" s="14" t="s">
        <v>47</v>
      </c>
      <c r="D8917" s="14" t="s">
        <v>78</v>
      </c>
      <c r="E8917" s="15">
        <v>45533</v>
      </c>
      <c r="F8917" s="14" t="s">
        <v>25</v>
      </c>
      <c r="G8917" s="16">
        <v>0.10738257575655841</v>
      </c>
    </row>
    <row r="8918" spans="1:7" x14ac:dyDescent="0.3">
      <c r="A8918" s="13" t="s">
        <v>77</v>
      </c>
      <c r="B8918" s="14" t="s">
        <v>1</v>
      </c>
      <c r="C8918" s="14" t="s">
        <v>47</v>
      </c>
      <c r="D8918" s="14" t="s">
        <v>78</v>
      </c>
      <c r="E8918" s="15">
        <v>45534</v>
      </c>
      <c r="F8918" s="14" t="s">
        <v>25</v>
      </c>
      <c r="G8918" s="16">
        <v>0.10581529557487591</v>
      </c>
    </row>
    <row r="8919" spans="1:7" x14ac:dyDescent="0.3">
      <c r="A8919" s="13" t="s">
        <v>77</v>
      </c>
      <c r="B8919" s="14" t="s">
        <v>1</v>
      </c>
      <c r="C8919" s="14" t="s">
        <v>47</v>
      </c>
      <c r="D8919" s="14" t="s">
        <v>78</v>
      </c>
      <c r="E8919" s="15">
        <v>45535</v>
      </c>
      <c r="F8919" s="14" t="s">
        <v>25</v>
      </c>
      <c r="G8919" s="16">
        <v>0.10581529557487591</v>
      </c>
    </row>
    <row r="8920" spans="1:7" x14ac:dyDescent="0.3">
      <c r="A8920" s="13" t="s">
        <v>77</v>
      </c>
      <c r="B8920" s="14" t="s">
        <v>1</v>
      </c>
      <c r="C8920" s="14" t="s">
        <v>47</v>
      </c>
      <c r="D8920" s="14" t="s">
        <v>78</v>
      </c>
      <c r="E8920" s="15">
        <v>45536</v>
      </c>
      <c r="F8920" s="14" t="s">
        <v>25</v>
      </c>
      <c r="G8920" s="16">
        <v>0.10581529557487591</v>
      </c>
    </row>
    <row r="8921" spans="1:7" x14ac:dyDescent="0.3">
      <c r="A8921" s="13" t="s">
        <v>77</v>
      </c>
      <c r="B8921" s="14" t="s">
        <v>1</v>
      </c>
      <c r="C8921" s="14" t="s">
        <v>47</v>
      </c>
      <c r="D8921" s="14" t="s">
        <v>78</v>
      </c>
      <c r="E8921" s="15">
        <v>45537</v>
      </c>
      <c r="F8921" s="14" t="s">
        <v>25</v>
      </c>
      <c r="G8921" s="16">
        <v>0.10581529557487591</v>
      </c>
    </row>
    <row r="8922" spans="1:7" x14ac:dyDescent="0.3">
      <c r="A8922" s="13" t="s">
        <v>77</v>
      </c>
      <c r="B8922" s="14" t="s">
        <v>1</v>
      </c>
      <c r="C8922" s="14" t="s">
        <v>47</v>
      </c>
      <c r="D8922" s="14" t="s">
        <v>78</v>
      </c>
      <c r="E8922" s="15">
        <v>45538</v>
      </c>
      <c r="F8922" s="14" t="s">
        <v>25</v>
      </c>
      <c r="G8922" s="16">
        <v>0.10714795697864178</v>
      </c>
    </row>
    <row r="8923" spans="1:7" x14ac:dyDescent="0.3">
      <c r="A8923" s="13" t="s">
        <v>77</v>
      </c>
      <c r="B8923" s="14" t="s">
        <v>1</v>
      </c>
      <c r="C8923" s="14" t="s">
        <v>47</v>
      </c>
      <c r="D8923" s="14" t="s">
        <v>78</v>
      </c>
      <c r="E8923" s="15">
        <v>45539</v>
      </c>
      <c r="F8923" s="14" t="s">
        <v>25</v>
      </c>
      <c r="G8923" s="16">
        <v>0.10345990692975779</v>
      </c>
    </row>
    <row r="8924" spans="1:7" x14ac:dyDescent="0.3">
      <c r="A8924" s="13" t="s">
        <v>77</v>
      </c>
      <c r="B8924" s="14" t="s">
        <v>1</v>
      </c>
      <c r="C8924" s="14" t="s">
        <v>47</v>
      </c>
      <c r="D8924" s="14" t="s">
        <v>78</v>
      </c>
      <c r="E8924" s="15">
        <v>45540</v>
      </c>
      <c r="F8924" s="14" t="s">
        <v>25</v>
      </c>
      <c r="G8924" s="16">
        <v>0.10754822307415883</v>
      </c>
    </row>
    <row r="8925" spans="1:7" x14ac:dyDescent="0.3">
      <c r="A8925" s="13" t="s">
        <v>77</v>
      </c>
      <c r="B8925" s="14" t="s">
        <v>1</v>
      </c>
      <c r="C8925" s="14" t="s">
        <v>47</v>
      </c>
      <c r="D8925" s="14" t="s">
        <v>78</v>
      </c>
      <c r="E8925" s="15">
        <v>45541</v>
      </c>
      <c r="F8925" s="14" t="s">
        <v>25</v>
      </c>
      <c r="G8925" s="16">
        <v>0.10556525656548095</v>
      </c>
    </row>
    <row r="8926" spans="1:7" x14ac:dyDescent="0.3">
      <c r="A8926" s="13" t="s">
        <v>77</v>
      </c>
      <c r="B8926" s="14" t="s">
        <v>1</v>
      </c>
      <c r="C8926" s="14" t="s">
        <v>47</v>
      </c>
      <c r="D8926" s="14" t="s">
        <v>78</v>
      </c>
      <c r="E8926" s="15">
        <v>45542</v>
      </c>
      <c r="F8926" s="14" t="s">
        <v>25</v>
      </c>
      <c r="G8926" s="16">
        <v>0.10556525656548095</v>
      </c>
    </row>
    <row r="8927" spans="1:7" x14ac:dyDescent="0.3">
      <c r="A8927" s="13" t="s">
        <v>77</v>
      </c>
      <c r="B8927" s="14" t="s">
        <v>1</v>
      </c>
      <c r="C8927" s="14" t="s">
        <v>47</v>
      </c>
      <c r="D8927" s="14" t="s">
        <v>78</v>
      </c>
      <c r="E8927" s="15">
        <v>45543</v>
      </c>
      <c r="F8927" s="14" t="s">
        <v>25</v>
      </c>
      <c r="G8927" s="16">
        <v>0.10556525656548095</v>
      </c>
    </row>
    <row r="8928" spans="1:7" x14ac:dyDescent="0.3">
      <c r="A8928" s="13" t="s">
        <v>77</v>
      </c>
      <c r="B8928" s="14" t="s">
        <v>1</v>
      </c>
      <c r="C8928" s="14" t="s">
        <v>47</v>
      </c>
      <c r="D8928" s="14" t="s">
        <v>78</v>
      </c>
      <c r="E8928" s="15">
        <v>45544</v>
      </c>
      <c r="F8928" s="14" t="s">
        <v>25</v>
      </c>
      <c r="G8928" s="16">
        <v>0.10455412160980346</v>
      </c>
    </row>
    <row r="8929" spans="1:7" x14ac:dyDescent="0.3">
      <c r="A8929" s="13" t="s">
        <v>77</v>
      </c>
      <c r="B8929" s="14" t="s">
        <v>1</v>
      </c>
      <c r="C8929" s="14" t="s">
        <v>47</v>
      </c>
      <c r="D8929" s="14" t="s">
        <v>78</v>
      </c>
      <c r="E8929" s="15">
        <v>45545</v>
      </c>
      <c r="F8929" s="14" t="s">
        <v>25</v>
      </c>
      <c r="G8929" s="16">
        <v>9.8960414342879041E-2</v>
      </c>
    </row>
    <row r="8930" spans="1:7" x14ac:dyDescent="0.3">
      <c r="A8930" s="13" t="s">
        <v>77</v>
      </c>
      <c r="B8930" s="14" t="s">
        <v>1</v>
      </c>
      <c r="C8930" s="14" t="s">
        <v>47</v>
      </c>
      <c r="D8930" s="14" t="s">
        <v>78</v>
      </c>
      <c r="E8930" s="15">
        <v>45546</v>
      </c>
      <c r="F8930" s="14" t="s">
        <v>25</v>
      </c>
      <c r="G8930" s="16">
        <v>9.776672538546563E-2</v>
      </c>
    </row>
    <row r="8931" spans="1:7" x14ac:dyDescent="0.3">
      <c r="A8931" s="13" t="s">
        <v>77</v>
      </c>
      <c r="B8931" s="14" t="s">
        <v>1</v>
      </c>
      <c r="C8931" s="14" t="s">
        <v>47</v>
      </c>
      <c r="D8931" s="14" t="s">
        <v>78</v>
      </c>
      <c r="E8931" s="15">
        <v>45547</v>
      </c>
      <c r="F8931" s="14" t="s">
        <v>25</v>
      </c>
      <c r="G8931" s="16">
        <v>0.10061744394228332</v>
      </c>
    </row>
    <row r="8932" spans="1:7" x14ac:dyDescent="0.3">
      <c r="A8932" s="13" t="s">
        <v>77</v>
      </c>
      <c r="B8932" s="14" t="s">
        <v>1</v>
      </c>
      <c r="C8932" s="14" t="s">
        <v>47</v>
      </c>
      <c r="D8932" s="14" t="s">
        <v>78</v>
      </c>
      <c r="E8932" s="15">
        <v>45548</v>
      </c>
      <c r="F8932" s="14" t="s">
        <v>25</v>
      </c>
      <c r="G8932" s="16">
        <v>0.10477806777870238</v>
      </c>
    </row>
    <row r="8933" spans="1:7" x14ac:dyDescent="0.3">
      <c r="A8933" s="13" t="s">
        <v>77</v>
      </c>
      <c r="B8933" s="14" t="s">
        <v>1</v>
      </c>
      <c r="C8933" s="14" t="s">
        <v>47</v>
      </c>
      <c r="D8933" s="14" t="s">
        <v>78</v>
      </c>
      <c r="E8933" s="15">
        <v>45549</v>
      </c>
      <c r="F8933" s="14" t="s">
        <v>25</v>
      </c>
      <c r="G8933" s="16">
        <v>0.10477806777870238</v>
      </c>
    </row>
    <row r="8934" spans="1:7" x14ac:dyDescent="0.3">
      <c r="A8934" s="13" t="s">
        <v>77</v>
      </c>
      <c r="B8934" s="14" t="s">
        <v>1</v>
      </c>
      <c r="C8934" s="14" t="s">
        <v>47</v>
      </c>
      <c r="D8934" s="14" t="s">
        <v>78</v>
      </c>
      <c r="E8934" s="15">
        <v>45550</v>
      </c>
      <c r="F8934" s="14" t="s">
        <v>25</v>
      </c>
      <c r="G8934" s="16">
        <v>0.10477806777870238</v>
      </c>
    </row>
    <row r="8935" spans="1:7" x14ac:dyDescent="0.3">
      <c r="A8935" s="13" t="s">
        <v>77</v>
      </c>
      <c r="B8935" s="14" t="s">
        <v>1</v>
      </c>
      <c r="C8935" s="14" t="s">
        <v>47</v>
      </c>
      <c r="D8935" s="14" t="s">
        <v>78</v>
      </c>
      <c r="E8935" s="15">
        <v>45551</v>
      </c>
      <c r="F8935" s="14" t="s">
        <v>25</v>
      </c>
      <c r="G8935" s="16">
        <v>0.10240314342736982</v>
      </c>
    </row>
    <row r="8936" spans="1:7" x14ac:dyDescent="0.3">
      <c r="A8936" s="13" t="s">
        <v>77</v>
      </c>
      <c r="B8936" s="14" t="s">
        <v>1</v>
      </c>
      <c r="C8936" s="14" t="s">
        <v>47</v>
      </c>
      <c r="D8936" s="14" t="s">
        <v>78</v>
      </c>
      <c r="E8936" s="15">
        <v>45552</v>
      </c>
      <c r="F8936" s="14" t="s">
        <v>25</v>
      </c>
      <c r="G8936" s="16">
        <v>9.8755330777127504E-2</v>
      </c>
    </row>
    <row r="8937" spans="1:7" x14ac:dyDescent="0.3">
      <c r="A8937" s="13" t="s">
        <v>77</v>
      </c>
      <c r="B8937" s="14" t="s">
        <v>1</v>
      </c>
      <c r="C8937" s="14" t="s">
        <v>47</v>
      </c>
      <c r="D8937" s="14" t="s">
        <v>78</v>
      </c>
      <c r="E8937" s="15">
        <v>45553</v>
      </c>
      <c r="F8937" s="14" t="s">
        <v>25</v>
      </c>
      <c r="G8937" s="16">
        <v>9.7429936109489579E-2</v>
      </c>
    </row>
    <row r="8938" spans="1:7" x14ac:dyDescent="0.3">
      <c r="A8938" s="13" t="s">
        <v>77</v>
      </c>
      <c r="B8938" s="14" t="s">
        <v>1</v>
      </c>
      <c r="C8938" s="14" t="s">
        <v>47</v>
      </c>
      <c r="D8938" s="14" t="s">
        <v>78</v>
      </c>
      <c r="E8938" s="15">
        <v>45554</v>
      </c>
      <c r="F8938" s="14" t="s">
        <v>25</v>
      </c>
      <c r="G8938" s="16">
        <v>9.5717097348159766E-2</v>
      </c>
    </row>
    <row r="8939" spans="1:7" x14ac:dyDescent="0.3">
      <c r="A8939" s="13" t="s">
        <v>77</v>
      </c>
      <c r="B8939" s="14" t="s">
        <v>1</v>
      </c>
      <c r="C8939" s="14" t="s">
        <v>47</v>
      </c>
      <c r="D8939" s="14" t="s">
        <v>78</v>
      </c>
      <c r="E8939" s="15">
        <v>45555</v>
      </c>
      <c r="F8939" s="14" t="s">
        <v>25</v>
      </c>
      <c r="G8939" s="16">
        <v>0.10477967982324446</v>
      </c>
    </row>
    <row r="8940" spans="1:7" x14ac:dyDescent="0.3">
      <c r="A8940" s="13" t="s">
        <v>77</v>
      </c>
      <c r="B8940" s="14" t="s">
        <v>1</v>
      </c>
      <c r="C8940" s="14" t="s">
        <v>47</v>
      </c>
      <c r="D8940" s="14" t="s">
        <v>78</v>
      </c>
      <c r="E8940" s="15">
        <v>45556</v>
      </c>
      <c r="F8940" s="14" t="s">
        <v>25</v>
      </c>
      <c r="G8940" s="16">
        <v>0.10477967982324446</v>
      </c>
    </row>
    <row r="8941" spans="1:7" x14ac:dyDescent="0.3">
      <c r="A8941" s="13" t="s">
        <v>77</v>
      </c>
      <c r="B8941" s="14" t="s">
        <v>1</v>
      </c>
      <c r="C8941" s="14" t="s">
        <v>47</v>
      </c>
      <c r="D8941" s="14" t="s">
        <v>78</v>
      </c>
      <c r="E8941" s="15">
        <v>45557</v>
      </c>
      <c r="F8941" s="14" t="s">
        <v>25</v>
      </c>
      <c r="G8941" s="16">
        <v>0.10477967982324446</v>
      </c>
    </row>
    <row r="8942" spans="1:7" x14ac:dyDescent="0.3">
      <c r="A8942" s="13" t="s">
        <v>77</v>
      </c>
      <c r="B8942" s="14" t="s">
        <v>1</v>
      </c>
      <c r="C8942" s="14" t="s">
        <v>47</v>
      </c>
      <c r="D8942" s="14" t="s">
        <v>78</v>
      </c>
      <c r="E8942" s="15">
        <v>45558</v>
      </c>
      <c r="F8942" s="14" t="s">
        <v>25</v>
      </c>
      <c r="G8942" s="16">
        <v>0.10252658204469456</v>
      </c>
    </row>
    <row r="8943" spans="1:7" x14ac:dyDescent="0.3">
      <c r="A8943" s="13" t="s">
        <v>77</v>
      </c>
      <c r="B8943" s="14" t="s">
        <v>1</v>
      </c>
      <c r="C8943" s="14" t="s">
        <v>47</v>
      </c>
      <c r="D8943" s="14" t="s">
        <v>78</v>
      </c>
      <c r="E8943" s="15">
        <v>45559</v>
      </c>
      <c r="F8943" s="14" t="s">
        <v>25</v>
      </c>
      <c r="G8943" s="16">
        <v>0.10331067899999705</v>
      </c>
    </row>
    <row r="8944" spans="1:7" x14ac:dyDescent="0.3">
      <c r="A8944" s="13" t="s">
        <v>77</v>
      </c>
      <c r="B8944" s="14" t="s">
        <v>1</v>
      </c>
      <c r="C8944" s="14" t="s">
        <v>47</v>
      </c>
      <c r="D8944" s="14" t="s">
        <v>78</v>
      </c>
      <c r="E8944" s="15">
        <v>45560</v>
      </c>
      <c r="F8944" s="14" t="s">
        <v>25</v>
      </c>
      <c r="G8944" s="16">
        <v>0.10223853737569036</v>
      </c>
    </row>
    <row r="8945" spans="1:7" x14ac:dyDescent="0.3">
      <c r="A8945" s="13" t="s">
        <v>77</v>
      </c>
      <c r="B8945" s="14" t="s">
        <v>1</v>
      </c>
      <c r="C8945" s="14" t="s">
        <v>47</v>
      </c>
      <c r="D8945" s="14" t="s">
        <v>78</v>
      </c>
      <c r="E8945" s="15">
        <v>45561</v>
      </c>
      <c r="F8945" s="14" t="s">
        <v>25</v>
      </c>
      <c r="G8945" s="16">
        <v>9.9776017363363126E-2</v>
      </c>
    </row>
    <row r="8946" spans="1:7" x14ac:dyDescent="0.3">
      <c r="A8946" s="13" t="s">
        <v>77</v>
      </c>
      <c r="B8946" s="14" t="s">
        <v>1</v>
      </c>
      <c r="C8946" s="14" t="s">
        <v>47</v>
      </c>
      <c r="D8946" s="14" t="s">
        <v>78</v>
      </c>
      <c r="E8946" s="15">
        <v>45562</v>
      </c>
      <c r="F8946" s="14" t="s">
        <v>25</v>
      </c>
      <c r="G8946" s="16">
        <v>9.7174065631226922E-2</v>
      </c>
    </row>
    <row r="8947" spans="1:7" x14ac:dyDescent="0.3">
      <c r="A8947" s="13" t="s">
        <v>77</v>
      </c>
      <c r="B8947" s="14" t="s">
        <v>1</v>
      </c>
      <c r="C8947" s="14" t="s">
        <v>47</v>
      </c>
      <c r="D8947" s="14" t="s">
        <v>78</v>
      </c>
      <c r="E8947" s="15">
        <v>45563</v>
      </c>
      <c r="F8947" s="14" t="s">
        <v>25</v>
      </c>
      <c r="G8947" s="16">
        <v>9.7174065631226922E-2</v>
      </c>
    </row>
    <row r="8948" spans="1:7" x14ac:dyDescent="0.3">
      <c r="A8948" s="13" t="s">
        <v>77</v>
      </c>
      <c r="B8948" s="14" t="s">
        <v>1</v>
      </c>
      <c r="C8948" s="14" t="s">
        <v>47</v>
      </c>
      <c r="D8948" s="14" t="s">
        <v>78</v>
      </c>
      <c r="E8948" s="15">
        <v>45564</v>
      </c>
      <c r="F8948" s="14" t="s">
        <v>25</v>
      </c>
      <c r="G8948" s="16">
        <v>9.7174065631226922E-2</v>
      </c>
    </row>
    <row r="8949" spans="1:7" x14ac:dyDescent="0.3">
      <c r="A8949" s="13" t="s">
        <v>77</v>
      </c>
      <c r="B8949" s="14" t="s">
        <v>1</v>
      </c>
      <c r="C8949" s="14" t="s">
        <v>47</v>
      </c>
      <c r="D8949" s="14" t="s">
        <v>78</v>
      </c>
      <c r="E8949" s="15">
        <v>45565</v>
      </c>
      <c r="F8949" s="14" t="s">
        <v>25</v>
      </c>
      <c r="G8949" s="16">
        <v>0.10366440137356611</v>
      </c>
    </row>
    <row r="8950" spans="1:7" x14ac:dyDescent="0.3">
      <c r="A8950" s="13" t="s">
        <v>77</v>
      </c>
      <c r="B8950" s="14" t="s">
        <v>1</v>
      </c>
      <c r="C8950" s="14" t="s">
        <v>47</v>
      </c>
      <c r="D8950" s="14" t="s">
        <v>78</v>
      </c>
      <c r="E8950" s="15">
        <v>45566</v>
      </c>
      <c r="F8950" s="14" t="s">
        <v>25</v>
      </c>
      <c r="G8950" s="16">
        <v>0.10227945816884754</v>
      </c>
    </row>
    <row r="8951" spans="1:7" x14ac:dyDescent="0.3">
      <c r="A8951" s="13" t="s">
        <v>77</v>
      </c>
      <c r="B8951" s="14" t="s">
        <v>1</v>
      </c>
      <c r="C8951" s="14" t="s">
        <v>47</v>
      </c>
      <c r="D8951" s="14" t="s">
        <v>78</v>
      </c>
      <c r="E8951" s="15">
        <v>45567</v>
      </c>
      <c r="F8951" s="14" t="s">
        <v>25</v>
      </c>
      <c r="G8951" s="16">
        <v>0.10552363780728584</v>
      </c>
    </row>
    <row r="8952" spans="1:7" x14ac:dyDescent="0.3">
      <c r="A8952" s="13" t="s">
        <v>77</v>
      </c>
      <c r="B8952" s="14" t="s">
        <v>1</v>
      </c>
      <c r="C8952" s="14" t="s">
        <v>47</v>
      </c>
      <c r="D8952" s="14" t="s">
        <v>78</v>
      </c>
      <c r="E8952" s="15">
        <v>45568</v>
      </c>
      <c r="F8952" s="14" t="s">
        <v>25</v>
      </c>
      <c r="G8952" s="16">
        <v>0.1039309694924072</v>
      </c>
    </row>
    <row r="8953" spans="1:7" x14ac:dyDescent="0.3">
      <c r="A8953" s="13" t="s">
        <v>77</v>
      </c>
      <c r="B8953" s="14" t="s">
        <v>1</v>
      </c>
      <c r="C8953" s="14" t="s">
        <v>47</v>
      </c>
      <c r="D8953" s="14" t="s">
        <v>78</v>
      </c>
      <c r="E8953" s="15">
        <v>45569</v>
      </c>
      <c r="F8953" s="14" t="s">
        <v>25</v>
      </c>
      <c r="G8953" s="16">
        <v>0.10254501351573177</v>
      </c>
    </row>
    <row r="8954" spans="1:7" x14ac:dyDescent="0.3">
      <c r="A8954" s="13" t="s">
        <v>77</v>
      </c>
      <c r="B8954" s="14" t="s">
        <v>1</v>
      </c>
      <c r="C8954" s="14" t="s">
        <v>47</v>
      </c>
      <c r="D8954" s="14" t="s">
        <v>78</v>
      </c>
      <c r="E8954" s="15">
        <v>45570</v>
      </c>
      <c r="F8954" s="14" t="s">
        <v>25</v>
      </c>
      <c r="G8954" s="16">
        <v>0.10254501351573177</v>
      </c>
    </row>
    <row r="8955" spans="1:7" x14ac:dyDescent="0.3">
      <c r="A8955" s="13" t="s">
        <v>77</v>
      </c>
      <c r="B8955" s="14" t="s">
        <v>1</v>
      </c>
      <c r="C8955" s="14" t="s">
        <v>47</v>
      </c>
      <c r="D8955" s="14" t="s">
        <v>78</v>
      </c>
      <c r="E8955" s="15">
        <v>45571</v>
      </c>
      <c r="F8955" s="14" t="s">
        <v>25</v>
      </c>
      <c r="G8955" s="16">
        <v>0.10254501351573177</v>
      </c>
    </row>
    <row r="8956" spans="1:7" x14ac:dyDescent="0.3">
      <c r="A8956" s="13" t="s">
        <v>77</v>
      </c>
      <c r="B8956" s="14" t="s">
        <v>1</v>
      </c>
      <c r="C8956" s="14" t="s">
        <v>47</v>
      </c>
      <c r="D8956" s="14" t="s">
        <v>78</v>
      </c>
      <c r="E8956" s="15">
        <v>45572</v>
      </c>
      <c r="F8956" s="14" t="s">
        <v>25</v>
      </c>
      <c r="G8956" s="16">
        <v>0.10014280865645246</v>
      </c>
    </row>
    <row r="8957" spans="1:7" x14ac:dyDescent="0.3">
      <c r="A8957" s="13" t="s">
        <v>77</v>
      </c>
      <c r="B8957" s="14" t="s">
        <v>1</v>
      </c>
      <c r="C8957" s="14" t="s">
        <v>47</v>
      </c>
      <c r="D8957" s="14" t="s">
        <v>78</v>
      </c>
      <c r="E8957" s="15">
        <v>45573</v>
      </c>
      <c r="F8957" s="14" t="s">
        <v>25</v>
      </c>
      <c r="G8957" s="16">
        <v>9.4375832749122895E-2</v>
      </c>
    </row>
    <row r="8958" spans="1:7" x14ac:dyDescent="0.3">
      <c r="A8958" s="13" t="s">
        <v>77</v>
      </c>
      <c r="B8958" s="14" t="s">
        <v>1</v>
      </c>
      <c r="C8958" s="14" t="s">
        <v>47</v>
      </c>
      <c r="D8958" s="14" t="s">
        <v>78</v>
      </c>
      <c r="E8958" s="15">
        <v>45574</v>
      </c>
      <c r="F8958" s="14" t="s">
        <v>25</v>
      </c>
      <c r="G8958" s="16">
        <v>9.2746439019291207E-2</v>
      </c>
    </row>
    <row r="8959" spans="1:7" x14ac:dyDescent="0.3">
      <c r="A8959" s="13" t="s">
        <v>77</v>
      </c>
      <c r="B8959" s="14" t="s">
        <v>1</v>
      </c>
      <c r="C8959" s="14" t="s">
        <v>47</v>
      </c>
      <c r="D8959" s="14" t="s">
        <v>78</v>
      </c>
      <c r="E8959" s="15">
        <v>45575</v>
      </c>
      <c r="F8959" s="14" t="s">
        <v>25</v>
      </c>
      <c r="G8959" s="16">
        <v>9.024295006365983E-2</v>
      </c>
    </row>
    <row r="8960" spans="1:7" x14ac:dyDescent="0.3">
      <c r="A8960" s="13" t="s">
        <v>77</v>
      </c>
      <c r="B8960" s="14" t="s">
        <v>1</v>
      </c>
      <c r="C8960" s="14" t="s">
        <v>47</v>
      </c>
      <c r="D8960" s="14" t="s">
        <v>78</v>
      </c>
      <c r="E8960" s="15">
        <v>45576</v>
      </c>
      <c r="F8960" s="14" t="s">
        <v>25</v>
      </c>
      <c r="G8960" s="16">
        <v>8.8299184242279727E-2</v>
      </c>
    </row>
    <row r="8961" spans="1:7" x14ac:dyDescent="0.3">
      <c r="A8961" s="13" t="s">
        <v>77</v>
      </c>
      <c r="B8961" s="14" t="s">
        <v>1</v>
      </c>
      <c r="C8961" s="14" t="s">
        <v>47</v>
      </c>
      <c r="D8961" s="14" t="s">
        <v>78</v>
      </c>
      <c r="E8961" s="15">
        <v>45577</v>
      </c>
      <c r="F8961" s="14" t="s">
        <v>25</v>
      </c>
      <c r="G8961" s="16">
        <v>8.8299184242279727E-2</v>
      </c>
    </row>
    <row r="8962" spans="1:7" x14ac:dyDescent="0.3">
      <c r="A8962" s="13" t="s">
        <v>77</v>
      </c>
      <c r="B8962" s="14" t="s">
        <v>1</v>
      </c>
      <c r="C8962" s="14" t="s">
        <v>47</v>
      </c>
      <c r="D8962" s="14" t="s">
        <v>78</v>
      </c>
      <c r="E8962" s="15">
        <v>45578</v>
      </c>
      <c r="F8962" s="14" t="s">
        <v>25</v>
      </c>
      <c r="G8962" s="16">
        <v>8.8299184242279727E-2</v>
      </c>
    </row>
    <row r="8963" spans="1:7" x14ac:dyDescent="0.3">
      <c r="A8963" s="13" t="s">
        <v>77</v>
      </c>
      <c r="B8963" s="14" t="s">
        <v>1</v>
      </c>
      <c r="C8963" s="14" t="s">
        <v>47</v>
      </c>
      <c r="D8963" s="14" t="s">
        <v>78</v>
      </c>
      <c r="E8963" s="15">
        <v>45579</v>
      </c>
      <c r="F8963" s="14" t="s">
        <v>25</v>
      </c>
      <c r="G8963" s="16">
        <v>8.8299184242279727E-2</v>
      </c>
    </row>
    <row r="8964" spans="1:7" x14ac:dyDescent="0.3">
      <c r="A8964" s="13" t="s">
        <v>77</v>
      </c>
      <c r="B8964" s="14" t="s">
        <v>1</v>
      </c>
      <c r="C8964" s="14" t="s">
        <v>47</v>
      </c>
      <c r="D8964" s="14" t="s">
        <v>78</v>
      </c>
      <c r="E8964" s="15">
        <v>45580</v>
      </c>
      <c r="F8964" s="14" t="s">
        <v>25</v>
      </c>
      <c r="G8964" s="16">
        <v>9.0033194767946717E-2</v>
      </c>
    </row>
    <row r="8965" spans="1:7" x14ac:dyDescent="0.3">
      <c r="A8965" s="13" t="s">
        <v>77</v>
      </c>
      <c r="B8965" s="14" t="s">
        <v>1</v>
      </c>
      <c r="C8965" s="14" t="s">
        <v>47</v>
      </c>
      <c r="D8965" s="14" t="s">
        <v>78</v>
      </c>
      <c r="E8965" s="15">
        <v>45581</v>
      </c>
      <c r="F8965" s="14" t="s">
        <v>25</v>
      </c>
      <c r="G8965" s="16">
        <v>8.224151318355194E-2</v>
      </c>
    </row>
    <row r="8966" spans="1:7" x14ac:dyDescent="0.3">
      <c r="A8966" s="13" t="s">
        <v>77</v>
      </c>
      <c r="B8966" s="14" t="s">
        <v>1</v>
      </c>
      <c r="C8966" s="14" t="s">
        <v>47</v>
      </c>
      <c r="D8966" s="14" t="s">
        <v>78</v>
      </c>
      <c r="E8966" s="15">
        <v>45582</v>
      </c>
      <c r="F8966" s="14" t="s">
        <v>25</v>
      </c>
      <c r="G8966" s="16">
        <v>8.0229928892806682E-2</v>
      </c>
    </row>
    <row r="8967" spans="1:7" x14ac:dyDescent="0.3">
      <c r="A8967" s="13" t="s">
        <v>77</v>
      </c>
      <c r="B8967" s="14" t="s">
        <v>1</v>
      </c>
      <c r="C8967" s="14" t="s">
        <v>47</v>
      </c>
      <c r="D8967" s="14" t="s">
        <v>78</v>
      </c>
      <c r="E8967" s="15">
        <v>45583</v>
      </c>
      <c r="F8967" s="14" t="s">
        <v>25</v>
      </c>
      <c r="G8967" s="16">
        <v>7.8087619592398058E-2</v>
      </c>
    </row>
    <row r="8968" spans="1:7" x14ac:dyDescent="0.3">
      <c r="A8968" s="13" t="s">
        <v>77</v>
      </c>
      <c r="B8968" s="14" t="s">
        <v>1</v>
      </c>
      <c r="C8968" s="14" t="s">
        <v>47</v>
      </c>
      <c r="D8968" s="14" t="s">
        <v>78</v>
      </c>
      <c r="E8968" s="15">
        <v>45584</v>
      </c>
      <c r="F8968" s="14" t="s">
        <v>25</v>
      </c>
      <c r="G8968" s="16">
        <v>7.8087619592398058E-2</v>
      </c>
    </row>
    <row r="8969" spans="1:7" x14ac:dyDescent="0.3">
      <c r="A8969" s="13" t="s">
        <v>77</v>
      </c>
      <c r="B8969" s="14" t="s">
        <v>1</v>
      </c>
      <c r="C8969" s="14" t="s">
        <v>47</v>
      </c>
      <c r="D8969" s="14" t="s">
        <v>78</v>
      </c>
      <c r="E8969" s="15">
        <v>45585</v>
      </c>
      <c r="F8969" s="14" t="s">
        <v>25</v>
      </c>
      <c r="G8969" s="16">
        <v>7.8087619592398058E-2</v>
      </c>
    </row>
    <row r="8970" spans="1:7" x14ac:dyDescent="0.3">
      <c r="A8970" s="13" t="s">
        <v>77</v>
      </c>
      <c r="B8970" s="14" t="s">
        <v>1</v>
      </c>
      <c r="C8970" s="14" t="s">
        <v>47</v>
      </c>
      <c r="D8970" s="14" t="s">
        <v>78</v>
      </c>
      <c r="E8970" s="15">
        <v>45586</v>
      </c>
      <c r="F8970" s="14" t="s">
        <v>25</v>
      </c>
      <c r="G8970" s="16">
        <v>7.895369629793314E-2</v>
      </c>
    </row>
    <row r="8971" spans="1:7" x14ac:dyDescent="0.3">
      <c r="A8971" s="13" t="s">
        <v>77</v>
      </c>
      <c r="B8971" s="14" t="s">
        <v>1</v>
      </c>
      <c r="C8971" s="14" t="s">
        <v>47</v>
      </c>
      <c r="D8971" s="14" t="s">
        <v>78</v>
      </c>
      <c r="E8971" s="15">
        <v>45587</v>
      </c>
      <c r="F8971" s="14" t="s">
        <v>25</v>
      </c>
      <c r="G8971" s="16">
        <v>7.2730297160650603E-2</v>
      </c>
    </row>
    <row r="8972" spans="1:7" x14ac:dyDescent="0.3">
      <c r="A8972" s="13" t="s">
        <v>77</v>
      </c>
      <c r="B8972" s="14" t="s">
        <v>1</v>
      </c>
      <c r="C8972" s="14" t="s">
        <v>47</v>
      </c>
      <c r="D8972" s="14" t="s">
        <v>78</v>
      </c>
      <c r="E8972" s="15">
        <v>45588</v>
      </c>
      <c r="F8972" s="14" t="s">
        <v>25</v>
      </c>
      <c r="G8972" s="16">
        <v>7.0760923798395312E-2</v>
      </c>
    </row>
    <row r="8973" spans="1:7" x14ac:dyDescent="0.3">
      <c r="A8973" s="13" t="s">
        <v>77</v>
      </c>
      <c r="B8973" s="14" t="s">
        <v>1</v>
      </c>
      <c r="C8973" s="14" t="s">
        <v>47</v>
      </c>
      <c r="D8973" s="14" t="s">
        <v>78</v>
      </c>
      <c r="E8973" s="15">
        <v>45589</v>
      </c>
      <c r="F8973" s="14" t="s">
        <v>25</v>
      </c>
      <c r="G8973" s="16">
        <v>6.8664804016213166E-2</v>
      </c>
    </row>
    <row r="8974" spans="1:7" x14ac:dyDescent="0.3">
      <c r="A8974" s="13" t="s">
        <v>77</v>
      </c>
      <c r="B8974" s="14" t="s">
        <v>1</v>
      </c>
      <c r="C8974" s="14" t="s">
        <v>47</v>
      </c>
      <c r="D8974" s="14" t="s">
        <v>78</v>
      </c>
      <c r="E8974" s="15">
        <v>45590</v>
      </c>
      <c r="F8974" s="14" t="s">
        <v>25</v>
      </c>
      <c r="G8974" s="16">
        <v>6.6709806032206095E-2</v>
      </c>
    </row>
    <row r="8975" spans="1:7" x14ac:dyDescent="0.3">
      <c r="A8975" s="13" t="s">
        <v>77</v>
      </c>
      <c r="B8975" s="14" t="s">
        <v>1</v>
      </c>
      <c r="C8975" s="14" t="s">
        <v>47</v>
      </c>
      <c r="D8975" s="14" t="s">
        <v>78</v>
      </c>
      <c r="E8975" s="15">
        <v>45591</v>
      </c>
      <c r="F8975" s="14" t="s">
        <v>25</v>
      </c>
      <c r="G8975" s="16">
        <v>6.6709806032206095E-2</v>
      </c>
    </row>
    <row r="8976" spans="1:7" x14ac:dyDescent="0.3">
      <c r="A8976" s="13" t="s">
        <v>77</v>
      </c>
      <c r="B8976" s="14" t="s">
        <v>1</v>
      </c>
      <c r="C8976" s="14" t="s">
        <v>47</v>
      </c>
      <c r="D8976" s="14" t="s">
        <v>78</v>
      </c>
      <c r="E8976" s="15">
        <v>45592</v>
      </c>
      <c r="F8976" s="14" t="s">
        <v>25</v>
      </c>
      <c r="G8976" s="16">
        <v>6.6709806032206095E-2</v>
      </c>
    </row>
    <row r="8977" spans="1:7" x14ac:dyDescent="0.3">
      <c r="A8977" s="13" t="s">
        <v>77</v>
      </c>
      <c r="B8977" s="14" t="s">
        <v>1</v>
      </c>
      <c r="C8977" s="14" t="s">
        <v>47</v>
      </c>
      <c r="D8977" s="14" t="s">
        <v>78</v>
      </c>
      <c r="E8977" s="15">
        <v>45593</v>
      </c>
      <c r="F8977" s="14" t="s">
        <v>25</v>
      </c>
      <c r="G8977" s="16">
        <v>6.6709806032206095E-2</v>
      </c>
    </row>
    <row r="8978" spans="1:7" x14ac:dyDescent="0.3">
      <c r="A8978" s="13" t="s">
        <v>77</v>
      </c>
      <c r="B8978" s="14" t="s">
        <v>1</v>
      </c>
      <c r="C8978" s="14" t="s">
        <v>47</v>
      </c>
      <c r="D8978" s="14" t="s">
        <v>78</v>
      </c>
      <c r="E8978" s="15">
        <v>45594</v>
      </c>
      <c r="F8978" s="14" t="s">
        <v>25</v>
      </c>
      <c r="G8978" s="16">
        <v>6.872912308035517E-2</v>
      </c>
    </row>
    <row r="8979" spans="1:7" x14ac:dyDescent="0.3">
      <c r="A8979" s="13" t="s">
        <v>77</v>
      </c>
      <c r="B8979" s="14" t="s">
        <v>1</v>
      </c>
      <c r="C8979" s="14" t="s">
        <v>47</v>
      </c>
      <c r="D8979" s="14" t="s">
        <v>78</v>
      </c>
      <c r="E8979" s="15">
        <v>45595</v>
      </c>
      <c r="F8979" s="14" t="s">
        <v>25</v>
      </c>
      <c r="G8979" s="16">
        <v>6.0515636079285541E-2</v>
      </c>
    </row>
    <row r="8980" spans="1:7" x14ac:dyDescent="0.3">
      <c r="A8980" s="13" t="s">
        <v>77</v>
      </c>
      <c r="B8980" s="14" t="s">
        <v>1</v>
      </c>
      <c r="C8980" s="14" t="s">
        <v>47</v>
      </c>
      <c r="D8980" s="14" t="s">
        <v>78</v>
      </c>
      <c r="E8980" s="15">
        <v>45596</v>
      </c>
      <c r="F8980" s="14" t="s">
        <v>25</v>
      </c>
      <c r="G8980" s="16">
        <v>5.8227132015596782E-2</v>
      </c>
    </row>
    <row r="8981" spans="1:7" x14ac:dyDescent="0.3">
      <c r="A8981" s="13" t="s">
        <v>77</v>
      </c>
      <c r="B8981" s="14" t="s">
        <v>1</v>
      </c>
      <c r="C8981" s="14" t="s">
        <v>47</v>
      </c>
      <c r="D8981" s="14" t="s">
        <v>78</v>
      </c>
      <c r="E8981" s="15">
        <v>45597</v>
      </c>
      <c r="F8981" s="14" t="s">
        <v>25</v>
      </c>
      <c r="G8981" s="16">
        <v>5.6576134865877759E-2</v>
      </c>
    </row>
    <row r="8982" spans="1:7" x14ac:dyDescent="0.3">
      <c r="A8982" s="13" t="s">
        <v>77</v>
      </c>
      <c r="B8982" s="14" t="s">
        <v>1</v>
      </c>
      <c r="C8982" s="14" t="s">
        <v>47</v>
      </c>
      <c r="D8982" s="14" t="s">
        <v>78</v>
      </c>
      <c r="E8982" s="15">
        <v>45598</v>
      </c>
      <c r="F8982" s="14" t="s">
        <v>25</v>
      </c>
      <c r="G8982" s="16">
        <v>5.6576134865877759E-2</v>
      </c>
    </row>
    <row r="8983" spans="1:7" x14ac:dyDescent="0.3">
      <c r="A8983" s="13" t="s">
        <v>77</v>
      </c>
      <c r="B8983" s="14" t="s">
        <v>1</v>
      </c>
      <c r="C8983" s="14" t="s">
        <v>47</v>
      </c>
      <c r="D8983" s="14" t="s">
        <v>78</v>
      </c>
      <c r="E8983" s="15">
        <v>45599</v>
      </c>
      <c r="F8983" s="14" t="s">
        <v>25</v>
      </c>
      <c r="G8983" s="16">
        <v>5.6576134865877759E-2</v>
      </c>
    </row>
    <row r="8984" spans="1:7" x14ac:dyDescent="0.3">
      <c r="A8984" s="13" t="s">
        <v>77</v>
      </c>
      <c r="B8984" s="14" t="s">
        <v>1</v>
      </c>
      <c r="C8984" s="14" t="s">
        <v>47</v>
      </c>
      <c r="D8984" s="14" t="s">
        <v>78</v>
      </c>
      <c r="E8984" s="15">
        <v>45600</v>
      </c>
      <c r="F8984" s="14" t="s">
        <v>25</v>
      </c>
      <c r="G8984" s="16">
        <v>5.6827868397166796E-2</v>
      </c>
    </row>
    <row r="8985" spans="1:7" x14ac:dyDescent="0.3">
      <c r="A8985" s="13" t="s">
        <v>77</v>
      </c>
      <c r="B8985" s="14" t="s">
        <v>1</v>
      </c>
      <c r="C8985" s="14" t="s">
        <v>47</v>
      </c>
      <c r="D8985" s="14" t="s">
        <v>78</v>
      </c>
      <c r="E8985" s="15">
        <v>45601</v>
      </c>
      <c r="F8985" s="14" t="s">
        <v>25</v>
      </c>
      <c r="G8985" s="16">
        <v>5.0749029873121292E-2</v>
      </c>
    </row>
    <row r="8986" spans="1:7" x14ac:dyDescent="0.3">
      <c r="A8986" s="13" t="s">
        <v>77</v>
      </c>
      <c r="B8986" s="14" t="s">
        <v>1</v>
      </c>
      <c r="C8986" s="14" t="s">
        <v>47</v>
      </c>
      <c r="D8986" s="14" t="s">
        <v>78</v>
      </c>
      <c r="E8986" s="15">
        <v>45602</v>
      </c>
      <c r="F8986" s="14" t="s">
        <v>25</v>
      </c>
      <c r="G8986" s="16">
        <v>4.9492439757906258E-2</v>
      </c>
    </row>
    <row r="8987" spans="1:7" x14ac:dyDescent="0.3">
      <c r="A8987" s="13" t="s">
        <v>77</v>
      </c>
      <c r="B8987" s="14" t="s">
        <v>1</v>
      </c>
      <c r="C8987" s="14" t="s">
        <v>47</v>
      </c>
      <c r="D8987" s="14" t="s">
        <v>78</v>
      </c>
      <c r="E8987" s="15">
        <v>45603</v>
      </c>
      <c r="F8987" s="14" t="s">
        <v>25</v>
      </c>
      <c r="G8987" s="16">
        <v>4.8168063518173661E-2</v>
      </c>
    </row>
    <row r="8988" spans="1:7" x14ac:dyDescent="0.3">
      <c r="A8988" s="13" t="s">
        <v>77</v>
      </c>
      <c r="B8988" s="14" t="s">
        <v>1</v>
      </c>
      <c r="C8988" s="14" t="s">
        <v>47</v>
      </c>
      <c r="D8988" s="14" t="s">
        <v>78</v>
      </c>
      <c r="E8988" s="15">
        <v>45604</v>
      </c>
      <c r="F8988" s="14" t="s">
        <v>25</v>
      </c>
      <c r="G8988" s="16">
        <v>4.6225654596780963E-2</v>
      </c>
    </row>
    <row r="8989" spans="1:7" x14ac:dyDescent="0.3">
      <c r="A8989" s="13" t="s">
        <v>77</v>
      </c>
      <c r="B8989" s="14" t="s">
        <v>1</v>
      </c>
      <c r="C8989" s="14" t="s">
        <v>47</v>
      </c>
      <c r="D8989" s="14" t="s">
        <v>78</v>
      </c>
      <c r="E8989" s="15">
        <v>45605</v>
      </c>
      <c r="F8989" s="14" t="s">
        <v>25</v>
      </c>
      <c r="G8989" s="16">
        <v>4.6225654596780963E-2</v>
      </c>
    </row>
    <row r="8990" spans="1:7" x14ac:dyDescent="0.3">
      <c r="A8990" s="13" t="s">
        <v>77</v>
      </c>
      <c r="B8990" s="14" t="s">
        <v>1</v>
      </c>
      <c r="C8990" s="14" t="s">
        <v>47</v>
      </c>
      <c r="D8990" s="14" t="s">
        <v>78</v>
      </c>
      <c r="E8990" s="15">
        <v>45606</v>
      </c>
      <c r="F8990" s="14" t="s">
        <v>25</v>
      </c>
      <c r="G8990" s="16">
        <v>4.6225654596780963E-2</v>
      </c>
    </row>
    <row r="8991" spans="1:7" x14ac:dyDescent="0.3">
      <c r="A8991" s="13" t="s">
        <v>77</v>
      </c>
      <c r="B8991" s="14" t="s">
        <v>1</v>
      </c>
      <c r="C8991" s="14" t="s">
        <v>47</v>
      </c>
      <c r="D8991" s="14" t="s">
        <v>78</v>
      </c>
      <c r="E8991" s="15">
        <v>45607</v>
      </c>
      <c r="F8991" s="14" t="s">
        <v>25</v>
      </c>
      <c r="G8991" s="16">
        <v>4.6225654596780963E-2</v>
      </c>
    </row>
    <row r="8992" spans="1:7" x14ac:dyDescent="0.3">
      <c r="A8992" s="13" t="s">
        <v>77</v>
      </c>
      <c r="B8992" s="14" t="s">
        <v>1</v>
      </c>
      <c r="C8992" s="14" t="s">
        <v>47</v>
      </c>
      <c r="D8992" s="14" t="s">
        <v>78</v>
      </c>
      <c r="E8992" s="15">
        <v>45608</v>
      </c>
      <c r="F8992" s="14" t="s">
        <v>25</v>
      </c>
      <c r="G8992" s="16">
        <v>4.4416989258202755E-2</v>
      </c>
    </row>
    <row r="8993" spans="1:7" x14ac:dyDescent="0.3">
      <c r="A8993" s="13" t="s">
        <v>77</v>
      </c>
      <c r="B8993" s="14" t="s">
        <v>1</v>
      </c>
      <c r="C8993" s="14" t="s">
        <v>47</v>
      </c>
      <c r="D8993" s="14" t="s">
        <v>78</v>
      </c>
      <c r="E8993" s="15">
        <v>45609</v>
      </c>
      <c r="F8993" s="14" t="s">
        <v>25</v>
      </c>
      <c r="G8993" s="16">
        <v>3.6036587390653053E-2</v>
      </c>
    </row>
    <row r="8994" spans="1:7" x14ac:dyDescent="0.3">
      <c r="A8994" s="13" t="s">
        <v>77</v>
      </c>
      <c r="B8994" s="14" t="s">
        <v>1</v>
      </c>
      <c r="C8994" s="14" t="s">
        <v>47</v>
      </c>
      <c r="D8994" s="14" t="s">
        <v>78</v>
      </c>
      <c r="E8994" s="15">
        <v>45610</v>
      </c>
      <c r="F8994" s="14" t="s">
        <v>25</v>
      </c>
      <c r="G8994" s="16">
        <v>3.4073105646565377E-2</v>
      </c>
    </row>
    <row r="8995" spans="1:7" x14ac:dyDescent="0.3">
      <c r="A8995" s="13" t="s">
        <v>77</v>
      </c>
      <c r="B8995" s="14" t="s">
        <v>1</v>
      </c>
      <c r="C8995" s="14" t="s">
        <v>47</v>
      </c>
      <c r="D8995" s="14" t="s">
        <v>78</v>
      </c>
      <c r="E8995" s="15">
        <v>45611</v>
      </c>
      <c r="F8995" s="14" t="s">
        <v>25</v>
      </c>
      <c r="G8995" s="16">
        <v>3.2705379416835441E-2</v>
      </c>
    </row>
    <row r="8996" spans="1:7" x14ac:dyDescent="0.3">
      <c r="A8996" s="13" t="s">
        <v>77</v>
      </c>
      <c r="B8996" s="14" t="s">
        <v>1</v>
      </c>
      <c r="C8996" s="14" t="s">
        <v>47</v>
      </c>
      <c r="D8996" s="14" t="s">
        <v>78</v>
      </c>
      <c r="E8996" s="15">
        <v>45612</v>
      </c>
      <c r="F8996" s="14" t="s">
        <v>25</v>
      </c>
      <c r="G8996" s="16">
        <v>3.2705379416835441E-2</v>
      </c>
    </row>
    <row r="8997" spans="1:7" x14ac:dyDescent="0.3">
      <c r="A8997" s="13" t="s">
        <v>77</v>
      </c>
      <c r="B8997" s="14" t="s">
        <v>1</v>
      </c>
      <c r="C8997" s="14" t="s">
        <v>47</v>
      </c>
      <c r="D8997" s="14" t="s">
        <v>78</v>
      </c>
      <c r="E8997" s="15">
        <v>45613</v>
      </c>
      <c r="F8997" s="14" t="s">
        <v>25</v>
      </c>
      <c r="G8997" s="16">
        <v>3.2705379416835441E-2</v>
      </c>
    </row>
    <row r="8998" spans="1:7" x14ac:dyDescent="0.3">
      <c r="A8998" s="13" t="s">
        <v>77</v>
      </c>
      <c r="B8998" s="14" t="s">
        <v>1</v>
      </c>
      <c r="C8998" s="14" t="s">
        <v>47</v>
      </c>
      <c r="D8998" s="14" t="s">
        <v>78</v>
      </c>
      <c r="E8998" s="15">
        <v>45614</v>
      </c>
      <c r="F8998" s="14" t="s">
        <v>25</v>
      </c>
      <c r="G8998" s="16">
        <v>3.0435692481556413E-2</v>
      </c>
    </row>
    <row r="8999" spans="1:7" x14ac:dyDescent="0.3">
      <c r="A8999" s="13" t="s">
        <v>77</v>
      </c>
      <c r="B8999" s="14" t="s">
        <v>1</v>
      </c>
      <c r="C8999" s="14" t="s">
        <v>47</v>
      </c>
      <c r="D8999" s="14" t="s">
        <v>78</v>
      </c>
      <c r="E8999" s="15">
        <v>45615</v>
      </c>
      <c r="F8999" s="14" t="s">
        <v>25</v>
      </c>
      <c r="G8999" s="16">
        <v>2.4265040991867819E-2</v>
      </c>
    </row>
    <row r="9000" spans="1:7" x14ac:dyDescent="0.3">
      <c r="A9000" s="13" t="s">
        <v>77</v>
      </c>
      <c r="B9000" s="14" t="s">
        <v>1</v>
      </c>
      <c r="C9000" s="14" t="s">
        <v>47</v>
      </c>
      <c r="D9000" s="14" t="s">
        <v>78</v>
      </c>
      <c r="E9000" s="15">
        <v>45616</v>
      </c>
      <c r="F9000" s="14" t="s">
        <v>25</v>
      </c>
      <c r="G9000" s="16">
        <v>2.2248647143804912E-2</v>
      </c>
    </row>
    <row r="9001" spans="1:7" x14ac:dyDescent="0.3">
      <c r="A9001" s="13" t="s">
        <v>77</v>
      </c>
      <c r="B9001" s="14" t="s">
        <v>1</v>
      </c>
      <c r="C9001" s="14" t="s">
        <v>47</v>
      </c>
      <c r="D9001" s="14" t="s">
        <v>78</v>
      </c>
      <c r="E9001" s="15">
        <v>45617</v>
      </c>
      <c r="F9001" s="14" t="s">
        <v>25</v>
      </c>
      <c r="G9001" s="16">
        <v>2.0218972610763788E-2</v>
      </c>
    </row>
    <row r="9002" spans="1:7" x14ac:dyDescent="0.3">
      <c r="A9002" s="13" t="s">
        <v>77</v>
      </c>
      <c r="B9002" s="14" t="s">
        <v>1</v>
      </c>
      <c r="C9002" s="14" t="s">
        <v>47</v>
      </c>
      <c r="D9002" s="14" t="s">
        <v>78</v>
      </c>
      <c r="E9002" s="15">
        <v>45618</v>
      </c>
      <c r="F9002" s="14" t="s">
        <v>25</v>
      </c>
      <c r="G9002" s="16">
        <v>1.8279085545398005E-2</v>
      </c>
    </row>
    <row r="9003" spans="1:7" x14ac:dyDescent="0.3">
      <c r="A9003" s="13" t="s">
        <v>77</v>
      </c>
      <c r="B9003" s="14" t="s">
        <v>1</v>
      </c>
      <c r="C9003" s="14" t="s">
        <v>47</v>
      </c>
      <c r="D9003" s="14" t="s">
        <v>78</v>
      </c>
      <c r="E9003" s="15">
        <v>45619</v>
      </c>
      <c r="F9003" s="14" t="s">
        <v>25</v>
      </c>
      <c r="G9003" s="16">
        <v>1.8279085545398005E-2</v>
      </c>
    </row>
    <row r="9004" spans="1:7" x14ac:dyDescent="0.3">
      <c r="A9004" s="13" t="s">
        <v>77</v>
      </c>
      <c r="B9004" s="14" t="s">
        <v>1</v>
      </c>
      <c r="C9004" s="14" t="s">
        <v>47</v>
      </c>
      <c r="D9004" s="14" t="s">
        <v>78</v>
      </c>
      <c r="E9004" s="15">
        <v>45620</v>
      </c>
      <c r="F9004" s="14" t="s">
        <v>25</v>
      </c>
      <c r="G9004" s="16">
        <v>1.8279085545398005E-2</v>
      </c>
    </row>
    <row r="9005" spans="1:7" x14ac:dyDescent="0.3">
      <c r="A9005" s="13" t="s">
        <v>77</v>
      </c>
      <c r="B9005" s="14" t="s">
        <v>1</v>
      </c>
      <c r="C9005" s="14" t="s">
        <v>47</v>
      </c>
      <c r="D9005" s="14" t="s">
        <v>78</v>
      </c>
      <c r="E9005" s="15">
        <v>45621</v>
      </c>
      <c r="F9005" s="14" t="s">
        <v>25</v>
      </c>
      <c r="G9005" s="16">
        <v>1.6015895005567441E-2</v>
      </c>
    </row>
    <row r="9006" spans="1:7" x14ac:dyDescent="0.3">
      <c r="A9006" s="13" t="s">
        <v>77</v>
      </c>
      <c r="B9006" s="14" t="s">
        <v>1</v>
      </c>
      <c r="C9006" s="14" t="s">
        <v>47</v>
      </c>
      <c r="D9006" s="14" t="s">
        <v>78</v>
      </c>
      <c r="E9006" s="15">
        <v>45622</v>
      </c>
      <c r="F9006" s="14" t="s">
        <v>25</v>
      </c>
      <c r="G9006" s="16">
        <v>9.6751399420745808E-3</v>
      </c>
    </row>
    <row r="9007" spans="1:7" x14ac:dyDescent="0.3">
      <c r="A9007" s="13" t="s">
        <v>77</v>
      </c>
      <c r="B9007" s="14" t="s">
        <v>1</v>
      </c>
      <c r="C9007" s="14" t="s">
        <v>47</v>
      </c>
      <c r="D9007" s="14" t="s">
        <v>78</v>
      </c>
      <c r="E9007" s="15">
        <v>45623</v>
      </c>
      <c r="F9007" s="14" t="s">
        <v>25</v>
      </c>
      <c r="G9007" s="16">
        <v>7.5026089614819704E-3</v>
      </c>
    </row>
    <row r="9008" spans="1:7" x14ac:dyDescent="0.3">
      <c r="A9008" s="13" t="s">
        <v>77</v>
      </c>
      <c r="B9008" s="14" t="s">
        <v>1</v>
      </c>
      <c r="C9008" s="14" t="s">
        <v>47</v>
      </c>
      <c r="D9008" s="14" t="s">
        <v>78</v>
      </c>
      <c r="E9008" s="15">
        <v>45624</v>
      </c>
      <c r="F9008" s="14" t="s">
        <v>25</v>
      </c>
      <c r="G9008" s="16">
        <v>7.5026089614819704E-3</v>
      </c>
    </row>
    <row r="9009" spans="1:7" x14ac:dyDescent="0.3">
      <c r="A9009" s="13" t="s">
        <v>77</v>
      </c>
      <c r="B9009" s="14" t="s">
        <v>1</v>
      </c>
      <c r="C9009" s="14" t="s">
        <v>47</v>
      </c>
      <c r="D9009" s="14" t="s">
        <v>78</v>
      </c>
      <c r="E9009" s="15">
        <v>45625</v>
      </c>
      <c r="F9009" s="14" t="s">
        <v>25</v>
      </c>
      <c r="G9009" s="16">
        <v>5.3980808394117896E-3</v>
      </c>
    </row>
    <row r="9010" spans="1:7" x14ac:dyDescent="0.3">
      <c r="A9010" s="13" t="s">
        <v>77</v>
      </c>
      <c r="B9010" s="14" t="s">
        <v>1</v>
      </c>
      <c r="C9010" s="14" t="s">
        <v>47</v>
      </c>
      <c r="D9010" s="14" t="s">
        <v>78</v>
      </c>
      <c r="E9010" s="15">
        <v>45626</v>
      </c>
      <c r="F9010" s="14" t="s">
        <v>25</v>
      </c>
      <c r="G9010" s="16">
        <v>5.3980808394117896E-3</v>
      </c>
    </row>
    <row r="9011" spans="1:7" x14ac:dyDescent="0.3">
      <c r="A9011" s="13" t="s">
        <v>77</v>
      </c>
      <c r="B9011" s="14" t="s">
        <v>1</v>
      </c>
      <c r="C9011" s="14" t="s">
        <v>47</v>
      </c>
      <c r="D9011" s="14" t="s">
        <v>78</v>
      </c>
      <c r="E9011" s="15">
        <v>45627</v>
      </c>
      <c r="F9011" s="14" t="s">
        <v>25</v>
      </c>
      <c r="G9011" s="16">
        <v>5.3980808394117896E-3</v>
      </c>
    </row>
    <row r="9012" spans="1:7" x14ac:dyDescent="0.3">
      <c r="A9012" s="13" t="s">
        <v>77</v>
      </c>
      <c r="B9012" s="14" t="s">
        <v>1</v>
      </c>
      <c r="C9012" s="14" t="s">
        <v>47</v>
      </c>
      <c r="D9012" s="14" t="s">
        <v>78</v>
      </c>
      <c r="E9012" s="15">
        <v>45628</v>
      </c>
      <c r="F9012" s="14" t="s">
        <v>25</v>
      </c>
      <c r="G9012" s="16">
        <v>2.5011455506805452E-3</v>
      </c>
    </row>
    <row r="9013" spans="1:7" x14ac:dyDescent="0.3">
      <c r="A9013" s="13" t="s">
        <v>77</v>
      </c>
      <c r="B9013" s="14" t="s">
        <v>1</v>
      </c>
      <c r="C9013" s="14" t="s">
        <v>47</v>
      </c>
      <c r="D9013" s="14" t="s">
        <v>78</v>
      </c>
      <c r="E9013" s="15">
        <v>45629</v>
      </c>
      <c r="F9013" s="14" t="s">
        <v>25</v>
      </c>
      <c r="G9013" s="16">
        <v>0</v>
      </c>
    </row>
    <row r="9014" spans="1:7" x14ac:dyDescent="0.3">
      <c r="A9014" s="13" t="s">
        <v>77</v>
      </c>
      <c r="B9014" s="14" t="s">
        <v>1</v>
      </c>
      <c r="C9014" s="14" t="s">
        <v>47</v>
      </c>
      <c r="D9014" s="14" t="s">
        <v>78</v>
      </c>
      <c r="E9014" s="15">
        <v>45630</v>
      </c>
      <c r="F9014" s="14" t="s">
        <v>25</v>
      </c>
      <c r="G9014" s="16">
        <v>2.8605822224482742E-3</v>
      </c>
    </row>
    <row r="9015" spans="1:7" x14ac:dyDescent="0.3">
      <c r="A9015" s="13" t="s">
        <v>77</v>
      </c>
      <c r="B9015" s="14" t="s">
        <v>1</v>
      </c>
      <c r="C9015" s="14" t="s">
        <v>47</v>
      </c>
      <c r="D9015" s="14" t="s">
        <v>78</v>
      </c>
      <c r="E9015" s="15">
        <v>45631</v>
      </c>
      <c r="F9015" s="14" t="s">
        <v>25</v>
      </c>
      <c r="G9015" s="16">
        <v>6.9715518187494E-4</v>
      </c>
    </row>
    <row r="9016" spans="1:7" x14ac:dyDescent="0.3">
      <c r="A9016" s="13" t="s">
        <v>77</v>
      </c>
      <c r="B9016" s="14" t="s">
        <v>1</v>
      </c>
      <c r="C9016" s="14" t="s">
        <v>47</v>
      </c>
      <c r="D9016" s="14" t="s">
        <v>78</v>
      </c>
      <c r="E9016" s="15">
        <v>45632</v>
      </c>
      <c r="F9016" s="14" t="s">
        <v>25</v>
      </c>
      <c r="G9016" s="16">
        <v>5.5732904729777748E-3</v>
      </c>
    </row>
    <row r="9017" spans="1:7" x14ac:dyDescent="0.3">
      <c r="A9017" s="13" t="s">
        <v>77</v>
      </c>
      <c r="B9017" s="14" t="s">
        <v>1</v>
      </c>
      <c r="C9017" s="14" t="s">
        <v>47</v>
      </c>
      <c r="D9017" s="14" t="s">
        <v>78</v>
      </c>
      <c r="E9017" s="15">
        <v>45633</v>
      </c>
      <c r="F9017" s="14" t="s">
        <v>25</v>
      </c>
      <c r="G9017" s="16">
        <v>5.5732904729777748E-3</v>
      </c>
    </row>
    <row r="9018" spans="1:7" x14ac:dyDescent="0.3">
      <c r="A9018" s="13" t="s">
        <v>77</v>
      </c>
      <c r="B9018" s="14" t="s">
        <v>1</v>
      </c>
      <c r="C9018" s="14" t="s">
        <v>47</v>
      </c>
      <c r="D9018" s="14" t="s">
        <v>78</v>
      </c>
      <c r="E9018" s="15">
        <v>45634</v>
      </c>
      <c r="F9018" s="14" t="s">
        <v>25</v>
      </c>
      <c r="G9018" s="16">
        <v>5.5732904729777748E-3</v>
      </c>
    </row>
    <row r="9019" spans="1:7" x14ac:dyDescent="0.3">
      <c r="A9019" s="13" t="s">
        <v>77</v>
      </c>
      <c r="B9019" s="14" t="s">
        <v>1</v>
      </c>
      <c r="C9019" s="14" t="s">
        <v>47</v>
      </c>
      <c r="D9019" s="14" t="s">
        <v>78</v>
      </c>
      <c r="E9019" s="15">
        <v>45635</v>
      </c>
      <c r="F9019" s="14" t="s">
        <v>25</v>
      </c>
      <c r="G9019" s="16">
        <v>3.4092636607415574E-3</v>
      </c>
    </row>
    <row r="9020" spans="1:7" x14ac:dyDescent="0.3">
      <c r="A9020" s="13" t="s">
        <v>77</v>
      </c>
      <c r="B9020" s="14" t="s">
        <v>1</v>
      </c>
      <c r="C9020" s="14" t="s">
        <v>47</v>
      </c>
      <c r="D9020" s="14" t="s">
        <v>78</v>
      </c>
      <c r="E9020" s="15">
        <v>45636</v>
      </c>
      <c r="F9020" s="14" t="s">
        <v>25</v>
      </c>
      <c r="G9020" s="16">
        <v>3.0164728546474514E-3</v>
      </c>
    </row>
    <row r="9021" spans="1:7" x14ac:dyDescent="0.3">
      <c r="A9021" s="13" t="s">
        <v>77</v>
      </c>
      <c r="B9021" s="14" t="s">
        <v>1</v>
      </c>
      <c r="C9021" s="14" t="s">
        <v>47</v>
      </c>
      <c r="D9021" s="14" t="s">
        <v>78</v>
      </c>
      <c r="E9021" s="15">
        <v>45637</v>
      </c>
      <c r="F9021" s="14" t="s">
        <v>25</v>
      </c>
      <c r="G9021" s="16">
        <v>8.4914763513896992E-4</v>
      </c>
    </row>
    <row r="9022" spans="1:7" x14ac:dyDescent="0.3">
      <c r="A9022" s="13" t="s">
        <v>77</v>
      </c>
      <c r="B9022" s="14" t="s">
        <v>1</v>
      </c>
      <c r="C9022" s="14" t="s">
        <v>47</v>
      </c>
      <c r="D9022" s="14" t="s">
        <v>78</v>
      </c>
      <c r="E9022" s="15">
        <v>45638</v>
      </c>
      <c r="F9022" s="14" t="s">
        <v>25</v>
      </c>
      <c r="G9022" s="16">
        <v>3.6916039487707251E-3</v>
      </c>
    </row>
    <row r="9023" spans="1:7" x14ac:dyDescent="0.3">
      <c r="A9023" s="13" t="s">
        <v>77</v>
      </c>
      <c r="B9023" s="14" t="s">
        <v>1</v>
      </c>
      <c r="C9023" s="14" t="s">
        <v>47</v>
      </c>
      <c r="D9023" s="14" t="s">
        <v>78</v>
      </c>
      <c r="E9023" s="15">
        <v>45639</v>
      </c>
      <c r="F9023" s="14" t="s">
        <v>25</v>
      </c>
      <c r="G9023" s="16">
        <v>1.498300221329425E-3</v>
      </c>
    </row>
    <row r="9024" spans="1:7" x14ac:dyDescent="0.3">
      <c r="A9024" s="13" t="s">
        <v>77</v>
      </c>
      <c r="B9024" s="14" t="s">
        <v>1</v>
      </c>
      <c r="C9024" s="14" t="s">
        <v>47</v>
      </c>
      <c r="D9024" s="14" t="s">
        <v>78</v>
      </c>
      <c r="E9024" s="15">
        <v>45640</v>
      </c>
      <c r="F9024" s="14" t="s">
        <v>25</v>
      </c>
      <c r="G9024" s="16">
        <v>1.498300221329425E-3</v>
      </c>
    </row>
    <row r="9025" spans="1:7" x14ac:dyDescent="0.3">
      <c r="A9025" s="13" t="s">
        <v>77</v>
      </c>
      <c r="B9025" s="14" t="s">
        <v>1</v>
      </c>
      <c r="C9025" s="14" t="s">
        <v>47</v>
      </c>
      <c r="D9025" s="14" t="s">
        <v>78</v>
      </c>
      <c r="E9025" s="15">
        <v>45641</v>
      </c>
      <c r="F9025" s="14" t="s">
        <v>25</v>
      </c>
      <c r="G9025" s="16">
        <v>1.498300221329425E-3</v>
      </c>
    </row>
    <row r="9026" spans="1:7" x14ac:dyDescent="0.3">
      <c r="A9026" s="13" t="s">
        <v>77</v>
      </c>
      <c r="B9026" s="14" t="s">
        <v>1</v>
      </c>
      <c r="C9026" s="14" t="s">
        <v>47</v>
      </c>
      <c r="D9026" s="14" t="s">
        <v>78</v>
      </c>
      <c r="E9026" s="15">
        <v>45642</v>
      </c>
      <c r="F9026" s="14" t="s">
        <v>25</v>
      </c>
      <c r="G9026" s="16">
        <v>3.2711811758430851E-3</v>
      </c>
    </row>
    <row r="9027" spans="1:7" x14ac:dyDescent="0.3">
      <c r="A9027" s="13" t="s">
        <v>77</v>
      </c>
      <c r="B9027" s="14" t="s">
        <v>1</v>
      </c>
      <c r="C9027" s="14" t="s">
        <v>47</v>
      </c>
      <c r="D9027" s="14" t="s">
        <v>78</v>
      </c>
      <c r="E9027" s="15">
        <v>45643</v>
      </c>
      <c r="F9027" s="14" t="s">
        <v>25</v>
      </c>
      <c r="G9027" s="16">
        <v>0</v>
      </c>
    </row>
    <row r="9028" spans="1:7" x14ac:dyDescent="0.3">
      <c r="A9028" s="13" t="s">
        <v>77</v>
      </c>
      <c r="B9028" s="14" t="s">
        <v>1</v>
      </c>
      <c r="C9028" s="14" t="s">
        <v>47</v>
      </c>
      <c r="D9028" s="14" t="s">
        <v>78</v>
      </c>
      <c r="E9028" s="15">
        <v>45644</v>
      </c>
      <c r="F9028" s="14" t="s">
        <v>25</v>
      </c>
      <c r="G9028" s="16">
        <v>0</v>
      </c>
    </row>
    <row r="9029" spans="1:7" x14ac:dyDescent="0.3">
      <c r="A9029" s="13" t="s">
        <v>77</v>
      </c>
      <c r="B9029" s="14" t="s">
        <v>1</v>
      </c>
      <c r="C9029" s="14" t="s">
        <v>47</v>
      </c>
      <c r="D9029" s="14" t="s">
        <v>78</v>
      </c>
      <c r="E9029" s="15">
        <v>45645</v>
      </c>
      <c r="F9029" s="14" t="s">
        <v>25</v>
      </c>
      <c r="G9029" s="16">
        <v>0</v>
      </c>
    </row>
    <row r="9030" spans="1:7" x14ac:dyDescent="0.3">
      <c r="A9030" s="13" t="s">
        <v>77</v>
      </c>
      <c r="B9030" s="14" t="s">
        <v>1</v>
      </c>
      <c r="C9030" s="14" t="s">
        <v>47</v>
      </c>
      <c r="D9030" s="14" t="s">
        <v>78</v>
      </c>
      <c r="E9030" s="15">
        <v>45646</v>
      </c>
      <c r="F9030" s="14" t="s">
        <v>25</v>
      </c>
      <c r="G9030" s="16">
        <v>0</v>
      </c>
    </row>
    <row r="9031" spans="1:7" x14ac:dyDescent="0.3">
      <c r="A9031" s="13" t="s">
        <v>77</v>
      </c>
      <c r="B9031" s="14" t="s">
        <v>1</v>
      </c>
      <c r="C9031" s="14" t="s">
        <v>47</v>
      </c>
      <c r="D9031" s="14" t="s">
        <v>78</v>
      </c>
      <c r="E9031" s="15">
        <v>45647</v>
      </c>
      <c r="F9031" s="14" t="s">
        <v>25</v>
      </c>
      <c r="G9031" s="16">
        <v>0</v>
      </c>
    </row>
    <row r="9032" spans="1:7" x14ac:dyDescent="0.3">
      <c r="A9032" s="13" t="s">
        <v>77</v>
      </c>
      <c r="B9032" s="14" t="s">
        <v>1</v>
      </c>
      <c r="C9032" s="14" t="s">
        <v>47</v>
      </c>
      <c r="D9032" s="14" t="s">
        <v>78</v>
      </c>
      <c r="E9032" s="15">
        <v>45648</v>
      </c>
      <c r="F9032" s="14" t="s">
        <v>25</v>
      </c>
      <c r="G9032" s="16">
        <v>0</v>
      </c>
    </row>
    <row r="9033" spans="1:7" x14ac:dyDescent="0.3">
      <c r="A9033" s="13" t="s">
        <v>77</v>
      </c>
      <c r="B9033" s="14" t="s">
        <v>1</v>
      </c>
      <c r="C9033" s="14" t="s">
        <v>47</v>
      </c>
      <c r="D9033" s="14" t="s">
        <v>78</v>
      </c>
      <c r="E9033" s="15">
        <v>45649</v>
      </c>
      <c r="F9033" s="14" t="s">
        <v>25</v>
      </c>
      <c r="G9033" s="16">
        <v>0</v>
      </c>
    </row>
    <row r="9034" spans="1:7" x14ac:dyDescent="0.3">
      <c r="A9034" s="13" t="s">
        <v>77</v>
      </c>
      <c r="B9034" s="14" t="s">
        <v>1</v>
      </c>
      <c r="C9034" s="14" t="s">
        <v>47</v>
      </c>
      <c r="D9034" s="14" t="s">
        <v>78</v>
      </c>
      <c r="E9034" s="15">
        <v>45650</v>
      </c>
      <c r="F9034" s="14" t="s">
        <v>25</v>
      </c>
      <c r="G9034" s="16">
        <v>0</v>
      </c>
    </row>
    <row r="9035" spans="1:7" x14ac:dyDescent="0.3">
      <c r="A9035" s="13" t="s">
        <v>77</v>
      </c>
      <c r="B9035" s="14" t="s">
        <v>1</v>
      </c>
      <c r="C9035" s="14" t="s">
        <v>47</v>
      </c>
      <c r="D9035" s="14" t="s">
        <v>78</v>
      </c>
      <c r="E9035" s="15">
        <v>45651</v>
      </c>
      <c r="F9035" s="14" t="s">
        <v>25</v>
      </c>
      <c r="G9035" s="16">
        <v>0</v>
      </c>
    </row>
    <row r="9036" spans="1:7" x14ac:dyDescent="0.3">
      <c r="A9036" s="13" t="s">
        <v>77</v>
      </c>
      <c r="B9036" s="14" t="s">
        <v>1</v>
      </c>
      <c r="C9036" s="14" t="s">
        <v>47</v>
      </c>
      <c r="D9036" s="14" t="s">
        <v>78</v>
      </c>
      <c r="E9036" s="15">
        <v>45652</v>
      </c>
      <c r="F9036" s="14" t="s">
        <v>25</v>
      </c>
      <c r="G9036" s="16">
        <v>0</v>
      </c>
    </row>
    <row r="9037" spans="1:7" x14ac:dyDescent="0.3">
      <c r="A9037" s="13" t="s">
        <v>77</v>
      </c>
      <c r="B9037" s="14" t="s">
        <v>1</v>
      </c>
      <c r="C9037" s="14" t="s">
        <v>47</v>
      </c>
      <c r="D9037" s="14" t="s">
        <v>78</v>
      </c>
      <c r="E9037" s="15">
        <v>45653</v>
      </c>
      <c r="F9037" s="14" t="s">
        <v>25</v>
      </c>
      <c r="G9037" s="16">
        <v>0</v>
      </c>
    </row>
    <row r="9038" spans="1:7" x14ac:dyDescent="0.3">
      <c r="A9038" s="13" t="s">
        <v>77</v>
      </c>
      <c r="B9038" s="14" t="s">
        <v>1</v>
      </c>
      <c r="C9038" s="14" t="s">
        <v>47</v>
      </c>
      <c r="D9038" s="14" t="s">
        <v>78</v>
      </c>
      <c r="E9038" s="15">
        <v>45654</v>
      </c>
      <c r="F9038" s="14" t="s">
        <v>25</v>
      </c>
      <c r="G9038" s="16">
        <v>0</v>
      </c>
    </row>
    <row r="9039" spans="1:7" x14ac:dyDescent="0.3">
      <c r="A9039" s="13" t="s">
        <v>77</v>
      </c>
      <c r="B9039" s="14" t="s">
        <v>1</v>
      </c>
      <c r="C9039" s="14" t="s">
        <v>47</v>
      </c>
      <c r="D9039" s="14" t="s">
        <v>78</v>
      </c>
      <c r="E9039" s="15">
        <v>45655</v>
      </c>
      <c r="F9039" s="14" t="s">
        <v>25</v>
      </c>
      <c r="G9039" s="16">
        <v>0</v>
      </c>
    </row>
    <row r="9040" spans="1:7" x14ac:dyDescent="0.3">
      <c r="A9040" s="13" t="s">
        <v>77</v>
      </c>
      <c r="B9040" s="14" t="s">
        <v>1</v>
      </c>
      <c r="C9040" s="14" t="s">
        <v>47</v>
      </c>
      <c r="D9040" s="14" t="s">
        <v>78</v>
      </c>
      <c r="E9040" s="15">
        <v>45656</v>
      </c>
      <c r="F9040" s="14" t="s">
        <v>25</v>
      </c>
      <c r="G9040" s="16">
        <v>0</v>
      </c>
    </row>
    <row r="9041" spans="1:7" x14ac:dyDescent="0.3">
      <c r="A9041" s="13" t="s">
        <v>77</v>
      </c>
      <c r="B9041" s="14" t="s">
        <v>1</v>
      </c>
      <c r="C9041" s="14" t="s">
        <v>47</v>
      </c>
      <c r="D9041" s="14" t="s">
        <v>78</v>
      </c>
      <c r="E9041" s="15">
        <v>45657</v>
      </c>
      <c r="F9041" s="14" t="s">
        <v>25</v>
      </c>
      <c r="G9041" s="16">
        <v>2.2676037662322179E-2</v>
      </c>
    </row>
    <row r="9042" spans="1:7" x14ac:dyDescent="0.3">
      <c r="A9042" s="13" t="s">
        <v>77</v>
      </c>
      <c r="B9042" s="14" t="s">
        <v>1</v>
      </c>
      <c r="C9042" s="14" t="s">
        <v>47</v>
      </c>
      <c r="D9042" s="14" t="s">
        <v>78</v>
      </c>
      <c r="E9042" s="15">
        <v>45658</v>
      </c>
      <c r="F9042" s="14" t="s">
        <v>25</v>
      </c>
      <c r="G9042" s="16">
        <v>2.2676037662322179E-2</v>
      </c>
    </row>
    <row r="9043" spans="1:7" x14ac:dyDescent="0.3">
      <c r="A9043" s="13" t="s">
        <v>77</v>
      </c>
      <c r="B9043" s="14" t="s">
        <v>1</v>
      </c>
      <c r="C9043" s="14" t="s">
        <v>47</v>
      </c>
      <c r="D9043" s="14" t="s">
        <v>78</v>
      </c>
      <c r="E9043" s="15">
        <v>45659</v>
      </c>
      <c r="F9043" s="14" t="s">
        <v>25</v>
      </c>
      <c r="G9043" s="16">
        <v>2.4721522956246623E-2</v>
      </c>
    </row>
    <row r="9044" spans="1:7" x14ac:dyDescent="0.3">
      <c r="A9044" s="13" t="s">
        <v>77</v>
      </c>
      <c r="B9044" s="14" t="s">
        <v>1</v>
      </c>
      <c r="C9044" s="14" t="s">
        <v>47</v>
      </c>
      <c r="D9044" s="14" t="s">
        <v>78</v>
      </c>
      <c r="E9044" s="15">
        <v>45660</v>
      </c>
      <c r="F9044" s="14" t="s">
        <v>25</v>
      </c>
      <c r="G9044" s="16">
        <v>2.4477626517076842E-2</v>
      </c>
    </row>
    <row r="9045" spans="1:7" x14ac:dyDescent="0.3">
      <c r="A9045" s="13" t="s">
        <v>77</v>
      </c>
      <c r="B9045" s="14" t="s">
        <v>1</v>
      </c>
      <c r="C9045" s="14" t="s">
        <v>47</v>
      </c>
      <c r="D9045" s="14" t="s">
        <v>78</v>
      </c>
      <c r="E9045" s="15">
        <v>45661</v>
      </c>
      <c r="F9045" s="14" t="s">
        <v>25</v>
      </c>
      <c r="G9045" s="16">
        <v>2.4477626517076842E-2</v>
      </c>
    </row>
    <row r="9046" spans="1:7" x14ac:dyDescent="0.3">
      <c r="A9046" s="13" t="s">
        <v>77</v>
      </c>
      <c r="B9046" s="14" t="s">
        <v>1</v>
      </c>
      <c r="C9046" s="14" t="s">
        <v>47</v>
      </c>
      <c r="D9046" s="14" t="s">
        <v>78</v>
      </c>
      <c r="E9046" s="15">
        <v>45662</v>
      </c>
      <c r="F9046" s="14" t="s">
        <v>25</v>
      </c>
      <c r="G9046" s="16">
        <v>2.4477626517076842E-2</v>
      </c>
    </row>
    <row r="9047" spans="1:7" x14ac:dyDescent="0.3">
      <c r="A9047" s="13" t="s">
        <v>77</v>
      </c>
      <c r="B9047" s="14" t="s">
        <v>1</v>
      </c>
      <c r="C9047" s="14" t="s">
        <v>47</v>
      </c>
      <c r="D9047" s="14" t="s">
        <v>78</v>
      </c>
      <c r="E9047" s="15">
        <v>45663</v>
      </c>
      <c r="F9047" s="14" t="s">
        <v>25</v>
      </c>
      <c r="G9047" s="16">
        <v>2.2237021445144785E-2</v>
      </c>
    </row>
    <row r="9048" spans="1:7" x14ac:dyDescent="0.3">
      <c r="A9048" s="13" t="s">
        <v>77</v>
      </c>
      <c r="B9048" s="14" t="s">
        <v>1</v>
      </c>
      <c r="C9048" s="14" t="s">
        <v>47</v>
      </c>
      <c r="D9048" s="14" t="s">
        <v>78</v>
      </c>
      <c r="E9048" s="15">
        <v>45664</v>
      </c>
      <c r="F9048" s="14" t="s">
        <v>25</v>
      </c>
      <c r="G9048" s="16">
        <v>1.7255184983740481E-2</v>
      </c>
    </row>
    <row r="9049" spans="1:7" x14ac:dyDescent="0.3">
      <c r="A9049" s="13" t="s">
        <v>77</v>
      </c>
      <c r="B9049" s="14" t="s">
        <v>1</v>
      </c>
      <c r="C9049" s="14" t="s">
        <v>47</v>
      </c>
      <c r="D9049" s="14" t="s">
        <v>78</v>
      </c>
      <c r="E9049" s="15">
        <v>45665</v>
      </c>
      <c r="F9049" s="14" t="s">
        <v>25</v>
      </c>
      <c r="G9049" s="16">
        <v>1.5038270097127592E-2</v>
      </c>
    </row>
    <row r="9050" spans="1:7" x14ac:dyDescent="0.3">
      <c r="A9050" s="13" t="s">
        <v>77</v>
      </c>
      <c r="B9050" s="14" t="s">
        <v>1</v>
      </c>
      <c r="C9050" s="14" t="s">
        <v>47</v>
      </c>
      <c r="D9050" s="14" t="s">
        <v>78</v>
      </c>
      <c r="E9050" s="15">
        <v>45666</v>
      </c>
      <c r="F9050" s="14" t="s">
        <v>25</v>
      </c>
      <c r="G9050" s="16">
        <v>1.5038270097127592E-2</v>
      </c>
    </row>
    <row r="9051" spans="1:7" x14ac:dyDescent="0.3">
      <c r="A9051" s="13" t="s">
        <v>77</v>
      </c>
      <c r="B9051" s="14" t="s">
        <v>1</v>
      </c>
      <c r="C9051" s="14" t="s">
        <v>47</v>
      </c>
      <c r="D9051" s="14" t="s">
        <v>78</v>
      </c>
      <c r="E9051" s="15">
        <v>45667</v>
      </c>
      <c r="F9051" s="14" t="s">
        <v>25</v>
      </c>
      <c r="G9051" s="16">
        <v>1.2871717100871042E-2</v>
      </c>
    </row>
    <row r="9052" spans="1:7" x14ac:dyDescent="0.3">
      <c r="A9052" s="13" t="s">
        <v>77</v>
      </c>
      <c r="B9052" s="14" t="s">
        <v>1</v>
      </c>
      <c r="C9052" s="14" t="s">
        <v>47</v>
      </c>
      <c r="D9052" s="14" t="s">
        <v>78</v>
      </c>
      <c r="E9052" s="15">
        <v>45668</v>
      </c>
      <c r="F9052" s="14" t="s">
        <v>25</v>
      </c>
      <c r="G9052" s="16">
        <v>1.2871717100871042E-2</v>
      </c>
    </row>
    <row r="9053" spans="1:7" x14ac:dyDescent="0.3">
      <c r="A9053" s="13" t="s">
        <v>77</v>
      </c>
      <c r="B9053" s="14" t="s">
        <v>1</v>
      </c>
      <c r="C9053" s="14" t="s">
        <v>47</v>
      </c>
      <c r="D9053" s="14" t="s">
        <v>78</v>
      </c>
      <c r="E9053" s="15">
        <v>45669</v>
      </c>
      <c r="F9053" s="14" t="s">
        <v>25</v>
      </c>
      <c r="G9053" s="16">
        <v>1.2871717100871042E-2</v>
      </c>
    </row>
    <row r="9054" spans="1:7" x14ac:dyDescent="0.3">
      <c r="A9054" s="13" t="s">
        <v>77</v>
      </c>
      <c r="B9054" s="14" t="s">
        <v>1</v>
      </c>
      <c r="C9054" s="14" t="s">
        <v>47</v>
      </c>
      <c r="D9054" s="14" t="s">
        <v>78</v>
      </c>
      <c r="E9054" s="15">
        <v>45670</v>
      </c>
      <c r="F9054" s="14" t="s">
        <v>25</v>
      </c>
      <c r="G9054" s="16">
        <v>1.0449306866353768E-2</v>
      </c>
    </row>
    <row r="9055" spans="1:7" x14ac:dyDescent="0.3">
      <c r="A9055" s="13" t="s">
        <v>77</v>
      </c>
      <c r="B9055" s="14" t="s">
        <v>1</v>
      </c>
      <c r="C9055" s="14" t="s">
        <v>47</v>
      </c>
      <c r="D9055" s="14" t="s">
        <v>78</v>
      </c>
      <c r="E9055" s="15">
        <v>45671</v>
      </c>
      <c r="F9055" s="14" t="s">
        <v>25</v>
      </c>
      <c r="G9055" s="16">
        <v>3.917323364996849E-3</v>
      </c>
    </row>
    <row r="9056" spans="1:7" x14ac:dyDescent="0.3">
      <c r="A9056" s="13" t="s">
        <v>77</v>
      </c>
      <c r="B9056" s="14" t="s">
        <v>1</v>
      </c>
      <c r="C9056" s="14" t="s">
        <v>47</v>
      </c>
      <c r="D9056" s="14" t="s">
        <v>78</v>
      </c>
      <c r="E9056" s="15">
        <v>45672</v>
      </c>
      <c r="F9056" s="14" t="s">
        <v>25</v>
      </c>
      <c r="G9056" s="16">
        <v>1.7677352811810232E-3</v>
      </c>
    </row>
    <row r="9057" spans="1:7" x14ac:dyDescent="0.3">
      <c r="A9057" s="13" t="s">
        <v>77</v>
      </c>
      <c r="B9057" s="14" t="s">
        <v>1</v>
      </c>
      <c r="C9057" s="14" t="s">
        <v>47</v>
      </c>
      <c r="D9057" s="14" t="s">
        <v>78</v>
      </c>
      <c r="E9057" s="15">
        <v>45673</v>
      </c>
      <c r="F9057" s="14" t="s">
        <v>25</v>
      </c>
      <c r="G9057" s="16">
        <v>0</v>
      </c>
    </row>
    <row r="9058" spans="1:7" x14ac:dyDescent="0.3">
      <c r="A9058" s="13" t="s">
        <v>77</v>
      </c>
      <c r="B9058" s="14" t="s">
        <v>1</v>
      </c>
      <c r="C9058" s="14" t="s">
        <v>47</v>
      </c>
      <c r="D9058" s="14" t="s">
        <v>78</v>
      </c>
      <c r="E9058" s="15">
        <v>45674</v>
      </c>
      <c r="F9058" s="14" t="s">
        <v>25</v>
      </c>
      <c r="G9058" s="16">
        <v>0</v>
      </c>
    </row>
    <row r="9059" spans="1:7" x14ac:dyDescent="0.3">
      <c r="A9059" s="13" t="s">
        <v>77</v>
      </c>
      <c r="B9059" s="14" t="s">
        <v>1</v>
      </c>
      <c r="C9059" s="14" t="s">
        <v>47</v>
      </c>
      <c r="D9059" s="14" t="s">
        <v>78</v>
      </c>
      <c r="E9059" s="15">
        <v>45675</v>
      </c>
      <c r="F9059" s="14" t="s">
        <v>25</v>
      </c>
      <c r="G9059" s="16">
        <v>0</v>
      </c>
    </row>
    <row r="9060" spans="1:7" x14ac:dyDescent="0.3">
      <c r="A9060" s="13" t="s">
        <v>77</v>
      </c>
      <c r="B9060" s="14" t="s">
        <v>1</v>
      </c>
      <c r="C9060" s="14" t="s">
        <v>47</v>
      </c>
      <c r="D9060" s="14" t="s">
        <v>78</v>
      </c>
      <c r="E9060" s="15">
        <v>45676</v>
      </c>
      <c r="F9060" s="14" t="s">
        <v>25</v>
      </c>
      <c r="G9060" s="16">
        <v>0</v>
      </c>
    </row>
    <row r="9061" spans="1:7" x14ac:dyDescent="0.3">
      <c r="A9061" s="13" t="s">
        <v>77</v>
      </c>
      <c r="B9061" s="14" t="s">
        <v>1</v>
      </c>
      <c r="C9061" s="14" t="s">
        <v>47</v>
      </c>
      <c r="D9061" s="14" t="s">
        <v>78</v>
      </c>
      <c r="E9061" s="15">
        <v>45677</v>
      </c>
      <c r="F9061" s="14" t="s">
        <v>25</v>
      </c>
      <c r="G9061" s="16">
        <v>0</v>
      </c>
    </row>
    <row r="9062" spans="1:7" x14ac:dyDescent="0.3">
      <c r="A9062" s="13" t="s">
        <v>77</v>
      </c>
      <c r="B9062" s="14" t="s">
        <v>1</v>
      </c>
      <c r="C9062" s="14" t="s">
        <v>47</v>
      </c>
      <c r="D9062" s="14" t="s">
        <v>78</v>
      </c>
      <c r="E9062" s="15">
        <v>45678</v>
      </c>
      <c r="F9062" s="14" t="s">
        <v>25</v>
      </c>
      <c r="G9062" s="16">
        <v>2.8896245121577479E-4</v>
      </c>
    </row>
    <row r="9063" spans="1:7" x14ac:dyDescent="0.3">
      <c r="A9063" s="13" t="s">
        <v>77</v>
      </c>
      <c r="B9063" s="14" t="s">
        <v>1</v>
      </c>
      <c r="C9063" s="14" t="s">
        <v>47</v>
      </c>
      <c r="D9063" s="14" t="s">
        <v>78</v>
      </c>
      <c r="E9063" s="15">
        <v>45679</v>
      </c>
      <c r="F9063" s="14" t="s">
        <v>25</v>
      </c>
      <c r="G9063" s="16">
        <v>0</v>
      </c>
    </row>
    <row r="9064" spans="1:7" x14ac:dyDescent="0.3">
      <c r="A9064" s="13" t="s">
        <v>77</v>
      </c>
      <c r="B9064" s="14" t="s">
        <v>1</v>
      </c>
      <c r="C9064" s="14" t="s">
        <v>47</v>
      </c>
      <c r="D9064" s="14" t="s">
        <v>78</v>
      </c>
      <c r="E9064" s="15">
        <v>45680</v>
      </c>
      <c r="F9064" s="14" t="s">
        <v>25</v>
      </c>
      <c r="G9064" s="16">
        <v>0</v>
      </c>
    </row>
    <row r="9065" spans="1:7" x14ac:dyDescent="0.3">
      <c r="A9065" s="13" t="s">
        <v>77</v>
      </c>
      <c r="B9065" s="14" t="s">
        <v>1</v>
      </c>
      <c r="C9065" s="14" t="s">
        <v>47</v>
      </c>
      <c r="D9065" s="14" t="s">
        <v>78</v>
      </c>
      <c r="E9065" s="15">
        <v>45681</v>
      </c>
      <c r="F9065" s="14" t="s">
        <v>25</v>
      </c>
      <c r="G9065" s="16">
        <v>0</v>
      </c>
    </row>
    <row r="9066" spans="1:7" x14ac:dyDescent="0.3">
      <c r="A9066" s="13" t="s">
        <v>77</v>
      </c>
      <c r="B9066" s="14" t="s">
        <v>1</v>
      </c>
      <c r="C9066" s="14" t="s">
        <v>47</v>
      </c>
      <c r="D9066" s="14" t="s">
        <v>78</v>
      </c>
      <c r="E9066" s="15">
        <v>45682</v>
      </c>
      <c r="F9066" s="14" t="s">
        <v>25</v>
      </c>
      <c r="G9066" s="16">
        <v>0</v>
      </c>
    </row>
    <row r="9067" spans="1:7" x14ac:dyDescent="0.3">
      <c r="A9067" s="13" t="s">
        <v>77</v>
      </c>
      <c r="B9067" s="14" t="s">
        <v>1</v>
      </c>
      <c r="C9067" s="14" t="s">
        <v>47</v>
      </c>
      <c r="D9067" s="14" t="s">
        <v>78</v>
      </c>
      <c r="E9067" s="15">
        <v>45683</v>
      </c>
      <c r="F9067" s="14" t="s">
        <v>25</v>
      </c>
      <c r="G9067" s="16">
        <v>0</v>
      </c>
    </row>
    <row r="9068" spans="1:7" x14ac:dyDescent="0.3">
      <c r="A9068" s="13" t="s">
        <v>77</v>
      </c>
      <c r="B9068" s="14" t="s">
        <v>1</v>
      </c>
      <c r="C9068" s="14" t="s">
        <v>47</v>
      </c>
      <c r="D9068" s="14" t="s">
        <v>78</v>
      </c>
      <c r="E9068" s="15">
        <v>45684</v>
      </c>
      <c r="F9068" s="14" t="s">
        <v>25</v>
      </c>
      <c r="G9068" s="16">
        <v>0</v>
      </c>
    </row>
    <row r="9069" spans="1:7" x14ac:dyDescent="0.3">
      <c r="A9069" s="13" t="s">
        <v>77</v>
      </c>
      <c r="B9069" s="14" t="s">
        <v>1</v>
      </c>
      <c r="C9069" s="14" t="s">
        <v>47</v>
      </c>
      <c r="D9069" s="14" t="s">
        <v>78</v>
      </c>
      <c r="E9069" s="15">
        <v>45685</v>
      </c>
      <c r="F9069" s="14" t="s">
        <v>25</v>
      </c>
      <c r="G9069" s="16">
        <v>0</v>
      </c>
    </row>
    <row r="9070" spans="1:7" x14ac:dyDescent="0.3">
      <c r="A9070" s="13" t="s">
        <v>77</v>
      </c>
      <c r="B9070" s="14" t="s">
        <v>1</v>
      </c>
      <c r="C9070" s="14" t="s">
        <v>47</v>
      </c>
      <c r="D9070" s="14" t="s">
        <v>78</v>
      </c>
      <c r="E9070" s="15">
        <v>45686</v>
      </c>
      <c r="F9070" s="14" t="s">
        <v>25</v>
      </c>
      <c r="G9070" s="16">
        <v>0</v>
      </c>
    </row>
    <row r="9071" spans="1:7" x14ac:dyDescent="0.3">
      <c r="A9071" s="13" t="s">
        <v>77</v>
      </c>
      <c r="B9071" s="14" t="s">
        <v>1</v>
      </c>
      <c r="C9071" s="14" t="s">
        <v>47</v>
      </c>
      <c r="D9071" s="14" t="s">
        <v>78</v>
      </c>
      <c r="E9071" s="15">
        <v>45687</v>
      </c>
      <c r="F9071" s="14" t="s">
        <v>25</v>
      </c>
      <c r="G9071" s="16">
        <v>0</v>
      </c>
    </row>
    <row r="9072" spans="1:7" x14ac:dyDescent="0.3">
      <c r="A9072" s="13" t="s">
        <v>77</v>
      </c>
      <c r="B9072" s="14" t="s">
        <v>1</v>
      </c>
      <c r="C9072" s="14" t="s">
        <v>47</v>
      </c>
      <c r="D9072" s="14" t="s">
        <v>78</v>
      </c>
      <c r="E9072" s="15">
        <v>45688</v>
      </c>
      <c r="F9072" s="14" t="s">
        <v>25</v>
      </c>
      <c r="G9072" s="16">
        <v>0</v>
      </c>
    </row>
    <row r="9073" spans="1:7" x14ac:dyDescent="0.3">
      <c r="A9073" s="13" t="s">
        <v>77</v>
      </c>
      <c r="B9073" s="14" t="s">
        <v>1</v>
      </c>
      <c r="C9073" s="14" t="s">
        <v>47</v>
      </c>
      <c r="D9073" s="14" t="s">
        <v>78</v>
      </c>
      <c r="E9073" s="15">
        <v>45689</v>
      </c>
      <c r="F9073" s="14" t="s">
        <v>25</v>
      </c>
      <c r="G9073" s="16">
        <v>0</v>
      </c>
    </row>
    <row r="9074" spans="1:7" x14ac:dyDescent="0.3">
      <c r="A9074" s="13" t="s">
        <v>77</v>
      </c>
      <c r="B9074" s="14" t="s">
        <v>1</v>
      </c>
      <c r="C9074" s="14" t="s">
        <v>47</v>
      </c>
      <c r="D9074" s="14" t="s">
        <v>78</v>
      </c>
      <c r="E9074" s="15">
        <v>45690</v>
      </c>
      <c r="F9074" s="14" t="s">
        <v>25</v>
      </c>
      <c r="G9074" s="16">
        <v>0</v>
      </c>
    </row>
    <row r="9075" spans="1:7" x14ac:dyDescent="0.3">
      <c r="A9075" s="13" t="s">
        <v>77</v>
      </c>
      <c r="B9075" s="14" t="s">
        <v>1</v>
      </c>
      <c r="C9075" s="14" t="s">
        <v>47</v>
      </c>
      <c r="D9075" s="14" t="s">
        <v>78</v>
      </c>
      <c r="E9075" s="15">
        <v>45691</v>
      </c>
      <c r="F9075" s="14" t="s">
        <v>25</v>
      </c>
      <c r="G9075" s="16">
        <v>0</v>
      </c>
    </row>
    <row r="9076" spans="1:7" x14ac:dyDescent="0.3">
      <c r="A9076" s="13" t="s">
        <v>77</v>
      </c>
      <c r="B9076" s="14" t="s">
        <v>1</v>
      </c>
      <c r="C9076" s="14" t="s">
        <v>47</v>
      </c>
      <c r="D9076" s="14" t="s">
        <v>78</v>
      </c>
      <c r="E9076" s="15">
        <v>45692</v>
      </c>
      <c r="F9076" s="14" t="s">
        <v>25</v>
      </c>
      <c r="G9076" s="16">
        <v>0</v>
      </c>
    </row>
    <row r="9077" spans="1:7" x14ac:dyDescent="0.3">
      <c r="A9077" s="13" t="s">
        <v>77</v>
      </c>
      <c r="B9077" s="14" t="s">
        <v>1</v>
      </c>
      <c r="C9077" s="14" t="s">
        <v>47</v>
      </c>
      <c r="D9077" s="14" t="s">
        <v>78</v>
      </c>
      <c r="E9077" s="15">
        <v>45693</v>
      </c>
      <c r="F9077" s="14" t="s">
        <v>25</v>
      </c>
      <c r="G9077" s="16">
        <v>0</v>
      </c>
    </row>
    <row r="9078" spans="1:7" x14ac:dyDescent="0.3">
      <c r="A9078" s="13" t="s">
        <v>77</v>
      </c>
      <c r="B9078" s="14" t="s">
        <v>1</v>
      </c>
      <c r="C9078" s="14" t="s">
        <v>47</v>
      </c>
      <c r="D9078" s="14" t="s">
        <v>78</v>
      </c>
      <c r="E9078" s="15">
        <v>45694</v>
      </c>
      <c r="F9078" s="14" t="s">
        <v>25</v>
      </c>
      <c r="G9078" s="16">
        <v>0</v>
      </c>
    </row>
    <row r="9079" spans="1:7" x14ac:dyDescent="0.3">
      <c r="A9079" s="13" t="s">
        <v>77</v>
      </c>
      <c r="B9079" s="14" t="s">
        <v>1</v>
      </c>
      <c r="C9079" s="14" t="s">
        <v>47</v>
      </c>
      <c r="D9079" s="14" t="s">
        <v>78</v>
      </c>
      <c r="E9079" s="15">
        <v>45695</v>
      </c>
      <c r="F9079" s="14" t="s">
        <v>25</v>
      </c>
      <c r="G9079" s="16">
        <v>0</v>
      </c>
    </row>
    <row r="9080" spans="1:7" x14ac:dyDescent="0.3">
      <c r="A9080" s="13" t="s">
        <v>77</v>
      </c>
      <c r="B9080" s="14" t="s">
        <v>1</v>
      </c>
      <c r="C9080" s="14" t="s">
        <v>47</v>
      </c>
      <c r="D9080" s="14" t="s">
        <v>78</v>
      </c>
      <c r="E9080" s="15">
        <v>45696</v>
      </c>
      <c r="F9080" s="14" t="s">
        <v>25</v>
      </c>
      <c r="G9080" s="16">
        <v>0</v>
      </c>
    </row>
    <row r="9081" spans="1:7" x14ac:dyDescent="0.3">
      <c r="A9081" s="13" t="s">
        <v>77</v>
      </c>
      <c r="B9081" s="14" t="s">
        <v>1</v>
      </c>
      <c r="C9081" s="14" t="s">
        <v>47</v>
      </c>
      <c r="D9081" s="14" t="s">
        <v>78</v>
      </c>
      <c r="E9081" s="15">
        <v>45697</v>
      </c>
      <c r="F9081" s="14" t="s">
        <v>25</v>
      </c>
      <c r="G9081" s="16">
        <v>0</v>
      </c>
    </row>
    <row r="9082" spans="1:7" x14ac:dyDescent="0.3">
      <c r="A9082" s="13" t="s">
        <v>77</v>
      </c>
      <c r="B9082" s="14" t="s">
        <v>1</v>
      </c>
      <c r="C9082" s="14" t="s">
        <v>47</v>
      </c>
      <c r="D9082" s="14" t="s">
        <v>78</v>
      </c>
      <c r="E9082" s="15">
        <v>45698</v>
      </c>
      <c r="F9082" s="14" t="s">
        <v>25</v>
      </c>
      <c r="G9082" s="16">
        <v>0</v>
      </c>
    </row>
    <row r="9083" spans="1:7" x14ac:dyDescent="0.3">
      <c r="A9083" s="13" t="s">
        <v>77</v>
      </c>
      <c r="B9083" s="14" t="s">
        <v>1</v>
      </c>
      <c r="C9083" s="14" t="s">
        <v>47</v>
      </c>
      <c r="D9083" s="14" t="s">
        <v>78</v>
      </c>
      <c r="E9083" s="15">
        <v>45699</v>
      </c>
      <c r="F9083" s="14" t="s">
        <v>25</v>
      </c>
      <c r="G9083" s="16">
        <v>0</v>
      </c>
    </row>
    <row r="9084" spans="1:7" x14ac:dyDescent="0.3">
      <c r="A9084" s="13" t="s">
        <v>77</v>
      </c>
      <c r="B9084" s="14" t="s">
        <v>1</v>
      </c>
      <c r="C9084" s="14" t="s">
        <v>47</v>
      </c>
      <c r="D9084" s="14" t="s">
        <v>78</v>
      </c>
      <c r="E9084" s="15">
        <v>45700</v>
      </c>
      <c r="F9084" s="14" t="s">
        <v>25</v>
      </c>
      <c r="G9084" s="16">
        <v>0</v>
      </c>
    </row>
    <row r="9085" spans="1:7" x14ac:dyDescent="0.3">
      <c r="A9085" s="13" t="s">
        <v>77</v>
      </c>
      <c r="B9085" s="14" t="s">
        <v>1</v>
      </c>
      <c r="C9085" s="14" t="s">
        <v>47</v>
      </c>
      <c r="D9085" s="14" t="s">
        <v>78</v>
      </c>
      <c r="E9085" s="15">
        <v>45701</v>
      </c>
      <c r="F9085" s="14" t="s">
        <v>25</v>
      </c>
      <c r="G9085" s="16">
        <v>0</v>
      </c>
    </row>
    <row r="9086" spans="1:7" x14ac:dyDescent="0.3">
      <c r="A9086" s="13" t="s">
        <v>77</v>
      </c>
      <c r="B9086" s="14" t="s">
        <v>1</v>
      </c>
      <c r="C9086" s="14" t="s">
        <v>47</v>
      </c>
      <c r="D9086" s="14" t="s">
        <v>78</v>
      </c>
      <c r="E9086" s="15">
        <v>45702</v>
      </c>
      <c r="F9086" s="14" t="s">
        <v>25</v>
      </c>
      <c r="G9086" s="16">
        <v>0</v>
      </c>
    </row>
    <row r="9087" spans="1:7" x14ac:dyDescent="0.3">
      <c r="A9087" s="13" t="s">
        <v>77</v>
      </c>
      <c r="B9087" s="14" t="s">
        <v>1</v>
      </c>
      <c r="C9087" s="14" t="s">
        <v>47</v>
      </c>
      <c r="D9087" s="14" t="s">
        <v>78</v>
      </c>
      <c r="E9087" s="15">
        <v>45703</v>
      </c>
      <c r="F9087" s="14" t="s">
        <v>25</v>
      </c>
      <c r="G9087" s="16">
        <v>0</v>
      </c>
    </row>
    <row r="9088" spans="1:7" x14ac:dyDescent="0.3">
      <c r="A9088" s="13" t="s">
        <v>77</v>
      </c>
      <c r="B9088" s="14" t="s">
        <v>1</v>
      </c>
      <c r="C9088" s="14" t="s">
        <v>47</v>
      </c>
      <c r="D9088" s="14" t="s">
        <v>78</v>
      </c>
      <c r="E9088" s="15">
        <v>45704</v>
      </c>
      <c r="F9088" s="14" t="s">
        <v>25</v>
      </c>
      <c r="G9088" s="16">
        <v>0</v>
      </c>
    </row>
    <row r="9089" spans="1:7" x14ac:dyDescent="0.3">
      <c r="A9089" s="13" t="s">
        <v>77</v>
      </c>
      <c r="B9089" s="14" t="s">
        <v>1</v>
      </c>
      <c r="C9089" s="14" t="s">
        <v>47</v>
      </c>
      <c r="D9089" s="14" t="s">
        <v>78</v>
      </c>
      <c r="E9089" s="15">
        <v>45705</v>
      </c>
      <c r="F9089" s="14" t="s">
        <v>25</v>
      </c>
      <c r="G9089" s="16">
        <v>0</v>
      </c>
    </row>
    <row r="9090" spans="1:7" x14ac:dyDescent="0.3">
      <c r="A9090" s="13" t="s">
        <v>77</v>
      </c>
      <c r="B9090" s="14" t="s">
        <v>1</v>
      </c>
      <c r="C9090" s="14" t="s">
        <v>47</v>
      </c>
      <c r="D9090" s="14" t="s">
        <v>78</v>
      </c>
      <c r="E9090" s="15">
        <v>45706</v>
      </c>
      <c r="F9090" s="14" t="s">
        <v>25</v>
      </c>
      <c r="G9090" s="16">
        <v>0</v>
      </c>
    </row>
    <row r="9091" spans="1:7" x14ac:dyDescent="0.3">
      <c r="A9091" s="13" t="s">
        <v>77</v>
      </c>
      <c r="B9091" s="14" t="s">
        <v>1</v>
      </c>
      <c r="C9091" s="14" t="s">
        <v>47</v>
      </c>
      <c r="D9091" s="14" t="s">
        <v>78</v>
      </c>
      <c r="E9091" s="15">
        <v>45707</v>
      </c>
      <c r="F9091" s="14" t="s">
        <v>25</v>
      </c>
      <c r="G9091" s="16">
        <v>0</v>
      </c>
    </row>
    <row r="9092" spans="1:7" x14ac:dyDescent="0.3">
      <c r="A9092" s="13" t="s">
        <v>77</v>
      </c>
      <c r="B9092" s="14" t="s">
        <v>1</v>
      </c>
      <c r="C9092" s="14" t="s">
        <v>47</v>
      </c>
      <c r="D9092" s="14" t="s">
        <v>78</v>
      </c>
      <c r="E9092" s="15">
        <v>45708</v>
      </c>
      <c r="F9092" s="14" t="s">
        <v>25</v>
      </c>
      <c r="G9092" s="16">
        <v>0</v>
      </c>
    </row>
    <row r="9093" spans="1:7" x14ac:dyDescent="0.3">
      <c r="A9093" s="13" t="s">
        <v>77</v>
      </c>
      <c r="B9093" s="14" t="s">
        <v>1</v>
      </c>
      <c r="C9093" s="14" t="s">
        <v>47</v>
      </c>
      <c r="D9093" s="14" t="s">
        <v>78</v>
      </c>
      <c r="E9093" s="15">
        <v>45709</v>
      </c>
      <c r="F9093" s="14" t="s">
        <v>25</v>
      </c>
      <c r="G9093" s="16">
        <v>0</v>
      </c>
    </row>
    <row r="9094" spans="1:7" x14ac:dyDescent="0.3">
      <c r="A9094" s="13" t="s">
        <v>77</v>
      </c>
      <c r="B9094" s="14" t="s">
        <v>1</v>
      </c>
      <c r="C9094" s="14" t="s">
        <v>47</v>
      </c>
      <c r="D9094" s="14" t="s">
        <v>78</v>
      </c>
      <c r="E9094" s="15">
        <v>45710</v>
      </c>
      <c r="F9094" s="14" t="s">
        <v>25</v>
      </c>
      <c r="G9094" s="16">
        <v>0</v>
      </c>
    </row>
    <row r="9095" spans="1:7" x14ac:dyDescent="0.3">
      <c r="A9095" s="13" t="s">
        <v>77</v>
      </c>
      <c r="B9095" s="14" t="s">
        <v>1</v>
      </c>
      <c r="C9095" s="14" t="s">
        <v>47</v>
      </c>
      <c r="D9095" s="14" t="s">
        <v>78</v>
      </c>
      <c r="E9095" s="15">
        <v>45711</v>
      </c>
      <c r="F9095" s="14" t="s">
        <v>25</v>
      </c>
      <c r="G9095" s="16">
        <v>0</v>
      </c>
    </row>
    <row r="9096" spans="1:7" x14ac:dyDescent="0.3">
      <c r="A9096" s="13" t="s">
        <v>77</v>
      </c>
      <c r="B9096" s="14" t="s">
        <v>1</v>
      </c>
      <c r="C9096" s="14" t="s">
        <v>47</v>
      </c>
      <c r="D9096" s="14" t="s">
        <v>78</v>
      </c>
      <c r="E9096" s="15">
        <v>45712</v>
      </c>
      <c r="F9096" s="14" t="s">
        <v>25</v>
      </c>
      <c r="G9096" s="16">
        <v>0</v>
      </c>
    </row>
    <row r="9097" spans="1:7" x14ac:dyDescent="0.3">
      <c r="A9097" s="13" t="s">
        <v>77</v>
      </c>
      <c r="B9097" s="14" t="s">
        <v>1</v>
      </c>
      <c r="C9097" s="14" t="s">
        <v>47</v>
      </c>
      <c r="D9097" s="14" t="s">
        <v>78</v>
      </c>
      <c r="E9097" s="15">
        <v>45713</v>
      </c>
      <c r="F9097" s="14" t="s">
        <v>25</v>
      </c>
      <c r="G9097" s="16">
        <v>0</v>
      </c>
    </row>
    <row r="9098" spans="1:7" x14ac:dyDescent="0.3">
      <c r="A9098" s="13" t="s">
        <v>77</v>
      </c>
      <c r="B9098" s="14" t="s">
        <v>1</v>
      </c>
      <c r="C9098" s="14" t="s">
        <v>47</v>
      </c>
      <c r="D9098" s="14" t="s">
        <v>78</v>
      </c>
      <c r="E9098" s="15">
        <v>45714</v>
      </c>
      <c r="F9098" s="14" t="s">
        <v>25</v>
      </c>
      <c r="G9098" s="16">
        <v>0</v>
      </c>
    </row>
    <row r="9099" spans="1:7" x14ac:dyDescent="0.3">
      <c r="A9099" s="13" t="s">
        <v>77</v>
      </c>
      <c r="B9099" s="14" t="s">
        <v>1</v>
      </c>
      <c r="C9099" s="14" t="s">
        <v>47</v>
      </c>
      <c r="D9099" s="14" t="s">
        <v>78</v>
      </c>
      <c r="E9099" s="15">
        <v>45715</v>
      </c>
      <c r="F9099" s="14" t="s">
        <v>25</v>
      </c>
      <c r="G9099" s="16">
        <v>0</v>
      </c>
    </row>
    <row r="9100" spans="1:7" x14ac:dyDescent="0.3">
      <c r="A9100" s="13" t="s">
        <v>77</v>
      </c>
      <c r="B9100" s="14" t="s">
        <v>1</v>
      </c>
      <c r="C9100" s="14" t="s">
        <v>47</v>
      </c>
      <c r="D9100" s="14" t="s">
        <v>78</v>
      </c>
      <c r="E9100" s="15">
        <v>45716</v>
      </c>
      <c r="F9100" s="14" t="s">
        <v>25</v>
      </c>
      <c r="G9100" s="16">
        <v>0</v>
      </c>
    </row>
    <row r="9101" spans="1:7" x14ac:dyDescent="0.3">
      <c r="A9101" s="13" t="s">
        <v>77</v>
      </c>
      <c r="B9101" s="14" t="s">
        <v>1</v>
      </c>
      <c r="C9101" s="14" t="s">
        <v>47</v>
      </c>
      <c r="D9101" s="14" t="s">
        <v>78</v>
      </c>
      <c r="E9101" s="15">
        <v>45717</v>
      </c>
      <c r="F9101" s="14" t="s">
        <v>25</v>
      </c>
      <c r="G9101" s="16">
        <v>0</v>
      </c>
    </row>
    <row r="9102" spans="1:7" x14ac:dyDescent="0.3">
      <c r="A9102" s="13" t="s">
        <v>77</v>
      </c>
      <c r="B9102" s="14" t="s">
        <v>1</v>
      </c>
      <c r="C9102" s="14" t="s">
        <v>47</v>
      </c>
      <c r="D9102" s="14" t="s">
        <v>78</v>
      </c>
      <c r="E9102" s="15">
        <v>45718</v>
      </c>
      <c r="F9102" s="14" t="s">
        <v>25</v>
      </c>
      <c r="G9102" s="16">
        <v>0</v>
      </c>
    </row>
    <row r="9103" spans="1:7" x14ac:dyDescent="0.3">
      <c r="A9103" s="13" t="s">
        <v>77</v>
      </c>
      <c r="B9103" s="14" t="s">
        <v>1</v>
      </c>
      <c r="C9103" s="14" t="s">
        <v>47</v>
      </c>
      <c r="D9103" s="14" t="s">
        <v>78</v>
      </c>
      <c r="E9103" s="15">
        <v>45719</v>
      </c>
      <c r="F9103" s="14" t="s">
        <v>25</v>
      </c>
      <c r="G9103" s="16">
        <v>0</v>
      </c>
    </row>
    <row r="9104" spans="1:7" x14ac:dyDescent="0.3">
      <c r="A9104" s="13" t="s">
        <v>77</v>
      </c>
      <c r="B9104" s="14" t="s">
        <v>1</v>
      </c>
      <c r="C9104" s="14" t="s">
        <v>47</v>
      </c>
      <c r="D9104" s="14" t="s">
        <v>78</v>
      </c>
      <c r="E9104" s="15">
        <v>45720</v>
      </c>
      <c r="F9104" s="14" t="s">
        <v>25</v>
      </c>
      <c r="G9104" s="16">
        <v>0</v>
      </c>
    </row>
    <row r="9105" spans="1:7" x14ac:dyDescent="0.3">
      <c r="A9105" s="13" t="s">
        <v>77</v>
      </c>
      <c r="B9105" s="14" t="s">
        <v>1</v>
      </c>
      <c r="C9105" s="14" t="s">
        <v>47</v>
      </c>
      <c r="D9105" s="14" t="s">
        <v>78</v>
      </c>
      <c r="E9105" s="15">
        <v>45721</v>
      </c>
      <c r="F9105" s="14" t="s">
        <v>25</v>
      </c>
      <c r="G9105" s="16">
        <v>0</v>
      </c>
    </row>
    <row r="9106" spans="1:7" x14ac:dyDescent="0.3">
      <c r="A9106" s="13" t="s">
        <v>77</v>
      </c>
      <c r="B9106" s="14" t="s">
        <v>1</v>
      </c>
      <c r="C9106" s="14" t="s">
        <v>47</v>
      </c>
      <c r="D9106" s="14" t="s">
        <v>78</v>
      </c>
      <c r="E9106" s="15">
        <v>45722</v>
      </c>
      <c r="F9106" s="14" t="s">
        <v>25</v>
      </c>
      <c r="G9106" s="16">
        <v>0</v>
      </c>
    </row>
    <row r="9107" spans="1:7" x14ac:dyDescent="0.3">
      <c r="A9107" s="13" t="s">
        <v>77</v>
      </c>
      <c r="B9107" s="14" t="s">
        <v>1</v>
      </c>
      <c r="C9107" s="14" t="s">
        <v>47</v>
      </c>
      <c r="D9107" s="14" t="s">
        <v>78</v>
      </c>
      <c r="E9107" s="15">
        <v>45723</v>
      </c>
      <c r="F9107" s="14" t="s">
        <v>25</v>
      </c>
      <c r="G9107" s="16">
        <v>0</v>
      </c>
    </row>
    <row r="9108" spans="1:7" x14ac:dyDescent="0.3">
      <c r="A9108" s="13" t="s">
        <v>77</v>
      </c>
      <c r="B9108" s="14" t="s">
        <v>1</v>
      </c>
      <c r="C9108" s="14" t="s">
        <v>47</v>
      </c>
      <c r="D9108" s="14" t="s">
        <v>78</v>
      </c>
      <c r="E9108" s="15">
        <v>45724</v>
      </c>
      <c r="F9108" s="14" t="s">
        <v>25</v>
      </c>
      <c r="G9108" s="16">
        <v>0</v>
      </c>
    </row>
    <row r="9109" spans="1:7" x14ac:dyDescent="0.3">
      <c r="A9109" s="13" t="s">
        <v>77</v>
      </c>
      <c r="B9109" s="14" t="s">
        <v>1</v>
      </c>
      <c r="C9109" s="14" t="s">
        <v>47</v>
      </c>
      <c r="D9109" s="14" t="s">
        <v>78</v>
      </c>
      <c r="E9109" s="15">
        <v>45725</v>
      </c>
      <c r="F9109" s="14" t="s">
        <v>25</v>
      </c>
      <c r="G9109" s="16">
        <v>0</v>
      </c>
    </row>
    <row r="9110" spans="1:7" x14ac:dyDescent="0.3">
      <c r="A9110" s="13" t="s">
        <v>77</v>
      </c>
      <c r="B9110" s="14" t="s">
        <v>1</v>
      </c>
      <c r="C9110" s="14" t="s">
        <v>47</v>
      </c>
      <c r="D9110" s="14" t="s">
        <v>78</v>
      </c>
      <c r="E9110" s="15">
        <v>45726</v>
      </c>
      <c r="F9110" s="14" t="s">
        <v>25</v>
      </c>
      <c r="G9110" s="16">
        <v>0</v>
      </c>
    </row>
    <row r="9111" spans="1:7" x14ac:dyDescent="0.3">
      <c r="A9111" s="13" t="s">
        <v>77</v>
      </c>
      <c r="B9111" s="14" t="s">
        <v>1</v>
      </c>
      <c r="C9111" s="14" t="s">
        <v>47</v>
      </c>
      <c r="D9111" s="14" t="s">
        <v>78</v>
      </c>
      <c r="E9111" s="15">
        <v>45727</v>
      </c>
      <c r="F9111" s="14" t="s">
        <v>25</v>
      </c>
      <c r="G9111" s="16">
        <v>0</v>
      </c>
    </row>
    <row r="9112" spans="1:7" x14ac:dyDescent="0.3">
      <c r="A9112" s="13" t="s">
        <v>77</v>
      </c>
      <c r="B9112" s="14" t="s">
        <v>1</v>
      </c>
      <c r="C9112" s="14" t="s">
        <v>47</v>
      </c>
      <c r="D9112" s="14" t="s">
        <v>78</v>
      </c>
      <c r="E9112" s="15">
        <v>45728</v>
      </c>
      <c r="F9112" s="14" t="s">
        <v>25</v>
      </c>
      <c r="G9112" s="16">
        <v>0</v>
      </c>
    </row>
    <row r="9113" spans="1:7" x14ac:dyDescent="0.3">
      <c r="A9113" s="13" t="s">
        <v>77</v>
      </c>
      <c r="B9113" s="14" t="s">
        <v>1</v>
      </c>
      <c r="C9113" s="14" t="s">
        <v>47</v>
      </c>
      <c r="D9113" s="14" t="s">
        <v>78</v>
      </c>
      <c r="E9113" s="15">
        <v>45729</v>
      </c>
      <c r="F9113" s="14" t="s">
        <v>25</v>
      </c>
      <c r="G9113" s="16">
        <v>0</v>
      </c>
    </row>
    <row r="9114" spans="1:7" x14ac:dyDescent="0.3">
      <c r="A9114" s="13" t="s">
        <v>77</v>
      </c>
      <c r="B9114" s="14" t="s">
        <v>1</v>
      </c>
      <c r="C9114" s="14" t="s">
        <v>47</v>
      </c>
      <c r="D9114" s="14" t="s">
        <v>78</v>
      </c>
      <c r="E9114" s="15">
        <v>45730</v>
      </c>
      <c r="F9114" s="14" t="s">
        <v>25</v>
      </c>
      <c r="G9114" s="16">
        <v>0</v>
      </c>
    </row>
    <row r="9115" spans="1:7" x14ac:dyDescent="0.3">
      <c r="A9115" s="13" t="s">
        <v>77</v>
      </c>
      <c r="B9115" s="14" t="s">
        <v>1</v>
      </c>
      <c r="C9115" s="14" t="s">
        <v>47</v>
      </c>
      <c r="D9115" s="14" t="s">
        <v>78</v>
      </c>
      <c r="E9115" s="15">
        <v>45731</v>
      </c>
      <c r="F9115" s="14" t="s">
        <v>25</v>
      </c>
      <c r="G9115" s="16">
        <v>0</v>
      </c>
    </row>
    <row r="9116" spans="1:7" x14ac:dyDescent="0.3">
      <c r="A9116" s="13" t="s">
        <v>77</v>
      </c>
      <c r="B9116" s="14" t="s">
        <v>1</v>
      </c>
      <c r="C9116" s="14" t="s">
        <v>47</v>
      </c>
      <c r="D9116" s="14" t="s">
        <v>78</v>
      </c>
      <c r="E9116" s="15">
        <v>45732</v>
      </c>
      <c r="F9116" s="14" t="s">
        <v>25</v>
      </c>
      <c r="G9116" s="16">
        <v>0</v>
      </c>
    </row>
    <row r="9117" spans="1:7" x14ac:dyDescent="0.3">
      <c r="A9117" s="13" t="s">
        <v>77</v>
      </c>
      <c r="B9117" s="14" t="s">
        <v>1</v>
      </c>
      <c r="C9117" s="14" t="s">
        <v>47</v>
      </c>
      <c r="D9117" s="14" t="s">
        <v>78</v>
      </c>
      <c r="E9117" s="15">
        <v>45733</v>
      </c>
      <c r="F9117" s="14" t="s">
        <v>25</v>
      </c>
      <c r="G9117" s="16">
        <v>0</v>
      </c>
    </row>
    <row r="9118" spans="1:7" x14ac:dyDescent="0.3">
      <c r="A9118" s="13" t="s">
        <v>77</v>
      </c>
      <c r="B9118" s="14" t="s">
        <v>1</v>
      </c>
      <c r="C9118" s="14" t="s">
        <v>47</v>
      </c>
      <c r="D9118" s="14" t="s">
        <v>78</v>
      </c>
      <c r="E9118" s="15">
        <v>45734</v>
      </c>
      <c r="F9118" s="14" t="s">
        <v>25</v>
      </c>
      <c r="G9118" s="16">
        <v>0</v>
      </c>
    </row>
    <row r="9119" spans="1:7" x14ac:dyDescent="0.3">
      <c r="A9119" s="13" t="s">
        <v>77</v>
      </c>
      <c r="B9119" s="14" t="s">
        <v>1</v>
      </c>
      <c r="C9119" s="14" t="s">
        <v>47</v>
      </c>
      <c r="D9119" s="14" t="s">
        <v>78</v>
      </c>
      <c r="E9119" s="15">
        <v>45735</v>
      </c>
      <c r="F9119" s="14" t="s">
        <v>25</v>
      </c>
      <c r="G9119" s="16">
        <v>0</v>
      </c>
    </row>
    <row r="9120" spans="1:7" x14ac:dyDescent="0.3">
      <c r="A9120" s="13" t="s">
        <v>77</v>
      </c>
      <c r="B9120" s="14" t="s">
        <v>1</v>
      </c>
      <c r="C9120" s="14" t="s">
        <v>47</v>
      </c>
      <c r="D9120" s="14" t="s">
        <v>78</v>
      </c>
      <c r="E9120" s="15">
        <v>45736</v>
      </c>
      <c r="F9120" s="14" t="s">
        <v>25</v>
      </c>
      <c r="G9120" s="16">
        <v>0</v>
      </c>
    </row>
    <row r="9121" spans="1:7" x14ac:dyDescent="0.3">
      <c r="A9121" s="13" t="s">
        <v>77</v>
      </c>
      <c r="B9121" s="14" t="s">
        <v>1</v>
      </c>
      <c r="C9121" s="14" t="s">
        <v>47</v>
      </c>
      <c r="D9121" s="14" t="s">
        <v>78</v>
      </c>
      <c r="E9121" s="15">
        <v>45737</v>
      </c>
      <c r="F9121" s="14" t="s">
        <v>25</v>
      </c>
      <c r="G9121" s="16">
        <v>0</v>
      </c>
    </row>
    <row r="9122" spans="1:7" x14ac:dyDescent="0.3">
      <c r="A9122" s="13" t="s">
        <v>77</v>
      </c>
      <c r="B9122" s="14" t="s">
        <v>1</v>
      </c>
      <c r="C9122" s="14" t="s">
        <v>47</v>
      </c>
      <c r="D9122" s="14" t="s">
        <v>78</v>
      </c>
      <c r="E9122" s="15">
        <v>45738</v>
      </c>
      <c r="F9122" s="14" t="s">
        <v>25</v>
      </c>
      <c r="G9122" s="16">
        <v>0</v>
      </c>
    </row>
    <row r="9123" spans="1:7" x14ac:dyDescent="0.3">
      <c r="A9123" s="13" t="s">
        <v>77</v>
      </c>
      <c r="B9123" s="14" t="s">
        <v>1</v>
      </c>
      <c r="C9123" s="14" t="s">
        <v>47</v>
      </c>
      <c r="D9123" s="14" t="s">
        <v>78</v>
      </c>
      <c r="E9123" s="15">
        <v>45739</v>
      </c>
      <c r="F9123" s="14" t="s">
        <v>25</v>
      </c>
      <c r="G9123" s="16">
        <v>0</v>
      </c>
    </row>
    <row r="9124" spans="1:7" x14ac:dyDescent="0.3">
      <c r="A9124" s="13" t="s">
        <v>77</v>
      </c>
      <c r="B9124" s="14" t="s">
        <v>1</v>
      </c>
      <c r="C9124" s="14" t="s">
        <v>47</v>
      </c>
      <c r="D9124" s="14" t="s">
        <v>78</v>
      </c>
      <c r="E9124" s="15">
        <v>45740</v>
      </c>
      <c r="F9124" s="14" t="s">
        <v>25</v>
      </c>
      <c r="G9124" s="16">
        <v>0</v>
      </c>
    </row>
    <row r="9125" spans="1:7" x14ac:dyDescent="0.3">
      <c r="A9125" s="13" t="s">
        <v>77</v>
      </c>
      <c r="B9125" s="14" t="s">
        <v>1</v>
      </c>
      <c r="C9125" s="14" t="s">
        <v>47</v>
      </c>
      <c r="D9125" s="14" t="s">
        <v>78</v>
      </c>
      <c r="E9125" s="15">
        <v>45741</v>
      </c>
      <c r="F9125" s="14" t="s">
        <v>25</v>
      </c>
      <c r="G9125" s="16">
        <v>0</v>
      </c>
    </row>
    <row r="9126" spans="1:7" x14ac:dyDescent="0.3">
      <c r="A9126" s="13" t="s">
        <v>77</v>
      </c>
      <c r="B9126" s="14" t="s">
        <v>1</v>
      </c>
      <c r="C9126" s="14" t="s">
        <v>47</v>
      </c>
      <c r="D9126" s="14" t="s">
        <v>78</v>
      </c>
      <c r="E9126" s="15">
        <v>45742</v>
      </c>
      <c r="F9126" s="14" t="s">
        <v>25</v>
      </c>
      <c r="G9126" s="16">
        <v>0</v>
      </c>
    </row>
    <row r="9127" spans="1:7" x14ac:dyDescent="0.3">
      <c r="A9127" s="13" t="s">
        <v>77</v>
      </c>
      <c r="B9127" s="14" t="s">
        <v>1</v>
      </c>
      <c r="C9127" s="14" t="s">
        <v>47</v>
      </c>
      <c r="D9127" s="14" t="s">
        <v>78</v>
      </c>
      <c r="E9127" s="15">
        <v>45743</v>
      </c>
      <c r="F9127" s="14" t="s">
        <v>25</v>
      </c>
      <c r="G9127" s="16">
        <v>0</v>
      </c>
    </row>
    <row r="9128" spans="1:7" x14ac:dyDescent="0.3">
      <c r="A9128" s="13" t="s">
        <v>77</v>
      </c>
      <c r="B9128" s="14" t="s">
        <v>1</v>
      </c>
      <c r="C9128" s="14" t="s">
        <v>47</v>
      </c>
      <c r="D9128" s="14" t="s">
        <v>78</v>
      </c>
      <c r="E9128" s="15">
        <v>45744</v>
      </c>
      <c r="F9128" s="14" t="s">
        <v>25</v>
      </c>
      <c r="G9128" s="16">
        <v>0</v>
      </c>
    </row>
    <row r="9129" spans="1:7" x14ac:dyDescent="0.3">
      <c r="A9129" s="13" t="s">
        <v>77</v>
      </c>
      <c r="B9129" s="14" t="s">
        <v>1</v>
      </c>
      <c r="C9129" s="14" t="s">
        <v>47</v>
      </c>
      <c r="D9129" s="14" t="s">
        <v>78</v>
      </c>
      <c r="E9129" s="15">
        <v>45745</v>
      </c>
      <c r="F9129" s="14" t="s">
        <v>25</v>
      </c>
      <c r="G9129" s="16">
        <v>0</v>
      </c>
    </row>
    <row r="9130" spans="1:7" x14ac:dyDescent="0.3">
      <c r="A9130" s="13" t="s">
        <v>77</v>
      </c>
      <c r="B9130" s="14" t="s">
        <v>1</v>
      </c>
      <c r="C9130" s="14" t="s">
        <v>47</v>
      </c>
      <c r="D9130" s="14" t="s">
        <v>78</v>
      </c>
      <c r="E9130" s="15">
        <v>45746</v>
      </c>
      <c r="F9130" s="14" t="s">
        <v>25</v>
      </c>
      <c r="G9130" s="16">
        <v>0</v>
      </c>
    </row>
    <row r="9131" spans="1:7" x14ac:dyDescent="0.3">
      <c r="A9131" s="13" t="s">
        <v>77</v>
      </c>
      <c r="B9131" s="14" t="s">
        <v>1</v>
      </c>
      <c r="C9131" s="14" t="s">
        <v>47</v>
      </c>
      <c r="D9131" s="14" t="s">
        <v>78</v>
      </c>
      <c r="E9131" s="15">
        <v>45747</v>
      </c>
      <c r="F9131" s="14" t="s">
        <v>25</v>
      </c>
      <c r="G9131" s="16">
        <v>0</v>
      </c>
    </row>
    <row r="9132" spans="1:7" x14ac:dyDescent="0.3">
      <c r="A9132" s="13" t="s">
        <v>79</v>
      </c>
      <c r="B9132" s="14" t="s">
        <v>1</v>
      </c>
      <c r="C9132" s="14" t="s">
        <v>51</v>
      </c>
      <c r="D9132" s="14" t="s">
        <v>31</v>
      </c>
      <c r="E9132" s="15">
        <v>45383</v>
      </c>
      <c r="F9132" s="14" t="s">
        <v>15</v>
      </c>
      <c r="G9132" s="16">
        <v>0</v>
      </c>
    </row>
    <row r="9133" spans="1:7" x14ac:dyDescent="0.3">
      <c r="A9133" s="13" t="s">
        <v>79</v>
      </c>
      <c r="B9133" s="14" t="s">
        <v>1</v>
      </c>
      <c r="C9133" s="14" t="s">
        <v>51</v>
      </c>
      <c r="D9133" s="14" t="s">
        <v>31</v>
      </c>
      <c r="E9133" s="15">
        <v>45384</v>
      </c>
      <c r="F9133" s="14" t="s">
        <v>15</v>
      </c>
      <c r="G9133" s="16">
        <v>0</v>
      </c>
    </row>
    <row r="9134" spans="1:7" x14ac:dyDescent="0.3">
      <c r="A9134" s="13" t="s">
        <v>79</v>
      </c>
      <c r="B9134" s="14" t="s">
        <v>1</v>
      </c>
      <c r="C9134" s="14" t="s">
        <v>51</v>
      </c>
      <c r="D9134" s="14" t="s">
        <v>31</v>
      </c>
      <c r="E9134" s="15">
        <v>45385</v>
      </c>
      <c r="F9134" s="14" t="s">
        <v>15</v>
      </c>
      <c r="G9134" s="16">
        <v>0</v>
      </c>
    </row>
    <row r="9135" spans="1:7" x14ac:dyDescent="0.3">
      <c r="A9135" s="13" t="s">
        <v>79</v>
      </c>
      <c r="B9135" s="14" t="s">
        <v>1</v>
      </c>
      <c r="C9135" s="14" t="s">
        <v>51</v>
      </c>
      <c r="D9135" s="14" t="s">
        <v>31</v>
      </c>
      <c r="E9135" s="15">
        <v>45386</v>
      </c>
      <c r="F9135" s="14" t="s">
        <v>15</v>
      </c>
      <c r="G9135" s="16">
        <v>0</v>
      </c>
    </row>
    <row r="9136" spans="1:7" x14ac:dyDescent="0.3">
      <c r="A9136" s="13" t="s">
        <v>79</v>
      </c>
      <c r="B9136" s="14" t="s">
        <v>1</v>
      </c>
      <c r="C9136" s="14" t="s">
        <v>51</v>
      </c>
      <c r="D9136" s="14" t="s">
        <v>31</v>
      </c>
      <c r="E9136" s="15">
        <v>45387</v>
      </c>
      <c r="F9136" s="14" t="s">
        <v>15</v>
      </c>
      <c r="G9136" s="16">
        <v>0</v>
      </c>
    </row>
    <row r="9137" spans="1:7" x14ac:dyDescent="0.3">
      <c r="A9137" s="13" t="s">
        <v>79</v>
      </c>
      <c r="B9137" s="14" t="s">
        <v>1</v>
      </c>
      <c r="C9137" s="14" t="s">
        <v>51</v>
      </c>
      <c r="D9137" s="14" t="s">
        <v>31</v>
      </c>
      <c r="E9137" s="15">
        <v>45388</v>
      </c>
      <c r="F9137" s="14" t="s">
        <v>15</v>
      </c>
      <c r="G9137" s="16">
        <v>0</v>
      </c>
    </row>
    <row r="9138" spans="1:7" x14ac:dyDescent="0.3">
      <c r="A9138" s="13" t="s">
        <v>79</v>
      </c>
      <c r="B9138" s="14" t="s">
        <v>1</v>
      </c>
      <c r="C9138" s="14" t="s">
        <v>51</v>
      </c>
      <c r="D9138" s="14" t="s">
        <v>31</v>
      </c>
      <c r="E9138" s="15">
        <v>45389</v>
      </c>
      <c r="F9138" s="14" t="s">
        <v>15</v>
      </c>
      <c r="G9138" s="16">
        <v>0</v>
      </c>
    </row>
    <row r="9139" spans="1:7" x14ac:dyDescent="0.3">
      <c r="A9139" s="13" t="s">
        <v>79</v>
      </c>
      <c r="B9139" s="14" t="s">
        <v>1</v>
      </c>
      <c r="C9139" s="14" t="s">
        <v>51</v>
      </c>
      <c r="D9139" s="14" t="s">
        <v>31</v>
      </c>
      <c r="E9139" s="15">
        <v>45390</v>
      </c>
      <c r="F9139" s="14" t="s">
        <v>15</v>
      </c>
      <c r="G9139" s="16">
        <v>0</v>
      </c>
    </row>
    <row r="9140" spans="1:7" x14ac:dyDescent="0.3">
      <c r="A9140" s="13" t="s">
        <v>79</v>
      </c>
      <c r="B9140" s="14" t="s">
        <v>1</v>
      </c>
      <c r="C9140" s="14" t="s">
        <v>51</v>
      </c>
      <c r="D9140" s="14" t="s">
        <v>31</v>
      </c>
      <c r="E9140" s="15">
        <v>45391</v>
      </c>
      <c r="F9140" s="14" t="s">
        <v>15</v>
      </c>
      <c r="G9140" s="16">
        <v>0</v>
      </c>
    </row>
    <row r="9141" spans="1:7" x14ac:dyDescent="0.3">
      <c r="A9141" s="13" t="s">
        <v>79</v>
      </c>
      <c r="B9141" s="14" t="s">
        <v>1</v>
      </c>
      <c r="C9141" s="14" t="s">
        <v>51</v>
      </c>
      <c r="D9141" s="14" t="s">
        <v>31</v>
      </c>
      <c r="E9141" s="15">
        <v>45392</v>
      </c>
      <c r="F9141" s="14" t="s">
        <v>15</v>
      </c>
      <c r="G9141" s="16">
        <v>0</v>
      </c>
    </row>
    <row r="9142" spans="1:7" x14ac:dyDescent="0.3">
      <c r="A9142" s="13" t="s">
        <v>79</v>
      </c>
      <c r="B9142" s="14" t="s">
        <v>1</v>
      </c>
      <c r="C9142" s="14" t="s">
        <v>51</v>
      </c>
      <c r="D9142" s="14" t="s">
        <v>31</v>
      </c>
      <c r="E9142" s="15">
        <v>45393</v>
      </c>
      <c r="F9142" s="14" t="s">
        <v>15</v>
      </c>
      <c r="G9142" s="16">
        <v>0</v>
      </c>
    </row>
    <row r="9143" spans="1:7" x14ac:dyDescent="0.3">
      <c r="A9143" s="13" t="s">
        <v>79</v>
      </c>
      <c r="B9143" s="14" t="s">
        <v>1</v>
      </c>
      <c r="C9143" s="14" t="s">
        <v>51</v>
      </c>
      <c r="D9143" s="14" t="s">
        <v>31</v>
      </c>
      <c r="E9143" s="15">
        <v>45394</v>
      </c>
      <c r="F9143" s="14" t="s">
        <v>15</v>
      </c>
      <c r="G9143" s="16">
        <v>0</v>
      </c>
    </row>
    <row r="9144" spans="1:7" x14ac:dyDescent="0.3">
      <c r="A9144" s="13" t="s">
        <v>79</v>
      </c>
      <c r="B9144" s="14" t="s">
        <v>1</v>
      </c>
      <c r="C9144" s="14" t="s">
        <v>51</v>
      </c>
      <c r="D9144" s="14" t="s">
        <v>31</v>
      </c>
      <c r="E9144" s="15">
        <v>45395</v>
      </c>
      <c r="F9144" s="14" t="s">
        <v>15</v>
      </c>
      <c r="G9144" s="16">
        <v>0</v>
      </c>
    </row>
    <row r="9145" spans="1:7" x14ac:dyDescent="0.3">
      <c r="A9145" s="13" t="s">
        <v>79</v>
      </c>
      <c r="B9145" s="14" t="s">
        <v>1</v>
      </c>
      <c r="C9145" s="14" t="s">
        <v>51</v>
      </c>
      <c r="D9145" s="14" t="s">
        <v>31</v>
      </c>
      <c r="E9145" s="15">
        <v>45396</v>
      </c>
      <c r="F9145" s="14" t="s">
        <v>15</v>
      </c>
      <c r="G9145" s="16">
        <v>0</v>
      </c>
    </row>
    <row r="9146" spans="1:7" x14ac:dyDescent="0.3">
      <c r="A9146" s="13" t="s">
        <v>79</v>
      </c>
      <c r="B9146" s="14" t="s">
        <v>1</v>
      </c>
      <c r="C9146" s="14" t="s">
        <v>51</v>
      </c>
      <c r="D9146" s="14" t="s">
        <v>31</v>
      </c>
      <c r="E9146" s="15">
        <v>45397</v>
      </c>
      <c r="F9146" s="14" t="s">
        <v>15</v>
      </c>
      <c r="G9146" s="16">
        <v>0</v>
      </c>
    </row>
    <row r="9147" spans="1:7" x14ac:dyDescent="0.3">
      <c r="A9147" s="13" t="s">
        <v>79</v>
      </c>
      <c r="B9147" s="14" t="s">
        <v>1</v>
      </c>
      <c r="C9147" s="14" t="s">
        <v>51</v>
      </c>
      <c r="D9147" s="14" t="s">
        <v>31</v>
      </c>
      <c r="E9147" s="15">
        <v>45398</v>
      </c>
      <c r="F9147" s="14" t="s">
        <v>15</v>
      </c>
      <c r="G9147" s="16">
        <v>0</v>
      </c>
    </row>
    <row r="9148" spans="1:7" x14ac:dyDescent="0.3">
      <c r="A9148" s="13" t="s">
        <v>79</v>
      </c>
      <c r="B9148" s="14" t="s">
        <v>1</v>
      </c>
      <c r="C9148" s="14" t="s">
        <v>51</v>
      </c>
      <c r="D9148" s="14" t="s">
        <v>31</v>
      </c>
      <c r="E9148" s="15">
        <v>45399</v>
      </c>
      <c r="F9148" s="14" t="s">
        <v>15</v>
      </c>
      <c r="G9148" s="16">
        <v>0</v>
      </c>
    </row>
    <row r="9149" spans="1:7" x14ac:dyDescent="0.3">
      <c r="A9149" s="13" t="s">
        <v>79</v>
      </c>
      <c r="B9149" s="14" t="s">
        <v>1</v>
      </c>
      <c r="C9149" s="14" t="s">
        <v>51</v>
      </c>
      <c r="D9149" s="14" t="s">
        <v>31</v>
      </c>
      <c r="E9149" s="15">
        <v>45400</v>
      </c>
      <c r="F9149" s="14" t="s">
        <v>15</v>
      </c>
      <c r="G9149" s="16">
        <v>0</v>
      </c>
    </row>
    <row r="9150" spans="1:7" x14ac:dyDescent="0.3">
      <c r="A9150" s="13" t="s">
        <v>79</v>
      </c>
      <c r="B9150" s="14" t="s">
        <v>1</v>
      </c>
      <c r="C9150" s="14" t="s">
        <v>51</v>
      </c>
      <c r="D9150" s="14" t="s">
        <v>31</v>
      </c>
      <c r="E9150" s="15">
        <v>45401</v>
      </c>
      <c r="F9150" s="14" t="s">
        <v>15</v>
      </c>
      <c r="G9150" s="16">
        <v>0</v>
      </c>
    </row>
    <row r="9151" spans="1:7" x14ac:dyDescent="0.3">
      <c r="A9151" s="13" t="s">
        <v>79</v>
      </c>
      <c r="B9151" s="14" t="s">
        <v>1</v>
      </c>
      <c r="C9151" s="14" t="s">
        <v>51</v>
      </c>
      <c r="D9151" s="14" t="s">
        <v>31</v>
      </c>
      <c r="E9151" s="15">
        <v>45402</v>
      </c>
      <c r="F9151" s="14" t="s">
        <v>15</v>
      </c>
      <c r="G9151" s="16">
        <v>0</v>
      </c>
    </row>
    <row r="9152" spans="1:7" x14ac:dyDescent="0.3">
      <c r="A9152" s="13" t="s">
        <v>79</v>
      </c>
      <c r="B9152" s="14" t="s">
        <v>1</v>
      </c>
      <c r="C9152" s="14" t="s">
        <v>51</v>
      </c>
      <c r="D9152" s="14" t="s">
        <v>31</v>
      </c>
      <c r="E9152" s="15">
        <v>45403</v>
      </c>
      <c r="F9152" s="14" t="s">
        <v>15</v>
      </c>
      <c r="G9152" s="16">
        <v>0</v>
      </c>
    </row>
    <row r="9153" spans="1:7" x14ac:dyDescent="0.3">
      <c r="A9153" s="13" t="s">
        <v>79</v>
      </c>
      <c r="B9153" s="14" t="s">
        <v>1</v>
      </c>
      <c r="C9153" s="14" t="s">
        <v>51</v>
      </c>
      <c r="D9153" s="14" t="s">
        <v>31</v>
      </c>
      <c r="E9153" s="15">
        <v>45404</v>
      </c>
      <c r="F9153" s="14" t="s">
        <v>15</v>
      </c>
      <c r="G9153" s="16">
        <v>0</v>
      </c>
    </row>
    <row r="9154" spans="1:7" x14ac:dyDescent="0.3">
      <c r="A9154" s="13" t="s">
        <v>79</v>
      </c>
      <c r="B9154" s="14" t="s">
        <v>1</v>
      </c>
      <c r="C9154" s="14" t="s">
        <v>51</v>
      </c>
      <c r="D9154" s="14" t="s">
        <v>31</v>
      </c>
      <c r="E9154" s="15">
        <v>45405</v>
      </c>
      <c r="F9154" s="14" t="s">
        <v>15</v>
      </c>
      <c r="G9154" s="16">
        <v>0</v>
      </c>
    </row>
    <row r="9155" spans="1:7" x14ac:dyDescent="0.3">
      <c r="A9155" s="13" t="s">
        <v>79</v>
      </c>
      <c r="B9155" s="14" t="s">
        <v>1</v>
      </c>
      <c r="C9155" s="14" t="s">
        <v>51</v>
      </c>
      <c r="D9155" s="14" t="s">
        <v>31</v>
      </c>
      <c r="E9155" s="15">
        <v>45406</v>
      </c>
      <c r="F9155" s="14" t="s">
        <v>15</v>
      </c>
      <c r="G9155" s="16">
        <v>0</v>
      </c>
    </row>
    <row r="9156" spans="1:7" x14ac:dyDescent="0.3">
      <c r="A9156" s="13" t="s">
        <v>79</v>
      </c>
      <c r="B9156" s="14" t="s">
        <v>1</v>
      </c>
      <c r="C9156" s="14" t="s">
        <v>51</v>
      </c>
      <c r="D9156" s="14" t="s">
        <v>31</v>
      </c>
      <c r="E9156" s="15">
        <v>45407</v>
      </c>
      <c r="F9156" s="14" t="s">
        <v>15</v>
      </c>
      <c r="G9156" s="16">
        <v>0</v>
      </c>
    </row>
    <row r="9157" spans="1:7" x14ac:dyDescent="0.3">
      <c r="A9157" s="13" t="s">
        <v>79</v>
      </c>
      <c r="B9157" s="14" t="s">
        <v>1</v>
      </c>
      <c r="C9157" s="14" t="s">
        <v>51</v>
      </c>
      <c r="D9157" s="14" t="s">
        <v>31</v>
      </c>
      <c r="E9157" s="15">
        <v>45408</v>
      </c>
      <c r="F9157" s="14" t="s">
        <v>15</v>
      </c>
      <c r="G9157" s="16">
        <v>0</v>
      </c>
    </row>
    <row r="9158" spans="1:7" x14ac:dyDescent="0.3">
      <c r="A9158" s="13" t="s">
        <v>79</v>
      </c>
      <c r="B9158" s="14" t="s">
        <v>1</v>
      </c>
      <c r="C9158" s="14" t="s">
        <v>51</v>
      </c>
      <c r="D9158" s="14" t="s">
        <v>31</v>
      </c>
      <c r="E9158" s="15">
        <v>45409</v>
      </c>
      <c r="F9158" s="14" t="s">
        <v>15</v>
      </c>
      <c r="G9158" s="16">
        <v>0</v>
      </c>
    </row>
    <row r="9159" spans="1:7" x14ac:dyDescent="0.3">
      <c r="A9159" s="13" t="s">
        <v>79</v>
      </c>
      <c r="B9159" s="14" t="s">
        <v>1</v>
      </c>
      <c r="C9159" s="14" t="s">
        <v>51</v>
      </c>
      <c r="D9159" s="14" t="s">
        <v>31</v>
      </c>
      <c r="E9159" s="15">
        <v>45410</v>
      </c>
      <c r="F9159" s="14" t="s">
        <v>15</v>
      </c>
      <c r="G9159" s="16">
        <v>0</v>
      </c>
    </row>
    <row r="9160" spans="1:7" x14ac:dyDescent="0.3">
      <c r="A9160" s="13" t="s">
        <v>79</v>
      </c>
      <c r="B9160" s="14" t="s">
        <v>1</v>
      </c>
      <c r="C9160" s="14" t="s">
        <v>51</v>
      </c>
      <c r="D9160" s="14" t="s">
        <v>31</v>
      </c>
      <c r="E9160" s="15">
        <v>45411</v>
      </c>
      <c r="F9160" s="14" t="s">
        <v>15</v>
      </c>
      <c r="G9160" s="16">
        <v>0</v>
      </c>
    </row>
    <row r="9161" spans="1:7" x14ac:dyDescent="0.3">
      <c r="A9161" s="13" t="s">
        <v>79</v>
      </c>
      <c r="B9161" s="14" t="s">
        <v>1</v>
      </c>
      <c r="C9161" s="14" t="s">
        <v>51</v>
      </c>
      <c r="D9161" s="14" t="s">
        <v>31</v>
      </c>
      <c r="E9161" s="15">
        <v>45412</v>
      </c>
      <c r="F9161" s="14" t="s">
        <v>15</v>
      </c>
      <c r="G9161" s="16">
        <v>0</v>
      </c>
    </row>
    <row r="9162" spans="1:7" x14ac:dyDescent="0.3">
      <c r="A9162" s="13" t="s">
        <v>79</v>
      </c>
      <c r="B9162" s="14" t="s">
        <v>1</v>
      </c>
      <c r="C9162" s="14" t="s">
        <v>51</v>
      </c>
      <c r="D9162" s="14" t="s">
        <v>31</v>
      </c>
      <c r="E9162" s="15">
        <v>45413</v>
      </c>
      <c r="F9162" s="14" t="s">
        <v>15</v>
      </c>
      <c r="G9162" s="16">
        <v>0</v>
      </c>
    </row>
    <row r="9163" spans="1:7" x14ac:dyDescent="0.3">
      <c r="A9163" s="13" t="s">
        <v>79</v>
      </c>
      <c r="B9163" s="14" t="s">
        <v>1</v>
      </c>
      <c r="C9163" s="14" t="s">
        <v>51</v>
      </c>
      <c r="D9163" s="14" t="s">
        <v>31</v>
      </c>
      <c r="E9163" s="15">
        <v>45414</v>
      </c>
      <c r="F9163" s="14" t="s">
        <v>15</v>
      </c>
      <c r="G9163" s="16">
        <v>0</v>
      </c>
    </row>
    <row r="9164" spans="1:7" x14ac:dyDescent="0.3">
      <c r="A9164" s="13" t="s">
        <v>79</v>
      </c>
      <c r="B9164" s="14" t="s">
        <v>1</v>
      </c>
      <c r="C9164" s="14" t="s">
        <v>51</v>
      </c>
      <c r="D9164" s="14" t="s">
        <v>31</v>
      </c>
      <c r="E9164" s="15">
        <v>45415</v>
      </c>
      <c r="F9164" s="14" t="s">
        <v>15</v>
      </c>
      <c r="G9164" s="16">
        <v>0</v>
      </c>
    </row>
    <row r="9165" spans="1:7" x14ac:dyDescent="0.3">
      <c r="A9165" s="13" t="s">
        <v>79</v>
      </c>
      <c r="B9165" s="14" t="s">
        <v>1</v>
      </c>
      <c r="C9165" s="14" t="s">
        <v>51</v>
      </c>
      <c r="D9165" s="14" t="s">
        <v>31</v>
      </c>
      <c r="E9165" s="15">
        <v>45416</v>
      </c>
      <c r="F9165" s="14" t="s">
        <v>15</v>
      </c>
      <c r="G9165" s="16">
        <v>0</v>
      </c>
    </row>
    <row r="9166" spans="1:7" x14ac:dyDescent="0.3">
      <c r="A9166" s="13" t="s">
        <v>79</v>
      </c>
      <c r="B9166" s="14" t="s">
        <v>1</v>
      </c>
      <c r="C9166" s="14" t="s">
        <v>51</v>
      </c>
      <c r="D9166" s="14" t="s">
        <v>31</v>
      </c>
      <c r="E9166" s="15">
        <v>45417</v>
      </c>
      <c r="F9166" s="14" t="s">
        <v>15</v>
      </c>
      <c r="G9166" s="16">
        <v>0</v>
      </c>
    </row>
    <row r="9167" spans="1:7" x14ac:dyDescent="0.3">
      <c r="A9167" s="13" t="s">
        <v>79</v>
      </c>
      <c r="B9167" s="14" t="s">
        <v>1</v>
      </c>
      <c r="C9167" s="14" t="s">
        <v>51</v>
      </c>
      <c r="D9167" s="14" t="s">
        <v>31</v>
      </c>
      <c r="E9167" s="15">
        <v>45418</v>
      </c>
      <c r="F9167" s="14" t="s">
        <v>15</v>
      </c>
      <c r="G9167" s="16">
        <v>0</v>
      </c>
    </row>
    <row r="9168" spans="1:7" x14ac:dyDescent="0.3">
      <c r="A9168" s="13" t="s">
        <v>79</v>
      </c>
      <c r="B9168" s="14" t="s">
        <v>1</v>
      </c>
      <c r="C9168" s="14" t="s">
        <v>51</v>
      </c>
      <c r="D9168" s="14" t="s">
        <v>31</v>
      </c>
      <c r="E9168" s="15">
        <v>45419</v>
      </c>
      <c r="F9168" s="14" t="s">
        <v>15</v>
      </c>
      <c r="G9168" s="16">
        <v>0</v>
      </c>
    </row>
    <row r="9169" spans="1:7" x14ac:dyDescent="0.3">
      <c r="A9169" s="13" t="s">
        <v>79</v>
      </c>
      <c r="B9169" s="14" t="s">
        <v>1</v>
      </c>
      <c r="C9169" s="14" t="s">
        <v>51</v>
      </c>
      <c r="D9169" s="14" t="s">
        <v>31</v>
      </c>
      <c r="E9169" s="15">
        <v>45420</v>
      </c>
      <c r="F9169" s="14" t="s">
        <v>15</v>
      </c>
      <c r="G9169" s="16">
        <v>0</v>
      </c>
    </row>
    <row r="9170" spans="1:7" x14ac:dyDescent="0.3">
      <c r="A9170" s="13" t="s">
        <v>79</v>
      </c>
      <c r="B9170" s="14" t="s">
        <v>1</v>
      </c>
      <c r="C9170" s="14" t="s">
        <v>51</v>
      </c>
      <c r="D9170" s="14" t="s">
        <v>31</v>
      </c>
      <c r="E9170" s="15">
        <v>45421</v>
      </c>
      <c r="F9170" s="14" t="s">
        <v>15</v>
      </c>
      <c r="G9170" s="16">
        <v>0</v>
      </c>
    </row>
    <row r="9171" spans="1:7" x14ac:dyDescent="0.3">
      <c r="A9171" s="13" t="s">
        <v>79</v>
      </c>
      <c r="B9171" s="14" t="s">
        <v>1</v>
      </c>
      <c r="C9171" s="14" t="s">
        <v>51</v>
      </c>
      <c r="D9171" s="14" t="s">
        <v>31</v>
      </c>
      <c r="E9171" s="15">
        <v>45422</v>
      </c>
      <c r="F9171" s="14" t="s">
        <v>15</v>
      </c>
      <c r="G9171" s="16">
        <v>0</v>
      </c>
    </row>
    <row r="9172" spans="1:7" x14ac:dyDescent="0.3">
      <c r="A9172" s="13" t="s">
        <v>79</v>
      </c>
      <c r="B9172" s="14" t="s">
        <v>1</v>
      </c>
      <c r="C9172" s="14" t="s">
        <v>51</v>
      </c>
      <c r="D9172" s="14" t="s">
        <v>31</v>
      </c>
      <c r="E9172" s="15">
        <v>45423</v>
      </c>
      <c r="F9172" s="14" t="s">
        <v>15</v>
      </c>
      <c r="G9172" s="16">
        <v>0</v>
      </c>
    </row>
    <row r="9173" spans="1:7" x14ac:dyDescent="0.3">
      <c r="A9173" s="13" t="s">
        <v>79</v>
      </c>
      <c r="B9173" s="14" t="s">
        <v>1</v>
      </c>
      <c r="C9173" s="14" t="s">
        <v>51</v>
      </c>
      <c r="D9173" s="14" t="s">
        <v>31</v>
      </c>
      <c r="E9173" s="15">
        <v>45424</v>
      </c>
      <c r="F9173" s="14" t="s">
        <v>15</v>
      </c>
      <c r="G9173" s="16">
        <v>0</v>
      </c>
    </row>
    <row r="9174" spans="1:7" x14ac:dyDescent="0.3">
      <c r="A9174" s="13" t="s">
        <v>79</v>
      </c>
      <c r="B9174" s="14" t="s">
        <v>1</v>
      </c>
      <c r="C9174" s="14" t="s">
        <v>51</v>
      </c>
      <c r="D9174" s="14" t="s">
        <v>31</v>
      </c>
      <c r="E9174" s="15">
        <v>45425</v>
      </c>
      <c r="F9174" s="14" t="s">
        <v>15</v>
      </c>
      <c r="G9174" s="16">
        <v>0</v>
      </c>
    </row>
    <row r="9175" spans="1:7" x14ac:dyDescent="0.3">
      <c r="A9175" s="13" t="s">
        <v>79</v>
      </c>
      <c r="B9175" s="14" t="s">
        <v>1</v>
      </c>
      <c r="C9175" s="14" t="s">
        <v>51</v>
      </c>
      <c r="D9175" s="14" t="s">
        <v>31</v>
      </c>
      <c r="E9175" s="15">
        <v>45426</v>
      </c>
      <c r="F9175" s="14" t="s">
        <v>15</v>
      </c>
      <c r="G9175" s="16">
        <v>0</v>
      </c>
    </row>
    <row r="9176" spans="1:7" x14ac:dyDescent="0.3">
      <c r="A9176" s="13" t="s">
        <v>79</v>
      </c>
      <c r="B9176" s="14" t="s">
        <v>1</v>
      </c>
      <c r="C9176" s="14" t="s">
        <v>51</v>
      </c>
      <c r="D9176" s="14" t="s">
        <v>31</v>
      </c>
      <c r="E9176" s="15">
        <v>45427</v>
      </c>
      <c r="F9176" s="14" t="s">
        <v>15</v>
      </c>
      <c r="G9176" s="16">
        <v>0</v>
      </c>
    </row>
    <row r="9177" spans="1:7" x14ac:dyDescent="0.3">
      <c r="A9177" s="13" t="s">
        <v>79</v>
      </c>
      <c r="B9177" s="14" t="s">
        <v>1</v>
      </c>
      <c r="C9177" s="14" t="s">
        <v>51</v>
      </c>
      <c r="D9177" s="14" t="s">
        <v>31</v>
      </c>
      <c r="E9177" s="15">
        <v>45428</v>
      </c>
      <c r="F9177" s="14" t="s">
        <v>15</v>
      </c>
      <c r="G9177" s="16">
        <v>0</v>
      </c>
    </row>
    <row r="9178" spans="1:7" x14ac:dyDescent="0.3">
      <c r="A9178" s="13" t="s">
        <v>79</v>
      </c>
      <c r="B9178" s="14" t="s">
        <v>1</v>
      </c>
      <c r="C9178" s="14" t="s">
        <v>51</v>
      </c>
      <c r="D9178" s="14" t="s">
        <v>31</v>
      </c>
      <c r="E9178" s="15">
        <v>45429</v>
      </c>
      <c r="F9178" s="14" t="s">
        <v>15</v>
      </c>
      <c r="G9178" s="16">
        <v>0</v>
      </c>
    </row>
    <row r="9179" spans="1:7" x14ac:dyDescent="0.3">
      <c r="A9179" s="13" t="s">
        <v>79</v>
      </c>
      <c r="B9179" s="14" t="s">
        <v>1</v>
      </c>
      <c r="C9179" s="14" t="s">
        <v>51</v>
      </c>
      <c r="D9179" s="14" t="s">
        <v>31</v>
      </c>
      <c r="E9179" s="15">
        <v>45430</v>
      </c>
      <c r="F9179" s="14" t="s">
        <v>15</v>
      </c>
      <c r="G9179" s="16">
        <v>0</v>
      </c>
    </row>
    <row r="9180" spans="1:7" x14ac:dyDescent="0.3">
      <c r="A9180" s="13" t="s">
        <v>79</v>
      </c>
      <c r="B9180" s="14" t="s">
        <v>1</v>
      </c>
      <c r="C9180" s="14" t="s">
        <v>51</v>
      </c>
      <c r="D9180" s="14" t="s">
        <v>31</v>
      </c>
      <c r="E9180" s="15">
        <v>45431</v>
      </c>
      <c r="F9180" s="14" t="s">
        <v>15</v>
      </c>
      <c r="G9180" s="16">
        <v>0</v>
      </c>
    </row>
    <row r="9181" spans="1:7" x14ac:dyDescent="0.3">
      <c r="A9181" s="13" t="s">
        <v>79</v>
      </c>
      <c r="B9181" s="14" t="s">
        <v>1</v>
      </c>
      <c r="C9181" s="14" t="s">
        <v>51</v>
      </c>
      <c r="D9181" s="14" t="s">
        <v>31</v>
      </c>
      <c r="E9181" s="15">
        <v>45432</v>
      </c>
      <c r="F9181" s="14" t="s">
        <v>15</v>
      </c>
      <c r="G9181" s="16">
        <v>0</v>
      </c>
    </row>
    <row r="9182" spans="1:7" x14ac:dyDescent="0.3">
      <c r="A9182" s="13" t="s">
        <v>79</v>
      </c>
      <c r="B9182" s="14" t="s">
        <v>1</v>
      </c>
      <c r="C9182" s="14" t="s">
        <v>51</v>
      </c>
      <c r="D9182" s="14" t="s">
        <v>31</v>
      </c>
      <c r="E9182" s="15">
        <v>45433</v>
      </c>
      <c r="F9182" s="14" t="s">
        <v>15</v>
      </c>
      <c r="G9182" s="16">
        <v>0</v>
      </c>
    </row>
    <row r="9183" spans="1:7" x14ac:dyDescent="0.3">
      <c r="A9183" s="13" t="s">
        <v>79</v>
      </c>
      <c r="B9183" s="14" t="s">
        <v>1</v>
      </c>
      <c r="C9183" s="14" t="s">
        <v>51</v>
      </c>
      <c r="D9183" s="14" t="s">
        <v>31</v>
      </c>
      <c r="E9183" s="15">
        <v>45434</v>
      </c>
      <c r="F9183" s="14" t="s">
        <v>15</v>
      </c>
      <c r="G9183" s="16">
        <v>0</v>
      </c>
    </row>
    <row r="9184" spans="1:7" x14ac:dyDescent="0.3">
      <c r="A9184" s="13" t="s">
        <v>79</v>
      </c>
      <c r="B9184" s="14" t="s">
        <v>1</v>
      </c>
      <c r="C9184" s="14" t="s">
        <v>51</v>
      </c>
      <c r="D9184" s="14" t="s">
        <v>31</v>
      </c>
      <c r="E9184" s="15">
        <v>45435</v>
      </c>
      <c r="F9184" s="14" t="s">
        <v>15</v>
      </c>
      <c r="G9184" s="16">
        <v>0</v>
      </c>
    </row>
    <row r="9185" spans="1:7" x14ac:dyDescent="0.3">
      <c r="A9185" s="13" t="s">
        <v>79</v>
      </c>
      <c r="B9185" s="14" t="s">
        <v>1</v>
      </c>
      <c r="C9185" s="14" t="s">
        <v>51</v>
      </c>
      <c r="D9185" s="14" t="s">
        <v>31</v>
      </c>
      <c r="E9185" s="15">
        <v>45436</v>
      </c>
      <c r="F9185" s="14" t="s">
        <v>15</v>
      </c>
      <c r="G9185" s="16">
        <v>0</v>
      </c>
    </row>
    <row r="9186" spans="1:7" x14ac:dyDescent="0.3">
      <c r="A9186" s="13" t="s">
        <v>79</v>
      </c>
      <c r="B9186" s="14" t="s">
        <v>1</v>
      </c>
      <c r="C9186" s="14" t="s">
        <v>51</v>
      </c>
      <c r="D9186" s="14" t="s">
        <v>31</v>
      </c>
      <c r="E9186" s="15">
        <v>45437</v>
      </c>
      <c r="F9186" s="14" t="s">
        <v>15</v>
      </c>
      <c r="G9186" s="16">
        <v>0</v>
      </c>
    </row>
    <row r="9187" spans="1:7" x14ac:dyDescent="0.3">
      <c r="A9187" s="13" t="s">
        <v>79</v>
      </c>
      <c r="B9187" s="14" t="s">
        <v>1</v>
      </c>
      <c r="C9187" s="14" t="s">
        <v>51</v>
      </c>
      <c r="D9187" s="14" t="s">
        <v>31</v>
      </c>
      <c r="E9187" s="15">
        <v>45438</v>
      </c>
      <c r="F9187" s="14" t="s">
        <v>15</v>
      </c>
      <c r="G9187" s="16">
        <v>0</v>
      </c>
    </row>
    <row r="9188" spans="1:7" x14ac:dyDescent="0.3">
      <c r="A9188" s="13" t="s">
        <v>79</v>
      </c>
      <c r="B9188" s="14" t="s">
        <v>1</v>
      </c>
      <c r="C9188" s="14" t="s">
        <v>51</v>
      </c>
      <c r="D9188" s="14" t="s">
        <v>31</v>
      </c>
      <c r="E9188" s="15">
        <v>45439</v>
      </c>
      <c r="F9188" s="14" t="s">
        <v>15</v>
      </c>
      <c r="G9188" s="16">
        <v>0</v>
      </c>
    </row>
    <row r="9189" spans="1:7" x14ac:dyDescent="0.3">
      <c r="A9189" s="13" t="s">
        <v>79</v>
      </c>
      <c r="B9189" s="14" t="s">
        <v>1</v>
      </c>
      <c r="C9189" s="14" t="s">
        <v>51</v>
      </c>
      <c r="D9189" s="14" t="s">
        <v>31</v>
      </c>
      <c r="E9189" s="15">
        <v>45440</v>
      </c>
      <c r="F9189" s="14" t="s">
        <v>15</v>
      </c>
      <c r="G9189" s="16">
        <v>0</v>
      </c>
    </row>
    <row r="9190" spans="1:7" x14ac:dyDescent="0.3">
      <c r="A9190" s="13" t="s">
        <v>79</v>
      </c>
      <c r="B9190" s="14" t="s">
        <v>1</v>
      </c>
      <c r="C9190" s="14" t="s">
        <v>51</v>
      </c>
      <c r="D9190" s="14" t="s">
        <v>31</v>
      </c>
      <c r="E9190" s="15">
        <v>45441</v>
      </c>
      <c r="F9190" s="14" t="s">
        <v>15</v>
      </c>
      <c r="G9190" s="16">
        <v>0</v>
      </c>
    </row>
    <row r="9191" spans="1:7" x14ac:dyDescent="0.3">
      <c r="A9191" s="13" t="s">
        <v>79</v>
      </c>
      <c r="B9191" s="14" t="s">
        <v>1</v>
      </c>
      <c r="C9191" s="14" t="s">
        <v>51</v>
      </c>
      <c r="D9191" s="14" t="s">
        <v>31</v>
      </c>
      <c r="E9191" s="15">
        <v>45442</v>
      </c>
      <c r="F9191" s="14" t="s">
        <v>15</v>
      </c>
      <c r="G9191" s="16">
        <v>0</v>
      </c>
    </row>
    <row r="9192" spans="1:7" x14ac:dyDescent="0.3">
      <c r="A9192" s="13" t="s">
        <v>79</v>
      </c>
      <c r="B9192" s="14" t="s">
        <v>1</v>
      </c>
      <c r="C9192" s="14" t="s">
        <v>51</v>
      </c>
      <c r="D9192" s="14" t="s">
        <v>31</v>
      </c>
      <c r="E9192" s="15">
        <v>45443</v>
      </c>
      <c r="F9192" s="14" t="s">
        <v>15</v>
      </c>
      <c r="G9192" s="16">
        <v>0</v>
      </c>
    </row>
    <row r="9193" spans="1:7" x14ac:dyDescent="0.3">
      <c r="A9193" s="13" t="s">
        <v>79</v>
      </c>
      <c r="B9193" s="14" t="s">
        <v>1</v>
      </c>
      <c r="C9193" s="14" t="s">
        <v>51</v>
      </c>
      <c r="D9193" s="14" t="s">
        <v>31</v>
      </c>
      <c r="E9193" s="15">
        <v>45444</v>
      </c>
      <c r="F9193" s="14" t="s">
        <v>15</v>
      </c>
      <c r="G9193" s="16">
        <v>0</v>
      </c>
    </row>
    <row r="9194" spans="1:7" x14ac:dyDescent="0.3">
      <c r="A9194" s="13" t="s">
        <v>79</v>
      </c>
      <c r="B9194" s="14" t="s">
        <v>1</v>
      </c>
      <c r="C9194" s="14" t="s">
        <v>51</v>
      </c>
      <c r="D9194" s="14" t="s">
        <v>31</v>
      </c>
      <c r="E9194" s="15">
        <v>45445</v>
      </c>
      <c r="F9194" s="14" t="s">
        <v>15</v>
      </c>
      <c r="G9194" s="16">
        <v>0</v>
      </c>
    </row>
    <row r="9195" spans="1:7" x14ac:dyDescent="0.3">
      <c r="A9195" s="13" t="s">
        <v>79</v>
      </c>
      <c r="B9195" s="14" t="s">
        <v>1</v>
      </c>
      <c r="C9195" s="14" t="s">
        <v>51</v>
      </c>
      <c r="D9195" s="14" t="s">
        <v>31</v>
      </c>
      <c r="E9195" s="15">
        <v>45446</v>
      </c>
      <c r="F9195" s="14" t="s">
        <v>15</v>
      </c>
      <c r="G9195" s="16">
        <v>0</v>
      </c>
    </row>
    <row r="9196" spans="1:7" x14ac:dyDescent="0.3">
      <c r="A9196" s="13" t="s">
        <v>79</v>
      </c>
      <c r="B9196" s="14" t="s">
        <v>1</v>
      </c>
      <c r="C9196" s="14" t="s">
        <v>51</v>
      </c>
      <c r="D9196" s="14" t="s">
        <v>31</v>
      </c>
      <c r="E9196" s="15">
        <v>45447</v>
      </c>
      <c r="F9196" s="14" t="s">
        <v>15</v>
      </c>
      <c r="G9196" s="16">
        <v>0</v>
      </c>
    </row>
    <row r="9197" spans="1:7" x14ac:dyDescent="0.3">
      <c r="A9197" s="13" t="s">
        <v>79</v>
      </c>
      <c r="B9197" s="14" t="s">
        <v>1</v>
      </c>
      <c r="C9197" s="14" t="s">
        <v>51</v>
      </c>
      <c r="D9197" s="14" t="s">
        <v>31</v>
      </c>
      <c r="E9197" s="15">
        <v>45448</v>
      </c>
      <c r="F9197" s="14" t="s">
        <v>15</v>
      </c>
      <c r="G9197" s="16">
        <v>0</v>
      </c>
    </row>
    <row r="9198" spans="1:7" x14ac:dyDescent="0.3">
      <c r="A9198" s="13" t="s">
        <v>79</v>
      </c>
      <c r="B9198" s="14" t="s">
        <v>1</v>
      </c>
      <c r="C9198" s="14" t="s">
        <v>51</v>
      </c>
      <c r="D9198" s="14" t="s">
        <v>31</v>
      </c>
      <c r="E9198" s="15">
        <v>45449</v>
      </c>
      <c r="F9198" s="14" t="s">
        <v>15</v>
      </c>
      <c r="G9198" s="16">
        <v>0</v>
      </c>
    </row>
    <row r="9199" spans="1:7" x14ac:dyDescent="0.3">
      <c r="A9199" s="13" t="s">
        <v>79</v>
      </c>
      <c r="B9199" s="14" t="s">
        <v>1</v>
      </c>
      <c r="C9199" s="14" t="s">
        <v>51</v>
      </c>
      <c r="D9199" s="14" t="s">
        <v>31</v>
      </c>
      <c r="E9199" s="15">
        <v>45450</v>
      </c>
      <c r="F9199" s="14" t="s">
        <v>15</v>
      </c>
      <c r="G9199" s="16">
        <v>0</v>
      </c>
    </row>
    <row r="9200" spans="1:7" x14ac:dyDescent="0.3">
      <c r="A9200" s="13" t="s">
        <v>79</v>
      </c>
      <c r="B9200" s="14" t="s">
        <v>1</v>
      </c>
      <c r="C9200" s="14" t="s">
        <v>51</v>
      </c>
      <c r="D9200" s="14" t="s">
        <v>31</v>
      </c>
      <c r="E9200" s="15">
        <v>45451</v>
      </c>
      <c r="F9200" s="14" t="s">
        <v>15</v>
      </c>
      <c r="G9200" s="16">
        <v>0</v>
      </c>
    </row>
    <row r="9201" spans="1:7" x14ac:dyDescent="0.3">
      <c r="A9201" s="13" t="s">
        <v>79</v>
      </c>
      <c r="B9201" s="14" t="s">
        <v>1</v>
      </c>
      <c r="C9201" s="14" t="s">
        <v>51</v>
      </c>
      <c r="D9201" s="14" t="s">
        <v>31</v>
      </c>
      <c r="E9201" s="15">
        <v>45452</v>
      </c>
      <c r="F9201" s="14" t="s">
        <v>15</v>
      </c>
      <c r="G9201" s="16">
        <v>0</v>
      </c>
    </row>
    <row r="9202" spans="1:7" x14ac:dyDescent="0.3">
      <c r="A9202" s="13" t="s">
        <v>79</v>
      </c>
      <c r="B9202" s="14" t="s">
        <v>1</v>
      </c>
      <c r="C9202" s="14" t="s">
        <v>51</v>
      </c>
      <c r="D9202" s="14" t="s">
        <v>31</v>
      </c>
      <c r="E9202" s="15">
        <v>45453</v>
      </c>
      <c r="F9202" s="14" t="s">
        <v>15</v>
      </c>
      <c r="G9202" s="16">
        <v>0</v>
      </c>
    </row>
    <row r="9203" spans="1:7" x14ac:dyDescent="0.3">
      <c r="A9203" s="13" t="s">
        <v>79</v>
      </c>
      <c r="B9203" s="14" t="s">
        <v>1</v>
      </c>
      <c r="C9203" s="14" t="s">
        <v>51</v>
      </c>
      <c r="D9203" s="14" t="s">
        <v>31</v>
      </c>
      <c r="E9203" s="15">
        <v>45454</v>
      </c>
      <c r="F9203" s="14" t="s">
        <v>15</v>
      </c>
      <c r="G9203" s="16">
        <v>0</v>
      </c>
    </row>
    <row r="9204" spans="1:7" x14ac:dyDescent="0.3">
      <c r="A9204" s="13" t="s">
        <v>79</v>
      </c>
      <c r="B9204" s="14" t="s">
        <v>1</v>
      </c>
      <c r="C9204" s="14" t="s">
        <v>51</v>
      </c>
      <c r="D9204" s="14" t="s">
        <v>31</v>
      </c>
      <c r="E9204" s="15">
        <v>45455</v>
      </c>
      <c r="F9204" s="14" t="s">
        <v>15</v>
      </c>
      <c r="G9204" s="16">
        <v>0</v>
      </c>
    </row>
    <row r="9205" spans="1:7" x14ac:dyDescent="0.3">
      <c r="A9205" s="13" t="s">
        <v>79</v>
      </c>
      <c r="B9205" s="14" t="s">
        <v>1</v>
      </c>
      <c r="C9205" s="14" t="s">
        <v>51</v>
      </c>
      <c r="D9205" s="14" t="s">
        <v>31</v>
      </c>
      <c r="E9205" s="15">
        <v>45456</v>
      </c>
      <c r="F9205" s="14" t="s">
        <v>15</v>
      </c>
      <c r="G9205" s="16">
        <v>0</v>
      </c>
    </row>
    <row r="9206" spans="1:7" x14ac:dyDescent="0.3">
      <c r="A9206" s="13" t="s">
        <v>79</v>
      </c>
      <c r="B9206" s="14" t="s">
        <v>1</v>
      </c>
      <c r="C9206" s="14" t="s">
        <v>51</v>
      </c>
      <c r="D9206" s="14" t="s">
        <v>31</v>
      </c>
      <c r="E9206" s="15">
        <v>45457</v>
      </c>
      <c r="F9206" s="14" t="s">
        <v>15</v>
      </c>
      <c r="G9206" s="16">
        <v>0</v>
      </c>
    </row>
    <row r="9207" spans="1:7" x14ac:dyDescent="0.3">
      <c r="A9207" s="13" t="s">
        <v>79</v>
      </c>
      <c r="B9207" s="14" t="s">
        <v>1</v>
      </c>
      <c r="C9207" s="14" t="s">
        <v>51</v>
      </c>
      <c r="D9207" s="14" t="s">
        <v>31</v>
      </c>
      <c r="E9207" s="15">
        <v>45458</v>
      </c>
      <c r="F9207" s="14" t="s">
        <v>15</v>
      </c>
      <c r="G9207" s="16">
        <v>0</v>
      </c>
    </row>
    <row r="9208" spans="1:7" x14ac:dyDescent="0.3">
      <c r="A9208" s="13" t="s">
        <v>79</v>
      </c>
      <c r="B9208" s="14" t="s">
        <v>1</v>
      </c>
      <c r="C9208" s="14" t="s">
        <v>51</v>
      </c>
      <c r="D9208" s="14" t="s">
        <v>31</v>
      </c>
      <c r="E9208" s="15">
        <v>45459</v>
      </c>
      <c r="F9208" s="14" t="s">
        <v>15</v>
      </c>
      <c r="G9208" s="16">
        <v>0</v>
      </c>
    </row>
    <row r="9209" spans="1:7" x14ac:dyDescent="0.3">
      <c r="A9209" s="13" t="s">
        <v>79</v>
      </c>
      <c r="B9209" s="14" t="s">
        <v>1</v>
      </c>
      <c r="C9209" s="14" t="s">
        <v>51</v>
      </c>
      <c r="D9209" s="14" t="s">
        <v>31</v>
      </c>
      <c r="E9209" s="15">
        <v>45460</v>
      </c>
      <c r="F9209" s="14" t="s">
        <v>15</v>
      </c>
      <c r="G9209" s="16">
        <v>0</v>
      </c>
    </row>
    <row r="9210" spans="1:7" x14ac:dyDescent="0.3">
      <c r="A9210" s="13" t="s">
        <v>79</v>
      </c>
      <c r="B9210" s="14" t="s">
        <v>1</v>
      </c>
      <c r="C9210" s="14" t="s">
        <v>51</v>
      </c>
      <c r="D9210" s="14" t="s">
        <v>31</v>
      </c>
      <c r="E9210" s="15">
        <v>45461</v>
      </c>
      <c r="F9210" s="14" t="s">
        <v>15</v>
      </c>
      <c r="G9210" s="16">
        <v>0</v>
      </c>
    </row>
    <row r="9211" spans="1:7" x14ac:dyDescent="0.3">
      <c r="A9211" s="13" t="s">
        <v>79</v>
      </c>
      <c r="B9211" s="14" t="s">
        <v>1</v>
      </c>
      <c r="C9211" s="14" t="s">
        <v>51</v>
      </c>
      <c r="D9211" s="14" t="s">
        <v>31</v>
      </c>
      <c r="E9211" s="15">
        <v>45462</v>
      </c>
      <c r="F9211" s="14" t="s">
        <v>15</v>
      </c>
      <c r="G9211" s="16">
        <v>0</v>
      </c>
    </row>
    <row r="9212" spans="1:7" x14ac:dyDescent="0.3">
      <c r="A9212" s="13" t="s">
        <v>79</v>
      </c>
      <c r="B9212" s="14" t="s">
        <v>1</v>
      </c>
      <c r="C9212" s="14" t="s">
        <v>51</v>
      </c>
      <c r="D9212" s="14" t="s">
        <v>31</v>
      </c>
      <c r="E9212" s="15">
        <v>45463</v>
      </c>
      <c r="F9212" s="14" t="s">
        <v>15</v>
      </c>
      <c r="G9212" s="16">
        <v>0</v>
      </c>
    </row>
    <row r="9213" spans="1:7" x14ac:dyDescent="0.3">
      <c r="A9213" s="13" t="s">
        <v>79</v>
      </c>
      <c r="B9213" s="14" t="s">
        <v>1</v>
      </c>
      <c r="C9213" s="14" t="s">
        <v>51</v>
      </c>
      <c r="D9213" s="14" t="s">
        <v>31</v>
      </c>
      <c r="E9213" s="15">
        <v>45464</v>
      </c>
      <c r="F9213" s="14" t="s">
        <v>15</v>
      </c>
      <c r="G9213" s="16">
        <v>0</v>
      </c>
    </row>
    <row r="9214" spans="1:7" x14ac:dyDescent="0.3">
      <c r="A9214" s="13" t="s">
        <v>79</v>
      </c>
      <c r="B9214" s="14" t="s">
        <v>1</v>
      </c>
      <c r="C9214" s="14" t="s">
        <v>51</v>
      </c>
      <c r="D9214" s="14" t="s">
        <v>31</v>
      </c>
      <c r="E9214" s="15">
        <v>45465</v>
      </c>
      <c r="F9214" s="14" t="s">
        <v>15</v>
      </c>
      <c r="G9214" s="16">
        <v>0</v>
      </c>
    </row>
    <row r="9215" spans="1:7" x14ac:dyDescent="0.3">
      <c r="A9215" s="13" t="s">
        <v>79</v>
      </c>
      <c r="B9215" s="14" t="s">
        <v>1</v>
      </c>
      <c r="C9215" s="14" t="s">
        <v>51</v>
      </c>
      <c r="D9215" s="14" t="s">
        <v>31</v>
      </c>
      <c r="E9215" s="15">
        <v>45466</v>
      </c>
      <c r="F9215" s="14" t="s">
        <v>15</v>
      </c>
      <c r="G9215" s="16">
        <v>0</v>
      </c>
    </row>
    <row r="9216" spans="1:7" x14ac:dyDescent="0.3">
      <c r="A9216" s="13" t="s">
        <v>79</v>
      </c>
      <c r="B9216" s="14" t="s">
        <v>1</v>
      </c>
      <c r="C9216" s="14" t="s">
        <v>51</v>
      </c>
      <c r="D9216" s="14" t="s">
        <v>31</v>
      </c>
      <c r="E9216" s="15">
        <v>45467</v>
      </c>
      <c r="F9216" s="14" t="s">
        <v>15</v>
      </c>
      <c r="G9216" s="16">
        <v>0</v>
      </c>
    </row>
    <row r="9217" spans="1:7" x14ac:dyDescent="0.3">
      <c r="A9217" s="13" t="s">
        <v>79</v>
      </c>
      <c r="B9217" s="14" t="s">
        <v>1</v>
      </c>
      <c r="C9217" s="14" t="s">
        <v>51</v>
      </c>
      <c r="D9217" s="14" t="s">
        <v>31</v>
      </c>
      <c r="E9217" s="15">
        <v>45468</v>
      </c>
      <c r="F9217" s="14" t="s">
        <v>15</v>
      </c>
      <c r="G9217" s="16">
        <v>0</v>
      </c>
    </row>
    <row r="9218" spans="1:7" x14ac:dyDescent="0.3">
      <c r="A9218" s="13" t="s">
        <v>79</v>
      </c>
      <c r="B9218" s="14" t="s">
        <v>1</v>
      </c>
      <c r="C9218" s="14" t="s">
        <v>51</v>
      </c>
      <c r="D9218" s="14" t="s">
        <v>31</v>
      </c>
      <c r="E9218" s="15">
        <v>45469</v>
      </c>
      <c r="F9218" s="14" t="s">
        <v>15</v>
      </c>
      <c r="G9218" s="16">
        <v>0</v>
      </c>
    </row>
    <row r="9219" spans="1:7" x14ac:dyDescent="0.3">
      <c r="A9219" s="13" t="s">
        <v>79</v>
      </c>
      <c r="B9219" s="14" t="s">
        <v>1</v>
      </c>
      <c r="C9219" s="14" t="s">
        <v>51</v>
      </c>
      <c r="D9219" s="14" t="s">
        <v>31</v>
      </c>
      <c r="E9219" s="15">
        <v>45470</v>
      </c>
      <c r="F9219" s="14" t="s">
        <v>15</v>
      </c>
      <c r="G9219" s="16">
        <v>0</v>
      </c>
    </row>
    <row r="9220" spans="1:7" x14ac:dyDescent="0.3">
      <c r="A9220" s="13" t="s">
        <v>79</v>
      </c>
      <c r="B9220" s="14" t="s">
        <v>1</v>
      </c>
      <c r="C9220" s="14" t="s">
        <v>51</v>
      </c>
      <c r="D9220" s="14" t="s">
        <v>31</v>
      </c>
      <c r="E9220" s="15">
        <v>45471</v>
      </c>
      <c r="F9220" s="14" t="s">
        <v>15</v>
      </c>
      <c r="G9220" s="16">
        <v>0</v>
      </c>
    </row>
    <row r="9221" spans="1:7" x14ac:dyDescent="0.3">
      <c r="A9221" s="13" t="s">
        <v>79</v>
      </c>
      <c r="B9221" s="14" t="s">
        <v>1</v>
      </c>
      <c r="C9221" s="14" t="s">
        <v>51</v>
      </c>
      <c r="D9221" s="14" t="s">
        <v>31</v>
      </c>
      <c r="E9221" s="15">
        <v>45472</v>
      </c>
      <c r="F9221" s="14" t="s">
        <v>15</v>
      </c>
      <c r="G9221" s="16">
        <v>0</v>
      </c>
    </row>
    <row r="9222" spans="1:7" x14ac:dyDescent="0.3">
      <c r="A9222" s="13" t="s">
        <v>79</v>
      </c>
      <c r="B9222" s="14" t="s">
        <v>1</v>
      </c>
      <c r="C9222" s="14" t="s">
        <v>51</v>
      </c>
      <c r="D9222" s="14" t="s">
        <v>31</v>
      </c>
      <c r="E9222" s="15">
        <v>45473</v>
      </c>
      <c r="F9222" s="14" t="s">
        <v>15</v>
      </c>
      <c r="G9222" s="16">
        <v>0</v>
      </c>
    </row>
    <row r="9223" spans="1:7" x14ac:dyDescent="0.3">
      <c r="A9223" s="13" t="s">
        <v>79</v>
      </c>
      <c r="B9223" s="14" t="s">
        <v>1</v>
      </c>
      <c r="C9223" s="14" t="s">
        <v>51</v>
      </c>
      <c r="D9223" s="14" t="s">
        <v>31</v>
      </c>
      <c r="E9223" s="15">
        <v>45474</v>
      </c>
      <c r="F9223" s="14" t="s">
        <v>15</v>
      </c>
      <c r="G9223" s="16">
        <v>0</v>
      </c>
    </row>
    <row r="9224" spans="1:7" x14ac:dyDescent="0.3">
      <c r="A9224" s="13" t="s">
        <v>79</v>
      </c>
      <c r="B9224" s="14" t="s">
        <v>1</v>
      </c>
      <c r="C9224" s="14" t="s">
        <v>51</v>
      </c>
      <c r="D9224" s="14" t="s">
        <v>31</v>
      </c>
      <c r="E9224" s="15">
        <v>45475</v>
      </c>
      <c r="F9224" s="14" t="s">
        <v>15</v>
      </c>
      <c r="G9224" s="16">
        <v>0</v>
      </c>
    </row>
    <row r="9225" spans="1:7" x14ac:dyDescent="0.3">
      <c r="A9225" s="13" t="s">
        <v>79</v>
      </c>
      <c r="B9225" s="14" t="s">
        <v>1</v>
      </c>
      <c r="C9225" s="14" t="s">
        <v>51</v>
      </c>
      <c r="D9225" s="14" t="s">
        <v>31</v>
      </c>
      <c r="E9225" s="15">
        <v>45476</v>
      </c>
      <c r="F9225" s="14" t="s">
        <v>15</v>
      </c>
      <c r="G9225" s="16">
        <v>0</v>
      </c>
    </row>
    <row r="9226" spans="1:7" x14ac:dyDescent="0.3">
      <c r="A9226" s="13" t="s">
        <v>79</v>
      </c>
      <c r="B9226" s="14" t="s">
        <v>1</v>
      </c>
      <c r="C9226" s="14" t="s">
        <v>51</v>
      </c>
      <c r="D9226" s="14" t="s">
        <v>31</v>
      </c>
      <c r="E9226" s="15">
        <v>45477</v>
      </c>
      <c r="F9226" s="14" t="s">
        <v>15</v>
      </c>
      <c r="G9226" s="16">
        <v>0</v>
      </c>
    </row>
    <row r="9227" spans="1:7" x14ac:dyDescent="0.3">
      <c r="A9227" s="13" t="s">
        <v>79</v>
      </c>
      <c r="B9227" s="14" t="s">
        <v>1</v>
      </c>
      <c r="C9227" s="14" t="s">
        <v>51</v>
      </c>
      <c r="D9227" s="14" t="s">
        <v>31</v>
      </c>
      <c r="E9227" s="15">
        <v>45478</v>
      </c>
      <c r="F9227" s="14" t="s">
        <v>15</v>
      </c>
      <c r="G9227" s="16">
        <v>0</v>
      </c>
    </row>
    <row r="9228" spans="1:7" x14ac:dyDescent="0.3">
      <c r="A9228" s="13" t="s">
        <v>79</v>
      </c>
      <c r="B9228" s="14" t="s">
        <v>1</v>
      </c>
      <c r="C9228" s="14" t="s">
        <v>51</v>
      </c>
      <c r="D9228" s="14" t="s">
        <v>31</v>
      </c>
      <c r="E9228" s="15">
        <v>45479</v>
      </c>
      <c r="F9228" s="14" t="s">
        <v>15</v>
      </c>
      <c r="G9228" s="16">
        <v>0</v>
      </c>
    </row>
    <row r="9229" spans="1:7" x14ac:dyDescent="0.3">
      <c r="A9229" s="13" t="s">
        <v>79</v>
      </c>
      <c r="B9229" s="14" t="s">
        <v>1</v>
      </c>
      <c r="C9229" s="14" t="s">
        <v>51</v>
      </c>
      <c r="D9229" s="14" t="s">
        <v>31</v>
      </c>
      <c r="E9229" s="15">
        <v>45480</v>
      </c>
      <c r="F9229" s="14" t="s">
        <v>15</v>
      </c>
      <c r="G9229" s="16">
        <v>0</v>
      </c>
    </row>
    <row r="9230" spans="1:7" x14ac:dyDescent="0.3">
      <c r="A9230" s="13" t="s">
        <v>79</v>
      </c>
      <c r="B9230" s="14" t="s">
        <v>1</v>
      </c>
      <c r="C9230" s="14" t="s">
        <v>51</v>
      </c>
      <c r="D9230" s="14" t="s">
        <v>31</v>
      </c>
      <c r="E9230" s="15">
        <v>45481</v>
      </c>
      <c r="F9230" s="14" t="s">
        <v>15</v>
      </c>
      <c r="G9230" s="16">
        <v>0</v>
      </c>
    </row>
    <row r="9231" spans="1:7" x14ac:dyDescent="0.3">
      <c r="A9231" s="13" t="s">
        <v>79</v>
      </c>
      <c r="B9231" s="14" t="s">
        <v>1</v>
      </c>
      <c r="C9231" s="14" t="s">
        <v>51</v>
      </c>
      <c r="D9231" s="14" t="s">
        <v>31</v>
      </c>
      <c r="E9231" s="15">
        <v>45482</v>
      </c>
      <c r="F9231" s="14" t="s">
        <v>15</v>
      </c>
      <c r="G9231" s="16">
        <v>0</v>
      </c>
    </row>
    <row r="9232" spans="1:7" x14ac:dyDescent="0.3">
      <c r="A9232" s="13" t="s">
        <v>79</v>
      </c>
      <c r="B9232" s="14" t="s">
        <v>1</v>
      </c>
      <c r="C9232" s="14" t="s">
        <v>51</v>
      </c>
      <c r="D9232" s="14" t="s">
        <v>31</v>
      </c>
      <c r="E9232" s="15">
        <v>45483</v>
      </c>
      <c r="F9232" s="14" t="s">
        <v>15</v>
      </c>
      <c r="G9232" s="16">
        <v>0</v>
      </c>
    </row>
    <row r="9233" spans="1:7" x14ac:dyDescent="0.3">
      <c r="A9233" s="13" t="s">
        <v>79</v>
      </c>
      <c r="B9233" s="14" t="s">
        <v>1</v>
      </c>
      <c r="C9233" s="14" t="s">
        <v>51</v>
      </c>
      <c r="D9233" s="14" t="s">
        <v>31</v>
      </c>
      <c r="E9233" s="15">
        <v>45484</v>
      </c>
      <c r="F9233" s="14" t="s">
        <v>15</v>
      </c>
      <c r="G9233" s="16">
        <v>0</v>
      </c>
    </row>
    <row r="9234" spans="1:7" x14ac:dyDescent="0.3">
      <c r="A9234" s="13" t="s">
        <v>79</v>
      </c>
      <c r="B9234" s="14" t="s">
        <v>1</v>
      </c>
      <c r="C9234" s="14" t="s">
        <v>51</v>
      </c>
      <c r="D9234" s="14" t="s">
        <v>31</v>
      </c>
      <c r="E9234" s="15">
        <v>45485</v>
      </c>
      <c r="F9234" s="14" t="s">
        <v>15</v>
      </c>
      <c r="G9234" s="16">
        <v>0</v>
      </c>
    </row>
    <row r="9235" spans="1:7" x14ac:dyDescent="0.3">
      <c r="A9235" s="13" t="s">
        <v>79</v>
      </c>
      <c r="B9235" s="14" t="s">
        <v>1</v>
      </c>
      <c r="C9235" s="14" t="s">
        <v>51</v>
      </c>
      <c r="D9235" s="14" t="s">
        <v>31</v>
      </c>
      <c r="E9235" s="15">
        <v>45486</v>
      </c>
      <c r="F9235" s="14" t="s">
        <v>15</v>
      </c>
      <c r="G9235" s="16">
        <v>0</v>
      </c>
    </row>
    <row r="9236" spans="1:7" x14ac:dyDescent="0.3">
      <c r="A9236" s="13" t="s">
        <v>79</v>
      </c>
      <c r="B9236" s="14" t="s">
        <v>1</v>
      </c>
      <c r="C9236" s="14" t="s">
        <v>51</v>
      </c>
      <c r="D9236" s="14" t="s">
        <v>31</v>
      </c>
      <c r="E9236" s="15">
        <v>45487</v>
      </c>
      <c r="F9236" s="14" t="s">
        <v>15</v>
      </c>
      <c r="G9236" s="16">
        <v>0</v>
      </c>
    </row>
    <row r="9237" spans="1:7" x14ac:dyDescent="0.3">
      <c r="A9237" s="13" t="s">
        <v>79</v>
      </c>
      <c r="B9237" s="14" t="s">
        <v>1</v>
      </c>
      <c r="C9237" s="14" t="s">
        <v>51</v>
      </c>
      <c r="D9237" s="14" t="s">
        <v>31</v>
      </c>
      <c r="E9237" s="15">
        <v>45488</v>
      </c>
      <c r="F9237" s="14" t="s">
        <v>15</v>
      </c>
      <c r="G9237" s="16">
        <v>0</v>
      </c>
    </row>
    <row r="9238" spans="1:7" x14ac:dyDescent="0.3">
      <c r="A9238" s="13" t="s">
        <v>79</v>
      </c>
      <c r="B9238" s="14" t="s">
        <v>1</v>
      </c>
      <c r="C9238" s="14" t="s">
        <v>51</v>
      </c>
      <c r="D9238" s="14" t="s">
        <v>31</v>
      </c>
      <c r="E9238" s="15">
        <v>45489</v>
      </c>
      <c r="F9238" s="14" t="s">
        <v>15</v>
      </c>
      <c r="G9238" s="16">
        <v>0</v>
      </c>
    </row>
    <row r="9239" spans="1:7" x14ac:dyDescent="0.3">
      <c r="A9239" s="13" t="s">
        <v>79</v>
      </c>
      <c r="B9239" s="14" t="s">
        <v>1</v>
      </c>
      <c r="C9239" s="14" t="s">
        <v>51</v>
      </c>
      <c r="D9239" s="14" t="s">
        <v>31</v>
      </c>
      <c r="E9239" s="15">
        <v>45490</v>
      </c>
      <c r="F9239" s="14" t="s">
        <v>15</v>
      </c>
      <c r="G9239" s="16">
        <v>0</v>
      </c>
    </row>
    <row r="9240" spans="1:7" x14ac:dyDescent="0.3">
      <c r="A9240" s="13" t="s">
        <v>79</v>
      </c>
      <c r="B9240" s="14" t="s">
        <v>1</v>
      </c>
      <c r="C9240" s="14" t="s">
        <v>51</v>
      </c>
      <c r="D9240" s="14" t="s">
        <v>31</v>
      </c>
      <c r="E9240" s="15">
        <v>45491</v>
      </c>
      <c r="F9240" s="14" t="s">
        <v>15</v>
      </c>
      <c r="G9240" s="16">
        <v>0</v>
      </c>
    </row>
    <row r="9241" spans="1:7" x14ac:dyDescent="0.3">
      <c r="A9241" s="13" t="s">
        <v>79</v>
      </c>
      <c r="B9241" s="14" t="s">
        <v>1</v>
      </c>
      <c r="C9241" s="14" t="s">
        <v>51</v>
      </c>
      <c r="D9241" s="14" t="s">
        <v>31</v>
      </c>
      <c r="E9241" s="15">
        <v>45492</v>
      </c>
      <c r="F9241" s="14" t="s">
        <v>15</v>
      </c>
      <c r="G9241" s="16">
        <v>0</v>
      </c>
    </row>
    <row r="9242" spans="1:7" x14ac:dyDescent="0.3">
      <c r="A9242" s="13" t="s">
        <v>79</v>
      </c>
      <c r="B9242" s="14" t="s">
        <v>1</v>
      </c>
      <c r="C9242" s="14" t="s">
        <v>51</v>
      </c>
      <c r="D9242" s="14" t="s">
        <v>31</v>
      </c>
      <c r="E9242" s="15">
        <v>45493</v>
      </c>
      <c r="F9242" s="14" t="s">
        <v>15</v>
      </c>
      <c r="G9242" s="16">
        <v>0</v>
      </c>
    </row>
    <row r="9243" spans="1:7" x14ac:dyDescent="0.3">
      <c r="A9243" s="13" t="s">
        <v>79</v>
      </c>
      <c r="B9243" s="14" t="s">
        <v>1</v>
      </c>
      <c r="C9243" s="14" t="s">
        <v>51</v>
      </c>
      <c r="D9243" s="14" t="s">
        <v>31</v>
      </c>
      <c r="E9243" s="15">
        <v>45494</v>
      </c>
      <c r="F9243" s="14" t="s">
        <v>15</v>
      </c>
      <c r="G9243" s="16">
        <v>0</v>
      </c>
    </row>
    <row r="9244" spans="1:7" x14ac:dyDescent="0.3">
      <c r="A9244" s="13" t="s">
        <v>79</v>
      </c>
      <c r="B9244" s="14" t="s">
        <v>1</v>
      </c>
      <c r="C9244" s="14" t="s">
        <v>51</v>
      </c>
      <c r="D9244" s="14" t="s">
        <v>31</v>
      </c>
      <c r="E9244" s="15">
        <v>45495</v>
      </c>
      <c r="F9244" s="14" t="s">
        <v>15</v>
      </c>
      <c r="G9244" s="16">
        <v>0</v>
      </c>
    </row>
    <row r="9245" spans="1:7" x14ac:dyDescent="0.3">
      <c r="A9245" s="13" t="s">
        <v>79</v>
      </c>
      <c r="B9245" s="14" t="s">
        <v>1</v>
      </c>
      <c r="C9245" s="14" t="s">
        <v>51</v>
      </c>
      <c r="D9245" s="14" t="s">
        <v>31</v>
      </c>
      <c r="E9245" s="15">
        <v>45496</v>
      </c>
      <c r="F9245" s="14" t="s">
        <v>15</v>
      </c>
      <c r="G9245" s="16">
        <v>0</v>
      </c>
    </row>
    <row r="9246" spans="1:7" x14ac:dyDescent="0.3">
      <c r="A9246" s="13" t="s">
        <v>79</v>
      </c>
      <c r="B9246" s="14" t="s">
        <v>1</v>
      </c>
      <c r="C9246" s="14" t="s">
        <v>51</v>
      </c>
      <c r="D9246" s="14" t="s">
        <v>31</v>
      </c>
      <c r="E9246" s="15">
        <v>45497</v>
      </c>
      <c r="F9246" s="14" t="s">
        <v>15</v>
      </c>
      <c r="G9246" s="16">
        <v>0</v>
      </c>
    </row>
    <row r="9247" spans="1:7" x14ac:dyDescent="0.3">
      <c r="A9247" s="13" t="s">
        <v>79</v>
      </c>
      <c r="B9247" s="14" t="s">
        <v>1</v>
      </c>
      <c r="C9247" s="14" t="s">
        <v>51</v>
      </c>
      <c r="D9247" s="14" t="s">
        <v>31</v>
      </c>
      <c r="E9247" s="15">
        <v>45498</v>
      </c>
      <c r="F9247" s="14" t="s">
        <v>15</v>
      </c>
      <c r="G9247" s="16">
        <v>0</v>
      </c>
    </row>
    <row r="9248" spans="1:7" x14ac:dyDescent="0.3">
      <c r="A9248" s="13" t="s">
        <v>79</v>
      </c>
      <c r="B9248" s="14" t="s">
        <v>1</v>
      </c>
      <c r="C9248" s="14" t="s">
        <v>51</v>
      </c>
      <c r="D9248" s="14" t="s">
        <v>31</v>
      </c>
      <c r="E9248" s="15">
        <v>45499</v>
      </c>
      <c r="F9248" s="14" t="s">
        <v>15</v>
      </c>
      <c r="G9248" s="16">
        <v>0</v>
      </c>
    </row>
    <row r="9249" spans="1:7" x14ac:dyDescent="0.3">
      <c r="A9249" s="13" t="s">
        <v>79</v>
      </c>
      <c r="B9249" s="14" t="s">
        <v>1</v>
      </c>
      <c r="C9249" s="14" t="s">
        <v>51</v>
      </c>
      <c r="D9249" s="14" t="s">
        <v>31</v>
      </c>
      <c r="E9249" s="15">
        <v>45500</v>
      </c>
      <c r="F9249" s="14" t="s">
        <v>15</v>
      </c>
      <c r="G9249" s="16">
        <v>0</v>
      </c>
    </row>
    <row r="9250" spans="1:7" x14ac:dyDescent="0.3">
      <c r="A9250" s="13" t="s">
        <v>79</v>
      </c>
      <c r="B9250" s="14" t="s">
        <v>1</v>
      </c>
      <c r="C9250" s="14" t="s">
        <v>51</v>
      </c>
      <c r="D9250" s="14" t="s">
        <v>31</v>
      </c>
      <c r="E9250" s="15">
        <v>45501</v>
      </c>
      <c r="F9250" s="14" t="s">
        <v>15</v>
      </c>
      <c r="G9250" s="16">
        <v>0</v>
      </c>
    </row>
    <row r="9251" spans="1:7" x14ac:dyDescent="0.3">
      <c r="A9251" s="13" t="s">
        <v>79</v>
      </c>
      <c r="B9251" s="14" t="s">
        <v>1</v>
      </c>
      <c r="C9251" s="14" t="s">
        <v>51</v>
      </c>
      <c r="D9251" s="14" t="s">
        <v>31</v>
      </c>
      <c r="E9251" s="15">
        <v>45502</v>
      </c>
      <c r="F9251" s="14" t="s">
        <v>15</v>
      </c>
      <c r="G9251" s="16">
        <v>0</v>
      </c>
    </row>
    <row r="9252" spans="1:7" x14ac:dyDescent="0.3">
      <c r="A9252" s="13" t="s">
        <v>79</v>
      </c>
      <c r="B9252" s="14" t="s">
        <v>1</v>
      </c>
      <c r="C9252" s="14" t="s">
        <v>51</v>
      </c>
      <c r="D9252" s="14" t="s">
        <v>31</v>
      </c>
      <c r="E9252" s="15">
        <v>45503</v>
      </c>
      <c r="F9252" s="14" t="s">
        <v>15</v>
      </c>
      <c r="G9252" s="16">
        <v>0</v>
      </c>
    </row>
    <row r="9253" spans="1:7" x14ac:dyDescent="0.3">
      <c r="A9253" s="13" t="s">
        <v>79</v>
      </c>
      <c r="B9253" s="14" t="s">
        <v>1</v>
      </c>
      <c r="C9253" s="14" t="s">
        <v>51</v>
      </c>
      <c r="D9253" s="14" t="s">
        <v>31</v>
      </c>
      <c r="E9253" s="15">
        <v>45504</v>
      </c>
      <c r="F9253" s="14" t="s">
        <v>15</v>
      </c>
      <c r="G9253" s="16">
        <v>0</v>
      </c>
    </row>
    <row r="9254" spans="1:7" x14ac:dyDescent="0.3">
      <c r="A9254" s="13" t="s">
        <v>79</v>
      </c>
      <c r="B9254" s="14" t="s">
        <v>1</v>
      </c>
      <c r="C9254" s="14" t="s">
        <v>51</v>
      </c>
      <c r="D9254" s="14" t="s">
        <v>31</v>
      </c>
      <c r="E9254" s="15">
        <v>45505</v>
      </c>
      <c r="F9254" s="14" t="s">
        <v>15</v>
      </c>
      <c r="G9254" s="16">
        <v>0</v>
      </c>
    </row>
    <row r="9255" spans="1:7" x14ac:dyDescent="0.3">
      <c r="A9255" s="13" t="s">
        <v>79</v>
      </c>
      <c r="B9255" s="14" t="s">
        <v>1</v>
      </c>
      <c r="C9255" s="14" t="s">
        <v>51</v>
      </c>
      <c r="D9255" s="14" t="s">
        <v>31</v>
      </c>
      <c r="E9255" s="15">
        <v>45506</v>
      </c>
      <c r="F9255" s="14" t="s">
        <v>15</v>
      </c>
      <c r="G9255" s="16">
        <v>0</v>
      </c>
    </row>
    <row r="9256" spans="1:7" x14ac:dyDescent="0.3">
      <c r="A9256" s="13" t="s">
        <v>79</v>
      </c>
      <c r="B9256" s="14" t="s">
        <v>1</v>
      </c>
      <c r="C9256" s="14" t="s">
        <v>51</v>
      </c>
      <c r="D9256" s="14" t="s">
        <v>31</v>
      </c>
      <c r="E9256" s="15">
        <v>45507</v>
      </c>
      <c r="F9256" s="14" t="s">
        <v>15</v>
      </c>
      <c r="G9256" s="16">
        <v>0</v>
      </c>
    </row>
    <row r="9257" spans="1:7" x14ac:dyDescent="0.3">
      <c r="A9257" s="13" t="s">
        <v>79</v>
      </c>
      <c r="B9257" s="14" t="s">
        <v>1</v>
      </c>
      <c r="C9257" s="14" t="s">
        <v>51</v>
      </c>
      <c r="D9257" s="14" t="s">
        <v>31</v>
      </c>
      <c r="E9257" s="15">
        <v>45508</v>
      </c>
      <c r="F9257" s="14" t="s">
        <v>15</v>
      </c>
      <c r="G9257" s="16">
        <v>0</v>
      </c>
    </row>
    <row r="9258" spans="1:7" x14ac:dyDescent="0.3">
      <c r="A9258" s="13" t="s">
        <v>79</v>
      </c>
      <c r="B9258" s="14" t="s">
        <v>1</v>
      </c>
      <c r="C9258" s="14" t="s">
        <v>51</v>
      </c>
      <c r="D9258" s="14" t="s">
        <v>31</v>
      </c>
      <c r="E9258" s="15">
        <v>45509</v>
      </c>
      <c r="F9258" s="14" t="s">
        <v>15</v>
      </c>
      <c r="G9258" s="16">
        <v>0</v>
      </c>
    </row>
    <row r="9259" spans="1:7" x14ac:dyDescent="0.3">
      <c r="A9259" s="13" t="s">
        <v>79</v>
      </c>
      <c r="B9259" s="14" t="s">
        <v>1</v>
      </c>
      <c r="C9259" s="14" t="s">
        <v>51</v>
      </c>
      <c r="D9259" s="14" t="s">
        <v>31</v>
      </c>
      <c r="E9259" s="15">
        <v>45510</v>
      </c>
      <c r="F9259" s="14" t="s">
        <v>15</v>
      </c>
      <c r="G9259" s="16">
        <v>0</v>
      </c>
    </row>
    <row r="9260" spans="1:7" x14ac:dyDescent="0.3">
      <c r="A9260" s="13" t="s">
        <v>79</v>
      </c>
      <c r="B9260" s="14" t="s">
        <v>1</v>
      </c>
      <c r="C9260" s="14" t="s">
        <v>51</v>
      </c>
      <c r="D9260" s="14" t="s">
        <v>31</v>
      </c>
      <c r="E9260" s="15">
        <v>45511</v>
      </c>
      <c r="F9260" s="14" t="s">
        <v>15</v>
      </c>
      <c r="G9260" s="16">
        <v>0</v>
      </c>
    </row>
    <row r="9261" spans="1:7" x14ac:dyDescent="0.3">
      <c r="A9261" s="13" t="s">
        <v>79</v>
      </c>
      <c r="B9261" s="14" t="s">
        <v>1</v>
      </c>
      <c r="C9261" s="14" t="s">
        <v>51</v>
      </c>
      <c r="D9261" s="14" t="s">
        <v>31</v>
      </c>
      <c r="E9261" s="15">
        <v>45512</v>
      </c>
      <c r="F9261" s="14" t="s">
        <v>15</v>
      </c>
      <c r="G9261" s="16">
        <v>0</v>
      </c>
    </row>
    <row r="9262" spans="1:7" x14ac:dyDescent="0.3">
      <c r="A9262" s="13" t="s">
        <v>79</v>
      </c>
      <c r="B9262" s="14" t="s">
        <v>1</v>
      </c>
      <c r="C9262" s="14" t="s">
        <v>51</v>
      </c>
      <c r="D9262" s="14" t="s">
        <v>31</v>
      </c>
      <c r="E9262" s="15">
        <v>45513</v>
      </c>
      <c r="F9262" s="14" t="s">
        <v>15</v>
      </c>
      <c r="G9262" s="16">
        <v>0</v>
      </c>
    </row>
    <row r="9263" spans="1:7" x14ac:dyDescent="0.3">
      <c r="A9263" s="13" t="s">
        <v>79</v>
      </c>
      <c r="B9263" s="14" t="s">
        <v>1</v>
      </c>
      <c r="C9263" s="14" t="s">
        <v>51</v>
      </c>
      <c r="D9263" s="14" t="s">
        <v>31</v>
      </c>
      <c r="E9263" s="15">
        <v>45514</v>
      </c>
      <c r="F9263" s="14" t="s">
        <v>15</v>
      </c>
      <c r="G9263" s="16">
        <v>0</v>
      </c>
    </row>
    <row r="9264" spans="1:7" x14ac:dyDescent="0.3">
      <c r="A9264" s="13" t="s">
        <v>79</v>
      </c>
      <c r="B9264" s="14" t="s">
        <v>1</v>
      </c>
      <c r="C9264" s="14" t="s">
        <v>51</v>
      </c>
      <c r="D9264" s="14" t="s">
        <v>31</v>
      </c>
      <c r="E9264" s="15">
        <v>45515</v>
      </c>
      <c r="F9264" s="14" t="s">
        <v>15</v>
      </c>
      <c r="G9264" s="16">
        <v>0</v>
      </c>
    </row>
    <row r="9265" spans="1:7" x14ac:dyDescent="0.3">
      <c r="A9265" s="13" t="s">
        <v>79</v>
      </c>
      <c r="B9265" s="14" t="s">
        <v>1</v>
      </c>
      <c r="C9265" s="14" t="s">
        <v>51</v>
      </c>
      <c r="D9265" s="14" t="s">
        <v>31</v>
      </c>
      <c r="E9265" s="15">
        <v>45516</v>
      </c>
      <c r="F9265" s="14" t="s">
        <v>15</v>
      </c>
      <c r="G9265" s="16">
        <v>0</v>
      </c>
    </row>
    <row r="9266" spans="1:7" x14ac:dyDescent="0.3">
      <c r="A9266" s="13" t="s">
        <v>79</v>
      </c>
      <c r="B9266" s="14" t="s">
        <v>1</v>
      </c>
      <c r="C9266" s="14" t="s">
        <v>51</v>
      </c>
      <c r="D9266" s="14" t="s">
        <v>31</v>
      </c>
      <c r="E9266" s="15">
        <v>45517</v>
      </c>
      <c r="F9266" s="14" t="s">
        <v>15</v>
      </c>
      <c r="G9266" s="16">
        <v>0</v>
      </c>
    </row>
    <row r="9267" spans="1:7" x14ac:dyDescent="0.3">
      <c r="A9267" s="13" t="s">
        <v>79</v>
      </c>
      <c r="B9267" s="14" t="s">
        <v>1</v>
      </c>
      <c r="C9267" s="14" t="s">
        <v>51</v>
      </c>
      <c r="D9267" s="14" t="s">
        <v>31</v>
      </c>
      <c r="E9267" s="15">
        <v>45518</v>
      </c>
      <c r="F9267" s="14" t="s">
        <v>15</v>
      </c>
      <c r="G9267" s="16">
        <v>0</v>
      </c>
    </row>
    <row r="9268" spans="1:7" x14ac:dyDescent="0.3">
      <c r="A9268" s="13" t="s">
        <v>79</v>
      </c>
      <c r="B9268" s="14" t="s">
        <v>1</v>
      </c>
      <c r="C9268" s="14" t="s">
        <v>51</v>
      </c>
      <c r="D9268" s="14" t="s">
        <v>31</v>
      </c>
      <c r="E9268" s="15">
        <v>45519</v>
      </c>
      <c r="F9268" s="14" t="s">
        <v>15</v>
      </c>
      <c r="G9268" s="16">
        <v>0</v>
      </c>
    </row>
    <row r="9269" spans="1:7" x14ac:dyDescent="0.3">
      <c r="A9269" s="13" t="s">
        <v>79</v>
      </c>
      <c r="B9269" s="14" t="s">
        <v>1</v>
      </c>
      <c r="C9269" s="14" t="s">
        <v>51</v>
      </c>
      <c r="D9269" s="14" t="s">
        <v>31</v>
      </c>
      <c r="E9269" s="15">
        <v>45520</v>
      </c>
      <c r="F9269" s="14" t="s">
        <v>15</v>
      </c>
      <c r="G9269" s="16">
        <v>0</v>
      </c>
    </row>
    <row r="9270" spans="1:7" x14ac:dyDescent="0.3">
      <c r="A9270" s="13" t="s">
        <v>79</v>
      </c>
      <c r="B9270" s="14" t="s">
        <v>1</v>
      </c>
      <c r="C9270" s="14" t="s">
        <v>51</v>
      </c>
      <c r="D9270" s="14" t="s">
        <v>31</v>
      </c>
      <c r="E9270" s="15">
        <v>45521</v>
      </c>
      <c r="F9270" s="14" t="s">
        <v>15</v>
      </c>
      <c r="G9270" s="16">
        <v>0</v>
      </c>
    </row>
    <row r="9271" spans="1:7" x14ac:dyDescent="0.3">
      <c r="A9271" s="13" t="s">
        <v>79</v>
      </c>
      <c r="B9271" s="14" t="s">
        <v>1</v>
      </c>
      <c r="C9271" s="14" t="s">
        <v>51</v>
      </c>
      <c r="D9271" s="14" t="s">
        <v>31</v>
      </c>
      <c r="E9271" s="15">
        <v>45522</v>
      </c>
      <c r="F9271" s="14" t="s">
        <v>15</v>
      </c>
      <c r="G9271" s="16">
        <v>0</v>
      </c>
    </row>
    <row r="9272" spans="1:7" x14ac:dyDescent="0.3">
      <c r="A9272" s="13" t="s">
        <v>79</v>
      </c>
      <c r="B9272" s="14" t="s">
        <v>1</v>
      </c>
      <c r="C9272" s="14" t="s">
        <v>51</v>
      </c>
      <c r="D9272" s="14" t="s">
        <v>31</v>
      </c>
      <c r="E9272" s="15">
        <v>45523</v>
      </c>
      <c r="F9272" s="14" t="s">
        <v>15</v>
      </c>
      <c r="G9272" s="16">
        <v>0</v>
      </c>
    </row>
    <row r="9273" spans="1:7" x14ac:dyDescent="0.3">
      <c r="A9273" s="13" t="s">
        <v>79</v>
      </c>
      <c r="B9273" s="14" t="s">
        <v>1</v>
      </c>
      <c r="C9273" s="14" t="s">
        <v>51</v>
      </c>
      <c r="D9273" s="14" t="s">
        <v>31</v>
      </c>
      <c r="E9273" s="15">
        <v>45524</v>
      </c>
      <c r="F9273" s="14" t="s">
        <v>15</v>
      </c>
      <c r="G9273" s="16">
        <v>0</v>
      </c>
    </row>
    <row r="9274" spans="1:7" x14ac:dyDescent="0.3">
      <c r="A9274" s="13" t="s">
        <v>79</v>
      </c>
      <c r="B9274" s="14" t="s">
        <v>1</v>
      </c>
      <c r="C9274" s="14" t="s">
        <v>51</v>
      </c>
      <c r="D9274" s="14" t="s">
        <v>31</v>
      </c>
      <c r="E9274" s="15">
        <v>45525</v>
      </c>
      <c r="F9274" s="14" t="s">
        <v>15</v>
      </c>
      <c r="G9274" s="16">
        <v>0</v>
      </c>
    </row>
    <row r="9275" spans="1:7" x14ac:dyDescent="0.3">
      <c r="A9275" s="13" t="s">
        <v>79</v>
      </c>
      <c r="B9275" s="14" t="s">
        <v>1</v>
      </c>
      <c r="C9275" s="14" t="s">
        <v>51</v>
      </c>
      <c r="D9275" s="14" t="s">
        <v>31</v>
      </c>
      <c r="E9275" s="15">
        <v>45526</v>
      </c>
      <c r="F9275" s="14" t="s">
        <v>15</v>
      </c>
      <c r="G9275" s="16">
        <v>0</v>
      </c>
    </row>
    <row r="9276" spans="1:7" x14ac:dyDescent="0.3">
      <c r="A9276" s="13" t="s">
        <v>79</v>
      </c>
      <c r="B9276" s="14" t="s">
        <v>1</v>
      </c>
      <c r="C9276" s="14" t="s">
        <v>51</v>
      </c>
      <c r="D9276" s="14" t="s">
        <v>31</v>
      </c>
      <c r="E9276" s="15">
        <v>45527</v>
      </c>
      <c r="F9276" s="14" t="s">
        <v>15</v>
      </c>
      <c r="G9276" s="16">
        <v>0</v>
      </c>
    </row>
    <row r="9277" spans="1:7" x14ac:dyDescent="0.3">
      <c r="A9277" s="13" t="s">
        <v>79</v>
      </c>
      <c r="B9277" s="14" t="s">
        <v>1</v>
      </c>
      <c r="C9277" s="14" t="s">
        <v>51</v>
      </c>
      <c r="D9277" s="14" t="s">
        <v>31</v>
      </c>
      <c r="E9277" s="15">
        <v>45528</v>
      </c>
      <c r="F9277" s="14" t="s">
        <v>15</v>
      </c>
      <c r="G9277" s="16">
        <v>0</v>
      </c>
    </row>
    <row r="9278" spans="1:7" x14ac:dyDescent="0.3">
      <c r="A9278" s="13" t="s">
        <v>79</v>
      </c>
      <c r="B9278" s="14" t="s">
        <v>1</v>
      </c>
      <c r="C9278" s="14" t="s">
        <v>51</v>
      </c>
      <c r="D9278" s="14" t="s">
        <v>31</v>
      </c>
      <c r="E9278" s="15">
        <v>45529</v>
      </c>
      <c r="F9278" s="14" t="s">
        <v>15</v>
      </c>
      <c r="G9278" s="16">
        <v>0</v>
      </c>
    </row>
    <row r="9279" spans="1:7" x14ac:dyDescent="0.3">
      <c r="A9279" s="13" t="s">
        <v>79</v>
      </c>
      <c r="B9279" s="14" t="s">
        <v>1</v>
      </c>
      <c r="C9279" s="14" t="s">
        <v>51</v>
      </c>
      <c r="D9279" s="14" t="s">
        <v>31</v>
      </c>
      <c r="E9279" s="15">
        <v>45530</v>
      </c>
      <c r="F9279" s="14" t="s">
        <v>15</v>
      </c>
      <c r="G9279" s="16">
        <v>0</v>
      </c>
    </row>
    <row r="9280" spans="1:7" x14ac:dyDescent="0.3">
      <c r="A9280" s="13" t="s">
        <v>79</v>
      </c>
      <c r="B9280" s="14" t="s">
        <v>1</v>
      </c>
      <c r="C9280" s="14" t="s">
        <v>51</v>
      </c>
      <c r="D9280" s="14" t="s">
        <v>31</v>
      </c>
      <c r="E9280" s="15">
        <v>45531</v>
      </c>
      <c r="F9280" s="14" t="s">
        <v>15</v>
      </c>
      <c r="G9280" s="16">
        <v>0</v>
      </c>
    </row>
    <row r="9281" spans="1:7" x14ac:dyDescent="0.3">
      <c r="A9281" s="13" t="s">
        <v>79</v>
      </c>
      <c r="B9281" s="14" t="s">
        <v>1</v>
      </c>
      <c r="C9281" s="14" t="s">
        <v>51</v>
      </c>
      <c r="D9281" s="14" t="s">
        <v>31</v>
      </c>
      <c r="E9281" s="15">
        <v>45532</v>
      </c>
      <c r="F9281" s="14" t="s">
        <v>15</v>
      </c>
      <c r="G9281" s="16">
        <v>0</v>
      </c>
    </row>
    <row r="9282" spans="1:7" x14ac:dyDescent="0.3">
      <c r="A9282" s="13" t="s">
        <v>79</v>
      </c>
      <c r="B9282" s="14" t="s">
        <v>1</v>
      </c>
      <c r="C9282" s="14" t="s">
        <v>51</v>
      </c>
      <c r="D9282" s="14" t="s">
        <v>31</v>
      </c>
      <c r="E9282" s="15">
        <v>45533</v>
      </c>
      <c r="F9282" s="14" t="s">
        <v>15</v>
      </c>
      <c r="G9282" s="16">
        <v>0</v>
      </c>
    </row>
    <row r="9283" spans="1:7" x14ac:dyDescent="0.3">
      <c r="A9283" s="13" t="s">
        <v>79</v>
      </c>
      <c r="B9283" s="14" t="s">
        <v>1</v>
      </c>
      <c r="C9283" s="14" t="s">
        <v>51</v>
      </c>
      <c r="D9283" s="14" t="s">
        <v>31</v>
      </c>
      <c r="E9283" s="15">
        <v>45534</v>
      </c>
      <c r="F9283" s="14" t="s">
        <v>15</v>
      </c>
      <c r="G9283" s="16">
        <v>0</v>
      </c>
    </row>
    <row r="9284" spans="1:7" x14ac:dyDescent="0.3">
      <c r="A9284" s="13" t="s">
        <v>79</v>
      </c>
      <c r="B9284" s="14" t="s">
        <v>1</v>
      </c>
      <c r="C9284" s="14" t="s">
        <v>51</v>
      </c>
      <c r="D9284" s="14" t="s">
        <v>31</v>
      </c>
      <c r="E9284" s="15">
        <v>45535</v>
      </c>
      <c r="F9284" s="14" t="s">
        <v>15</v>
      </c>
      <c r="G9284" s="16">
        <v>0</v>
      </c>
    </row>
    <row r="9285" spans="1:7" x14ac:dyDescent="0.3">
      <c r="A9285" s="13" t="s">
        <v>79</v>
      </c>
      <c r="B9285" s="14" t="s">
        <v>1</v>
      </c>
      <c r="C9285" s="14" t="s">
        <v>51</v>
      </c>
      <c r="D9285" s="14" t="s">
        <v>31</v>
      </c>
      <c r="E9285" s="15">
        <v>45536</v>
      </c>
      <c r="F9285" s="14" t="s">
        <v>15</v>
      </c>
      <c r="G9285" s="16">
        <v>0</v>
      </c>
    </row>
    <row r="9286" spans="1:7" x14ac:dyDescent="0.3">
      <c r="A9286" s="13" t="s">
        <v>79</v>
      </c>
      <c r="B9286" s="14" t="s">
        <v>1</v>
      </c>
      <c r="C9286" s="14" t="s">
        <v>51</v>
      </c>
      <c r="D9286" s="14" t="s">
        <v>31</v>
      </c>
      <c r="E9286" s="15">
        <v>45537</v>
      </c>
      <c r="F9286" s="14" t="s">
        <v>15</v>
      </c>
      <c r="G9286" s="16">
        <v>0</v>
      </c>
    </row>
    <row r="9287" spans="1:7" x14ac:dyDescent="0.3">
      <c r="A9287" s="13" t="s">
        <v>79</v>
      </c>
      <c r="B9287" s="14" t="s">
        <v>1</v>
      </c>
      <c r="C9287" s="14" t="s">
        <v>51</v>
      </c>
      <c r="D9287" s="14" t="s">
        <v>31</v>
      </c>
      <c r="E9287" s="15">
        <v>45538</v>
      </c>
      <c r="F9287" s="14" t="s">
        <v>15</v>
      </c>
      <c r="G9287" s="16">
        <v>0</v>
      </c>
    </row>
    <row r="9288" spans="1:7" x14ac:dyDescent="0.3">
      <c r="A9288" s="13" t="s">
        <v>79</v>
      </c>
      <c r="B9288" s="14" t="s">
        <v>1</v>
      </c>
      <c r="C9288" s="14" t="s">
        <v>51</v>
      </c>
      <c r="D9288" s="14" t="s">
        <v>31</v>
      </c>
      <c r="E9288" s="15">
        <v>45539</v>
      </c>
      <c r="F9288" s="14" t="s">
        <v>15</v>
      </c>
      <c r="G9288" s="16">
        <v>0</v>
      </c>
    </row>
    <row r="9289" spans="1:7" x14ac:dyDescent="0.3">
      <c r="A9289" s="13" t="s">
        <v>79</v>
      </c>
      <c r="B9289" s="14" t="s">
        <v>1</v>
      </c>
      <c r="C9289" s="14" t="s">
        <v>51</v>
      </c>
      <c r="D9289" s="14" t="s">
        <v>31</v>
      </c>
      <c r="E9289" s="15">
        <v>45540</v>
      </c>
      <c r="F9289" s="14" t="s">
        <v>15</v>
      </c>
      <c r="G9289" s="16">
        <v>0</v>
      </c>
    </row>
    <row r="9290" spans="1:7" x14ac:dyDescent="0.3">
      <c r="A9290" s="13" t="s">
        <v>79</v>
      </c>
      <c r="B9290" s="14" t="s">
        <v>1</v>
      </c>
      <c r="C9290" s="14" t="s">
        <v>51</v>
      </c>
      <c r="D9290" s="14" t="s">
        <v>31</v>
      </c>
      <c r="E9290" s="15">
        <v>45541</v>
      </c>
      <c r="F9290" s="14" t="s">
        <v>15</v>
      </c>
      <c r="G9290" s="16">
        <v>0</v>
      </c>
    </row>
    <row r="9291" spans="1:7" x14ac:dyDescent="0.3">
      <c r="A9291" s="13" t="s">
        <v>79</v>
      </c>
      <c r="B9291" s="14" t="s">
        <v>1</v>
      </c>
      <c r="C9291" s="14" t="s">
        <v>51</v>
      </c>
      <c r="D9291" s="14" t="s">
        <v>31</v>
      </c>
      <c r="E9291" s="15">
        <v>45542</v>
      </c>
      <c r="F9291" s="14" t="s">
        <v>15</v>
      </c>
      <c r="G9291" s="16">
        <v>0</v>
      </c>
    </row>
    <row r="9292" spans="1:7" x14ac:dyDescent="0.3">
      <c r="A9292" s="13" t="s">
        <v>79</v>
      </c>
      <c r="B9292" s="14" t="s">
        <v>1</v>
      </c>
      <c r="C9292" s="14" t="s">
        <v>51</v>
      </c>
      <c r="D9292" s="14" t="s">
        <v>31</v>
      </c>
      <c r="E9292" s="15">
        <v>45543</v>
      </c>
      <c r="F9292" s="14" t="s">
        <v>15</v>
      </c>
      <c r="G9292" s="16">
        <v>0</v>
      </c>
    </row>
    <row r="9293" spans="1:7" x14ac:dyDescent="0.3">
      <c r="A9293" s="13" t="s">
        <v>79</v>
      </c>
      <c r="B9293" s="14" t="s">
        <v>1</v>
      </c>
      <c r="C9293" s="14" t="s">
        <v>51</v>
      </c>
      <c r="D9293" s="14" t="s">
        <v>31</v>
      </c>
      <c r="E9293" s="15">
        <v>45544</v>
      </c>
      <c r="F9293" s="14" t="s">
        <v>15</v>
      </c>
      <c r="G9293" s="16">
        <v>0</v>
      </c>
    </row>
    <row r="9294" spans="1:7" x14ac:dyDescent="0.3">
      <c r="A9294" s="13" t="s">
        <v>79</v>
      </c>
      <c r="B9294" s="14" t="s">
        <v>1</v>
      </c>
      <c r="C9294" s="14" t="s">
        <v>51</v>
      </c>
      <c r="D9294" s="14" t="s">
        <v>31</v>
      </c>
      <c r="E9294" s="15">
        <v>45545</v>
      </c>
      <c r="F9294" s="14" t="s">
        <v>15</v>
      </c>
      <c r="G9294" s="16">
        <v>0</v>
      </c>
    </row>
    <row r="9295" spans="1:7" x14ac:dyDescent="0.3">
      <c r="A9295" s="13" t="s">
        <v>79</v>
      </c>
      <c r="B9295" s="14" t="s">
        <v>1</v>
      </c>
      <c r="C9295" s="14" t="s">
        <v>51</v>
      </c>
      <c r="D9295" s="14" t="s">
        <v>31</v>
      </c>
      <c r="E9295" s="15">
        <v>45546</v>
      </c>
      <c r="F9295" s="14" t="s">
        <v>15</v>
      </c>
      <c r="G9295" s="16">
        <v>0</v>
      </c>
    </row>
    <row r="9296" spans="1:7" x14ac:dyDescent="0.3">
      <c r="A9296" s="13" t="s">
        <v>79</v>
      </c>
      <c r="B9296" s="14" t="s">
        <v>1</v>
      </c>
      <c r="C9296" s="14" t="s">
        <v>51</v>
      </c>
      <c r="D9296" s="14" t="s">
        <v>31</v>
      </c>
      <c r="E9296" s="15">
        <v>45547</v>
      </c>
      <c r="F9296" s="14" t="s">
        <v>15</v>
      </c>
      <c r="G9296" s="16">
        <v>0</v>
      </c>
    </row>
    <row r="9297" spans="1:7" x14ac:dyDescent="0.3">
      <c r="A9297" s="13" t="s">
        <v>79</v>
      </c>
      <c r="B9297" s="14" t="s">
        <v>1</v>
      </c>
      <c r="C9297" s="14" t="s">
        <v>51</v>
      </c>
      <c r="D9297" s="14" t="s">
        <v>31</v>
      </c>
      <c r="E9297" s="15">
        <v>45548</v>
      </c>
      <c r="F9297" s="14" t="s">
        <v>15</v>
      </c>
      <c r="G9297" s="16">
        <v>0</v>
      </c>
    </row>
    <row r="9298" spans="1:7" x14ac:dyDescent="0.3">
      <c r="A9298" s="13" t="s">
        <v>79</v>
      </c>
      <c r="B9298" s="14" t="s">
        <v>1</v>
      </c>
      <c r="C9298" s="14" t="s">
        <v>51</v>
      </c>
      <c r="D9298" s="14" t="s">
        <v>31</v>
      </c>
      <c r="E9298" s="15">
        <v>45549</v>
      </c>
      <c r="F9298" s="14" t="s">
        <v>15</v>
      </c>
      <c r="G9298" s="16">
        <v>0</v>
      </c>
    </row>
    <row r="9299" spans="1:7" x14ac:dyDescent="0.3">
      <c r="A9299" s="13" t="s">
        <v>79</v>
      </c>
      <c r="B9299" s="14" t="s">
        <v>1</v>
      </c>
      <c r="C9299" s="14" t="s">
        <v>51</v>
      </c>
      <c r="D9299" s="14" t="s">
        <v>31</v>
      </c>
      <c r="E9299" s="15">
        <v>45550</v>
      </c>
      <c r="F9299" s="14" t="s">
        <v>15</v>
      </c>
      <c r="G9299" s="16">
        <v>0</v>
      </c>
    </row>
    <row r="9300" spans="1:7" x14ac:dyDescent="0.3">
      <c r="A9300" s="13" t="s">
        <v>79</v>
      </c>
      <c r="B9300" s="14" t="s">
        <v>1</v>
      </c>
      <c r="C9300" s="14" t="s">
        <v>51</v>
      </c>
      <c r="D9300" s="14" t="s">
        <v>31</v>
      </c>
      <c r="E9300" s="15">
        <v>45551</v>
      </c>
      <c r="F9300" s="14" t="s">
        <v>15</v>
      </c>
      <c r="G9300" s="16">
        <v>0</v>
      </c>
    </row>
    <row r="9301" spans="1:7" x14ac:dyDescent="0.3">
      <c r="A9301" s="13" t="s">
        <v>79</v>
      </c>
      <c r="B9301" s="14" t="s">
        <v>1</v>
      </c>
      <c r="C9301" s="14" t="s">
        <v>51</v>
      </c>
      <c r="D9301" s="14" t="s">
        <v>31</v>
      </c>
      <c r="E9301" s="15">
        <v>45552</v>
      </c>
      <c r="F9301" s="14" t="s">
        <v>15</v>
      </c>
      <c r="G9301" s="16">
        <v>0</v>
      </c>
    </row>
    <row r="9302" spans="1:7" x14ac:dyDescent="0.3">
      <c r="A9302" s="13" t="s">
        <v>79</v>
      </c>
      <c r="B9302" s="14" t="s">
        <v>1</v>
      </c>
      <c r="C9302" s="14" t="s">
        <v>51</v>
      </c>
      <c r="D9302" s="14" t="s">
        <v>31</v>
      </c>
      <c r="E9302" s="15">
        <v>45553</v>
      </c>
      <c r="F9302" s="14" t="s">
        <v>15</v>
      </c>
      <c r="G9302" s="16">
        <v>0</v>
      </c>
    </row>
    <row r="9303" spans="1:7" x14ac:dyDescent="0.3">
      <c r="A9303" s="13" t="s">
        <v>79</v>
      </c>
      <c r="B9303" s="14" t="s">
        <v>1</v>
      </c>
      <c r="C9303" s="14" t="s">
        <v>51</v>
      </c>
      <c r="D9303" s="14" t="s">
        <v>31</v>
      </c>
      <c r="E9303" s="15">
        <v>45554</v>
      </c>
      <c r="F9303" s="14" t="s">
        <v>15</v>
      </c>
      <c r="G9303" s="16">
        <v>0</v>
      </c>
    </row>
    <row r="9304" spans="1:7" x14ac:dyDescent="0.3">
      <c r="A9304" s="13" t="s">
        <v>79</v>
      </c>
      <c r="B9304" s="14" t="s">
        <v>1</v>
      </c>
      <c r="C9304" s="14" t="s">
        <v>51</v>
      </c>
      <c r="D9304" s="14" t="s">
        <v>31</v>
      </c>
      <c r="E9304" s="15">
        <v>45555</v>
      </c>
      <c r="F9304" s="14" t="s">
        <v>15</v>
      </c>
      <c r="G9304" s="16">
        <v>0</v>
      </c>
    </row>
    <row r="9305" spans="1:7" x14ac:dyDescent="0.3">
      <c r="A9305" s="13" t="s">
        <v>79</v>
      </c>
      <c r="B9305" s="14" t="s">
        <v>1</v>
      </c>
      <c r="C9305" s="14" t="s">
        <v>51</v>
      </c>
      <c r="D9305" s="14" t="s">
        <v>31</v>
      </c>
      <c r="E9305" s="15">
        <v>45556</v>
      </c>
      <c r="F9305" s="14" t="s">
        <v>15</v>
      </c>
      <c r="G9305" s="16">
        <v>0</v>
      </c>
    </row>
    <row r="9306" spans="1:7" x14ac:dyDescent="0.3">
      <c r="A9306" s="13" t="s">
        <v>79</v>
      </c>
      <c r="B9306" s="14" t="s">
        <v>1</v>
      </c>
      <c r="C9306" s="14" t="s">
        <v>51</v>
      </c>
      <c r="D9306" s="14" t="s">
        <v>31</v>
      </c>
      <c r="E9306" s="15">
        <v>45557</v>
      </c>
      <c r="F9306" s="14" t="s">
        <v>15</v>
      </c>
      <c r="G9306" s="16">
        <v>0</v>
      </c>
    </row>
    <row r="9307" spans="1:7" x14ac:dyDescent="0.3">
      <c r="A9307" s="13" t="s">
        <v>79</v>
      </c>
      <c r="B9307" s="14" t="s">
        <v>1</v>
      </c>
      <c r="C9307" s="14" t="s">
        <v>51</v>
      </c>
      <c r="D9307" s="14" t="s">
        <v>31</v>
      </c>
      <c r="E9307" s="15">
        <v>45558</v>
      </c>
      <c r="F9307" s="14" t="s">
        <v>15</v>
      </c>
      <c r="G9307" s="16">
        <v>0</v>
      </c>
    </row>
    <row r="9308" spans="1:7" x14ac:dyDescent="0.3">
      <c r="A9308" s="13" t="s">
        <v>79</v>
      </c>
      <c r="B9308" s="14" t="s">
        <v>1</v>
      </c>
      <c r="C9308" s="14" t="s">
        <v>51</v>
      </c>
      <c r="D9308" s="14" t="s">
        <v>31</v>
      </c>
      <c r="E9308" s="15">
        <v>45559</v>
      </c>
      <c r="F9308" s="14" t="s">
        <v>15</v>
      </c>
      <c r="G9308" s="16">
        <v>0</v>
      </c>
    </row>
    <row r="9309" spans="1:7" x14ac:dyDescent="0.3">
      <c r="A9309" s="13" t="s">
        <v>79</v>
      </c>
      <c r="B9309" s="14" t="s">
        <v>1</v>
      </c>
      <c r="C9309" s="14" t="s">
        <v>51</v>
      </c>
      <c r="D9309" s="14" t="s">
        <v>31</v>
      </c>
      <c r="E9309" s="15">
        <v>45560</v>
      </c>
      <c r="F9309" s="14" t="s">
        <v>15</v>
      </c>
      <c r="G9309" s="16">
        <v>0</v>
      </c>
    </row>
    <row r="9310" spans="1:7" x14ac:dyDescent="0.3">
      <c r="A9310" s="13" t="s">
        <v>79</v>
      </c>
      <c r="B9310" s="14" t="s">
        <v>1</v>
      </c>
      <c r="C9310" s="14" t="s">
        <v>51</v>
      </c>
      <c r="D9310" s="14" t="s">
        <v>31</v>
      </c>
      <c r="E9310" s="15">
        <v>45561</v>
      </c>
      <c r="F9310" s="14" t="s">
        <v>15</v>
      </c>
      <c r="G9310" s="16">
        <v>0</v>
      </c>
    </row>
    <row r="9311" spans="1:7" x14ac:dyDescent="0.3">
      <c r="A9311" s="13" t="s">
        <v>79</v>
      </c>
      <c r="B9311" s="14" t="s">
        <v>1</v>
      </c>
      <c r="C9311" s="14" t="s">
        <v>51</v>
      </c>
      <c r="D9311" s="14" t="s">
        <v>31</v>
      </c>
      <c r="E9311" s="15">
        <v>45562</v>
      </c>
      <c r="F9311" s="14" t="s">
        <v>15</v>
      </c>
      <c r="G9311" s="16">
        <v>0</v>
      </c>
    </row>
    <row r="9312" spans="1:7" x14ac:dyDescent="0.3">
      <c r="A9312" s="13" t="s">
        <v>79</v>
      </c>
      <c r="B9312" s="14" t="s">
        <v>1</v>
      </c>
      <c r="C9312" s="14" t="s">
        <v>51</v>
      </c>
      <c r="D9312" s="14" t="s">
        <v>31</v>
      </c>
      <c r="E9312" s="15">
        <v>45563</v>
      </c>
      <c r="F9312" s="14" t="s">
        <v>15</v>
      </c>
      <c r="G9312" s="16">
        <v>0</v>
      </c>
    </row>
    <row r="9313" spans="1:7" x14ac:dyDescent="0.3">
      <c r="A9313" s="13" t="s">
        <v>79</v>
      </c>
      <c r="B9313" s="14" t="s">
        <v>1</v>
      </c>
      <c r="C9313" s="14" t="s">
        <v>51</v>
      </c>
      <c r="D9313" s="14" t="s">
        <v>31</v>
      </c>
      <c r="E9313" s="15">
        <v>45564</v>
      </c>
      <c r="F9313" s="14" t="s">
        <v>15</v>
      </c>
      <c r="G9313" s="16">
        <v>0</v>
      </c>
    </row>
    <row r="9314" spans="1:7" x14ac:dyDescent="0.3">
      <c r="A9314" s="13" t="s">
        <v>79</v>
      </c>
      <c r="B9314" s="14" t="s">
        <v>1</v>
      </c>
      <c r="C9314" s="14" t="s">
        <v>51</v>
      </c>
      <c r="D9314" s="14" t="s">
        <v>31</v>
      </c>
      <c r="E9314" s="15">
        <v>45565</v>
      </c>
      <c r="F9314" s="14" t="s">
        <v>15</v>
      </c>
      <c r="G9314" s="16">
        <v>0</v>
      </c>
    </row>
    <row r="9315" spans="1:7" x14ac:dyDescent="0.3">
      <c r="A9315" s="13" t="s">
        <v>79</v>
      </c>
      <c r="B9315" s="14" t="s">
        <v>1</v>
      </c>
      <c r="C9315" s="14" t="s">
        <v>51</v>
      </c>
      <c r="D9315" s="14" t="s">
        <v>31</v>
      </c>
      <c r="E9315" s="15">
        <v>45566</v>
      </c>
      <c r="F9315" s="14" t="s">
        <v>15</v>
      </c>
      <c r="G9315" s="16">
        <v>0</v>
      </c>
    </row>
    <row r="9316" spans="1:7" x14ac:dyDescent="0.3">
      <c r="A9316" s="13" t="s">
        <v>79</v>
      </c>
      <c r="B9316" s="14" t="s">
        <v>1</v>
      </c>
      <c r="C9316" s="14" t="s">
        <v>51</v>
      </c>
      <c r="D9316" s="14" t="s">
        <v>31</v>
      </c>
      <c r="E9316" s="15">
        <v>45567</v>
      </c>
      <c r="F9316" s="14" t="s">
        <v>15</v>
      </c>
      <c r="G9316" s="16">
        <v>0</v>
      </c>
    </row>
    <row r="9317" spans="1:7" x14ac:dyDescent="0.3">
      <c r="A9317" s="13" t="s">
        <v>79</v>
      </c>
      <c r="B9317" s="14" t="s">
        <v>1</v>
      </c>
      <c r="C9317" s="14" t="s">
        <v>51</v>
      </c>
      <c r="D9317" s="14" t="s">
        <v>31</v>
      </c>
      <c r="E9317" s="15">
        <v>45568</v>
      </c>
      <c r="F9317" s="14" t="s">
        <v>15</v>
      </c>
      <c r="G9317" s="16">
        <v>0</v>
      </c>
    </row>
    <row r="9318" spans="1:7" x14ac:dyDescent="0.3">
      <c r="A9318" s="13" t="s">
        <v>79</v>
      </c>
      <c r="B9318" s="14" t="s">
        <v>1</v>
      </c>
      <c r="C9318" s="14" t="s">
        <v>51</v>
      </c>
      <c r="D9318" s="14" t="s">
        <v>31</v>
      </c>
      <c r="E9318" s="15">
        <v>45569</v>
      </c>
      <c r="F9318" s="14" t="s">
        <v>15</v>
      </c>
      <c r="G9318" s="16">
        <v>0</v>
      </c>
    </row>
    <row r="9319" spans="1:7" x14ac:dyDescent="0.3">
      <c r="A9319" s="13" t="s">
        <v>79</v>
      </c>
      <c r="B9319" s="14" t="s">
        <v>1</v>
      </c>
      <c r="C9319" s="14" t="s">
        <v>51</v>
      </c>
      <c r="D9319" s="14" t="s">
        <v>31</v>
      </c>
      <c r="E9319" s="15">
        <v>45570</v>
      </c>
      <c r="F9319" s="14" t="s">
        <v>15</v>
      </c>
      <c r="G9319" s="16">
        <v>0</v>
      </c>
    </row>
    <row r="9320" spans="1:7" x14ac:dyDescent="0.3">
      <c r="A9320" s="13" t="s">
        <v>79</v>
      </c>
      <c r="B9320" s="14" t="s">
        <v>1</v>
      </c>
      <c r="C9320" s="14" t="s">
        <v>51</v>
      </c>
      <c r="D9320" s="14" t="s">
        <v>31</v>
      </c>
      <c r="E9320" s="15">
        <v>45571</v>
      </c>
      <c r="F9320" s="14" t="s">
        <v>15</v>
      </c>
      <c r="G9320" s="16">
        <v>0</v>
      </c>
    </row>
    <row r="9321" spans="1:7" x14ac:dyDescent="0.3">
      <c r="A9321" s="13" t="s">
        <v>79</v>
      </c>
      <c r="B9321" s="14" t="s">
        <v>1</v>
      </c>
      <c r="C9321" s="14" t="s">
        <v>51</v>
      </c>
      <c r="D9321" s="14" t="s">
        <v>31</v>
      </c>
      <c r="E9321" s="15">
        <v>45572</v>
      </c>
      <c r="F9321" s="14" t="s">
        <v>15</v>
      </c>
      <c r="G9321" s="16">
        <v>0</v>
      </c>
    </row>
    <row r="9322" spans="1:7" x14ac:dyDescent="0.3">
      <c r="A9322" s="13" t="s">
        <v>79</v>
      </c>
      <c r="B9322" s="14" t="s">
        <v>1</v>
      </c>
      <c r="C9322" s="14" t="s">
        <v>51</v>
      </c>
      <c r="D9322" s="14" t="s">
        <v>31</v>
      </c>
      <c r="E9322" s="15">
        <v>45573</v>
      </c>
      <c r="F9322" s="14" t="s">
        <v>15</v>
      </c>
      <c r="G9322" s="16">
        <v>0</v>
      </c>
    </row>
    <row r="9323" spans="1:7" x14ac:dyDescent="0.3">
      <c r="A9323" s="13" t="s">
        <v>79</v>
      </c>
      <c r="B9323" s="14" t="s">
        <v>1</v>
      </c>
      <c r="C9323" s="14" t="s">
        <v>51</v>
      </c>
      <c r="D9323" s="14" t="s">
        <v>31</v>
      </c>
      <c r="E9323" s="15">
        <v>45574</v>
      </c>
      <c r="F9323" s="14" t="s">
        <v>15</v>
      </c>
      <c r="G9323" s="16">
        <v>0</v>
      </c>
    </row>
    <row r="9324" spans="1:7" x14ac:dyDescent="0.3">
      <c r="A9324" s="13" t="s">
        <v>79</v>
      </c>
      <c r="B9324" s="14" t="s">
        <v>1</v>
      </c>
      <c r="C9324" s="14" t="s">
        <v>51</v>
      </c>
      <c r="D9324" s="14" t="s">
        <v>31</v>
      </c>
      <c r="E9324" s="15">
        <v>45575</v>
      </c>
      <c r="F9324" s="14" t="s">
        <v>15</v>
      </c>
      <c r="G9324" s="16">
        <v>0</v>
      </c>
    </row>
    <row r="9325" spans="1:7" x14ac:dyDescent="0.3">
      <c r="A9325" s="13" t="s">
        <v>79</v>
      </c>
      <c r="B9325" s="14" t="s">
        <v>1</v>
      </c>
      <c r="C9325" s="14" t="s">
        <v>51</v>
      </c>
      <c r="D9325" s="14" t="s">
        <v>31</v>
      </c>
      <c r="E9325" s="15">
        <v>45576</v>
      </c>
      <c r="F9325" s="14" t="s">
        <v>15</v>
      </c>
      <c r="G9325" s="16">
        <v>0</v>
      </c>
    </row>
    <row r="9326" spans="1:7" x14ac:dyDescent="0.3">
      <c r="A9326" s="13" t="s">
        <v>79</v>
      </c>
      <c r="B9326" s="14" t="s">
        <v>1</v>
      </c>
      <c r="C9326" s="14" t="s">
        <v>51</v>
      </c>
      <c r="D9326" s="14" t="s">
        <v>31</v>
      </c>
      <c r="E9326" s="15">
        <v>45577</v>
      </c>
      <c r="F9326" s="14" t="s">
        <v>15</v>
      </c>
      <c r="G9326" s="16">
        <v>0</v>
      </c>
    </row>
    <row r="9327" spans="1:7" x14ac:dyDescent="0.3">
      <c r="A9327" s="13" t="s">
        <v>79</v>
      </c>
      <c r="B9327" s="14" t="s">
        <v>1</v>
      </c>
      <c r="C9327" s="14" t="s">
        <v>51</v>
      </c>
      <c r="D9327" s="14" t="s">
        <v>31</v>
      </c>
      <c r="E9327" s="15">
        <v>45578</v>
      </c>
      <c r="F9327" s="14" t="s">
        <v>15</v>
      </c>
      <c r="G9327" s="16">
        <v>0</v>
      </c>
    </row>
    <row r="9328" spans="1:7" x14ac:dyDescent="0.3">
      <c r="A9328" s="13" t="s">
        <v>79</v>
      </c>
      <c r="B9328" s="14" t="s">
        <v>1</v>
      </c>
      <c r="C9328" s="14" t="s">
        <v>51</v>
      </c>
      <c r="D9328" s="14" t="s">
        <v>31</v>
      </c>
      <c r="E9328" s="15">
        <v>45579</v>
      </c>
      <c r="F9328" s="14" t="s">
        <v>15</v>
      </c>
      <c r="G9328" s="16">
        <v>0</v>
      </c>
    </row>
    <row r="9329" spans="1:7" x14ac:dyDescent="0.3">
      <c r="A9329" s="13" t="s">
        <v>79</v>
      </c>
      <c r="B9329" s="14" t="s">
        <v>1</v>
      </c>
      <c r="C9329" s="14" t="s">
        <v>51</v>
      </c>
      <c r="D9329" s="14" t="s">
        <v>31</v>
      </c>
      <c r="E9329" s="15">
        <v>45580</v>
      </c>
      <c r="F9329" s="14" t="s">
        <v>15</v>
      </c>
      <c r="G9329" s="16">
        <v>0</v>
      </c>
    </row>
    <row r="9330" spans="1:7" x14ac:dyDescent="0.3">
      <c r="A9330" s="13" t="s">
        <v>79</v>
      </c>
      <c r="B9330" s="14" t="s">
        <v>1</v>
      </c>
      <c r="C9330" s="14" t="s">
        <v>51</v>
      </c>
      <c r="D9330" s="14" t="s">
        <v>31</v>
      </c>
      <c r="E9330" s="15">
        <v>45581</v>
      </c>
      <c r="F9330" s="14" t="s">
        <v>15</v>
      </c>
      <c r="G9330" s="16">
        <v>0</v>
      </c>
    </row>
    <row r="9331" spans="1:7" x14ac:dyDescent="0.3">
      <c r="A9331" s="13" t="s">
        <v>79</v>
      </c>
      <c r="B9331" s="14" t="s">
        <v>1</v>
      </c>
      <c r="C9331" s="14" t="s">
        <v>51</v>
      </c>
      <c r="D9331" s="14" t="s">
        <v>31</v>
      </c>
      <c r="E9331" s="15">
        <v>45582</v>
      </c>
      <c r="F9331" s="14" t="s">
        <v>15</v>
      </c>
      <c r="G9331" s="16">
        <v>0</v>
      </c>
    </row>
    <row r="9332" spans="1:7" x14ac:dyDescent="0.3">
      <c r="A9332" s="13" t="s">
        <v>79</v>
      </c>
      <c r="B9332" s="14" t="s">
        <v>1</v>
      </c>
      <c r="C9332" s="14" t="s">
        <v>51</v>
      </c>
      <c r="D9332" s="14" t="s">
        <v>31</v>
      </c>
      <c r="E9332" s="15">
        <v>45583</v>
      </c>
      <c r="F9332" s="14" t="s">
        <v>15</v>
      </c>
      <c r="G9332" s="16">
        <v>0</v>
      </c>
    </row>
    <row r="9333" spans="1:7" x14ac:dyDescent="0.3">
      <c r="A9333" s="13" t="s">
        <v>79</v>
      </c>
      <c r="B9333" s="14" t="s">
        <v>1</v>
      </c>
      <c r="C9333" s="14" t="s">
        <v>51</v>
      </c>
      <c r="D9333" s="14" t="s">
        <v>31</v>
      </c>
      <c r="E9333" s="15">
        <v>45584</v>
      </c>
      <c r="F9333" s="14" t="s">
        <v>15</v>
      </c>
      <c r="G9333" s="16">
        <v>0</v>
      </c>
    </row>
    <row r="9334" spans="1:7" x14ac:dyDescent="0.3">
      <c r="A9334" s="13" t="s">
        <v>79</v>
      </c>
      <c r="B9334" s="14" t="s">
        <v>1</v>
      </c>
      <c r="C9334" s="14" t="s">
        <v>51</v>
      </c>
      <c r="D9334" s="14" t="s">
        <v>31</v>
      </c>
      <c r="E9334" s="15">
        <v>45585</v>
      </c>
      <c r="F9334" s="14" t="s">
        <v>15</v>
      </c>
      <c r="G9334" s="16">
        <v>0</v>
      </c>
    </row>
    <row r="9335" spans="1:7" x14ac:dyDescent="0.3">
      <c r="A9335" s="13" t="s">
        <v>79</v>
      </c>
      <c r="B9335" s="14" t="s">
        <v>1</v>
      </c>
      <c r="C9335" s="14" t="s">
        <v>51</v>
      </c>
      <c r="D9335" s="14" t="s">
        <v>31</v>
      </c>
      <c r="E9335" s="15">
        <v>45586</v>
      </c>
      <c r="F9335" s="14" t="s">
        <v>15</v>
      </c>
      <c r="G9335" s="16">
        <v>0</v>
      </c>
    </row>
    <row r="9336" spans="1:7" x14ac:dyDescent="0.3">
      <c r="A9336" s="13" t="s">
        <v>79</v>
      </c>
      <c r="B9336" s="14" t="s">
        <v>1</v>
      </c>
      <c r="C9336" s="14" t="s">
        <v>51</v>
      </c>
      <c r="D9336" s="14" t="s">
        <v>31</v>
      </c>
      <c r="E9336" s="15">
        <v>45587</v>
      </c>
      <c r="F9336" s="14" t="s">
        <v>15</v>
      </c>
      <c r="G9336" s="16">
        <v>0</v>
      </c>
    </row>
    <row r="9337" spans="1:7" x14ac:dyDescent="0.3">
      <c r="A9337" s="13" t="s">
        <v>79</v>
      </c>
      <c r="B9337" s="14" t="s">
        <v>1</v>
      </c>
      <c r="C9337" s="14" t="s">
        <v>51</v>
      </c>
      <c r="D9337" s="14" t="s">
        <v>31</v>
      </c>
      <c r="E9337" s="15">
        <v>45588</v>
      </c>
      <c r="F9337" s="14" t="s">
        <v>15</v>
      </c>
      <c r="G9337" s="16">
        <v>0</v>
      </c>
    </row>
    <row r="9338" spans="1:7" x14ac:dyDescent="0.3">
      <c r="A9338" s="13" t="s">
        <v>79</v>
      </c>
      <c r="B9338" s="14" t="s">
        <v>1</v>
      </c>
      <c r="C9338" s="14" t="s">
        <v>51</v>
      </c>
      <c r="D9338" s="14" t="s">
        <v>31</v>
      </c>
      <c r="E9338" s="15">
        <v>45589</v>
      </c>
      <c r="F9338" s="14" t="s">
        <v>15</v>
      </c>
      <c r="G9338" s="16">
        <v>0</v>
      </c>
    </row>
    <row r="9339" spans="1:7" x14ac:dyDescent="0.3">
      <c r="A9339" s="13" t="s">
        <v>79</v>
      </c>
      <c r="B9339" s="14" t="s">
        <v>1</v>
      </c>
      <c r="C9339" s="14" t="s">
        <v>51</v>
      </c>
      <c r="D9339" s="14" t="s">
        <v>31</v>
      </c>
      <c r="E9339" s="15">
        <v>45590</v>
      </c>
      <c r="F9339" s="14" t="s">
        <v>15</v>
      </c>
      <c r="G9339" s="16">
        <v>0</v>
      </c>
    </row>
    <row r="9340" spans="1:7" x14ac:dyDescent="0.3">
      <c r="A9340" s="13" t="s">
        <v>79</v>
      </c>
      <c r="B9340" s="14" t="s">
        <v>1</v>
      </c>
      <c r="C9340" s="14" t="s">
        <v>51</v>
      </c>
      <c r="D9340" s="14" t="s">
        <v>31</v>
      </c>
      <c r="E9340" s="15">
        <v>45591</v>
      </c>
      <c r="F9340" s="14" t="s">
        <v>15</v>
      </c>
      <c r="G9340" s="16">
        <v>0</v>
      </c>
    </row>
    <row r="9341" spans="1:7" x14ac:dyDescent="0.3">
      <c r="A9341" s="13" t="s">
        <v>79</v>
      </c>
      <c r="B9341" s="14" t="s">
        <v>1</v>
      </c>
      <c r="C9341" s="14" t="s">
        <v>51</v>
      </c>
      <c r="D9341" s="14" t="s">
        <v>31</v>
      </c>
      <c r="E9341" s="15">
        <v>45592</v>
      </c>
      <c r="F9341" s="14" t="s">
        <v>15</v>
      </c>
      <c r="G9341" s="16">
        <v>0</v>
      </c>
    </row>
    <row r="9342" spans="1:7" x14ac:dyDescent="0.3">
      <c r="A9342" s="13" t="s">
        <v>79</v>
      </c>
      <c r="B9342" s="14" t="s">
        <v>1</v>
      </c>
      <c r="C9342" s="14" t="s">
        <v>51</v>
      </c>
      <c r="D9342" s="14" t="s">
        <v>31</v>
      </c>
      <c r="E9342" s="15">
        <v>45593</v>
      </c>
      <c r="F9342" s="14" t="s">
        <v>15</v>
      </c>
      <c r="G9342" s="16">
        <v>0</v>
      </c>
    </row>
    <row r="9343" spans="1:7" x14ac:dyDescent="0.3">
      <c r="A9343" s="13" t="s">
        <v>79</v>
      </c>
      <c r="B9343" s="14" t="s">
        <v>1</v>
      </c>
      <c r="C9343" s="14" t="s">
        <v>51</v>
      </c>
      <c r="D9343" s="14" t="s">
        <v>31</v>
      </c>
      <c r="E9343" s="15">
        <v>45594</v>
      </c>
      <c r="F9343" s="14" t="s">
        <v>15</v>
      </c>
      <c r="G9343" s="16">
        <v>0</v>
      </c>
    </row>
    <row r="9344" spans="1:7" x14ac:dyDescent="0.3">
      <c r="A9344" s="13" t="s">
        <v>79</v>
      </c>
      <c r="B9344" s="14" t="s">
        <v>1</v>
      </c>
      <c r="C9344" s="14" t="s">
        <v>51</v>
      </c>
      <c r="D9344" s="14" t="s">
        <v>31</v>
      </c>
      <c r="E9344" s="15">
        <v>45595</v>
      </c>
      <c r="F9344" s="14" t="s">
        <v>15</v>
      </c>
      <c r="G9344" s="16">
        <v>0</v>
      </c>
    </row>
    <row r="9345" spans="1:7" x14ac:dyDescent="0.3">
      <c r="A9345" s="13" t="s">
        <v>79</v>
      </c>
      <c r="B9345" s="14" t="s">
        <v>1</v>
      </c>
      <c r="C9345" s="14" t="s">
        <v>51</v>
      </c>
      <c r="D9345" s="14" t="s">
        <v>31</v>
      </c>
      <c r="E9345" s="15">
        <v>45596</v>
      </c>
      <c r="F9345" s="14" t="s">
        <v>15</v>
      </c>
      <c r="G9345" s="16">
        <v>0</v>
      </c>
    </row>
    <row r="9346" spans="1:7" x14ac:dyDescent="0.3">
      <c r="A9346" s="13" t="s">
        <v>79</v>
      </c>
      <c r="B9346" s="14" t="s">
        <v>1</v>
      </c>
      <c r="C9346" s="14" t="s">
        <v>51</v>
      </c>
      <c r="D9346" s="14" t="s">
        <v>31</v>
      </c>
      <c r="E9346" s="15">
        <v>45597</v>
      </c>
      <c r="F9346" s="14" t="s">
        <v>15</v>
      </c>
      <c r="G9346" s="16">
        <v>0</v>
      </c>
    </row>
    <row r="9347" spans="1:7" x14ac:dyDescent="0.3">
      <c r="A9347" s="13" t="s">
        <v>79</v>
      </c>
      <c r="B9347" s="14" t="s">
        <v>1</v>
      </c>
      <c r="C9347" s="14" t="s">
        <v>51</v>
      </c>
      <c r="D9347" s="14" t="s">
        <v>31</v>
      </c>
      <c r="E9347" s="15">
        <v>45598</v>
      </c>
      <c r="F9347" s="14" t="s">
        <v>15</v>
      </c>
      <c r="G9347" s="16">
        <v>0</v>
      </c>
    </row>
    <row r="9348" spans="1:7" x14ac:dyDescent="0.3">
      <c r="A9348" s="13" t="s">
        <v>79</v>
      </c>
      <c r="B9348" s="14" t="s">
        <v>1</v>
      </c>
      <c r="C9348" s="14" t="s">
        <v>51</v>
      </c>
      <c r="D9348" s="14" t="s">
        <v>31</v>
      </c>
      <c r="E9348" s="15">
        <v>45599</v>
      </c>
      <c r="F9348" s="14" t="s">
        <v>15</v>
      </c>
      <c r="G9348" s="16">
        <v>0</v>
      </c>
    </row>
    <row r="9349" spans="1:7" x14ac:dyDescent="0.3">
      <c r="A9349" s="13" t="s">
        <v>79</v>
      </c>
      <c r="B9349" s="14" t="s">
        <v>1</v>
      </c>
      <c r="C9349" s="14" t="s">
        <v>51</v>
      </c>
      <c r="D9349" s="14" t="s">
        <v>31</v>
      </c>
      <c r="E9349" s="15">
        <v>45600</v>
      </c>
      <c r="F9349" s="14" t="s">
        <v>15</v>
      </c>
      <c r="G9349" s="16">
        <v>0</v>
      </c>
    </row>
    <row r="9350" spans="1:7" x14ac:dyDescent="0.3">
      <c r="A9350" s="13" t="s">
        <v>79</v>
      </c>
      <c r="B9350" s="14" t="s">
        <v>1</v>
      </c>
      <c r="C9350" s="14" t="s">
        <v>51</v>
      </c>
      <c r="D9350" s="14" t="s">
        <v>31</v>
      </c>
      <c r="E9350" s="15">
        <v>45601</v>
      </c>
      <c r="F9350" s="14" t="s">
        <v>15</v>
      </c>
      <c r="G9350" s="16">
        <v>0</v>
      </c>
    </row>
    <row r="9351" spans="1:7" x14ac:dyDescent="0.3">
      <c r="A9351" s="13" t="s">
        <v>79</v>
      </c>
      <c r="B9351" s="14" t="s">
        <v>1</v>
      </c>
      <c r="C9351" s="14" t="s">
        <v>51</v>
      </c>
      <c r="D9351" s="14" t="s">
        <v>31</v>
      </c>
      <c r="E9351" s="15">
        <v>45602</v>
      </c>
      <c r="F9351" s="14" t="s">
        <v>15</v>
      </c>
      <c r="G9351" s="16">
        <v>0</v>
      </c>
    </row>
    <row r="9352" spans="1:7" x14ac:dyDescent="0.3">
      <c r="A9352" s="13" t="s">
        <v>79</v>
      </c>
      <c r="B9352" s="14" t="s">
        <v>1</v>
      </c>
      <c r="C9352" s="14" t="s">
        <v>51</v>
      </c>
      <c r="D9352" s="14" t="s">
        <v>31</v>
      </c>
      <c r="E9352" s="15">
        <v>45603</v>
      </c>
      <c r="F9352" s="14" t="s">
        <v>15</v>
      </c>
      <c r="G9352" s="16">
        <v>0</v>
      </c>
    </row>
    <row r="9353" spans="1:7" x14ac:dyDescent="0.3">
      <c r="A9353" s="13" t="s">
        <v>79</v>
      </c>
      <c r="B9353" s="14" t="s">
        <v>1</v>
      </c>
      <c r="C9353" s="14" t="s">
        <v>51</v>
      </c>
      <c r="D9353" s="14" t="s">
        <v>31</v>
      </c>
      <c r="E9353" s="15">
        <v>45604</v>
      </c>
      <c r="F9353" s="14" t="s">
        <v>15</v>
      </c>
      <c r="G9353" s="16">
        <v>0</v>
      </c>
    </row>
    <row r="9354" spans="1:7" x14ac:dyDescent="0.3">
      <c r="A9354" s="13" t="s">
        <v>79</v>
      </c>
      <c r="B9354" s="14" t="s">
        <v>1</v>
      </c>
      <c r="C9354" s="14" t="s">
        <v>51</v>
      </c>
      <c r="D9354" s="14" t="s">
        <v>31</v>
      </c>
      <c r="E9354" s="15">
        <v>45605</v>
      </c>
      <c r="F9354" s="14" t="s">
        <v>15</v>
      </c>
      <c r="G9354" s="16">
        <v>0</v>
      </c>
    </row>
    <row r="9355" spans="1:7" x14ac:dyDescent="0.3">
      <c r="A9355" s="13" t="s">
        <v>79</v>
      </c>
      <c r="B9355" s="14" t="s">
        <v>1</v>
      </c>
      <c r="C9355" s="14" t="s">
        <v>51</v>
      </c>
      <c r="D9355" s="14" t="s">
        <v>31</v>
      </c>
      <c r="E9355" s="15">
        <v>45606</v>
      </c>
      <c r="F9355" s="14" t="s">
        <v>15</v>
      </c>
      <c r="G9355" s="16">
        <v>0</v>
      </c>
    </row>
    <row r="9356" spans="1:7" x14ac:dyDescent="0.3">
      <c r="A9356" s="13" t="s">
        <v>79</v>
      </c>
      <c r="B9356" s="14" t="s">
        <v>1</v>
      </c>
      <c r="C9356" s="14" t="s">
        <v>51</v>
      </c>
      <c r="D9356" s="14" t="s">
        <v>31</v>
      </c>
      <c r="E9356" s="15">
        <v>45607</v>
      </c>
      <c r="F9356" s="14" t="s">
        <v>15</v>
      </c>
      <c r="G9356" s="16">
        <v>0</v>
      </c>
    </row>
    <row r="9357" spans="1:7" x14ac:dyDescent="0.3">
      <c r="A9357" s="13" t="s">
        <v>79</v>
      </c>
      <c r="B9357" s="14" t="s">
        <v>1</v>
      </c>
      <c r="C9357" s="14" t="s">
        <v>51</v>
      </c>
      <c r="D9357" s="14" t="s">
        <v>31</v>
      </c>
      <c r="E9357" s="15">
        <v>45608</v>
      </c>
      <c r="F9357" s="14" t="s">
        <v>15</v>
      </c>
      <c r="G9357" s="16">
        <v>0</v>
      </c>
    </row>
    <row r="9358" spans="1:7" x14ac:dyDescent="0.3">
      <c r="A9358" s="13" t="s">
        <v>79</v>
      </c>
      <c r="B9358" s="14" t="s">
        <v>1</v>
      </c>
      <c r="C9358" s="14" t="s">
        <v>51</v>
      </c>
      <c r="D9358" s="14" t="s">
        <v>31</v>
      </c>
      <c r="E9358" s="15">
        <v>45609</v>
      </c>
      <c r="F9358" s="14" t="s">
        <v>15</v>
      </c>
      <c r="G9358" s="16">
        <v>0</v>
      </c>
    </row>
    <row r="9359" spans="1:7" x14ac:dyDescent="0.3">
      <c r="A9359" s="13" t="s">
        <v>79</v>
      </c>
      <c r="B9359" s="14" t="s">
        <v>1</v>
      </c>
      <c r="C9359" s="14" t="s">
        <v>51</v>
      </c>
      <c r="D9359" s="14" t="s">
        <v>31</v>
      </c>
      <c r="E9359" s="15">
        <v>45610</v>
      </c>
      <c r="F9359" s="14" t="s">
        <v>15</v>
      </c>
      <c r="G9359" s="16">
        <v>0</v>
      </c>
    </row>
    <row r="9360" spans="1:7" x14ac:dyDescent="0.3">
      <c r="A9360" s="13" t="s">
        <v>79</v>
      </c>
      <c r="B9360" s="14" t="s">
        <v>1</v>
      </c>
      <c r="C9360" s="14" t="s">
        <v>51</v>
      </c>
      <c r="D9360" s="14" t="s">
        <v>31</v>
      </c>
      <c r="E9360" s="15">
        <v>45611</v>
      </c>
      <c r="F9360" s="14" t="s">
        <v>15</v>
      </c>
      <c r="G9360" s="16">
        <v>0</v>
      </c>
    </row>
    <row r="9361" spans="1:7" x14ac:dyDescent="0.3">
      <c r="A9361" s="13" t="s">
        <v>79</v>
      </c>
      <c r="B9361" s="14" t="s">
        <v>1</v>
      </c>
      <c r="C9361" s="14" t="s">
        <v>51</v>
      </c>
      <c r="D9361" s="14" t="s">
        <v>31</v>
      </c>
      <c r="E9361" s="15">
        <v>45612</v>
      </c>
      <c r="F9361" s="14" t="s">
        <v>15</v>
      </c>
      <c r="G9361" s="16">
        <v>0</v>
      </c>
    </row>
    <row r="9362" spans="1:7" x14ac:dyDescent="0.3">
      <c r="A9362" s="13" t="s">
        <v>79</v>
      </c>
      <c r="B9362" s="14" t="s">
        <v>1</v>
      </c>
      <c r="C9362" s="14" t="s">
        <v>51</v>
      </c>
      <c r="D9362" s="14" t="s">
        <v>31</v>
      </c>
      <c r="E9362" s="15">
        <v>45613</v>
      </c>
      <c r="F9362" s="14" t="s">
        <v>15</v>
      </c>
      <c r="G9362" s="16">
        <v>0</v>
      </c>
    </row>
    <row r="9363" spans="1:7" x14ac:dyDescent="0.3">
      <c r="A9363" s="13" t="s">
        <v>79</v>
      </c>
      <c r="B9363" s="14" t="s">
        <v>1</v>
      </c>
      <c r="C9363" s="14" t="s">
        <v>51</v>
      </c>
      <c r="D9363" s="14" t="s">
        <v>31</v>
      </c>
      <c r="E9363" s="15">
        <v>45614</v>
      </c>
      <c r="F9363" s="14" t="s">
        <v>15</v>
      </c>
      <c r="G9363" s="16">
        <v>0</v>
      </c>
    </row>
    <row r="9364" spans="1:7" x14ac:dyDescent="0.3">
      <c r="A9364" s="13" t="s">
        <v>79</v>
      </c>
      <c r="B9364" s="14" t="s">
        <v>1</v>
      </c>
      <c r="C9364" s="14" t="s">
        <v>51</v>
      </c>
      <c r="D9364" s="14" t="s">
        <v>31</v>
      </c>
      <c r="E9364" s="15">
        <v>45615</v>
      </c>
      <c r="F9364" s="14" t="s">
        <v>15</v>
      </c>
      <c r="G9364" s="16">
        <v>0</v>
      </c>
    </row>
    <row r="9365" spans="1:7" x14ac:dyDescent="0.3">
      <c r="A9365" s="13" t="s">
        <v>79</v>
      </c>
      <c r="B9365" s="14" t="s">
        <v>1</v>
      </c>
      <c r="C9365" s="14" t="s">
        <v>51</v>
      </c>
      <c r="D9365" s="14" t="s">
        <v>31</v>
      </c>
      <c r="E9365" s="15">
        <v>45616</v>
      </c>
      <c r="F9365" s="14" t="s">
        <v>15</v>
      </c>
      <c r="G9365" s="16">
        <v>0</v>
      </c>
    </row>
    <row r="9366" spans="1:7" x14ac:dyDescent="0.3">
      <c r="A9366" s="13" t="s">
        <v>79</v>
      </c>
      <c r="B9366" s="14" t="s">
        <v>1</v>
      </c>
      <c r="C9366" s="14" t="s">
        <v>51</v>
      </c>
      <c r="D9366" s="14" t="s">
        <v>31</v>
      </c>
      <c r="E9366" s="15">
        <v>45617</v>
      </c>
      <c r="F9366" s="14" t="s">
        <v>15</v>
      </c>
      <c r="G9366" s="16">
        <v>0</v>
      </c>
    </row>
    <row r="9367" spans="1:7" x14ac:dyDescent="0.3">
      <c r="A9367" s="13" t="s">
        <v>79</v>
      </c>
      <c r="B9367" s="14" t="s">
        <v>1</v>
      </c>
      <c r="C9367" s="14" t="s">
        <v>51</v>
      </c>
      <c r="D9367" s="14" t="s">
        <v>31</v>
      </c>
      <c r="E9367" s="15">
        <v>45618</v>
      </c>
      <c r="F9367" s="14" t="s">
        <v>15</v>
      </c>
      <c r="G9367" s="16">
        <v>0</v>
      </c>
    </row>
    <row r="9368" spans="1:7" x14ac:dyDescent="0.3">
      <c r="A9368" s="13" t="s">
        <v>79</v>
      </c>
      <c r="B9368" s="14" t="s">
        <v>1</v>
      </c>
      <c r="C9368" s="14" t="s">
        <v>51</v>
      </c>
      <c r="D9368" s="14" t="s">
        <v>31</v>
      </c>
      <c r="E9368" s="15">
        <v>45619</v>
      </c>
      <c r="F9368" s="14" t="s">
        <v>15</v>
      </c>
      <c r="G9368" s="16">
        <v>0</v>
      </c>
    </row>
    <row r="9369" spans="1:7" x14ac:dyDescent="0.3">
      <c r="A9369" s="13" t="s">
        <v>79</v>
      </c>
      <c r="B9369" s="14" t="s">
        <v>1</v>
      </c>
      <c r="C9369" s="14" t="s">
        <v>51</v>
      </c>
      <c r="D9369" s="14" t="s">
        <v>31</v>
      </c>
      <c r="E9369" s="15">
        <v>45620</v>
      </c>
      <c r="F9369" s="14" t="s">
        <v>15</v>
      </c>
      <c r="G9369" s="16">
        <v>0</v>
      </c>
    </row>
    <row r="9370" spans="1:7" x14ac:dyDescent="0.3">
      <c r="A9370" s="13" t="s">
        <v>79</v>
      </c>
      <c r="B9370" s="14" t="s">
        <v>1</v>
      </c>
      <c r="C9370" s="14" t="s">
        <v>51</v>
      </c>
      <c r="D9370" s="14" t="s">
        <v>31</v>
      </c>
      <c r="E9370" s="15">
        <v>45621</v>
      </c>
      <c r="F9370" s="14" t="s">
        <v>15</v>
      </c>
      <c r="G9370" s="16">
        <v>0</v>
      </c>
    </row>
    <row r="9371" spans="1:7" x14ac:dyDescent="0.3">
      <c r="A9371" s="13" t="s">
        <v>79</v>
      </c>
      <c r="B9371" s="14" t="s">
        <v>1</v>
      </c>
      <c r="C9371" s="14" t="s">
        <v>51</v>
      </c>
      <c r="D9371" s="14" t="s">
        <v>31</v>
      </c>
      <c r="E9371" s="15">
        <v>45622</v>
      </c>
      <c r="F9371" s="14" t="s">
        <v>15</v>
      </c>
      <c r="G9371" s="16">
        <v>0</v>
      </c>
    </row>
    <row r="9372" spans="1:7" x14ac:dyDescent="0.3">
      <c r="A9372" s="13" t="s">
        <v>79</v>
      </c>
      <c r="B9372" s="14" t="s">
        <v>1</v>
      </c>
      <c r="C9372" s="14" t="s">
        <v>51</v>
      </c>
      <c r="D9372" s="14" t="s">
        <v>31</v>
      </c>
      <c r="E9372" s="15">
        <v>45623</v>
      </c>
      <c r="F9372" s="14" t="s">
        <v>15</v>
      </c>
      <c r="G9372" s="16">
        <v>0</v>
      </c>
    </row>
    <row r="9373" spans="1:7" x14ac:dyDescent="0.3">
      <c r="A9373" s="13" t="s">
        <v>79</v>
      </c>
      <c r="B9373" s="14" t="s">
        <v>1</v>
      </c>
      <c r="C9373" s="14" t="s">
        <v>51</v>
      </c>
      <c r="D9373" s="14" t="s">
        <v>31</v>
      </c>
      <c r="E9373" s="15">
        <v>45624</v>
      </c>
      <c r="F9373" s="14" t="s">
        <v>15</v>
      </c>
      <c r="G9373" s="16">
        <v>0</v>
      </c>
    </row>
    <row r="9374" spans="1:7" x14ac:dyDescent="0.3">
      <c r="A9374" s="13" t="s">
        <v>79</v>
      </c>
      <c r="B9374" s="14" t="s">
        <v>1</v>
      </c>
      <c r="C9374" s="14" t="s">
        <v>51</v>
      </c>
      <c r="D9374" s="14" t="s">
        <v>31</v>
      </c>
      <c r="E9374" s="15">
        <v>45625</v>
      </c>
      <c r="F9374" s="14" t="s">
        <v>15</v>
      </c>
      <c r="G9374" s="16">
        <v>0</v>
      </c>
    </row>
    <row r="9375" spans="1:7" x14ac:dyDescent="0.3">
      <c r="A9375" s="13" t="s">
        <v>79</v>
      </c>
      <c r="B9375" s="14" t="s">
        <v>1</v>
      </c>
      <c r="C9375" s="14" t="s">
        <v>51</v>
      </c>
      <c r="D9375" s="14" t="s">
        <v>31</v>
      </c>
      <c r="E9375" s="15">
        <v>45626</v>
      </c>
      <c r="F9375" s="14" t="s">
        <v>15</v>
      </c>
      <c r="G9375" s="16">
        <v>0</v>
      </c>
    </row>
    <row r="9376" spans="1:7" x14ac:dyDescent="0.3">
      <c r="A9376" s="13" t="s">
        <v>79</v>
      </c>
      <c r="B9376" s="14" t="s">
        <v>1</v>
      </c>
      <c r="C9376" s="14" t="s">
        <v>51</v>
      </c>
      <c r="D9376" s="14" t="s">
        <v>31</v>
      </c>
      <c r="E9376" s="15">
        <v>45627</v>
      </c>
      <c r="F9376" s="14" t="s">
        <v>15</v>
      </c>
      <c r="G9376" s="16">
        <v>0</v>
      </c>
    </row>
    <row r="9377" spans="1:7" x14ac:dyDescent="0.3">
      <c r="A9377" s="13" t="s">
        <v>79</v>
      </c>
      <c r="B9377" s="14" t="s">
        <v>1</v>
      </c>
      <c r="C9377" s="14" t="s">
        <v>51</v>
      </c>
      <c r="D9377" s="14" t="s">
        <v>31</v>
      </c>
      <c r="E9377" s="15">
        <v>45628</v>
      </c>
      <c r="F9377" s="14" t="s">
        <v>15</v>
      </c>
      <c r="G9377" s="16">
        <v>0</v>
      </c>
    </row>
    <row r="9378" spans="1:7" x14ac:dyDescent="0.3">
      <c r="A9378" s="13" t="s">
        <v>79</v>
      </c>
      <c r="B9378" s="14" t="s">
        <v>1</v>
      </c>
      <c r="C9378" s="14" t="s">
        <v>51</v>
      </c>
      <c r="D9378" s="14" t="s">
        <v>31</v>
      </c>
      <c r="E9378" s="15">
        <v>45629</v>
      </c>
      <c r="F9378" s="14" t="s">
        <v>15</v>
      </c>
      <c r="G9378" s="16">
        <v>0</v>
      </c>
    </row>
    <row r="9379" spans="1:7" x14ac:dyDescent="0.3">
      <c r="A9379" s="13" t="s">
        <v>79</v>
      </c>
      <c r="B9379" s="14" t="s">
        <v>1</v>
      </c>
      <c r="C9379" s="14" t="s">
        <v>51</v>
      </c>
      <c r="D9379" s="14" t="s">
        <v>31</v>
      </c>
      <c r="E9379" s="15">
        <v>45630</v>
      </c>
      <c r="F9379" s="14" t="s">
        <v>15</v>
      </c>
      <c r="G9379" s="16">
        <v>0</v>
      </c>
    </row>
    <row r="9380" spans="1:7" x14ac:dyDescent="0.3">
      <c r="A9380" s="13" t="s">
        <v>79</v>
      </c>
      <c r="B9380" s="14" t="s">
        <v>1</v>
      </c>
      <c r="C9380" s="14" t="s">
        <v>51</v>
      </c>
      <c r="D9380" s="14" t="s">
        <v>31</v>
      </c>
      <c r="E9380" s="15">
        <v>45631</v>
      </c>
      <c r="F9380" s="14" t="s">
        <v>15</v>
      </c>
      <c r="G9380" s="16">
        <v>0</v>
      </c>
    </row>
    <row r="9381" spans="1:7" x14ac:dyDescent="0.3">
      <c r="A9381" s="13" t="s">
        <v>79</v>
      </c>
      <c r="B9381" s="14" t="s">
        <v>1</v>
      </c>
      <c r="C9381" s="14" t="s">
        <v>51</v>
      </c>
      <c r="D9381" s="14" t="s">
        <v>31</v>
      </c>
      <c r="E9381" s="15">
        <v>45632</v>
      </c>
      <c r="F9381" s="14" t="s">
        <v>15</v>
      </c>
      <c r="G9381" s="16">
        <v>0</v>
      </c>
    </row>
    <row r="9382" spans="1:7" x14ac:dyDescent="0.3">
      <c r="A9382" s="13" t="s">
        <v>79</v>
      </c>
      <c r="B9382" s="14" t="s">
        <v>1</v>
      </c>
      <c r="C9382" s="14" t="s">
        <v>51</v>
      </c>
      <c r="D9382" s="14" t="s">
        <v>31</v>
      </c>
      <c r="E9382" s="15">
        <v>45633</v>
      </c>
      <c r="F9382" s="14" t="s">
        <v>15</v>
      </c>
      <c r="G9382" s="16">
        <v>0</v>
      </c>
    </row>
    <row r="9383" spans="1:7" x14ac:dyDescent="0.3">
      <c r="A9383" s="13" t="s">
        <v>79</v>
      </c>
      <c r="B9383" s="14" t="s">
        <v>1</v>
      </c>
      <c r="C9383" s="14" t="s">
        <v>51</v>
      </c>
      <c r="D9383" s="14" t="s">
        <v>31</v>
      </c>
      <c r="E9383" s="15">
        <v>45634</v>
      </c>
      <c r="F9383" s="14" t="s">
        <v>15</v>
      </c>
      <c r="G9383" s="16">
        <v>0</v>
      </c>
    </row>
    <row r="9384" spans="1:7" x14ac:dyDescent="0.3">
      <c r="A9384" s="13" t="s">
        <v>79</v>
      </c>
      <c r="B9384" s="14" t="s">
        <v>1</v>
      </c>
      <c r="C9384" s="14" t="s">
        <v>51</v>
      </c>
      <c r="D9384" s="14" t="s">
        <v>31</v>
      </c>
      <c r="E9384" s="15">
        <v>45635</v>
      </c>
      <c r="F9384" s="14" t="s">
        <v>15</v>
      </c>
      <c r="G9384" s="16">
        <v>0</v>
      </c>
    </row>
    <row r="9385" spans="1:7" x14ac:dyDescent="0.3">
      <c r="A9385" s="13" t="s">
        <v>79</v>
      </c>
      <c r="B9385" s="14" t="s">
        <v>1</v>
      </c>
      <c r="C9385" s="14" t="s">
        <v>51</v>
      </c>
      <c r="D9385" s="14" t="s">
        <v>31</v>
      </c>
      <c r="E9385" s="15">
        <v>45636</v>
      </c>
      <c r="F9385" s="14" t="s">
        <v>15</v>
      </c>
      <c r="G9385" s="16">
        <v>0</v>
      </c>
    </row>
    <row r="9386" spans="1:7" x14ac:dyDescent="0.3">
      <c r="A9386" s="13" t="s">
        <v>79</v>
      </c>
      <c r="B9386" s="14" t="s">
        <v>1</v>
      </c>
      <c r="C9386" s="14" t="s">
        <v>51</v>
      </c>
      <c r="D9386" s="14" t="s">
        <v>31</v>
      </c>
      <c r="E9386" s="15">
        <v>45637</v>
      </c>
      <c r="F9386" s="14" t="s">
        <v>15</v>
      </c>
      <c r="G9386" s="16">
        <v>0</v>
      </c>
    </row>
    <row r="9387" spans="1:7" x14ac:dyDescent="0.3">
      <c r="A9387" s="13" t="s">
        <v>79</v>
      </c>
      <c r="B9387" s="14" t="s">
        <v>1</v>
      </c>
      <c r="C9387" s="14" t="s">
        <v>51</v>
      </c>
      <c r="D9387" s="14" t="s">
        <v>31</v>
      </c>
      <c r="E9387" s="15">
        <v>45638</v>
      </c>
      <c r="F9387" s="14" t="s">
        <v>15</v>
      </c>
      <c r="G9387" s="16">
        <v>0</v>
      </c>
    </row>
    <row r="9388" spans="1:7" x14ac:dyDescent="0.3">
      <c r="A9388" s="13" t="s">
        <v>79</v>
      </c>
      <c r="B9388" s="14" t="s">
        <v>1</v>
      </c>
      <c r="C9388" s="14" t="s">
        <v>51</v>
      </c>
      <c r="D9388" s="14" t="s">
        <v>31</v>
      </c>
      <c r="E9388" s="15">
        <v>45639</v>
      </c>
      <c r="F9388" s="14" t="s">
        <v>15</v>
      </c>
      <c r="G9388" s="16">
        <v>0</v>
      </c>
    </row>
    <row r="9389" spans="1:7" x14ac:dyDescent="0.3">
      <c r="A9389" s="13" t="s">
        <v>79</v>
      </c>
      <c r="B9389" s="14" t="s">
        <v>1</v>
      </c>
      <c r="C9389" s="14" t="s">
        <v>51</v>
      </c>
      <c r="D9389" s="14" t="s">
        <v>31</v>
      </c>
      <c r="E9389" s="15">
        <v>45640</v>
      </c>
      <c r="F9389" s="14" t="s">
        <v>15</v>
      </c>
      <c r="G9389" s="16">
        <v>0</v>
      </c>
    </row>
    <row r="9390" spans="1:7" x14ac:dyDescent="0.3">
      <c r="A9390" s="13" t="s">
        <v>79</v>
      </c>
      <c r="B9390" s="14" t="s">
        <v>1</v>
      </c>
      <c r="C9390" s="14" t="s">
        <v>51</v>
      </c>
      <c r="D9390" s="14" t="s">
        <v>31</v>
      </c>
      <c r="E9390" s="15">
        <v>45641</v>
      </c>
      <c r="F9390" s="14" t="s">
        <v>15</v>
      </c>
      <c r="G9390" s="16">
        <v>0</v>
      </c>
    </row>
    <row r="9391" spans="1:7" x14ac:dyDescent="0.3">
      <c r="A9391" s="13" t="s">
        <v>79</v>
      </c>
      <c r="B9391" s="14" t="s">
        <v>1</v>
      </c>
      <c r="C9391" s="14" t="s">
        <v>51</v>
      </c>
      <c r="D9391" s="14" t="s">
        <v>31</v>
      </c>
      <c r="E9391" s="15">
        <v>45642</v>
      </c>
      <c r="F9391" s="14" t="s">
        <v>15</v>
      </c>
      <c r="G9391" s="16">
        <v>0</v>
      </c>
    </row>
    <row r="9392" spans="1:7" x14ac:dyDescent="0.3">
      <c r="A9392" s="13" t="s">
        <v>79</v>
      </c>
      <c r="B9392" s="14" t="s">
        <v>1</v>
      </c>
      <c r="C9392" s="14" t="s">
        <v>51</v>
      </c>
      <c r="D9392" s="14" t="s">
        <v>31</v>
      </c>
      <c r="E9392" s="15">
        <v>45643</v>
      </c>
      <c r="F9392" s="14" t="s">
        <v>15</v>
      </c>
      <c r="G9392" s="16">
        <v>0</v>
      </c>
    </row>
    <row r="9393" spans="1:7" x14ac:dyDescent="0.3">
      <c r="A9393" s="13" t="s">
        <v>79</v>
      </c>
      <c r="B9393" s="14" t="s">
        <v>1</v>
      </c>
      <c r="C9393" s="14" t="s">
        <v>51</v>
      </c>
      <c r="D9393" s="14" t="s">
        <v>31</v>
      </c>
      <c r="E9393" s="15">
        <v>45644</v>
      </c>
      <c r="F9393" s="14" t="s">
        <v>15</v>
      </c>
      <c r="G9393" s="16">
        <v>0</v>
      </c>
    </row>
    <row r="9394" spans="1:7" x14ac:dyDescent="0.3">
      <c r="A9394" s="13" t="s">
        <v>79</v>
      </c>
      <c r="B9394" s="14" t="s">
        <v>1</v>
      </c>
      <c r="C9394" s="14" t="s">
        <v>51</v>
      </c>
      <c r="D9394" s="14" t="s">
        <v>31</v>
      </c>
      <c r="E9394" s="15">
        <v>45645</v>
      </c>
      <c r="F9394" s="14" t="s">
        <v>15</v>
      </c>
      <c r="G9394" s="16">
        <v>0</v>
      </c>
    </row>
    <row r="9395" spans="1:7" x14ac:dyDescent="0.3">
      <c r="A9395" s="13" t="s">
        <v>79</v>
      </c>
      <c r="B9395" s="14" t="s">
        <v>1</v>
      </c>
      <c r="C9395" s="14" t="s">
        <v>51</v>
      </c>
      <c r="D9395" s="14" t="s">
        <v>31</v>
      </c>
      <c r="E9395" s="15">
        <v>45646</v>
      </c>
      <c r="F9395" s="14" t="s">
        <v>15</v>
      </c>
      <c r="G9395" s="16">
        <v>0</v>
      </c>
    </row>
    <row r="9396" spans="1:7" x14ac:dyDescent="0.3">
      <c r="A9396" s="13" t="s">
        <v>79</v>
      </c>
      <c r="B9396" s="14" t="s">
        <v>1</v>
      </c>
      <c r="C9396" s="14" t="s">
        <v>51</v>
      </c>
      <c r="D9396" s="14" t="s">
        <v>31</v>
      </c>
      <c r="E9396" s="15">
        <v>45647</v>
      </c>
      <c r="F9396" s="14" t="s">
        <v>15</v>
      </c>
      <c r="G9396" s="16">
        <v>0</v>
      </c>
    </row>
    <row r="9397" spans="1:7" x14ac:dyDescent="0.3">
      <c r="A9397" s="13" t="s">
        <v>79</v>
      </c>
      <c r="B9397" s="14" t="s">
        <v>1</v>
      </c>
      <c r="C9397" s="14" t="s">
        <v>51</v>
      </c>
      <c r="D9397" s="14" t="s">
        <v>31</v>
      </c>
      <c r="E9397" s="15">
        <v>45648</v>
      </c>
      <c r="F9397" s="14" t="s">
        <v>15</v>
      </c>
      <c r="G9397" s="16">
        <v>0</v>
      </c>
    </row>
    <row r="9398" spans="1:7" x14ac:dyDescent="0.3">
      <c r="A9398" s="13" t="s">
        <v>79</v>
      </c>
      <c r="B9398" s="14" t="s">
        <v>1</v>
      </c>
      <c r="C9398" s="14" t="s">
        <v>51</v>
      </c>
      <c r="D9398" s="14" t="s">
        <v>31</v>
      </c>
      <c r="E9398" s="15">
        <v>45649</v>
      </c>
      <c r="F9398" s="14" t="s">
        <v>15</v>
      </c>
      <c r="G9398" s="16">
        <v>0</v>
      </c>
    </row>
    <row r="9399" spans="1:7" x14ac:dyDescent="0.3">
      <c r="A9399" s="13" t="s">
        <v>79</v>
      </c>
      <c r="B9399" s="14" t="s">
        <v>1</v>
      </c>
      <c r="C9399" s="14" t="s">
        <v>51</v>
      </c>
      <c r="D9399" s="14" t="s">
        <v>31</v>
      </c>
      <c r="E9399" s="15">
        <v>45650</v>
      </c>
      <c r="F9399" s="14" t="s">
        <v>15</v>
      </c>
      <c r="G9399" s="16">
        <v>0</v>
      </c>
    </row>
    <row r="9400" spans="1:7" x14ac:dyDescent="0.3">
      <c r="A9400" s="13" t="s">
        <v>79</v>
      </c>
      <c r="B9400" s="14" t="s">
        <v>1</v>
      </c>
      <c r="C9400" s="14" t="s">
        <v>51</v>
      </c>
      <c r="D9400" s="14" t="s">
        <v>31</v>
      </c>
      <c r="E9400" s="15">
        <v>45651</v>
      </c>
      <c r="F9400" s="14" t="s">
        <v>15</v>
      </c>
      <c r="G9400" s="16">
        <v>0</v>
      </c>
    </row>
    <row r="9401" spans="1:7" x14ac:dyDescent="0.3">
      <c r="A9401" s="13" t="s">
        <v>79</v>
      </c>
      <c r="B9401" s="14" t="s">
        <v>1</v>
      </c>
      <c r="C9401" s="14" t="s">
        <v>51</v>
      </c>
      <c r="D9401" s="14" t="s">
        <v>31</v>
      </c>
      <c r="E9401" s="15">
        <v>45652</v>
      </c>
      <c r="F9401" s="14" t="s">
        <v>15</v>
      </c>
      <c r="G9401" s="16">
        <v>0</v>
      </c>
    </row>
    <row r="9402" spans="1:7" x14ac:dyDescent="0.3">
      <c r="A9402" s="13" t="s">
        <v>79</v>
      </c>
      <c r="B9402" s="14" t="s">
        <v>1</v>
      </c>
      <c r="C9402" s="14" t="s">
        <v>51</v>
      </c>
      <c r="D9402" s="14" t="s">
        <v>31</v>
      </c>
      <c r="E9402" s="15">
        <v>45653</v>
      </c>
      <c r="F9402" s="14" t="s">
        <v>15</v>
      </c>
      <c r="G9402" s="16">
        <v>0</v>
      </c>
    </row>
    <row r="9403" spans="1:7" x14ac:dyDescent="0.3">
      <c r="A9403" s="13" t="s">
        <v>79</v>
      </c>
      <c r="B9403" s="14" t="s">
        <v>1</v>
      </c>
      <c r="C9403" s="14" t="s">
        <v>51</v>
      </c>
      <c r="D9403" s="14" t="s">
        <v>31</v>
      </c>
      <c r="E9403" s="15">
        <v>45654</v>
      </c>
      <c r="F9403" s="14" t="s">
        <v>15</v>
      </c>
      <c r="G9403" s="16">
        <v>0</v>
      </c>
    </row>
    <row r="9404" spans="1:7" x14ac:dyDescent="0.3">
      <c r="A9404" s="13" t="s">
        <v>79</v>
      </c>
      <c r="B9404" s="14" t="s">
        <v>1</v>
      </c>
      <c r="C9404" s="14" t="s">
        <v>51</v>
      </c>
      <c r="D9404" s="14" t="s">
        <v>31</v>
      </c>
      <c r="E9404" s="15">
        <v>45655</v>
      </c>
      <c r="F9404" s="14" t="s">
        <v>15</v>
      </c>
      <c r="G9404" s="16">
        <v>0</v>
      </c>
    </row>
    <row r="9405" spans="1:7" x14ac:dyDescent="0.3">
      <c r="A9405" s="13" t="s">
        <v>79</v>
      </c>
      <c r="B9405" s="14" t="s">
        <v>1</v>
      </c>
      <c r="C9405" s="14" t="s">
        <v>51</v>
      </c>
      <c r="D9405" s="14" t="s">
        <v>31</v>
      </c>
      <c r="E9405" s="15">
        <v>45656</v>
      </c>
      <c r="F9405" s="14" t="s">
        <v>15</v>
      </c>
      <c r="G9405" s="16">
        <v>0</v>
      </c>
    </row>
    <row r="9406" spans="1:7" x14ac:dyDescent="0.3">
      <c r="A9406" s="13" t="s">
        <v>79</v>
      </c>
      <c r="B9406" s="14" t="s">
        <v>1</v>
      </c>
      <c r="C9406" s="14" t="s">
        <v>51</v>
      </c>
      <c r="D9406" s="14" t="s">
        <v>31</v>
      </c>
      <c r="E9406" s="15">
        <v>45657</v>
      </c>
      <c r="F9406" s="14" t="s">
        <v>15</v>
      </c>
      <c r="G9406" s="16">
        <v>0</v>
      </c>
    </row>
    <row r="9407" spans="1:7" x14ac:dyDescent="0.3">
      <c r="A9407" s="13" t="s">
        <v>79</v>
      </c>
      <c r="B9407" s="14" t="s">
        <v>1</v>
      </c>
      <c r="C9407" s="14" t="s">
        <v>51</v>
      </c>
      <c r="D9407" s="14" t="s">
        <v>31</v>
      </c>
      <c r="E9407" s="15">
        <v>45658</v>
      </c>
      <c r="F9407" s="14" t="s">
        <v>15</v>
      </c>
      <c r="G9407" s="16">
        <v>0</v>
      </c>
    </row>
    <row r="9408" spans="1:7" x14ac:dyDescent="0.3">
      <c r="A9408" s="13" t="s">
        <v>79</v>
      </c>
      <c r="B9408" s="14" t="s">
        <v>1</v>
      </c>
      <c r="C9408" s="14" t="s">
        <v>51</v>
      </c>
      <c r="D9408" s="14" t="s">
        <v>31</v>
      </c>
      <c r="E9408" s="15">
        <v>45659</v>
      </c>
      <c r="F9408" s="14" t="s">
        <v>15</v>
      </c>
      <c r="G9408" s="16">
        <v>0</v>
      </c>
    </row>
    <row r="9409" spans="1:7" x14ac:dyDescent="0.3">
      <c r="A9409" s="13" t="s">
        <v>79</v>
      </c>
      <c r="B9409" s="14" t="s">
        <v>1</v>
      </c>
      <c r="C9409" s="14" t="s">
        <v>51</v>
      </c>
      <c r="D9409" s="14" t="s">
        <v>31</v>
      </c>
      <c r="E9409" s="15">
        <v>45660</v>
      </c>
      <c r="F9409" s="14" t="s">
        <v>15</v>
      </c>
      <c r="G9409" s="16">
        <v>0</v>
      </c>
    </row>
    <row r="9410" spans="1:7" x14ac:dyDescent="0.3">
      <c r="A9410" s="13" t="s">
        <v>79</v>
      </c>
      <c r="B9410" s="14" t="s">
        <v>1</v>
      </c>
      <c r="C9410" s="14" t="s">
        <v>51</v>
      </c>
      <c r="D9410" s="14" t="s">
        <v>31</v>
      </c>
      <c r="E9410" s="15">
        <v>45661</v>
      </c>
      <c r="F9410" s="14" t="s">
        <v>15</v>
      </c>
      <c r="G9410" s="16">
        <v>0</v>
      </c>
    </row>
    <row r="9411" spans="1:7" x14ac:dyDescent="0.3">
      <c r="A9411" s="13" t="s">
        <v>79</v>
      </c>
      <c r="B9411" s="14" t="s">
        <v>1</v>
      </c>
      <c r="C9411" s="14" t="s">
        <v>51</v>
      </c>
      <c r="D9411" s="14" t="s">
        <v>31</v>
      </c>
      <c r="E9411" s="15">
        <v>45662</v>
      </c>
      <c r="F9411" s="14" t="s">
        <v>15</v>
      </c>
      <c r="G9411" s="16">
        <v>0</v>
      </c>
    </row>
    <row r="9412" spans="1:7" x14ac:dyDescent="0.3">
      <c r="A9412" s="13" t="s">
        <v>79</v>
      </c>
      <c r="B9412" s="14" t="s">
        <v>1</v>
      </c>
      <c r="C9412" s="14" t="s">
        <v>51</v>
      </c>
      <c r="D9412" s="14" t="s">
        <v>31</v>
      </c>
      <c r="E9412" s="15">
        <v>45663</v>
      </c>
      <c r="F9412" s="14" t="s">
        <v>15</v>
      </c>
      <c r="G9412" s="16">
        <v>0</v>
      </c>
    </row>
    <row r="9413" spans="1:7" x14ac:dyDescent="0.3">
      <c r="A9413" s="13" t="s">
        <v>79</v>
      </c>
      <c r="B9413" s="14" t="s">
        <v>1</v>
      </c>
      <c r="C9413" s="14" t="s">
        <v>51</v>
      </c>
      <c r="D9413" s="14" t="s">
        <v>31</v>
      </c>
      <c r="E9413" s="15">
        <v>45664</v>
      </c>
      <c r="F9413" s="14" t="s">
        <v>15</v>
      </c>
      <c r="G9413" s="16">
        <v>0</v>
      </c>
    </row>
    <row r="9414" spans="1:7" x14ac:dyDescent="0.3">
      <c r="A9414" s="13" t="s">
        <v>79</v>
      </c>
      <c r="B9414" s="14" t="s">
        <v>1</v>
      </c>
      <c r="C9414" s="14" t="s">
        <v>51</v>
      </c>
      <c r="D9414" s="14" t="s">
        <v>31</v>
      </c>
      <c r="E9414" s="15">
        <v>45665</v>
      </c>
      <c r="F9414" s="14" t="s">
        <v>15</v>
      </c>
      <c r="G9414" s="16">
        <v>0</v>
      </c>
    </row>
    <row r="9415" spans="1:7" x14ac:dyDescent="0.3">
      <c r="A9415" s="13" t="s">
        <v>79</v>
      </c>
      <c r="B9415" s="14" t="s">
        <v>1</v>
      </c>
      <c r="C9415" s="14" t="s">
        <v>51</v>
      </c>
      <c r="D9415" s="14" t="s">
        <v>31</v>
      </c>
      <c r="E9415" s="15">
        <v>45666</v>
      </c>
      <c r="F9415" s="14" t="s">
        <v>15</v>
      </c>
      <c r="G9415" s="16">
        <v>0</v>
      </c>
    </row>
    <row r="9416" spans="1:7" x14ac:dyDescent="0.3">
      <c r="A9416" s="13" t="s">
        <v>79</v>
      </c>
      <c r="B9416" s="14" t="s">
        <v>1</v>
      </c>
      <c r="C9416" s="14" t="s">
        <v>51</v>
      </c>
      <c r="D9416" s="14" t="s">
        <v>31</v>
      </c>
      <c r="E9416" s="15">
        <v>45667</v>
      </c>
      <c r="F9416" s="14" t="s">
        <v>15</v>
      </c>
      <c r="G9416" s="16">
        <v>0</v>
      </c>
    </row>
    <row r="9417" spans="1:7" x14ac:dyDescent="0.3">
      <c r="A9417" s="13" t="s">
        <v>79</v>
      </c>
      <c r="B9417" s="14" t="s">
        <v>1</v>
      </c>
      <c r="C9417" s="14" t="s">
        <v>51</v>
      </c>
      <c r="D9417" s="14" t="s">
        <v>31</v>
      </c>
      <c r="E9417" s="15">
        <v>45668</v>
      </c>
      <c r="F9417" s="14" t="s">
        <v>15</v>
      </c>
      <c r="G9417" s="16">
        <v>0</v>
      </c>
    </row>
    <row r="9418" spans="1:7" x14ac:dyDescent="0.3">
      <c r="A9418" s="13" t="s">
        <v>79</v>
      </c>
      <c r="B9418" s="14" t="s">
        <v>1</v>
      </c>
      <c r="C9418" s="14" t="s">
        <v>51</v>
      </c>
      <c r="D9418" s="14" t="s">
        <v>31</v>
      </c>
      <c r="E9418" s="15">
        <v>45669</v>
      </c>
      <c r="F9418" s="14" t="s">
        <v>15</v>
      </c>
      <c r="G9418" s="16">
        <v>0</v>
      </c>
    </row>
    <row r="9419" spans="1:7" x14ac:dyDescent="0.3">
      <c r="A9419" s="13" t="s">
        <v>79</v>
      </c>
      <c r="B9419" s="14" t="s">
        <v>1</v>
      </c>
      <c r="C9419" s="14" t="s">
        <v>51</v>
      </c>
      <c r="D9419" s="14" t="s">
        <v>31</v>
      </c>
      <c r="E9419" s="15">
        <v>45670</v>
      </c>
      <c r="F9419" s="14" t="s">
        <v>15</v>
      </c>
      <c r="G9419" s="16">
        <v>0</v>
      </c>
    </row>
    <row r="9420" spans="1:7" x14ac:dyDescent="0.3">
      <c r="A9420" s="13" t="s">
        <v>79</v>
      </c>
      <c r="B9420" s="14" t="s">
        <v>1</v>
      </c>
      <c r="C9420" s="14" t="s">
        <v>51</v>
      </c>
      <c r="D9420" s="14" t="s">
        <v>31</v>
      </c>
      <c r="E9420" s="15">
        <v>45671</v>
      </c>
      <c r="F9420" s="14" t="s">
        <v>15</v>
      </c>
      <c r="G9420" s="16">
        <v>0</v>
      </c>
    </row>
    <row r="9421" spans="1:7" x14ac:dyDescent="0.3">
      <c r="A9421" s="13" t="s">
        <v>79</v>
      </c>
      <c r="B9421" s="14" t="s">
        <v>1</v>
      </c>
      <c r="C9421" s="14" t="s">
        <v>51</v>
      </c>
      <c r="D9421" s="14" t="s">
        <v>31</v>
      </c>
      <c r="E9421" s="15">
        <v>45672</v>
      </c>
      <c r="F9421" s="14" t="s">
        <v>15</v>
      </c>
      <c r="G9421" s="16">
        <v>0</v>
      </c>
    </row>
    <row r="9422" spans="1:7" x14ac:dyDescent="0.3">
      <c r="A9422" s="13" t="s">
        <v>79</v>
      </c>
      <c r="B9422" s="14" t="s">
        <v>1</v>
      </c>
      <c r="C9422" s="14" t="s">
        <v>51</v>
      </c>
      <c r="D9422" s="14" t="s">
        <v>31</v>
      </c>
      <c r="E9422" s="15">
        <v>45673</v>
      </c>
      <c r="F9422" s="14" t="s">
        <v>15</v>
      </c>
      <c r="G9422" s="16">
        <v>0</v>
      </c>
    </row>
    <row r="9423" spans="1:7" x14ac:dyDescent="0.3">
      <c r="A9423" s="13" t="s">
        <v>79</v>
      </c>
      <c r="B9423" s="14" t="s">
        <v>1</v>
      </c>
      <c r="C9423" s="14" t="s">
        <v>51</v>
      </c>
      <c r="D9423" s="14" t="s">
        <v>31</v>
      </c>
      <c r="E9423" s="15">
        <v>45674</v>
      </c>
      <c r="F9423" s="14" t="s">
        <v>15</v>
      </c>
      <c r="G9423" s="16">
        <v>0</v>
      </c>
    </row>
    <row r="9424" spans="1:7" x14ac:dyDescent="0.3">
      <c r="A9424" s="13" t="s">
        <v>79</v>
      </c>
      <c r="B9424" s="14" t="s">
        <v>1</v>
      </c>
      <c r="C9424" s="14" t="s">
        <v>51</v>
      </c>
      <c r="D9424" s="14" t="s">
        <v>31</v>
      </c>
      <c r="E9424" s="15">
        <v>45675</v>
      </c>
      <c r="F9424" s="14" t="s">
        <v>15</v>
      </c>
      <c r="G9424" s="16">
        <v>0</v>
      </c>
    </row>
    <row r="9425" spans="1:7" x14ac:dyDescent="0.3">
      <c r="A9425" s="13" t="s">
        <v>79</v>
      </c>
      <c r="B9425" s="14" t="s">
        <v>1</v>
      </c>
      <c r="C9425" s="14" t="s">
        <v>51</v>
      </c>
      <c r="D9425" s="14" t="s">
        <v>31</v>
      </c>
      <c r="E9425" s="15">
        <v>45676</v>
      </c>
      <c r="F9425" s="14" t="s">
        <v>15</v>
      </c>
      <c r="G9425" s="16">
        <v>0</v>
      </c>
    </row>
    <row r="9426" spans="1:7" x14ac:dyDescent="0.3">
      <c r="A9426" s="13" t="s">
        <v>79</v>
      </c>
      <c r="B9426" s="14" t="s">
        <v>1</v>
      </c>
      <c r="C9426" s="14" t="s">
        <v>51</v>
      </c>
      <c r="D9426" s="14" t="s">
        <v>31</v>
      </c>
      <c r="E9426" s="15">
        <v>45677</v>
      </c>
      <c r="F9426" s="14" t="s">
        <v>15</v>
      </c>
      <c r="G9426" s="16">
        <v>0</v>
      </c>
    </row>
    <row r="9427" spans="1:7" x14ac:dyDescent="0.3">
      <c r="A9427" s="13" t="s">
        <v>79</v>
      </c>
      <c r="B9427" s="14" t="s">
        <v>1</v>
      </c>
      <c r="C9427" s="14" t="s">
        <v>51</v>
      </c>
      <c r="D9427" s="14" t="s">
        <v>31</v>
      </c>
      <c r="E9427" s="15">
        <v>45678</v>
      </c>
      <c r="F9427" s="14" t="s">
        <v>15</v>
      </c>
      <c r="G9427" s="16">
        <v>0</v>
      </c>
    </row>
    <row r="9428" spans="1:7" x14ac:dyDescent="0.3">
      <c r="A9428" s="13" t="s">
        <v>79</v>
      </c>
      <c r="B9428" s="14" t="s">
        <v>1</v>
      </c>
      <c r="C9428" s="14" t="s">
        <v>51</v>
      </c>
      <c r="D9428" s="14" t="s">
        <v>31</v>
      </c>
      <c r="E9428" s="15">
        <v>45679</v>
      </c>
      <c r="F9428" s="14" t="s">
        <v>15</v>
      </c>
      <c r="G9428" s="16">
        <v>0</v>
      </c>
    </row>
    <row r="9429" spans="1:7" x14ac:dyDescent="0.3">
      <c r="A9429" s="13" t="s">
        <v>79</v>
      </c>
      <c r="B9429" s="14" t="s">
        <v>1</v>
      </c>
      <c r="C9429" s="14" t="s">
        <v>51</v>
      </c>
      <c r="D9429" s="14" t="s">
        <v>31</v>
      </c>
      <c r="E9429" s="15">
        <v>45680</v>
      </c>
      <c r="F9429" s="14" t="s">
        <v>15</v>
      </c>
      <c r="G9429" s="16">
        <v>0</v>
      </c>
    </row>
    <row r="9430" spans="1:7" x14ac:dyDescent="0.3">
      <c r="A9430" s="13" t="s">
        <v>79</v>
      </c>
      <c r="B9430" s="14" t="s">
        <v>1</v>
      </c>
      <c r="C9430" s="14" t="s">
        <v>51</v>
      </c>
      <c r="D9430" s="14" t="s">
        <v>31</v>
      </c>
      <c r="E9430" s="15">
        <v>45681</v>
      </c>
      <c r="F9430" s="14" t="s">
        <v>15</v>
      </c>
      <c r="G9430" s="16">
        <v>0</v>
      </c>
    </row>
    <row r="9431" spans="1:7" x14ac:dyDescent="0.3">
      <c r="A9431" s="13" t="s">
        <v>79</v>
      </c>
      <c r="B9431" s="14" t="s">
        <v>1</v>
      </c>
      <c r="C9431" s="14" t="s">
        <v>51</v>
      </c>
      <c r="D9431" s="14" t="s">
        <v>31</v>
      </c>
      <c r="E9431" s="15">
        <v>45682</v>
      </c>
      <c r="F9431" s="14" t="s">
        <v>15</v>
      </c>
      <c r="G9431" s="16">
        <v>0</v>
      </c>
    </row>
    <row r="9432" spans="1:7" x14ac:dyDescent="0.3">
      <c r="A9432" s="13" t="s">
        <v>79</v>
      </c>
      <c r="B9432" s="14" t="s">
        <v>1</v>
      </c>
      <c r="C9432" s="14" t="s">
        <v>51</v>
      </c>
      <c r="D9432" s="14" t="s">
        <v>31</v>
      </c>
      <c r="E9432" s="15">
        <v>45683</v>
      </c>
      <c r="F9432" s="14" t="s">
        <v>15</v>
      </c>
      <c r="G9432" s="16">
        <v>0</v>
      </c>
    </row>
    <row r="9433" spans="1:7" x14ac:dyDescent="0.3">
      <c r="A9433" s="13" t="s">
        <v>79</v>
      </c>
      <c r="B9433" s="14" t="s">
        <v>1</v>
      </c>
      <c r="C9433" s="14" t="s">
        <v>51</v>
      </c>
      <c r="D9433" s="14" t="s">
        <v>31</v>
      </c>
      <c r="E9433" s="15">
        <v>45684</v>
      </c>
      <c r="F9433" s="14" t="s">
        <v>15</v>
      </c>
      <c r="G9433" s="16">
        <v>0</v>
      </c>
    </row>
    <row r="9434" spans="1:7" x14ac:dyDescent="0.3">
      <c r="A9434" s="13" t="s">
        <v>79</v>
      </c>
      <c r="B9434" s="14" t="s">
        <v>1</v>
      </c>
      <c r="C9434" s="14" t="s">
        <v>51</v>
      </c>
      <c r="D9434" s="14" t="s">
        <v>31</v>
      </c>
      <c r="E9434" s="15">
        <v>45685</v>
      </c>
      <c r="F9434" s="14" t="s">
        <v>15</v>
      </c>
      <c r="G9434" s="16">
        <v>0</v>
      </c>
    </row>
    <row r="9435" spans="1:7" x14ac:dyDescent="0.3">
      <c r="A9435" s="13" t="s">
        <v>79</v>
      </c>
      <c r="B9435" s="14" t="s">
        <v>1</v>
      </c>
      <c r="C9435" s="14" t="s">
        <v>51</v>
      </c>
      <c r="D9435" s="14" t="s">
        <v>31</v>
      </c>
      <c r="E9435" s="15">
        <v>45686</v>
      </c>
      <c r="F9435" s="14" t="s">
        <v>15</v>
      </c>
      <c r="G9435" s="16">
        <v>0</v>
      </c>
    </row>
    <row r="9436" spans="1:7" x14ac:dyDescent="0.3">
      <c r="A9436" s="13" t="s">
        <v>79</v>
      </c>
      <c r="B9436" s="14" t="s">
        <v>1</v>
      </c>
      <c r="C9436" s="14" t="s">
        <v>51</v>
      </c>
      <c r="D9436" s="14" t="s">
        <v>31</v>
      </c>
      <c r="E9436" s="15">
        <v>45687</v>
      </c>
      <c r="F9436" s="14" t="s">
        <v>15</v>
      </c>
      <c r="G9436" s="16">
        <v>0</v>
      </c>
    </row>
    <row r="9437" spans="1:7" x14ac:dyDescent="0.3">
      <c r="A9437" s="13" t="s">
        <v>79</v>
      </c>
      <c r="B9437" s="14" t="s">
        <v>1</v>
      </c>
      <c r="C9437" s="14" t="s">
        <v>51</v>
      </c>
      <c r="D9437" s="14" t="s">
        <v>31</v>
      </c>
      <c r="E9437" s="15">
        <v>45688</v>
      </c>
      <c r="F9437" s="14" t="s">
        <v>15</v>
      </c>
      <c r="G9437" s="16">
        <v>0</v>
      </c>
    </row>
    <row r="9438" spans="1:7" x14ac:dyDescent="0.3">
      <c r="A9438" s="13" t="s">
        <v>79</v>
      </c>
      <c r="B9438" s="14" t="s">
        <v>1</v>
      </c>
      <c r="C9438" s="14" t="s">
        <v>51</v>
      </c>
      <c r="D9438" s="14" t="s">
        <v>31</v>
      </c>
      <c r="E9438" s="15">
        <v>45689</v>
      </c>
      <c r="F9438" s="14" t="s">
        <v>15</v>
      </c>
      <c r="G9438" s="16">
        <v>0</v>
      </c>
    </row>
    <row r="9439" spans="1:7" x14ac:dyDescent="0.3">
      <c r="A9439" s="13" t="s">
        <v>79</v>
      </c>
      <c r="B9439" s="14" t="s">
        <v>1</v>
      </c>
      <c r="C9439" s="14" t="s">
        <v>51</v>
      </c>
      <c r="D9439" s="14" t="s">
        <v>31</v>
      </c>
      <c r="E9439" s="15">
        <v>45690</v>
      </c>
      <c r="F9439" s="14" t="s">
        <v>15</v>
      </c>
      <c r="G9439" s="16">
        <v>0</v>
      </c>
    </row>
    <row r="9440" spans="1:7" x14ac:dyDescent="0.3">
      <c r="A9440" s="13" t="s">
        <v>79</v>
      </c>
      <c r="B9440" s="14" t="s">
        <v>1</v>
      </c>
      <c r="C9440" s="14" t="s">
        <v>51</v>
      </c>
      <c r="D9440" s="14" t="s">
        <v>31</v>
      </c>
      <c r="E9440" s="15">
        <v>45691</v>
      </c>
      <c r="F9440" s="14" t="s">
        <v>15</v>
      </c>
      <c r="G9440" s="16">
        <v>0</v>
      </c>
    </row>
    <row r="9441" spans="1:7" x14ac:dyDescent="0.3">
      <c r="A9441" s="13" t="s">
        <v>79</v>
      </c>
      <c r="B9441" s="14" t="s">
        <v>1</v>
      </c>
      <c r="C9441" s="14" t="s">
        <v>51</v>
      </c>
      <c r="D9441" s="14" t="s">
        <v>31</v>
      </c>
      <c r="E9441" s="15">
        <v>45692</v>
      </c>
      <c r="F9441" s="14" t="s">
        <v>15</v>
      </c>
      <c r="G9441" s="16">
        <v>0</v>
      </c>
    </row>
    <row r="9442" spans="1:7" x14ac:dyDescent="0.3">
      <c r="A9442" s="13" t="s">
        <v>79</v>
      </c>
      <c r="B9442" s="14" t="s">
        <v>1</v>
      </c>
      <c r="C9442" s="14" t="s">
        <v>51</v>
      </c>
      <c r="D9442" s="14" t="s">
        <v>31</v>
      </c>
      <c r="E9442" s="15">
        <v>45693</v>
      </c>
      <c r="F9442" s="14" t="s">
        <v>15</v>
      </c>
      <c r="G9442" s="16">
        <v>0</v>
      </c>
    </row>
    <row r="9443" spans="1:7" x14ac:dyDescent="0.3">
      <c r="A9443" s="13" t="s">
        <v>79</v>
      </c>
      <c r="B9443" s="14" t="s">
        <v>1</v>
      </c>
      <c r="C9443" s="14" t="s">
        <v>51</v>
      </c>
      <c r="D9443" s="14" t="s">
        <v>31</v>
      </c>
      <c r="E9443" s="15">
        <v>45694</v>
      </c>
      <c r="F9443" s="14" t="s">
        <v>15</v>
      </c>
      <c r="G9443" s="16">
        <v>0</v>
      </c>
    </row>
    <row r="9444" spans="1:7" x14ac:dyDescent="0.3">
      <c r="A9444" s="13" t="s">
        <v>79</v>
      </c>
      <c r="B9444" s="14" t="s">
        <v>1</v>
      </c>
      <c r="C9444" s="14" t="s">
        <v>51</v>
      </c>
      <c r="D9444" s="14" t="s">
        <v>31</v>
      </c>
      <c r="E9444" s="15">
        <v>45695</v>
      </c>
      <c r="F9444" s="14" t="s">
        <v>15</v>
      </c>
      <c r="G9444" s="16">
        <v>0</v>
      </c>
    </row>
    <row r="9445" spans="1:7" x14ac:dyDescent="0.3">
      <c r="A9445" s="13" t="s">
        <v>79</v>
      </c>
      <c r="B9445" s="14" t="s">
        <v>1</v>
      </c>
      <c r="C9445" s="14" t="s">
        <v>51</v>
      </c>
      <c r="D9445" s="14" t="s">
        <v>31</v>
      </c>
      <c r="E9445" s="15">
        <v>45696</v>
      </c>
      <c r="F9445" s="14" t="s">
        <v>15</v>
      </c>
      <c r="G9445" s="16">
        <v>0</v>
      </c>
    </row>
    <row r="9446" spans="1:7" x14ac:dyDescent="0.3">
      <c r="A9446" s="13" t="s">
        <v>79</v>
      </c>
      <c r="B9446" s="14" t="s">
        <v>1</v>
      </c>
      <c r="C9446" s="14" t="s">
        <v>51</v>
      </c>
      <c r="D9446" s="14" t="s">
        <v>31</v>
      </c>
      <c r="E9446" s="15">
        <v>45697</v>
      </c>
      <c r="F9446" s="14" t="s">
        <v>15</v>
      </c>
      <c r="G9446" s="16">
        <v>0</v>
      </c>
    </row>
    <row r="9447" spans="1:7" x14ac:dyDescent="0.3">
      <c r="A9447" s="13" t="s">
        <v>79</v>
      </c>
      <c r="B9447" s="14" t="s">
        <v>1</v>
      </c>
      <c r="C9447" s="14" t="s">
        <v>51</v>
      </c>
      <c r="D9447" s="14" t="s">
        <v>31</v>
      </c>
      <c r="E9447" s="15">
        <v>45698</v>
      </c>
      <c r="F9447" s="14" t="s">
        <v>15</v>
      </c>
      <c r="G9447" s="16">
        <v>0</v>
      </c>
    </row>
    <row r="9448" spans="1:7" x14ac:dyDescent="0.3">
      <c r="A9448" s="13" t="s">
        <v>79</v>
      </c>
      <c r="B9448" s="14" t="s">
        <v>1</v>
      </c>
      <c r="C9448" s="14" t="s">
        <v>51</v>
      </c>
      <c r="D9448" s="14" t="s">
        <v>31</v>
      </c>
      <c r="E9448" s="15">
        <v>45699</v>
      </c>
      <c r="F9448" s="14" t="s">
        <v>15</v>
      </c>
      <c r="G9448" s="16">
        <v>0</v>
      </c>
    </row>
    <row r="9449" spans="1:7" x14ac:dyDescent="0.3">
      <c r="A9449" s="13" t="s">
        <v>79</v>
      </c>
      <c r="B9449" s="14" t="s">
        <v>1</v>
      </c>
      <c r="C9449" s="14" t="s">
        <v>51</v>
      </c>
      <c r="D9449" s="14" t="s">
        <v>31</v>
      </c>
      <c r="E9449" s="15">
        <v>45700</v>
      </c>
      <c r="F9449" s="14" t="s">
        <v>15</v>
      </c>
      <c r="G9449" s="16">
        <v>0</v>
      </c>
    </row>
    <row r="9450" spans="1:7" x14ac:dyDescent="0.3">
      <c r="A9450" s="13" t="s">
        <v>79</v>
      </c>
      <c r="B9450" s="14" t="s">
        <v>1</v>
      </c>
      <c r="C9450" s="14" t="s">
        <v>51</v>
      </c>
      <c r="D9450" s="14" t="s">
        <v>31</v>
      </c>
      <c r="E9450" s="15">
        <v>45701</v>
      </c>
      <c r="F9450" s="14" t="s">
        <v>15</v>
      </c>
      <c r="G9450" s="16">
        <v>0</v>
      </c>
    </row>
    <row r="9451" spans="1:7" x14ac:dyDescent="0.3">
      <c r="A9451" s="13" t="s">
        <v>79</v>
      </c>
      <c r="B9451" s="14" t="s">
        <v>1</v>
      </c>
      <c r="C9451" s="14" t="s">
        <v>51</v>
      </c>
      <c r="D9451" s="14" t="s">
        <v>31</v>
      </c>
      <c r="E9451" s="15">
        <v>45702</v>
      </c>
      <c r="F9451" s="14" t="s">
        <v>15</v>
      </c>
      <c r="G9451" s="16">
        <v>0</v>
      </c>
    </row>
    <row r="9452" spans="1:7" x14ac:dyDescent="0.3">
      <c r="A9452" s="13" t="s">
        <v>79</v>
      </c>
      <c r="B9452" s="14" t="s">
        <v>1</v>
      </c>
      <c r="C9452" s="14" t="s">
        <v>51</v>
      </c>
      <c r="D9452" s="14" t="s">
        <v>31</v>
      </c>
      <c r="E9452" s="15">
        <v>45703</v>
      </c>
      <c r="F9452" s="14" t="s">
        <v>15</v>
      </c>
      <c r="G9452" s="16">
        <v>0</v>
      </c>
    </row>
    <row r="9453" spans="1:7" x14ac:dyDescent="0.3">
      <c r="A9453" s="13" t="s">
        <v>79</v>
      </c>
      <c r="B9453" s="14" t="s">
        <v>1</v>
      </c>
      <c r="C9453" s="14" t="s">
        <v>51</v>
      </c>
      <c r="D9453" s="14" t="s">
        <v>31</v>
      </c>
      <c r="E9453" s="15">
        <v>45704</v>
      </c>
      <c r="F9453" s="14" t="s">
        <v>15</v>
      </c>
      <c r="G9453" s="16">
        <v>0</v>
      </c>
    </row>
    <row r="9454" spans="1:7" x14ac:dyDescent="0.3">
      <c r="A9454" s="13" t="s">
        <v>79</v>
      </c>
      <c r="B9454" s="14" t="s">
        <v>1</v>
      </c>
      <c r="C9454" s="14" t="s">
        <v>51</v>
      </c>
      <c r="D9454" s="14" t="s">
        <v>31</v>
      </c>
      <c r="E9454" s="15">
        <v>45705</v>
      </c>
      <c r="F9454" s="14" t="s">
        <v>15</v>
      </c>
      <c r="G9454" s="16">
        <v>0</v>
      </c>
    </row>
    <row r="9455" spans="1:7" x14ac:dyDescent="0.3">
      <c r="A9455" s="13" t="s">
        <v>79</v>
      </c>
      <c r="B9455" s="14" t="s">
        <v>1</v>
      </c>
      <c r="C9455" s="14" t="s">
        <v>51</v>
      </c>
      <c r="D9455" s="14" t="s">
        <v>31</v>
      </c>
      <c r="E9455" s="15">
        <v>45706</v>
      </c>
      <c r="F9455" s="14" t="s">
        <v>15</v>
      </c>
      <c r="G9455" s="16">
        <v>0</v>
      </c>
    </row>
    <row r="9456" spans="1:7" x14ac:dyDescent="0.3">
      <c r="A9456" s="13" t="s">
        <v>79</v>
      </c>
      <c r="B9456" s="14" t="s">
        <v>1</v>
      </c>
      <c r="C9456" s="14" t="s">
        <v>51</v>
      </c>
      <c r="D9456" s="14" t="s">
        <v>31</v>
      </c>
      <c r="E9456" s="15">
        <v>45707</v>
      </c>
      <c r="F9456" s="14" t="s">
        <v>15</v>
      </c>
      <c r="G9456" s="16">
        <v>0</v>
      </c>
    </row>
    <row r="9457" spans="1:7" x14ac:dyDescent="0.3">
      <c r="A9457" s="13" t="s">
        <v>79</v>
      </c>
      <c r="B9457" s="14" t="s">
        <v>1</v>
      </c>
      <c r="C9457" s="14" t="s">
        <v>51</v>
      </c>
      <c r="D9457" s="14" t="s">
        <v>31</v>
      </c>
      <c r="E9457" s="15">
        <v>45708</v>
      </c>
      <c r="F9457" s="14" t="s">
        <v>15</v>
      </c>
      <c r="G9457" s="16">
        <v>0</v>
      </c>
    </row>
    <row r="9458" spans="1:7" x14ac:dyDescent="0.3">
      <c r="A9458" s="13" t="s">
        <v>79</v>
      </c>
      <c r="B9458" s="14" t="s">
        <v>1</v>
      </c>
      <c r="C9458" s="14" t="s">
        <v>51</v>
      </c>
      <c r="D9458" s="14" t="s">
        <v>31</v>
      </c>
      <c r="E9458" s="15">
        <v>45709</v>
      </c>
      <c r="F9458" s="14" t="s">
        <v>15</v>
      </c>
      <c r="G9458" s="16">
        <v>0</v>
      </c>
    </row>
    <row r="9459" spans="1:7" x14ac:dyDescent="0.3">
      <c r="A9459" s="13" t="s">
        <v>79</v>
      </c>
      <c r="B9459" s="14" t="s">
        <v>1</v>
      </c>
      <c r="C9459" s="14" t="s">
        <v>51</v>
      </c>
      <c r="D9459" s="14" t="s">
        <v>31</v>
      </c>
      <c r="E9459" s="15">
        <v>45710</v>
      </c>
      <c r="F9459" s="14" t="s">
        <v>15</v>
      </c>
      <c r="G9459" s="16">
        <v>0</v>
      </c>
    </row>
    <row r="9460" spans="1:7" x14ac:dyDescent="0.3">
      <c r="A9460" s="13" t="s">
        <v>79</v>
      </c>
      <c r="B9460" s="14" t="s">
        <v>1</v>
      </c>
      <c r="C9460" s="14" t="s">
        <v>51</v>
      </c>
      <c r="D9460" s="14" t="s">
        <v>31</v>
      </c>
      <c r="E9460" s="15">
        <v>45711</v>
      </c>
      <c r="F9460" s="14" t="s">
        <v>15</v>
      </c>
      <c r="G9460" s="16">
        <v>0</v>
      </c>
    </row>
    <row r="9461" spans="1:7" x14ac:dyDescent="0.3">
      <c r="A9461" s="13" t="s">
        <v>79</v>
      </c>
      <c r="B9461" s="14" t="s">
        <v>1</v>
      </c>
      <c r="C9461" s="14" t="s">
        <v>51</v>
      </c>
      <c r="D9461" s="14" t="s">
        <v>31</v>
      </c>
      <c r="E9461" s="15">
        <v>45712</v>
      </c>
      <c r="F9461" s="14" t="s">
        <v>15</v>
      </c>
      <c r="G9461" s="16">
        <v>0</v>
      </c>
    </row>
    <row r="9462" spans="1:7" x14ac:dyDescent="0.3">
      <c r="A9462" s="13" t="s">
        <v>79</v>
      </c>
      <c r="B9462" s="14" t="s">
        <v>1</v>
      </c>
      <c r="C9462" s="14" t="s">
        <v>51</v>
      </c>
      <c r="D9462" s="14" t="s">
        <v>31</v>
      </c>
      <c r="E9462" s="15">
        <v>45713</v>
      </c>
      <c r="F9462" s="14" t="s">
        <v>15</v>
      </c>
      <c r="G9462" s="16">
        <v>0</v>
      </c>
    </row>
    <row r="9463" spans="1:7" x14ac:dyDescent="0.3">
      <c r="A9463" s="13" t="s">
        <v>79</v>
      </c>
      <c r="B9463" s="14" t="s">
        <v>1</v>
      </c>
      <c r="C9463" s="14" t="s">
        <v>51</v>
      </c>
      <c r="D9463" s="14" t="s">
        <v>31</v>
      </c>
      <c r="E9463" s="15">
        <v>45714</v>
      </c>
      <c r="F9463" s="14" t="s">
        <v>15</v>
      </c>
      <c r="G9463" s="16">
        <v>0</v>
      </c>
    </row>
    <row r="9464" spans="1:7" x14ac:dyDescent="0.3">
      <c r="A9464" s="13" t="s">
        <v>79</v>
      </c>
      <c r="B9464" s="14" t="s">
        <v>1</v>
      </c>
      <c r="C9464" s="14" t="s">
        <v>51</v>
      </c>
      <c r="D9464" s="14" t="s">
        <v>31</v>
      </c>
      <c r="E9464" s="15">
        <v>45715</v>
      </c>
      <c r="F9464" s="14" t="s">
        <v>15</v>
      </c>
      <c r="G9464" s="16">
        <v>0</v>
      </c>
    </row>
    <row r="9465" spans="1:7" x14ac:dyDescent="0.3">
      <c r="A9465" s="13" t="s">
        <v>79</v>
      </c>
      <c r="B9465" s="14" t="s">
        <v>1</v>
      </c>
      <c r="C9465" s="14" t="s">
        <v>51</v>
      </c>
      <c r="D9465" s="14" t="s">
        <v>31</v>
      </c>
      <c r="E9465" s="15">
        <v>45716</v>
      </c>
      <c r="F9465" s="14" t="s">
        <v>15</v>
      </c>
      <c r="G9465" s="16">
        <v>0</v>
      </c>
    </row>
    <row r="9466" spans="1:7" x14ac:dyDescent="0.3">
      <c r="A9466" s="13" t="s">
        <v>79</v>
      </c>
      <c r="B9466" s="14" t="s">
        <v>1</v>
      </c>
      <c r="C9466" s="14" t="s">
        <v>51</v>
      </c>
      <c r="D9466" s="14" t="s">
        <v>31</v>
      </c>
      <c r="E9466" s="15">
        <v>45717</v>
      </c>
      <c r="F9466" s="14" t="s">
        <v>15</v>
      </c>
      <c r="G9466" s="16">
        <v>0</v>
      </c>
    </row>
    <row r="9467" spans="1:7" x14ac:dyDescent="0.3">
      <c r="A9467" s="13" t="s">
        <v>79</v>
      </c>
      <c r="B9467" s="14" t="s">
        <v>1</v>
      </c>
      <c r="C9467" s="14" t="s">
        <v>51</v>
      </c>
      <c r="D9467" s="14" t="s">
        <v>31</v>
      </c>
      <c r="E9467" s="15">
        <v>45718</v>
      </c>
      <c r="F9467" s="14" t="s">
        <v>15</v>
      </c>
      <c r="G9467" s="16">
        <v>0</v>
      </c>
    </row>
    <row r="9468" spans="1:7" x14ac:dyDescent="0.3">
      <c r="A9468" s="13" t="s">
        <v>79</v>
      </c>
      <c r="B9468" s="14" t="s">
        <v>1</v>
      </c>
      <c r="C9468" s="14" t="s">
        <v>51</v>
      </c>
      <c r="D9468" s="14" t="s">
        <v>31</v>
      </c>
      <c r="E9468" s="15">
        <v>45719</v>
      </c>
      <c r="F9468" s="14" t="s">
        <v>15</v>
      </c>
      <c r="G9468" s="16">
        <v>0</v>
      </c>
    </row>
    <row r="9469" spans="1:7" x14ac:dyDescent="0.3">
      <c r="A9469" s="13" t="s">
        <v>79</v>
      </c>
      <c r="B9469" s="14" t="s">
        <v>1</v>
      </c>
      <c r="C9469" s="14" t="s">
        <v>51</v>
      </c>
      <c r="D9469" s="14" t="s">
        <v>31</v>
      </c>
      <c r="E9469" s="15">
        <v>45720</v>
      </c>
      <c r="F9469" s="14" t="s">
        <v>15</v>
      </c>
      <c r="G9469" s="16">
        <v>0</v>
      </c>
    </row>
    <row r="9470" spans="1:7" x14ac:dyDescent="0.3">
      <c r="A9470" s="13" t="s">
        <v>79</v>
      </c>
      <c r="B9470" s="14" t="s">
        <v>1</v>
      </c>
      <c r="C9470" s="14" t="s">
        <v>51</v>
      </c>
      <c r="D9470" s="14" t="s">
        <v>31</v>
      </c>
      <c r="E9470" s="15">
        <v>45721</v>
      </c>
      <c r="F9470" s="14" t="s">
        <v>15</v>
      </c>
      <c r="G9470" s="16">
        <v>0</v>
      </c>
    </row>
    <row r="9471" spans="1:7" x14ac:dyDescent="0.3">
      <c r="A9471" s="13" t="s">
        <v>79</v>
      </c>
      <c r="B9471" s="14" t="s">
        <v>1</v>
      </c>
      <c r="C9471" s="14" t="s">
        <v>51</v>
      </c>
      <c r="D9471" s="14" t="s">
        <v>31</v>
      </c>
      <c r="E9471" s="15">
        <v>45722</v>
      </c>
      <c r="F9471" s="14" t="s">
        <v>15</v>
      </c>
      <c r="G9471" s="16">
        <v>0</v>
      </c>
    </row>
    <row r="9472" spans="1:7" x14ac:dyDescent="0.3">
      <c r="A9472" s="13" t="s">
        <v>79</v>
      </c>
      <c r="B9472" s="14" t="s">
        <v>1</v>
      </c>
      <c r="C9472" s="14" t="s">
        <v>51</v>
      </c>
      <c r="D9472" s="14" t="s">
        <v>31</v>
      </c>
      <c r="E9472" s="15">
        <v>45723</v>
      </c>
      <c r="F9472" s="14" t="s">
        <v>15</v>
      </c>
      <c r="G9472" s="16">
        <v>0</v>
      </c>
    </row>
    <row r="9473" spans="1:7" x14ac:dyDescent="0.3">
      <c r="A9473" s="13" t="s">
        <v>79</v>
      </c>
      <c r="B9473" s="14" t="s">
        <v>1</v>
      </c>
      <c r="C9473" s="14" t="s">
        <v>51</v>
      </c>
      <c r="D9473" s="14" t="s">
        <v>31</v>
      </c>
      <c r="E9473" s="15">
        <v>45724</v>
      </c>
      <c r="F9473" s="14" t="s">
        <v>15</v>
      </c>
      <c r="G9473" s="16">
        <v>0</v>
      </c>
    </row>
    <row r="9474" spans="1:7" x14ac:dyDescent="0.3">
      <c r="A9474" s="13" t="s">
        <v>79</v>
      </c>
      <c r="B9474" s="14" t="s">
        <v>1</v>
      </c>
      <c r="C9474" s="14" t="s">
        <v>51</v>
      </c>
      <c r="D9474" s="14" t="s">
        <v>31</v>
      </c>
      <c r="E9474" s="15">
        <v>45725</v>
      </c>
      <c r="F9474" s="14" t="s">
        <v>15</v>
      </c>
      <c r="G9474" s="16">
        <v>0</v>
      </c>
    </row>
    <row r="9475" spans="1:7" x14ac:dyDescent="0.3">
      <c r="A9475" s="13" t="s">
        <v>79</v>
      </c>
      <c r="B9475" s="14" t="s">
        <v>1</v>
      </c>
      <c r="C9475" s="14" t="s">
        <v>51</v>
      </c>
      <c r="D9475" s="14" t="s">
        <v>31</v>
      </c>
      <c r="E9475" s="15">
        <v>45726</v>
      </c>
      <c r="F9475" s="14" t="s">
        <v>15</v>
      </c>
      <c r="G9475" s="16">
        <v>0</v>
      </c>
    </row>
    <row r="9476" spans="1:7" x14ac:dyDescent="0.3">
      <c r="A9476" s="13" t="s">
        <v>79</v>
      </c>
      <c r="B9476" s="14" t="s">
        <v>1</v>
      </c>
      <c r="C9476" s="14" t="s">
        <v>51</v>
      </c>
      <c r="D9476" s="14" t="s">
        <v>31</v>
      </c>
      <c r="E9476" s="15">
        <v>45727</v>
      </c>
      <c r="F9476" s="14" t="s">
        <v>15</v>
      </c>
      <c r="G9476" s="16">
        <v>0</v>
      </c>
    </row>
    <row r="9477" spans="1:7" x14ac:dyDescent="0.3">
      <c r="A9477" s="13" t="s">
        <v>79</v>
      </c>
      <c r="B9477" s="14" t="s">
        <v>1</v>
      </c>
      <c r="C9477" s="14" t="s">
        <v>51</v>
      </c>
      <c r="D9477" s="14" t="s">
        <v>31</v>
      </c>
      <c r="E9477" s="15">
        <v>45728</v>
      </c>
      <c r="F9477" s="14" t="s">
        <v>15</v>
      </c>
      <c r="G9477" s="16">
        <v>0</v>
      </c>
    </row>
    <row r="9478" spans="1:7" x14ac:dyDescent="0.3">
      <c r="A9478" s="13" t="s">
        <v>79</v>
      </c>
      <c r="B9478" s="14" t="s">
        <v>1</v>
      </c>
      <c r="C9478" s="14" t="s">
        <v>51</v>
      </c>
      <c r="D9478" s="14" t="s">
        <v>31</v>
      </c>
      <c r="E9478" s="15">
        <v>45729</v>
      </c>
      <c r="F9478" s="14" t="s">
        <v>15</v>
      </c>
      <c r="G9478" s="16">
        <v>0</v>
      </c>
    </row>
    <row r="9479" spans="1:7" x14ac:dyDescent="0.3">
      <c r="A9479" s="13" t="s">
        <v>79</v>
      </c>
      <c r="B9479" s="14" t="s">
        <v>1</v>
      </c>
      <c r="C9479" s="14" t="s">
        <v>51</v>
      </c>
      <c r="D9479" s="14" t="s">
        <v>31</v>
      </c>
      <c r="E9479" s="15">
        <v>45730</v>
      </c>
      <c r="F9479" s="14" t="s">
        <v>15</v>
      </c>
      <c r="G9479" s="16">
        <v>0</v>
      </c>
    </row>
    <row r="9480" spans="1:7" x14ac:dyDescent="0.3">
      <c r="A9480" s="13" t="s">
        <v>79</v>
      </c>
      <c r="B9480" s="14" t="s">
        <v>1</v>
      </c>
      <c r="C9480" s="14" t="s">
        <v>51</v>
      </c>
      <c r="D9480" s="14" t="s">
        <v>31</v>
      </c>
      <c r="E9480" s="15">
        <v>45731</v>
      </c>
      <c r="F9480" s="14" t="s">
        <v>15</v>
      </c>
      <c r="G9480" s="16">
        <v>0</v>
      </c>
    </row>
    <row r="9481" spans="1:7" x14ac:dyDescent="0.3">
      <c r="A9481" s="13" t="s">
        <v>79</v>
      </c>
      <c r="B9481" s="14" t="s">
        <v>1</v>
      </c>
      <c r="C9481" s="14" t="s">
        <v>51</v>
      </c>
      <c r="D9481" s="14" t="s">
        <v>31</v>
      </c>
      <c r="E9481" s="15">
        <v>45732</v>
      </c>
      <c r="F9481" s="14" t="s">
        <v>15</v>
      </c>
      <c r="G9481" s="16">
        <v>0</v>
      </c>
    </row>
    <row r="9482" spans="1:7" x14ac:dyDescent="0.3">
      <c r="A9482" s="13" t="s">
        <v>79</v>
      </c>
      <c r="B9482" s="14" t="s">
        <v>1</v>
      </c>
      <c r="C9482" s="14" t="s">
        <v>51</v>
      </c>
      <c r="D9482" s="14" t="s">
        <v>31</v>
      </c>
      <c r="E9482" s="15">
        <v>45733</v>
      </c>
      <c r="F9482" s="14" t="s">
        <v>15</v>
      </c>
      <c r="G9482" s="16">
        <v>0</v>
      </c>
    </row>
    <row r="9483" spans="1:7" x14ac:dyDescent="0.3">
      <c r="A9483" s="13" t="s">
        <v>79</v>
      </c>
      <c r="B9483" s="14" t="s">
        <v>1</v>
      </c>
      <c r="C9483" s="14" t="s">
        <v>51</v>
      </c>
      <c r="D9483" s="14" t="s">
        <v>31</v>
      </c>
      <c r="E9483" s="15">
        <v>45734</v>
      </c>
      <c r="F9483" s="14" t="s">
        <v>15</v>
      </c>
      <c r="G9483" s="16">
        <v>0</v>
      </c>
    </row>
    <row r="9484" spans="1:7" x14ac:dyDescent="0.3">
      <c r="A9484" s="13" t="s">
        <v>79</v>
      </c>
      <c r="B9484" s="14" t="s">
        <v>1</v>
      </c>
      <c r="C9484" s="14" t="s">
        <v>51</v>
      </c>
      <c r="D9484" s="14" t="s">
        <v>31</v>
      </c>
      <c r="E9484" s="15">
        <v>45735</v>
      </c>
      <c r="F9484" s="14" t="s">
        <v>15</v>
      </c>
      <c r="G9484" s="16">
        <v>0</v>
      </c>
    </row>
    <row r="9485" spans="1:7" x14ac:dyDescent="0.3">
      <c r="A9485" s="13" t="s">
        <v>79</v>
      </c>
      <c r="B9485" s="14" t="s">
        <v>1</v>
      </c>
      <c r="C9485" s="14" t="s">
        <v>51</v>
      </c>
      <c r="D9485" s="14" t="s">
        <v>31</v>
      </c>
      <c r="E9485" s="15">
        <v>45736</v>
      </c>
      <c r="F9485" s="14" t="s">
        <v>15</v>
      </c>
      <c r="G9485" s="16">
        <v>0</v>
      </c>
    </row>
    <row r="9486" spans="1:7" x14ac:dyDescent="0.3">
      <c r="A9486" s="13" t="s">
        <v>79</v>
      </c>
      <c r="B9486" s="14" t="s">
        <v>1</v>
      </c>
      <c r="C9486" s="14" t="s">
        <v>51</v>
      </c>
      <c r="D9486" s="14" t="s">
        <v>31</v>
      </c>
      <c r="E9486" s="15">
        <v>45737</v>
      </c>
      <c r="F9486" s="14" t="s">
        <v>15</v>
      </c>
      <c r="G9486" s="16">
        <v>0</v>
      </c>
    </row>
    <row r="9487" spans="1:7" x14ac:dyDescent="0.3">
      <c r="A9487" s="13" t="s">
        <v>79</v>
      </c>
      <c r="B9487" s="14" t="s">
        <v>1</v>
      </c>
      <c r="C9487" s="14" t="s">
        <v>51</v>
      </c>
      <c r="D9487" s="14" t="s">
        <v>31</v>
      </c>
      <c r="E9487" s="15">
        <v>45738</v>
      </c>
      <c r="F9487" s="14" t="s">
        <v>15</v>
      </c>
      <c r="G9487" s="16">
        <v>0</v>
      </c>
    </row>
    <row r="9488" spans="1:7" x14ac:dyDescent="0.3">
      <c r="A9488" s="13" t="s">
        <v>79</v>
      </c>
      <c r="B9488" s="14" t="s">
        <v>1</v>
      </c>
      <c r="C9488" s="14" t="s">
        <v>51</v>
      </c>
      <c r="D9488" s="14" t="s">
        <v>31</v>
      </c>
      <c r="E9488" s="15">
        <v>45739</v>
      </c>
      <c r="F9488" s="14" t="s">
        <v>15</v>
      </c>
      <c r="G9488" s="16">
        <v>0</v>
      </c>
    </row>
    <row r="9489" spans="1:7" x14ac:dyDescent="0.3">
      <c r="A9489" s="13" t="s">
        <v>79</v>
      </c>
      <c r="B9489" s="14" t="s">
        <v>1</v>
      </c>
      <c r="C9489" s="14" t="s">
        <v>51</v>
      </c>
      <c r="D9489" s="14" t="s">
        <v>31</v>
      </c>
      <c r="E9489" s="15">
        <v>45740</v>
      </c>
      <c r="F9489" s="14" t="s">
        <v>15</v>
      </c>
      <c r="G9489" s="16">
        <v>0</v>
      </c>
    </row>
    <row r="9490" spans="1:7" x14ac:dyDescent="0.3">
      <c r="A9490" s="13" t="s">
        <v>79</v>
      </c>
      <c r="B9490" s="14" t="s">
        <v>1</v>
      </c>
      <c r="C9490" s="14" t="s">
        <v>51</v>
      </c>
      <c r="D9490" s="14" t="s">
        <v>31</v>
      </c>
      <c r="E9490" s="15">
        <v>45741</v>
      </c>
      <c r="F9490" s="14" t="s">
        <v>15</v>
      </c>
      <c r="G9490" s="16">
        <v>0</v>
      </c>
    </row>
    <row r="9491" spans="1:7" x14ac:dyDescent="0.3">
      <c r="A9491" s="13" t="s">
        <v>79</v>
      </c>
      <c r="B9491" s="14" t="s">
        <v>1</v>
      </c>
      <c r="C9491" s="14" t="s">
        <v>51</v>
      </c>
      <c r="D9491" s="14" t="s">
        <v>31</v>
      </c>
      <c r="E9491" s="15">
        <v>45742</v>
      </c>
      <c r="F9491" s="14" t="s">
        <v>15</v>
      </c>
      <c r="G9491" s="16">
        <v>0</v>
      </c>
    </row>
    <row r="9492" spans="1:7" x14ac:dyDescent="0.3">
      <c r="A9492" s="13" t="s">
        <v>79</v>
      </c>
      <c r="B9492" s="14" t="s">
        <v>1</v>
      </c>
      <c r="C9492" s="14" t="s">
        <v>51</v>
      </c>
      <c r="D9492" s="14" t="s">
        <v>31</v>
      </c>
      <c r="E9492" s="15">
        <v>45743</v>
      </c>
      <c r="F9492" s="14" t="s">
        <v>15</v>
      </c>
      <c r="G9492" s="16">
        <v>0</v>
      </c>
    </row>
    <row r="9493" spans="1:7" x14ac:dyDescent="0.3">
      <c r="A9493" s="13" t="s">
        <v>79</v>
      </c>
      <c r="B9493" s="14" t="s">
        <v>1</v>
      </c>
      <c r="C9493" s="14" t="s">
        <v>51</v>
      </c>
      <c r="D9493" s="14" t="s">
        <v>31</v>
      </c>
      <c r="E9493" s="15">
        <v>45744</v>
      </c>
      <c r="F9493" s="14" t="s">
        <v>15</v>
      </c>
      <c r="G9493" s="16">
        <v>0</v>
      </c>
    </row>
    <row r="9494" spans="1:7" x14ac:dyDescent="0.3">
      <c r="A9494" s="13" t="s">
        <v>79</v>
      </c>
      <c r="B9494" s="14" t="s">
        <v>1</v>
      </c>
      <c r="C9494" s="14" t="s">
        <v>51</v>
      </c>
      <c r="D9494" s="14" t="s">
        <v>31</v>
      </c>
      <c r="E9494" s="15">
        <v>45745</v>
      </c>
      <c r="F9494" s="14" t="s">
        <v>15</v>
      </c>
      <c r="G9494" s="16">
        <v>0</v>
      </c>
    </row>
    <row r="9495" spans="1:7" x14ac:dyDescent="0.3">
      <c r="A9495" s="13" t="s">
        <v>79</v>
      </c>
      <c r="B9495" s="14" t="s">
        <v>1</v>
      </c>
      <c r="C9495" s="14" t="s">
        <v>51</v>
      </c>
      <c r="D9495" s="14" t="s">
        <v>31</v>
      </c>
      <c r="E9495" s="15">
        <v>45746</v>
      </c>
      <c r="F9495" s="14" t="s">
        <v>15</v>
      </c>
      <c r="G9495" s="16">
        <v>0</v>
      </c>
    </row>
    <row r="9496" spans="1:7" x14ac:dyDescent="0.3">
      <c r="A9496" s="13" t="s">
        <v>79</v>
      </c>
      <c r="B9496" s="14" t="s">
        <v>1</v>
      </c>
      <c r="C9496" s="14" t="s">
        <v>51</v>
      </c>
      <c r="D9496" s="14" t="s">
        <v>31</v>
      </c>
      <c r="E9496" s="15">
        <v>45747</v>
      </c>
      <c r="F9496" s="14" t="s">
        <v>15</v>
      </c>
      <c r="G9496" s="16">
        <v>0</v>
      </c>
    </row>
    <row r="9497" spans="1:7" x14ac:dyDescent="0.3">
      <c r="A9497" s="13" t="s">
        <v>80</v>
      </c>
      <c r="B9497" s="14" t="s">
        <v>1</v>
      </c>
      <c r="C9497" s="14" t="s">
        <v>17</v>
      </c>
      <c r="D9497" s="14" t="s">
        <v>81</v>
      </c>
      <c r="E9497" s="15">
        <v>45383</v>
      </c>
      <c r="F9497" s="14" t="s">
        <v>15</v>
      </c>
      <c r="G9497" s="16">
        <v>0</v>
      </c>
    </row>
    <row r="9498" spans="1:7" x14ac:dyDescent="0.3">
      <c r="A9498" s="13" t="s">
        <v>80</v>
      </c>
      <c r="B9498" s="14" t="s">
        <v>1</v>
      </c>
      <c r="C9498" s="14" t="s">
        <v>17</v>
      </c>
      <c r="D9498" s="14" t="s">
        <v>81</v>
      </c>
      <c r="E9498" s="15">
        <v>45384</v>
      </c>
      <c r="F9498" s="14" t="s">
        <v>15</v>
      </c>
      <c r="G9498" s="16">
        <v>0</v>
      </c>
    </row>
    <row r="9499" spans="1:7" x14ac:dyDescent="0.3">
      <c r="A9499" s="13" t="s">
        <v>80</v>
      </c>
      <c r="B9499" s="14" t="s">
        <v>1</v>
      </c>
      <c r="C9499" s="14" t="s">
        <v>17</v>
      </c>
      <c r="D9499" s="14" t="s">
        <v>81</v>
      </c>
      <c r="E9499" s="15">
        <v>45385</v>
      </c>
      <c r="F9499" s="14" t="s">
        <v>15</v>
      </c>
      <c r="G9499" s="16">
        <v>0</v>
      </c>
    </row>
    <row r="9500" spans="1:7" x14ac:dyDescent="0.3">
      <c r="A9500" s="13" t="s">
        <v>80</v>
      </c>
      <c r="B9500" s="14" t="s">
        <v>1</v>
      </c>
      <c r="C9500" s="14" t="s">
        <v>17</v>
      </c>
      <c r="D9500" s="14" t="s">
        <v>81</v>
      </c>
      <c r="E9500" s="15">
        <v>45386</v>
      </c>
      <c r="F9500" s="14" t="s">
        <v>15</v>
      </c>
      <c r="G9500" s="16">
        <v>0</v>
      </c>
    </row>
    <row r="9501" spans="1:7" x14ac:dyDescent="0.3">
      <c r="A9501" s="13" t="s">
        <v>80</v>
      </c>
      <c r="B9501" s="14" t="s">
        <v>1</v>
      </c>
      <c r="C9501" s="14" t="s">
        <v>17</v>
      </c>
      <c r="D9501" s="14" t="s">
        <v>81</v>
      </c>
      <c r="E9501" s="15">
        <v>45387</v>
      </c>
      <c r="F9501" s="14" t="s">
        <v>15</v>
      </c>
      <c r="G9501" s="16">
        <v>0</v>
      </c>
    </row>
    <row r="9502" spans="1:7" x14ac:dyDescent="0.3">
      <c r="A9502" s="13" t="s">
        <v>80</v>
      </c>
      <c r="B9502" s="14" t="s">
        <v>1</v>
      </c>
      <c r="C9502" s="14" t="s">
        <v>17</v>
      </c>
      <c r="D9502" s="14" t="s">
        <v>81</v>
      </c>
      <c r="E9502" s="15">
        <v>45388</v>
      </c>
      <c r="F9502" s="14" t="s">
        <v>15</v>
      </c>
      <c r="G9502" s="16">
        <v>0</v>
      </c>
    </row>
    <row r="9503" spans="1:7" x14ac:dyDescent="0.3">
      <c r="A9503" s="13" t="s">
        <v>80</v>
      </c>
      <c r="B9503" s="14" t="s">
        <v>1</v>
      </c>
      <c r="C9503" s="14" t="s">
        <v>17</v>
      </c>
      <c r="D9503" s="14" t="s">
        <v>81</v>
      </c>
      <c r="E9503" s="15">
        <v>45389</v>
      </c>
      <c r="F9503" s="14" t="s">
        <v>15</v>
      </c>
      <c r="G9503" s="16">
        <v>0</v>
      </c>
    </row>
    <row r="9504" spans="1:7" x14ac:dyDescent="0.3">
      <c r="A9504" s="13" t="s">
        <v>80</v>
      </c>
      <c r="B9504" s="14" t="s">
        <v>1</v>
      </c>
      <c r="C9504" s="14" t="s">
        <v>17</v>
      </c>
      <c r="D9504" s="14" t="s">
        <v>81</v>
      </c>
      <c r="E9504" s="15">
        <v>45390</v>
      </c>
      <c r="F9504" s="14" t="s">
        <v>15</v>
      </c>
      <c r="G9504" s="16">
        <v>0</v>
      </c>
    </row>
    <row r="9505" spans="1:7" x14ac:dyDescent="0.3">
      <c r="A9505" s="13" t="s">
        <v>80</v>
      </c>
      <c r="B9505" s="14" t="s">
        <v>1</v>
      </c>
      <c r="C9505" s="14" t="s">
        <v>17</v>
      </c>
      <c r="D9505" s="14" t="s">
        <v>81</v>
      </c>
      <c r="E9505" s="15">
        <v>45391</v>
      </c>
      <c r="F9505" s="14" t="s">
        <v>15</v>
      </c>
      <c r="G9505" s="16">
        <v>0</v>
      </c>
    </row>
    <row r="9506" spans="1:7" x14ac:dyDescent="0.3">
      <c r="A9506" s="13" t="s">
        <v>80</v>
      </c>
      <c r="B9506" s="14" t="s">
        <v>1</v>
      </c>
      <c r="C9506" s="14" t="s">
        <v>17</v>
      </c>
      <c r="D9506" s="14" t="s">
        <v>81</v>
      </c>
      <c r="E9506" s="15">
        <v>45392</v>
      </c>
      <c r="F9506" s="14" t="s">
        <v>15</v>
      </c>
      <c r="G9506" s="16">
        <v>0</v>
      </c>
    </row>
    <row r="9507" spans="1:7" x14ac:dyDescent="0.3">
      <c r="A9507" s="13" t="s">
        <v>80</v>
      </c>
      <c r="B9507" s="14" t="s">
        <v>1</v>
      </c>
      <c r="C9507" s="14" t="s">
        <v>17</v>
      </c>
      <c r="D9507" s="14" t="s">
        <v>81</v>
      </c>
      <c r="E9507" s="15">
        <v>45393</v>
      </c>
      <c r="F9507" s="14" t="s">
        <v>15</v>
      </c>
      <c r="G9507" s="16">
        <v>0</v>
      </c>
    </row>
    <row r="9508" spans="1:7" x14ac:dyDescent="0.3">
      <c r="A9508" s="13" t="s">
        <v>80</v>
      </c>
      <c r="B9508" s="14" t="s">
        <v>1</v>
      </c>
      <c r="C9508" s="14" t="s">
        <v>17</v>
      </c>
      <c r="D9508" s="14" t="s">
        <v>81</v>
      </c>
      <c r="E9508" s="15">
        <v>45394</v>
      </c>
      <c r="F9508" s="14" t="s">
        <v>15</v>
      </c>
      <c r="G9508" s="16">
        <v>0</v>
      </c>
    </row>
    <row r="9509" spans="1:7" x14ac:dyDescent="0.3">
      <c r="A9509" s="13" t="s">
        <v>80</v>
      </c>
      <c r="B9509" s="14" t="s">
        <v>1</v>
      </c>
      <c r="C9509" s="14" t="s">
        <v>17</v>
      </c>
      <c r="D9509" s="14" t="s">
        <v>81</v>
      </c>
      <c r="E9509" s="15">
        <v>45395</v>
      </c>
      <c r="F9509" s="14" t="s">
        <v>15</v>
      </c>
      <c r="G9509" s="16">
        <v>0</v>
      </c>
    </row>
    <row r="9510" spans="1:7" x14ac:dyDescent="0.3">
      <c r="A9510" s="13" t="s">
        <v>80</v>
      </c>
      <c r="B9510" s="14" t="s">
        <v>1</v>
      </c>
      <c r="C9510" s="14" t="s">
        <v>17</v>
      </c>
      <c r="D9510" s="14" t="s">
        <v>81</v>
      </c>
      <c r="E9510" s="15">
        <v>45396</v>
      </c>
      <c r="F9510" s="14" t="s">
        <v>15</v>
      </c>
      <c r="G9510" s="16">
        <v>0</v>
      </c>
    </row>
    <row r="9511" spans="1:7" x14ac:dyDescent="0.3">
      <c r="A9511" s="13" t="s">
        <v>80</v>
      </c>
      <c r="B9511" s="14" t="s">
        <v>1</v>
      </c>
      <c r="C9511" s="14" t="s">
        <v>17</v>
      </c>
      <c r="D9511" s="14" t="s">
        <v>81</v>
      </c>
      <c r="E9511" s="15">
        <v>45397</v>
      </c>
      <c r="F9511" s="14" t="s">
        <v>15</v>
      </c>
      <c r="G9511" s="16">
        <v>0</v>
      </c>
    </row>
    <row r="9512" spans="1:7" x14ac:dyDescent="0.3">
      <c r="A9512" s="13" t="s">
        <v>80</v>
      </c>
      <c r="B9512" s="14" t="s">
        <v>1</v>
      </c>
      <c r="C9512" s="14" t="s">
        <v>17</v>
      </c>
      <c r="D9512" s="14" t="s">
        <v>81</v>
      </c>
      <c r="E9512" s="15">
        <v>45398</v>
      </c>
      <c r="F9512" s="14" t="s">
        <v>15</v>
      </c>
      <c r="G9512" s="16">
        <v>0</v>
      </c>
    </row>
    <row r="9513" spans="1:7" x14ac:dyDescent="0.3">
      <c r="A9513" s="13" t="s">
        <v>80</v>
      </c>
      <c r="B9513" s="14" t="s">
        <v>1</v>
      </c>
      <c r="C9513" s="14" t="s">
        <v>17</v>
      </c>
      <c r="D9513" s="14" t="s">
        <v>81</v>
      </c>
      <c r="E9513" s="15">
        <v>45399</v>
      </c>
      <c r="F9513" s="14" t="s">
        <v>15</v>
      </c>
      <c r="G9513" s="16">
        <v>0</v>
      </c>
    </row>
    <row r="9514" spans="1:7" x14ac:dyDescent="0.3">
      <c r="A9514" s="13" t="s">
        <v>80</v>
      </c>
      <c r="B9514" s="14" t="s">
        <v>1</v>
      </c>
      <c r="C9514" s="14" t="s">
        <v>17</v>
      </c>
      <c r="D9514" s="14" t="s">
        <v>81</v>
      </c>
      <c r="E9514" s="15">
        <v>45400</v>
      </c>
      <c r="F9514" s="14" t="s">
        <v>15</v>
      </c>
      <c r="G9514" s="16">
        <v>0</v>
      </c>
    </row>
    <row r="9515" spans="1:7" x14ac:dyDescent="0.3">
      <c r="A9515" s="13" t="s">
        <v>80</v>
      </c>
      <c r="B9515" s="14" t="s">
        <v>1</v>
      </c>
      <c r="C9515" s="14" t="s">
        <v>17</v>
      </c>
      <c r="D9515" s="14" t="s">
        <v>81</v>
      </c>
      <c r="E9515" s="15">
        <v>45401</v>
      </c>
      <c r="F9515" s="14" t="s">
        <v>15</v>
      </c>
      <c r="G9515" s="16">
        <v>0</v>
      </c>
    </row>
    <row r="9516" spans="1:7" x14ac:dyDescent="0.3">
      <c r="A9516" s="13" t="s">
        <v>80</v>
      </c>
      <c r="B9516" s="14" t="s">
        <v>1</v>
      </c>
      <c r="C9516" s="14" t="s">
        <v>17</v>
      </c>
      <c r="D9516" s="14" t="s">
        <v>81</v>
      </c>
      <c r="E9516" s="15">
        <v>45402</v>
      </c>
      <c r="F9516" s="14" t="s">
        <v>15</v>
      </c>
      <c r="G9516" s="16">
        <v>0</v>
      </c>
    </row>
    <row r="9517" spans="1:7" x14ac:dyDescent="0.3">
      <c r="A9517" s="13" t="s">
        <v>80</v>
      </c>
      <c r="B9517" s="14" t="s">
        <v>1</v>
      </c>
      <c r="C9517" s="14" t="s">
        <v>17</v>
      </c>
      <c r="D9517" s="14" t="s">
        <v>81</v>
      </c>
      <c r="E9517" s="15">
        <v>45403</v>
      </c>
      <c r="F9517" s="14" t="s">
        <v>15</v>
      </c>
      <c r="G9517" s="16">
        <v>0</v>
      </c>
    </row>
    <row r="9518" spans="1:7" x14ac:dyDescent="0.3">
      <c r="A9518" s="13" t="s">
        <v>80</v>
      </c>
      <c r="B9518" s="14" t="s">
        <v>1</v>
      </c>
      <c r="C9518" s="14" t="s">
        <v>17</v>
      </c>
      <c r="D9518" s="14" t="s">
        <v>81</v>
      </c>
      <c r="E9518" s="15">
        <v>45404</v>
      </c>
      <c r="F9518" s="14" t="s">
        <v>15</v>
      </c>
      <c r="G9518" s="16">
        <v>0</v>
      </c>
    </row>
    <row r="9519" spans="1:7" x14ac:dyDescent="0.3">
      <c r="A9519" s="13" t="s">
        <v>80</v>
      </c>
      <c r="B9519" s="14" t="s">
        <v>1</v>
      </c>
      <c r="C9519" s="14" t="s">
        <v>17</v>
      </c>
      <c r="D9519" s="14" t="s">
        <v>81</v>
      </c>
      <c r="E9519" s="15">
        <v>45405</v>
      </c>
      <c r="F9519" s="14" t="s">
        <v>15</v>
      </c>
      <c r="G9519" s="16">
        <v>0</v>
      </c>
    </row>
    <row r="9520" spans="1:7" x14ac:dyDescent="0.3">
      <c r="A9520" s="13" t="s">
        <v>80</v>
      </c>
      <c r="B9520" s="14" t="s">
        <v>1</v>
      </c>
      <c r="C9520" s="14" t="s">
        <v>17</v>
      </c>
      <c r="D9520" s="14" t="s">
        <v>81</v>
      </c>
      <c r="E9520" s="15">
        <v>45406</v>
      </c>
      <c r="F9520" s="14" t="s">
        <v>15</v>
      </c>
      <c r="G9520" s="16">
        <v>0</v>
      </c>
    </row>
    <row r="9521" spans="1:7" x14ac:dyDescent="0.3">
      <c r="A9521" s="13" t="s">
        <v>80</v>
      </c>
      <c r="B9521" s="14" t="s">
        <v>1</v>
      </c>
      <c r="C9521" s="14" t="s">
        <v>17</v>
      </c>
      <c r="D9521" s="14" t="s">
        <v>81</v>
      </c>
      <c r="E9521" s="15">
        <v>45407</v>
      </c>
      <c r="F9521" s="14" t="s">
        <v>15</v>
      </c>
      <c r="G9521" s="16">
        <v>0</v>
      </c>
    </row>
    <row r="9522" spans="1:7" x14ac:dyDescent="0.3">
      <c r="A9522" s="13" t="s">
        <v>80</v>
      </c>
      <c r="B9522" s="14" t="s">
        <v>1</v>
      </c>
      <c r="C9522" s="14" t="s">
        <v>17</v>
      </c>
      <c r="D9522" s="14" t="s">
        <v>81</v>
      </c>
      <c r="E9522" s="15">
        <v>45408</v>
      </c>
      <c r="F9522" s="14" t="s">
        <v>15</v>
      </c>
      <c r="G9522" s="16">
        <v>0</v>
      </c>
    </row>
    <row r="9523" spans="1:7" x14ac:dyDescent="0.3">
      <c r="A9523" s="13" t="s">
        <v>80</v>
      </c>
      <c r="B9523" s="14" t="s">
        <v>1</v>
      </c>
      <c r="C9523" s="14" t="s">
        <v>17</v>
      </c>
      <c r="D9523" s="14" t="s">
        <v>81</v>
      </c>
      <c r="E9523" s="15">
        <v>45409</v>
      </c>
      <c r="F9523" s="14" t="s">
        <v>15</v>
      </c>
      <c r="G9523" s="16">
        <v>0</v>
      </c>
    </row>
    <row r="9524" spans="1:7" x14ac:dyDescent="0.3">
      <c r="A9524" s="13" t="s">
        <v>80</v>
      </c>
      <c r="B9524" s="14" t="s">
        <v>1</v>
      </c>
      <c r="C9524" s="14" t="s">
        <v>17</v>
      </c>
      <c r="D9524" s="14" t="s">
        <v>81</v>
      </c>
      <c r="E9524" s="15">
        <v>45410</v>
      </c>
      <c r="F9524" s="14" t="s">
        <v>15</v>
      </c>
      <c r="G9524" s="16">
        <v>0</v>
      </c>
    </row>
    <row r="9525" spans="1:7" x14ac:dyDescent="0.3">
      <c r="A9525" s="13" t="s">
        <v>80</v>
      </c>
      <c r="B9525" s="14" t="s">
        <v>1</v>
      </c>
      <c r="C9525" s="14" t="s">
        <v>17</v>
      </c>
      <c r="D9525" s="14" t="s">
        <v>81</v>
      </c>
      <c r="E9525" s="15">
        <v>45411</v>
      </c>
      <c r="F9525" s="14" t="s">
        <v>15</v>
      </c>
      <c r="G9525" s="16">
        <v>0</v>
      </c>
    </row>
    <row r="9526" spans="1:7" x14ac:dyDescent="0.3">
      <c r="A9526" s="13" t="s">
        <v>80</v>
      </c>
      <c r="B9526" s="14" t="s">
        <v>1</v>
      </c>
      <c r="C9526" s="14" t="s">
        <v>17</v>
      </c>
      <c r="D9526" s="14" t="s">
        <v>81</v>
      </c>
      <c r="E9526" s="15">
        <v>45412</v>
      </c>
      <c r="F9526" s="14" t="s">
        <v>15</v>
      </c>
      <c r="G9526" s="16">
        <v>0</v>
      </c>
    </row>
    <row r="9527" spans="1:7" x14ac:dyDescent="0.3">
      <c r="A9527" s="13" t="s">
        <v>80</v>
      </c>
      <c r="B9527" s="14" t="s">
        <v>1</v>
      </c>
      <c r="C9527" s="14" t="s">
        <v>17</v>
      </c>
      <c r="D9527" s="14" t="s">
        <v>81</v>
      </c>
      <c r="E9527" s="15">
        <v>45413</v>
      </c>
      <c r="F9527" s="14" t="s">
        <v>15</v>
      </c>
      <c r="G9527" s="16">
        <v>0</v>
      </c>
    </row>
    <row r="9528" spans="1:7" x14ac:dyDescent="0.3">
      <c r="A9528" s="13" t="s">
        <v>80</v>
      </c>
      <c r="B9528" s="14" t="s">
        <v>1</v>
      </c>
      <c r="C9528" s="14" t="s">
        <v>17</v>
      </c>
      <c r="D9528" s="14" t="s">
        <v>81</v>
      </c>
      <c r="E9528" s="15">
        <v>45414</v>
      </c>
      <c r="F9528" s="14" t="s">
        <v>15</v>
      </c>
      <c r="G9528" s="16">
        <v>0</v>
      </c>
    </row>
    <row r="9529" spans="1:7" x14ac:dyDescent="0.3">
      <c r="A9529" s="13" t="s">
        <v>80</v>
      </c>
      <c r="B9529" s="14" t="s">
        <v>1</v>
      </c>
      <c r="C9529" s="14" t="s">
        <v>17</v>
      </c>
      <c r="D9529" s="14" t="s">
        <v>81</v>
      </c>
      <c r="E9529" s="15">
        <v>45415</v>
      </c>
      <c r="F9529" s="14" t="s">
        <v>15</v>
      </c>
      <c r="G9529" s="16">
        <v>0</v>
      </c>
    </row>
    <row r="9530" spans="1:7" x14ac:dyDescent="0.3">
      <c r="A9530" s="13" t="s">
        <v>80</v>
      </c>
      <c r="B9530" s="14" t="s">
        <v>1</v>
      </c>
      <c r="C9530" s="14" t="s">
        <v>17</v>
      </c>
      <c r="D9530" s="14" t="s">
        <v>81</v>
      </c>
      <c r="E9530" s="15">
        <v>45416</v>
      </c>
      <c r="F9530" s="14" t="s">
        <v>15</v>
      </c>
      <c r="G9530" s="16">
        <v>0</v>
      </c>
    </row>
    <row r="9531" spans="1:7" x14ac:dyDescent="0.3">
      <c r="A9531" s="13" t="s">
        <v>80</v>
      </c>
      <c r="B9531" s="14" t="s">
        <v>1</v>
      </c>
      <c r="C9531" s="14" t="s">
        <v>17</v>
      </c>
      <c r="D9531" s="14" t="s">
        <v>81</v>
      </c>
      <c r="E9531" s="15">
        <v>45417</v>
      </c>
      <c r="F9531" s="14" t="s">
        <v>15</v>
      </c>
      <c r="G9531" s="16">
        <v>0</v>
      </c>
    </row>
    <row r="9532" spans="1:7" x14ac:dyDescent="0.3">
      <c r="A9532" s="13" t="s">
        <v>80</v>
      </c>
      <c r="B9532" s="14" t="s">
        <v>1</v>
      </c>
      <c r="C9532" s="14" t="s">
        <v>17</v>
      </c>
      <c r="D9532" s="14" t="s">
        <v>81</v>
      </c>
      <c r="E9532" s="15">
        <v>45418</v>
      </c>
      <c r="F9532" s="14" t="s">
        <v>15</v>
      </c>
      <c r="G9532" s="16">
        <v>0</v>
      </c>
    </row>
    <row r="9533" spans="1:7" x14ac:dyDescent="0.3">
      <c r="A9533" s="13" t="s">
        <v>80</v>
      </c>
      <c r="B9533" s="14" t="s">
        <v>1</v>
      </c>
      <c r="C9533" s="14" t="s">
        <v>17</v>
      </c>
      <c r="D9533" s="14" t="s">
        <v>81</v>
      </c>
      <c r="E9533" s="15">
        <v>45419</v>
      </c>
      <c r="F9533" s="14" t="s">
        <v>15</v>
      </c>
      <c r="G9533" s="16">
        <v>0</v>
      </c>
    </row>
    <row r="9534" spans="1:7" x14ac:dyDescent="0.3">
      <c r="A9534" s="13" t="s">
        <v>80</v>
      </c>
      <c r="B9534" s="14" t="s">
        <v>1</v>
      </c>
      <c r="C9534" s="14" t="s">
        <v>17</v>
      </c>
      <c r="D9534" s="14" t="s">
        <v>81</v>
      </c>
      <c r="E9534" s="15">
        <v>45420</v>
      </c>
      <c r="F9534" s="14" t="s">
        <v>15</v>
      </c>
      <c r="G9534" s="16">
        <v>0</v>
      </c>
    </row>
    <row r="9535" spans="1:7" x14ac:dyDescent="0.3">
      <c r="A9535" s="13" t="s">
        <v>80</v>
      </c>
      <c r="B9535" s="14" t="s">
        <v>1</v>
      </c>
      <c r="C9535" s="14" t="s">
        <v>17</v>
      </c>
      <c r="D9535" s="14" t="s">
        <v>81</v>
      </c>
      <c r="E9535" s="15">
        <v>45421</v>
      </c>
      <c r="F9535" s="14" t="s">
        <v>15</v>
      </c>
      <c r="G9535" s="16">
        <v>0</v>
      </c>
    </row>
    <row r="9536" spans="1:7" x14ac:dyDescent="0.3">
      <c r="A9536" s="13" t="s">
        <v>80</v>
      </c>
      <c r="B9536" s="14" t="s">
        <v>1</v>
      </c>
      <c r="C9536" s="14" t="s">
        <v>17</v>
      </c>
      <c r="D9536" s="14" t="s">
        <v>81</v>
      </c>
      <c r="E9536" s="15">
        <v>45422</v>
      </c>
      <c r="F9536" s="14" t="s">
        <v>15</v>
      </c>
      <c r="G9536" s="16">
        <v>0</v>
      </c>
    </row>
    <row r="9537" spans="1:7" x14ac:dyDescent="0.3">
      <c r="A9537" s="13" t="s">
        <v>80</v>
      </c>
      <c r="B9537" s="14" t="s">
        <v>1</v>
      </c>
      <c r="C9537" s="14" t="s">
        <v>17</v>
      </c>
      <c r="D9537" s="14" t="s">
        <v>81</v>
      </c>
      <c r="E9537" s="15">
        <v>45423</v>
      </c>
      <c r="F9537" s="14" t="s">
        <v>15</v>
      </c>
      <c r="G9537" s="16">
        <v>0</v>
      </c>
    </row>
    <row r="9538" spans="1:7" x14ac:dyDescent="0.3">
      <c r="A9538" s="13" t="s">
        <v>80</v>
      </c>
      <c r="B9538" s="14" t="s">
        <v>1</v>
      </c>
      <c r="C9538" s="14" t="s">
        <v>17</v>
      </c>
      <c r="D9538" s="14" t="s">
        <v>81</v>
      </c>
      <c r="E9538" s="15">
        <v>45424</v>
      </c>
      <c r="F9538" s="14" t="s">
        <v>15</v>
      </c>
      <c r="G9538" s="16">
        <v>0</v>
      </c>
    </row>
    <row r="9539" spans="1:7" x14ac:dyDescent="0.3">
      <c r="A9539" s="13" t="s">
        <v>80</v>
      </c>
      <c r="B9539" s="14" t="s">
        <v>1</v>
      </c>
      <c r="C9539" s="14" t="s">
        <v>17</v>
      </c>
      <c r="D9539" s="14" t="s">
        <v>81</v>
      </c>
      <c r="E9539" s="15">
        <v>45425</v>
      </c>
      <c r="F9539" s="14" t="s">
        <v>15</v>
      </c>
      <c r="G9539" s="16">
        <v>0</v>
      </c>
    </row>
    <row r="9540" spans="1:7" x14ac:dyDescent="0.3">
      <c r="A9540" s="13" t="s">
        <v>80</v>
      </c>
      <c r="B9540" s="14" t="s">
        <v>1</v>
      </c>
      <c r="C9540" s="14" t="s">
        <v>17</v>
      </c>
      <c r="D9540" s="14" t="s">
        <v>81</v>
      </c>
      <c r="E9540" s="15">
        <v>45426</v>
      </c>
      <c r="F9540" s="14" t="s">
        <v>15</v>
      </c>
      <c r="G9540" s="16">
        <v>0</v>
      </c>
    </row>
    <row r="9541" spans="1:7" x14ac:dyDescent="0.3">
      <c r="A9541" s="13" t="s">
        <v>80</v>
      </c>
      <c r="B9541" s="14" t="s">
        <v>1</v>
      </c>
      <c r="C9541" s="14" t="s">
        <v>17</v>
      </c>
      <c r="D9541" s="14" t="s">
        <v>81</v>
      </c>
      <c r="E9541" s="15">
        <v>45427</v>
      </c>
      <c r="F9541" s="14" t="s">
        <v>15</v>
      </c>
      <c r="G9541" s="16">
        <v>0</v>
      </c>
    </row>
    <row r="9542" spans="1:7" x14ac:dyDescent="0.3">
      <c r="A9542" s="13" t="s">
        <v>80</v>
      </c>
      <c r="B9542" s="14" t="s">
        <v>1</v>
      </c>
      <c r="C9542" s="14" t="s">
        <v>17</v>
      </c>
      <c r="D9542" s="14" t="s">
        <v>81</v>
      </c>
      <c r="E9542" s="15">
        <v>45428</v>
      </c>
      <c r="F9542" s="14" t="s">
        <v>15</v>
      </c>
      <c r="G9542" s="16">
        <v>0</v>
      </c>
    </row>
    <row r="9543" spans="1:7" x14ac:dyDescent="0.3">
      <c r="A9543" s="13" t="s">
        <v>80</v>
      </c>
      <c r="B9543" s="14" t="s">
        <v>1</v>
      </c>
      <c r="C9543" s="14" t="s">
        <v>17</v>
      </c>
      <c r="D9543" s="14" t="s">
        <v>81</v>
      </c>
      <c r="E9543" s="15">
        <v>45429</v>
      </c>
      <c r="F9543" s="14" t="s">
        <v>15</v>
      </c>
      <c r="G9543" s="16">
        <v>0</v>
      </c>
    </row>
    <row r="9544" spans="1:7" x14ac:dyDescent="0.3">
      <c r="A9544" s="13" t="s">
        <v>80</v>
      </c>
      <c r="B9544" s="14" t="s">
        <v>1</v>
      </c>
      <c r="C9544" s="14" t="s">
        <v>17</v>
      </c>
      <c r="D9544" s="14" t="s">
        <v>81</v>
      </c>
      <c r="E9544" s="15">
        <v>45430</v>
      </c>
      <c r="F9544" s="14" t="s">
        <v>15</v>
      </c>
      <c r="G9544" s="16">
        <v>0</v>
      </c>
    </row>
    <row r="9545" spans="1:7" x14ac:dyDescent="0.3">
      <c r="A9545" s="13" t="s">
        <v>80</v>
      </c>
      <c r="B9545" s="14" t="s">
        <v>1</v>
      </c>
      <c r="C9545" s="14" t="s">
        <v>17</v>
      </c>
      <c r="D9545" s="14" t="s">
        <v>81</v>
      </c>
      <c r="E9545" s="15">
        <v>45431</v>
      </c>
      <c r="F9545" s="14" t="s">
        <v>15</v>
      </c>
      <c r="G9545" s="16">
        <v>0</v>
      </c>
    </row>
    <row r="9546" spans="1:7" x14ac:dyDescent="0.3">
      <c r="A9546" s="13" t="s">
        <v>80</v>
      </c>
      <c r="B9546" s="14" t="s">
        <v>1</v>
      </c>
      <c r="C9546" s="14" t="s">
        <v>17</v>
      </c>
      <c r="D9546" s="14" t="s">
        <v>81</v>
      </c>
      <c r="E9546" s="15">
        <v>45432</v>
      </c>
      <c r="F9546" s="14" t="s">
        <v>15</v>
      </c>
      <c r="G9546" s="16">
        <v>0</v>
      </c>
    </row>
    <row r="9547" spans="1:7" x14ac:dyDescent="0.3">
      <c r="A9547" s="13" t="s">
        <v>80</v>
      </c>
      <c r="B9547" s="14" t="s">
        <v>1</v>
      </c>
      <c r="C9547" s="14" t="s">
        <v>17</v>
      </c>
      <c r="D9547" s="14" t="s">
        <v>81</v>
      </c>
      <c r="E9547" s="15">
        <v>45433</v>
      </c>
      <c r="F9547" s="14" t="s">
        <v>15</v>
      </c>
      <c r="G9547" s="16">
        <v>0</v>
      </c>
    </row>
    <row r="9548" spans="1:7" x14ac:dyDescent="0.3">
      <c r="A9548" s="13" t="s">
        <v>80</v>
      </c>
      <c r="B9548" s="14" t="s">
        <v>1</v>
      </c>
      <c r="C9548" s="14" t="s">
        <v>17</v>
      </c>
      <c r="D9548" s="14" t="s">
        <v>81</v>
      </c>
      <c r="E9548" s="15">
        <v>45434</v>
      </c>
      <c r="F9548" s="14" t="s">
        <v>15</v>
      </c>
      <c r="G9548" s="16">
        <v>0</v>
      </c>
    </row>
    <row r="9549" spans="1:7" x14ac:dyDescent="0.3">
      <c r="A9549" s="13" t="s">
        <v>80</v>
      </c>
      <c r="B9549" s="14" t="s">
        <v>1</v>
      </c>
      <c r="C9549" s="14" t="s">
        <v>17</v>
      </c>
      <c r="D9549" s="14" t="s">
        <v>81</v>
      </c>
      <c r="E9549" s="15">
        <v>45435</v>
      </c>
      <c r="F9549" s="14" t="s">
        <v>15</v>
      </c>
      <c r="G9549" s="16">
        <v>0</v>
      </c>
    </row>
    <row r="9550" spans="1:7" x14ac:dyDescent="0.3">
      <c r="A9550" s="13" t="s">
        <v>80</v>
      </c>
      <c r="B9550" s="14" t="s">
        <v>1</v>
      </c>
      <c r="C9550" s="14" t="s">
        <v>17</v>
      </c>
      <c r="D9550" s="14" t="s">
        <v>81</v>
      </c>
      <c r="E9550" s="15">
        <v>45436</v>
      </c>
      <c r="F9550" s="14" t="s">
        <v>15</v>
      </c>
      <c r="G9550" s="16">
        <v>0</v>
      </c>
    </row>
    <row r="9551" spans="1:7" x14ac:dyDescent="0.3">
      <c r="A9551" s="13" t="s">
        <v>80</v>
      </c>
      <c r="B9551" s="14" t="s">
        <v>1</v>
      </c>
      <c r="C9551" s="14" t="s">
        <v>17</v>
      </c>
      <c r="D9551" s="14" t="s">
        <v>81</v>
      </c>
      <c r="E9551" s="15">
        <v>45437</v>
      </c>
      <c r="F9551" s="14" t="s">
        <v>15</v>
      </c>
      <c r="G9551" s="16">
        <v>0</v>
      </c>
    </row>
    <row r="9552" spans="1:7" x14ac:dyDescent="0.3">
      <c r="A9552" s="13" t="s">
        <v>80</v>
      </c>
      <c r="B9552" s="14" t="s">
        <v>1</v>
      </c>
      <c r="C9552" s="14" t="s">
        <v>17</v>
      </c>
      <c r="D9552" s="14" t="s">
        <v>81</v>
      </c>
      <c r="E9552" s="15">
        <v>45438</v>
      </c>
      <c r="F9552" s="14" t="s">
        <v>15</v>
      </c>
      <c r="G9552" s="16">
        <v>0</v>
      </c>
    </row>
    <row r="9553" spans="1:7" x14ac:dyDescent="0.3">
      <c r="A9553" s="13" t="s">
        <v>80</v>
      </c>
      <c r="B9553" s="14" t="s">
        <v>1</v>
      </c>
      <c r="C9553" s="14" t="s">
        <v>17</v>
      </c>
      <c r="D9553" s="14" t="s">
        <v>81</v>
      </c>
      <c r="E9553" s="15">
        <v>45439</v>
      </c>
      <c r="F9553" s="14" t="s">
        <v>15</v>
      </c>
      <c r="G9553" s="16">
        <v>0</v>
      </c>
    </row>
    <row r="9554" spans="1:7" x14ac:dyDescent="0.3">
      <c r="A9554" s="13" t="s">
        <v>80</v>
      </c>
      <c r="B9554" s="14" t="s">
        <v>1</v>
      </c>
      <c r="C9554" s="14" t="s">
        <v>17</v>
      </c>
      <c r="D9554" s="14" t="s">
        <v>81</v>
      </c>
      <c r="E9554" s="15">
        <v>45440</v>
      </c>
      <c r="F9554" s="14" t="s">
        <v>15</v>
      </c>
      <c r="G9554" s="16">
        <v>0</v>
      </c>
    </row>
    <row r="9555" spans="1:7" x14ac:dyDescent="0.3">
      <c r="A9555" s="13" t="s">
        <v>80</v>
      </c>
      <c r="B9555" s="14" t="s">
        <v>1</v>
      </c>
      <c r="C9555" s="14" t="s">
        <v>17</v>
      </c>
      <c r="D9555" s="14" t="s">
        <v>81</v>
      </c>
      <c r="E9555" s="15">
        <v>45441</v>
      </c>
      <c r="F9555" s="14" t="s">
        <v>15</v>
      </c>
      <c r="G9555" s="16">
        <v>0</v>
      </c>
    </row>
    <row r="9556" spans="1:7" x14ac:dyDescent="0.3">
      <c r="A9556" s="13" t="s">
        <v>80</v>
      </c>
      <c r="B9556" s="14" t="s">
        <v>1</v>
      </c>
      <c r="C9556" s="14" t="s">
        <v>17</v>
      </c>
      <c r="D9556" s="14" t="s">
        <v>81</v>
      </c>
      <c r="E9556" s="15">
        <v>45442</v>
      </c>
      <c r="F9556" s="14" t="s">
        <v>15</v>
      </c>
      <c r="G9556" s="16">
        <v>0</v>
      </c>
    </row>
    <row r="9557" spans="1:7" x14ac:dyDescent="0.3">
      <c r="A9557" s="13" t="s">
        <v>80</v>
      </c>
      <c r="B9557" s="14" t="s">
        <v>1</v>
      </c>
      <c r="C9557" s="14" t="s">
        <v>17</v>
      </c>
      <c r="D9557" s="14" t="s">
        <v>81</v>
      </c>
      <c r="E9557" s="15">
        <v>45443</v>
      </c>
      <c r="F9557" s="14" t="s">
        <v>15</v>
      </c>
      <c r="G9557" s="16">
        <v>0</v>
      </c>
    </row>
    <row r="9558" spans="1:7" x14ac:dyDescent="0.3">
      <c r="A9558" s="13" t="s">
        <v>80</v>
      </c>
      <c r="B9558" s="14" t="s">
        <v>1</v>
      </c>
      <c r="C9558" s="14" t="s">
        <v>17</v>
      </c>
      <c r="D9558" s="14" t="s">
        <v>81</v>
      </c>
      <c r="E9558" s="15">
        <v>45444</v>
      </c>
      <c r="F9558" s="14" t="s">
        <v>15</v>
      </c>
      <c r="G9558" s="16">
        <v>0</v>
      </c>
    </row>
    <row r="9559" spans="1:7" x14ac:dyDescent="0.3">
      <c r="A9559" s="13" t="s">
        <v>80</v>
      </c>
      <c r="B9559" s="14" t="s">
        <v>1</v>
      </c>
      <c r="C9559" s="14" t="s">
        <v>17</v>
      </c>
      <c r="D9559" s="14" t="s">
        <v>81</v>
      </c>
      <c r="E9559" s="15">
        <v>45445</v>
      </c>
      <c r="F9559" s="14" t="s">
        <v>15</v>
      </c>
      <c r="G9559" s="16">
        <v>0</v>
      </c>
    </row>
    <row r="9560" spans="1:7" x14ac:dyDescent="0.3">
      <c r="A9560" s="13" t="s">
        <v>80</v>
      </c>
      <c r="B9560" s="14" t="s">
        <v>1</v>
      </c>
      <c r="C9560" s="14" t="s">
        <v>17</v>
      </c>
      <c r="D9560" s="14" t="s">
        <v>81</v>
      </c>
      <c r="E9560" s="15">
        <v>45446</v>
      </c>
      <c r="F9560" s="14" t="s">
        <v>15</v>
      </c>
      <c r="G9560" s="16">
        <v>0</v>
      </c>
    </row>
    <row r="9561" spans="1:7" x14ac:dyDescent="0.3">
      <c r="A9561" s="13" t="s">
        <v>80</v>
      </c>
      <c r="B9561" s="14" t="s">
        <v>1</v>
      </c>
      <c r="C9561" s="14" t="s">
        <v>17</v>
      </c>
      <c r="D9561" s="14" t="s">
        <v>81</v>
      </c>
      <c r="E9561" s="15">
        <v>45447</v>
      </c>
      <c r="F9561" s="14" t="s">
        <v>15</v>
      </c>
      <c r="G9561" s="16">
        <v>0</v>
      </c>
    </row>
    <row r="9562" spans="1:7" x14ac:dyDescent="0.3">
      <c r="A9562" s="13" t="s">
        <v>80</v>
      </c>
      <c r="B9562" s="14" t="s">
        <v>1</v>
      </c>
      <c r="C9562" s="14" t="s">
        <v>17</v>
      </c>
      <c r="D9562" s="14" t="s">
        <v>81</v>
      </c>
      <c r="E9562" s="15">
        <v>45448</v>
      </c>
      <c r="F9562" s="14" t="s">
        <v>15</v>
      </c>
      <c r="G9562" s="16">
        <v>0</v>
      </c>
    </row>
    <row r="9563" spans="1:7" x14ac:dyDescent="0.3">
      <c r="A9563" s="13" t="s">
        <v>80</v>
      </c>
      <c r="B9563" s="14" t="s">
        <v>1</v>
      </c>
      <c r="C9563" s="14" t="s">
        <v>17</v>
      </c>
      <c r="D9563" s="14" t="s">
        <v>81</v>
      </c>
      <c r="E9563" s="15">
        <v>45449</v>
      </c>
      <c r="F9563" s="14" t="s">
        <v>15</v>
      </c>
      <c r="G9563" s="16">
        <v>0</v>
      </c>
    </row>
    <row r="9564" spans="1:7" x14ac:dyDescent="0.3">
      <c r="A9564" s="13" t="s">
        <v>80</v>
      </c>
      <c r="B9564" s="14" t="s">
        <v>1</v>
      </c>
      <c r="C9564" s="14" t="s">
        <v>17</v>
      </c>
      <c r="D9564" s="14" t="s">
        <v>81</v>
      </c>
      <c r="E9564" s="15">
        <v>45450</v>
      </c>
      <c r="F9564" s="14" t="s">
        <v>15</v>
      </c>
      <c r="G9564" s="16">
        <v>0</v>
      </c>
    </row>
    <row r="9565" spans="1:7" x14ac:dyDescent="0.3">
      <c r="A9565" s="13" t="s">
        <v>80</v>
      </c>
      <c r="B9565" s="14" t="s">
        <v>1</v>
      </c>
      <c r="C9565" s="14" t="s">
        <v>17</v>
      </c>
      <c r="D9565" s="14" t="s">
        <v>81</v>
      </c>
      <c r="E9565" s="15">
        <v>45451</v>
      </c>
      <c r="F9565" s="14" t="s">
        <v>15</v>
      </c>
      <c r="G9565" s="16">
        <v>0</v>
      </c>
    </row>
    <row r="9566" spans="1:7" x14ac:dyDescent="0.3">
      <c r="A9566" s="13" t="s">
        <v>80</v>
      </c>
      <c r="B9566" s="14" t="s">
        <v>1</v>
      </c>
      <c r="C9566" s="14" t="s">
        <v>17</v>
      </c>
      <c r="D9566" s="14" t="s">
        <v>81</v>
      </c>
      <c r="E9566" s="15">
        <v>45452</v>
      </c>
      <c r="F9566" s="14" t="s">
        <v>15</v>
      </c>
      <c r="G9566" s="16">
        <v>0</v>
      </c>
    </row>
    <row r="9567" spans="1:7" x14ac:dyDescent="0.3">
      <c r="A9567" s="13" t="s">
        <v>80</v>
      </c>
      <c r="B9567" s="14" t="s">
        <v>1</v>
      </c>
      <c r="C9567" s="14" t="s">
        <v>17</v>
      </c>
      <c r="D9567" s="14" t="s">
        <v>81</v>
      </c>
      <c r="E9567" s="15">
        <v>45453</v>
      </c>
      <c r="F9567" s="14" t="s">
        <v>15</v>
      </c>
      <c r="G9567" s="16">
        <v>0</v>
      </c>
    </row>
    <row r="9568" spans="1:7" x14ac:dyDescent="0.3">
      <c r="A9568" s="13" t="s">
        <v>80</v>
      </c>
      <c r="B9568" s="14" t="s">
        <v>1</v>
      </c>
      <c r="C9568" s="14" t="s">
        <v>17</v>
      </c>
      <c r="D9568" s="14" t="s">
        <v>81</v>
      </c>
      <c r="E9568" s="15">
        <v>45454</v>
      </c>
      <c r="F9568" s="14" t="s">
        <v>15</v>
      </c>
      <c r="G9568" s="16">
        <v>0</v>
      </c>
    </row>
    <row r="9569" spans="1:7" x14ac:dyDescent="0.3">
      <c r="A9569" s="13" t="s">
        <v>80</v>
      </c>
      <c r="B9569" s="14" t="s">
        <v>1</v>
      </c>
      <c r="C9569" s="14" t="s">
        <v>17</v>
      </c>
      <c r="D9569" s="14" t="s">
        <v>81</v>
      </c>
      <c r="E9569" s="15">
        <v>45455</v>
      </c>
      <c r="F9569" s="14" t="s">
        <v>15</v>
      </c>
      <c r="G9569" s="16">
        <v>0</v>
      </c>
    </row>
    <row r="9570" spans="1:7" x14ac:dyDescent="0.3">
      <c r="A9570" s="13" t="s">
        <v>80</v>
      </c>
      <c r="B9570" s="14" t="s">
        <v>1</v>
      </c>
      <c r="C9570" s="14" t="s">
        <v>17</v>
      </c>
      <c r="D9570" s="14" t="s">
        <v>81</v>
      </c>
      <c r="E9570" s="15">
        <v>45456</v>
      </c>
      <c r="F9570" s="14" t="s">
        <v>15</v>
      </c>
      <c r="G9570" s="16">
        <v>0</v>
      </c>
    </row>
    <row r="9571" spans="1:7" x14ac:dyDescent="0.3">
      <c r="A9571" s="13" t="s">
        <v>80</v>
      </c>
      <c r="B9571" s="14" t="s">
        <v>1</v>
      </c>
      <c r="C9571" s="14" t="s">
        <v>17</v>
      </c>
      <c r="D9571" s="14" t="s">
        <v>81</v>
      </c>
      <c r="E9571" s="15">
        <v>45457</v>
      </c>
      <c r="F9571" s="14" t="s">
        <v>15</v>
      </c>
      <c r="G9571" s="16">
        <v>0</v>
      </c>
    </row>
    <row r="9572" spans="1:7" x14ac:dyDescent="0.3">
      <c r="A9572" s="13" t="s">
        <v>80</v>
      </c>
      <c r="B9572" s="14" t="s">
        <v>1</v>
      </c>
      <c r="C9572" s="14" t="s">
        <v>17</v>
      </c>
      <c r="D9572" s="14" t="s">
        <v>81</v>
      </c>
      <c r="E9572" s="15">
        <v>45458</v>
      </c>
      <c r="F9572" s="14" t="s">
        <v>15</v>
      </c>
      <c r="G9572" s="16">
        <v>0</v>
      </c>
    </row>
    <row r="9573" spans="1:7" x14ac:dyDescent="0.3">
      <c r="A9573" s="13" t="s">
        <v>80</v>
      </c>
      <c r="B9573" s="14" t="s">
        <v>1</v>
      </c>
      <c r="C9573" s="14" t="s">
        <v>17</v>
      </c>
      <c r="D9573" s="14" t="s">
        <v>81</v>
      </c>
      <c r="E9573" s="15">
        <v>45459</v>
      </c>
      <c r="F9573" s="14" t="s">
        <v>15</v>
      </c>
      <c r="G9573" s="16">
        <v>0</v>
      </c>
    </row>
    <row r="9574" spans="1:7" x14ac:dyDescent="0.3">
      <c r="A9574" s="13" t="s">
        <v>80</v>
      </c>
      <c r="B9574" s="14" t="s">
        <v>1</v>
      </c>
      <c r="C9574" s="14" t="s">
        <v>17</v>
      </c>
      <c r="D9574" s="14" t="s">
        <v>81</v>
      </c>
      <c r="E9574" s="15">
        <v>45460</v>
      </c>
      <c r="F9574" s="14" t="s">
        <v>15</v>
      </c>
      <c r="G9574" s="16">
        <v>0</v>
      </c>
    </row>
    <row r="9575" spans="1:7" x14ac:dyDescent="0.3">
      <c r="A9575" s="13" t="s">
        <v>80</v>
      </c>
      <c r="B9575" s="14" t="s">
        <v>1</v>
      </c>
      <c r="C9575" s="14" t="s">
        <v>17</v>
      </c>
      <c r="D9575" s="14" t="s">
        <v>81</v>
      </c>
      <c r="E9575" s="15">
        <v>45461</v>
      </c>
      <c r="F9575" s="14" t="s">
        <v>15</v>
      </c>
      <c r="G9575" s="16">
        <v>0</v>
      </c>
    </row>
    <row r="9576" spans="1:7" x14ac:dyDescent="0.3">
      <c r="A9576" s="13" t="s">
        <v>80</v>
      </c>
      <c r="B9576" s="14" t="s">
        <v>1</v>
      </c>
      <c r="C9576" s="14" t="s">
        <v>17</v>
      </c>
      <c r="D9576" s="14" t="s">
        <v>81</v>
      </c>
      <c r="E9576" s="15">
        <v>45462</v>
      </c>
      <c r="F9576" s="14" t="s">
        <v>15</v>
      </c>
      <c r="G9576" s="16">
        <v>0</v>
      </c>
    </row>
    <row r="9577" spans="1:7" x14ac:dyDescent="0.3">
      <c r="A9577" s="13" t="s">
        <v>80</v>
      </c>
      <c r="B9577" s="14" t="s">
        <v>1</v>
      </c>
      <c r="C9577" s="14" t="s">
        <v>17</v>
      </c>
      <c r="D9577" s="14" t="s">
        <v>81</v>
      </c>
      <c r="E9577" s="15">
        <v>45463</v>
      </c>
      <c r="F9577" s="14" t="s">
        <v>15</v>
      </c>
      <c r="G9577" s="16">
        <v>0</v>
      </c>
    </row>
    <row r="9578" spans="1:7" x14ac:dyDescent="0.3">
      <c r="A9578" s="13" t="s">
        <v>80</v>
      </c>
      <c r="B9578" s="14" t="s">
        <v>1</v>
      </c>
      <c r="C9578" s="14" t="s">
        <v>17</v>
      </c>
      <c r="D9578" s="14" t="s">
        <v>81</v>
      </c>
      <c r="E9578" s="15">
        <v>45464</v>
      </c>
      <c r="F9578" s="14" t="s">
        <v>15</v>
      </c>
      <c r="G9578" s="16">
        <v>0</v>
      </c>
    </row>
    <row r="9579" spans="1:7" x14ac:dyDescent="0.3">
      <c r="A9579" s="13" t="s">
        <v>80</v>
      </c>
      <c r="B9579" s="14" t="s">
        <v>1</v>
      </c>
      <c r="C9579" s="14" t="s">
        <v>17</v>
      </c>
      <c r="D9579" s="14" t="s">
        <v>81</v>
      </c>
      <c r="E9579" s="15">
        <v>45465</v>
      </c>
      <c r="F9579" s="14" t="s">
        <v>15</v>
      </c>
      <c r="G9579" s="16">
        <v>0</v>
      </c>
    </row>
    <row r="9580" spans="1:7" x14ac:dyDescent="0.3">
      <c r="A9580" s="13" t="s">
        <v>80</v>
      </c>
      <c r="B9580" s="14" t="s">
        <v>1</v>
      </c>
      <c r="C9580" s="14" t="s">
        <v>17</v>
      </c>
      <c r="D9580" s="14" t="s">
        <v>81</v>
      </c>
      <c r="E9580" s="15">
        <v>45466</v>
      </c>
      <c r="F9580" s="14" t="s">
        <v>15</v>
      </c>
      <c r="G9580" s="16">
        <v>0</v>
      </c>
    </row>
    <row r="9581" spans="1:7" x14ac:dyDescent="0.3">
      <c r="A9581" s="13" t="s">
        <v>80</v>
      </c>
      <c r="B9581" s="14" t="s">
        <v>1</v>
      </c>
      <c r="C9581" s="14" t="s">
        <v>17</v>
      </c>
      <c r="D9581" s="14" t="s">
        <v>81</v>
      </c>
      <c r="E9581" s="15">
        <v>45467</v>
      </c>
      <c r="F9581" s="14" t="s">
        <v>15</v>
      </c>
      <c r="G9581" s="16">
        <v>0</v>
      </c>
    </row>
    <row r="9582" spans="1:7" x14ac:dyDescent="0.3">
      <c r="A9582" s="13" t="s">
        <v>80</v>
      </c>
      <c r="B9582" s="14" t="s">
        <v>1</v>
      </c>
      <c r="C9582" s="14" t="s">
        <v>17</v>
      </c>
      <c r="D9582" s="14" t="s">
        <v>81</v>
      </c>
      <c r="E9582" s="15">
        <v>45468</v>
      </c>
      <c r="F9582" s="14" t="s">
        <v>15</v>
      </c>
      <c r="G9582" s="16">
        <v>0</v>
      </c>
    </row>
    <row r="9583" spans="1:7" x14ac:dyDescent="0.3">
      <c r="A9583" s="13" t="s">
        <v>80</v>
      </c>
      <c r="B9583" s="14" t="s">
        <v>1</v>
      </c>
      <c r="C9583" s="14" t="s">
        <v>17</v>
      </c>
      <c r="D9583" s="14" t="s">
        <v>81</v>
      </c>
      <c r="E9583" s="15">
        <v>45469</v>
      </c>
      <c r="F9583" s="14" t="s">
        <v>15</v>
      </c>
      <c r="G9583" s="16">
        <v>0</v>
      </c>
    </row>
    <row r="9584" spans="1:7" x14ac:dyDescent="0.3">
      <c r="A9584" s="13" t="s">
        <v>80</v>
      </c>
      <c r="B9584" s="14" t="s">
        <v>1</v>
      </c>
      <c r="C9584" s="14" t="s">
        <v>17</v>
      </c>
      <c r="D9584" s="14" t="s">
        <v>81</v>
      </c>
      <c r="E9584" s="15">
        <v>45470</v>
      </c>
      <c r="F9584" s="14" t="s">
        <v>15</v>
      </c>
      <c r="G9584" s="16">
        <v>0</v>
      </c>
    </row>
    <row r="9585" spans="1:7" x14ac:dyDescent="0.3">
      <c r="A9585" s="13" t="s">
        <v>80</v>
      </c>
      <c r="B9585" s="14" t="s">
        <v>1</v>
      </c>
      <c r="C9585" s="14" t="s">
        <v>17</v>
      </c>
      <c r="D9585" s="14" t="s">
        <v>81</v>
      </c>
      <c r="E9585" s="15">
        <v>45471</v>
      </c>
      <c r="F9585" s="14" t="s">
        <v>15</v>
      </c>
      <c r="G9585" s="16">
        <v>0</v>
      </c>
    </row>
    <row r="9586" spans="1:7" x14ac:dyDescent="0.3">
      <c r="A9586" s="13" t="s">
        <v>80</v>
      </c>
      <c r="B9586" s="14" t="s">
        <v>1</v>
      </c>
      <c r="C9586" s="14" t="s">
        <v>17</v>
      </c>
      <c r="D9586" s="14" t="s">
        <v>81</v>
      </c>
      <c r="E9586" s="15">
        <v>45472</v>
      </c>
      <c r="F9586" s="14" t="s">
        <v>15</v>
      </c>
      <c r="G9586" s="16">
        <v>0</v>
      </c>
    </row>
    <row r="9587" spans="1:7" x14ac:dyDescent="0.3">
      <c r="A9587" s="13" t="s">
        <v>80</v>
      </c>
      <c r="B9587" s="14" t="s">
        <v>1</v>
      </c>
      <c r="C9587" s="14" t="s">
        <v>17</v>
      </c>
      <c r="D9587" s="14" t="s">
        <v>81</v>
      </c>
      <c r="E9587" s="15">
        <v>45473</v>
      </c>
      <c r="F9587" s="14" t="s">
        <v>15</v>
      </c>
      <c r="G9587" s="16">
        <v>0</v>
      </c>
    </row>
    <row r="9588" spans="1:7" x14ac:dyDescent="0.3">
      <c r="A9588" s="13" t="s">
        <v>80</v>
      </c>
      <c r="B9588" s="14" t="s">
        <v>1</v>
      </c>
      <c r="C9588" s="14" t="s">
        <v>17</v>
      </c>
      <c r="D9588" s="14" t="s">
        <v>81</v>
      </c>
      <c r="E9588" s="15">
        <v>45474</v>
      </c>
      <c r="F9588" s="14" t="s">
        <v>15</v>
      </c>
      <c r="G9588" s="16">
        <v>0</v>
      </c>
    </row>
    <row r="9589" spans="1:7" x14ac:dyDescent="0.3">
      <c r="A9589" s="13" t="s">
        <v>80</v>
      </c>
      <c r="B9589" s="14" t="s">
        <v>1</v>
      </c>
      <c r="C9589" s="14" t="s">
        <v>17</v>
      </c>
      <c r="D9589" s="14" t="s">
        <v>81</v>
      </c>
      <c r="E9589" s="15">
        <v>45475</v>
      </c>
      <c r="F9589" s="14" t="s">
        <v>15</v>
      </c>
      <c r="G9589" s="16">
        <v>0</v>
      </c>
    </row>
    <row r="9590" spans="1:7" x14ac:dyDescent="0.3">
      <c r="A9590" s="13" t="s">
        <v>80</v>
      </c>
      <c r="B9590" s="14" t="s">
        <v>1</v>
      </c>
      <c r="C9590" s="14" t="s">
        <v>17</v>
      </c>
      <c r="D9590" s="14" t="s">
        <v>81</v>
      </c>
      <c r="E9590" s="15">
        <v>45476</v>
      </c>
      <c r="F9590" s="14" t="s">
        <v>15</v>
      </c>
      <c r="G9590" s="16">
        <v>0</v>
      </c>
    </row>
    <row r="9591" spans="1:7" x14ac:dyDescent="0.3">
      <c r="A9591" s="13" t="s">
        <v>80</v>
      </c>
      <c r="B9591" s="14" t="s">
        <v>1</v>
      </c>
      <c r="C9591" s="14" t="s">
        <v>17</v>
      </c>
      <c r="D9591" s="14" t="s">
        <v>81</v>
      </c>
      <c r="E9591" s="15">
        <v>45477</v>
      </c>
      <c r="F9591" s="14" t="s">
        <v>15</v>
      </c>
      <c r="G9591" s="16">
        <v>0</v>
      </c>
    </row>
    <row r="9592" spans="1:7" x14ac:dyDescent="0.3">
      <c r="A9592" s="13" t="s">
        <v>80</v>
      </c>
      <c r="B9592" s="14" t="s">
        <v>1</v>
      </c>
      <c r="C9592" s="14" t="s">
        <v>17</v>
      </c>
      <c r="D9592" s="14" t="s">
        <v>81</v>
      </c>
      <c r="E9592" s="15">
        <v>45478</v>
      </c>
      <c r="F9592" s="14" t="s">
        <v>15</v>
      </c>
      <c r="G9592" s="16">
        <v>0</v>
      </c>
    </row>
    <row r="9593" spans="1:7" x14ac:dyDescent="0.3">
      <c r="A9593" s="13" t="s">
        <v>80</v>
      </c>
      <c r="B9593" s="14" t="s">
        <v>1</v>
      </c>
      <c r="C9593" s="14" t="s">
        <v>17</v>
      </c>
      <c r="D9593" s="14" t="s">
        <v>81</v>
      </c>
      <c r="E9593" s="15">
        <v>45479</v>
      </c>
      <c r="F9593" s="14" t="s">
        <v>15</v>
      </c>
      <c r="G9593" s="16">
        <v>0</v>
      </c>
    </row>
    <row r="9594" spans="1:7" x14ac:dyDescent="0.3">
      <c r="A9594" s="13" t="s">
        <v>80</v>
      </c>
      <c r="B9594" s="14" t="s">
        <v>1</v>
      </c>
      <c r="C9594" s="14" t="s">
        <v>17</v>
      </c>
      <c r="D9594" s="14" t="s">
        <v>81</v>
      </c>
      <c r="E9594" s="15">
        <v>45480</v>
      </c>
      <c r="F9594" s="14" t="s">
        <v>15</v>
      </c>
      <c r="G9594" s="16">
        <v>0</v>
      </c>
    </row>
    <row r="9595" spans="1:7" x14ac:dyDescent="0.3">
      <c r="A9595" s="13" t="s">
        <v>80</v>
      </c>
      <c r="B9595" s="14" t="s">
        <v>1</v>
      </c>
      <c r="C9595" s="14" t="s">
        <v>17</v>
      </c>
      <c r="D9595" s="14" t="s">
        <v>81</v>
      </c>
      <c r="E9595" s="15">
        <v>45481</v>
      </c>
      <c r="F9595" s="14" t="s">
        <v>15</v>
      </c>
      <c r="G9595" s="16">
        <v>0</v>
      </c>
    </row>
    <row r="9596" spans="1:7" x14ac:dyDescent="0.3">
      <c r="A9596" s="13" t="s">
        <v>80</v>
      </c>
      <c r="B9596" s="14" t="s">
        <v>1</v>
      </c>
      <c r="C9596" s="14" t="s">
        <v>17</v>
      </c>
      <c r="D9596" s="14" t="s">
        <v>81</v>
      </c>
      <c r="E9596" s="15">
        <v>45482</v>
      </c>
      <c r="F9596" s="14" t="s">
        <v>15</v>
      </c>
      <c r="G9596" s="16">
        <v>0</v>
      </c>
    </row>
    <row r="9597" spans="1:7" x14ac:dyDescent="0.3">
      <c r="A9597" s="13" t="s">
        <v>80</v>
      </c>
      <c r="B9597" s="14" t="s">
        <v>1</v>
      </c>
      <c r="C9597" s="14" t="s">
        <v>17</v>
      </c>
      <c r="D9597" s="14" t="s">
        <v>81</v>
      </c>
      <c r="E9597" s="15">
        <v>45483</v>
      </c>
      <c r="F9597" s="14" t="s">
        <v>15</v>
      </c>
      <c r="G9597" s="16">
        <v>0</v>
      </c>
    </row>
    <row r="9598" spans="1:7" x14ac:dyDescent="0.3">
      <c r="A9598" s="13" t="s">
        <v>80</v>
      </c>
      <c r="B9598" s="14" t="s">
        <v>1</v>
      </c>
      <c r="C9598" s="14" t="s">
        <v>17</v>
      </c>
      <c r="D9598" s="14" t="s">
        <v>81</v>
      </c>
      <c r="E9598" s="15">
        <v>45484</v>
      </c>
      <c r="F9598" s="14" t="s">
        <v>15</v>
      </c>
      <c r="G9598" s="16">
        <v>0</v>
      </c>
    </row>
    <row r="9599" spans="1:7" x14ac:dyDescent="0.3">
      <c r="A9599" s="13" t="s">
        <v>80</v>
      </c>
      <c r="B9599" s="14" t="s">
        <v>1</v>
      </c>
      <c r="C9599" s="14" t="s">
        <v>17</v>
      </c>
      <c r="D9599" s="14" t="s">
        <v>81</v>
      </c>
      <c r="E9599" s="15">
        <v>45485</v>
      </c>
      <c r="F9599" s="14" t="s">
        <v>15</v>
      </c>
      <c r="G9599" s="16">
        <v>0</v>
      </c>
    </row>
    <row r="9600" spans="1:7" x14ac:dyDescent="0.3">
      <c r="A9600" s="13" t="s">
        <v>80</v>
      </c>
      <c r="B9600" s="14" t="s">
        <v>1</v>
      </c>
      <c r="C9600" s="14" t="s">
        <v>17</v>
      </c>
      <c r="D9600" s="14" t="s">
        <v>81</v>
      </c>
      <c r="E9600" s="15">
        <v>45486</v>
      </c>
      <c r="F9600" s="14" t="s">
        <v>15</v>
      </c>
      <c r="G9600" s="16">
        <v>0</v>
      </c>
    </row>
    <row r="9601" spans="1:7" x14ac:dyDescent="0.3">
      <c r="A9601" s="13" t="s">
        <v>80</v>
      </c>
      <c r="B9601" s="14" t="s">
        <v>1</v>
      </c>
      <c r="C9601" s="14" t="s">
        <v>17</v>
      </c>
      <c r="D9601" s="14" t="s">
        <v>81</v>
      </c>
      <c r="E9601" s="15">
        <v>45487</v>
      </c>
      <c r="F9601" s="14" t="s">
        <v>15</v>
      </c>
      <c r="G9601" s="16">
        <v>0</v>
      </c>
    </row>
    <row r="9602" spans="1:7" x14ac:dyDescent="0.3">
      <c r="A9602" s="13" t="s">
        <v>80</v>
      </c>
      <c r="B9602" s="14" t="s">
        <v>1</v>
      </c>
      <c r="C9602" s="14" t="s">
        <v>17</v>
      </c>
      <c r="D9602" s="14" t="s">
        <v>81</v>
      </c>
      <c r="E9602" s="15">
        <v>45488</v>
      </c>
      <c r="F9602" s="14" t="s">
        <v>15</v>
      </c>
      <c r="G9602" s="16">
        <v>0</v>
      </c>
    </row>
    <row r="9603" spans="1:7" x14ac:dyDescent="0.3">
      <c r="A9603" s="13" t="s">
        <v>80</v>
      </c>
      <c r="B9603" s="14" t="s">
        <v>1</v>
      </c>
      <c r="C9603" s="14" t="s">
        <v>17</v>
      </c>
      <c r="D9603" s="14" t="s">
        <v>81</v>
      </c>
      <c r="E9603" s="15">
        <v>45489</v>
      </c>
      <c r="F9603" s="14" t="s">
        <v>15</v>
      </c>
      <c r="G9603" s="16">
        <v>0</v>
      </c>
    </row>
    <row r="9604" spans="1:7" x14ac:dyDescent="0.3">
      <c r="A9604" s="13" t="s">
        <v>80</v>
      </c>
      <c r="B9604" s="14" t="s">
        <v>1</v>
      </c>
      <c r="C9604" s="14" t="s">
        <v>17</v>
      </c>
      <c r="D9604" s="14" t="s">
        <v>81</v>
      </c>
      <c r="E9604" s="15">
        <v>45490</v>
      </c>
      <c r="F9604" s="14" t="s">
        <v>15</v>
      </c>
      <c r="G9604" s="16">
        <v>0</v>
      </c>
    </row>
    <row r="9605" spans="1:7" x14ac:dyDescent="0.3">
      <c r="A9605" s="13" t="s">
        <v>80</v>
      </c>
      <c r="B9605" s="14" t="s">
        <v>1</v>
      </c>
      <c r="C9605" s="14" t="s">
        <v>17</v>
      </c>
      <c r="D9605" s="14" t="s">
        <v>81</v>
      </c>
      <c r="E9605" s="15">
        <v>45491</v>
      </c>
      <c r="F9605" s="14" t="s">
        <v>15</v>
      </c>
      <c r="G9605" s="16">
        <v>0</v>
      </c>
    </row>
    <row r="9606" spans="1:7" x14ac:dyDescent="0.3">
      <c r="A9606" s="13" t="s">
        <v>80</v>
      </c>
      <c r="B9606" s="14" t="s">
        <v>1</v>
      </c>
      <c r="C9606" s="14" t="s">
        <v>17</v>
      </c>
      <c r="D9606" s="14" t="s">
        <v>81</v>
      </c>
      <c r="E9606" s="15">
        <v>45492</v>
      </c>
      <c r="F9606" s="14" t="s">
        <v>15</v>
      </c>
      <c r="G9606" s="16">
        <v>0</v>
      </c>
    </row>
    <row r="9607" spans="1:7" x14ac:dyDescent="0.3">
      <c r="A9607" s="13" t="s">
        <v>80</v>
      </c>
      <c r="B9607" s="14" t="s">
        <v>1</v>
      </c>
      <c r="C9607" s="14" t="s">
        <v>17</v>
      </c>
      <c r="D9607" s="14" t="s">
        <v>81</v>
      </c>
      <c r="E9607" s="15">
        <v>45493</v>
      </c>
      <c r="F9607" s="14" t="s">
        <v>15</v>
      </c>
      <c r="G9607" s="16">
        <v>0</v>
      </c>
    </row>
    <row r="9608" spans="1:7" x14ac:dyDescent="0.3">
      <c r="A9608" s="13" t="s">
        <v>80</v>
      </c>
      <c r="B9608" s="14" t="s">
        <v>1</v>
      </c>
      <c r="C9608" s="14" t="s">
        <v>17</v>
      </c>
      <c r="D9608" s="14" t="s">
        <v>81</v>
      </c>
      <c r="E9608" s="15">
        <v>45494</v>
      </c>
      <c r="F9608" s="14" t="s">
        <v>15</v>
      </c>
      <c r="G9608" s="16">
        <v>0</v>
      </c>
    </row>
    <row r="9609" spans="1:7" x14ac:dyDescent="0.3">
      <c r="A9609" s="13" t="s">
        <v>80</v>
      </c>
      <c r="B9609" s="14" t="s">
        <v>1</v>
      </c>
      <c r="C9609" s="14" t="s">
        <v>17</v>
      </c>
      <c r="D9609" s="14" t="s">
        <v>81</v>
      </c>
      <c r="E9609" s="15">
        <v>45495</v>
      </c>
      <c r="F9609" s="14" t="s">
        <v>15</v>
      </c>
      <c r="G9609" s="16">
        <v>0</v>
      </c>
    </row>
    <row r="9610" spans="1:7" x14ac:dyDescent="0.3">
      <c r="A9610" s="13" t="s">
        <v>80</v>
      </c>
      <c r="B9610" s="14" t="s">
        <v>1</v>
      </c>
      <c r="C9610" s="14" t="s">
        <v>17</v>
      </c>
      <c r="D9610" s="14" t="s">
        <v>81</v>
      </c>
      <c r="E9610" s="15">
        <v>45496</v>
      </c>
      <c r="F9610" s="14" t="s">
        <v>15</v>
      </c>
      <c r="G9610" s="16">
        <v>0</v>
      </c>
    </row>
    <row r="9611" spans="1:7" x14ac:dyDescent="0.3">
      <c r="A9611" s="13" t="s">
        <v>80</v>
      </c>
      <c r="B9611" s="14" t="s">
        <v>1</v>
      </c>
      <c r="C9611" s="14" t="s">
        <v>17</v>
      </c>
      <c r="D9611" s="14" t="s">
        <v>81</v>
      </c>
      <c r="E9611" s="15">
        <v>45497</v>
      </c>
      <c r="F9611" s="14" t="s">
        <v>15</v>
      </c>
      <c r="G9611" s="16">
        <v>0</v>
      </c>
    </row>
    <row r="9612" spans="1:7" x14ac:dyDescent="0.3">
      <c r="A9612" s="13" t="s">
        <v>80</v>
      </c>
      <c r="B9612" s="14" t="s">
        <v>1</v>
      </c>
      <c r="C9612" s="14" t="s">
        <v>17</v>
      </c>
      <c r="D9612" s="14" t="s">
        <v>81</v>
      </c>
      <c r="E9612" s="15">
        <v>45498</v>
      </c>
      <c r="F9612" s="14" t="s">
        <v>15</v>
      </c>
      <c r="G9612" s="16">
        <v>0</v>
      </c>
    </row>
    <row r="9613" spans="1:7" x14ac:dyDescent="0.3">
      <c r="A9613" s="13" t="s">
        <v>80</v>
      </c>
      <c r="B9613" s="14" t="s">
        <v>1</v>
      </c>
      <c r="C9613" s="14" t="s">
        <v>17</v>
      </c>
      <c r="D9613" s="14" t="s">
        <v>81</v>
      </c>
      <c r="E9613" s="15">
        <v>45499</v>
      </c>
      <c r="F9613" s="14" t="s">
        <v>15</v>
      </c>
      <c r="G9613" s="16">
        <v>0</v>
      </c>
    </row>
    <row r="9614" spans="1:7" x14ac:dyDescent="0.3">
      <c r="A9614" s="13" t="s">
        <v>80</v>
      </c>
      <c r="B9614" s="14" t="s">
        <v>1</v>
      </c>
      <c r="C9614" s="14" t="s">
        <v>17</v>
      </c>
      <c r="D9614" s="14" t="s">
        <v>81</v>
      </c>
      <c r="E9614" s="15">
        <v>45500</v>
      </c>
      <c r="F9614" s="14" t="s">
        <v>15</v>
      </c>
      <c r="G9614" s="16">
        <v>0</v>
      </c>
    </row>
    <row r="9615" spans="1:7" x14ac:dyDescent="0.3">
      <c r="A9615" s="13" t="s">
        <v>80</v>
      </c>
      <c r="B9615" s="14" t="s">
        <v>1</v>
      </c>
      <c r="C9615" s="14" t="s">
        <v>17</v>
      </c>
      <c r="D9615" s="14" t="s">
        <v>81</v>
      </c>
      <c r="E9615" s="15">
        <v>45501</v>
      </c>
      <c r="F9615" s="14" t="s">
        <v>15</v>
      </c>
      <c r="G9615" s="16">
        <v>0</v>
      </c>
    </row>
    <row r="9616" spans="1:7" x14ac:dyDescent="0.3">
      <c r="A9616" s="13" t="s">
        <v>80</v>
      </c>
      <c r="B9616" s="14" t="s">
        <v>1</v>
      </c>
      <c r="C9616" s="14" t="s">
        <v>17</v>
      </c>
      <c r="D9616" s="14" t="s">
        <v>81</v>
      </c>
      <c r="E9616" s="15">
        <v>45502</v>
      </c>
      <c r="F9616" s="14" t="s">
        <v>15</v>
      </c>
      <c r="G9616" s="16">
        <v>0</v>
      </c>
    </row>
    <row r="9617" spans="1:7" x14ac:dyDescent="0.3">
      <c r="A9617" s="13" t="s">
        <v>80</v>
      </c>
      <c r="B9617" s="14" t="s">
        <v>1</v>
      </c>
      <c r="C9617" s="14" t="s">
        <v>17</v>
      </c>
      <c r="D9617" s="14" t="s">
        <v>81</v>
      </c>
      <c r="E9617" s="15">
        <v>45503</v>
      </c>
      <c r="F9617" s="14" t="s">
        <v>15</v>
      </c>
      <c r="G9617" s="16">
        <v>0</v>
      </c>
    </row>
    <row r="9618" spans="1:7" x14ac:dyDescent="0.3">
      <c r="A9618" s="13" t="s">
        <v>80</v>
      </c>
      <c r="B9618" s="14" t="s">
        <v>1</v>
      </c>
      <c r="C9618" s="14" t="s">
        <v>17</v>
      </c>
      <c r="D9618" s="14" t="s">
        <v>81</v>
      </c>
      <c r="E9618" s="15">
        <v>45504</v>
      </c>
      <c r="F9618" s="14" t="s">
        <v>15</v>
      </c>
      <c r="G9618" s="16">
        <v>0</v>
      </c>
    </row>
    <row r="9619" spans="1:7" x14ac:dyDescent="0.3">
      <c r="A9619" s="13" t="s">
        <v>80</v>
      </c>
      <c r="B9619" s="14" t="s">
        <v>1</v>
      </c>
      <c r="C9619" s="14" t="s">
        <v>17</v>
      </c>
      <c r="D9619" s="14" t="s">
        <v>81</v>
      </c>
      <c r="E9619" s="15">
        <v>45505</v>
      </c>
      <c r="F9619" s="14" t="s">
        <v>15</v>
      </c>
      <c r="G9619" s="16">
        <v>0</v>
      </c>
    </row>
    <row r="9620" spans="1:7" x14ac:dyDescent="0.3">
      <c r="A9620" s="13" t="s">
        <v>80</v>
      </c>
      <c r="B9620" s="14" t="s">
        <v>1</v>
      </c>
      <c r="C9620" s="14" t="s">
        <v>17</v>
      </c>
      <c r="D9620" s="14" t="s">
        <v>81</v>
      </c>
      <c r="E9620" s="15">
        <v>45506</v>
      </c>
      <c r="F9620" s="14" t="s">
        <v>15</v>
      </c>
      <c r="G9620" s="16">
        <v>0</v>
      </c>
    </row>
    <row r="9621" spans="1:7" x14ac:dyDescent="0.3">
      <c r="A9621" s="13" t="s">
        <v>80</v>
      </c>
      <c r="B9621" s="14" t="s">
        <v>1</v>
      </c>
      <c r="C9621" s="14" t="s">
        <v>17</v>
      </c>
      <c r="D9621" s="14" t="s">
        <v>81</v>
      </c>
      <c r="E9621" s="15">
        <v>45507</v>
      </c>
      <c r="F9621" s="14" t="s">
        <v>15</v>
      </c>
      <c r="G9621" s="16">
        <v>0</v>
      </c>
    </row>
    <row r="9622" spans="1:7" x14ac:dyDescent="0.3">
      <c r="A9622" s="13" t="s">
        <v>80</v>
      </c>
      <c r="B9622" s="14" t="s">
        <v>1</v>
      </c>
      <c r="C9622" s="14" t="s">
        <v>17</v>
      </c>
      <c r="D9622" s="14" t="s">
        <v>81</v>
      </c>
      <c r="E9622" s="15">
        <v>45508</v>
      </c>
      <c r="F9622" s="14" t="s">
        <v>15</v>
      </c>
      <c r="G9622" s="16">
        <v>0</v>
      </c>
    </row>
    <row r="9623" spans="1:7" x14ac:dyDescent="0.3">
      <c r="A9623" s="13" t="s">
        <v>80</v>
      </c>
      <c r="B9623" s="14" t="s">
        <v>1</v>
      </c>
      <c r="C9623" s="14" t="s">
        <v>17</v>
      </c>
      <c r="D9623" s="14" t="s">
        <v>81</v>
      </c>
      <c r="E9623" s="15">
        <v>45509</v>
      </c>
      <c r="F9623" s="14" t="s">
        <v>15</v>
      </c>
      <c r="G9623" s="16">
        <v>0</v>
      </c>
    </row>
    <row r="9624" spans="1:7" x14ac:dyDescent="0.3">
      <c r="A9624" s="13" t="s">
        <v>80</v>
      </c>
      <c r="B9624" s="14" t="s">
        <v>1</v>
      </c>
      <c r="C9624" s="14" t="s">
        <v>17</v>
      </c>
      <c r="D9624" s="14" t="s">
        <v>81</v>
      </c>
      <c r="E9624" s="15">
        <v>45510</v>
      </c>
      <c r="F9624" s="14" t="s">
        <v>15</v>
      </c>
      <c r="G9624" s="16">
        <v>0</v>
      </c>
    </row>
    <row r="9625" spans="1:7" x14ac:dyDescent="0.3">
      <c r="A9625" s="13" t="s">
        <v>80</v>
      </c>
      <c r="B9625" s="14" t="s">
        <v>1</v>
      </c>
      <c r="C9625" s="14" t="s">
        <v>17</v>
      </c>
      <c r="D9625" s="14" t="s">
        <v>81</v>
      </c>
      <c r="E9625" s="15">
        <v>45511</v>
      </c>
      <c r="F9625" s="14" t="s">
        <v>15</v>
      </c>
      <c r="G9625" s="16">
        <v>0</v>
      </c>
    </row>
    <row r="9626" spans="1:7" x14ac:dyDescent="0.3">
      <c r="A9626" s="13" t="s">
        <v>80</v>
      </c>
      <c r="B9626" s="14" t="s">
        <v>1</v>
      </c>
      <c r="C9626" s="14" t="s">
        <v>17</v>
      </c>
      <c r="D9626" s="14" t="s">
        <v>81</v>
      </c>
      <c r="E9626" s="15">
        <v>45512</v>
      </c>
      <c r="F9626" s="14" t="s">
        <v>15</v>
      </c>
      <c r="G9626" s="16">
        <v>0</v>
      </c>
    </row>
    <row r="9627" spans="1:7" x14ac:dyDescent="0.3">
      <c r="A9627" s="13" t="s">
        <v>80</v>
      </c>
      <c r="B9627" s="14" t="s">
        <v>1</v>
      </c>
      <c r="C9627" s="14" t="s">
        <v>17</v>
      </c>
      <c r="D9627" s="14" t="s">
        <v>81</v>
      </c>
      <c r="E9627" s="15">
        <v>45513</v>
      </c>
      <c r="F9627" s="14" t="s">
        <v>15</v>
      </c>
      <c r="G9627" s="16">
        <v>0</v>
      </c>
    </row>
    <row r="9628" spans="1:7" x14ac:dyDescent="0.3">
      <c r="A9628" s="13" t="s">
        <v>80</v>
      </c>
      <c r="B9628" s="14" t="s">
        <v>1</v>
      </c>
      <c r="C9628" s="14" t="s">
        <v>17</v>
      </c>
      <c r="D9628" s="14" t="s">
        <v>81</v>
      </c>
      <c r="E9628" s="15">
        <v>45514</v>
      </c>
      <c r="F9628" s="14" t="s">
        <v>15</v>
      </c>
      <c r="G9628" s="16">
        <v>0</v>
      </c>
    </row>
    <row r="9629" spans="1:7" x14ac:dyDescent="0.3">
      <c r="A9629" s="13" t="s">
        <v>80</v>
      </c>
      <c r="B9629" s="14" t="s">
        <v>1</v>
      </c>
      <c r="C9629" s="14" t="s">
        <v>17</v>
      </c>
      <c r="D9629" s="14" t="s">
        <v>81</v>
      </c>
      <c r="E9629" s="15">
        <v>45515</v>
      </c>
      <c r="F9629" s="14" t="s">
        <v>15</v>
      </c>
      <c r="G9629" s="16">
        <v>0</v>
      </c>
    </row>
    <row r="9630" spans="1:7" x14ac:dyDescent="0.3">
      <c r="A9630" s="13" t="s">
        <v>80</v>
      </c>
      <c r="B9630" s="14" t="s">
        <v>1</v>
      </c>
      <c r="C9630" s="14" t="s">
        <v>17</v>
      </c>
      <c r="D9630" s="14" t="s">
        <v>81</v>
      </c>
      <c r="E9630" s="15">
        <v>45516</v>
      </c>
      <c r="F9630" s="14" t="s">
        <v>15</v>
      </c>
      <c r="G9630" s="16">
        <v>0</v>
      </c>
    </row>
    <row r="9631" spans="1:7" x14ac:dyDescent="0.3">
      <c r="A9631" s="13" t="s">
        <v>80</v>
      </c>
      <c r="B9631" s="14" t="s">
        <v>1</v>
      </c>
      <c r="C9631" s="14" t="s">
        <v>17</v>
      </c>
      <c r="D9631" s="14" t="s">
        <v>81</v>
      </c>
      <c r="E9631" s="15">
        <v>45517</v>
      </c>
      <c r="F9631" s="14" t="s">
        <v>15</v>
      </c>
      <c r="G9631" s="16">
        <v>0</v>
      </c>
    </row>
    <row r="9632" spans="1:7" x14ac:dyDescent="0.3">
      <c r="A9632" s="13" t="s">
        <v>80</v>
      </c>
      <c r="B9632" s="14" t="s">
        <v>1</v>
      </c>
      <c r="C9632" s="14" t="s">
        <v>17</v>
      </c>
      <c r="D9632" s="14" t="s">
        <v>81</v>
      </c>
      <c r="E9632" s="15">
        <v>45518</v>
      </c>
      <c r="F9632" s="14" t="s">
        <v>15</v>
      </c>
      <c r="G9632" s="16">
        <v>0</v>
      </c>
    </row>
    <row r="9633" spans="1:7" x14ac:dyDescent="0.3">
      <c r="A9633" s="13" t="s">
        <v>80</v>
      </c>
      <c r="B9633" s="14" t="s">
        <v>1</v>
      </c>
      <c r="C9633" s="14" t="s">
        <v>17</v>
      </c>
      <c r="D9633" s="14" t="s">
        <v>81</v>
      </c>
      <c r="E9633" s="15">
        <v>45519</v>
      </c>
      <c r="F9633" s="14" t="s">
        <v>15</v>
      </c>
      <c r="G9633" s="16">
        <v>0</v>
      </c>
    </row>
    <row r="9634" spans="1:7" x14ac:dyDescent="0.3">
      <c r="A9634" s="13" t="s">
        <v>80</v>
      </c>
      <c r="B9634" s="14" t="s">
        <v>1</v>
      </c>
      <c r="C9634" s="14" t="s">
        <v>17</v>
      </c>
      <c r="D9634" s="14" t="s">
        <v>81</v>
      </c>
      <c r="E9634" s="15">
        <v>45520</v>
      </c>
      <c r="F9634" s="14" t="s">
        <v>15</v>
      </c>
      <c r="G9634" s="16">
        <v>0</v>
      </c>
    </row>
    <row r="9635" spans="1:7" x14ac:dyDescent="0.3">
      <c r="A9635" s="13" t="s">
        <v>80</v>
      </c>
      <c r="B9635" s="14" t="s">
        <v>1</v>
      </c>
      <c r="C9635" s="14" t="s">
        <v>17</v>
      </c>
      <c r="D9635" s="14" t="s">
        <v>81</v>
      </c>
      <c r="E9635" s="15">
        <v>45521</v>
      </c>
      <c r="F9635" s="14" t="s">
        <v>15</v>
      </c>
      <c r="G9635" s="16">
        <v>0</v>
      </c>
    </row>
    <row r="9636" spans="1:7" x14ac:dyDescent="0.3">
      <c r="A9636" s="13" t="s">
        <v>80</v>
      </c>
      <c r="B9636" s="14" t="s">
        <v>1</v>
      </c>
      <c r="C9636" s="14" t="s">
        <v>17</v>
      </c>
      <c r="D9636" s="14" t="s">
        <v>81</v>
      </c>
      <c r="E9636" s="15">
        <v>45522</v>
      </c>
      <c r="F9636" s="14" t="s">
        <v>15</v>
      </c>
      <c r="G9636" s="16">
        <v>0</v>
      </c>
    </row>
    <row r="9637" spans="1:7" x14ac:dyDescent="0.3">
      <c r="A9637" s="13" t="s">
        <v>80</v>
      </c>
      <c r="B9637" s="14" t="s">
        <v>1</v>
      </c>
      <c r="C9637" s="14" t="s">
        <v>17</v>
      </c>
      <c r="D9637" s="14" t="s">
        <v>81</v>
      </c>
      <c r="E9637" s="15">
        <v>45523</v>
      </c>
      <c r="F9637" s="14" t="s">
        <v>15</v>
      </c>
      <c r="G9637" s="16">
        <v>0</v>
      </c>
    </row>
    <row r="9638" spans="1:7" x14ac:dyDescent="0.3">
      <c r="A9638" s="13" t="s">
        <v>80</v>
      </c>
      <c r="B9638" s="14" t="s">
        <v>1</v>
      </c>
      <c r="C9638" s="14" t="s">
        <v>17</v>
      </c>
      <c r="D9638" s="14" t="s">
        <v>81</v>
      </c>
      <c r="E9638" s="15">
        <v>45524</v>
      </c>
      <c r="F9638" s="14" t="s">
        <v>15</v>
      </c>
      <c r="G9638" s="16">
        <v>0</v>
      </c>
    </row>
    <row r="9639" spans="1:7" x14ac:dyDescent="0.3">
      <c r="A9639" s="13" t="s">
        <v>80</v>
      </c>
      <c r="B9639" s="14" t="s">
        <v>1</v>
      </c>
      <c r="C9639" s="14" t="s">
        <v>17</v>
      </c>
      <c r="D9639" s="14" t="s">
        <v>81</v>
      </c>
      <c r="E9639" s="15">
        <v>45525</v>
      </c>
      <c r="F9639" s="14" t="s">
        <v>15</v>
      </c>
      <c r="G9639" s="16">
        <v>0</v>
      </c>
    </row>
    <row r="9640" spans="1:7" x14ac:dyDescent="0.3">
      <c r="A9640" s="13" t="s">
        <v>80</v>
      </c>
      <c r="B9640" s="14" t="s">
        <v>1</v>
      </c>
      <c r="C9640" s="14" t="s">
        <v>17</v>
      </c>
      <c r="D9640" s="14" t="s">
        <v>81</v>
      </c>
      <c r="E9640" s="15">
        <v>45526</v>
      </c>
      <c r="F9640" s="14" t="s">
        <v>15</v>
      </c>
      <c r="G9640" s="16">
        <v>0</v>
      </c>
    </row>
    <row r="9641" spans="1:7" x14ac:dyDescent="0.3">
      <c r="A9641" s="13" t="s">
        <v>80</v>
      </c>
      <c r="B9641" s="14" t="s">
        <v>1</v>
      </c>
      <c r="C9641" s="14" t="s">
        <v>17</v>
      </c>
      <c r="D9641" s="14" t="s">
        <v>81</v>
      </c>
      <c r="E9641" s="15">
        <v>45527</v>
      </c>
      <c r="F9641" s="14" t="s">
        <v>15</v>
      </c>
      <c r="G9641" s="16">
        <v>0</v>
      </c>
    </row>
    <row r="9642" spans="1:7" x14ac:dyDescent="0.3">
      <c r="A9642" s="13" t="s">
        <v>80</v>
      </c>
      <c r="B9642" s="14" t="s">
        <v>1</v>
      </c>
      <c r="C9642" s="14" t="s">
        <v>17</v>
      </c>
      <c r="D9642" s="14" t="s">
        <v>81</v>
      </c>
      <c r="E9642" s="15">
        <v>45528</v>
      </c>
      <c r="F9642" s="14" t="s">
        <v>15</v>
      </c>
      <c r="G9642" s="16">
        <v>0</v>
      </c>
    </row>
    <row r="9643" spans="1:7" x14ac:dyDescent="0.3">
      <c r="A9643" s="13" t="s">
        <v>80</v>
      </c>
      <c r="B9643" s="14" t="s">
        <v>1</v>
      </c>
      <c r="C9643" s="14" t="s">
        <v>17</v>
      </c>
      <c r="D9643" s="14" t="s">
        <v>81</v>
      </c>
      <c r="E9643" s="15">
        <v>45529</v>
      </c>
      <c r="F9643" s="14" t="s">
        <v>15</v>
      </c>
      <c r="G9643" s="16">
        <v>0</v>
      </c>
    </row>
    <row r="9644" spans="1:7" x14ac:dyDescent="0.3">
      <c r="A9644" s="13" t="s">
        <v>80</v>
      </c>
      <c r="B9644" s="14" t="s">
        <v>1</v>
      </c>
      <c r="C9644" s="14" t="s">
        <v>17</v>
      </c>
      <c r="D9644" s="14" t="s">
        <v>81</v>
      </c>
      <c r="E9644" s="15">
        <v>45530</v>
      </c>
      <c r="F9644" s="14" t="s">
        <v>15</v>
      </c>
      <c r="G9644" s="16">
        <v>0</v>
      </c>
    </row>
    <row r="9645" spans="1:7" x14ac:dyDescent="0.3">
      <c r="A9645" s="13" t="s">
        <v>80</v>
      </c>
      <c r="B9645" s="14" t="s">
        <v>1</v>
      </c>
      <c r="C9645" s="14" t="s">
        <v>17</v>
      </c>
      <c r="D9645" s="14" t="s">
        <v>81</v>
      </c>
      <c r="E9645" s="15">
        <v>45531</v>
      </c>
      <c r="F9645" s="14" t="s">
        <v>15</v>
      </c>
      <c r="G9645" s="16">
        <v>0</v>
      </c>
    </row>
    <row r="9646" spans="1:7" x14ac:dyDescent="0.3">
      <c r="A9646" s="13" t="s">
        <v>80</v>
      </c>
      <c r="B9646" s="14" t="s">
        <v>1</v>
      </c>
      <c r="C9646" s="14" t="s">
        <v>17</v>
      </c>
      <c r="D9646" s="14" t="s">
        <v>81</v>
      </c>
      <c r="E9646" s="15">
        <v>45532</v>
      </c>
      <c r="F9646" s="14" t="s">
        <v>15</v>
      </c>
      <c r="G9646" s="16">
        <v>0</v>
      </c>
    </row>
    <row r="9647" spans="1:7" x14ac:dyDescent="0.3">
      <c r="A9647" s="13" t="s">
        <v>80</v>
      </c>
      <c r="B9647" s="14" t="s">
        <v>1</v>
      </c>
      <c r="C9647" s="14" t="s">
        <v>17</v>
      </c>
      <c r="D9647" s="14" t="s">
        <v>81</v>
      </c>
      <c r="E9647" s="15">
        <v>45533</v>
      </c>
      <c r="F9647" s="14" t="s">
        <v>15</v>
      </c>
      <c r="G9647" s="16">
        <v>0</v>
      </c>
    </row>
    <row r="9648" spans="1:7" x14ac:dyDescent="0.3">
      <c r="A9648" s="13" t="s">
        <v>80</v>
      </c>
      <c r="B9648" s="14" t="s">
        <v>1</v>
      </c>
      <c r="C9648" s="14" t="s">
        <v>17</v>
      </c>
      <c r="D9648" s="14" t="s">
        <v>81</v>
      </c>
      <c r="E9648" s="15">
        <v>45534</v>
      </c>
      <c r="F9648" s="14" t="s">
        <v>15</v>
      </c>
      <c r="G9648" s="16">
        <v>0</v>
      </c>
    </row>
    <row r="9649" spans="1:7" x14ac:dyDescent="0.3">
      <c r="A9649" s="13" t="s">
        <v>80</v>
      </c>
      <c r="B9649" s="14" t="s">
        <v>1</v>
      </c>
      <c r="C9649" s="14" t="s">
        <v>17</v>
      </c>
      <c r="D9649" s="14" t="s">
        <v>81</v>
      </c>
      <c r="E9649" s="15">
        <v>45535</v>
      </c>
      <c r="F9649" s="14" t="s">
        <v>15</v>
      </c>
      <c r="G9649" s="16">
        <v>0</v>
      </c>
    </row>
    <row r="9650" spans="1:7" x14ac:dyDescent="0.3">
      <c r="A9650" s="13" t="s">
        <v>80</v>
      </c>
      <c r="B9650" s="14" t="s">
        <v>1</v>
      </c>
      <c r="C9650" s="14" t="s">
        <v>17</v>
      </c>
      <c r="D9650" s="14" t="s">
        <v>81</v>
      </c>
      <c r="E9650" s="15">
        <v>45536</v>
      </c>
      <c r="F9650" s="14" t="s">
        <v>15</v>
      </c>
      <c r="G9650" s="16">
        <v>0</v>
      </c>
    </row>
    <row r="9651" spans="1:7" x14ac:dyDescent="0.3">
      <c r="A9651" s="13" t="s">
        <v>80</v>
      </c>
      <c r="B9651" s="14" t="s">
        <v>1</v>
      </c>
      <c r="C9651" s="14" t="s">
        <v>17</v>
      </c>
      <c r="D9651" s="14" t="s">
        <v>81</v>
      </c>
      <c r="E9651" s="15">
        <v>45537</v>
      </c>
      <c r="F9651" s="14" t="s">
        <v>15</v>
      </c>
      <c r="G9651" s="16">
        <v>0</v>
      </c>
    </row>
    <row r="9652" spans="1:7" x14ac:dyDescent="0.3">
      <c r="A9652" s="13" t="s">
        <v>80</v>
      </c>
      <c r="B9652" s="14" t="s">
        <v>1</v>
      </c>
      <c r="C9652" s="14" t="s">
        <v>17</v>
      </c>
      <c r="D9652" s="14" t="s">
        <v>81</v>
      </c>
      <c r="E9652" s="15">
        <v>45538</v>
      </c>
      <c r="F9652" s="14" t="s">
        <v>15</v>
      </c>
      <c r="G9652" s="16">
        <v>0</v>
      </c>
    </row>
    <row r="9653" spans="1:7" x14ac:dyDescent="0.3">
      <c r="A9653" s="13" t="s">
        <v>80</v>
      </c>
      <c r="B9653" s="14" t="s">
        <v>1</v>
      </c>
      <c r="C9653" s="14" t="s">
        <v>17</v>
      </c>
      <c r="D9653" s="14" t="s">
        <v>81</v>
      </c>
      <c r="E9653" s="15">
        <v>45539</v>
      </c>
      <c r="F9653" s="14" t="s">
        <v>15</v>
      </c>
      <c r="G9653" s="16">
        <v>0</v>
      </c>
    </row>
    <row r="9654" spans="1:7" x14ac:dyDescent="0.3">
      <c r="A9654" s="13" t="s">
        <v>80</v>
      </c>
      <c r="B9654" s="14" t="s">
        <v>1</v>
      </c>
      <c r="C9654" s="14" t="s">
        <v>17</v>
      </c>
      <c r="D9654" s="14" t="s">
        <v>81</v>
      </c>
      <c r="E9654" s="15">
        <v>45540</v>
      </c>
      <c r="F9654" s="14" t="s">
        <v>15</v>
      </c>
      <c r="G9654" s="16">
        <v>0</v>
      </c>
    </row>
    <row r="9655" spans="1:7" x14ac:dyDescent="0.3">
      <c r="A9655" s="13" t="s">
        <v>80</v>
      </c>
      <c r="B9655" s="14" t="s">
        <v>1</v>
      </c>
      <c r="C9655" s="14" t="s">
        <v>17</v>
      </c>
      <c r="D9655" s="14" t="s">
        <v>81</v>
      </c>
      <c r="E9655" s="15">
        <v>45541</v>
      </c>
      <c r="F9655" s="14" t="s">
        <v>15</v>
      </c>
      <c r="G9655" s="16">
        <v>0</v>
      </c>
    </row>
    <row r="9656" spans="1:7" x14ac:dyDescent="0.3">
      <c r="A9656" s="13" t="s">
        <v>80</v>
      </c>
      <c r="B9656" s="14" t="s">
        <v>1</v>
      </c>
      <c r="C9656" s="14" t="s">
        <v>17</v>
      </c>
      <c r="D9656" s="14" t="s">
        <v>81</v>
      </c>
      <c r="E9656" s="15">
        <v>45542</v>
      </c>
      <c r="F9656" s="14" t="s">
        <v>15</v>
      </c>
      <c r="G9656" s="16">
        <v>0</v>
      </c>
    </row>
    <row r="9657" spans="1:7" x14ac:dyDescent="0.3">
      <c r="A9657" s="13" t="s">
        <v>80</v>
      </c>
      <c r="B9657" s="14" t="s">
        <v>1</v>
      </c>
      <c r="C9657" s="14" t="s">
        <v>17</v>
      </c>
      <c r="D9657" s="14" t="s">
        <v>81</v>
      </c>
      <c r="E9657" s="15">
        <v>45543</v>
      </c>
      <c r="F9657" s="14" t="s">
        <v>15</v>
      </c>
      <c r="G9657" s="16">
        <v>0</v>
      </c>
    </row>
    <row r="9658" spans="1:7" x14ac:dyDescent="0.3">
      <c r="A9658" s="13" t="s">
        <v>80</v>
      </c>
      <c r="B9658" s="14" t="s">
        <v>1</v>
      </c>
      <c r="C9658" s="14" t="s">
        <v>17</v>
      </c>
      <c r="D9658" s="14" t="s">
        <v>81</v>
      </c>
      <c r="E9658" s="15">
        <v>45544</v>
      </c>
      <c r="F9658" s="14" t="s">
        <v>15</v>
      </c>
      <c r="G9658" s="16">
        <v>0</v>
      </c>
    </row>
    <row r="9659" spans="1:7" x14ac:dyDescent="0.3">
      <c r="A9659" s="13" t="s">
        <v>80</v>
      </c>
      <c r="B9659" s="14" t="s">
        <v>1</v>
      </c>
      <c r="C9659" s="14" t="s">
        <v>17</v>
      </c>
      <c r="D9659" s="14" t="s">
        <v>81</v>
      </c>
      <c r="E9659" s="15">
        <v>45545</v>
      </c>
      <c r="F9659" s="14" t="s">
        <v>15</v>
      </c>
      <c r="G9659" s="16">
        <v>0</v>
      </c>
    </row>
    <row r="9660" spans="1:7" x14ac:dyDescent="0.3">
      <c r="A9660" s="13" t="s">
        <v>80</v>
      </c>
      <c r="B9660" s="14" t="s">
        <v>1</v>
      </c>
      <c r="C9660" s="14" t="s">
        <v>17</v>
      </c>
      <c r="D9660" s="14" t="s">
        <v>81</v>
      </c>
      <c r="E9660" s="15">
        <v>45546</v>
      </c>
      <c r="F9660" s="14" t="s">
        <v>15</v>
      </c>
      <c r="G9660" s="16">
        <v>0</v>
      </c>
    </row>
    <row r="9661" spans="1:7" x14ac:dyDescent="0.3">
      <c r="A9661" s="13" t="s">
        <v>80</v>
      </c>
      <c r="B9661" s="14" t="s">
        <v>1</v>
      </c>
      <c r="C9661" s="14" t="s">
        <v>17</v>
      </c>
      <c r="D9661" s="14" t="s">
        <v>81</v>
      </c>
      <c r="E9661" s="15">
        <v>45547</v>
      </c>
      <c r="F9661" s="14" t="s">
        <v>15</v>
      </c>
      <c r="G9661" s="16">
        <v>0</v>
      </c>
    </row>
    <row r="9662" spans="1:7" x14ac:dyDescent="0.3">
      <c r="A9662" s="13" t="s">
        <v>80</v>
      </c>
      <c r="B9662" s="14" t="s">
        <v>1</v>
      </c>
      <c r="C9662" s="14" t="s">
        <v>17</v>
      </c>
      <c r="D9662" s="14" t="s">
        <v>81</v>
      </c>
      <c r="E9662" s="15">
        <v>45548</v>
      </c>
      <c r="F9662" s="14" t="s">
        <v>15</v>
      </c>
      <c r="G9662" s="16">
        <v>0</v>
      </c>
    </row>
    <row r="9663" spans="1:7" x14ac:dyDescent="0.3">
      <c r="A9663" s="13" t="s">
        <v>80</v>
      </c>
      <c r="B9663" s="14" t="s">
        <v>1</v>
      </c>
      <c r="C9663" s="14" t="s">
        <v>17</v>
      </c>
      <c r="D9663" s="14" t="s">
        <v>81</v>
      </c>
      <c r="E9663" s="15">
        <v>45549</v>
      </c>
      <c r="F9663" s="14" t="s">
        <v>15</v>
      </c>
      <c r="G9663" s="16">
        <v>0</v>
      </c>
    </row>
    <row r="9664" spans="1:7" x14ac:dyDescent="0.3">
      <c r="A9664" s="13" t="s">
        <v>80</v>
      </c>
      <c r="B9664" s="14" t="s">
        <v>1</v>
      </c>
      <c r="C9664" s="14" t="s">
        <v>17</v>
      </c>
      <c r="D9664" s="14" t="s">
        <v>81</v>
      </c>
      <c r="E9664" s="15">
        <v>45550</v>
      </c>
      <c r="F9664" s="14" t="s">
        <v>15</v>
      </c>
      <c r="G9664" s="16">
        <v>0</v>
      </c>
    </row>
    <row r="9665" spans="1:7" x14ac:dyDescent="0.3">
      <c r="A9665" s="13" t="s">
        <v>80</v>
      </c>
      <c r="B9665" s="14" t="s">
        <v>1</v>
      </c>
      <c r="C9665" s="14" t="s">
        <v>17</v>
      </c>
      <c r="D9665" s="14" t="s">
        <v>81</v>
      </c>
      <c r="E9665" s="15">
        <v>45551</v>
      </c>
      <c r="F9665" s="14" t="s">
        <v>15</v>
      </c>
      <c r="G9665" s="16">
        <v>0</v>
      </c>
    </row>
    <row r="9666" spans="1:7" x14ac:dyDescent="0.3">
      <c r="A9666" s="13" t="s">
        <v>80</v>
      </c>
      <c r="B9666" s="14" t="s">
        <v>1</v>
      </c>
      <c r="C9666" s="14" t="s">
        <v>17</v>
      </c>
      <c r="D9666" s="14" t="s">
        <v>81</v>
      </c>
      <c r="E9666" s="15">
        <v>45552</v>
      </c>
      <c r="F9666" s="14" t="s">
        <v>15</v>
      </c>
      <c r="G9666" s="16">
        <v>0</v>
      </c>
    </row>
    <row r="9667" spans="1:7" x14ac:dyDescent="0.3">
      <c r="A9667" s="13" t="s">
        <v>80</v>
      </c>
      <c r="B9667" s="14" t="s">
        <v>1</v>
      </c>
      <c r="C9667" s="14" t="s">
        <v>17</v>
      </c>
      <c r="D9667" s="14" t="s">
        <v>81</v>
      </c>
      <c r="E9667" s="15">
        <v>45553</v>
      </c>
      <c r="F9667" s="14" t="s">
        <v>15</v>
      </c>
      <c r="G9667" s="16">
        <v>0</v>
      </c>
    </row>
    <row r="9668" spans="1:7" x14ac:dyDescent="0.3">
      <c r="A9668" s="13" t="s">
        <v>80</v>
      </c>
      <c r="B9668" s="14" t="s">
        <v>1</v>
      </c>
      <c r="C9668" s="14" t="s">
        <v>17</v>
      </c>
      <c r="D9668" s="14" t="s">
        <v>81</v>
      </c>
      <c r="E9668" s="15">
        <v>45554</v>
      </c>
      <c r="F9668" s="14" t="s">
        <v>15</v>
      </c>
      <c r="G9668" s="16">
        <v>0</v>
      </c>
    </row>
    <row r="9669" spans="1:7" x14ac:dyDescent="0.3">
      <c r="A9669" s="13" t="s">
        <v>80</v>
      </c>
      <c r="B9669" s="14" t="s">
        <v>1</v>
      </c>
      <c r="C9669" s="14" t="s">
        <v>17</v>
      </c>
      <c r="D9669" s="14" t="s">
        <v>81</v>
      </c>
      <c r="E9669" s="15">
        <v>45555</v>
      </c>
      <c r="F9669" s="14" t="s">
        <v>15</v>
      </c>
      <c r="G9669" s="16">
        <v>0</v>
      </c>
    </row>
    <row r="9670" spans="1:7" x14ac:dyDescent="0.3">
      <c r="A9670" s="13" t="s">
        <v>80</v>
      </c>
      <c r="B9670" s="14" t="s">
        <v>1</v>
      </c>
      <c r="C9670" s="14" t="s">
        <v>17</v>
      </c>
      <c r="D9670" s="14" t="s">
        <v>81</v>
      </c>
      <c r="E9670" s="15">
        <v>45556</v>
      </c>
      <c r="F9670" s="14" t="s">
        <v>15</v>
      </c>
      <c r="G9670" s="16">
        <v>0</v>
      </c>
    </row>
    <row r="9671" spans="1:7" x14ac:dyDescent="0.3">
      <c r="A9671" s="13" t="s">
        <v>80</v>
      </c>
      <c r="B9671" s="14" t="s">
        <v>1</v>
      </c>
      <c r="C9671" s="14" t="s">
        <v>17</v>
      </c>
      <c r="D9671" s="14" t="s">
        <v>81</v>
      </c>
      <c r="E9671" s="15">
        <v>45557</v>
      </c>
      <c r="F9671" s="14" t="s">
        <v>15</v>
      </c>
      <c r="G9671" s="16">
        <v>0</v>
      </c>
    </row>
    <row r="9672" spans="1:7" x14ac:dyDescent="0.3">
      <c r="A9672" s="13" t="s">
        <v>80</v>
      </c>
      <c r="B9672" s="14" t="s">
        <v>1</v>
      </c>
      <c r="C9672" s="14" t="s">
        <v>17</v>
      </c>
      <c r="D9672" s="14" t="s">
        <v>81</v>
      </c>
      <c r="E9672" s="15">
        <v>45558</v>
      </c>
      <c r="F9672" s="14" t="s">
        <v>15</v>
      </c>
      <c r="G9672" s="16">
        <v>0</v>
      </c>
    </row>
    <row r="9673" spans="1:7" x14ac:dyDescent="0.3">
      <c r="A9673" s="13" t="s">
        <v>80</v>
      </c>
      <c r="B9673" s="14" t="s">
        <v>1</v>
      </c>
      <c r="C9673" s="14" t="s">
        <v>17</v>
      </c>
      <c r="D9673" s="14" t="s">
        <v>81</v>
      </c>
      <c r="E9673" s="15">
        <v>45559</v>
      </c>
      <c r="F9673" s="14" t="s">
        <v>15</v>
      </c>
      <c r="G9673" s="16">
        <v>0</v>
      </c>
    </row>
    <row r="9674" spans="1:7" x14ac:dyDescent="0.3">
      <c r="A9674" s="13" t="s">
        <v>80</v>
      </c>
      <c r="B9674" s="14" t="s">
        <v>1</v>
      </c>
      <c r="C9674" s="14" t="s">
        <v>17</v>
      </c>
      <c r="D9674" s="14" t="s">
        <v>81</v>
      </c>
      <c r="E9674" s="15">
        <v>45560</v>
      </c>
      <c r="F9674" s="14" t="s">
        <v>15</v>
      </c>
      <c r="G9674" s="16">
        <v>0</v>
      </c>
    </row>
    <row r="9675" spans="1:7" x14ac:dyDescent="0.3">
      <c r="A9675" s="13" t="s">
        <v>80</v>
      </c>
      <c r="B9675" s="14" t="s">
        <v>1</v>
      </c>
      <c r="C9675" s="14" t="s">
        <v>17</v>
      </c>
      <c r="D9675" s="14" t="s">
        <v>81</v>
      </c>
      <c r="E9675" s="15">
        <v>45561</v>
      </c>
      <c r="F9675" s="14" t="s">
        <v>15</v>
      </c>
      <c r="G9675" s="16">
        <v>0</v>
      </c>
    </row>
    <row r="9676" spans="1:7" x14ac:dyDescent="0.3">
      <c r="A9676" s="13" t="s">
        <v>80</v>
      </c>
      <c r="B9676" s="14" t="s">
        <v>1</v>
      </c>
      <c r="C9676" s="14" t="s">
        <v>17</v>
      </c>
      <c r="D9676" s="14" t="s">
        <v>81</v>
      </c>
      <c r="E9676" s="15">
        <v>45562</v>
      </c>
      <c r="F9676" s="14" t="s">
        <v>15</v>
      </c>
      <c r="G9676" s="16">
        <v>0</v>
      </c>
    </row>
    <row r="9677" spans="1:7" x14ac:dyDescent="0.3">
      <c r="A9677" s="13" t="s">
        <v>80</v>
      </c>
      <c r="B9677" s="14" t="s">
        <v>1</v>
      </c>
      <c r="C9677" s="14" t="s">
        <v>17</v>
      </c>
      <c r="D9677" s="14" t="s">
        <v>81</v>
      </c>
      <c r="E9677" s="15">
        <v>45563</v>
      </c>
      <c r="F9677" s="14" t="s">
        <v>15</v>
      </c>
      <c r="G9677" s="16">
        <v>0</v>
      </c>
    </row>
    <row r="9678" spans="1:7" x14ac:dyDescent="0.3">
      <c r="A9678" s="13" t="s">
        <v>80</v>
      </c>
      <c r="B9678" s="14" t="s">
        <v>1</v>
      </c>
      <c r="C9678" s="14" t="s">
        <v>17</v>
      </c>
      <c r="D9678" s="14" t="s">
        <v>81</v>
      </c>
      <c r="E9678" s="15">
        <v>45564</v>
      </c>
      <c r="F9678" s="14" t="s">
        <v>15</v>
      </c>
      <c r="G9678" s="16">
        <v>0</v>
      </c>
    </row>
    <row r="9679" spans="1:7" x14ac:dyDescent="0.3">
      <c r="A9679" s="13" t="s">
        <v>80</v>
      </c>
      <c r="B9679" s="14" t="s">
        <v>1</v>
      </c>
      <c r="C9679" s="14" t="s">
        <v>17</v>
      </c>
      <c r="D9679" s="14" t="s">
        <v>81</v>
      </c>
      <c r="E9679" s="15">
        <v>45565</v>
      </c>
      <c r="F9679" s="14" t="s">
        <v>15</v>
      </c>
      <c r="G9679" s="16">
        <v>0</v>
      </c>
    </row>
    <row r="9680" spans="1:7" x14ac:dyDescent="0.3">
      <c r="A9680" s="13" t="s">
        <v>80</v>
      </c>
      <c r="B9680" s="14" t="s">
        <v>1</v>
      </c>
      <c r="C9680" s="14" t="s">
        <v>17</v>
      </c>
      <c r="D9680" s="14" t="s">
        <v>81</v>
      </c>
      <c r="E9680" s="15">
        <v>45566</v>
      </c>
      <c r="F9680" s="14" t="s">
        <v>15</v>
      </c>
      <c r="G9680" s="16">
        <v>0</v>
      </c>
    </row>
    <row r="9681" spans="1:7" x14ac:dyDescent="0.3">
      <c r="A9681" s="13" t="s">
        <v>80</v>
      </c>
      <c r="B9681" s="14" t="s">
        <v>1</v>
      </c>
      <c r="C9681" s="14" t="s">
        <v>17</v>
      </c>
      <c r="D9681" s="14" t="s">
        <v>81</v>
      </c>
      <c r="E9681" s="15">
        <v>45567</v>
      </c>
      <c r="F9681" s="14" t="s">
        <v>15</v>
      </c>
      <c r="G9681" s="16">
        <v>0</v>
      </c>
    </row>
    <row r="9682" spans="1:7" x14ac:dyDescent="0.3">
      <c r="A9682" s="13" t="s">
        <v>80</v>
      </c>
      <c r="B9682" s="14" t="s">
        <v>1</v>
      </c>
      <c r="C9682" s="14" t="s">
        <v>17</v>
      </c>
      <c r="D9682" s="14" t="s">
        <v>81</v>
      </c>
      <c r="E9682" s="15">
        <v>45568</v>
      </c>
      <c r="F9682" s="14" t="s">
        <v>15</v>
      </c>
      <c r="G9682" s="16">
        <v>0</v>
      </c>
    </row>
    <row r="9683" spans="1:7" x14ac:dyDescent="0.3">
      <c r="A9683" s="13" t="s">
        <v>80</v>
      </c>
      <c r="B9683" s="14" t="s">
        <v>1</v>
      </c>
      <c r="C9683" s="14" t="s">
        <v>17</v>
      </c>
      <c r="D9683" s="14" t="s">
        <v>81</v>
      </c>
      <c r="E9683" s="15">
        <v>45569</v>
      </c>
      <c r="F9683" s="14" t="s">
        <v>15</v>
      </c>
      <c r="G9683" s="16">
        <v>0</v>
      </c>
    </row>
    <row r="9684" spans="1:7" x14ac:dyDescent="0.3">
      <c r="A9684" s="13" t="s">
        <v>80</v>
      </c>
      <c r="B9684" s="14" t="s">
        <v>1</v>
      </c>
      <c r="C9684" s="14" t="s">
        <v>17</v>
      </c>
      <c r="D9684" s="14" t="s">
        <v>81</v>
      </c>
      <c r="E9684" s="15">
        <v>45570</v>
      </c>
      <c r="F9684" s="14" t="s">
        <v>15</v>
      </c>
      <c r="G9684" s="16">
        <v>0</v>
      </c>
    </row>
    <row r="9685" spans="1:7" x14ac:dyDescent="0.3">
      <c r="A9685" s="13" t="s">
        <v>80</v>
      </c>
      <c r="B9685" s="14" t="s">
        <v>1</v>
      </c>
      <c r="C9685" s="14" t="s">
        <v>17</v>
      </c>
      <c r="D9685" s="14" t="s">
        <v>81</v>
      </c>
      <c r="E9685" s="15">
        <v>45571</v>
      </c>
      <c r="F9685" s="14" t="s">
        <v>15</v>
      </c>
      <c r="G9685" s="16">
        <v>0</v>
      </c>
    </row>
    <row r="9686" spans="1:7" x14ac:dyDescent="0.3">
      <c r="A9686" s="13" t="s">
        <v>80</v>
      </c>
      <c r="B9686" s="14" t="s">
        <v>1</v>
      </c>
      <c r="C9686" s="14" t="s">
        <v>17</v>
      </c>
      <c r="D9686" s="14" t="s">
        <v>81</v>
      </c>
      <c r="E9686" s="15">
        <v>45572</v>
      </c>
      <c r="F9686" s="14" t="s">
        <v>15</v>
      </c>
      <c r="G9686" s="16">
        <v>0</v>
      </c>
    </row>
    <row r="9687" spans="1:7" x14ac:dyDescent="0.3">
      <c r="A9687" s="13" t="s">
        <v>80</v>
      </c>
      <c r="B9687" s="14" t="s">
        <v>1</v>
      </c>
      <c r="C9687" s="14" t="s">
        <v>17</v>
      </c>
      <c r="D9687" s="14" t="s">
        <v>81</v>
      </c>
      <c r="E9687" s="15">
        <v>45573</v>
      </c>
      <c r="F9687" s="14" t="s">
        <v>15</v>
      </c>
      <c r="G9687" s="16">
        <v>0</v>
      </c>
    </row>
    <row r="9688" spans="1:7" x14ac:dyDescent="0.3">
      <c r="A9688" s="13" t="s">
        <v>80</v>
      </c>
      <c r="B9688" s="14" t="s">
        <v>1</v>
      </c>
      <c r="C9688" s="14" t="s">
        <v>17</v>
      </c>
      <c r="D9688" s="14" t="s">
        <v>81</v>
      </c>
      <c r="E9688" s="15">
        <v>45574</v>
      </c>
      <c r="F9688" s="14" t="s">
        <v>15</v>
      </c>
      <c r="G9688" s="16">
        <v>0</v>
      </c>
    </row>
    <row r="9689" spans="1:7" x14ac:dyDescent="0.3">
      <c r="A9689" s="13" t="s">
        <v>80</v>
      </c>
      <c r="B9689" s="14" t="s">
        <v>1</v>
      </c>
      <c r="C9689" s="14" t="s">
        <v>17</v>
      </c>
      <c r="D9689" s="14" t="s">
        <v>81</v>
      </c>
      <c r="E9689" s="15">
        <v>45575</v>
      </c>
      <c r="F9689" s="14" t="s">
        <v>15</v>
      </c>
      <c r="G9689" s="16">
        <v>0</v>
      </c>
    </row>
    <row r="9690" spans="1:7" x14ac:dyDescent="0.3">
      <c r="A9690" s="13" t="s">
        <v>80</v>
      </c>
      <c r="B9690" s="14" t="s">
        <v>1</v>
      </c>
      <c r="C9690" s="14" t="s">
        <v>17</v>
      </c>
      <c r="D9690" s="14" t="s">
        <v>81</v>
      </c>
      <c r="E9690" s="15">
        <v>45576</v>
      </c>
      <c r="F9690" s="14" t="s">
        <v>15</v>
      </c>
      <c r="G9690" s="16">
        <v>0</v>
      </c>
    </row>
    <row r="9691" spans="1:7" x14ac:dyDescent="0.3">
      <c r="A9691" s="13" t="s">
        <v>80</v>
      </c>
      <c r="B9691" s="14" t="s">
        <v>1</v>
      </c>
      <c r="C9691" s="14" t="s">
        <v>17</v>
      </c>
      <c r="D9691" s="14" t="s">
        <v>81</v>
      </c>
      <c r="E9691" s="15">
        <v>45577</v>
      </c>
      <c r="F9691" s="14" t="s">
        <v>15</v>
      </c>
      <c r="G9691" s="16">
        <v>0</v>
      </c>
    </row>
    <row r="9692" spans="1:7" x14ac:dyDescent="0.3">
      <c r="A9692" s="13" t="s">
        <v>80</v>
      </c>
      <c r="B9692" s="14" t="s">
        <v>1</v>
      </c>
      <c r="C9692" s="14" t="s">
        <v>17</v>
      </c>
      <c r="D9692" s="14" t="s">
        <v>81</v>
      </c>
      <c r="E9692" s="15">
        <v>45578</v>
      </c>
      <c r="F9692" s="14" t="s">
        <v>15</v>
      </c>
      <c r="G9692" s="16">
        <v>0</v>
      </c>
    </row>
    <row r="9693" spans="1:7" x14ac:dyDescent="0.3">
      <c r="A9693" s="13" t="s">
        <v>80</v>
      </c>
      <c r="B9693" s="14" t="s">
        <v>1</v>
      </c>
      <c r="C9693" s="14" t="s">
        <v>17</v>
      </c>
      <c r="D9693" s="14" t="s">
        <v>81</v>
      </c>
      <c r="E9693" s="15">
        <v>45579</v>
      </c>
      <c r="F9693" s="14" t="s">
        <v>15</v>
      </c>
      <c r="G9693" s="16">
        <v>0</v>
      </c>
    </row>
    <row r="9694" spans="1:7" x14ac:dyDescent="0.3">
      <c r="A9694" s="13" t="s">
        <v>80</v>
      </c>
      <c r="B9694" s="14" t="s">
        <v>1</v>
      </c>
      <c r="C9694" s="14" t="s">
        <v>17</v>
      </c>
      <c r="D9694" s="14" t="s">
        <v>81</v>
      </c>
      <c r="E9694" s="15">
        <v>45580</v>
      </c>
      <c r="F9694" s="14" t="s">
        <v>15</v>
      </c>
      <c r="G9694" s="16">
        <v>0</v>
      </c>
    </row>
    <row r="9695" spans="1:7" x14ac:dyDescent="0.3">
      <c r="A9695" s="13" t="s">
        <v>80</v>
      </c>
      <c r="B9695" s="14" t="s">
        <v>1</v>
      </c>
      <c r="C9695" s="14" t="s">
        <v>17</v>
      </c>
      <c r="D9695" s="14" t="s">
        <v>81</v>
      </c>
      <c r="E9695" s="15">
        <v>45581</v>
      </c>
      <c r="F9695" s="14" t="s">
        <v>15</v>
      </c>
      <c r="G9695" s="16">
        <v>0</v>
      </c>
    </row>
    <row r="9696" spans="1:7" x14ac:dyDescent="0.3">
      <c r="A9696" s="13" t="s">
        <v>80</v>
      </c>
      <c r="B9696" s="14" t="s">
        <v>1</v>
      </c>
      <c r="C9696" s="14" t="s">
        <v>17</v>
      </c>
      <c r="D9696" s="14" t="s">
        <v>81</v>
      </c>
      <c r="E9696" s="15">
        <v>45582</v>
      </c>
      <c r="F9696" s="14" t="s">
        <v>15</v>
      </c>
      <c r="G9696" s="16">
        <v>0</v>
      </c>
    </row>
    <row r="9697" spans="1:7" x14ac:dyDescent="0.3">
      <c r="A9697" s="13" t="s">
        <v>80</v>
      </c>
      <c r="B9697" s="14" t="s">
        <v>1</v>
      </c>
      <c r="C9697" s="14" t="s">
        <v>17</v>
      </c>
      <c r="D9697" s="14" t="s">
        <v>81</v>
      </c>
      <c r="E9697" s="15">
        <v>45583</v>
      </c>
      <c r="F9697" s="14" t="s">
        <v>15</v>
      </c>
      <c r="G9697" s="16">
        <v>0</v>
      </c>
    </row>
    <row r="9698" spans="1:7" x14ac:dyDescent="0.3">
      <c r="A9698" s="13" t="s">
        <v>80</v>
      </c>
      <c r="B9698" s="14" t="s">
        <v>1</v>
      </c>
      <c r="C9698" s="14" t="s">
        <v>17</v>
      </c>
      <c r="D9698" s="14" t="s">
        <v>81</v>
      </c>
      <c r="E9698" s="15">
        <v>45584</v>
      </c>
      <c r="F9698" s="14" t="s">
        <v>15</v>
      </c>
      <c r="G9698" s="16">
        <v>0</v>
      </c>
    </row>
    <row r="9699" spans="1:7" x14ac:dyDescent="0.3">
      <c r="A9699" s="13" t="s">
        <v>80</v>
      </c>
      <c r="B9699" s="14" t="s">
        <v>1</v>
      </c>
      <c r="C9699" s="14" t="s">
        <v>17</v>
      </c>
      <c r="D9699" s="14" t="s">
        <v>81</v>
      </c>
      <c r="E9699" s="15">
        <v>45585</v>
      </c>
      <c r="F9699" s="14" t="s">
        <v>15</v>
      </c>
      <c r="G9699" s="16">
        <v>0</v>
      </c>
    </row>
    <row r="9700" spans="1:7" x14ac:dyDescent="0.3">
      <c r="A9700" s="13" t="s">
        <v>80</v>
      </c>
      <c r="B9700" s="14" t="s">
        <v>1</v>
      </c>
      <c r="C9700" s="14" t="s">
        <v>17</v>
      </c>
      <c r="D9700" s="14" t="s">
        <v>81</v>
      </c>
      <c r="E9700" s="15">
        <v>45586</v>
      </c>
      <c r="F9700" s="14" t="s">
        <v>15</v>
      </c>
      <c r="G9700" s="16">
        <v>0</v>
      </c>
    </row>
    <row r="9701" spans="1:7" x14ac:dyDescent="0.3">
      <c r="A9701" s="13" t="s">
        <v>80</v>
      </c>
      <c r="B9701" s="14" t="s">
        <v>1</v>
      </c>
      <c r="C9701" s="14" t="s">
        <v>17</v>
      </c>
      <c r="D9701" s="14" t="s">
        <v>81</v>
      </c>
      <c r="E9701" s="15">
        <v>45587</v>
      </c>
      <c r="F9701" s="14" t="s">
        <v>15</v>
      </c>
      <c r="G9701" s="16">
        <v>0</v>
      </c>
    </row>
    <row r="9702" spans="1:7" x14ac:dyDescent="0.3">
      <c r="A9702" s="13" t="s">
        <v>80</v>
      </c>
      <c r="B9702" s="14" t="s">
        <v>1</v>
      </c>
      <c r="C9702" s="14" t="s">
        <v>17</v>
      </c>
      <c r="D9702" s="14" t="s">
        <v>81</v>
      </c>
      <c r="E9702" s="15">
        <v>45588</v>
      </c>
      <c r="F9702" s="14" t="s">
        <v>15</v>
      </c>
      <c r="G9702" s="16">
        <v>0</v>
      </c>
    </row>
    <row r="9703" spans="1:7" x14ac:dyDescent="0.3">
      <c r="A9703" s="13" t="s">
        <v>80</v>
      </c>
      <c r="B9703" s="14" t="s">
        <v>1</v>
      </c>
      <c r="C9703" s="14" t="s">
        <v>17</v>
      </c>
      <c r="D9703" s="14" t="s">
        <v>81</v>
      </c>
      <c r="E9703" s="15">
        <v>45589</v>
      </c>
      <c r="F9703" s="14" t="s">
        <v>15</v>
      </c>
      <c r="G9703" s="16">
        <v>0</v>
      </c>
    </row>
    <row r="9704" spans="1:7" x14ac:dyDescent="0.3">
      <c r="A9704" s="13" t="s">
        <v>80</v>
      </c>
      <c r="B9704" s="14" t="s">
        <v>1</v>
      </c>
      <c r="C9704" s="14" t="s">
        <v>17</v>
      </c>
      <c r="D9704" s="14" t="s">
        <v>81</v>
      </c>
      <c r="E9704" s="15">
        <v>45590</v>
      </c>
      <c r="F9704" s="14" t="s">
        <v>15</v>
      </c>
      <c r="G9704" s="16">
        <v>0</v>
      </c>
    </row>
    <row r="9705" spans="1:7" x14ac:dyDescent="0.3">
      <c r="A9705" s="13" t="s">
        <v>80</v>
      </c>
      <c r="B9705" s="14" t="s">
        <v>1</v>
      </c>
      <c r="C9705" s="14" t="s">
        <v>17</v>
      </c>
      <c r="D9705" s="14" t="s">
        <v>81</v>
      </c>
      <c r="E9705" s="15">
        <v>45591</v>
      </c>
      <c r="F9705" s="14" t="s">
        <v>15</v>
      </c>
      <c r="G9705" s="16">
        <v>0</v>
      </c>
    </row>
    <row r="9706" spans="1:7" x14ac:dyDescent="0.3">
      <c r="A9706" s="13" t="s">
        <v>80</v>
      </c>
      <c r="B9706" s="14" t="s">
        <v>1</v>
      </c>
      <c r="C9706" s="14" t="s">
        <v>17</v>
      </c>
      <c r="D9706" s="14" t="s">
        <v>81</v>
      </c>
      <c r="E9706" s="15">
        <v>45592</v>
      </c>
      <c r="F9706" s="14" t="s">
        <v>15</v>
      </c>
      <c r="G9706" s="16">
        <v>0</v>
      </c>
    </row>
    <row r="9707" spans="1:7" x14ac:dyDescent="0.3">
      <c r="A9707" s="13" t="s">
        <v>80</v>
      </c>
      <c r="B9707" s="14" t="s">
        <v>1</v>
      </c>
      <c r="C9707" s="14" t="s">
        <v>17</v>
      </c>
      <c r="D9707" s="14" t="s">
        <v>81</v>
      </c>
      <c r="E9707" s="15">
        <v>45593</v>
      </c>
      <c r="F9707" s="14" t="s">
        <v>15</v>
      </c>
      <c r="G9707" s="16">
        <v>0</v>
      </c>
    </row>
    <row r="9708" spans="1:7" x14ac:dyDescent="0.3">
      <c r="A9708" s="13" t="s">
        <v>80</v>
      </c>
      <c r="B9708" s="14" t="s">
        <v>1</v>
      </c>
      <c r="C9708" s="14" t="s">
        <v>17</v>
      </c>
      <c r="D9708" s="14" t="s">
        <v>81</v>
      </c>
      <c r="E9708" s="15">
        <v>45594</v>
      </c>
      <c r="F9708" s="14" t="s">
        <v>15</v>
      </c>
      <c r="G9708" s="16">
        <v>0</v>
      </c>
    </row>
    <row r="9709" spans="1:7" x14ac:dyDescent="0.3">
      <c r="A9709" s="13" t="s">
        <v>80</v>
      </c>
      <c r="B9709" s="14" t="s">
        <v>1</v>
      </c>
      <c r="C9709" s="14" t="s">
        <v>17</v>
      </c>
      <c r="D9709" s="14" t="s">
        <v>81</v>
      </c>
      <c r="E9709" s="15">
        <v>45595</v>
      </c>
      <c r="F9709" s="14" t="s">
        <v>15</v>
      </c>
      <c r="G9709" s="16">
        <v>0</v>
      </c>
    </row>
    <row r="9710" spans="1:7" x14ac:dyDescent="0.3">
      <c r="A9710" s="13" t="s">
        <v>80</v>
      </c>
      <c r="B9710" s="14" t="s">
        <v>1</v>
      </c>
      <c r="C9710" s="14" t="s">
        <v>17</v>
      </c>
      <c r="D9710" s="14" t="s">
        <v>81</v>
      </c>
      <c r="E9710" s="15">
        <v>45596</v>
      </c>
      <c r="F9710" s="14" t="s">
        <v>15</v>
      </c>
      <c r="G9710" s="16">
        <v>0</v>
      </c>
    </row>
    <row r="9711" spans="1:7" x14ac:dyDescent="0.3">
      <c r="A9711" s="13" t="s">
        <v>80</v>
      </c>
      <c r="B9711" s="14" t="s">
        <v>1</v>
      </c>
      <c r="C9711" s="14" t="s">
        <v>17</v>
      </c>
      <c r="D9711" s="14" t="s">
        <v>81</v>
      </c>
      <c r="E9711" s="15">
        <v>45597</v>
      </c>
      <c r="F9711" s="14" t="s">
        <v>15</v>
      </c>
      <c r="G9711" s="16">
        <v>0</v>
      </c>
    </row>
    <row r="9712" spans="1:7" x14ac:dyDescent="0.3">
      <c r="A9712" s="13" t="s">
        <v>80</v>
      </c>
      <c r="B9712" s="14" t="s">
        <v>1</v>
      </c>
      <c r="C9712" s="14" t="s">
        <v>17</v>
      </c>
      <c r="D9712" s="14" t="s">
        <v>81</v>
      </c>
      <c r="E9712" s="15">
        <v>45598</v>
      </c>
      <c r="F9712" s="14" t="s">
        <v>15</v>
      </c>
      <c r="G9712" s="16">
        <v>0</v>
      </c>
    </row>
    <row r="9713" spans="1:7" x14ac:dyDescent="0.3">
      <c r="A9713" s="13" t="s">
        <v>80</v>
      </c>
      <c r="B9713" s="14" t="s">
        <v>1</v>
      </c>
      <c r="C9713" s="14" t="s">
        <v>17</v>
      </c>
      <c r="D9713" s="14" t="s">
        <v>81</v>
      </c>
      <c r="E9713" s="15">
        <v>45599</v>
      </c>
      <c r="F9713" s="14" t="s">
        <v>15</v>
      </c>
      <c r="G9713" s="16">
        <v>0</v>
      </c>
    </row>
    <row r="9714" spans="1:7" x14ac:dyDescent="0.3">
      <c r="A9714" s="13" t="s">
        <v>80</v>
      </c>
      <c r="B9714" s="14" t="s">
        <v>1</v>
      </c>
      <c r="C9714" s="14" t="s">
        <v>17</v>
      </c>
      <c r="D9714" s="14" t="s">
        <v>81</v>
      </c>
      <c r="E9714" s="15">
        <v>45600</v>
      </c>
      <c r="F9714" s="14" t="s">
        <v>15</v>
      </c>
      <c r="G9714" s="16">
        <v>0</v>
      </c>
    </row>
    <row r="9715" spans="1:7" x14ac:dyDescent="0.3">
      <c r="A9715" s="13" t="s">
        <v>80</v>
      </c>
      <c r="B9715" s="14" t="s">
        <v>1</v>
      </c>
      <c r="C9715" s="14" t="s">
        <v>17</v>
      </c>
      <c r="D9715" s="14" t="s">
        <v>81</v>
      </c>
      <c r="E9715" s="15">
        <v>45601</v>
      </c>
      <c r="F9715" s="14" t="s">
        <v>15</v>
      </c>
      <c r="G9715" s="16">
        <v>0</v>
      </c>
    </row>
    <row r="9716" spans="1:7" x14ac:dyDescent="0.3">
      <c r="A9716" s="13" t="s">
        <v>80</v>
      </c>
      <c r="B9716" s="14" t="s">
        <v>1</v>
      </c>
      <c r="C9716" s="14" t="s">
        <v>17</v>
      </c>
      <c r="D9716" s="14" t="s">
        <v>81</v>
      </c>
      <c r="E9716" s="15">
        <v>45602</v>
      </c>
      <c r="F9716" s="14" t="s">
        <v>15</v>
      </c>
      <c r="G9716" s="16">
        <v>0</v>
      </c>
    </row>
    <row r="9717" spans="1:7" x14ac:dyDescent="0.3">
      <c r="A9717" s="13" t="s">
        <v>80</v>
      </c>
      <c r="B9717" s="14" t="s">
        <v>1</v>
      </c>
      <c r="C9717" s="14" t="s">
        <v>17</v>
      </c>
      <c r="D9717" s="14" t="s">
        <v>81</v>
      </c>
      <c r="E9717" s="15">
        <v>45603</v>
      </c>
      <c r="F9717" s="14" t="s">
        <v>15</v>
      </c>
      <c r="G9717" s="16">
        <v>0</v>
      </c>
    </row>
    <row r="9718" spans="1:7" x14ac:dyDescent="0.3">
      <c r="A9718" s="13" t="s">
        <v>80</v>
      </c>
      <c r="B9718" s="14" t="s">
        <v>1</v>
      </c>
      <c r="C9718" s="14" t="s">
        <v>17</v>
      </c>
      <c r="D9718" s="14" t="s">
        <v>81</v>
      </c>
      <c r="E9718" s="15">
        <v>45604</v>
      </c>
      <c r="F9718" s="14" t="s">
        <v>15</v>
      </c>
      <c r="G9718" s="16">
        <v>0</v>
      </c>
    </row>
    <row r="9719" spans="1:7" x14ac:dyDescent="0.3">
      <c r="A9719" s="13" t="s">
        <v>80</v>
      </c>
      <c r="B9719" s="14" t="s">
        <v>1</v>
      </c>
      <c r="C9719" s="14" t="s">
        <v>17</v>
      </c>
      <c r="D9719" s="14" t="s">
        <v>81</v>
      </c>
      <c r="E9719" s="15">
        <v>45605</v>
      </c>
      <c r="F9719" s="14" t="s">
        <v>15</v>
      </c>
      <c r="G9719" s="16">
        <v>0</v>
      </c>
    </row>
    <row r="9720" spans="1:7" x14ac:dyDescent="0.3">
      <c r="A9720" s="13" t="s">
        <v>80</v>
      </c>
      <c r="B9720" s="14" t="s">
        <v>1</v>
      </c>
      <c r="C9720" s="14" t="s">
        <v>17</v>
      </c>
      <c r="D9720" s="14" t="s">
        <v>81</v>
      </c>
      <c r="E9720" s="15">
        <v>45606</v>
      </c>
      <c r="F9720" s="14" t="s">
        <v>15</v>
      </c>
      <c r="G9720" s="16">
        <v>0</v>
      </c>
    </row>
    <row r="9721" spans="1:7" x14ac:dyDescent="0.3">
      <c r="A9721" s="13" t="s">
        <v>80</v>
      </c>
      <c r="B9721" s="14" t="s">
        <v>1</v>
      </c>
      <c r="C9721" s="14" t="s">
        <v>17</v>
      </c>
      <c r="D9721" s="14" t="s">
        <v>81</v>
      </c>
      <c r="E9721" s="15">
        <v>45607</v>
      </c>
      <c r="F9721" s="14" t="s">
        <v>15</v>
      </c>
      <c r="G9721" s="16">
        <v>0</v>
      </c>
    </row>
    <row r="9722" spans="1:7" x14ac:dyDescent="0.3">
      <c r="A9722" s="13" t="s">
        <v>80</v>
      </c>
      <c r="B9722" s="14" t="s">
        <v>1</v>
      </c>
      <c r="C9722" s="14" t="s">
        <v>17</v>
      </c>
      <c r="D9722" s="14" t="s">
        <v>81</v>
      </c>
      <c r="E9722" s="15">
        <v>45608</v>
      </c>
      <c r="F9722" s="14" t="s">
        <v>15</v>
      </c>
      <c r="G9722" s="16">
        <v>0</v>
      </c>
    </row>
    <row r="9723" spans="1:7" x14ac:dyDescent="0.3">
      <c r="A9723" s="13" t="s">
        <v>80</v>
      </c>
      <c r="B9723" s="14" t="s">
        <v>1</v>
      </c>
      <c r="C9723" s="14" t="s">
        <v>17</v>
      </c>
      <c r="D9723" s="14" t="s">
        <v>81</v>
      </c>
      <c r="E9723" s="15">
        <v>45609</v>
      </c>
      <c r="F9723" s="14" t="s">
        <v>15</v>
      </c>
      <c r="G9723" s="16">
        <v>0</v>
      </c>
    </row>
    <row r="9724" spans="1:7" x14ac:dyDescent="0.3">
      <c r="A9724" s="13" t="s">
        <v>80</v>
      </c>
      <c r="B9724" s="14" t="s">
        <v>1</v>
      </c>
      <c r="C9724" s="14" t="s">
        <v>17</v>
      </c>
      <c r="D9724" s="14" t="s">
        <v>81</v>
      </c>
      <c r="E9724" s="15">
        <v>45610</v>
      </c>
      <c r="F9724" s="14" t="s">
        <v>15</v>
      </c>
      <c r="G9724" s="16">
        <v>0</v>
      </c>
    </row>
    <row r="9725" spans="1:7" x14ac:dyDescent="0.3">
      <c r="A9725" s="13" t="s">
        <v>80</v>
      </c>
      <c r="B9725" s="14" t="s">
        <v>1</v>
      </c>
      <c r="C9725" s="14" t="s">
        <v>17</v>
      </c>
      <c r="D9725" s="14" t="s">
        <v>81</v>
      </c>
      <c r="E9725" s="15">
        <v>45611</v>
      </c>
      <c r="F9725" s="14" t="s">
        <v>15</v>
      </c>
      <c r="G9725" s="16">
        <v>0</v>
      </c>
    </row>
    <row r="9726" spans="1:7" x14ac:dyDescent="0.3">
      <c r="A9726" s="13" t="s">
        <v>80</v>
      </c>
      <c r="B9726" s="14" t="s">
        <v>1</v>
      </c>
      <c r="C9726" s="14" t="s">
        <v>17</v>
      </c>
      <c r="D9726" s="14" t="s">
        <v>81</v>
      </c>
      <c r="E9726" s="15">
        <v>45612</v>
      </c>
      <c r="F9726" s="14" t="s">
        <v>15</v>
      </c>
      <c r="G9726" s="16">
        <v>0</v>
      </c>
    </row>
    <row r="9727" spans="1:7" x14ac:dyDescent="0.3">
      <c r="A9727" s="13" t="s">
        <v>80</v>
      </c>
      <c r="B9727" s="14" t="s">
        <v>1</v>
      </c>
      <c r="C9727" s="14" t="s">
        <v>17</v>
      </c>
      <c r="D9727" s="14" t="s">
        <v>81</v>
      </c>
      <c r="E9727" s="15">
        <v>45613</v>
      </c>
      <c r="F9727" s="14" t="s">
        <v>15</v>
      </c>
      <c r="G9727" s="16">
        <v>0</v>
      </c>
    </row>
    <row r="9728" spans="1:7" x14ac:dyDescent="0.3">
      <c r="A9728" s="13" t="s">
        <v>80</v>
      </c>
      <c r="B9728" s="14" t="s">
        <v>1</v>
      </c>
      <c r="C9728" s="14" t="s">
        <v>17</v>
      </c>
      <c r="D9728" s="14" t="s">
        <v>81</v>
      </c>
      <c r="E9728" s="15">
        <v>45614</v>
      </c>
      <c r="F9728" s="14" t="s">
        <v>15</v>
      </c>
      <c r="G9728" s="16">
        <v>0</v>
      </c>
    </row>
    <row r="9729" spans="1:7" x14ac:dyDescent="0.3">
      <c r="A9729" s="13" t="s">
        <v>80</v>
      </c>
      <c r="B9729" s="14" t="s">
        <v>1</v>
      </c>
      <c r="C9729" s="14" t="s">
        <v>17</v>
      </c>
      <c r="D9729" s="14" t="s">
        <v>81</v>
      </c>
      <c r="E9729" s="15">
        <v>45615</v>
      </c>
      <c r="F9729" s="14" t="s">
        <v>15</v>
      </c>
      <c r="G9729" s="16">
        <v>0</v>
      </c>
    </row>
    <row r="9730" spans="1:7" x14ac:dyDescent="0.3">
      <c r="A9730" s="13" t="s">
        <v>80</v>
      </c>
      <c r="B9730" s="14" t="s">
        <v>1</v>
      </c>
      <c r="C9730" s="14" t="s">
        <v>17</v>
      </c>
      <c r="D9730" s="14" t="s">
        <v>81</v>
      </c>
      <c r="E9730" s="15">
        <v>45616</v>
      </c>
      <c r="F9730" s="14" t="s">
        <v>15</v>
      </c>
      <c r="G9730" s="16">
        <v>0</v>
      </c>
    </row>
    <row r="9731" spans="1:7" x14ac:dyDescent="0.3">
      <c r="A9731" s="13" t="s">
        <v>80</v>
      </c>
      <c r="B9731" s="14" t="s">
        <v>1</v>
      </c>
      <c r="C9731" s="14" t="s">
        <v>17</v>
      </c>
      <c r="D9731" s="14" t="s">
        <v>81</v>
      </c>
      <c r="E9731" s="15">
        <v>45617</v>
      </c>
      <c r="F9731" s="14" t="s">
        <v>15</v>
      </c>
      <c r="G9731" s="16">
        <v>0</v>
      </c>
    </row>
    <row r="9732" spans="1:7" x14ac:dyDescent="0.3">
      <c r="A9732" s="13" t="s">
        <v>80</v>
      </c>
      <c r="B9732" s="14" t="s">
        <v>1</v>
      </c>
      <c r="C9732" s="14" t="s">
        <v>17</v>
      </c>
      <c r="D9732" s="14" t="s">
        <v>81</v>
      </c>
      <c r="E9732" s="15">
        <v>45618</v>
      </c>
      <c r="F9732" s="14" t="s">
        <v>15</v>
      </c>
      <c r="G9732" s="16">
        <v>0</v>
      </c>
    </row>
    <row r="9733" spans="1:7" x14ac:dyDescent="0.3">
      <c r="A9733" s="13" t="s">
        <v>80</v>
      </c>
      <c r="B9733" s="14" t="s">
        <v>1</v>
      </c>
      <c r="C9733" s="14" t="s">
        <v>17</v>
      </c>
      <c r="D9733" s="14" t="s">
        <v>81</v>
      </c>
      <c r="E9733" s="15">
        <v>45619</v>
      </c>
      <c r="F9733" s="14" t="s">
        <v>15</v>
      </c>
      <c r="G9733" s="16">
        <v>0</v>
      </c>
    </row>
    <row r="9734" spans="1:7" x14ac:dyDescent="0.3">
      <c r="A9734" s="13" t="s">
        <v>80</v>
      </c>
      <c r="B9734" s="14" t="s">
        <v>1</v>
      </c>
      <c r="C9734" s="14" t="s">
        <v>17</v>
      </c>
      <c r="D9734" s="14" t="s">
        <v>81</v>
      </c>
      <c r="E9734" s="15">
        <v>45620</v>
      </c>
      <c r="F9734" s="14" t="s">
        <v>15</v>
      </c>
      <c r="G9734" s="16">
        <v>0</v>
      </c>
    </row>
    <row r="9735" spans="1:7" x14ac:dyDescent="0.3">
      <c r="A9735" s="13" t="s">
        <v>80</v>
      </c>
      <c r="B9735" s="14" t="s">
        <v>1</v>
      </c>
      <c r="C9735" s="14" t="s">
        <v>17</v>
      </c>
      <c r="D9735" s="14" t="s">
        <v>81</v>
      </c>
      <c r="E9735" s="15">
        <v>45621</v>
      </c>
      <c r="F9735" s="14" t="s">
        <v>15</v>
      </c>
      <c r="G9735" s="16">
        <v>0</v>
      </c>
    </row>
    <row r="9736" spans="1:7" x14ac:dyDescent="0.3">
      <c r="A9736" s="13" t="s">
        <v>80</v>
      </c>
      <c r="B9736" s="14" t="s">
        <v>1</v>
      </c>
      <c r="C9736" s="14" t="s">
        <v>17</v>
      </c>
      <c r="D9736" s="14" t="s">
        <v>81</v>
      </c>
      <c r="E9736" s="15">
        <v>45622</v>
      </c>
      <c r="F9736" s="14" t="s">
        <v>15</v>
      </c>
      <c r="G9736" s="16">
        <v>0</v>
      </c>
    </row>
    <row r="9737" spans="1:7" x14ac:dyDescent="0.3">
      <c r="A9737" s="13" t="s">
        <v>80</v>
      </c>
      <c r="B9737" s="14" t="s">
        <v>1</v>
      </c>
      <c r="C9737" s="14" t="s">
        <v>17</v>
      </c>
      <c r="D9737" s="14" t="s">
        <v>81</v>
      </c>
      <c r="E9737" s="15">
        <v>45623</v>
      </c>
      <c r="F9737" s="14" t="s">
        <v>15</v>
      </c>
      <c r="G9737" s="16">
        <v>0</v>
      </c>
    </row>
    <row r="9738" spans="1:7" x14ac:dyDescent="0.3">
      <c r="A9738" s="13" t="s">
        <v>80</v>
      </c>
      <c r="B9738" s="14" t="s">
        <v>1</v>
      </c>
      <c r="C9738" s="14" t="s">
        <v>17</v>
      </c>
      <c r="D9738" s="14" t="s">
        <v>81</v>
      </c>
      <c r="E9738" s="15">
        <v>45624</v>
      </c>
      <c r="F9738" s="14" t="s">
        <v>15</v>
      </c>
      <c r="G9738" s="16">
        <v>0</v>
      </c>
    </row>
    <row r="9739" spans="1:7" x14ac:dyDescent="0.3">
      <c r="A9739" s="13" t="s">
        <v>80</v>
      </c>
      <c r="B9739" s="14" t="s">
        <v>1</v>
      </c>
      <c r="C9739" s="14" t="s">
        <v>17</v>
      </c>
      <c r="D9739" s="14" t="s">
        <v>81</v>
      </c>
      <c r="E9739" s="15">
        <v>45625</v>
      </c>
      <c r="F9739" s="14" t="s">
        <v>15</v>
      </c>
      <c r="G9739" s="16">
        <v>0</v>
      </c>
    </row>
    <row r="9740" spans="1:7" x14ac:dyDescent="0.3">
      <c r="A9740" s="13" t="s">
        <v>80</v>
      </c>
      <c r="B9740" s="14" t="s">
        <v>1</v>
      </c>
      <c r="C9740" s="14" t="s">
        <v>17</v>
      </c>
      <c r="D9740" s="14" t="s">
        <v>81</v>
      </c>
      <c r="E9740" s="15">
        <v>45626</v>
      </c>
      <c r="F9740" s="14" t="s">
        <v>15</v>
      </c>
      <c r="G9740" s="16">
        <v>0</v>
      </c>
    </row>
    <row r="9741" spans="1:7" x14ac:dyDescent="0.3">
      <c r="A9741" s="13" t="s">
        <v>80</v>
      </c>
      <c r="B9741" s="14" t="s">
        <v>1</v>
      </c>
      <c r="C9741" s="14" t="s">
        <v>17</v>
      </c>
      <c r="D9741" s="14" t="s">
        <v>81</v>
      </c>
      <c r="E9741" s="15">
        <v>45627</v>
      </c>
      <c r="F9741" s="14" t="s">
        <v>15</v>
      </c>
      <c r="G9741" s="16">
        <v>0</v>
      </c>
    </row>
    <row r="9742" spans="1:7" x14ac:dyDescent="0.3">
      <c r="A9742" s="13" t="s">
        <v>80</v>
      </c>
      <c r="B9742" s="14" t="s">
        <v>1</v>
      </c>
      <c r="C9742" s="14" t="s">
        <v>17</v>
      </c>
      <c r="D9742" s="14" t="s">
        <v>81</v>
      </c>
      <c r="E9742" s="15">
        <v>45628</v>
      </c>
      <c r="F9742" s="14" t="s">
        <v>15</v>
      </c>
      <c r="G9742" s="16">
        <v>0</v>
      </c>
    </row>
    <row r="9743" spans="1:7" x14ac:dyDescent="0.3">
      <c r="A9743" s="13" t="s">
        <v>80</v>
      </c>
      <c r="B9743" s="14" t="s">
        <v>1</v>
      </c>
      <c r="C9743" s="14" t="s">
        <v>17</v>
      </c>
      <c r="D9743" s="14" t="s">
        <v>81</v>
      </c>
      <c r="E9743" s="15">
        <v>45629</v>
      </c>
      <c r="F9743" s="14" t="s">
        <v>15</v>
      </c>
      <c r="G9743" s="16">
        <v>0</v>
      </c>
    </row>
    <row r="9744" spans="1:7" x14ac:dyDescent="0.3">
      <c r="A9744" s="13" t="s">
        <v>80</v>
      </c>
      <c r="B9744" s="14" t="s">
        <v>1</v>
      </c>
      <c r="C9744" s="14" t="s">
        <v>17</v>
      </c>
      <c r="D9744" s="14" t="s">
        <v>81</v>
      </c>
      <c r="E9744" s="15">
        <v>45630</v>
      </c>
      <c r="F9744" s="14" t="s">
        <v>15</v>
      </c>
      <c r="G9744" s="16">
        <v>0</v>
      </c>
    </row>
    <row r="9745" spans="1:7" x14ac:dyDescent="0.3">
      <c r="A9745" s="13" t="s">
        <v>80</v>
      </c>
      <c r="B9745" s="14" t="s">
        <v>1</v>
      </c>
      <c r="C9745" s="14" t="s">
        <v>17</v>
      </c>
      <c r="D9745" s="14" t="s">
        <v>81</v>
      </c>
      <c r="E9745" s="15">
        <v>45631</v>
      </c>
      <c r="F9745" s="14" t="s">
        <v>15</v>
      </c>
      <c r="G9745" s="16">
        <v>0</v>
      </c>
    </row>
    <row r="9746" spans="1:7" x14ac:dyDescent="0.3">
      <c r="A9746" s="13" t="s">
        <v>80</v>
      </c>
      <c r="B9746" s="14" t="s">
        <v>1</v>
      </c>
      <c r="C9746" s="14" t="s">
        <v>17</v>
      </c>
      <c r="D9746" s="14" t="s">
        <v>81</v>
      </c>
      <c r="E9746" s="15">
        <v>45632</v>
      </c>
      <c r="F9746" s="14" t="s">
        <v>15</v>
      </c>
      <c r="G9746" s="16">
        <v>0</v>
      </c>
    </row>
    <row r="9747" spans="1:7" x14ac:dyDescent="0.3">
      <c r="A9747" s="13" t="s">
        <v>80</v>
      </c>
      <c r="B9747" s="14" t="s">
        <v>1</v>
      </c>
      <c r="C9747" s="14" t="s">
        <v>17</v>
      </c>
      <c r="D9747" s="14" t="s">
        <v>81</v>
      </c>
      <c r="E9747" s="15">
        <v>45633</v>
      </c>
      <c r="F9747" s="14" t="s">
        <v>15</v>
      </c>
      <c r="G9747" s="16">
        <v>0</v>
      </c>
    </row>
    <row r="9748" spans="1:7" x14ac:dyDescent="0.3">
      <c r="A9748" s="13" t="s">
        <v>80</v>
      </c>
      <c r="B9748" s="14" t="s">
        <v>1</v>
      </c>
      <c r="C9748" s="14" t="s">
        <v>17</v>
      </c>
      <c r="D9748" s="14" t="s">
        <v>81</v>
      </c>
      <c r="E9748" s="15">
        <v>45634</v>
      </c>
      <c r="F9748" s="14" t="s">
        <v>15</v>
      </c>
      <c r="G9748" s="16">
        <v>0</v>
      </c>
    </row>
    <row r="9749" spans="1:7" x14ac:dyDescent="0.3">
      <c r="A9749" s="13" t="s">
        <v>80</v>
      </c>
      <c r="B9749" s="14" t="s">
        <v>1</v>
      </c>
      <c r="C9749" s="14" t="s">
        <v>17</v>
      </c>
      <c r="D9749" s="14" t="s">
        <v>81</v>
      </c>
      <c r="E9749" s="15">
        <v>45635</v>
      </c>
      <c r="F9749" s="14" t="s">
        <v>15</v>
      </c>
      <c r="G9749" s="16">
        <v>0</v>
      </c>
    </row>
    <row r="9750" spans="1:7" x14ac:dyDescent="0.3">
      <c r="A9750" s="13" t="s">
        <v>80</v>
      </c>
      <c r="B9750" s="14" t="s">
        <v>1</v>
      </c>
      <c r="C9750" s="14" t="s">
        <v>17</v>
      </c>
      <c r="D9750" s="14" t="s">
        <v>81</v>
      </c>
      <c r="E9750" s="15">
        <v>45636</v>
      </c>
      <c r="F9750" s="14" t="s">
        <v>15</v>
      </c>
      <c r="G9750" s="16">
        <v>0</v>
      </c>
    </row>
    <row r="9751" spans="1:7" x14ac:dyDescent="0.3">
      <c r="A9751" s="13" t="s">
        <v>80</v>
      </c>
      <c r="B9751" s="14" t="s">
        <v>1</v>
      </c>
      <c r="C9751" s="14" t="s">
        <v>17</v>
      </c>
      <c r="D9751" s="14" t="s">
        <v>81</v>
      </c>
      <c r="E9751" s="15">
        <v>45637</v>
      </c>
      <c r="F9751" s="14" t="s">
        <v>15</v>
      </c>
      <c r="G9751" s="16">
        <v>0</v>
      </c>
    </row>
    <row r="9752" spans="1:7" x14ac:dyDescent="0.3">
      <c r="A9752" s="13" t="s">
        <v>80</v>
      </c>
      <c r="B9752" s="14" t="s">
        <v>1</v>
      </c>
      <c r="C9752" s="14" t="s">
        <v>17</v>
      </c>
      <c r="D9752" s="14" t="s">
        <v>81</v>
      </c>
      <c r="E9752" s="15">
        <v>45638</v>
      </c>
      <c r="F9752" s="14" t="s">
        <v>15</v>
      </c>
      <c r="G9752" s="16">
        <v>0</v>
      </c>
    </row>
    <row r="9753" spans="1:7" x14ac:dyDescent="0.3">
      <c r="A9753" s="13" t="s">
        <v>80</v>
      </c>
      <c r="B9753" s="14" t="s">
        <v>1</v>
      </c>
      <c r="C9753" s="14" t="s">
        <v>17</v>
      </c>
      <c r="D9753" s="14" t="s">
        <v>81</v>
      </c>
      <c r="E9753" s="15">
        <v>45639</v>
      </c>
      <c r="F9753" s="14" t="s">
        <v>15</v>
      </c>
      <c r="G9753" s="16">
        <v>0</v>
      </c>
    </row>
    <row r="9754" spans="1:7" x14ac:dyDescent="0.3">
      <c r="A9754" s="13" t="s">
        <v>80</v>
      </c>
      <c r="B9754" s="14" t="s">
        <v>1</v>
      </c>
      <c r="C9754" s="14" t="s">
        <v>17</v>
      </c>
      <c r="D9754" s="14" t="s">
        <v>81</v>
      </c>
      <c r="E9754" s="15">
        <v>45640</v>
      </c>
      <c r="F9754" s="14" t="s">
        <v>15</v>
      </c>
      <c r="G9754" s="16">
        <v>0</v>
      </c>
    </row>
    <row r="9755" spans="1:7" x14ac:dyDescent="0.3">
      <c r="A9755" s="13" t="s">
        <v>80</v>
      </c>
      <c r="B9755" s="14" t="s">
        <v>1</v>
      </c>
      <c r="C9755" s="14" t="s">
        <v>17</v>
      </c>
      <c r="D9755" s="14" t="s">
        <v>81</v>
      </c>
      <c r="E9755" s="15">
        <v>45641</v>
      </c>
      <c r="F9755" s="14" t="s">
        <v>15</v>
      </c>
      <c r="G9755" s="16">
        <v>0</v>
      </c>
    </row>
    <row r="9756" spans="1:7" x14ac:dyDescent="0.3">
      <c r="A9756" s="13" t="s">
        <v>80</v>
      </c>
      <c r="B9756" s="14" t="s">
        <v>1</v>
      </c>
      <c r="C9756" s="14" t="s">
        <v>17</v>
      </c>
      <c r="D9756" s="14" t="s">
        <v>81</v>
      </c>
      <c r="E9756" s="15">
        <v>45642</v>
      </c>
      <c r="F9756" s="14" t="s">
        <v>15</v>
      </c>
      <c r="G9756" s="16">
        <v>0</v>
      </c>
    </row>
    <row r="9757" spans="1:7" x14ac:dyDescent="0.3">
      <c r="A9757" s="13" t="s">
        <v>80</v>
      </c>
      <c r="B9757" s="14" t="s">
        <v>1</v>
      </c>
      <c r="C9757" s="14" t="s">
        <v>17</v>
      </c>
      <c r="D9757" s="14" t="s">
        <v>81</v>
      </c>
      <c r="E9757" s="15">
        <v>45643</v>
      </c>
      <c r="F9757" s="14" t="s">
        <v>15</v>
      </c>
      <c r="G9757" s="16">
        <v>0</v>
      </c>
    </row>
    <row r="9758" spans="1:7" x14ac:dyDescent="0.3">
      <c r="A9758" s="13" t="s">
        <v>80</v>
      </c>
      <c r="B9758" s="14" t="s">
        <v>1</v>
      </c>
      <c r="C9758" s="14" t="s">
        <v>17</v>
      </c>
      <c r="D9758" s="14" t="s">
        <v>81</v>
      </c>
      <c r="E9758" s="15">
        <v>45644</v>
      </c>
      <c r="F9758" s="14" t="s">
        <v>15</v>
      </c>
      <c r="G9758" s="16">
        <v>0</v>
      </c>
    </row>
    <row r="9759" spans="1:7" x14ac:dyDescent="0.3">
      <c r="A9759" s="13" t="s">
        <v>80</v>
      </c>
      <c r="B9759" s="14" t="s">
        <v>1</v>
      </c>
      <c r="C9759" s="14" t="s">
        <v>17</v>
      </c>
      <c r="D9759" s="14" t="s">
        <v>81</v>
      </c>
      <c r="E9759" s="15">
        <v>45645</v>
      </c>
      <c r="F9759" s="14" t="s">
        <v>15</v>
      </c>
      <c r="G9759" s="16">
        <v>0</v>
      </c>
    </row>
    <row r="9760" spans="1:7" x14ac:dyDescent="0.3">
      <c r="A9760" s="13" t="s">
        <v>80</v>
      </c>
      <c r="B9760" s="14" t="s">
        <v>1</v>
      </c>
      <c r="C9760" s="14" t="s">
        <v>17</v>
      </c>
      <c r="D9760" s="14" t="s">
        <v>81</v>
      </c>
      <c r="E9760" s="15">
        <v>45646</v>
      </c>
      <c r="F9760" s="14" t="s">
        <v>15</v>
      </c>
      <c r="G9760" s="16">
        <v>0</v>
      </c>
    </row>
    <row r="9761" spans="1:7" x14ac:dyDescent="0.3">
      <c r="A9761" s="13" t="s">
        <v>80</v>
      </c>
      <c r="B9761" s="14" t="s">
        <v>1</v>
      </c>
      <c r="C9761" s="14" t="s">
        <v>17</v>
      </c>
      <c r="D9761" s="14" t="s">
        <v>81</v>
      </c>
      <c r="E9761" s="15">
        <v>45647</v>
      </c>
      <c r="F9761" s="14" t="s">
        <v>15</v>
      </c>
      <c r="G9761" s="16">
        <v>0</v>
      </c>
    </row>
    <row r="9762" spans="1:7" x14ac:dyDescent="0.3">
      <c r="A9762" s="13" t="s">
        <v>80</v>
      </c>
      <c r="B9762" s="14" t="s">
        <v>1</v>
      </c>
      <c r="C9762" s="14" t="s">
        <v>17</v>
      </c>
      <c r="D9762" s="14" t="s">
        <v>81</v>
      </c>
      <c r="E9762" s="15">
        <v>45648</v>
      </c>
      <c r="F9762" s="14" t="s">
        <v>15</v>
      </c>
      <c r="G9762" s="16">
        <v>0</v>
      </c>
    </row>
    <row r="9763" spans="1:7" x14ac:dyDescent="0.3">
      <c r="A9763" s="13" t="s">
        <v>80</v>
      </c>
      <c r="B9763" s="14" t="s">
        <v>1</v>
      </c>
      <c r="C9763" s="14" t="s">
        <v>17</v>
      </c>
      <c r="D9763" s="14" t="s">
        <v>81</v>
      </c>
      <c r="E9763" s="15">
        <v>45649</v>
      </c>
      <c r="F9763" s="14" t="s">
        <v>15</v>
      </c>
      <c r="G9763" s="16">
        <v>0</v>
      </c>
    </row>
    <row r="9764" spans="1:7" x14ac:dyDescent="0.3">
      <c r="A9764" s="13" t="s">
        <v>80</v>
      </c>
      <c r="B9764" s="14" t="s">
        <v>1</v>
      </c>
      <c r="C9764" s="14" t="s">
        <v>17</v>
      </c>
      <c r="D9764" s="14" t="s">
        <v>81</v>
      </c>
      <c r="E9764" s="15">
        <v>45650</v>
      </c>
      <c r="F9764" s="14" t="s">
        <v>15</v>
      </c>
      <c r="G9764" s="16">
        <v>0</v>
      </c>
    </row>
    <row r="9765" spans="1:7" x14ac:dyDescent="0.3">
      <c r="A9765" s="13" t="s">
        <v>80</v>
      </c>
      <c r="B9765" s="14" t="s">
        <v>1</v>
      </c>
      <c r="C9765" s="14" t="s">
        <v>17</v>
      </c>
      <c r="D9765" s="14" t="s">
        <v>81</v>
      </c>
      <c r="E9765" s="15">
        <v>45651</v>
      </c>
      <c r="F9765" s="14" t="s">
        <v>15</v>
      </c>
      <c r="G9765" s="16">
        <v>0</v>
      </c>
    </row>
    <row r="9766" spans="1:7" x14ac:dyDescent="0.3">
      <c r="A9766" s="13" t="s">
        <v>80</v>
      </c>
      <c r="B9766" s="14" t="s">
        <v>1</v>
      </c>
      <c r="C9766" s="14" t="s">
        <v>17</v>
      </c>
      <c r="D9766" s="14" t="s">
        <v>81</v>
      </c>
      <c r="E9766" s="15">
        <v>45652</v>
      </c>
      <c r="F9766" s="14" t="s">
        <v>15</v>
      </c>
      <c r="G9766" s="16">
        <v>0</v>
      </c>
    </row>
    <row r="9767" spans="1:7" x14ac:dyDescent="0.3">
      <c r="A9767" s="13" t="s">
        <v>80</v>
      </c>
      <c r="B9767" s="14" t="s">
        <v>1</v>
      </c>
      <c r="C9767" s="14" t="s">
        <v>17</v>
      </c>
      <c r="D9767" s="14" t="s">
        <v>81</v>
      </c>
      <c r="E9767" s="15">
        <v>45653</v>
      </c>
      <c r="F9767" s="14" t="s">
        <v>15</v>
      </c>
      <c r="G9767" s="16">
        <v>0</v>
      </c>
    </row>
    <row r="9768" spans="1:7" x14ac:dyDescent="0.3">
      <c r="A9768" s="13" t="s">
        <v>80</v>
      </c>
      <c r="B9768" s="14" t="s">
        <v>1</v>
      </c>
      <c r="C9768" s="14" t="s">
        <v>17</v>
      </c>
      <c r="D9768" s="14" t="s">
        <v>81</v>
      </c>
      <c r="E9768" s="15">
        <v>45654</v>
      </c>
      <c r="F9768" s="14" t="s">
        <v>15</v>
      </c>
      <c r="G9768" s="16">
        <v>0</v>
      </c>
    </row>
    <row r="9769" spans="1:7" x14ac:dyDescent="0.3">
      <c r="A9769" s="13" t="s">
        <v>80</v>
      </c>
      <c r="B9769" s="14" t="s">
        <v>1</v>
      </c>
      <c r="C9769" s="14" t="s">
        <v>17</v>
      </c>
      <c r="D9769" s="14" t="s">
        <v>81</v>
      </c>
      <c r="E9769" s="15">
        <v>45655</v>
      </c>
      <c r="F9769" s="14" t="s">
        <v>15</v>
      </c>
      <c r="G9769" s="16">
        <v>0</v>
      </c>
    </row>
    <row r="9770" spans="1:7" x14ac:dyDescent="0.3">
      <c r="A9770" s="13" t="s">
        <v>80</v>
      </c>
      <c r="B9770" s="14" t="s">
        <v>1</v>
      </c>
      <c r="C9770" s="14" t="s">
        <v>17</v>
      </c>
      <c r="D9770" s="14" t="s">
        <v>81</v>
      </c>
      <c r="E9770" s="15">
        <v>45656</v>
      </c>
      <c r="F9770" s="14" t="s">
        <v>15</v>
      </c>
      <c r="G9770" s="16">
        <v>0</v>
      </c>
    </row>
    <row r="9771" spans="1:7" x14ac:dyDescent="0.3">
      <c r="A9771" s="13" t="s">
        <v>80</v>
      </c>
      <c r="B9771" s="14" t="s">
        <v>1</v>
      </c>
      <c r="C9771" s="14" t="s">
        <v>17</v>
      </c>
      <c r="D9771" s="14" t="s">
        <v>81</v>
      </c>
      <c r="E9771" s="15">
        <v>45657</v>
      </c>
      <c r="F9771" s="14" t="s">
        <v>15</v>
      </c>
      <c r="G9771" s="16">
        <v>0</v>
      </c>
    </row>
    <row r="9772" spans="1:7" x14ac:dyDescent="0.3">
      <c r="A9772" s="13" t="s">
        <v>80</v>
      </c>
      <c r="B9772" s="14" t="s">
        <v>1</v>
      </c>
      <c r="C9772" s="14" t="s">
        <v>17</v>
      </c>
      <c r="D9772" s="14" t="s">
        <v>81</v>
      </c>
      <c r="E9772" s="15">
        <v>45658</v>
      </c>
      <c r="F9772" s="14" t="s">
        <v>15</v>
      </c>
      <c r="G9772" s="16">
        <v>0</v>
      </c>
    </row>
    <row r="9773" spans="1:7" x14ac:dyDescent="0.3">
      <c r="A9773" s="13" t="s">
        <v>80</v>
      </c>
      <c r="B9773" s="14" t="s">
        <v>1</v>
      </c>
      <c r="C9773" s="14" t="s">
        <v>17</v>
      </c>
      <c r="D9773" s="14" t="s">
        <v>81</v>
      </c>
      <c r="E9773" s="15">
        <v>45659</v>
      </c>
      <c r="F9773" s="14" t="s">
        <v>15</v>
      </c>
      <c r="G9773" s="16">
        <v>0</v>
      </c>
    </row>
    <row r="9774" spans="1:7" x14ac:dyDescent="0.3">
      <c r="A9774" s="13" t="s">
        <v>80</v>
      </c>
      <c r="B9774" s="14" t="s">
        <v>1</v>
      </c>
      <c r="C9774" s="14" t="s">
        <v>17</v>
      </c>
      <c r="D9774" s="14" t="s">
        <v>81</v>
      </c>
      <c r="E9774" s="15">
        <v>45660</v>
      </c>
      <c r="F9774" s="14" t="s">
        <v>15</v>
      </c>
      <c r="G9774" s="16">
        <v>0</v>
      </c>
    </row>
    <row r="9775" spans="1:7" x14ac:dyDescent="0.3">
      <c r="A9775" s="13" t="s">
        <v>80</v>
      </c>
      <c r="B9775" s="14" t="s">
        <v>1</v>
      </c>
      <c r="C9775" s="14" t="s">
        <v>17</v>
      </c>
      <c r="D9775" s="14" t="s">
        <v>81</v>
      </c>
      <c r="E9775" s="15">
        <v>45661</v>
      </c>
      <c r="F9775" s="14" t="s">
        <v>15</v>
      </c>
      <c r="G9775" s="16">
        <v>0</v>
      </c>
    </row>
    <row r="9776" spans="1:7" x14ac:dyDescent="0.3">
      <c r="A9776" s="13" t="s">
        <v>80</v>
      </c>
      <c r="B9776" s="14" t="s">
        <v>1</v>
      </c>
      <c r="C9776" s="14" t="s">
        <v>17</v>
      </c>
      <c r="D9776" s="14" t="s">
        <v>81</v>
      </c>
      <c r="E9776" s="15">
        <v>45662</v>
      </c>
      <c r="F9776" s="14" t="s">
        <v>15</v>
      </c>
      <c r="G9776" s="16">
        <v>0</v>
      </c>
    </row>
    <row r="9777" spans="1:7" x14ac:dyDescent="0.3">
      <c r="A9777" s="13" t="s">
        <v>80</v>
      </c>
      <c r="B9777" s="14" t="s">
        <v>1</v>
      </c>
      <c r="C9777" s="14" t="s">
        <v>17</v>
      </c>
      <c r="D9777" s="14" t="s">
        <v>81</v>
      </c>
      <c r="E9777" s="15">
        <v>45663</v>
      </c>
      <c r="F9777" s="14" t="s">
        <v>15</v>
      </c>
      <c r="G9777" s="16">
        <v>0</v>
      </c>
    </row>
    <row r="9778" spans="1:7" x14ac:dyDescent="0.3">
      <c r="A9778" s="13" t="s">
        <v>80</v>
      </c>
      <c r="B9778" s="14" t="s">
        <v>1</v>
      </c>
      <c r="C9778" s="14" t="s">
        <v>17</v>
      </c>
      <c r="D9778" s="14" t="s">
        <v>81</v>
      </c>
      <c r="E9778" s="15">
        <v>45664</v>
      </c>
      <c r="F9778" s="14" t="s">
        <v>15</v>
      </c>
      <c r="G9778" s="16">
        <v>0</v>
      </c>
    </row>
    <row r="9779" spans="1:7" x14ac:dyDescent="0.3">
      <c r="A9779" s="13" t="s">
        <v>80</v>
      </c>
      <c r="B9779" s="14" t="s">
        <v>1</v>
      </c>
      <c r="C9779" s="14" t="s">
        <v>17</v>
      </c>
      <c r="D9779" s="14" t="s">
        <v>81</v>
      </c>
      <c r="E9779" s="15">
        <v>45665</v>
      </c>
      <c r="F9779" s="14" t="s">
        <v>15</v>
      </c>
      <c r="G9779" s="16">
        <v>0</v>
      </c>
    </row>
    <row r="9780" spans="1:7" x14ac:dyDescent="0.3">
      <c r="A9780" s="13" t="s">
        <v>80</v>
      </c>
      <c r="B9780" s="14" t="s">
        <v>1</v>
      </c>
      <c r="C9780" s="14" t="s">
        <v>17</v>
      </c>
      <c r="D9780" s="14" t="s">
        <v>81</v>
      </c>
      <c r="E9780" s="15">
        <v>45666</v>
      </c>
      <c r="F9780" s="14" t="s">
        <v>15</v>
      </c>
      <c r="G9780" s="16">
        <v>0</v>
      </c>
    </row>
    <row r="9781" spans="1:7" x14ac:dyDescent="0.3">
      <c r="A9781" s="13" t="s">
        <v>80</v>
      </c>
      <c r="B9781" s="14" t="s">
        <v>1</v>
      </c>
      <c r="C9781" s="14" t="s">
        <v>17</v>
      </c>
      <c r="D9781" s="14" t="s">
        <v>81</v>
      </c>
      <c r="E9781" s="15">
        <v>45667</v>
      </c>
      <c r="F9781" s="14" t="s">
        <v>15</v>
      </c>
      <c r="G9781" s="16">
        <v>0</v>
      </c>
    </row>
    <row r="9782" spans="1:7" x14ac:dyDescent="0.3">
      <c r="A9782" s="13" t="s">
        <v>80</v>
      </c>
      <c r="B9782" s="14" t="s">
        <v>1</v>
      </c>
      <c r="C9782" s="14" t="s">
        <v>17</v>
      </c>
      <c r="D9782" s="14" t="s">
        <v>81</v>
      </c>
      <c r="E9782" s="15">
        <v>45668</v>
      </c>
      <c r="F9782" s="14" t="s">
        <v>15</v>
      </c>
      <c r="G9782" s="16">
        <v>0</v>
      </c>
    </row>
    <row r="9783" spans="1:7" x14ac:dyDescent="0.3">
      <c r="A9783" s="13" t="s">
        <v>80</v>
      </c>
      <c r="B9783" s="14" t="s">
        <v>1</v>
      </c>
      <c r="C9783" s="14" t="s">
        <v>17</v>
      </c>
      <c r="D9783" s="14" t="s">
        <v>81</v>
      </c>
      <c r="E9783" s="15">
        <v>45669</v>
      </c>
      <c r="F9783" s="14" t="s">
        <v>15</v>
      </c>
      <c r="G9783" s="16">
        <v>0</v>
      </c>
    </row>
    <row r="9784" spans="1:7" x14ac:dyDescent="0.3">
      <c r="A9784" s="13" t="s">
        <v>80</v>
      </c>
      <c r="B9784" s="14" t="s">
        <v>1</v>
      </c>
      <c r="C9784" s="14" t="s">
        <v>17</v>
      </c>
      <c r="D9784" s="14" t="s">
        <v>81</v>
      </c>
      <c r="E9784" s="15">
        <v>45670</v>
      </c>
      <c r="F9784" s="14" t="s">
        <v>15</v>
      </c>
      <c r="G9784" s="16">
        <v>0</v>
      </c>
    </row>
    <row r="9785" spans="1:7" x14ac:dyDescent="0.3">
      <c r="A9785" s="13" t="s">
        <v>80</v>
      </c>
      <c r="B9785" s="14" t="s">
        <v>1</v>
      </c>
      <c r="C9785" s="14" t="s">
        <v>17</v>
      </c>
      <c r="D9785" s="14" t="s">
        <v>81</v>
      </c>
      <c r="E9785" s="15">
        <v>45671</v>
      </c>
      <c r="F9785" s="14" t="s">
        <v>15</v>
      </c>
      <c r="G9785" s="16">
        <v>0</v>
      </c>
    </row>
    <row r="9786" spans="1:7" x14ac:dyDescent="0.3">
      <c r="A9786" s="13" t="s">
        <v>80</v>
      </c>
      <c r="B9786" s="14" t="s">
        <v>1</v>
      </c>
      <c r="C9786" s="14" t="s">
        <v>17</v>
      </c>
      <c r="D9786" s="14" t="s">
        <v>81</v>
      </c>
      <c r="E9786" s="15">
        <v>45672</v>
      </c>
      <c r="F9786" s="14" t="s">
        <v>15</v>
      </c>
      <c r="G9786" s="16">
        <v>0</v>
      </c>
    </row>
    <row r="9787" spans="1:7" x14ac:dyDescent="0.3">
      <c r="A9787" s="13" t="s">
        <v>80</v>
      </c>
      <c r="B9787" s="14" t="s">
        <v>1</v>
      </c>
      <c r="C9787" s="14" t="s">
        <v>17</v>
      </c>
      <c r="D9787" s="14" t="s">
        <v>81</v>
      </c>
      <c r="E9787" s="15">
        <v>45673</v>
      </c>
      <c r="F9787" s="14" t="s">
        <v>15</v>
      </c>
      <c r="G9787" s="16">
        <v>0</v>
      </c>
    </row>
    <row r="9788" spans="1:7" x14ac:dyDescent="0.3">
      <c r="A9788" s="13" t="s">
        <v>80</v>
      </c>
      <c r="B9788" s="14" t="s">
        <v>1</v>
      </c>
      <c r="C9788" s="14" t="s">
        <v>17</v>
      </c>
      <c r="D9788" s="14" t="s">
        <v>81</v>
      </c>
      <c r="E9788" s="15">
        <v>45674</v>
      </c>
      <c r="F9788" s="14" t="s">
        <v>15</v>
      </c>
      <c r="G9788" s="16">
        <v>0</v>
      </c>
    </row>
    <row r="9789" spans="1:7" x14ac:dyDescent="0.3">
      <c r="A9789" s="13" t="s">
        <v>80</v>
      </c>
      <c r="B9789" s="14" t="s">
        <v>1</v>
      </c>
      <c r="C9789" s="14" t="s">
        <v>17</v>
      </c>
      <c r="D9789" s="14" t="s">
        <v>81</v>
      </c>
      <c r="E9789" s="15">
        <v>45675</v>
      </c>
      <c r="F9789" s="14" t="s">
        <v>15</v>
      </c>
      <c r="G9789" s="16">
        <v>0</v>
      </c>
    </row>
    <row r="9790" spans="1:7" x14ac:dyDescent="0.3">
      <c r="A9790" s="13" t="s">
        <v>80</v>
      </c>
      <c r="B9790" s="14" t="s">
        <v>1</v>
      </c>
      <c r="C9790" s="14" t="s">
        <v>17</v>
      </c>
      <c r="D9790" s="14" t="s">
        <v>81</v>
      </c>
      <c r="E9790" s="15">
        <v>45676</v>
      </c>
      <c r="F9790" s="14" t="s">
        <v>15</v>
      </c>
      <c r="G9790" s="16">
        <v>0</v>
      </c>
    </row>
    <row r="9791" spans="1:7" x14ac:dyDescent="0.3">
      <c r="A9791" s="13" t="s">
        <v>80</v>
      </c>
      <c r="B9791" s="14" t="s">
        <v>1</v>
      </c>
      <c r="C9791" s="14" t="s">
        <v>17</v>
      </c>
      <c r="D9791" s="14" t="s">
        <v>81</v>
      </c>
      <c r="E9791" s="15">
        <v>45677</v>
      </c>
      <c r="F9791" s="14" t="s">
        <v>15</v>
      </c>
      <c r="G9791" s="16">
        <v>0</v>
      </c>
    </row>
    <row r="9792" spans="1:7" x14ac:dyDescent="0.3">
      <c r="A9792" s="13" t="s">
        <v>80</v>
      </c>
      <c r="B9792" s="14" t="s">
        <v>1</v>
      </c>
      <c r="C9792" s="14" t="s">
        <v>17</v>
      </c>
      <c r="D9792" s="14" t="s">
        <v>81</v>
      </c>
      <c r="E9792" s="15">
        <v>45678</v>
      </c>
      <c r="F9792" s="14" t="s">
        <v>15</v>
      </c>
      <c r="G9792" s="16">
        <v>0</v>
      </c>
    </row>
    <row r="9793" spans="1:7" x14ac:dyDescent="0.3">
      <c r="A9793" s="13" t="s">
        <v>80</v>
      </c>
      <c r="B9793" s="14" t="s">
        <v>1</v>
      </c>
      <c r="C9793" s="14" t="s">
        <v>17</v>
      </c>
      <c r="D9793" s="14" t="s">
        <v>81</v>
      </c>
      <c r="E9793" s="15">
        <v>45679</v>
      </c>
      <c r="F9793" s="14" t="s">
        <v>15</v>
      </c>
      <c r="G9793" s="16">
        <v>0</v>
      </c>
    </row>
    <row r="9794" spans="1:7" x14ac:dyDescent="0.3">
      <c r="A9794" s="13" t="s">
        <v>80</v>
      </c>
      <c r="B9794" s="14" t="s">
        <v>1</v>
      </c>
      <c r="C9794" s="14" t="s">
        <v>17</v>
      </c>
      <c r="D9794" s="14" t="s">
        <v>81</v>
      </c>
      <c r="E9794" s="15">
        <v>45680</v>
      </c>
      <c r="F9794" s="14" t="s">
        <v>15</v>
      </c>
      <c r="G9794" s="16">
        <v>0</v>
      </c>
    </row>
    <row r="9795" spans="1:7" x14ac:dyDescent="0.3">
      <c r="A9795" s="13" t="s">
        <v>80</v>
      </c>
      <c r="B9795" s="14" t="s">
        <v>1</v>
      </c>
      <c r="C9795" s="14" t="s">
        <v>17</v>
      </c>
      <c r="D9795" s="14" t="s">
        <v>81</v>
      </c>
      <c r="E9795" s="15">
        <v>45681</v>
      </c>
      <c r="F9795" s="14" t="s">
        <v>15</v>
      </c>
      <c r="G9795" s="16">
        <v>0</v>
      </c>
    </row>
    <row r="9796" spans="1:7" x14ac:dyDescent="0.3">
      <c r="A9796" s="13" t="s">
        <v>80</v>
      </c>
      <c r="B9796" s="14" t="s">
        <v>1</v>
      </c>
      <c r="C9796" s="14" t="s">
        <v>17</v>
      </c>
      <c r="D9796" s="14" t="s">
        <v>81</v>
      </c>
      <c r="E9796" s="15">
        <v>45682</v>
      </c>
      <c r="F9796" s="14" t="s">
        <v>15</v>
      </c>
      <c r="G9796" s="16">
        <v>0</v>
      </c>
    </row>
    <row r="9797" spans="1:7" x14ac:dyDescent="0.3">
      <c r="A9797" s="13" t="s">
        <v>80</v>
      </c>
      <c r="B9797" s="14" t="s">
        <v>1</v>
      </c>
      <c r="C9797" s="14" t="s">
        <v>17</v>
      </c>
      <c r="D9797" s="14" t="s">
        <v>81</v>
      </c>
      <c r="E9797" s="15">
        <v>45683</v>
      </c>
      <c r="F9797" s="14" t="s">
        <v>15</v>
      </c>
      <c r="G9797" s="16">
        <v>0</v>
      </c>
    </row>
    <row r="9798" spans="1:7" x14ac:dyDescent="0.3">
      <c r="A9798" s="13" t="s">
        <v>80</v>
      </c>
      <c r="B9798" s="14" t="s">
        <v>1</v>
      </c>
      <c r="C9798" s="14" t="s">
        <v>17</v>
      </c>
      <c r="D9798" s="14" t="s">
        <v>81</v>
      </c>
      <c r="E9798" s="15">
        <v>45684</v>
      </c>
      <c r="F9798" s="14" t="s">
        <v>15</v>
      </c>
      <c r="G9798" s="16">
        <v>0</v>
      </c>
    </row>
    <row r="9799" spans="1:7" x14ac:dyDescent="0.3">
      <c r="A9799" s="13" t="s">
        <v>80</v>
      </c>
      <c r="B9799" s="14" t="s">
        <v>1</v>
      </c>
      <c r="C9799" s="14" t="s">
        <v>17</v>
      </c>
      <c r="D9799" s="14" t="s">
        <v>81</v>
      </c>
      <c r="E9799" s="15">
        <v>45685</v>
      </c>
      <c r="F9799" s="14" t="s">
        <v>15</v>
      </c>
      <c r="G9799" s="16">
        <v>0</v>
      </c>
    </row>
    <row r="9800" spans="1:7" x14ac:dyDescent="0.3">
      <c r="A9800" s="13" t="s">
        <v>80</v>
      </c>
      <c r="B9800" s="14" t="s">
        <v>1</v>
      </c>
      <c r="C9800" s="14" t="s">
        <v>17</v>
      </c>
      <c r="D9800" s="14" t="s">
        <v>81</v>
      </c>
      <c r="E9800" s="15">
        <v>45686</v>
      </c>
      <c r="F9800" s="14" t="s">
        <v>15</v>
      </c>
      <c r="G9800" s="16">
        <v>0</v>
      </c>
    </row>
    <row r="9801" spans="1:7" x14ac:dyDescent="0.3">
      <c r="A9801" s="13" t="s">
        <v>80</v>
      </c>
      <c r="B9801" s="14" t="s">
        <v>1</v>
      </c>
      <c r="C9801" s="14" t="s">
        <v>17</v>
      </c>
      <c r="D9801" s="14" t="s">
        <v>81</v>
      </c>
      <c r="E9801" s="15">
        <v>45687</v>
      </c>
      <c r="F9801" s="14" t="s">
        <v>15</v>
      </c>
      <c r="G9801" s="16">
        <v>0</v>
      </c>
    </row>
    <row r="9802" spans="1:7" x14ac:dyDescent="0.3">
      <c r="A9802" s="13" t="s">
        <v>80</v>
      </c>
      <c r="B9802" s="14" t="s">
        <v>1</v>
      </c>
      <c r="C9802" s="14" t="s">
        <v>17</v>
      </c>
      <c r="D9802" s="14" t="s">
        <v>81</v>
      </c>
      <c r="E9802" s="15">
        <v>45688</v>
      </c>
      <c r="F9802" s="14" t="s">
        <v>15</v>
      </c>
      <c r="G9802" s="16">
        <v>0</v>
      </c>
    </row>
    <row r="9803" spans="1:7" x14ac:dyDescent="0.3">
      <c r="A9803" s="13" t="s">
        <v>80</v>
      </c>
      <c r="B9803" s="14" t="s">
        <v>1</v>
      </c>
      <c r="C9803" s="14" t="s">
        <v>17</v>
      </c>
      <c r="D9803" s="14" t="s">
        <v>81</v>
      </c>
      <c r="E9803" s="15">
        <v>45689</v>
      </c>
      <c r="F9803" s="14" t="s">
        <v>15</v>
      </c>
      <c r="G9803" s="16">
        <v>0</v>
      </c>
    </row>
    <row r="9804" spans="1:7" x14ac:dyDescent="0.3">
      <c r="A9804" s="13" t="s">
        <v>80</v>
      </c>
      <c r="B9804" s="14" t="s">
        <v>1</v>
      </c>
      <c r="C9804" s="14" t="s">
        <v>17</v>
      </c>
      <c r="D9804" s="14" t="s">
        <v>81</v>
      </c>
      <c r="E9804" s="15">
        <v>45690</v>
      </c>
      <c r="F9804" s="14" t="s">
        <v>15</v>
      </c>
      <c r="G9804" s="16">
        <v>0</v>
      </c>
    </row>
    <row r="9805" spans="1:7" x14ac:dyDescent="0.3">
      <c r="A9805" s="13" t="s">
        <v>80</v>
      </c>
      <c r="B9805" s="14" t="s">
        <v>1</v>
      </c>
      <c r="C9805" s="14" t="s">
        <v>17</v>
      </c>
      <c r="D9805" s="14" t="s">
        <v>81</v>
      </c>
      <c r="E9805" s="15">
        <v>45691</v>
      </c>
      <c r="F9805" s="14" t="s">
        <v>15</v>
      </c>
      <c r="G9805" s="16">
        <v>0</v>
      </c>
    </row>
    <row r="9806" spans="1:7" x14ac:dyDescent="0.3">
      <c r="A9806" s="13" t="s">
        <v>80</v>
      </c>
      <c r="B9806" s="14" t="s">
        <v>1</v>
      </c>
      <c r="C9806" s="14" t="s">
        <v>17</v>
      </c>
      <c r="D9806" s="14" t="s">
        <v>81</v>
      </c>
      <c r="E9806" s="15">
        <v>45692</v>
      </c>
      <c r="F9806" s="14" t="s">
        <v>15</v>
      </c>
      <c r="G9806" s="16">
        <v>0</v>
      </c>
    </row>
    <row r="9807" spans="1:7" x14ac:dyDescent="0.3">
      <c r="A9807" s="13" t="s">
        <v>80</v>
      </c>
      <c r="B9807" s="14" t="s">
        <v>1</v>
      </c>
      <c r="C9807" s="14" t="s">
        <v>17</v>
      </c>
      <c r="D9807" s="14" t="s">
        <v>81</v>
      </c>
      <c r="E9807" s="15">
        <v>45693</v>
      </c>
      <c r="F9807" s="14" t="s">
        <v>15</v>
      </c>
      <c r="G9807" s="16">
        <v>0</v>
      </c>
    </row>
    <row r="9808" spans="1:7" x14ac:dyDescent="0.3">
      <c r="A9808" s="13" t="s">
        <v>80</v>
      </c>
      <c r="B9808" s="14" t="s">
        <v>1</v>
      </c>
      <c r="C9808" s="14" t="s">
        <v>17</v>
      </c>
      <c r="D9808" s="14" t="s">
        <v>81</v>
      </c>
      <c r="E9808" s="15">
        <v>45694</v>
      </c>
      <c r="F9808" s="14" t="s">
        <v>15</v>
      </c>
      <c r="G9808" s="16">
        <v>0</v>
      </c>
    </row>
    <row r="9809" spans="1:7" x14ac:dyDescent="0.3">
      <c r="A9809" s="13" t="s">
        <v>80</v>
      </c>
      <c r="B9809" s="14" t="s">
        <v>1</v>
      </c>
      <c r="C9809" s="14" t="s">
        <v>17</v>
      </c>
      <c r="D9809" s="14" t="s">
        <v>81</v>
      </c>
      <c r="E9809" s="15">
        <v>45695</v>
      </c>
      <c r="F9809" s="14" t="s">
        <v>15</v>
      </c>
      <c r="G9809" s="16">
        <v>0</v>
      </c>
    </row>
    <row r="9810" spans="1:7" x14ac:dyDescent="0.3">
      <c r="A9810" s="13" t="s">
        <v>80</v>
      </c>
      <c r="B9810" s="14" t="s">
        <v>1</v>
      </c>
      <c r="C9810" s="14" t="s">
        <v>17</v>
      </c>
      <c r="D9810" s="14" t="s">
        <v>81</v>
      </c>
      <c r="E9810" s="15">
        <v>45696</v>
      </c>
      <c r="F9810" s="14" t="s">
        <v>15</v>
      </c>
      <c r="G9810" s="16">
        <v>0</v>
      </c>
    </row>
    <row r="9811" spans="1:7" x14ac:dyDescent="0.3">
      <c r="A9811" s="13" t="s">
        <v>80</v>
      </c>
      <c r="B9811" s="14" t="s">
        <v>1</v>
      </c>
      <c r="C9811" s="14" t="s">
        <v>17</v>
      </c>
      <c r="D9811" s="14" t="s">
        <v>81</v>
      </c>
      <c r="E9811" s="15">
        <v>45697</v>
      </c>
      <c r="F9811" s="14" t="s">
        <v>15</v>
      </c>
      <c r="G9811" s="16">
        <v>0</v>
      </c>
    </row>
    <row r="9812" spans="1:7" x14ac:dyDescent="0.3">
      <c r="A9812" s="13" t="s">
        <v>80</v>
      </c>
      <c r="B9812" s="14" t="s">
        <v>1</v>
      </c>
      <c r="C9812" s="14" t="s">
        <v>17</v>
      </c>
      <c r="D9812" s="14" t="s">
        <v>81</v>
      </c>
      <c r="E9812" s="15">
        <v>45698</v>
      </c>
      <c r="F9812" s="14" t="s">
        <v>15</v>
      </c>
      <c r="G9812" s="16">
        <v>0</v>
      </c>
    </row>
    <row r="9813" spans="1:7" x14ac:dyDescent="0.3">
      <c r="A9813" s="13" t="s">
        <v>80</v>
      </c>
      <c r="B9813" s="14" t="s">
        <v>1</v>
      </c>
      <c r="C9813" s="14" t="s">
        <v>17</v>
      </c>
      <c r="D9813" s="14" t="s">
        <v>81</v>
      </c>
      <c r="E9813" s="15">
        <v>45699</v>
      </c>
      <c r="F9813" s="14" t="s">
        <v>15</v>
      </c>
      <c r="G9813" s="16">
        <v>0</v>
      </c>
    </row>
    <row r="9814" spans="1:7" x14ac:dyDescent="0.3">
      <c r="A9814" s="13" t="s">
        <v>80</v>
      </c>
      <c r="B9814" s="14" t="s">
        <v>1</v>
      </c>
      <c r="C9814" s="14" t="s">
        <v>17</v>
      </c>
      <c r="D9814" s="14" t="s">
        <v>81</v>
      </c>
      <c r="E9814" s="15">
        <v>45700</v>
      </c>
      <c r="F9814" s="14" t="s">
        <v>15</v>
      </c>
      <c r="G9814" s="16">
        <v>0</v>
      </c>
    </row>
    <row r="9815" spans="1:7" x14ac:dyDescent="0.3">
      <c r="A9815" s="13" t="s">
        <v>80</v>
      </c>
      <c r="B9815" s="14" t="s">
        <v>1</v>
      </c>
      <c r="C9815" s="14" t="s">
        <v>17</v>
      </c>
      <c r="D9815" s="14" t="s">
        <v>81</v>
      </c>
      <c r="E9815" s="15">
        <v>45701</v>
      </c>
      <c r="F9815" s="14" t="s">
        <v>15</v>
      </c>
      <c r="G9815" s="16">
        <v>0</v>
      </c>
    </row>
    <row r="9816" spans="1:7" x14ac:dyDescent="0.3">
      <c r="A9816" s="13" t="s">
        <v>80</v>
      </c>
      <c r="B9816" s="14" t="s">
        <v>1</v>
      </c>
      <c r="C9816" s="14" t="s">
        <v>17</v>
      </c>
      <c r="D9816" s="14" t="s">
        <v>81</v>
      </c>
      <c r="E9816" s="15">
        <v>45702</v>
      </c>
      <c r="F9816" s="14" t="s">
        <v>15</v>
      </c>
      <c r="G9816" s="16">
        <v>0</v>
      </c>
    </row>
    <row r="9817" spans="1:7" x14ac:dyDescent="0.3">
      <c r="A9817" s="13" t="s">
        <v>80</v>
      </c>
      <c r="B9817" s="14" t="s">
        <v>1</v>
      </c>
      <c r="C9817" s="14" t="s">
        <v>17</v>
      </c>
      <c r="D9817" s="14" t="s">
        <v>81</v>
      </c>
      <c r="E9817" s="15">
        <v>45703</v>
      </c>
      <c r="F9817" s="14" t="s">
        <v>15</v>
      </c>
      <c r="G9817" s="16">
        <v>0</v>
      </c>
    </row>
    <row r="9818" spans="1:7" x14ac:dyDescent="0.3">
      <c r="A9818" s="13" t="s">
        <v>80</v>
      </c>
      <c r="B9818" s="14" t="s">
        <v>1</v>
      </c>
      <c r="C9818" s="14" t="s">
        <v>17</v>
      </c>
      <c r="D9818" s="14" t="s">
        <v>81</v>
      </c>
      <c r="E9818" s="15">
        <v>45704</v>
      </c>
      <c r="F9818" s="14" t="s">
        <v>15</v>
      </c>
      <c r="G9818" s="16">
        <v>0</v>
      </c>
    </row>
    <row r="9819" spans="1:7" x14ac:dyDescent="0.3">
      <c r="A9819" s="13" t="s">
        <v>80</v>
      </c>
      <c r="B9819" s="14" t="s">
        <v>1</v>
      </c>
      <c r="C9819" s="14" t="s">
        <v>17</v>
      </c>
      <c r="D9819" s="14" t="s">
        <v>81</v>
      </c>
      <c r="E9819" s="15">
        <v>45705</v>
      </c>
      <c r="F9819" s="14" t="s">
        <v>15</v>
      </c>
      <c r="G9819" s="16">
        <v>0</v>
      </c>
    </row>
    <row r="9820" spans="1:7" x14ac:dyDescent="0.3">
      <c r="A9820" s="13" t="s">
        <v>80</v>
      </c>
      <c r="B9820" s="14" t="s">
        <v>1</v>
      </c>
      <c r="C9820" s="14" t="s">
        <v>17</v>
      </c>
      <c r="D9820" s="14" t="s">
        <v>81</v>
      </c>
      <c r="E9820" s="15">
        <v>45706</v>
      </c>
      <c r="F9820" s="14" t="s">
        <v>15</v>
      </c>
      <c r="G9820" s="16">
        <v>0</v>
      </c>
    </row>
    <row r="9821" spans="1:7" x14ac:dyDescent="0.3">
      <c r="A9821" s="13" t="s">
        <v>80</v>
      </c>
      <c r="B9821" s="14" t="s">
        <v>1</v>
      </c>
      <c r="C9821" s="14" t="s">
        <v>17</v>
      </c>
      <c r="D9821" s="14" t="s">
        <v>81</v>
      </c>
      <c r="E9821" s="15">
        <v>45707</v>
      </c>
      <c r="F9821" s="14" t="s">
        <v>15</v>
      </c>
      <c r="G9821" s="16">
        <v>0</v>
      </c>
    </row>
    <row r="9822" spans="1:7" x14ac:dyDescent="0.3">
      <c r="A9822" s="13" t="s">
        <v>80</v>
      </c>
      <c r="B9822" s="14" t="s">
        <v>1</v>
      </c>
      <c r="C9822" s="14" t="s">
        <v>17</v>
      </c>
      <c r="D9822" s="14" t="s">
        <v>81</v>
      </c>
      <c r="E9822" s="15">
        <v>45708</v>
      </c>
      <c r="F9822" s="14" t="s">
        <v>15</v>
      </c>
      <c r="G9822" s="16">
        <v>0</v>
      </c>
    </row>
    <row r="9823" spans="1:7" x14ac:dyDescent="0.3">
      <c r="A9823" s="13" t="s">
        <v>80</v>
      </c>
      <c r="B9823" s="14" t="s">
        <v>1</v>
      </c>
      <c r="C9823" s="14" t="s">
        <v>17</v>
      </c>
      <c r="D9823" s="14" t="s">
        <v>81</v>
      </c>
      <c r="E9823" s="15">
        <v>45709</v>
      </c>
      <c r="F9823" s="14" t="s">
        <v>15</v>
      </c>
      <c r="G9823" s="16">
        <v>0</v>
      </c>
    </row>
    <row r="9824" spans="1:7" x14ac:dyDescent="0.3">
      <c r="A9824" s="13" t="s">
        <v>80</v>
      </c>
      <c r="B9824" s="14" t="s">
        <v>1</v>
      </c>
      <c r="C9824" s="14" t="s">
        <v>17</v>
      </c>
      <c r="D9824" s="14" t="s">
        <v>81</v>
      </c>
      <c r="E9824" s="15">
        <v>45710</v>
      </c>
      <c r="F9824" s="14" t="s">
        <v>15</v>
      </c>
      <c r="G9824" s="16">
        <v>0</v>
      </c>
    </row>
    <row r="9825" spans="1:7" x14ac:dyDescent="0.3">
      <c r="A9825" s="13" t="s">
        <v>80</v>
      </c>
      <c r="B9825" s="14" t="s">
        <v>1</v>
      </c>
      <c r="C9825" s="14" t="s">
        <v>17</v>
      </c>
      <c r="D9825" s="14" t="s">
        <v>81</v>
      </c>
      <c r="E9825" s="15">
        <v>45711</v>
      </c>
      <c r="F9825" s="14" t="s">
        <v>15</v>
      </c>
      <c r="G9825" s="16">
        <v>0</v>
      </c>
    </row>
    <row r="9826" spans="1:7" x14ac:dyDescent="0.3">
      <c r="A9826" s="13" t="s">
        <v>80</v>
      </c>
      <c r="B9826" s="14" t="s">
        <v>1</v>
      </c>
      <c r="C9826" s="14" t="s">
        <v>17</v>
      </c>
      <c r="D9826" s="14" t="s">
        <v>81</v>
      </c>
      <c r="E9826" s="15">
        <v>45712</v>
      </c>
      <c r="F9826" s="14" t="s">
        <v>15</v>
      </c>
      <c r="G9826" s="16">
        <v>0</v>
      </c>
    </row>
    <row r="9827" spans="1:7" x14ac:dyDescent="0.3">
      <c r="A9827" s="13" t="s">
        <v>80</v>
      </c>
      <c r="B9827" s="14" t="s">
        <v>1</v>
      </c>
      <c r="C9827" s="14" t="s">
        <v>17</v>
      </c>
      <c r="D9827" s="14" t="s">
        <v>81</v>
      </c>
      <c r="E9827" s="15">
        <v>45713</v>
      </c>
      <c r="F9827" s="14" t="s">
        <v>15</v>
      </c>
      <c r="G9827" s="16">
        <v>0</v>
      </c>
    </row>
    <row r="9828" spans="1:7" x14ac:dyDescent="0.3">
      <c r="A9828" s="13" t="s">
        <v>80</v>
      </c>
      <c r="B9828" s="14" t="s">
        <v>1</v>
      </c>
      <c r="C9828" s="14" t="s">
        <v>17</v>
      </c>
      <c r="D9828" s="14" t="s">
        <v>81</v>
      </c>
      <c r="E9828" s="15">
        <v>45714</v>
      </c>
      <c r="F9828" s="14" t="s">
        <v>15</v>
      </c>
      <c r="G9828" s="16">
        <v>0</v>
      </c>
    </row>
    <row r="9829" spans="1:7" x14ac:dyDescent="0.3">
      <c r="A9829" s="13" t="s">
        <v>80</v>
      </c>
      <c r="B9829" s="14" t="s">
        <v>1</v>
      </c>
      <c r="C9829" s="14" t="s">
        <v>17</v>
      </c>
      <c r="D9829" s="14" t="s">
        <v>81</v>
      </c>
      <c r="E9829" s="15">
        <v>45715</v>
      </c>
      <c r="F9829" s="14" t="s">
        <v>15</v>
      </c>
      <c r="G9829" s="16">
        <v>0</v>
      </c>
    </row>
    <row r="9830" spans="1:7" x14ac:dyDescent="0.3">
      <c r="A9830" s="13" t="s">
        <v>80</v>
      </c>
      <c r="B9830" s="14" t="s">
        <v>1</v>
      </c>
      <c r="C9830" s="14" t="s">
        <v>17</v>
      </c>
      <c r="D9830" s="14" t="s">
        <v>81</v>
      </c>
      <c r="E9830" s="15">
        <v>45716</v>
      </c>
      <c r="F9830" s="14" t="s">
        <v>15</v>
      </c>
      <c r="G9830" s="16">
        <v>0</v>
      </c>
    </row>
    <row r="9831" spans="1:7" x14ac:dyDescent="0.3">
      <c r="A9831" s="13" t="s">
        <v>80</v>
      </c>
      <c r="B9831" s="14" t="s">
        <v>1</v>
      </c>
      <c r="C9831" s="14" t="s">
        <v>17</v>
      </c>
      <c r="D9831" s="14" t="s">
        <v>81</v>
      </c>
      <c r="E9831" s="15">
        <v>45717</v>
      </c>
      <c r="F9831" s="14" t="s">
        <v>15</v>
      </c>
      <c r="G9831" s="16">
        <v>0</v>
      </c>
    </row>
    <row r="9832" spans="1:7" x14ac:dyDescent="0.3">
      <c r="A9832" s="13" t="s">
        <v>80</v>
      </c>
      <c r="B9832" s="14" t="s">
        <v>1</v>
      </c>
      <c r="C9832" s="14" t="s">
        <v>17</v>
      </c>
      <c r="D9832" s="14" t="s">
        <v>81</v>
      </c>
      <c r="E9832" s="15">
        <v>45718</v>
      </c>
      <c r="F9832" s="14" t="s">
        <v>15</v>
      </c>
      <c r="G9832" s="16">
        <v>0</v>
      </c>
    </row>
    <row r="9833" spans="1:7" x14ac:dyDescent="0.3">
      <c r="A9833" s="13" t="s">
        <v>80</v>
      </c>
      <c r="B9833" s="14" t="s">
        <v>1</v>
      </c>
      <c r="C9833" s="14" t="s">
        <v>17</v>
      </c>
      <c r="D9833" s="14" t="s">
        <v>81</v>
      </c>
      <c r="E9833" s="15">
        <v>45719</v>
      </c>
      <c r="F9833" s="14" t="s">
        <v>15</v>
      </c>
      <c r="G9833" s="16">
        <v>0</v>
      </c>
    </row>
    <row r="9834" spans="1:7" x14ac:dyDescent="0.3">
      <c r="A9834" s="13" t="s">
        <v>80</v>
      </c>
      <c r="B9834" s="14" t="s">
        <v>1</v>
      </c>
      <c r="C9834" s="14" t="s">
        <v>17</v>
      </c>
      <c r="D9834" s="14" t="s">
        <v>81</v>
      </c>
      <c r="E9834" s="15">
        <v>45720</v>
      </c>
      <c r="F9834" s="14" t="s">
        <v>15</v>
      </c>
      <c r="G9834" s="16">
        <v>0</v>
      </c>
    </row>
    <row r="9835" spans="1:7" x14ac:dyDescent="0.3">
      <c r="A9835" s="13" t="s">
        <v>80</v>
      </c>
      <c r="B9835" s="14" t="s">
        <v>1</v>
      </c>
      <c r="C9835" s="14" t="s">
        <v>17</v>
      </c>
      <c r="D9835" s="14" t="s">
        <v>81</v>
      </c>
      <c r="E9835" s="15">
        <v>45721</v>
      </c>
      <c r="F9835" s="14" t="s">
        <v>15</v>
      </c>
      <c r="G9835" s="16">
        <v>0</v>
      </c>
    </row>
    <row r="9836" spans="1:7" x14ac:dyDescent="0.3">
      <c r="A9836" s="13" t="s">
        <v>80</v>
      </c>
      <c r="B9836" s="14" t="s">
        <v>1</v>
      </c>
      <c r="C9836" s="14" t="s">
        <v>17</v>
      </c>
      <c r="D9836" s="14" t="s">
        <v>81</v>
      </c>
      <c r="E9836" s="15">
        <v>45722</v>
      </c>
      <c r="F9836" s="14" t="s">
        <v>15</v>
      </c>
      <c r="G9836" s="16">
        <v>0</v>
      </c>
    </row>
    <row r="9837" spans="1:7" x14ac:dyDescent="0.3">
      <c r="A9837" s="13" t="s">
        <v>80</v>
      </c>
      <c r="B9837" s="14" t="s">
        <v>1</v>
      </c>
      <c r="C9837" s="14" t="s">
        <v>17</v>
      </c>
      <c r="D9837" s="14" t="s">
        <v>81</v>
      </c>
      <c r="E9837" s="15">
        <v>45723</v>
      </c>
      <c r="F9837" s="14" t="s">
        <v>15</v>
      </c>
      <c r="G9837" s="16">
        <v>0</v>
      </c>
    </row>
    <row r="9838" spans="1:7" x14ac:dyDescent="0.3">
      <c r="A9838" s="13" t="s">
        <v>80</v>
      </c>
      <c r="B9838" s="14" t="s">
        <v>1</v>
      </c>
      <c r="C9838" s="14" t="s">
        <v>17</v>
      </c>
      <c r="D9838" s="14" t="s">
        <v>81</v>
      </c>
      <c r="E9838" s="15">
        <v>45724</v>
      </c>
      <c r="F9838" s="14" t="s">
        <v>15</v>
      </c>
      <c r="G9838" s="16">
        <v>0</v>
      </c>
    </row>
    <row r="9839" spans="1:7" x14ac:dyDescent="0.3">
      <c r="A9839" s="13" t="s">
        <v>80</v>
      </c>
      <c r="B9839" s="14" t="s">
        <v>1</v>
      </c>
      <c r="C9839" s="14" t="s">
        <v>17</v>
      </c>
      <c r="D9839" s="14" t="s">
        <v>81</v>
      </c>
      <c r="E9839" s="15">
        <v>45725</v>
      </c>
      <c r="F9839" s="14" t="s">
        <v>15</v>
      </c>
      <c r="G9839" s="16">
        <v>0</v>
      </c>
    </row>
    <row r="9840" spans="1:7" x14ac:dyDescent="0.3">
      <c r="A9840" s="13" t="s">
        <v>80</v>
      </c>
      <c r="B9840" s="14" t="s">
        <v>1</v>
      </c>
      <c r="C9840" s="14" t="s">
        <v>17</v>
      </c>
      <c r="D9840" s="14" t="s">
        <v>81</v>
      </c>
      <c r="E9840" s="15">
        <v>45726</v>
      </c>
      <c r="F9840" s="14" t="s">
        <v>15</v>
      </c>
      <c r="G9840" s="16">
        <v>0</v>
      </c>
    </row>
    <row r="9841" spans="1:7" x14ac:dyDescent="0.3">
      <c r="A9841" s="13" t="s">
        <v>80</v>
      </c>
      <c r="B9841" s="14" t="s">
        <v>1</v>
      </c>
      <c r="C9841" s="14" t="s">
        <v>17</v>
      </c>
      <c r="D9841" s="14" t="s">
        <v>81</v>
      </c>
      <c r="E9841" s="15">
        <v>45727</v>
      </c>
      <c r="F9841" s="14" t="s">
        <v>15</v>
      </c>
      <c r="G9841" s="16">
        <v>0</v>
      </c>
    </row>
    <row r="9842" spans="1:7" x14ac:dyDescent="0.3">
      <c r="A9842" s="13" t="s">
        <v>80</v>
      </c>
      <c r="B9842" s="14" t="s">
        <v>1</v>
      </c>
      <c r="C9842" s="14" t="s">
        <v>17</v>
      </c>
      <c r="D9842" s="14" t="s">
        <v>81</v>
      </c>
      <c r="E9842" s="15">
        <v>45728</v>
      </c>
      <c r="F9842" s="14" t="s">
        <v>15</v>
      </c>
      <c r="G9842" s="16">
        <v>0</v>
      </c>
    </row>
    <row r="9843" spans="1:7" x14ac:dyDescent="0.3">
      <c r="A9843" s="13" t="s">
        <v>80</v>
      </c>
      <c r="B9843" s="14" t="s">
        <v>1</v>
      </c>
      <c r="C9843" s="14" t="s">
        <v>17</v>
      </c>
      <c r="D9843" s="14" t="s">
        <v>81</v>
      </c>
      <c r="E9843" s="15">
        <v>45729</v>
      </c>
      <c r="F9843" s="14" t="s">
        <v>15</v>
      </c>
      <c r="G9843" s="16">
        <v>0</v>
      </c>
    </row>
    <row r="9844" spans="1:7" x14ac:dyDescent="0.3">
      <c r="A9844" s="13" t="s">
        <v>80</v>
      </c>
      <c r="B9844" s="14" t="s">
        <v>1</v>
      </c>
      <c r="C9844" s="14" t="s">
        <v>17</v>
      </c>
      <c r="D9844" s="14" t="s">
        <v>81</v>
      </c>
      <c r="E9844" s="15">
        <v>45730</v>
      </c>
      <c r="F9844" s="14" t="s">
        <v>15</v>
      </c>
      <c r="G9844" s="16">
        <v>0</v>
      </c>
    </row>
    <row r="9845" spans="1:7" x14ac:dyDescent="0.3">
      <c r="A9845" s="13" t="s">
        <v>80</v>
      </c>
      <c r="B9845" s="14" t="s">
        <v>1</v>
      </c>
      <c r="C9845" s="14" t="s">
        <v>17</v>
      </c>
      <c r="D9845" s="14" t="s">
        <v>81</v>
      </c>
      <c r="E9845" s="15">
        <v>45731</v>
      </c>
      <c r="F9845" s="14" t="s">
        <v>15</v>
      </c>
      <c r="G9845" s="16">
        <v>0</v>
      </c>
    </row>
    <row r="9846" spans="1:7" x14ac:dyDescent="0.3">
      <c r="A9846" s="13" t="s">
        <v>80</v>
      </c>
      <c r="B9846" s="14" t="s">
        <v>1</v>
      </c>
      <c r="C9846" s="14" t="s">
        <v>17</v>
      </c>
      <c r="D9846" s="14" t="s">
        <v>81</v>
      </c>
      <c r="E9846" s="15">
        <v>45732</v>
      </c>
      <c r="F9846" s="14" t="s">
        <v>15</v>
      </c>
      <c r="G9846" s="16">
        <v>0</v>
      </c>
    </row>
    <row r="9847" spans="1:7" x14ac:dyDescent="0.3">
      <c r="A9847" s="13" t="s">
        <v>80</v>
      </c>
      <c r="B9847" s="14" t="s">
        <v>1</v>
      </c>
      <c r="C9847" s="14" t="s">
        <v>17</v>
      </c>
      <c r="D9847" s="14" t="s">
        <v>81</v>
      </c>
      <c r="E9847" s="15">
        <v>45733</v>
      </c>
      <c r="F9847" s="14" t="s">
        <v>15</v>
      </c>
      <c r="G9847" s="16">
        <v>0</v>
      </c>
    </row>
    <row r="9848" spans="1:7" x14ac:dyDescent="0.3">
      <c r="A9848" s="13" t="s">
        <v>80</v>
      </c>
      <c r="B9848" s="14" t="s">
        <v>1</v>
      </c>
      <c r="C9848" s="14" t="s">
        <v>17</v>
      </c>
      <c r="D9848" s="14" t="s">
        <v>81</v>
      </c>
      <c r="E9848" s="15">
        <v>45734</v>
      </c>
      <c r="F9848" s="14" t="s">
        <v>15</v>
      </c>
      <c r="G9848" s="16">
        <v>0</v>
      </c>
    </row>
    <row r="9849" spans="1:7" x14ac:dyDescent="0.3">
      <c r="A9849" s="13" t="s">
        <v>80</v>
      </c>
      <c r="B9849" s="14" t="s">
        <v>1</v>
      </c>
      <c r="C9849" s="14" t="s">
        <v>17</v>
      </c>
      <c r="D9849" s="14" t="s">
        <v>81</v>
      </c>
      <c r="E9849" s="15">
        <v>45735</v>
      </c>
      <c r="F9849" s="14" t="s">
        <v>15</v>
      </c>
      <c r="G9849" s="16">
        <v>0</v>
      </c>
    </row>
    <row r="9850" spans="1:7" x14ac:dyDescent="0.3">
      <c r="A9850" s="13" t="s">
        <v>80</v>
      </c>
      <c r="B9850" s="14" t="s">
        <v>1</v>
      </c>
      <c r="C9850" s="14" t="s">
        <v>17</v>
      </c>
      <c r="D9850" s="14" t="s">
        <v>81</v>
      </c>
      <c r="E9850" s="15">
        <v>45736</v>
      </c>
      <c r="F9850" s="14" t="s">
        <v>15</v>
      </c>
      <c r="G9850" s="16">
        <v>0</v>
      </c>
    </row>
    <row r="9851" spans="1:7" x14ac:dyDescent="0.3">
      <c r="A9851" s="13" t="s">
        <v>80</v>
      </c>
      <c r="B9851" s="14" t="s">
        <v>1</v>
      </c>
      <c r="C9851" s="14" t="s">
        <v>17</v>
      </c>
      <c r="D9851" s="14" t="s">
        <v>81</v>
      </c>
      <c r="E9851" s="15">
        <v>45737</v>
      </c>
      <c r="F9851" s="14" t="s">
        <v>15</v>
      </c>
      <c r="G9851" s="16">
        <v>0</v>
      </c>
    </row>
    <row r="9852" spans="1:7" x14ac:dyDescent="0.3">
      <c r="A9852" s="13" t="s">
        <v>80</v>
      </c>
      <c r="B9852" s="14" t="s">
        <v>1</v>
      </c>
      <c r="C9852" s="14" t="s">
        <v>17</v>
      </c>
      <c r="D9852" s="14" t="s">
        <v>81</v>
      </c>
      <c r="E9852" s="15">
        <v>45738</v>
      </c>
      <c r="F9852" s="14" t="s">
        <v>15</v>
      </c>
      <c r="G9852" s="16">
        <v>0</v>
      </c>
    </row>
    <row r="9853" spans="1:7" x14ac:dyDescent="0.3">
      <c r="A9853" s="13" t="s">
        <v>80</v>
      </c>
      <c r="B9853" s="14" t="s">
        <v>1</v>
      </c>
      <c r="C9853" s="14" t="s">
        <v>17</v>
      </c>
      <c r="D9853" s="14" t="s">
        <v>81</v>
      </c>
      <c r="E9853" s="15">
        <v>45739</v>
      </c>
      <c r="F9853" s="14" t="s">
        <v>15</v>
      </c>
      <c r="G9853" s="16">
        <v>0</v>
      </c>
    </row>
    <row r="9854" spans="1:7" x14ac:dyDescent="0.3">
      <c r="A9854" s="13" t="s">
        <v>80</v>
      </c>
      <c r="B9854" s="14" t="s">
        <v>1</v>
      </c>
      <c r="C9854" s="14" t="s">
        <v>17</v>
      </c>
      <c r="D9854" s="14" t="s">
        <v>81</v>
      </c>
      <c r="E9854" s="15">
        <v>45740</v>
      </c>
      <c r="F9854" s="14" t="s">
        <v>15</v>
      </c>
      <c r="G9854" s="16">
        <v>0</v>
      </c>
    </row>
    <row r="9855" spans="1:7" x14ac:dyDescent="0.3">
      <c r="A9855" s="13" t="s">
        <v>80</v>
      </c>
      <c r="B9855" s="14" t="s">
        <v>1</v>
      </c>
      <c r="C9855" s="14" t="s">
        <v>17</v>
      </c>
      <c r="D9855" s="14" t="s">
        <v>81</v>
      </c>
      <c r="E9855" s="15">
        <v>45741</v>
      </c>
      <c r="F9855" s="14" t="s">
        <v>15</v>
      </c>
      <c r="G9855" s="16">
        <v>0</v>
      </c>
    </row>
    <row r="9856" spans="1:7" x14ac:dyDescent="0.3">
      <c r="A9856" s="13" t="s">
        <v>80</v>
      </c>
      <c r="B9856" s="14" t="s">
        <v>1</v>
      </c>
      <c r="C9856" s="14" t="s">
        <v>17</v>
      </c>
      <c r="D9856" s="14" t="s">
        <v>81</v>
      </c>
      <c r="E9856" s="15">
        <v>45742</v>
      </c>
      <c r="F9856" s="14" t="s">
        <v>15</v>
      </c>
      <c r="G9856" s="16">
        <v>0</v>
      </c>
    </row>
    <row r="9857" spans="1:7" x14ac:dyDescent="0.3">
      <c r="A9857" s="13" t="s">
        <v>80</v>
      </c>
      <c r="B9857" s="14" t="s">
        <v>1</v>
      </c>
      <c r="C9857" s="14" t="s">
        <v>17</v>
      </c>
      <c r="D9857" s="14" t="s">
        <v>81</v>
      </c>
      <c r="E9857" s="15">
        <v>45743</v>
      </c>
      <c r="F9857" s="14" t="s">
        <v>15</v>
      </c>
      <c r="G9857" s="16">
        <v>0</v>
      </c>
    </row>
    <row r="9858" spans="1:7" x14ac:dyDescent="0.3">
      <c r="A9858" s="13" t="s">
        <v>80</v>
      </c>
      <c r="B9858" s="14" t="s">
        <v>1</v>
      </c>
      <c r="C9858" s="14" t="s">
        <v>17</v>
      </c>
      <c r="D9858" s="14" t="s">
        <v>81</v>
      </c>
      <c r="E9858" s="15">
        <v>45744</v>
      </c>
      <c r="F9858" s="14" t="s">
        <v>15</v>
      </c>
      <c r="G9858" s="16">
        <v>0</v>
      </c>
    </row>
    <row r="9859" spans="1:7" x14ac:dyDescent="0.3">
      <c r="A9859" s="13" t="s">
        <v>80</v>
      </c>
      <c r="B9859" s="14" t="s">
        <v>1</v>
      </c>
      <c r="C9859" s="14" t="s">
        <v>17</v>
      </c>
      <c r="D9859" s="14" t="s">
        <v>81</v>
      </c>
      <c r="E9859" s="15">
        <v>45745</v>
      </c>
      <c r="F9859" s="14" t="s">
        <v>15</v>
      </c>
      <c r="G9859" s="16">
        <v>0</v>
      </c>
    </row>
    <row r="9860" spans="1:7" x14ac:dyDescent="0.3">
      <c r="A9860" s="13" t="s">
        <v>80</v>
      </c>
      <c r="B9860" s="14" t="s">
        <v>1</v>
      </c>
      <c r="C9860" s="14" t="s">
        <v>17</v>
      </c>
      <c r="D9860" s="14" t="s">
        <v>81</v>
      </c>
      <c r="E9860" s="15">
        <v>45746</v>
      </c>
      <c r="F9860" s="14" t="s">
        <v>15</v>
      </c>
      <c r="G9860" s="16">
        <v>0</v>
      </c>
    </row>
    <row r="9861" spans="1:7" x14ac:dyDescent="0.3">
      <c r="A9861" s="13" t="s">
        <v>80</v>
      </c>
      <c r="B9861" s="14" t="s">
        <v>1</v>
      </c>
      <c r="C9861" s="14" t="s">
        <v>17</v>
      </c>
      <c r="D9861" s="14" t="s">
        <v>81</v>
      </c>
      <c r="E9861" s="15">
        <v>45747</v>
      </c>
      <c r="F9861" s="14" t="s">
        <v>15</v>
      </c>
      <c r="G9861" s="16">
        <v>0</v>
      </c>
    </row>
    <row r="9862" spans="1:7" x14ac:dyDescent="0.3">
      <c r="A9862" s="13" t="s">
        <v>82</v>
      </c>
      <c r="B9862" s="14" t="s">
        <v>1</v>
      </c>
      <c r="C9862" s="14" t="s">
        <v>51</v>
      </c>
      <c r="D9862" s="14" t="s">
        <v>18</v>
      </c>
      <c r="E9862" s="15">
        <v>45383</v>
      </c>
      <c r="F9862" s="14" t="s">
        <v>15</v>
      </c>
      <c r="G9862" s="16">
        <v>0</v>
      </c>
    </row>
    <row r="9863" spans="1:7" x14ac:dyDescent="0.3">
      <c r="A9863" s="13" t="s">
        <v>82</v>
      </c>
      <c r="B9863" s="14" t="s">
        <v>1</v>
      </c>
      <c r="C9863" s="14" t="s">
        <v>51</v>
      </c>
      <c r="D9863" s="14" t="s">
        <v>18</v>
      </c>
      <c r="E9863" s="15">
        <v>45384</v>
      </c>
      <c r="F9863" s="14" t="s">
        <v>15</v>
      </c>
      <c r="G9863" s="16">
        <v>0</v>
      </c>
    </row>
    <row r="9864" spans="1:7" x14ac:dyDescent="0.3">
      <c r="A9864" s="13" t="s">
        <v>82</v>
      </c>
      <c r="B9864" s="14" t="s">
        <v>1</v>
      </c>
      <c r="C9864" s="14" t="s">
        <v>51</v>
      </c>
      <c r="D9864" s="14" t="s">
        <v>18</v>
      </c>
      <c r="E9864" s="15">
        <v>45385</v>
      </c>
      <c r="F9864" s="14" t="s">
        <v>15</v>
      </c>
      <c r="G9864" s="16">
        <v>0</v>
      </c>
    </row>
    <row r="9865" spans="1:7" x14ac:dyDescent="0.3">
      <c r="A9865" s="13" t="s">
        <v>82</v>
      </c>
      <c r="B9865" s="14" t="s">
        <v>1</v>
      </c>
      <c r="C9865" s="14" t="s">
        <v>51</v>
      </c>
      <c r="D9865" s="14" t="s">
        <v>18</v>
      </c>
      <c r="E9865" s="15">
        <v>45386</v>
      </c>
      <c r="F9865" s="14" t="s">
        <v>15</v>
      </c>
      <c r="G9865" s="16">
        <v>0</v>
      </c>
    </row>
    <row r="9866" spans="1:7" x14ac:dyDescent="0.3">
      <c r="A9866" s="13" t="s">
        <v>82</v>
      </c>
      <c r="B9866" s="14" t="s">
        <v>1</v>
      </c>
      <c r="C9866" s="14" t="s">
        <v>51</v>
      </c>
      <c r="D9866" s="14" t="s">
        <v>18</v>
      </c>
      <c r="E9866" s="15">
        <v>45387</v>
      </c>
      <c r="F9866" s="14" t="s">
        <v>15</v>
      </c>
      <c r="G9866" s="16">
        <v>0</v>
      </c>
    </row>
    <row r="9867" spans="1:7" x14ac:dyDescent="0.3">
      <c r="A9867" s="13" t="s">
        <v>82</v>
      </c>
      <c r="B9867" s="14" t="s">
        <v>1</v>
      </c>
      <c r="C9867" s="14" t="s">
        <v>51</v>
      </c>
      <c r="D9867" s="14" t="s">
        <v>18</v>
      </c>
      <c r="E9867" s="15">
        <v>45388</v>
      </c>
      <c r="F9867" s="14" t="s">
        <v>15</v>
      </c>
      <c r="G9867" s="16">
        <v>0</v>
      </c>
    </row>
    <row r="9868" spans="1:7" x14ac:dyDescent="0.3">
      <c r="A9868" s="13" t="s">
        <v>82</v>
      </c>
      <c r="B9868" s="14" t="s">
        <v>1</v>
      </c>
      <c r="C9868" s="14" t="s">
        <v>51</v>
      </c>
      <c r="D9868" s="14" t="s">
        <v>18</v>
      </c>
      <c r="E9868" s="15">
        <v>45389</v>
      </c>
      <c r="F9868" s="14" t="s">
        <v>15</v>
      </c>
      <c r="G9868" s="16">
        <v>0</v>
      </c>
    </row>
    <row r="9869" spans="1:7" x14ac:dyDescent="0.3">
      <c r="A9869" s="13" t="s">
        <v>82</v>
      </c>
      <c r="B9869" s="14" t="s">
        <v>1</v>
      </c>
      <c r="C9869" s="14" t="s">
        <v>51</v>
      </c>
      <c r="D9869" s="14" t="s">
        <v>18</v>
      </c>
      <c r="E9869" s="15">
        <v>45390</v>
      </c>
      <c r="F9869" s="14" t="s">
        <v>15</v>
      </c>
      <c r="G9869" s="16">
        <v>0</v>
      </c>
    </row>
    <row r="9870" spans="1:7" x14ac:dyDescent="0.3">
      <c r="A9870" s="13" t="s">
        <v>82</v>
      </c>
      <c r="B9870" s="14" t="s">
        <v>1</v>
      </c>
      <c r="C9870" s="14" t="s">
        <v>51</v>
      </c>
      <c r="D9870" s="14" t="s">
        <v>18</v>
      </c>
      <c r="E9870" s="15">
        <v>45391</v>
      </c>
      <c r="F9870" s="14" t="s">
        <v>15</v>
      </c>
      <c r="G9870" s="16">
        <v>0</v>
      </c>
    </row>
    <row r="9871" spans="1:7" x14ac:dyDescent="0.3">
      <c r="A9871" s="13" t="s">
        <v>82</v>
      </c>
      <c r="B9871" s="14" t="s">
        <v>1</v>
      </c>
      <c r="C9871" s="14" t="s">
        <v>51</v>
      </c>
      <c r="D9871" s="14" t="s">
        <v>18</v>
      </c>
      <c r="E9871" s="15">
        <v>45392</v>
      </c>
      <c r="F9871" s="14" t="s">
        <v>15</v>
      </c>
      <c r="G9871" s="16">
        <v>0</v>
      </c>
    </row>
    <row r="9872" spans="1:7" x14ac:dyDescent="0.3">
      <c r="A9872" s="13" t="s">
        <v>82</v>
      </c>
      <c r="B9872" s="14" t="s">
        <v>1</v>
      </c>
      <c r="C9872" s="14" t="s">
        <v>51</v>
      </c>
      <c r="D9872" s="14" t="s">
        <v>18</v>
      </c>
      <c r="E9872" s="15">
        <v>45393</v>
      </c>
      <c r="F9872" s="14" t="s">
        <v>15</v>
      </c>
      <c r="G9872" s="16">
        <v>0</v>
      </c>
    </row>
    <row r="9873" spans="1:7" x14ac:dyDescent="0.3">
      <c r="A9873" s="13" t="s">
        <v>82</v>
      </c>
      <c r="B9873" s="14" t="s">
        <v>1</v>
      </c>
      <c r="C9873" s="14" t="s">
        <v>51</v>
      </c>
      <c r="D9873" s="14" t="s">
        <v>18</v>
      </c>
      <c r="E9873" s="15">
        <v>45394</v>
      </c>
      <c r="F9873" s="14" t="s">
        <v>15</v>
      </c>
      <c r="G9873" s="16">
        <v>0</v>
      </c>
    </row>
    <row r="9874" spans="1:7" x14ac:dyDescent="0.3">
      <c r="A9874" s="13" t="s">
        <v>82</v>
      </c>
      <c r="B9874" s="14" t="s">
        <v>1</v>
      </c>
      <c r="C9874" s="14" t="s">
        <v>51</v>
      </c>
      <c r="D9874" s="14" t="s">
        <v>18</v>
      </c>
      <c r="E9874" s="15">
        <v>45395</v>
      </c>
      <c r="F9874" s="14" t="s">
        <v>15</v>
      </c>
      <c r="G9874" s="16">
        <v>0</v>
      </c>
    </row>
    <row r="9875" spans="1:7" x14ac:dyDescent="0.3">
      <c r="A9875" s="13" t="s">
        <v>82</v>
      </c>
      <c r="B9875" s="14" t="s">
        <v>1</v>
      </c>
      <c r="C9875" s="14" t="s">
        <v>51</v>
      </c>
      <c r="D9875" s="14" t="s">
        <v>18</v>
      </c>
      <c r="E9875" s="15">
        <v>45396</v>
      </c>
      <c r="F9875" s="14" t="s">
        <v>15</v>
      </c>
      <c r="G9875" s="16">
        <v>0</v>
      </c>
    </row>
    <row r="9876" spans="1:7" x14ac:dyDescent="0.3">
      <c r="A9876" s="13" t="s">
        <v>82</v>
      </c>
      <c r="B9876" s="14" t="s">
        <v>1</v>
      </c>
      <c r="C9876" s="14" t="s">
        <v>51</v>
      </c>
      <c r="D9876" s="14" t="s">
        <v>18</v>
      </c>
      <c r="E9876" s="15">
        <v>45397</v>
      </c>
      <c r="F9876" s="14" t="s">
        <v>15</v>
      </c>
      <c r="G9876" s="16">
        <v>0</v>
      </c>
    </row>
    <row r="9877" spans="1:7" x14ac:dyDescent="0.3">
      <c r="A9877" s="13" t="s">
        <v>82</v>
      </c>
      <c r="B9877" s="14" t="s">
        <v>1</v>
      </c>
      <c r="C9877" s="14" t="s">
        <v>51</v>
      </c>
      <c r="D9877" s="14" t="s">
        <v>18</v>
      </c>
      <c r="E9877" s="15">
        <v>45398</v>
      </c>
      <c r="F9877" s="14" t="s">
        <v>15</v>
      </c>
      <c r="G9877" s="16">
        <v>0</v>
      </c>
    </row>
    <row r="9878" spans="1:7" x14ac:dyDescent="0.3">
      <c r="A9878" s="13" t="s">
        <v>82</v>
      </c>
      <c r="B9878" s="14" t="s">
        <v>1</v>
      </c>
      <c r="C9878" s="14" t="s">
        <v>51</v>
      </c>
      <c r="D9878" s="14" t="s">
        <v>18</v>
      </c>
      <c r="E9878" s="15">
        <v>45399</v>
      </c>
      <c r="F9878" s="14" t="s">
        <v>15</v>
      </c>
      <c r="G9878" s="16">
        <v>0</v>
      </c>
    </row>
    <row r="9879" spans="1:7" x14ac:dyDescent="0.3">
      <c r="A9879" s="13" t="s">
        <v>82</v>
      </c>
      <c r="B9879" s="14" t="s">
        <v>1</v>
      </c>
      <c r="C9879" s="14" t="s">
        <v>51</v>
      </c>
      <c r="D9879" s="14" t="s">
        <v>18</v>
      </c>
      <c r="E9879" s="15">
        <v>45400</v>
      </c>
      <c r="F9879" s="14" t="s">
        <v>15</v>
      </c>
      <c r="G9879" s="16">
        <v>0</v>
      </c>
    </row>
    <row r="9880" spans="1:7" x14ac:dyDescent="0.3">
      <c r="A9880" s="13" t="s">
        <v>82</v>
      </c>
      <c r="B9880" s="14" t="s">
        <v>1</v>
      </c>
      <c r="C9880" s="14" t="s">
        <v>51</v>
      </c>
      <c r="D9880" s="14" t="s">
        <v>18</v>
      </c>
      <c r="E9880" s="15">
        <v>45401</v>
      </c>
      <c r="F9880" s="14" t="s">
        <v>15</v>
      </c>
      <c r="G9880" s="16">
        <v>0</v>
      </c>
    </row>
    <row r="9881" spans="1:7" x14ac:dyDescent="0.3">
      <c r="A9881" s="13" t="s">
        <v>82</v>
      </c>
      <c r="B9881" s="14" t="s">
        <v>1</v>
      </c>
      <c r="C9881" s="14" t="s">
        <v>51</v>
      </c>
      <c r="D9881" s="14" t="s">
        <v>18</v>
      </c>
      <c r="E9881" s="15">
        <v>45402</v>
      </c>
      <c r="F9881" s="14" t="s">
        <v>15</v>
      </c>
      <c r="G9881" s="16">
        <v>0</v>
      </c>
    </row>
    <row r="9882" spans="1:7" x14ac:dyDescent="0.3">
      <c r="A9882" s="13" t="s">
        <v>82</v>
      </c>
      <c r="B9882" s="14" t="s">
        <v>1</v>
      </c>
      <c r="C9882" s="14" t="s">
        <v>51</v>
      </c>
      <c r="D9882" s="14" t="s">
        <v>18</v>
      </c>
      <c r="E9882" s="15">
        <v>45403</v>
      </c>
      <c r="F9882" s="14" t="s">
        <v>15</v>
      </c>
      <c r="G9882" s="16">
        <v>0</v>
      </c>
    </row>
    <row r="9883" spans="1:7" x14ac:dyDescent="0.3">
      <c r="A9883" s="13" t="s">
        <v>82</v>
      </c>
      <c r="B9883" s="14" t="s">
        <v>1</v>
      </c>
      <c r="C9883" s="14" t="s">
        <v>51</v>
      </c>
      <c r="D9883" s="14" t="s">
        <v>18</v>
      </c>
      <c r="E9883" s="15">
        <v>45404</v>
      </c>
      <c r="F9883" s="14" t="s">
        <v>15</v>
      </c>
      <c r="G9883" s="16">
        <v>0</v>
      </c>
    </row>
    <row r="9884" spans="1:7" x14ac:dyDescent="0.3">
      <c r="A9884" s="13" t="s">
        <v>82</v>
      </c>
      <c r="B9884" s="14" t="s">
        <v>1</v>
      </c>
      <c r="C9884" s="14" t="s">
        <v>51</v>
      </c>
      <c r="D9884" s="14" t="s">
        <v>18</v>
      </c>
      <c r="E9884" s="15">
        <v>45405</v>
      </c>
      <c r="F9884" s="14" t="s">
        <v>15</v>
      </c>
      <c r="G9884" s="16">
        <v>0</v>
      </c>
    </row>
    <row r="9885" spans="1:7" x14ac:dyDescent="0.3">
      <c r="A9885" s="13" t="s">
        <v>82</v>
      </c>
      <c r="B9885" s="14" t="s">
        <v>1</v>
      </c>
      <c r="C9885" s="14" t="s">
        <v>51</v>
      </c>
      <c r="D9885" s="14" t="s">
        <v>18</v>
      </c>
      <c r="E9885" s="15">
        <v>45406</v>
      </c>
      <c r="F9885" s="14" t="s">
        <v>15</v>
      </c>
      <c r="G9885" s="16">
        <v>0</v>
      </c>
    </row>
    <row r="9886" spans="1:7" x14ac:dyDescent="0.3">
      <c r="A9886" s="13" t="s">
        <v>82</v>
      </c>
      <c r="B9886" s="14" t="s">
        <v>1</v>
      </c>
      <c r="C9886" s="14" t="s">
        <v>51</v>
      </c>
      <c r="D9886" s="14" t="s">
        <v>18</v>
      </c>
      <c r="E9886" s="15">
        <v>45407</v>
      </c>
      <c r="F9886" s="14" t="s">
        <v>15</v>
      </c>
      <c r="G9886" s="16">
        <v>0</v>
      </c>
    </row>
    <row r="9887" spans="1:7" x14ac:dyDescent="0.3">
      <c r="A9887" s="13" t="s">
        <v>82</v>
      </c>
      <c r="B9887" s="14" t="s">
        <v>1</v>
      </c>
      <c r="C9887" s="14" t="s">
        <v>51</v>
      </c>
      <c r="D9887" s="14" t="s">
        <v>18</v>
      </c>
      <c r="E9887" s="15">
        <v>45408</v>
      </c>
      <c r="F9887" s="14" t="s">
        <v>15</v>
      </c>
      <c r="G9887" s="16">
        <v>0</v>
      </c>
    </row>
    <row r="9888" spans="1:7" x14ac:dyDescent="0.3">
      <c r="A9888" s="13" t="s">
        <v>82</v>
      </c>
      <c r="B9888" s="14" t="s">
        <v>1</v>
      </c>
      <c r="C9888" s="14" t="s">
        <v>51</v>
      </c>
      <c r="D9888" s="14" t="s">
        <v>18</v>
      </c>
      <c r="E9888" s="15">
        <v>45409</v>
      </c>
      <c r="F9888" s="14" t="s">
        <v>15</v>
      </c>
      <c r="G9888" s="16">
        <v>0</v>
      </c>
    </row>
    <row r="9889" spans="1:7" x14ac:dyDescent="0.3">
      <c r="A9889" s="13" t="s">
        <v>82</v>
      </c>
      <c r="B9889" s="14" t="s">
        <v>1</v>
      </c>
      <c r="C9889" s="14" t="s">
        <v>51</v>
      </c>
      <c r="D9889" s="14" t="s">
        <v>18</v>
      </c>
      <c r="E9889" s="15">
        <v>45410</v>
      </c>
      <c r="F9889" s="14" t="s">
        <v>15</v>
      </c>
      <c r="G9889" s="16">
        <v>0</v>
      </c>
    </row>
    <row r="9890" spans="1:7" x14ac:dyDescent="0.3">
      <c r="A9890" s="13" t="s">
        <v>82</v>
      </c>
      <c r="B9890" s="14" t="s">
        <v>1</v>
      </c>
      <c r="C9890" s="14" t="s">
        <v>51</v>
      </c>
      <c r="D9890" s="14" t="s">
        <v>18</v>
      </c>
      <c r="E9890" s="15">
        <v>45411</v>
      </c>
      <c r="F9890" s="14" t="s">
        <v>15</v>
      </c>
      <c r="G9890" s="16">
        <v>0</v>
      </c>
    </row>
    <row r="9891" spans="1:7" x14ac:dyDescent="0.3">
      <c r="A9891" s="13" t="s">
        <v>82</v>
      </c>
      <c r="B9891" s="14" t="s">
        <v>1</v>
      </c>
      <c r="C9891" s="14" t="s">
        <v>51</v>
      </c>
      <c r="D9891" s="14" t="s">
        <v>18</v>
      </c>
      <c r="E9891" s="15">
        <v>45412</v>
      </c>
      <c r="F9891" s="14" t="s">
        <v>15</v>
      </c>
      <c r="G9891" s="16">
        <v>0</v>
      </c>
    </row>
    <row r="9892" spans="1:7" x14ac:dyDescent="0.3">
      <c r="A9892" s="13" t="s">
        <v>82</v>
      </c>
      <c r="B9892" s="14" t="s">
        <v>1</v>
      </c>
      <c r="C9892" s="14" t="s">
        <v>51</v>
      </c>
      <c r="D9892" s="14" t="s">
        <v>18</v>
      </c>
      <c r="E9892" s="15">
        <v>45413</v>
      </c>
      <c r="F9892" s="14" t="s">
        <v>15</v>
      </c>
      <c r="G9892" s="16">
        <v>0</v>
      </c>
    </row>
    <row r="9893" spans="1:7" x14ac:dyDescent="0.3">
      <c r="A9893" s="13" t="s">
        <v>82</v>
      </c>
      <c r="B9893" s="14" t="s">
        <v>1</v>
      </c>
      <c r="C9893" s="14" t="s">
        <v>51</v>
      </c>
      <c r="D9893" s="14" t="s">
        <v>18</v>
      </c>
      <c r="E9893" s="15">
        <v>45414</v>
      </c>
      <c r="F9893" s="14" t="s">
        <v>15</v>
      </c>
      <c r="G9893" s="16">
        <v>0</v>
      </c>
    </row>
    <row r="9894" spans="1:7" x14ac:dyDescent="0.3">
      <c r="A9894" s="13" t="s">
        <v>82</v>
      </c>
      <c r="B9894" s="14" t="s">
        <v>1</v>
      </c>
      <c r="C9894" s="14" t="s">
        <v>51</v>
      </c>
      <c r="D9894" s="14" t="s">
        <v>18</v>
      </c>
      <c r="E9894" s="15">
        <v>45415</v>
      </c>
      <c r="F9894" s="14" t="s">
        <v>15</v>
      </c>
      <c r="G9894" s="16">
        <v>0</v>
      </c>
    </row>
    <row r="9895" spans="1:7" x14ac:dyDescent="0.3">
      <c r="A9895" s="13" t="s">
        <v>82</v>
      </c>
      <c r="B9895" s="14" t="s">
        <v>1</v>
      </c>
      <c r="C9895" s="14" t="s">
        <v>51</v>
      </c>
      <c r="D9895" s="14" t="s">
        <v>18</v>
      </c>
      <c r="E9895" s="15">
        <v>45416</v>
      </c>
      <c r="F9895" s="14" t="s">
        <v>15</v>
      </c>
      <c r="G9895" s="16">
        <v>0</v>
      </c>
    </row>
    <row r="9896" spans="1:7" x14ac:dyDescent="0.3">
      <c r="A9896" s="13" t="s">
        <v>82</v>
      </c>
      <c r="B9896" s="14" t="s">
        <v>1</v>
      </c>
      <c r="C9896" s="14" t="s">
        <v>51</v>
      </c>
      <c r="D9896" s="14" t="s">
        <v>18</v>
      </c>
      <c r="E9896" s="15">
        <v>45417</v>
      </c>
      <c r="F9896" s="14" t="s">
        <v>15</v>
      </c>
      <c r="G9896" s="16">
        <v>0</v>
      </c>
    </row>
    <row r="9897" spans="1:7" x14ac:dyDescent="0.3">
      <c r="A9897" s="13" t="s">
        <v>82</v>
      </c>
      <c r="B9897" s="14" t="s">
        <v>1</v>
      </c>
      <c r="C9897" s="14" t="s">
        <v>51</v>
      </c>
      <c r="D9897" s="14" t="s">
        <v>18</v>
      </c>
      <c r="E9897" s="15">
        <v>45418</v>
      </c>
      <c r="F9897" s="14" t="s">
        <v>15</v>
      </c>
      <c r="G9897" s="16">
        <v>0</v>
      </c>
    </row>
    <row r="9898" spans="1:7" x14ac:dyDescent="0.3">
      <c r="A9898" s="13" t="s">
        <v>82</v>
      </c>
      <c r="B9898" s="14" t="s">
        <v>1</v>
      </c>
      <c r="C9898" s="14" t="s">
        <v>51</v>
      </c>
      <c r="D9898" s="14" t="s">
        <v>18</v>
      </c>
      <c r="E9898" s="15">
        <v>45419</v>
      </c>
      <c r="F9898" s="14" t="s">
        <v>15</v>
      </c>
      <c r="G9898" s="16">
        <v>0</v>
      </c>
    </row>
    <row r="9899" spans="1:7" x14ac:dyDescent="0.3">
      <c r="A9899" s="13" t="s">
        <v>82</v>
      </c>
      <c r="B9899" s="14" t="s">
        <v>1</v>
      </c>
      <c r="C9899" s="14" t="s">
        <v>51</v>
      </c>
      <c r="D9899" s="14" t="s">
        <v>18</v>
      </c>
      <c r="E9899" s="15">
        <v>45420</v>
      </c>
      <c r="F9899" s="14" t="s">
        <v>15</v>
      </c>
      <c r="G9899" s="16">
        <v>0</v>
      </c>
    </row>
    <row r="9900" spans="1:7" x14ac:dyDescent="0.3">
      <c r="A9900" s="13" t="s">
        <v>82</v>
      </c>
      <c r="B9900" s="14" t="s">
        <v>1</v>
      </c>
      <c r="C9900" s="14" t="s">
        <v>51</v>
      </c>
      <c r="D9900" s="14" t="s">
        <v>18</v>
      </c>
      <c r="E9900" s="15">
        <v>45421</v>
      </c>
      <c r="F9900" s="14" t="s">
        <v>15</v>
      </c>
      <c r="G9900" s="16">
        <v>0</v>
      </c>
    </row>
    <row r="9901" spans="1:7" x14ac:dyDescent="0.3">
      <c r="A9901" s="13" t="s">
        <v>82</v>
      </c>
      <c r="B9901" s="14" t="s">
        <v>1</v>
      </c>
      <c r="C9901" s="14" t="s">
        <v>51</v>
      </c>
      <c r="D9901" s="14" t="s">
        <v>18</v>
      </c>
      <c r="E9901" s="15">
        <v>45422</v>
      </c>
      <c r="F9901" s="14" t="s">
        <v>15</v>
      </c>
      <c r="G9901" s="16">
        <v>0</v>
      </c>
    </row>
    <row r="9902" spans="1:7" x14ac:dyDescent="0.3">
      <c r="A9902" s="13" t="s">
        <v>82</v>
      </c>
      <c r="B9902" s="14" t="s">
        <v>1</v>
      </c>
      <c r="C9902" s="14" t="s">
        <v>51</v>
      </c>
      <c r="D9902" s="14" t="s">
        <v>18</v>
      </c>
      <c r="E9902" s="15">
        <v>45423</v>
      </c>
      <c r="F9902" s="14" t="s">
        <v>15</v>
      </c>
      <c r="G9902" s="16">
        <v>0</v>
      </c>
    </row>
    <row r="9903" spans="1:7" x14ac:dyDescent="0.3">
      <c r="A9903" s="13" t="s">
        <v>82</v>
      </c>
      <c r="B9903" s="14" t="s">
        <v>1</v>
      </c>
      <c r="C9903" s="14" t="s">
        <v>51</v>
      </c>
      <c r="D9903" s="14" t="s">
        <v>18</v>
      </c>
      <c r="E9903" s="15">
        <v>45424</v>
      </c>
      <c r="F9903" s="14" t="s">
        <v>15</v>
      </c>
      <c r="G9903" s="16">
        <v>0</v>
      </c>
    </row>
    <row r="9904" spans="1:7" x14ac:dyDescent="0.3">
      <c r="A9904" s="13" t="s">
        <v>82</v>
      </c>
      <c r="B9904" s="14" t="s">
        <v>1</v>
      </c>
      <c r="C9904" s="14" t="s">
        <v>51</v>
      </c>
      <c r="D9904" s="14" t="s">
        <v>18</v>
      </c>
      <c r="E9904" s="15">
        <v>45425</v>
      </c>
      <c r="F9904" s="14" t="s">
        <v>15</v>
      </c>
      <c r="G9904" s="16">
        <v>0</v>
      </c>
    </row>
    <row r="9905" spans="1:7" x14ac:dyDescent="0.3">
      <c r="A9905" s="13" t="s">
        <v>82</v>
      </c>
      <c r="B9905" s="14" t="s">
        <v>1</v>
      </c>
      <c r="C9905" s="14" t="s">
        <v>51</v>
      </c>
      <c r="D9905" s="14" t="s">
        <v>18</v>
      </c>
      <c r="E9905" s="15">
        <v>45426</v>
      </c>
      <c r="F9905" s="14" t="s">
        <v>15</v>
      </c>
      <c r="G9905" s="16">
        <v>0</v>
      </c>
    </row>
    <row r="9906" spans="1:7" x14ac:dyDescent="0.3">
      <c r="A9906" s="13" t="s">
        <v>82</v>
      </c>
      <c r="B9906" s="14" t="s">
        <v>1</v>
      </c>
      <c r="C9906" s="14" t="s">
        <v>51</v>
      </c>
      <c r="D9906" s="14" t="s">
        <v>18</v>
      </c>
      <c r="E9906" s="15">
        <v>45427</v>
      </c>
      <c r="F9906" s="14" t="s">
        <v>15</v>
      </c>
      <c r="G9906" s="16">
        <v>0</v>
      </c>
    </row>
    <row r="9907" spans="1:7" x14ac:dyDescent="0.3">
      <c r="A9907" s="13" t="s">
        <v>82</v>
      </c>
      <c r="B9907" s="14" t="s">
        <v>1</v>
      </c>
      <c r="C9907" s="14" t="s">
        <v>51</v>
      </c>
      <c r="D9907" s="14" t="s">
        <v>18</v>
      </c>
      <c r="E9907" s="15">
        <v>45428</v>
      </c>
      <c r="F9907" s="14" t="s">
        <v>15</v>
      </c>
      <c r="G9907" s="16">
        <v>0</v>
      </c>
    </row>
    <row r="9908" spans="1:7" x14ac:dyDescent="0.3">
      <c r="A9908" s="13" t="s">
        <v>82</v>
      </c>
      <c r="B9908" s="14" t="s">
        <v>1</v>
      </c>
      <c r="C9908" s="14" t="s">
        <v>51</v>
      </c>
      <c r="D9908" s="14" t="s">
        <v>18</v>
      </c>
      <c r="E9908" s="15">
        <v>45429</v>
      </c>
      <c r="F9908" s="14" t="s">
        <v>15</v>
      </c>
      <c r="G9908" s="16">
        <v>0</v>
      </c>
    </row>
    <row r="9909" spans="1:7" x14ac:dyDescent="0.3">
      <c r="A9909" s="13" t="s">
        <v>82</v>
      </c>
      <c r="B9909" s="14" t="s">
        <v>1</v>
      </c>
      <c r="C9909" s="14" t="s">
        <v>51</v>
      </c>
      <c r="D9909" s="14" t="s">
        <v>18</v>
      </c>
      <c r="E9909" s="15">
        <v>45430</v>
      </c>
      <c r="F9909" s="14" t="s">
        <v>15</v>
      </c>
      <c r="G9909" s="16">
        <v>0</v>
      </c>
    </row>
    <row r="9910" spans="1:7" x14ac:dyDescent="0.3">
      <c r="A9910" s="13" t="s">
        <v>82</v>
      </c>
      <c r="B9910" s="14" t="s">
        <v>1</v>
      </c>
      <c r="C9910" s="14" t="s">
        <v>51</v>
      </c>
      <c r="D9910" s="14" t="s">
        <v>18</v>
      </c>
      <c r="E9910" s="15">
        <v>45431</v>
      </c>
      <c r="F9910" s="14" t="s">
        <v>15</v>
      </c>
      <c r="G9910" s="16">
        <v>0</v>
      </c>
    </row>
    <row r="9911" spans="1:7" x14ac:dyDescent="0.3">
      <c r="A9911" s="13" t="s">
        <v>82</v>
      </c>
      <c r="B9911" s="14" t="s">
        <v>1</v>
      </c>
      <c r="C9911" s="14" t="s">
        <v>51</v>
      </c>
      <c r="D9911" s="14" t="s">
        <v>18</v>
      </c>
      <c r="E9911" s="15">
        <v>45432</v>
      </c>
      <c r="F9911" s="14" t="s">
        <v>15</v>
      </c>
      <c r="G9911" s="16">
        <v>0</v>
      </c>
    </row>
    <row r="9912" spans="1:7" x14ac:dyDescent="0.3">
      <c r="A9912" s="13" t="s">
        <v>82</v>
      </c>
      <c r="B9912" s="14" t="s">
        <v>1</v>
      </c>
      <c r="C9912" s="14" t="s">
        <v>51</v>
      </c>
      <c r="D9912" s="14" t="s">
        <v>18</v>
      </c>
      <c r="E9912" s="15">
        <v>45433</v>
      </c>
      <c r="F9912" s="14" t="s">
        <v>15</v>
      </c>
      <c r="G9912" s="16">
        <v>0</v>
      </c>
    </row>
    <row r="9913" spans="1:7" x14ac:dyDescent="0.3">
      <c r="A9913" s="13" t="s">
        <v>82</v>
      </c>
      <c r="B9913" s="14" t="s">
        <v>1</v>
      </c>
      <c r="C9913" s="14" t="s">
        <v>51</v>
      </c>
      <c r="D9913" s="14" t="s">
        <v>18</v>
      </c>
      <c r="E9913" s="15">
        <v>45434</v>
      </c>
      <c r="F9913" s="14" t="s">
        <v>15</v>
      </c>
      <c r="G9913" s="16">
        <v>0</v>
      </c>
    </row>
    <row r="9914" spans="1:7" x14ac:dyDescent="0.3">
      <c r="A9914" s="13" t="s">
        <v>82</v>
      </c>
      <c r="B9914" s="14" t="s">
        <v>1</v>
      </c>
      <c r="C9914" s="14" t="s">
        <v>51</v>
      </c>
      <c r="D9914" s="14" t="s">
        <v>18</v>
      </c>
      <c r="E9914" s="15">
        <v>45435</v>
      </c>
      <c r="F9914" s="14" t="s">
        <v>15</v>
      </c>
      <c r="G9914" s="16">
        <v>0</v>
      </c>
    </row>
    <row r="9915" spans="1:7" x14ac:dyDescent="0.3">
      <c r="A9915" s="13" t="s">
        <v>82</v>
      </c>
      <c r="B9915" s="14" t="s">
        <v>1</v>
      </c>
      <c r="C9915" s="14" t="s">
        <v>51</v>
      </c>
      <c r="D9915" s="14" t="s">
        <v>18</v>
      </c>
      <c r="E9915" s="15">
        <v>45436</v>
      </c>
      <c r="F9915" s="14" t="s">
        <v>15</v>
      </c>
      <c r="G9915" s="16">
        <v>0</v>
      </c>
    </row>
    <row r="9916" spans="1:7" x14ac:dyDescent="0.3">
      <c r="A9916" s="13" t="s">
        <v>82</v>
      </c>
      <c r="B9916" s="14" t="s">
        <v>1</v>
      </c>
      <c r="C9916" s="14" t="s">
        <v>51</v>
      </c>
      <c r="D9916" s="14" t="s">
        <v>18</v>
      </c>
      <c r="E9916" s="15">
        <v>45437</v>
      </c>
      <c r="F9916" s="14" t="s">
        <v>15</v>
      </c>
      <c r="G9916" s="16">
        <v>0</v>
      </c>
    </row>
    <row r="9917" spans="1:7" x14ac:dyDescent="0.3">
      <c r="A9917" s="13" t="s">
        <v>82</v>
      </c>
      <c r="B9917" s="14" t="s">
        <v>1</v>
      </c>
      <c r="C9917" s="14" t="s">
        <v>51</v>
      </c>
      <c r="D9917" s="14" t="s">
        <v>18</v>
      </c>
      <c r="E9917" s="15">
        <v>45438</v>
      </c>
      <c r="F9917" s="14" t="s">
        <v>15</v>
      </c>
      <c r="G9917" s="16">
        <v>0</v>
      </c>
    </row>
    <row r="9918" spans="1:7" x14ac:dyDescent="0.3">
      <c r="A9918" s="13" t="s">
        <v>82</v>
      </c>
      <c r="B9918" s="14" t="s">
        <v>1</v>
      </c>
      <c r="C9918" s="14" t="s">
        <v>51</v>
      </c>
      <c r="D9918" s="14" t="s">
        <v>18</v>
      </c>
      <c r="E9918" s="15">
        <v>45439</v>
      </c>
      <c r="F9918" s="14" t="s">
        <v>15</v>
      </c>
      <c r="G9918" s="16">
        <v>0</v>
      </c>
    </row>
    <row r="9919" spans="1:7" x14ac:dyDescent="0.3">
      <c r="A9919" s="13" t="s">
        <v>82</v>
      </c>
      <c r="B9919" s="14" t="s">
        <v>1</v>
      </c>
      <c r="C9919" s="14" t="s">
        <v>51</v>
      </c>
      <c r="D9919" s="14" t="s">
        <v>18</v>
      </c>
      <c r="E9919" s="15">
        <v>45440</v>
      </c>
      <c r="F9919" s="14" t="s">
        <v>15</v>
      </c>
      <c r="G9919" s="16">
        <v>0</v>
      </c>
    </row>
    <row r="9920" spans="1:7" x14ac:dyDescent="0.3">
      <c r="A9920" s="13" t="s">
        <v>82</v>
      </c>
      <c r="B9920" s="14" t="s">
        <v>1</v>
      </c>
      <c r="C9920" s="14" t="s">
        <v>51</v>
      </c>
      <c r="D9920" s="14" t="s">
        <v>18</v>
      </c>
      <c r="E9920" s="15">
        <v>45441</v>
      </c>
      <c r="F9920" s="14" t="s">
        <v>15</v>
      </c>
      <c r="G9920" s="16">
        <v>0</v>
      </c>
    </row>
    <row r="9921" spans="1:7" x14ac:dyDescent="0.3">
      <c r="A9921" s="13" t="s">
        <v>82</v>
      </c>
      <c r="B9921" s="14" t="s">
        <v>1</v>
      </c>
      <c r="C9921" s="14" t="s">
        <v>51</v>
      </c>
      <c r="D9921" s="14" t="s">
        <v>18</v>
      </c>
      <c r="E9921" s="15">
        <v>45442</v>
      </c>
      <c r="F9921" s="14" t="s">
        <v>15</v>
      </c>
      <c r="G9921" s="16">
        <v>0</v>
      </c>
    </row>
    <row r="9922" spans="1:7" x14ac:dyDescent="0.3">
      <c r="A9922" s="13" t="s">
        <v>82</v>
      </c>
      <c r="B9922" s="14" t="s">
        <v>1</v>
      </c>
      <c r="C9922" s="14" t="s">
        <v>51</v>
      </c>
      <c r="D9922" s="14" t="s">
        <v>18</v>
      </c>
      <c r="E9922" s="15">
        <v>45443</v>
      </c>
      <c r="F9922" s="14" t="s">
        <v>15</v>
      </c>
      <c r="G9922" s="16">
        <v>0</v>
      </c>
    </row>
    <row r="9923" spans="1:7" x14ac:dyDescent="0.3">
      <c r="A9923" s="13" t="s">
        <v>82</v>
      </c>
      <c r="B9923" s="14" t="s">
        <v>1</v>
      </c>
      <c r="C9923" s="14" t="s">
        <v>51</v>
      </c>
      <c r="D9923" s="14" t="s">
        <v>18</v>
      </c>
      <c r="E9923" s="15">
        <v>45444</v>
      </c>
      <c r="F9923" s="14" t="s">
        <v>15</v>
      </c>
      <c r="G9923" s="16">
        <v>0</v>
      </c>
    </row>
    <row r="9924" spans="1:7" x14ac:dyDescent="0.3">
      <c r="A9924" s="13" t="s">
        <v>82</v>
      </c>
      <c r="B9924" s="14" t="s">
        <v>1</v>
      </c>
      <c r="C9924" s="14" t="s">
        <v>51</v>
      </c>
      <c r="D9924" s="14" t="s">
        <v>18</v>
      </c>
      <c r="E9924" s="15">
        <v>45445</v>
      </c>
      <c r="F9924" s="14" t="s">
        <v>15</v>
      </c>
      <c r="G9924" s="16">
        <v>0</v>
      </c>
    </row>
    <row r="9925" spans="1:7" x14ac:dyDescent="0.3">
      <c r="A9925" s="13" t="s">
        <v>82</v>
      </c>
      <c r="B9925" s="14" t="s">
        <v>1</v>
      </c>
      <c r="C9925" s="14" t="s">
        <v>51</v>
      </c>
      <c r="D9925" s="14" t="s">
        <v>18</v>
      </c>
      <c r="E9925" s="15">
        <v>45446</v>
      </c>
      <c r="F9925" s="14" t="s">
        <v>15</v>
      </c>
      <c r="G9925" s="16">
        <v>0</v>
      </c>
    </row>
    <row r="9926" spans="1:7" x14ac:dyDescent="0.3">
      <c r="A9926" s="13" t="s">
        <v>82</v>
      </c>
      <c r="B9926" s="14" t="s">
        <v>1</v>
      </c>
      <c r="C9926" s="14" t="s">
        <v>51</v>
      </c>
      <c r="D9926" s="14" t="s">
        <v>18</v>
      </c>
      <c r="E9926" s="15">
        <v>45447</v>
      </c>
      <c r="F9926" s="14" t="s">
        <v>15</v>
      </c>
      <c r="G9926" s="16">
        <v>0</v>
      </c>
    </row>
    <row r="9927" spans="1:7" x14ac:dyDescent="0.3">
      <c r="A9927" s="13" t="s">
        <v>82</v>
      </c>
      <c r="B9927" s="14" t="s">
        <v>1</v>
      </c>
      <c r="C9927" s="14" t="s">
        <v>51</v>
      </c>
      <c r="D9927" s="14" t="s">
        <v>18</v>
      </c>
      <c r="E9927" s="15">
        <v>45448</v>
      </c>
      <c r="F9927" s="14" t="s">
        <v>15</v>
      </c>
      <c r="G9927" s="16">
        <v>0</v>
      </c>
    </row>
    <row r="9928" spans="1:7" x14ac:dyDescent="0.3">
      <c r="A9928" s="13" t="s">
        <v>82</v>
      </c>
      <c r="B9928" s="14" t="s">
        <v>1</v>
      </c>
      <c r="C9928" s="14" t="s">
        <v>51</v>
      </c>
      <c r="D9928" s="14" t="s">
        <v>18</v>
      </c>
      <c r="E9928" s="15">
        <v>45449</v>
      </c>
      <c r="F9928" s="14" t="s">
        <v>15</v>
      </c>
      <c r="G9928" s="16">
        <v>0</v>
      </c>
    </row>
    <row r="9929" spans="1:7" x14ac:dyDescent="0.3">
      <c r="A9929" s="13" t="s">
        <v>82</v>
      </c>
      <c r="B9929" s="14" t="s">
        <v>1</v>
      </c>
      <c r="C9929" s="14" t="s">
        <v>51</v>
      </c>
      <c r="D9929" s="14" t="s">
        <v>18</v>
      </c>
      <c r="E9929" s="15">
        <v>45450</v>
      </c>
      <c r="F9929" s="14" t="s">
        <v>15</v>
      </c>
      <c r="G9929" s="16">
        <v>0</v>
      </c>
    </row>
    <row r="9930" spans="1:7" x14ac:dyDescent="0.3">
      <c r="A9930" s="13" t="s">
        <v>82</v>
      </c>
      <c r="B9930" s="14" t="s">
        <v>1</v>
      </c>
      <c r="C9930" s="14" t="s">
        <v>51</v>
      </c>
      <c r="D9930" s="14" t="s">
        <v>18</v>
      </c>
      <c r="E9930" s="15">
        <v>45451</v>
      </c>
      <c r="F9930" s="14" t="s">
        <v>15</v>
      </c>
      <c r="G9930" s="16">
        <v>0</v>
      </c>
    </row>
    <row r="9931" spans="1:7" x14ac:dyDescent="0.3">
      <c r="A9931" s="13" t="s">
        <v>82</v>
      </c>
      <c r="B9931" s="14" t="s">
        <v>1</v>
      </c>
      <c r="C9931" s="14" t="s">
        <v>51</v>
      </c>
      <c r="D9931" s="14" t="s">
        <v>18</v>
      </c>
      <c r="E9931" s="15">
        <v>45452</v>
      </c>
      <c r="F9931" s="14" t="s">
        <v>15</v>
      </c>
      <c r="G9931" s="16">
        <v>0</v>
      </c>
    </row>
    <row r="9932" spans="1:7" x14ac:dyDescent="0.3">
      <c r="A9932" s="13" t="s">
        <v>82</v>
      </c>
      <c r="B9932" s="14" t="s">
        <v>1</v>
      </c>
      <c r="C9932" s="14" t="s">
        <v>51</v>
      </c>
      <c r="D9932" s="14" t="s">
        <v>18</v>
      </c>
      <c r="E9932" s="15">
        <v>45453</v>
      </c>
      <c r="F9932" s="14" t="s">
        <v>15</v>
      </c>
      <c r="G9932" s="16">
        <v>0</v>
      </c>
    </row>
    <row r="9933" spans="1:7" x14ac:dyDescent="0.3">
      <c r="A9933" s="13" t="s">
        <v>82</v>
      </c>
      <c r="B9933" s="14" t="s">
        <v>1</v>
      </c>
      <c r="C9933" s="14" t="s">
        <v>51</v>
      </c>
      <c r="D9933" s="14" t="s">
        <v>18</v>
      </c>
      <c r="E9933" s="15">
        <v>45454</v>
      </c>
      <c r="F9933" s="14" t="s">
        <v>15</v>
      </c>
      <c r="G9933" s="16">
        <v>0</v>
      </c>
    </row>
    <row r="9934" spans="1:7" x14ac:dyDescent="0.3">
      <c r="A9934" s="13" t="s">
        <v>82</v>
      </c>
      <c r="B9934" s="14" t="s">
        <v>1</v>
      </c>
      <c r="C9934" s="14" t="s">
        <v>51</v>
      </c>
      <c r="D9934" s="14" t="s">
        <v>18</v>
      </c>
      <c r="E9934" s="15">
        <v>45455</v>
      </c>
      <c r="F9934" s="14" t="s">
        <v>15</v>
      </c>
      <c r="G9934" s="16">
        <v>0</v>
      </c>
    </row>
    <row r="9935" spans="1:7" x14ac:dyDescent="0.3">
      <c r="A9935" s="13" t="s">
        <v>82</v>
      </c>
      <c r="B9935" s="14" t="s">
        <v>1</v>
      </c>
      <c r="C9935" s="14" t="s">
        <v>51</v>
      </c>
      <c r="D9935" s="14" t="s">
        <v>18</v>
      </c>
      <c r="E9935" s="15">
        <v>45456</v>
      </c>
      <c r="F9935" s="14" t="s">
        <v>15</v>
      </c>
      <c r="G9935" s="16">
        <v>0</v>
      </c>
    </row>
    <row r="9936" spans="1:7" x14ac:dyDescent="0.3">
      <c r="A9936" s="13" t="s">
        <v>82</v>
      </c>
      <c r="B9936" s="14" t="s">
        <v>1</v>
      </c>
      <c r="C9936" s="14" t="s">
        <v>51</v>
      </c>
      <c r="D9936" s="14" t="s">
        <v>18</v>
      </c>
      <c r="E9936" s="15">
        <v>45457</v>
      </c>
      <c r="F9936" s="14" t="s">
        <v>15</v>
      </c>
      <c r="G9936" s="16">
        <v>0</v>
      </c>
    </row>
    <row r="9937" spans="1:7" x14ac:dyDescent="0.3">
      <c r="A9937" s="13" t="s">
        <v>82</v>
      </c>
      <c r="B9937" s="14" t="s">
        <v>1</v>
      </c>
      <c r="C9937" s="14" t="s">
        <v>51</v>
      </c>
      <c r="D9937" s="14" t="s">
        <v>18</v>
      </c>
      <c r="E9937" s="15">
        <v>45458</v>
      </c>
      <c r="F9937" s="14" t="s">
        <v>15</v>
      </c>
      <c r="G9937" s="16">
        <v>0</v>
      </c>
    </row>
    <row r="9938" spans="1:7" x14ac:dyDescent="0.3">
      <c r="A9938" s="13" t="s">
        <v>82</v>
      </c>
      <c r="B9938" s="14" t="s">
        <v>1</v>
      </c>
      <c r="C9938" s="14" t="s">
        <v>51</v>
      </c>
      <c r="D9938" s="14" t="s">
        <v>18</v>
      </c>
      <c r="E9938" s="15">
        <v>45459</v>
      </c>
      <c r="F9938" s="14" t="s">
        <v>15</v>
      </c>
      <c r="G9938" s="16">
        <v>0</v>
      </c>
    </row>
    <row r="9939" spans="1:7" x14ac:dyDescent="0.3">
      <c r="A9939" s="13" t="s">
        <v>82</v>
      </c>
      <c r="B9939" s="14" t="s">
        <v>1</v>
      </c>
      <c r="C9939" s="14" t="s">
        <v>51</v>
      </c>
      <c r="D9939" s="14" t="s">
        <v>18</v>
      </c>
      <c r="E9939" s="15">
        <v>45460</v>
      </c>
      <c r="F9939" s="14" t="s">
        <v>15</v>
      </c>
      <c r="G9939" s="16">
        <v>0</v>
      </c>
    </row>
    <row r="9940" spans="1:7" x14ac:dyDescent="0.3">
      <c r="A9940" s="13" t="s">
        <v>82</v>
      </c>
      <c r="B9940" s="14" t="s">
        <v>1</v>
      </c>
      <c r="C9940" s="14" t="s">
        <v>51</v>
      </c>
      <c r="D9940" s="14" t="s">
        <v>18</v>
      </c>
      <c r="E9940" s="15">
        <v>45461</v>
      </c>
      <c r="F9940" s="14" t="s">
        <v>15</v>
      </c>
      <c r="G9940" s="16">
        <v>0</v>
      </c>
    </row>
    <row r="9941" spans="1:7" x14ac:dyDescent="0.3">
      <c r="A9941" s="13" t="s">
        <v>82</v>
      </c>
      <c r="B9941" s="14" t="s">
        <v>1</v>
      </c>
      <c r="C9941" s="14" t="s">
        <v>51</v>
      </c>
      <c r="D9941" s="14" t="s">
        <v>18</v>
      </c>
      <c r="E9941" s="15">
        <v>45462</v>
      </c>
      <c r="F9941" s="14" t="s">
        <v>15</v>
      </c>
      <c r="G9941" s="16">
        <v>0</v>
      </c>
    </row>
    <row r="9942" spans="1:7" x14ac:dyDescent="0.3">
      <c r="A9942" s="13" t="s">
        <v>82</v>
      </c>
      <c r="B9942" s="14" t="s">
        <v>1</v>
      </c>
      <c r="C9942" s="14" t="s">
        <v>51</v>
      </c>
      <c r="D9942" s="14" t="s">
        <v>18</v>
      </c>
      <c r="E9942" s="15">
        <v>45463</v>
      </c>
      <c r="F9942" s="14" t="s">
        <v>15</v>
      </c>
      <c r="G9942" s="16">
        <v>0</v>
      </c>
    </row>
    <row r="9943" spans="1:7" x14ac:dyDescent="0.3">
      <c r="A9943" s="13" t="s">
        <v>82</v>
      </c>
      <c r="B9943" s="14" t="s">
        <v>1</v>
      </c>
      <c r="C9943" s="14" t="s">
        <v>51</v>
      </c>
      <c r="D9943" s="14" t="s">
        <v>18</v>
      </c>
      <c r="E9943" s="15">
        <v>45464</v>
      </c>
      <c r="F9943" s="14" t="s">
        <v>15</v>
      </c>
      <c r="G9943" s="16">
        <v>0</v>
      </c>
    </row>
    <row r="9944" spans="1:7" x14ac:dyDescent="0.3">
      <c r="A9944" s="13" t="s">
        <v>82</v>
      </c>
      <c r="B9944" s="14" t="s">
        <v>1</v>
      </c>
      <c r="C9944" s="14" t="s">
        <v>51</v>
      </c>
      <c r="D9944" s="14" t="s">
        <v>18</v>
      </c>
      <c r="E9944" s="15">
        <v>45465</v>
      </c>
      <c r="F9944" s="14" t="s">
        <v>15</v>
      </c>
      <c r="G9944" s="16">
        <v>0</v>
      </c>
    </row>
    <row r="9945" spans="1:7" x14ac:dyDescent="0.3">
      <c r="A9945" s="13" t="s">
        <v>82</v>
      </c>
      <c r="B9945" s="14" t="s">
        <v>1</v>
      </c>
      <c r="C9945" s="14" t="s">
        <v>51</v>
      </c>
      <c r="D9945" s="14" t="s">
        <v>18</v>
      </c>
      <c r="E9945" s="15">
        <v>45466</v>
      </c>
      <c r="F9945" s="14" t="s">
        <v>15</v>
      </c>
      <c r="G9945" s="16">
        <v>0</v>
      </c>
    </row>
    <row r="9946" spans="1:7" x14ac:dyDescent="0.3">
      <c r="A9946" s="13" t="s">
        <v>82</v>
      </c>
      <c r="B9946" s="14" t="s">
        <v>1</v>
      </c>
      <c r="C9946" s="14" t="s">
        <v>51</v>
      </c>
      <c r="D9946" s="14" t="s">
        <v>18</v>
      </c>
      <c r="E9946" s="15">
        <v>45467</v>
      </c>
      <c r="F9946" s="14" t="s">
        <v>15</v>
      </c>
      <c r="G9946" s="16">
        <v>0</v>
      </c>
    </row>
    <row r="9947" spans="1:7" x14ac:dyDescent="0.3">
      <c r="A9947" s="13" t="s">
        <v>82</v>
      </c>
      <c r="B9947" s="14" t="s">
        <v>1</v>
      </c>
      <c r="C9947" s="14" t="s">
        <v>51</v>
      </c>
      <c r="D9947" s="14" t="s">
        <v>18</v>
      </c>
      <c r="E9947" s="15">
        <v>45468</v>
      </c>
      <c r="F9947" s="14" t="s">
        <v>15</v>
      </c>
      <c r="G9947" s="16">
        <v>0</v>
      </c>
    </row>
    <row r="9948" spans="1:7" x14ac:dyDescent="0.3">
      <c r="A9948" s="13" t="s">
        <v>82</v>
      </c>
      <c r="B9948" s="14" t="s">
        <v>1</v>
      </c>
      <c r="C9948" s="14" t="s">
        <v>51</v>
      </c>
      <c r="D9948" s="14" t="s">
        <v>18</v>
      </c>
      <c r="E9948" s="15">
        <v>45469</v>
      </c>
      <c r="F9948" s="14" t="s">
        <v>15</v>
      </c>
      <c r="G9948" s="16">
        <v>0</v>
      </c>
    </row>
    <row r="9949" spans="1:7" x14ac:dyDescent="0.3">
      <c r="A9949" s="13" t="s">
        <v>82</v>
      </c>
      <c r="B9949" s="14" t="s">
        <v>1</v>
      </c>
      <c r="C9949" s="14" t="s">
        <v>51</v>
      </c>
      <c r="D9949" s="14" t="s">
        <v>18</v>
      </c>
      <c r="E9949" s="15">
        <v>45470</v>
      </c>
      <c r="F9949" s="14" t="s">
        <v>15</v>
      </c>
      <c r="G9949" s="16">
        <v>0</v>
      </c>
    </row>
    <row r="9950" spans="1:7" x14ac:dyDescent="0.3">
      <c r="A9950" s="13" t="s">
        <v>82</v>
      </c>
      <c r="B9950" s="14" t="s">
        <v>1</v>
      </c>
      <c r="C9950" s="14" t="s">
        <v>51</v>
      </c>
      <c r="D9950" s="14" t="s">
        <v>18</v>
      </c>
      <c r="E9950" s="15">
        <v>45471</v>
      </c>
      <c r="F9950" s="14" t="s">
        <v>15</v>
      </c>
      <c r="G9950" s="16">
        <v>0</v>
      </c>
    </row>
    <row r="9951" spans="1:7" x14ac:dyDescent="0.3">
      <c r="A9951" s="13" t="s">
        <v>82</v>
      </c>
      <c r="B9951" s="14" t="s">
        <v>1</v>
      </c>
      <c r="C9951" s="14" t="s">
        <v>51</v>
      </c>
      <c r="D9951" s="14" t="s">
        <v>18</v>
      </c>
      <c r="E9951" s="15">
        <v>45472</v>
      </c>
      <c r="F9951" s="14" t="s">
        <v>15</v>
      </c>
      <c r="G9951" s="16">
        <v>0</v>
      </c>
    </row>
    <row r="9952" spans="1:7" x14ac:dyDescent="0.3">
      <c r="A9952" s="13" t="s">
        <v>82</v>
      </c>
      <c r="B9952" s="14" t="s">
        <v>1</v>
      </c>
      <c r="C9952" s="14" t="s">
        <v>51</v>
      </c>
      <c r="D9952" s="14" t="s">
        <v>18</v>
      </c>
      <c r="E9952" s="15">
        <v>45473</v>
      </c>
      <c r="F9952" s="14" t="s">
        <v>15</v>
      </c>
      <c r="G9952" s="16">
        <v>0</v>
      </c>
    </row>
    <row r="9953" spans="1:7" x14ac:dyDescent="0.3">
      <c r="A9953" s="13" t="s">
        <v>82</v>
      </c>
      <c r="B9953" s="14" t="s">
        <v>1</v>
      </c>
      <c r="C9953" s="14" t="s">
        <v>51</v>
      </c>
      <c r="D9953" s="14" t="s">
        <v>18</v>
      </c>
      <c r="E9953" s="15">
        <v>45474</v>
      </c>
      <c r="F9953" s="14" t="s">
        <v>15</v>
      </c>
      <c r="G9953" s="16">
        <v>0</v>
      </c>
    </row>
    <row r="9954" spans="1:7" x14ac:dyDescent="0.3">
      <c r="A9954" s="13" t="s">
        <v>82</v>
      </c>
      <c r="B9954" s="14" t="s">
        <v>1</v>
      </c>
      <c r="C9954" s="14" t="s">
        <v>51</v>
      </c>
      <c r="D9954" s="14" t="s">
        <v>18</v>
      </c>
      <c r="E9954" s="15">
        <v>45475</v>
      </c>
      <c r="F9954" s="14" t="s">
        <v>15</v>
      </c>
      <c r="G9954" s="16">
        <v>0</v>
      </c>
    </row>
    <row r="9955" spans="1:7" x14ac:dyDescent="0.3">
      <c r="A9955" s="13" t="s">
        <v>82</v>
      </c>
      <c r="B9955" s="14" t="s">
        <v>1</v>
      </c>
      <c r="C9955" s="14" t="s">
        <v>51</v>
      </c>
      <c r="D9955" s="14" t="s">
        <v>18</v>
      </c>
      <c r="E9955" s="15">
        <v>45476</v>
      </c>
      <c r="F9955" s="14" t="s">
        <v>15</v>
      </c>
      <c r="G9955" s="16">
        <v>0</v>
      </c>
    </row>
    <row r="9956" spans="1:7" x14ac:dyDescent="0.3">
      <c r="A9956" s="13" t="s">
        <v>82</v>
      </c>
      <c r="B9956" s="14" t="s">
        <v>1</v>
      </c>
      <c r="C9956" s="14" t="s">
        <v>51</v>
      </c>
      <c r="D9956" s="14" t="s">
        <v>18</v>
      </c>
      <c r="E9956" s="15">
        <v>45477</v>
      </c>
      <c r="F9956" s="14" t="s">
        <v>15</v>
      </c>
      <c r="G9956" s="16">
        <v>0</v>
      </c>
    </row>
    <row r="9957" spans="1:7" x14ac:dyDescent="0.3">
      <c r="A9957" s="13" t="s">
        <v>82</v>
      </c>
      <c r="B9957" s="14" t="s">
        <v>1</v>
      </c>
      <c r="C9957" s="14" t="s">
        <v>51</v>
      </c>
      <c r="D9957" s="14" t="s">
        <v>18</v>
      </c>
      <c r="E9957" s="15">
        <v>45478</v>
      </c>
      <c r="F9957" s="14" t="s">
        <v>15</v>
      </c>
      <c r="G9957" s="16">
        <v>0</v>
      </c>
    </row>
    <row r="9958" spans="1:7" x14ac:dyDescent="0.3">
      <c r="A9958" s="13" t="s">
        <v>82</v>
      </c>
      <c r="B9958" s="14" t="s">
        <v>1</v>
      </c>
      <c r="C9958" s="14" t="s">
        <v>51</v>
      </c>
      <c r="D9958" s="14" t="s">
        <v>18</v>
      </c>
      <c r="E9958" s="15">
        <v>45479</v>
      </c>
      <c r="F9958" s="14" t="s">
        <v>15</v>
      </c>
      <c r="G9958" s="16">
        <v>0</v>
      </c>
    </row>
    <row r="9959" spans="1:7" x14ac:dyDescent="0.3">
      <c r="A9959" s="13" t="s">
        <v>82</v>
      </c>
      <c r="B9959" s="14" t="s">
        <v>1</v>
      </c>
      <c r="C9959" s="14" t="s">
        <v>51</v>
      </c>
      <c r="D9959" s="14" t="s">
        <v>18</v>
      </c>
      <c r="E9959" s="15">
        <v>45480</v>
      </c>
      <c r="F9959" s="14" t="s">
        <v>15</v>
      </c>
      <c r="G9959" s="16">
        <v>0</v>
      </c>
    </row>
    <row r="9960" spans="1:7" x14ac:dyDescent="0.3">
      <c r="A9960" s="13" t="s">
        <v>82</v>
      </c>
      <c r="B9960" s="14" t="s">
        <v>1</v>
      </c>
      <c r="C9960" s="14" t="s">
        <v>51</v>
      </c>
      <c r="D9960" s="14" t="s">
        <v>18</v>
      </c>
      <c r="E9960" s="15">
        <v>45481</v>
      </c>
      <c r="F9960" s="14" t="s">
        <v>15</v>
      </c>
      <c r="G9960" s="16">
        <v>0</v>
      </c>
    </row>
    <row r="9961" spans="1:7" x14ac:dyDescent="0.3">
      <c r="A9961" s="13" t="s">
        <v>82</v>
      </c>
      <c r="B9961" s="14" t="s">
        <v>1</v>
      </c>
      <c r="C9961" s="14" t="s">
        <v>51</v>
      </c>
      <c r="D9961" s="14" t="s">
        <v>18</v>
      </c>
      <c r="E9961" s="15">
        <v>45482</v>
      </c>
      <c r="F9961" s="14" t="s">
        <v>15</v>
      </c>
      <c r="G9961" s="16">
        <v>0</v>
      </c>
    </row>
    <row r="9962" spans="1:7" x14ac:dyDescent="0.3">
      <c r="A9962" s="13" t="s">
        <v>82</v>
      </c>
      <c r="B9962" s="14" t="s">
        <v>1</v>
      </c>
      <c r="C9962" s="14" t="s">
        <v>51</v>
      </c>
      <c r="D9962" s="14" t="s">
        <v>18</v>
      </c>
      <c r="E9962" s="15">
        <v>45483</v>
      </c>
      <c r="F9962" s="14" t="s">
        <v>15</v>
      </c>
      <c r="G9962" s="16">
        <v>0</v>
      </c>
    </row>
    <row r="9963" spans="1:7" x14ac:dyDescent="0.3">
      <c r="A9963" s="13" t="s">
        <v>82</v>
      </c>
      <c r="B9963" s="14" t="s">
        <v>1</v>
      </c>
      <c r="C9963" s="14" t="s">
        <v>51</v>
      </c>
      <c r="D9963" s="14" t="s">
        <v>18</v>
      </c>
      <c r="E9963" s="15">
        <v>45484</v>
      </c>
      <c r="F9963" s="14" t="s">
        <v>15</v>
      </c>
      <c r="G9963" s="16">
        <v>0</v>
      </c>
    </row>
    <row r="9964" spans="1:7" x14ac:dyDescent="0.3">
      <c r="A9964" s="13" t="s">
        <v>82</v>
      </c>
      <c r="B9964" s="14" t="s">
        <v>1</v>
      </c>
      <c r="C9964" s="14" t="s">
        <v>51</v>
      </c>
      <c r="D9964" s="14" t="s">
        <v>18</v>
      </c>
      <c r="E9964" s="15">
        <v>45485</v>
      </c>
      <c r="F9964" s="14" t="s">
        <v>15</v>
      </c>
      <c r="G9964" s="16">
        <v>0</v>
      </c>
    </row>
    <row r="9965" spans="1:7" x14ac:dyDescent="0.3">
      <c r="A9965" s="13" t="s">
        <v>82</v>
      </c>
      <c r="B9965" s="14" t="s">
        <v>1</v>
      </c>
      <c r="C9965" s="14" t="s">
        <v>51</v>
      </c>
      <c r="D9965" s="14" t="s">
        <v>18</v>
      </c>
      <c r="E9965" s="15">
        <v>45486</v>
      </c>
      <c r="F9965" s="14" t="s">
        <v>15</v>
      </c>
      <c r="G9965" s="16">
        <v>0</v>
      </c>
    </row>
    <row r="9966" spans="1:7" x14ac:dyDescent="0.3">
      <c r="A9966" s="13" t="s">
        <v>82</v>
      </c>
      <c r="B9966" s="14" t="s">
        <v>1</v>
      </c>
      <c r="C9966" s="14" t="s">
        <v>51</v>
      </c>
      <c r="D9966" s="14" t="s">
        <v>18</v>
      </c>
      <c r="E9966" s="15">
        <v>45487</v>
      </c>
      <c r="F9966" s="14" t="s">
        <v>15</v>
      </c>
      <c r="G9966" s="16">
        <v>0</v>
      </c>
    </row>
    <row r="9967" spans="1:7" x14ac:dyDescent="0.3">
      <c r="A9967" s="13" t="s">
        <v>82</v>
      </c>
      <c r="B9967" s="14" t="s">
        <v>1</v>
      </c>
      <c r="C9967" s="14" t="s">
        <v>51</v>
      </c>
      <c r="D9967" s="14" t="s">
        <v>18</v>
      </c>
      <c r="E9967" s="15">
        <v>45488</v>
      </c>
      <c r="F9967" s="14" t="s">
        <v>15</v>
      </c>
      <c r="G9967" s="16">
        <v>0</v>
      </c>
    </row>
    <row r="9968" spans="1:7" x14ac:dyDescent="0.3">
      <c r="A9968" s="13" t="s">
        <v>82</v>
      </c>
      <c r="B9968" s="14" t="s">
        <v>1</v>
      </c>
      <c r="C9968" s="14" t="s">
        <v>51</v>
      </c>
      <c r="D9968" s="14" t="s">
        <v>18</v>
      </c>
      <c r="E9968" s="15">
        <v>45489</v>
      </c>
      <c r="F9968" s="14" t="s">
        <v>15</v>
      </c>
      <c r="G9968" s="16">
        <v>0</v>
      </c>
    </row>
    <row r="9969" spans="1:7" x14ac:dyDescent="0.3">
      <c r="A9969" s="13" t="s">
        <v>82</v>
      </c>
      <c r="B9969" s="14" t="s">
        <v>1</v>
      </c>
      <c r="C9969" s="14" t="s">
        <v>51</v>
      </c>
      <c r="D9969" s="14" t="s">
        <v>18</v>
      </c>
      <c r="E9969" s="15">
        <v>45490</v>
      </c>
      <c r="F9969" s="14" t="s">
        <v>15</v>
      </c>
      <c r="G9969" s="16">
        <v>0</v>
      </c>
    </row>
    <row r="9970" spans="1:7" x14ac:dyDescent="0.3">
      <c r="A9970" s="13" t="s">
        <v>82</v>
      </c>
      <c r="B9970" s="14" t="s">
        <v>1</v>
      </c>
      <c r="C9970" s="14" t="s">
        <v>51</v>
      </c>
      <c r="D9970" s="14" t="s">
        <v>18</v>
      </c>
      <c r="E9970" s="15">
        <v>45491</v>
      </c>
      <c r="F9970" s="14" t="s">
        <v>15</v>
      </c>
      <c r="G9970" s="16">
        <v>0</v>
      </c>
    </row>
    <row r="9971" spans="1:7" x14ac:dyDescent="0.3">
      <c r="A9971" s="13" t="s">
        <v>82</v>
      </c>
      <c r="B9971" s="14" t="s">
        <v>1</v>
      </c>
      <c r="C9971" s="14" t="s">
        <v>51</v>
      </c>
      <c r="D9971" s="14" t="s">
        <v>18</v>
      </c>
      <c r="E9971" s="15">
        <v>45492</v>
      </c>
      <c r="F9971" s="14" t="s">
        <v>15</v>
      </c>
      <c r="G9971" s="16">
        <v>0</v>
      </c>
    </row>
    <row r="9972" spans="1:7" x14ac:dyDescent="0.3">
      <c r="A9972" s="13" t="s">
        <v>82</v>
      </c>
      <c r="B9972" s="14" t="s">
        <v>1</v>
      </c>
      <c r="C9972" s="14" t="s">
        <v>51</v>
      </c>
      <c r="D9972" s="14" t="s">
        <v>18</v>
      </c>
      <c r="E9972" s="15">
        <v>45493</v>
      </c>
      <c r="F9972" s="14" t="s">
        <v>15</v>
      </c>
      <c r="G9972" s="16">
        <v>0</v>
      </c>
    </row>
    <row r="9973" spans="1:7" x14ac:dyDescent="0.3">
      <c r="A9973" s="13" t="s">
        <v>82</v>
      </c>
      <c r="B9973" s="14" t="s">
        <v>1</v>
      </c>
      <c r="C9973" s="14" t="s">
        <v>51</v>
      </c>
      <c r="D9973" s="14" t="s">
        <v>18</v>
      </c>
      <c r="E9973" s="15">
        <v>45494</v>
      </c>
      <c r="F9973" s="14" t="s">
        <v>15</v>
      </c>
      <c r="G9973" s="16">
        <v>0</v>
      </c>
    </row>
    <row r="9974" spans="1:7" x14ac:dyDescent="0.3">
      <c r="A9974" s="13" t="s">
        <v>82</v>
      </c>
      <c r="B9974" s="14" t="s">
        <v>1</v>
      </c>
      <c r="C9974" s="14" t="s">
        <v>51</v>
      </c>
      <c r="D9974" s="14" t="s">
        <v>18</v>
      </c>
      <c r="E9974" s="15">
        <v>45495</v>
      </c>
      <c r="F9974" s="14" t="s">
        <v>15</v>
      </c>
      <c r="G9974" s="16">
        <v>0</v>
      </c>
    </row>
    <row r="9975" spans="1:7" x14ac:dyDescent="0.3">
      <c r="A9975" s="13" t="s">
        <v>82</v>
      </c>
      <c r="B9975" s="14" t="s">
        <v>1</v>
      </c>
      <c r="C9975" s="14" t="s">
        <v>51</v>
      </c>
      <c r="D9975" s="14" t="s">
        <v>18</v>
      </c>
      <c r="E9975" s="15">
        <v>45496</v>
      </c>
      <c r="F9975" s="14" t="s">
        <v>15</v>
      </c>
      <c r="G9975" s="16">
        <v>0</v>
      </c>
    </row>
    <row r="9976" spans="1:7" x14ac:dyDescent="0.3">
      <c r="A9976" s="13" t="s">
        <v>82</v>
      </c>
      <c r="B9976" s="14" t="s">
        <v>1</v>
      </c>
      <c r="C9976" s="14" t="s">
        <v>51</v>
      </c>
      <c r="D9976" s="14" t="s">
        <v>18</v>
      </c>
      <c r="E9976" s="15">
        <v>45497</v>
      </c>
      <c r="F9976" s="14" t="s">
        <v>15</v>
      </c>
      <c r="G9976" s="16">
        <v>0</v>
      </c>
    </row>
    <row r="9977" spans="1:7" x14ac:dyDescent="0.3">
      <c r="A9977" s="13" t="s">
        <v>82</v>
      </c>
      <c r="B9977" s="14" t="s">
        <v>1</v>
      </c>
      <c r="C9977" s="14" t="s">
        <v>51</v>
      </c>
      <c r="D9977" s="14" t="s">
        <v>18</v>
      </c>
      <c r="E9977" s="15">
        <v>45498</v>
      </c>
      <c r="F9977" s="14" t="s">
        <v>15</v>
      </c>
      <c r="G9977" s="16">
        <v>0</v>
      </c>
    </row>
    <row r="9978" spans="1:7" x14ac:dyDescent="0.3">
      <c r="A9978" s="13" t="s">
        <v>82</v>
      </c>
      <c r="B9978" s="14" t="s">
        <v>1</v>
      </c>
      <c r="C9978" s="14" t="s">
        <v>51</v>
      </c>
      <c r="D9978" s="14" t="s">
        <v>18</v>
      </c>
      <c r="E9978" s="15">
        <v>45499</v>
      </c>
      <c r="F9978" s="14" t="s">
        <v>15</v>
      </c>
      <c r="G9978" s="16">
        <v>0</v>
      </c>
    </row>
    <row r="9979" spans="1:7" x14ac:dyDescent="0.3">
      <c r="A9979" s="13" t="s">
        <v>82</v>
      </c>
      <c r="B9979" s="14" t="s">
        <v>1</v>
      </c>
      <c r="C9979" s="14" t="s">
        <v>51</v>
      </c>
      <c r="D9979" s="14" t="s">
        <v>18</v>
      </c>
      <c r="E9979" s="15">
        <v>45500</v>
      </c>
      <c r="F9979" s="14" t="s">
        <v>15</v>
      </c>
      <c r="G9979" s="16">
        <v>0</v>
      </c>
    </row>
    <row r="9980" spans="1:7" x14ac:dyDescent="0.3">
      <c r="A9980" s="13" t="s">
        <v>82</v>
      </c>
      <c r="B9980" s="14" t="s">
        <v>1</v>
      </c>
      <c r="C9980" s="14" t="s">
        <v>51</v>
      </c>
      <c r="D9980" s="14" t="s">
        <v>18</v>
      </c>
      <c r="E9980" s="15">
        <v>45501</v>
      </c>
      <c r="F9980" s="14" t="s">
        <v>15</v>
      </c>
      <c r="G9980" s="16">
        <v>0</v>
      </c>
    </row>
    <row r="9981" spans="1:7" x14ac:dyDescent="0.3">
      <c r="A9981" s="13" t="s">
        <v>82</v>
      </c>
      <c r="B9981" s="14" t="s">
        <v>1</v>
      </c>
      <c r="C9981" s="14" t="s">
        <v>51</v>
      </c>
      <c r="D9981" s="14" t="s">
        <v>18</v>
      </c>
      <c r="E9981" s="15">
        <v>45502</v>
      </c>
      <c r="F9981" s="14" t="s">
        <v>15</v>
      </c>
      <c r="G9981" s="16">
        <v>0</v>
      </c>
    </row>
    <row r="9982" spans="1:7" x14ac:dyDescent="0.3">
      <c r="A9982" s="13" t="s">
        <v>82</v>
      </c>
      <c r="B9982" s="14" t="s">
        <v>1</v>
      </c>
      <c r="C9982" s="14" t="s">
        <v>51</v>
      </c>
      <c r="D9982" s="14" t="s">
        <v>18</v>
      </c>
      <c r="E9982" s="15">
        <v>45503</v>
      </c>
      <c r="F9982" s="14" t="s">
        <v>15</v>
      </c>
      <c r="G9982" s="16">
        <v>0</v>
      </c>
    </row>
    <row r="9983" spans="1:7" x14ac:dyDescent="0.3">
      <c r="A9983" s="13" t="s">
        <v>82</v>
      </c>
      <c r="B9983" s="14" t="s">
        <v>1</v>
      </c>
      <c r="C9983" s="14" t="s">
        <v>51</v>
      </c>
      <c r="D9983" s="14" t="s">
        <v>18</v>
      </c>
      <c r="E9983" s="15">
        <v>45504</v>
      </c>
      <c r="F9983" s="14" t="s">
        <v>15</v>
      </c>
      <c r="G9983" s="16">
        <v>0</v>
      </c>
    </row>
    <row r="9984" spans="1:7" x14ac:dyDescent="0.3">
      <c r="A9984" s="13" t="s">
        <v>82</v>
      </c>
      <c r="B9984" s="14" t="s">
        <v>1</v>
      </c>
      <c r="C9984" s="14" t="s">
        <v>51</v>
      </c>
      <c r="D9984" s="14" t="s">
        <v>18</v>
      </c>
      <c r="E9984" s="15">
        <v>45505</v>
      </c>
      <c r="F9984" s="14" t="s">
        <v>15</v>
      </c>
      <c r="G9984" s="16">
        <v>0</v>
      </c>
    </row>
    <row r="9985" spans="1:7" x14ac:dyDescent="0.3">
      <c r="A9985" s="13" t="s">
        <v>82</v>
      </c>
      <c r="B9985" s="14" t="s">
        <v>1</v>
      </c>
      <c r="C9985" s="14" t="s">
        <v>51</v>
      </c>
      <c r="D9985" s="14" t="s">
        <v>18</v>
      </c>
      <c r="E9985" s="15">
        <v>45506</v>
      </c>
      <c r="F9985" s="14" t="s">
        <v>15</v>
      </c>
      <c r="G9985" s="16">
        <v>0</v>
      </c>
    </row>
    <row r="9986" spans="1:7" x14ac:dyDescent="0.3">
      <c r="A9986" s="13" t="s">
        <v>82</v>
      </c>
      <c r="B9986" s="14" t="s">
        <v>1</v>
      </c>
      <c r="C9986" s="14" t="s">
        <v>51</v>
      </c>
      <c r="D9986" s="14" t="s">
        <v>18</v>
      </c>
      <c r="E9986" s="15">
        <v>45507</v>
      </c>
      <c r="F9986" s="14" t="s">
        <v>15</v>
      </c>
      <c r="G9986" s="16">
        <v>0</v>
      </c>
    </row>
    <row r="9987" spans="1:7" x14ac:dyDescent="0.3">
      <c r="A9987" s="13" t="s">
        <v>82</v>
      </c>
      <c r="B9987" s="14" t="s">
        <v>1</v>
      </c>
      <c r="C9987" s="14" t="s">
        <v>51</v>
      </c>
      <c r="D9987" s="14" t="s">
        <v>18</v>
      </c>
      <c r="E9987" s="15">
        <v>45508</v>
      </c>
      <c r="F9987" s="14" t="s">
        <v>15</v>
      </c>
      <c r="G9987" s="16">
        <v>0</v>
      </c>
    </row>
    <row r="9988" spans="1:7" x14ac:dyDescent="0.3">
      <c r="A9988" s="13" t="s">
        <v>82</v>
      </c>
      <c r="B9988" s="14" t="s">
        <v>1</v>
      </c>
      <c r="C9988" s="14" t="s">
        <v>51</v>
      </c>
      <c r="D9988" s="14" t="s">
        <v>18</v>
      </c>
      <c r="E9988" s="15">
        <v>45509</v>
      </c>
      <c r="F9988" s="14" t="s">
        <v>15</v>
      </c>
      <c r="G9988" s="16">
        <v>0</v>
      </c>
    </row>
    <row r="9989" spans="1:7" x14ac:dyDescent="0.3">
      <c r="A9989" s="13" t="s">
        <v>82</v>
      </c>
      <c r="B9989" s="14" t="s">
        <v>1</v>
      </c>
      <c r="C9989" s="14" t="s">
        <v>51</v>
      </c>
      <c r="D9989" s="14" t="s">
        <v>18</v>
      </c>
      <c r="E9989" s="15">
        <v>45510</v>
      </c>
      <c r="F9989" s="14" t="s">
        <v>15</v>
      </c>
      <c r="G9989" s="16">
        <v>0</v>
      </c>
    </row>
    <row r="9990" spans="1:7" x14ac:dyDescent="0.3">
      <c r="A9990" s="13" t="s">
        <v>82</v>
      </c>
      <c r="B9990" s="14" t="s">
        <v>1</v>
      </c>
      <c r="C9990" s="14" t="s">
        <v>51</v>
      </c>
      <c r="D9990" s="14" t="s">
        <v>18</v>
      </c>
      <c r="E9990" s="15">
        <v>45511</v>
      </c>
      <c r="F9990" s="14" t="s">
        <v>15</v>
      </c>
      <c r="G9990" s="16">
        <v>0</v>
      </c>
    </row>
    <row r="9991" spans="1:7" x14ac:dyDescent="0.3">
      <c r="A9991" s="13" t="s">
        <v>82</v>
      </c>
      <c r="B9991" s="14" t="s">
        <v>1</v>
      </c>
      <c r="C9991" s="14" t="s">
        <v>51</v>
      </c>
      <c r="D9991" s="14" t="s">
        <v>18</v>
      </c>
      <c r="E9991" s="15">
        <v>45512</v>
      </c>
      <c r="F9991" s="14" t="s">
        <v>15</v>
      </c>
      <c r="G9991" s="16">
        <v>0</v>
      </c>
    </row>
    <row r="9992" spans="1:7" x14ac:dyDescent="0.3">
      <c r="A9992" s="13" t="s">
        <v>82</v>
      </c>
      <c r="B9992" s="14" t="s">
        <v>1</v>
      </c>
      <c r="C9992" s="14" t="s">
        <v>51</v>
      </c>
      <c r="D9992" s="14" t="s">
        <v>18</v>
      </c>
      <c r="E9992" s="15">
        <v>45513</v>
      </c>
      <c r="F9992" s="14" t="s">
        <v>15</v>
      </c>
      <c r="G9992" s="16">
        <v>0</v>
      </c>
    </row>
    <row r="9993" spans="1:7" x14ac:dyDescent="0.3">
      <c r="A9993" s="13" t="s">
        <v>82</v>
      </c>
      <c r="B9993" s="14" t="s">
        <v>1</v>
      </c>
      <c r="C9993" s="14" t="s">
        <v>51</v>
      </c>
      <c r="D9993" s="14" t="s">
        <v>18</v>
      </c>
      <c r="E9993" s="15">
        <v>45514</v>
      </c>
      <c r="F9993" s="14" t="s">
        <v>15</v>
      </c>
      <c r="G9993" s="16">
        <v>0</v>
      </c>
    </row>
    <row r="9994" spans="1:7" x14ac:dyDescent="0.3">
      <c r="A9994" s="13" t="s">
        <v>82</v>
      </c>
      <c r="B9994" s="14" t="s">
        <v>1</v>
      </c>
      <c r="C9994" s="14" t="s">
        <v>51</v>
      </c>
      <c r="D9994" s="14" t="s">
        <v>18</v>
      </c>
      <c r="E9994" s="15">
        <v>45515</v>
      </c>
      <c r="F9994" s="14" t="s">
        <v>15</v>
      </c>
      <c r="G9994" s="16">
        <v>0</v>
      </c>
    </row>
    <row r="9995" spans="1:7" x14ac:dyDescent="0.3">
      <c r="A9995" s="13" t="s">
        <v>82</v>
      </c>
      <c r="B9995" s="14" t="s">
        <v>1</v>
      </c>
      <c r="C9995" s="14" t="s">
        <v>51</v>
      </c>
      <c r="D9995" s="14" t="s">
        <v>18</v>
      </c>
      <c r="E9995" s="15">
        <v>45516</v>
      </c>
      <c r="F9995" s="14" t="s">
        <v>15</v>
      </c>
      <c r="G9995" s="16">
        <v>0</v>
      </c>
    </row>
    <row r="9996" spans="1:7" x14ac:dyDescent="0.3">
      <c r="A9996" s="13" t="s">
        <v>82</v>
      </c>
      <c r="B9996" s="14" t="s">
        <v>1</v>
      </c>
      <c r="C9996" s="14" t="s">
        <v>51</v>
      </c>
      <c r="D9996" s="14" t="s">
        <v>18</v>
      </c>
      <c r="E9996" s="15">
        <v>45517</v>
      </c>
      <c r="F9996" s="14" t="s">
        <v>15</v>
      </c>
      <c r="G9996" s="16">
        <v>0</v>
      </c>
    </row>
    <row r="9997" spans="1:7" x14ac:dyDescent="0.3">
      <c r="A9997" s="13" t="s">
        <v>82</v>
      </c>
      <c r="B9997" s="14" t="s">
        <v>1</v>
      </c>
      <c r="C9997" s="14" t="s">
        <v>51</v>
      </c>
      <c r="D9997" s="14" t="s">
        <v>18</v>
      </c>
      <c r="E9997" s="15">
        <v>45518</v>
      </c>
      <c r="F9997" s="14" t="s">
        <v>15</v>
      </c>
      <c r="G9997" s="16">
        <v>0</v>
      </c>
    </row>
    <row r="9998" spans="1:7" x14ac:dyDescent="0.3">
      <c r="A9998" s="13" t="s">
        <v>82</v>
      </c>
      <c r="B9998" s="14" t="s">
        <v>1</v>
      </c>
      <c r="C9998" s="14" t="s">
        <v>51</v>
      </c>
      <c r="D9998" s="14" t="s">
        <v>18</v>
      </c>
      <c r="E9998" s="15">
        <v>45519</v>
      </c>
      <c r="F9998" s="14" t="s">
        <v>15</v>
      </c>
      <c r="G9998" s="16">
        <v>0</v>
      </c>
    </row>
    <row r="9999" spans="1:7" x14ac:dyDescent="0.3">
      <c r="A9999" s="13" t="s">
        <v>82</v>
      </c>
      <c r="B9999" s="14" t="s">
        <v>1</v>
      </c>
      <c r="C9999" s="14" t="s">
        <v>51</v>
      </c>
      <c r="D9999" s="14" t="s">
        <v>18</v>
      </c>
      <c r="E9999" s="15">
        <v>45520</v>
      </c>
      <c r="F9999" s="14" t="s">
        <v>15</v>
      </c>
      <c r="G9999" s="16">
        <v>0</v>
      </c>
    </row>
    <row r="10000" spans="1:7" x14ac:dyDescent="0.3">
      <c r="A10000" s="13" t="s">
        <v>82</v>
      </c>
      <c r="B10000" s="14" t="s">
        <v>1</v>
      </c>
      <c r="C10000" s="14" t="s">
        <v>51</v>
      </c>
      <c r="D10000" s="14" t="s">
        <v>18</v>
      </c>
      <c r="E10000" s="15">
        <v>45521</v>
      </c>
      <c r="F10000" s="14" t="s">
        <v>15</v>
      </c>
      <c r="G10000" s="16">
        <v>0</v>
      </c>
    </row>
    <row r="10001" spans="1:7" x14ac:dyDescent="0.3">
      <c r="A10001" s="13" t="s">
        <v>82</v>
      </c>
      <c r="B10001" s="14" t="s">
        <v>1</v>
      </c>
      <c r="C10001" s="14" t="s">
        <v>51</v>
      </c>
      <c r="D10001" s="14" t="s">
        <v>18</v>
      </c>
      <c r="E10001" s="15">
        <v>45522</v>
      </c>
      <c r="F10001" s="14" t="s">
        <v>15</v>
      </c>
      <c r="G10001" s="16">
        <v>0</v>
      </c>
    </row>
    <row r="10002" spans="1:7" x14ac:dyDescent="0.3">
      <c r="A10002" s="13" t="s">
        <v>82</v>
      </c>
      <c r="B10002" s="14" t="s">
        <v>1</v>
      </c>
      <c r="C10002" s="14" t="s">
        <v>51</v>
      </c>
      <c r="D10002" s="14" t="s">
        <v>18</v>
      </c>
      <c r="E10002" s="15">
        <v>45523</v>
      </c>
      <c r="F10002" s="14" t="s">
        <v>15</v>
      </c>
      <c r="G10002" s="16">
        <v>0</v>
      </c>
    </row>
    <row r="10003" spans="1:7" x14ac:dyDescent="0.3">
      <c r="A10003" s="13" t="s">
        <v>82</v>
      </c>
      <c r="B10003" s="14" t="s">
        <v>1</v>
      </c>
      <c r="C10003" s="14" t="s">
        <v>51</v>
      </c>
      <c r="D10003" s="14" t="s">
        <v>18</v>
      </c>
      <c r="E10003" s="15">
        <v>45524</v>
      </c>
      <c r="F10003" s="14" t="s">
        <v>15</v>
      </c>
      <c r="G10003" s="16">
        <v>0</v>
      </c>
    </row>
    <row r="10004" spans="1:7" x14ac:dyDescent="0.3">
      <c r="A10004" s="13" t="s">
        <v>82</v>
      </c>
      <c r="B10004" s="14" t="s">
        <v>1</v>
      </c>
      <c r="C10004" s="14" t="s">
        <v>51</v>
      </c>
      <c r="D10004" s="14" t="s">
        <v>18</v>
      </c>
      <c r="E10004" s="15">
        <v>45525</v>
      </c>
      <c r="F10004" s="14" t="s">
        <v>15</v>
      </c>
      <c r="G10004" s="16">
        <v>0</v>
      </c>
    </row>
    <row r="10005" spans="1:7" x14ac:dyDescent="0.3">
      <c r="A10005" s="13" t="s">
        <v>82</v>
      </c>
      <c r="B10005" s="14" t="s">
        <v>1</v>
      </c>
      <c r="C10005" s="14" t="s">
        <v>51</v>
      </c>
      <c r="D10005" s="14" t="s">
        <v>18</v>
      </c>
      <c r="E10005" s="15">
        <v>45526</v>
      </c>
      <c r="F10005" s="14" t="s">
        <v>15</v>
      </c>
      <c r="G10005" s="16">
        <v>0</v>
      </c>
    </row>
    <row r="10006" spans="1:7" x14ac:dyDescent="0.3">
      <c r="A10006" s="13" t="s">
        <v>82</v>
      </c>
      <c r="B10006" s="14" t="s">
        <v>1</v>
      </c>
      <c r="C10006" s="14" t="s">
        <v>51</v>
      </c>
      <c r="D10006" s="14" t="s">
        <v>18</v>
      </c>
      <c r="E10006" s="15">
        <v>45527</v>
      </c>
      <c r="F10006" s="14" t="s">
        <v>15</v>
      </c>
      <c r="G10006" s="16">
        <v>0</v>
      </c>
    </row>
    <row r="10007" spans="1:7" x14ac:dyDescent="0.3">
      <c r="A10007" s="13" t="s">
        <v>82</v>
      </c>
      <c r="B10007" s="14" t="s">
        <v>1</v>
      </c>
      <c r="C10007" s="14" t="s">
        <v>51</v>
      </c>
      <c r="D10007" s="14" t="s">
        <v>18</v>
      </c>
      <c r="E10007" s="15">
        <v>45528</v>
      </c>
      <c r="F10007" s="14" t="s">
        <v>15</v>
      </c>
      <c r="G10007" s="16">
        <v>0</v>
      </c>
    </row>
    <row r="10008" spans="1:7" x14ac:dyDescent="0.3">
      <c r="A10008" s="13" t="s">
        <v>82</v>
      </c>
      <c r="B10008" s="14" t="s">
        <v>1</v>
      </c>
      <c r="C10008" s="14" t="s">
        <v>51</v>
      </c>
      <c r="D10008" s="14" t="s">
        <v>18</v>
      </c>
      <c r="E10008" s="15">
        <v>45529</v>
      </c>
      <c r="F10008" s="14" t="s">
        <v>15</v>
      </c>
      <c r="G10008" s="16">
        <v>0</v>
      </c>
    </row>
    <row r="10009" spans="1:7" x14ac:dyDescent="0.3">
      <c r="A10009" s="13" t="s">
        <v>82</v>
      </c>
      <c r="B10009" s="14" t="s">
        <v>1</v>
      </c>
      <c r="C10009" s="14" t="s">
        <v>51</v>
      </c>
      <c r="D10009" s="14" t="s">
        <v>18</v>
      </c>
      <c r="E10009" s="15">
        <v>45530</v>
      </c>
      <c r="F10009" s="14" t="s">
        <v>15</v>
      </c>
      <c r="G10009" s="16">
        <v>0</v>
      </c>
    </row>
    <row r="10010" spans="1:7" x14ac:dyDescent="0.3">
      <c r="A10010" s="13" t="s">
        <v>82</v>
      </c>
      <c r="B10010" s="14" t="s">
        <v>1</v>
      </c>
      <c r="C10010" s="14" t="s">
        <v>51</v>
      </c>
      <c r="D10010" s="14" t="s">
        <v>18</v>
      </c>
      <c r="E10010" s="15">
        <v>45531</v>
      </c>
      <c r="F10010" s="14" t="s">
        <v>15</v>
      </c>
      <c r="G10010" s="16">
        <v>0</v>
      </c>
    </row>
    <row r="10011" spans="1:7" x14ac:dyDescent="0.3">
      <c r="A10011" s="13" t="s">
        <v>82</v>
      </c>
      <c r="B10011" s="14" t="s">
        <v>1</v>
      </c>
      <c r="C10011" s="14" t="s">
        <v>51</v>
      </c>
      <c r="D10011" s="14" t="s">
        <v>18</v>
      </c>
      <c r="E10011" s="15">
        <v>45532</v>
      </c>
      <c r="F10011" s="14" t="s">
        <v>15</v>
      </c>
      <c r="G10011" s="16">
        <v>0</v>
      </c>
    </row>
    <row r="10012" spans="1:7" x14ac:dyDescent="0.3">
      <c r="A10012" s="13" t="s">
        <v>82</v>
      </c>
      <c r="B10012" s="14" t="s">
        <v>1</v>
      </c>
      <c r="C10012" s="14" t="s">
        <v>51</v>
      </c>
      <c r="D10012" s="14" t="s">
        <v>18</v>
      </c>
      <c r="E10012" s="15">
        <v>45533</v>
      </c>
      <c r="F10012" s="14" t="s">
        <v>15</v>
      </c>
      <c r="G10012" s="16">
        <v>0</v>
      </c>
    </row>
    <row r="10013" spans="1:7" x14ac:dyDescent="0.3">
      <c r="A10013" s="13" t="s">
        <v>82</v>
      </c>
      <c r="B10013" s="14" t="s">
        <v>1</v>
      </c>
      <c r="C10013" s="14" t="s">
        <v>51</v>
      </c>
      <c r="D10013" s="14" t="s">
        <v>18</v>
      </c>
      <c r="E10013" s="15">
        <v>45534</v>
      </c>
      <c r="F10013" s="14" t="s">
        <v>15</v>
      </c>
      <c r="G10013" s="16">
        <v>0</v>
      </c>
    </row>
    <row r="10014" spans="1:7" x14ac:dyDescent="0.3">
      <c r="A10014" s="13" t="s">
        <v>82</v>
      </c>
      <c r="B10014" s="14" t="s">
        <v>1</v>
      </c>
      <c r="C10014" s="14" t="s">
        <v>51</v>
      </c>
      <c r="D10014" s="14" t="s">
        <v>18</v>
      </c>
      <c r="E10014" s="15">
        <v>45535</v>
      </c>
      <c r="F10014" s="14" t="s">
        <v>15</v>
      </c>
      <c r="G10014" s="16">
        <v>0</v>
      </c>
    </row>
    <row r="10015" spans="1:7" x14ac:dyDescent="0.3">
      <c r="A10015" s="13" t="s">
        <v>82</v>
      </c>
      <c r="B10015" s="14" t="s">
        <v>1</v>
      </c>
      <c r="C10015" s="14" t="s">
        <v>51</v>
      </c>
      <c r="D10015" s="14" t="s">
        <v>18</v>
      </c>
      <c r="E10015" s="15">
        <v>45536</v>
      </c>
      <c r="F10015" s="14" t="s">
        <v>15</v>
      </c>
      <c r="G10015" s="16">
        <v>0</v>
      </c>
    </row>
    <row r="10016" spans="1:7" x14ac:dyDescent="0.3">
      <c r="A10016" s="13" t="s">
        <v>82</v>
      </c>
      <c r="B10016" s="14" t="s">
        <v>1</v>
      </c>
      <c r="C10016" s="14" t="s">
        <v>51</v>
      </c>
      <c r="D10016" s="14" t="s">
        <v>18</v>
      </c>
      <c r="E10016" s="15">
        <v>45537</v>
      </c>
      <c r="F10016" s="14" t="s">
        <v>15</v>
      </c>
      <c r="G10016" s="16">
        <v>0</v>
      </c>
    </row>
    <row r="10017" spans="1:7" x14ac:dyDescent="0.3">
      <c r="A10017" s="13" t="s">
        <v>82</v>
      </c>
      <c r="B10017" s="14" t="s">
        <v>1</v>
      </c>
      <c r="C10017" s="14" t="s">
        <v>51</v>
      </c>
      <c r="D10017" s="14" t="s">
        <v>18</v>
      </c>
      <c r="E10017" s="15">
        <v>45538</v>
      </c>
      <c r="F10017" s="14" t="s">
        <v>15</v>
      </c>
      <c r="G10017" s="16">
        <v>0</v>
      </c>
    </row>
    <row r="10018" spans="1:7" x14ac:dyDescent="0.3">
      <c r="A10018" s="13" t="s">
        <v>82</v>
      </c>
      <c r="B10018" s="14" t="s">
        <v>1</v>
      </c>
      <c r="C10018" s="14" t="s">
        <v>51</v>
      </c>
      <c r="D10018" s="14" t="s">
        <v>18</v>
      </c>
      <c r="E10018" s="15">
        <v>45539</v>
      </c>
      <c r="F10018" s="14" t="s">
        <v>15</v>
      </c>
      <c r="G10018" s="16">
        <v>0</v>
      </c>
    </row>
    <row r="10019" spans="1:7" x14ac:dyDescent="0.3">
      <c r="A10019" s="13" t="s">
        <v>82</v>
      </c>
      <c r="B10019" s="14" t="s">
        <v>1</v>
      </c>
      <c r="C10019" s="14" t="s">
        <v>51</v>
      </c>
      <c r="D10019" s="14" t="s">
        <v>18</v>
      </c>
      <c r="E10019" s="15">
        <v>45540</v>
      </c>
      <c r="F10019" s="14" t="s">
        <v>15</v>
      </c>
      <c r="G10019" s="16">
        <v>0</v>
      </c>
    </row>
    <row r="10020" spans="1:7" x14ac:dyDescent="0.3">
      <c r="A10020" s="13" t="s">
        <v>82</v>
      </c>
      <c r="B10020" s="14" t="s">
        <v>1</v>
      </c>
      <c r="C10020" s="14" t="s">
        <v>51</v>
      </c>
      <c r="D10020" s="14" t="s">
        <v>18</v>
      </c>
      <c r="E10020" s="15">
        <v>45541</v>
      </c>
      <c r="F10020" s="14" t="s">
        <v>15</v>
      </c>
      <c r="G10020" s="16">
        <v>0</v>
      </c>
    </row>
    <row r="10021" spans="1:7" x14ac:dyDescent="0.3">
      <c r="A10021" s="13" t="s">
        <v>82</v>
      </c>
      <c r="B10021" s="14" t="s">
        <v>1</v>
      </c>
      <c r="C10021" s="14" t="s">
        <v>51</v>
      </c>
      <c r="D10021" s="14" t="s">
        <v>18</v>
      </c>
      <c r="E10021" s="15">
        <v>45542</v>
      </c>
      <c r="F10021" s="14" t="s">
        <v>15</v>
      </c>
      <c r="G10021" s="16">
        <v>0</v>
      </c>
    </row>
    <row r="10022" spans="1:7" x14ac:dyDescent="0.3">
      <c r="A10022" s="13" t="s">
        <v>82</v>
      </c>
      <c r="B10022" s="14" t="s">
        <v>1</v>
      </c>
      <c r="C10022" s="14" t="s">
        <v>51</v>
      </c>
      <c r="D10022" s="14" t="s">
        <v>18</v>
      </c>
      <c r="E10022" s="15">
        <v>45543</v>
      </c>
      <c r="F10022" s="14" t="s">
        <v>15</v>
      </c>
      <c r="G10022" s="16">
        <v>0</v>
      </c>
    </row>
    <row r="10023" spans="1:7" x14ac:dyDescent="0.3">
      <c r="A10023" s="13" t="s">
        <v>82</v>
      </c>
      <c r="B10023" s="14" t="s">
        <v>1</v>
      </c>
      <c r="C10023" s="14" t="s">
        <v>51</v>
      </c>
      <c r="D10023" s="14" t="s">
        <v>18</v>
      </c>
      <c r="E10023" s="15">
        <v>45544</v>
      </c>
      <c r="F10023" s="14" t="s">
        <v>15</v>
      </c>
      <c r="G10023" s="16">
        <v>0</v>
      </c>
    </row>
    <row r="10024" spans="1:7" x14ac:dyDescent="0.3">
      <c r="A10024" s="13" t="s">
        <v>82</v>
      </c>
      <c r="B10024" s="14" t="s">
        <v>1</v>
      </c>
      <c r="C10024" s="14" t="s">
        <v>51</v>
      </c>
      <c r="D10024" s="14" t="s">
        <v>18</v>
      </c>
      <c r="E10024" s="15">
        <v>45545</v>
      </c>
      <c r="F10024" s="14" t="s">
        <v>15</v>
      </c>
      <c r="G10024" s="16">
        <v>0</v>
      </c>
    </row>
    <row r="10025" spans="1:7" x14ac:dyDescent="0.3">
      <c r="A10025" s="13" t="s">
        <v>82</v>
      </c>
      <c r="B10025" s="14" t="s">
        <v>1</v>
      </c>
      <c r="C10025" s="14" t="s">
        <v>51</v>
      </c>
      <c r="D10025" s="14" t="s">
        <v>18</v>
      </c>
      <c r="E10025" s="15">
        <v>45546</v>
      </c>
      <c r="F10025" s="14" t="s">
        <v>15</v>
      </c>
      <c r="G10025" s="16">
        <v>0</v>
      </c>
    </row>
    <row r="10026" spans="1:7" x14ac:dyDescent="0.3">
      <c r="A10026" s="13" t="s">
        <v>82</v>
      </c>
      <c r="B10026" s="14" t="s">
        <v>1</v>
      </c>
      <c r="C10026" s="14" t="s">
        <v>51</v>
      </c>
      <c r="D10026" s="14" t="s">
        <v>18</v>
      </c>
      <c r="E10026" s="15">
        <v>45547</v>
      </c>
      <c r="F10026" s="14" t="s">
        <v>15</v>
      </c>
      <c r="G10026" s="16">
        <v>0</v>
      </c>
    </row>
    <row r="10027" spans="1:7" x14ac:dyDescent="0.3">
      <c r="A10027" s="13" t="s">
        <v>82</v>
      </c>
      <c r="B10027" s="14" t="s">
        <v>1</v>
      </c>
      <c r="C10027" s="14" t="s">
        <v>51</v>
      </c>
      <c r="D10027" s="14" t="s">
        <v>18</v>
      </c>
      <c r="E10027" s="15">
        <v>45548</v>
      </c>
      <c r="F10027" s="14" t="s">
        <v>15</v>
      </c>
      <c r="G10027" s="16">
        <v>0</v>
      </c>
    </row>
    <row r="10028" spans="1:7" x14ac:dyDescent="0.3">
      <c r="A10028" s="13" t="s">
        <v>82</v>
      </c>
      <c r="B10028" s="14" t="s">
        <v>1</v>
      </c>
      <c r="C10028" s="14" t="s">
        <v>51</v>
      </c>
      <c r="D10028" s="14" t="s">
        <v>18</v>
      </c>
      <c r="E10028" s="15">
        <v>45549</v>
      </c>
      <c r="F10028" s="14" t="s">
        <v>15</v>
      </c>
      <c r="G10028" s="16">
        <v>0</v>
      </c>
    </row>
    <row r="10029" spans="1:7" x14ac:dyDescent="0.3">
      <c r="A10029" s="13" t="s">
        <v>82</v>
      </c>
      <c r="B10029" s="14" t="s">
        <v>1</v>
      </c>
      <c r="C10029" s="14" t="s">
        <v>51</v>
      </c>
      <c r="D10029" s="14" t="s">
        <v>18</v>
      </c>
      <c r="E10029" s="15">
        <v>45550</v>
      </c>
      <c r="F10029" s="14" t="s">
        <v>15</v>
      </c>
      <c r="G10029" s="16">
        <v>0</v>
      </c>
    </row>
    <row r="10030" spans="1:7" x14ac:dyDescent="0.3">
      <c r="A10030" s="13" t="s">
        <v>82</v>
      </c>
      <c r="B10030" s="14" t="s">
        <v>1</v>
      </c>
      <c r="C10030" s="14" t="s">
        <v>51</v>
      </c>
      <c r="D10030" s="14" t="s">
        <v>18</v>
      </c>
      <c r="E10030" s="15">
        <v>45551</v>
      </c>
      <c r="F10030" s="14" t="s">
        <v>15</v>
      </c>
      <c r="G10030" s="16">
        <v>0</v>
      </c>
    </row>
    <row r="10031" spans="1:7" x14ac:dyDescent="0.3">
      <c r="A10031" s="13" t="s">
        <v>82</v>
      </c>
      <c r="B10031" s="14" t="s">
        <v>1</v>
      </c>
      <c r="C10031" s="14" t="s">
        <v>51</v>
      </c>
      <c r="D10031" s="14" t="s">
        <v>18</v>
      </c>
      <c r="E10031" s="15">
        <v>45552</v>
      </c>
      <c r="F10031" s="14" t="s">
        <v>15</v>
      </c>
      <c r="G10031" s="16">
        <v>0</v>
      </c>
    </row>
    <row r="10032" spans="1:7" x14ac:dyDescent="0.3">
      <c r="A10032" s="13" t="s">
        <v>82</v>
      </c>
      <c r="B10032" s="14" t="s">
        <v>1</v>
      </c>
      <c r="C10032" s="14" t="s">
        <v>51</v>
      </c>
      <c r="D10032" s="14" t="s">
        <v>18</v>
      </c>
      <c r="E10032" s="15">
        <v>45553</v>
      </c>
      <c r="F10032" s="14" t="s">
        <v>15</v>
      </c>
      <c r="G10032" s="16">
        <v>0</v>
      </c>
    </row>
    <row r="10033" spans="1:7" x14ac:dyDescent="0.3">
      <c r="A10033" s="13" t="s">
        <v>82</v>
      </c>
      <c r="B10033" s="14" t="s">
        <v>1</v>
      </c>
      <c r="C10033" s="14" t="s">
        <v>51</v>
      </c>
      <c r="D10033" s="14" t="s">
        <v>18</v>
      </c>
      <c r="E10033" s="15">
        <v>45554</v>
      </c>
      <c r="F10033" s="14" t="s">
        <v>15</v>
      </c>
      <c r="G10033" s="16">
        <v>0</v>
      </c>
    </row>
    <row r="10034" spans="1:7" x14ac:dyDescent="0.3">
      <c r="A10034" s="13" t="s">
        <v>82</v>
      </c>
      <c r="B10034" s="14" t="s">
        <v>1</v>
      </c>
      <c r="C10034" s="14" t="s">
        <v>51</v>
      </c>
      <c r="D10034" s="14" t="s">
        <v>18</v>
      </c>
      <c r="E10034" s="15">
        <v>45555</v>
      </c>
      <c r="F10034" s="14" t="s">
        <v>15</v>
      </c>
      <c r="G10034" s="16">
        <v>0</v>
      </c>
    </row>
    <row r="10035" spans="1:7" x14ac:dyDescent="0.3">
      <c r="A10035" s="13" t="s">
        <v>82</v>
      </c>
      <c r="B10035" s="14" t="s">
        <v>1</v>
      </c>
      <c r="C10035" s="14" t="s">
        <v>51</v>
      </c>
      <c r="D10035" s="14" t="s">
        <v>18</v>
      </c>
      <c r="E10035" s="15">
        <v>45556</v>
      </c>
      <c r="F10035" s="14" t="s">
        <v>15</v>
      </c>
      <c r="G10035" s="16">
        <v>0</v>
      </c>
    </row>
    <row r="10036" spans="1:7" x14ac:dyDescent="0.3">
      <c r="A10036" s="13" t="s">
        <v>82</v>
      </c>
      <c r="B10036" s="14" t="s">
        <v>1</v>
      </c>
      <c r="C10036" s="14" t="s">
        <v>51</v>
      </c>
      <c r="D10036" s="14" t="s">
        <v>18</v>
      </c>
      <c r="E10036" s="15">
        <v>45557</v>
      </c>
      <c r="F10036" s="14" t="s">
        <v>15</v>
      </c>
      <c r="G10036" s="16">
        <v>0</v>
      </c>
    </row>
    <row r="10037" spans="1:7" x14ac:dyDescent="0.3">
      <c r="A10037" s="13" t="s">
        <v>82</v>
      </c>
      <c r="B10037" s="14" t="s">
        <v>1</v>
      </c>
      <c r="C10037" s="14" t="s">
        <v>51</v>
      </c>
      <c r="D10037" s="14" t="s">
        <v>18</v>
      </c>
      <c r="E10037" s="15">
        <v>45558</v>
      </c>
      <c r="F10037" s="14" t="s">
        <v>15</v>
      </c>
      <c r="G10037" s="16">
        <v>0</v>
      </c>
    </row>
    <row r="10038" spans="1:7" x14ac:dyDescent="0.3">
      <c r="A10038" s="13" t="s">
        <v>82</v>
      </c>
      <c r="B10038" s="14" t="s">
        <v>1</v>
      </c>
      <c r="C10038" s="14" t="s">
        <v>51</v>
      </c>
      <c r="D10038" s="14" t="s">
        <v>18</v>
      </c>
      <c r="E10038" s="15">
        <v>45559</v>
      </c>
      <c r="F10038" s="14" t="s">
        <v>15</v>
      </c>
      <c r="G10038" s="16">
        <v>0</v>
      </c>
    </row>
    <row r="10039" spans="1:7" x14ac:dyDescent="0.3">
      <c r="A10039" s="13" t="s">
        <v>82</v>
      </c>
      <c r="B10039" s="14" t="s">
        <v>1</v>
      </c>
      <c r="C10039" s="14" t="s">
        <v>51</v>
      </c>
      <c r="D10039" s="14" t="s">
        <v>18</v>
      </c>
      <c r="E10039" s="15">
        <v>45560</v>
      </c>
      <c r="F10039" s="14" t="s">
        <v>15</v>
      </c>
      <c r="G10039" s="16">
        <v>0</v>
      </c>
    </row>
    <row r="10040" spans="1:7" x14ac:dyDescent="0.3">
      <c r="A10040" s="13" t="s">
        <v>82</v>
      </c>
      <c r="B10040" s="14" t="s">
        <v>1</v>
      </c>
      <c r="C10040" s="14" t="s">
        <v>51</v>
      </c>
      <c r="D10040" s="14" t="s">
        <v>18</v>
      </c>
      <c r="E10040" s="15">
        <v>45561</v>
      </c>
      <c r="F10040" s="14" t="s">
        <v>15</v>
      </c>
      <c r="G10040" s="16">
        <v>0</v>
      </c>
    </row>
    <row r="10041" spans="1:7" x14ac:dyDescent="0.3">
      <c r="A10041" s="13" t="s">
        <v>82</v>
      </c>
      <c r="B10041" s="14" t="s">
        <v>1</v>
      </c>
      <c r="C10041" s="14" t="s">
        <v>51</v>
      </c>
      <c r="D10041" s="14" t="s">
        <v>18</v>
      </c>
      <c r="E10041" s="15">
        <v>45562</v>
      </c>
      <c r="F10041" s="14" t="s">
        <v>15</v>
      </c>
      <c r="G10041" s="16">
        <v>0</v>
      </c>
    </row>
    <row r="10042" spans="1:7" x14ac:dyDescent="0.3">
      <c r="A10042" s="13" t="s">
        <v>82</v>
      </c>
      <c r="B10042" s="14" t="s">
        <v>1</v>
      </c>
      <c r="C10042" s="14" t="s">
        <v>51</v>
      </c>
      <c r="D10042" s="14" t="s">
        <v>18</v>
      </c>
      <c r="E10042" s="15">
        <v>45563</v>
      </c>
      <c r="F10042" s="14" t="s">
        <v>15</v>
      </c>
      <c r="G10042" s="16">
        <v>0</v>
      </c>
    </row>
    <row r="10043" spans="1:7" x14ac:dyDescent="0.3">
      <c r="A10043" s="13" t="s">
        <v>82</v>
      </c>
      <c r="B10043" s="14" t="s">
        <v>1</v>
      </c>
      <c r="C10043" s="14" t="s">
        <v>51</v>
      </c>
      <c r="D10043" s="14" t="s">
        <v>18</v>
      </c>
      <c r="E10043" s="15">
        <v>45564</v>
      </c>
      <c r="F10043" s="14" t="s">
        <v>15</v>
      </c>
      <c r="G10043" s="16">
        <v>0</v>
      </c>
    </row>
    <row r="10044" spans="1:7" x14ac:dyDescent="0.3">
      <c r="A10044" s="13" t="s">
        <v>82</v>
      </c>
      <c r="B10044" s="14" t="s">
        <v>1</v>
      </c>
      <c r="C10044" s="14" t="s">
        <v>51</v>
      </c>
      <c r="D10044" s="14" t="s">
        <v>18</v>
      </c>
      <c r="E10044" s="15">
        <v>45565</v>
      </c>
      <c r="F10044" s="14" t="s">
        <v>15</v>
      </c>
      <c r="G10044" s="16">
        <v>0</v>
      </c>
    </row>
    <row r="10045" spans="1:7" x14ac:dyDescent="0.3">
      <c r="A10045" s="13" t="s">
        <v>82</v>
      </c>
      <c r="B10045" s="14" t="s">
        <v>1</v>
      </c>
      <c r="C10045" s="14" t="s">
        <v>51</v>
      </c>
      <c r="D10045" s="14" t="s">
        <v>18</v>
      </c>
      <c r="E10045" s="15">
        <v>45566</v>
      </c>
      <c r="F10045" s="14" t="s">
        <v>15</v>
      </c>
      <c r="G10045" s="16">
        <v>0</v>
      </c>
    </row>
    <row r="10046" spans="1:7" x14ac:dyDescent="0.3">
      <c r="A10046" s="13" t="s">
        <v>82</v>
      </c>
      <c r="B10046" s="14" t="s">
        <v>1</v>
      </c>
      <c r="C10046" s="14" t="s">
        <v>51</v>
      </c>
      <c r="D10046" s="14" t="s">
        <v>18</v>
      </c>
      <c r="E10046" s="15">
        <v>45567</v>
      </c>
      <c r="F10046" s="14" t="s">
        <v>15</v>
      </c>
      <c r="G10046" s="16">
        <v>0</v>
      </c>
    </row>
    <row r="10047" spans="1:7" x14ac:dyDescent="0.3">
      <c r="A10047" s="13" t="s">
        <v>82</v>
      </c>
      <c r="B10047" s="14" t="s">
        <v>1</v>
      </c>
      <c r="C10047" s="14" t="s">
        <v>51</v>
      </c>
      <c r="D10047" s="14" t="s">
        <v>18</v>
      </c>
      <c r="E10047" s="15">
        <v>45568</v>
      </c>
      <c r="F10047" s="14" t="s">
        <v>15</v>
      </c>
      <c r="G10047" s="16">
        <v>0</v>
      </c>
    </row>
    <row r="10048" spans="1:7" x14ac:dyDescent="0.3">
      <c r="A10048" s="13" t="s">
        <v>82</v>
      </c>
      <c r="B10048" s="14" t="s">
        <v>1</v>
      </c>
      <c r="C10048" s="14" t="s">
        <v>51</v>
      </c>
      <c r="D10048" s="14" t="s">
        <v>18</v>
      </c>
      <c r="E10048" s="15">
        <v>45569</v>
      </c>
      <c r="F10048" s="14" t="s">
        <v>15</v>
      </c>
      <c r="G10048" s="16">
        <v>0</v>
      </c>
    </row>
    <row r="10049" spans="1:7" x14ac:dyDescent="0.3">
      <c r="A10049" s="13" t="s">
        <v>82</v>
      </c>
      <c r="B10049" s="14" t="s">
        <v>1</v>
      </c>
      <c r="C10049" s="14" t="s">
        <v>51</v>
      </c>
      <c r="D10049" s="14" t="s">
        <v>18</v>
      </c>
      <c r="E10049" s="15">
        <v>45570</v>
      </c>
      <c r="F10049" s="14" t="s">
        <v>15</v>
      </c>
      <c r="G10049" s="16">
        <v>0</v>
      </c>
    </row>
    <row r="10050" spans="1:7" x14ac:dyDescent="0.3">
      <c r="A10050" s="13" t="s">
        <v>82</v>
      </c>
      <c r="B10050" s="14" t="s">
        <v>1</v>
      </c>
      <c r="C10050" s="14" t="s">
        <v>51</v>
      </c>
      <c r="D10050" s="14" t="s">
        <v>18</v>
      </c>
      <c r="E10050" s="15">
        <v>45571</v>
      </c>
      <c r="F10050" s="14" t="s">
        <v>15</v>
      </c>
      <c r="G10050" s="16">
        <v>0</v>
      </c>
    </row>
    <row r="10051" spans="1:7" x14ac:dyDescent="0.3">
      <c r="A10051" s="13" t="s">
        <v>82</v>
      </c>
      <c r="B10051" s="14" t="s">
        <v>1</v>
      </c>
      <c r="C10051" s="14" t="s">
        <v>51</v>
      </c>
      <c r="D10051" s="14" t="s">
        <v>18</v>
      </c>
      <c r="E10051" s="15">
        <v>45572</v>
      </c>
      <c r="F10051" s="14" t="s">
        <v>15</v>
      </c>
      <c r="G10051" s="16">
        <v>0</v>
      </c>
    </row>
    <row r="10052" spans="1:7" x14ac:dyDescent="0.3">
      <c r="A10052" s="13" t="s">
        <v>82</v>
      </c>
      <c r="B10052" s="14" t="s">
        <v>1</v>
      </c>
      <c r="C10052" s="14" t="s">
        <v>51</v>
      </c>
      <c r="D10052" s="14" t="s">
        <v>18</v>
      </c>
      <c r="E10052" s="15">
        <v>45573</v>
      </c>
      <c r="F10052" s="14" t="s">
        <v>15</v>
      </c>
      <c r="G10052" s="16">
        <v>0</v>
      </c>
    </row>
    <row r="10053" spans="1:7" x14ac:dyDescent="0.3">
      <c r="A10053" s="13" t="s">
        <v>82</v>
      </c>
      <c r="B10053" s="14" t="s">
        <v>1</v>
      </c>
      <c r="C10053" s="14" t="s">
        <v>51</v>
      </c>
      <c r="D10053" s="14" t="s">
        <v>18</v>
      </c>
      <c r="E10053" s="15">
        <v>45574</v>
      </c>
      <c r="F10053" s="14" t="s">
        <v>15</v>
      </c>
      <c r="G10053" s="16">
        <v>0</v>
      </c>
    </row>
    <row r="10054" spans="1:7" x14ac:dyDescent="0.3">
      <c r="A10054" s="13" t="s">
        <v>82</v>
      </c>
      <c r="B10054" s="14" t="s">
        <v>1</v>
      </c>
      <c r="C10054" s="14" t="s">
        <v>51</v>
      </c>
      <c r="D10054" s="14" t="s">
        <v>18</v>
      </c>
      <c r="E10054" s="15">
        <v>45575</v>
      </c>
      <c r="F10054" s="14" t="s">
        <v>15</v>
      </c>
      <c r="G10054" s="16">
        <v>0</v>
      </c>
    </row>
    <row r="10055" spans="1:7" x14ac:dyDescent="0.3">
      <c r="A10055" s="13" t="s">
        <v>82</v>
      </c>
      <c r="B10055" s="14" t="s">
        <v>1</v>
      </c>
      <c r="C10055" s="14" t="s">
        <v>51</v>
      </c>
      <c r="D10055" s="14" t="s">
        <v>18</v>
      </c>
      <c r="E10055" s="15">
        <v>45576</v>
      </c>
      <c r="F10055" s="14" t="s">
        <v>15</v>
      </c>
      <c r="G10055" s="16">
        <v>0</v>
      </c>
    </row>
    <row r="10056" spans="1:7" x14ac:dyDescent="0.3">
      <c r="A10056" s="13" t="s">
        <v>82</v>
      </c>
      <c r="B10056" s="14" t="s">
        <v>1</v>
      </c>
      <c r="C10056" s="14" t="s">
        <v>51</v>
      </c>
      <c r="D10056" s="14" t="s">
        <v>18</v>
      </c>
      <c r="E10056" s="15">
        <v>45577</v>
      </c>
      <c r="F10056" s="14" t="s">
        <v>15</v>
      </c>
      <c r="G10056" s="16">
        <v>0</v>
      </c>
    </row>
    <row r="10057" spans="1:7" x14ac:dyDescent="0.3">
      <c r="A10057" s="13" t="s">
        <v>82</v>
      </c>
      <c r="B10057" s="14" t="s">
        <v>1</v>
      </c>
      <c r="C10057" s="14" t="s">
        <v>51</v>
      </c>
      <c r="D10057" s="14" t="s">
        <v>18</v>
      </c>
      <c r="E10057" s="15">
        <v>45578</v>
      </c>
      <c r="F10057" s="14" t="s">
        <v>15</v>
      </c>
      <c r="G10057" s="16">
        <v>0</v>
      </c>
    </row>
    <row r="10058" spans="1:7" x14ac:dyDescent="0.3">
      <c r="A10058" s="13" t="s">
        <v>82</v>
      </c>
      <c r="B10058" s="14" t="s">
        <v>1</v>
      </c>
      <c r="C10058" s="14" t="s">
        <v>51</v>
      </c>
      <c r="D10058" s="14" t="s">
        <v>18</v>
      </c>
      <c r="E10058" s="15">
        <v>45579</v>
      </c>
      <c r="F10058" s="14" t="s">
        <v>15</v>
      </c>
      <c r="G10058" s="16">
        <v>0</v>
      </c>
    </row>
    <row r="10059" spans="1:7" x14ac:dyDescent="0.3">
      <c r="A10059" s="13" t="s">
        <v>82</v>
      </c>
      <c r="B10059" s="14" t="s">
        <v>1</v>
      </c>
      <c r="C10059" s="14" t="s">
        <v>51</v>
      </c>
      <c r="D10059" s="14" t="s">
        <v>18</v>
      </c>
      <c r="E10059" s="15">
        <v>45580</v>
      </c>
      <c r="F10059" s="14" t="s">
        <v>15</v>
      </c>
      <c r="G10059" s="16">
        <v>0</v>
      </c>
    </row>
    <row r="10060" spans="1:7" x14ac:dyDescent="0.3">
      <c r="A10060" s="13" t="s">
        <v>82</v>
      </c>
      <c r="B10060" s="14" t="s">
        <v>1</v>
      </c>
      <c r="C10060" s="14" t="s">
        <v>51</v>
      </c>
      <c r="D10060" s="14" t="s">
        <v>18</v>
      </c>
      <c r="E10060" s="15">
        <v>45581</v>
      </c>
      <c r="F10060" s="14" t="s">
        <v>15</v>
      </c>
      <c r="G10060" s="16">
        <v>0</v>
      </c>
    </row>
    <row r="10061" spans="1:7" x14ac:dyDescent="0.3">
      <c r="A10061" s="13" t="s">
        <v>82</v>
      </c>
      <c r="B10061" s="14" t="s">
        <v>1</v>
      </c>
      <c r="C10061" s="14" t="s">
        <v>51</v>
      </c>
      <c r="D10061" s="14" t="s">
        <v>18</v>
      </c>
      <c r="E10061" s="15">
        <v>45582</v>
      </c>
      <c r="F10061" s="14" t="s">
        <v>15</v>
      </c>
      <c r="G10061" s="16">
        <v>0</v>
      </c>
    </row>
    <row r="10062" spans="1:7" x14ac:dyDescent="0.3">
      <c r="A10062" s="13" t="s">
        <v>82</v>
      </c>
      <c r="B10062" s="14" t="s">
        <v>1</v>
      </c>
      <c r="C10062" s="14" t="s">
        <v>51</v>
      </c>
      <c r="D10062" s="14" t="s">
        <v>18</v>
      </c>
      <c r="E10062" s="15">
        <v>45583</v>
      </c>
      <c r="F10062" s="14" t="s">
        <v>15</v>
      </c>
      <c r="G10062" s="16">
        <v>0</v>
      </c>
    </row>
    <row r="10063" spans="1:7" x14ac:dyDescent="0.3">
      <c r="A10063" s="13" t="s">
        <v>82</v>
      </c>
      <c r="B10063" s="14" t="s">
        <v>1</v>
      </c>
      <c r="C10063" s="14" t="s">
        <v>51</v>
      </c>
      <c r="D10063" s="14" t="s">
        <v>18</v>
      </c>
      <c r="E10063" s="15">
        <v>45584</v>
      </c>
      <c r="F10063" s="14" t="s">
        <v>15</v>
      </c>
      <c r="G10063" s="16">
        <v>0</v>
      </c>
    </row>
    <row r="10064" spans="1:7" x14ac:dyDescent="0.3">
      <c r="A10064" s="13" t="s">
        <v>82</v>
      </c>
      <c r="B10064" s="14" t="s">
        <v>1</v>
      </c>
      <c r="C10064" s="14" t="s">
        <v>51</v>
      </c>
      <c r="D10064" s="14" t="s">
        <v>18</v>
      </c>
      <c r="E10064" s="15">
        <v>45585</v>
      </c>
      <c r="F10064" s="14" t="s">
        <v>15</v>
      </c>
      <c r="G10064" s="16">
        <v>0</v>
      </c>
    </row>
    <row r="10065" spans="1:7" x14ac:dyDescent="0.3">
      <c r="A10065" s="13" t="s">
        <v>82</v>
      </c>
      <c r="B10065" s="14" t="s">
        <v>1</v>
      </c>
      <c r="C10065" s="14" t="s">
        <v>51</v>
      </c>
      <c r="D10065" s="14" t="s">
        <v>18</v>
      </c>
      <c r="E10065" s="15">
        <v>45586</v>
      </c>
      <c r="F10065" s="14" t="s">
        <v>15</v>
      </c>
      <c r="G10065" s="16">
        <v>0</v>
      </c>
    </row>
    <row r="10066" spans="1:7" x14ac:dyDescent="0.3">
      <c r="A10066" s="13" t="s">
        <v>82</v>
      </c>
      <c r="B10066" s="14" t="s">
        <v>1</v>
      </c>
      <c r="C10066" s="14" t="s">
        <v>51</v>
      </c>
      <c r="D10066" s="14" t="s">
        <v>18</v>
      </c>
      <c r="E10066" s="15">
        <v>45587</v>
      </c>
      <c r="F10066" s="14" t="s">
        <v>15</v>
      </c>
      <c r="G10066" s="16">
        <v>0</v>
      </c>
    </row>
    <row r="10067" spans="1:7" x14ac:dyDescent="0.3">
      <c r="A10067" s="13" t="s">
        <v>82</v>
      </c>
      <c r="B10067" s="14" t="s">
        <v>1</v>
      </c>
      <c r="C10067" s="14" t="s">
        <v>51</v>
      </c>
      <c r="D10067" s="14" t="s">
        <v>18</v>
      </c>
      <c r="E10067" s="15">
        <v>45588</v>
      </c>
      <c r="F10067" s="14" t="s">
        <v>15</v>
      </c>
      <c r="G10067" s="16">
        <v>0</v>
      </c>
    </row>
    <row r="10068" spans="1:7" x14ac:dyDescent="0.3">
      <c r="A10068" s="13" t="s">
        <v>82</v>
      </c>
      <c r="B10068" s="14" t="s">
        <v>1</v>
      </c>
      <c r="C10068" s="14" t="s">
        <v>51</v>
      </c>
      <c r="D10068" s="14" t="s">
        <v>18</v>
      </c>
      <c r="E10068" s="15">
        <v>45589</v>
      </c>
      <c r="F10068" s="14" t="s">
        <v>15</v>
      </c>
      <c r="G10068" s="16">
        <v>0</v>
      </c>
    </row>
    <row r="10069" spans="1:7" x14ac:dyDescent="0.3">
      <c r="A10069" s="13" t="s">
        <v>82</v>
      </c>
      <c r="B10069" s="14" t="s">
        <v>1</v>
      </c>
      <c r="C10069" s="14" t="s">
        <v>51</v>
      </c>
      <c r="D10069" s="14" t="s">
        <v>18</v>
      </c>
      <c r="E10069" s="15">
        <v>45590</v>
      </c>
      <c r="F10069" s="14" t="s">
        <v>15</v>
      </c>
      <c r="G10069" s="16">
        <v>0</v>
      </c>
    </row>
    <row r="10070" spans="1:7" x14ac:dyDescent="0.3">
      <c r="A10070" s="13" t="s">
        <v>82</v>
      </c>
      <c r="B10070" s="14" t="s">
        <v>1</v>
      </c>
      <c r="C10070" s="14" t="s">
        <v>51</v>
      </c>
      <c r="D10070" s="14" t="s">
        <v>18</v>
      </c>
      <c r="E10070" s="15">
        <v>45591</v>
      </c>
      <c r="F10070" s="14" t="s">
        <v>15</v>
      </c>
      <c r="G10070" s="16">
        <v>0</v>
      </c>
    </row>
    <row r="10071" spans="1:7" x14ac:dyDescent="0.3">
      <c r="A10071" s="13" t="s">
        <v>82</v>
      </c>
      <c r="B10071" s="14" t="s">
        <v>1</v>
      </c>
      <c r="C10071" s="14" t="s">
        <v>51</v>
      </c>
      <c r="D10071" s="14" t="s">
        <v>18</v>
      </c>
      <c r="E10071" s="15">
        <v>45592</v>
      </c>
      <c r="F10071" s="14" t="s">
        <v>15</v>
      </c>
      <c r="G10071" s="16">
        <v>0</v>
      </c>
    </row>
    <row r="10072" spans="1:7" x14ac:dyDescent="0.3">
      <c r="A10072" s="13" t="s">
        <v>82</v>
      </c>
      <c r="B10072" s="14" t="s">
        <v>1</v>
      </c>
      <c r="C10072" s="14" t="s">
        <v>51</v>
      </c>
      <c r="D10072" s="14" t="s">
        <v>18</v>
      </c>
      <c r="E10072" s="15">
        <v>45593</v>
      </c>
      <c r="F10072" s="14" t="s">
        <v>15</v>
      </c>
      <c r="G10072" s="16">
        <v>0</v>
      </c>
    </row>
    <row r="10073" spans="1:7" x14ac:dyDescent="0.3">
      <c r="A10073" s="13" t="s">
        <v>82</v>
      </c>
      <c r="B10073" s="14" t="s">
        <v>1</v>
      </c>
      <c r="C10073" s="14" t="s">
        <v>51</v>
      </c>
      <c r="D10073" s="14" t="s">
        <v>18</v>
      </c>
      <c r="E10073" s="15">
        <v>45594</v>
      </c>
      <c r="F10073" s="14" t="s">
        <v>15</v>
      </c>
      <c r="G10073" s="16">
        <v>0</v>
      </c>
    </row>
    <row r="10074" spans="1:7" x14ac:dyDescent="0.3">
      <c r="A10074" s="13" t="s">
        <v>82</v>
      </c>
      <c r="B10074" s="14" t="s">
        <v>1</v>
      </c>
      <c r="C10074" s="14" t="s">
        <v>51</v>
      </c>
      <c r="D10074" s="14" t="s">
        <v>18</v>
      </c>
      <c r="E10074" s="15">
        <v>45595</v>
      </c>
      <c r="F10074" s="14" t="s">
        <v>15</v>
      </c>
      <c r="G10074" s="16">
        <v>0</v>
      </c>
    </row>
    <row r="10075" spans="1:7" x14ac:dyDescent="0.3">
      <c r="A10075" s="13" t="s">
        <v>82</v>
      </c>
      <c r="B10075" s="14" t="s">
        <v>1</v>
      </c>
      <c r="C10075" s="14" t="s">
        <v>51</v>
      </c>
      <c r="D10075" s="14" t="s">
        <v>18</v>
      </c>
      <c r="E10075" s="15">
        <v>45596</v>
      </c>
      <c r="F10075" s="14" t="s">
        <v>15</v>
      </c>
      <c r="G10075" s="16">
        <v>0</v>
      </c>
    </row>
    <row r="10076" spans="1:7" x14ac:dyDescent="0.3">
      <c r="A10076" s="13" t="s">
        <v>82</v>
      </c>
      <c r="B10076" s="14" t="s">
        <v>1</v>
      </c>
      <c r="C10076" s="14" t="s">
        <v>51</v>
      </c>
      <c r="D10076" s="14" t="s">
        <v>18</v>
      </c>
      <c r="E10076" s="15">
        <v>45597</v>
      </c>
      <c r="F10076" s="14" t="s">
        <v>15</v>
      </c>
      <c r="G10076" s="16">
        <v>0</v>
      </c>
    </row>
    <row r="10077" spans="1:7" x14ac:dyDescent="0.3">
      <c r="A10077" s="13" t="s">
        <v>82</v>
      </c>
      <c r="B10077" s="14" t="s">
        <v>1</v>
      </c>
      <c r="C10077" s="14" t="s">
        <v>51</v>
      </c>
      <c r="D10077" s="14" t="s">
        <v>18</v>
      </c>
      <c r="E10077" s="15">
        <v>45598</v>
      </c>
      <c r="F10077" s="14" t="s">
        <v>15</v>
      </c>
      <c r="G10077" s="16">
        <v>0</v>
      </c>
    </row>
    <row r="10078" spans="1:7" x14ac:dyDescent="0.3">
      <c r="A10078" s="13" t="s">
        <v>82</v>
      </c>
      <c r="B10078" s="14" t="s">
        <v>1</v>
      </c>
      <c r="C10078" s="14" t="s">
        <v>51</v>
      </c>
      <c r="D10078" s="14" t="s">
        <v>18</v>
      </c>
      <c r="E10078" s="15">
        <v>45599</v>
      </c>
      <c r="F10078" s="14" t="s">
        <v>15</v>
      </c>
      <c r="G10078" s="16">
        <v>0</v>
      </c>
    </row>
    <row r="10079" spans="1:7" x14ac:dyDescent="0.3">
      <c r="A10079" s="13" t="s">
        <v>82</v>
      </c>
      <c r="B10079" s="14" t="s">
        <v>1</v>
      </c>
      <c r="C10079" s="14" t="s">
        <v>51</v>
      </c>
      <c r="D10079" s="14" t="s">
        <v>18</v>
      </c>
      <c r="E10079" s="15">
        <v>45600</v>
      </c>
      <c r="F10079" s="14" t="s">
        <v>15</v>
      </c>
      <c r="G10079" s="16">
        <v>0</v>
      </c>
    </row>
    <row r="10080" spans="1:7" x14ac:dyDescent="0.3">
      <c r="A10080" s="13" t="s">
        <v>82</v>
      </c>
      <c r="B10080" s="14" t="s">
        <v>1</v>
      </c>
      <c r="C10080" s="14" t="s">
        <v>51</v>
      </c>
      <c r="D10080" s="14" t="s">
        <v>18</v>
      </c>
      <c r="E10080" s="15">
        <v>45601</v>
      </c>
      <c r="F10080" s="14" t="s">
        <v>15</v>
      </c>
      <c r="G10080" s="16">
        <v>0</v>
      </c>
    </row>
    <row r="10081" spans="1:7" x14ac:dyDescent="0.3">
      <c r="A10081" s="13" t="s">
        <v>82</v>
      </c>
      <c r="B10081" s="14" t="s">
        <v>1</v>
      </c>
      <c r="C10081" s="14" t="s">
        <v>51</v>
      </c>
      <c r="D10081" s="14" t="s">
        <v>18</v>
      </c>
      <c r="E10081" s="15">
        <v>45602</v>
      </c>
      <c r="F10081" s="14" t="s">
        <v>15</v>
      </c>
      <c r="G10081" s="16">
        <v>0</v>
      </c>
    </row>
    <row r="10082" spans="1:7" x14ac:dyDescent="0.3">
      <c r="A10082" s="13" t="s">
        <v>82</v>
      </c>
      <c r="B10082" s="14" t="s">
        <v>1</v>
      </c>
      <c r="C10082" s="14" t="s">
        <v>51</v>
      </c>
      <c r="D10082" s="14" t="s">
        <v>18</v>
      </c>
      <c r="E10082" s="15">
        <v>45603</v>
      </c>
      <c r="F10082" s="14" t="s">
        <v>15</v>
      </c>
      <c r="G10082" s="16">
        <v>0</v>
      </c>
    </row>
    <row r="10083" spans="1:7" x14ac:dyDescent="0.3">
      <c r="A10083" s="13" t="s">
        <v>82</v>
      </c>
      <c r="B10083" s="14" t="s">
        <v>1</v>
      </c>
      <c r="C10083" s="14" t="s">
        <v>51</v>
      </c>
      <c r="D10083" s="14" t="s">
        <v>18</v>
      </c>
      <c r="E10083" s="15">
        <v>45604</v>
      </c>
      <c r="F10083" s="14" t="s">
        <v>15</v>
      </c>
      <c r="G10083" s="16">
        <v>0</v>
      </c>
    </row>
    <row r="10084" spans="1:7" x14ac:dyDescent="0.3">
      <c r="A10084" s="13" t="s">
        <v>82</v>
      </c>
      <c r="B10084" s="14" t="s">
        <v>1</v>
      </c>
      <c r="C10084" s="14" t="s">
        <v>51</v>
      </c>
      <c r="D10084" s="14" t="s">
        <v>18</v>
      </c>
      <c r="E10084" s="15">
        <v>45605</v>
      </c>
      <c r="F10084" s="14" t="s">
        <v>15</v>
      </c>
      <c r="G10084" s="16">
        <v>0</v>
      </c>
    </row>
    <row r="10085" spans="1:7" x14ac:dyDescent="0.3">
      <c r="A10085" s="13" t="s">
        <v>82</v>
      </c>
      <c r="B10085" s="14" t="s">
        <v>1</v>
      </c>
      <c r="C10085" s="14" t="s">
        <v>51</v>
      </c>
      <c r="D10085" s="14" t="s">
        <v>18</v>
      </c>
      <c r="E10085" s="15">
        <v>45606</v>
      </c>
      <c r="F10085" s="14" t="s">
        <v>15</v>
      </c>
      <c r="G10085" s="16">
        <v>0</v>
      </c>
    </row>
    <row r="10086" spans="1:7" x14ac:dyDescent="0.3">
      <c r="A10086" s="13" t="s">
        <v>82</v>
      </c>
      <c r="B10086" s="14" t="s">
        <v>1</v>
      </c>
      <c r="C10086" s="14" t="s">
        <v>51</v>
      </c>
      <c r="D10086" s="14" t="s">
        <v>18</v>
      </c>
      <c r="E10086" s="15">
        <v>45607</v>
      </c>
      <c r="F10086" s="14" t="s">
        <v>15</v>
      </c>
      <c r="G10086" s="16">
        <v>0</v>
      </c>
    </row>
    <row r="10087" spans="1:7" x14ac:dyDescent="0.3">
      <c r="A10087" s="13" t="s">
        <v>82</v>
      </c>
      <c r="B10087" s="14" t="s">
        <v>1</v>
      </c>
      <c r="C10087" s="14" t="s">
        <v>51</v>
      </c>
      <c r="D10087" s="14" t="s">
        <v>18</v>
      </c>
      <c r="E10087" s="15">
        <v>45608</v>
      </c>
      <c r="F10087" s="14" t="s">
        <v>15</v>
      </c>
      <c r="G10087" s="16">
        <v>0</v>
      </c>
    </row>
    <row r="10088" spans="1:7" x14ac:dyDescent="0.3">
      <c r="A10088" s="13" t="s">
        <v>82</v>
      </c>
      <c r="B10088" s="14" t="s">
        <v>1</v>
      </c>
      <c r="C10088" s="14" t="s">
        <v>51</v>
      </c>
      <c r="D10088" s="14" t="s">
        <v>18</v>
      </c>
      <c r="E10088" s="15">
        <v>45609</v>
      </c>
      <c r="F10088" s="14" t="s">
        <v>15</v>
      </c>
      <c r="G10088" s="16">
        <v>0</v>
      </c>
    </row>
    <row r="10089" spans="1:7" x14ac:dyDescent="0.3">
      <c r="A10089" s="13" t="s">
        <v>82</v>
      </c>
      <c r="B10089" s="14" t="s">
        <v>1</v>
      </c>
      <c r="C10089" s="14" t="s">
        <v>51</v>
      </c>
      <c r="D10089" s="14" t="s">
        <v>18</v>
      </c>
      <c r="E10089" s="15">
        <v>45610</v>
      </c>
      <c r="F10089" s="14" t="s">
        <v>15</v>
      </c>
      <c r="G10089" s="16">
        <v>0</v>
      </c>
    </row>
    <row r="10090" spans="1:7" x14ac:dyDescent="0.3">
      <c r="A10090" s="13" t="s">
        <v>82</v>
      </c>
      <c r="B10090" s="14" t="s">
        <v>1</v>
      </c>
      <c r="C10090" s="14" t="s">
        <v>51</v>
      </c>
      <c r="D10090" s="14" t="s">
        <v>18</v>
      </c>
      <c r="E10090" s="15">
        <v>45611</v>
      </c>
      <c r="F10090" s="14" t="s">
        <v>15</v>
      </c>
      <c r="G10090" s="16">
        <v>0</v>
      </c>
    </row>
    <row r="10091" spans="1:7" x14ac:dyDescent="0.3">
      <c r="A10091" s="13" t="s">
        <v>82</v>
      </c>
      <c r="B10091" s="14" t="s">
        <v>1</v>
      </c>
      <c r="C10091" s="14" t="s">
        <v>51</v>
      </c>
      <c r="D10091" s="14" t="s">
        <v>18</v>
      </c>
      <c r="E10091" s="15">
        <v>45612</v>
      </c>
      <c r="F10091" s="14" t="s">
        <v>15</v>
      </c>
      <c r="G10091" s="16">
        <v>0</v>
      </c>
    </row>
    <row r="10092" spans="1:7" x14ac:dyDescent="0.3">
      <c r="A10092" s="13" t="s">
        <v>82</v>
      </c>
      <c r="B10092" s="14" t="s">
        <v>1</v>
      </c>
      <c r="C10092" s="14" t="s">
        <v>51</v>
      </c>
      <c r="D10092" s="14" t="s">
        <v>18</v>
      </c>
      <c r="E10092" s="15">
        <v>45613</v>
      </c>
      <c r="F10092" s="14" t="s">
        <v>15</v>
      </c>
      <c r="G10092" s="16">
        <v>0</v>
      </c>
    </row>
    <row r="10093" spans="1:7" x14ac:dyDescent="0.3">
      <c r="A10093" s="13" t="s">
        <v>82</v>
      </c>
      <c r="B10093" s="14" t="s">
        <v>1</v>
      </c>
      <c r="C10093" s="14" t="s">
        <v>51</v>
      </c>
      <c r="D10093" s="14" t="s">
        <v>18</v>
      </c>
      <c r="E10093" s="15">
        <v>45614</v>
      </c>
      <c r="F10093" s="14" t="s">
        <v>15</v>
      </c>
      <c r="G10093" s="16">
        <v>0</v>
      </c>
    </row>
    <row r="10094" spans="1:7" x14ac:dyDescent="0.3">
      <c r="A10094" s="13" t="s">
        <v>82</v>
      </c>
      <c r="B10094" s="14" t="s">
        <v>1</v>
      </c>
      <c r="C10094" s="14" t="s">
        <v>51</v>
      </c>
      <c r="D10094" s="14" t="s">
        <v>18</v>
      </c>
      <c r="E10094" s="15">
        <v>45615</v>
      </c>
      <c r="F10094" s="14" t="s">
        <v>15</v>
      </c>
      <c r="G10094" s="16">
        <v>0</v>
      </c>
    </row>
    <row r="10095" spans="1:7" x14ac:dyDescent="0.3">
      <c r="A10095" s="13" t="s">
        <v>82</v>
      </c>
      <c r="B10095" s="14" t="s">
        <v>1</v>
      </c>
      <c r="C10095" s="14" t="s">
        <v>51</v>
      </c>
      <c r="D10095" s="14" t="s">
        <v>18</v>
      </c>
      <c r="E10095" s="15">
        <v>45616</v>
      </c>
      <c r="F10095" s="14" t="s">
        <v>15</v>
      </c>
      <c r="G10095" s="16">
        <v>0</v>
      </c>
    </row>
    <row r="10096" spans="1:7" x14ac:dyDescent="0.3">
      <c r="A10096" s="13" t="s">
        <v>82</v>
      </c>
      <c r="B10096" s="14" t="s">
        <v>1</v>
      </c>
      <c r="C10096" s="14" t="s">
        <v>51</v>
      </c>
      <c r="D10096" s="14" t="s">
        <v>18</v>
      </c>
      <c r="E10096" s="15">
        <v>45617</v>
      </c>
      <c r="F10096" s="14" t="s">
        <v>15</v>
      </c>
      <c r="G10096" s="16">
        <v>0</v>
      </c>
    </row>
    <row r="10097" spans="1:7" x14ac:dyDescent="0.3">
      <c r="A10097" s="13" t="s">
        <v>82</v>
      </c>
      <c r="B10097" s="14" t="s">
        <v>1</v>
      </c>
      <c r="C10097" s="14" t="s">
        <v>51</v>
      </c>
      <c r="D10097" s="14" t="s">
        <v>18</v>
      </c>
      <c r="E10097" s="15">
        <v>45618</v>
      </c>
      <c r="F10097" s="14" t="s">
        <v>15</v>
      </c>
      <c r="G10097" s="16">
        <v>0</v>
      </c>
    </row>
    <row r="10098" spans="1:7" x14ac:dyDescent="0.3">
      <c r="A10098" s="13" t="s">
        <v>82</v>
      </c>
      <c r="B10098" s="14" t="s">
        <v>1</v>
      </c>
      <c r="C10098" s="14" t="s">
        <v>51</v>
      </c>
      <c r="D10098" s="14" t="s">
        <v>18</v>
      </c>
      <c r="E10098" s="15">
        <v>45619</v>
      </c>
      <c r="F10098" s="14" t="s">
        <v>15</v>
      </c>
      <c r="G10098" s="16">
        <v>0</v>
      </c>
    </row>
    <row r="10099" spans="1:7" x14ac:dyDescent="0.3">
      <c r="A10099" s="13" t="s">
        <v>82</v>
      </c>
      <c r="B10099" s="14" t="s">
        <v>1</v>
      </c>
      <c r="C10099" s="14" t="s">
        <v>51</v>
      </c>
      <c r="D10099" s="14" t="s">
        <v>18</v>
      </c>
      <c r="E10099" s="15">
        <v>45620</v>
      </c>
      <c r="F10099" s="14" t="s">
        <v>15</v>
      </c>
      <c r="G10099" s="16">
        <v>0</v>
      </c>
    </row>
    <row r="10100" spans="1:7" x14ac:dyDescent="0.3">
      <c r="A10100" s="13" t="s">
        <v>82</v>
      </c>
      <c r="B10100" s="14" t="s">
        <v>1</v>
      </c>
      <c r="C10100" s="14" t="s">
        <v>51</v>
      </c>
      <c r="D10100" s="14" t="s">
        <v>18</v>
      </c>
      <c r="E10100" s="15">
        <v>45621</v>
      </c>
      <c r="F10100" s="14" t="s">
        <v>15</v>
      </c>
      <c r="G10100" s="16">
        <v>0</v>
      </c>
    </row>
    <row r="10101" spans="1:7" x14ac:dyDescent="0.3">
      <c r="A10101" s="13" t="s">
        <v>82</v>
      </c>
      <c r="B10101" s="14" t="s">
        <v>1</v>
      </c>
      <c r="C10101" s="14" t="s">
        <v>51</v>
      </c>
      <c r="D10101" s="14" t="s">
        <v>18</v>
      </c>
      <c r="E10101" s="15">
        <v>45622</v>
      </c>
      <c r="F10101" s="14" t="s">
        <v>15</v>
      </c>
      <c r="G10101" s="16">
        <v>0</v>
      </c>
    </row>
    <row r="10102" spans="1:7" x14ac:dyDescent="0.3">
      <c r="A10102" s="13" t="s">
        <v>82</v>
      </c>
      <c r="B10102" s="14" t="s">
        <v>1</v>
      </c>
      <c r="C10102" s="14" t="s">
        <v>51</v>
      </c>
      <c r="D10102" s="14" t="s">
        <v>18</v>
      </c>
      <c r="E10102" s="15">
        <v>45623</v>
      </c>
      <c r="F10102" s="14" t="s">
        <v>15</v>
      </c>
      <c r="G10102" s="16">
        <v>0</v>
      </c>
    </row>
    <row r="10103" spans="1:7" x14ac:dyDescent="0.3">
      <c r="A10103" s="13" t="s">
        <v>82</v>
      </c>
      <c r="B10103" s="14" t="s">
        <v>1</v>
      </c>
      <c r="C10103" s="14" t="s">
        <v>51</v>
      </c>
      <c r="D10103" s="14" t="s">
        <v>18</v>
      </c>
      <c r="E10103" s="15">
        <v>45624</v>
      </c>
      <c r="F10103" s="14" t="s">
        <v>15</v>
      </c>
      <c r="G10103" s="16">
        <v>0</v>
      </c>
    </row>
    <row r="10104" spans="1:7" x14ac:dyDescent="0.3">
      <c r="A10104" s="13" t="s">
        <v>82</v>
      </c>
      <c r="B10104" s="14" t="s">
        <v>1</v>
      </c>
      <c r="C10104" s="14" t="s">
        <v>51</v>
      </c>
      <c r="D10104" s="14" t="s">
        <v>18</v>
      </c>
      <c r="E10104" s="15">
        <v>45625</v>
      </c>
      <c r="F10104" s="14" t="s">
        <v>15</v>
      </c>
      <c r="G10104" s="16">
        <v>0</v>
      </c>
    </row>
    <row r="10105" spans="1:7" x14ac:dyDescent="0.3">
      <c r="A10105" s="13" t="s">
        <v>82</v>
      </c>
      <c r="B10105" s="14" t="s">
        <v>1</v>
      </c>
      <c r="C10105" s="14" t="s">
        <v>51</v>
      </c>
      <c r="D10105" s="14" t="s">
        <v>18</v>
      </c>
      <c r="E10105" s="15">
        <v>45626</v>
      </c>
      <c r="F10105" s="14" t="s">
        <v>15</v>
      </c>
      <c r="G10105" s="16">
        <v>0</v>
      </c>
    </row>
    <row r="10106" spans="1:7" x14ac:dyDescent="0.3">
      <c r="A10106" s="13" t="s">
        <v>82</v>
      </c>
      <c r="B10106" s="14" t="s">
        <v>1</v>
      </c>
      <c r="C10106" s="14" t="s">
        <v>51</v>
      </c>
      <c r="D10106" s="14" t="s">
        <v>18</v>
      </c>
      <c r="E10106" s="15">
        <v>45627</v>
      </c>
      <c r="F10106" s="14" t="s">
        <v>15</v>
      </c>
      <c r="G10106" s="16">
        <v>0</v>
      </c>
    </row>
    <row r="10107" spans="1:7" x14ac:dyDescent="0.3">
      <c r="A10107" s="13" t="s">
        <v>82</v>
      </c>
      <c r="B10107" s="14" t="s">
        <v>1</v>
      </c>
      <c r="C10107" s="14" t="s">
        <v>51</v>
      </c>
      <c r="D10107" s="14" t="s">
        <v>18</v>
      </c>
      <c r="E10107" s="15">
        <v>45628</v>
      </c>
      <c r="F10107" s="14" t="s">
        <v>15</v>
      </c>
      <c r="G10107" s="16">
        <v>0</v>
      </c>
    </row>
    <row r="10108" spans="1:7" x14ac:dyDescent="0.3">
      <c r="A10108" s="13" t="s">
        <v>82</v>
      </c>
      <c r="B10108" s="14" t="s">
        <v>1</v>
      </c>
      <c r="C10108" s="14" t="s">
        <v>51</v>
      </c>
      <c r="D10108" s="14" t="s">
        <v>18</v>
      </c>
      <c r="E10108" s="15">
        <v>45629</v>
      </c>
      <c r="F10108" s="14" t="s">
        <v>15</v>
      </c>
      <c r="G10108" s="16">
        <v>0</v>
      </c>
    </row>
    <row r="10109" spans="1:7" x14ac:dyDescent="0.3">
      <c r="A10109" s="13" t="s">
        <v>82</v>
      </c>
      <c r="B10109" s="14" t="s">
        <v>1</v>
      </c>
      <c r="C10109" s="14" t="s">
        <v>51</v>
      </c>
      <c r="D10109" s="14" t="s">
        <v>18</v>
      </c>
      <c r="E10109" s="15">
        <v>45630</v>
      </c>
      <c r="F10109" s="14" t="s">
        <v>15</v>
      </c>
      <c r="G10109" s="16">
        <v>0</v>
      </c>
    </row>
    <row r="10110" spans="1:7" x14ac:dyDescent="0.3">
      <c r="A10110" s="13" t="s">
        <v>82</v>
      </c>
      <c r="B10110" s="14" t="s">
        <v>1</v>
      </c>
      <c r="C10110" s="14" t="s">
        <v>51</v>
      </c>
      <c r="D10110" s="14" t="s">
        <v>18</v>
      </c>
      <c r="E10110" s="15">
        <v>45631</v>
      </c>
      <c r="F10110" s="14" t="s">
        <v>15</v>
      </c>
      <c r="G10110" s="16">
        <v>0</v>
      </c>
    </row>
    <row r="10111" spans="1:7" x14ac:dyDescent="0.3">
      <c r="A10111" s="13" t="s">
        <v>82</v>
      </c>
      <c r="B10111" s="14" t="s">
        <v>1</v>
      </c>
      <c r="C10111" s="14" t="s">
        <v>51</v>
      </c>
      <c r="D10111" s="14" t="s">
        <v>18</v>
      </c>
      <c r="E10111" s="15">
        <v>45632</v>
      </c>
      <c r="F10111" s="14" t="s">
        <v>15</v>
      </c>
      <c r="G10111" s="16">
        <v>0</v>
      </c>
    </row>
    <row r="10112" spans="1:7" x14ac:dyDescent="0.3">
      <c r="A10112" s="13" t="s">
        <v>82</v>
      </c>
      <c r="B10112" s="14" t="s">
        <v>1</v>
      </c>
      <c r="C10112" s="14" t="s">
        <v>51</v>
      </c>
      <c r="D10112" s="14" t="s">
        <v>18</v>
      </c>
      <c r="E10112" s="15">
        <v>45633</v>
      </c>
      <c r="F10112" s="14" t="s">
        <v>15</v>
      </c>
      <c r="G10112" s="16">
        <v>0</v>
      </c>
    </row>
    <row r="10113" spans="1:7" x14ac:dyDescent="0.3">
      <c r="A10113" s="13" t="s">
        <v>82</v>
      </c>
      <c r="B10113" s="14" t="s">
        <v>1</v>
      </c>
      <c r="C10113" s="14" t="s">
        <v>51</v>
      </c>
      <c r="D10113" s="14" t="s">
        <v>18</v>
      </c>
      <c r="E10113" s="15">
        <v>45634</v>
      </c>
      <c r="F10113" s="14" t="s">
        <v>15</v>
      </c>
      <c r="G10113" s="16">
        <v>0</v>
      </c>
    </row>
    <row r="10114" spans="1:7" x14ac:dyDescent="0.3">
      <c r="A10114" s="13" t="s">
        <v>82</v>
      </c>
      <c r="B10114" s="14" t="s">
        <v>1</v>
      </c>
      <c r="C10114" s="14" t="s">
        <v>51</v>
      </c>
      <c r="D10114" s="14" t="s">
        <v>18</v>
      </c>
      <c r="E10114" s="15">
        <v>45635</v>
      </c>
      <c r="F10114" s="14" t="s">
        <v>15</v>
      </c>
      <c r="G10114" s="16">
        <v>0</v>
      </c>
    </row>
    <row r="10115" spans="1:7" x14ac:dyDescent="0.3">
      <c r="A10115" s="13" t="s">
        <v>82</v>
      </c>
      <c r="B10115" s="14" t="s">
        <v>1</v>
      </c>
      <c r="C10115" s="14" t="s">
        <v>51</v>
      </c>
      <c r="D10115" s="14" t="s">
        <v>18</v>
      </c>
      <c r="E10115" s="15">
        <v>45636</v>
      </c>
      <c r="F10115" s="14" t="s">
        <v>15</v>
      </c>
      <c r="G10115" s="16">
        <v>0</v>
      </c>
    </row>
    <row r="10116" spans="1:7" x14ac:dyDescent="0.3">
      <c r="A10116" s="13" t="s">
        <v>82</v>
      </c>
      <c r="B10116" s="14" t="s">
        <v>1</v>
      </c>
      <c r="C10116" s="14" t="s">
        <v>51</v>
      </c>
      <c r="D10116" s="14" t="s">
        <v>18</v>
      </c>
      <c r="E10116" s="15">
        <v>45637</v>
      </c>
      <c r="F10116" s="14" t="s">
        <v>15</v>
      </c>
      <c r="G10116" s="16">
        <v>0</v>
      </c>
    </row>
    <row r="10117" spans="1:7" x14ac:dyDescent="0.3">
      <c r="A10117" s="13" t="s">
        <v>82</v>
      </c>
      <c r="B10117" s="14" t="s">
        <v>1</v>
      </c>
      <c r="C10117" s="14" t="s">
        <v>51</v>
      </c>
      <c r="D10117" s="14" t="s">
        <v>18</v>
      </c>
      <c r="E10117" s="15">
        <v>45638</v>
      </c>
      <c r="F10117" s="14" t="s">
        <v>15</v>
      </c>
      <c r="G10117" s="16">
        <v>0</v>
      </c>
    </row>
    <row r="10118" spans="1:7" x14ac:dyDescent="0.3">
      <c r="A10118" s="13" t="s">
        <v>82</v>
      </c>
      <c r="B10118" s="14" t="s">
        <v>1</v>
      </c>
      <c r="C10118" s="14" t="s">
        <v>51</v>
      </c>
      <c r="D10118" s="14" t="s">
        <v>18</v>
      </c>
      <c r="E10118" s="15">
        <v>45639</v>
      </c>
      <c r="F10118" s="14" t="s">
        <v>15</v>
      </c>
      <c r="G10118" s="16">
        <v>0</v>
      </c>
    </row>
    <row r="10119" spans="1:7" x14ac:dyDescent="0.3">
      <c r="A10119" s="13" t="s">
        <v>82</v>
      </c>
      <c r="B10119" s="14" t="s">
        <v>1</v>
      </c>
      <c r="C10119" s="14" t="s">
        <v>51</v>
      </c>
      <c r="D10119" s="14" t="s">
        <v>18</v>
      </c>
      <c r="E10119" s="15">
        <v>45640</v>
      </c>
      <c r="F10119" s="14" t="s">
        <v>15</v>
      </c>
      <c r="G10119" s="16">
        <v>0</v>
      </c>
    </row>
    <row r="10120" spans="1:7" x14ac:dyDescent="0.3">
      <c r="A10120" s="13" t="s">
        <v>82</v>
      </c>
      <c r="B10120" s="14" t="s">
        <v>1</v>
      </c>
      <c r="C10120" s="14" t="s">
        <v>51</v>
      </c>
      <c r="D10120" s="14" t="s">
        <v>18</v>
      </c>
      <c r="E10120" s="15">
        <v>45641</v>
      </c>
      <c r="F10120" s="14" t="s">
        <v>15</v>
      </c>
      <c r="G10120" s="16">
        <v>0</v>
      </c>
    </row>
    <row r="10121" spans="1:7" x14ac:dyDescent="0.3">
      <c r="A10121" s="13" t="s">
        <v>82</v>
      </c>
      <c r="B10121" s="14" t="s">
        <v>1</v>
      </c>
      <c r="C10121" s="14" t="s">
        <v>51</v>
      </c>
      <c r="D10121" s="14" t="s">
        <v>18</v>
      </c>
      <c r="E10121" s="15">
        <v>45642</v>
      </c>
      <c r="F10121" s="14" t="s">
        <v>15</v>
      </c>
      <c r="G10121" s="16">
        <v>0</v>
      </c>
    </row>
    <row r="10122" spans="1:7" x14ac:dyDescent="0.3">
      <c r="A10122" s="13" t="s">
        <v>82</v>
      </c>
      <c r="B10122" s="14" t="s">
        <v>1</v>
      </c>
      <c r="C10122" s="14" t="s">
        <v>51</v>
      </c>
      <c r="D10122" s="14" t="s">
        <v>18</v>
      </c>
      <c r="E10122" s="15">
        <v>45643</v>
      </c>
      <c r="F10122" s="14" t="s">
        <v>15</v>
      </c>
      <c r="G10122" s="16">
        <v>0</v>
      </c>
    </row>
    <row r="10123" spans="1:7" x14ac:dyDescent="0.3">
      <c r="A10123" s="13" t="s">
        <v>82</v>
      </c>
      <c r="B10123" s="14" t="s">
        <v>1</v>
      </c>
      <c r="C10123" s="14" t="s">
        <v>51</v>
      </c>
      <c r="D10123" s="14" t="s">
        <v>18</v>
      </c>
      <c r="E10123" s="15">
        <v>45644</v>
      </c>
      <c r="F10123" s="14" t="s">
        <v>15</v>
      </c>
      <c r="G10123" s="16">
        <v>0</v>
      </c>
    </row>
    <row r="10124" spans="1:7" x14ac:dyDescent="0.3">
      <c r="A10124" s="13" t="s">
        <v>82</v>
      </c>
      <c r="B10124" s="14" t="s">
        <v>1</v>
      </c>
      <c r="C10124" s="14" t="s">
        <v>51</v>
      </c>
      <c r="D10124" s="14" t="s">
        <v>18</v>
      </c>
      <c r="E10124" s="15">
        <v>45645</v>
      </c>
      <c r="F10124" s="14" t="s">
        <v>15</v>
      </c>
      <c r="G10124" s="16">
        <v>0</v>
      </c>
    </row>
    <row r="10125" spans="1:7" x14ac:dyDescent="0.3">
      <c r="A10125" s="13" t="s">
        <v>82</v>
      </c>
      <c r="B10125" s="14" t="s">
        <v>1</v>
      </c>
      <c r="C10125" s="14" t="s">
        <v>51</v>
      </c>
      <c r="D10125" s="14" t="s">
        <v>18</v>
      </c>
      <c r="E10125" s="15">
        <v>45646</v>
      </c>
      <c r="F10125" s="14" t="s">
        <v>15</v>
      </c>
      <c r="G10125" s="16">
        <v>0</v>
      </c>
    </row>
    <row r="10126" spans="1:7" x14ac:dyDescent="0.3">
      <c r="A10126" s="13" t="s">
        <v>82</v>
      </c>
      <c r="B10126" s="14" t="s">
        <v>1</v>
      </c>
      <c r="C10126" s="14" t="s">
        <v>51</v>
      </c>
      <c r="D10126" s="14" t="s">
        <v>18</v>
      </c>
      <c r="E10126" s="15">
        <v>45647</v>
      </c>
      <c r="F10126" s="14" t="s">
        <v>15</v>
      </c>
      <c r="G10126" s="16">
        <v>0</v>
      </c>
    </row>
    <row r="10127" spans="1:7" x14ac:dyDescent="0.3">
      <c r="A10127" s="13" t="s">
        <v>82</v>
      </c>
      <c r="B10127" s="14" t="s">
        <v>1</v>
      </c>
      <c r="C10127" s="14" t="s">
        <v>51</v>
      </c>
      <c r="D10127" s="14" t="s">
        <v>18</v>
      </c>
      <c r="E10127" s="15">
        <v>45648</v>
      </c>
      <c r="F10127" s="14" t="s">
        <v>15</v>
      </c>
      <c r="G10127" s="16">
        <v>0</v>
      </c>
    </row>
    <row r="10128" spans="1:7" x14ac:dyDescent="0.3">
      <c r="A10128" s="13" t="s">
        <v>82</v>
      </c>
      <c r="B10128" s="14" t="s">
        <v>1</v>
      </c>
      <c r="C10128" s="14" t="s">
        <v>51</v>
      </c>
      <c r="D10128" s="14" t="s">
        <v>18</v>
      </c>
      <c r="E10128" s="15">
        <v>45649</v>
      </c>
      <c r="F10128" s="14" t="s">
        <v>15</v>
      </c>
      <c r="G10128" s="16">
        <v>0</v>
      </c>
    </row>
    <row r="10129" spans="1:7" x14ac:dyDescent="0.3">
      <c r="A10129" s="13" t="s">
        <v>82</v>
      </c>
      <c r="B10129" s="14" t="s">
        <v>1</v>
      </c>
      <c r="C10129" s="14" t="s">
        <v>51</v>
      </c>
      <c r="D10129" s="14" t="s">
        <v>18</v>
      </c>
      <c r="E10129" s="15">
        <v>45650</v>
      </c>
      <c r="F10129" s="14" t="s">
        <v>15</v>
      </c>
      <c r="G10129" s="16">
        <v>0</v>
      </c>
    </row>
    <row r="10130" spans="1:7" x14ac:dyDescent="0.3">
      <c r="A10130" s="13" t="s">
        <v>82</v>
      </c>
      <c r="B10130" s="14" t="s">
        <v>1</v>
      </c>
      <c r="C10130" s="14" t="s">
        <v>51</v>
      </c>
      <c r="D10130" s="14" t="s">
        <v>18</v>
      </c>
      <c r="E10130" s="15">
        <v>45651</v>
      </c>
      <c r="F10130" s="14" t="s">
        <v>15</v>
      </c>
      <c r="G10130" s="16">
        <v>0</v>
      </c>
    </row>
    <row r="10131" spans="1:7" x14ac:dyDescent="0.3">
      <c r="A10131" s="13" t="s">
        <v>82</v>
      </c>
      <c r="B10131" s="14" t="s">
        <v>1</v>
      </c>
      <c r="C10131" s="14" t="s">
        <v>51</v>
      </c>
      <c r="D10131" s="14" t="s">
        <v>18</v>
      </c>
      <c r="E10131" s="15">
        <v>45652</v>
      </c>
      <c r="F10131" s="14" t="s">
        <v>15</v>
      </c>
      <c r="G10131" s="16">
        <v>0</v>
      </c>
    </row>
    <row r="10132" spans="1:7" x14ac:dyDescent="0.3">
      <c r="A10132" s="13" t="s">
        <v>82</v>
      </c>
      <c r="B10132" s="14" t="s">
        <v>1</v>
      </c>
      <c r="C10132" s="14" t="s">
        <v>51</v>
      </c>
      <c r="D10132" s="14" t="s">
        <v>18</v>
      </c>
      <c r="E10132" s="15">
        <v>45653</v>
      </c>
      <c r="F10132" s="14" t="s">
        <v>15</v>
      </c>
      <c r="G10132" s="16">
        <v>0</v>
      </c>
    </row>
    <row r="10133" spans="1:7" x14ac:dyDescent="0.3">
      <c r="A10133" s="13" t="s">
        <v>82</v>
      </c>
      <c r="B10133" s="14" t="s">
        <v>1</v>
      </c>
      <c r="C10133" s="14" t="s">
        <v>51</v>
      </c>
      <c r="D10133" s="14" t="s">
        <v>18</v>
      </c>
      <c r="E10133" s="15">
        <v>45654</v>
      </c>
      <c r="F10133" s="14" t="s">
        <v>15</v>
      </c>
      <c r="G10133" s="16">
        <v>0</v>
      </c>
    </row>
    <row r="10134" spans="1:7" x14ac:dyDescent="0.3">
      <c r="A10134" s="13" t="s">
        <v>82</v>
      </c>
      <c r="B10134" s="14" t="s">
        <v>1</v>
      </c>
      <c r="C10134" s="14" t="s">
        <v>51</v>
      </c>
      <c r="D10134" s="14" t="s">
        <v>18</v>
      </c>
      <c r="E10134" s="15">
        <v>45655</v>
      </c>
      <c r="F10134" s="14" t="s">
        <v>15</v>
      </c>
      <c r="G10134" s="16">
        <v>0</v>
      </c>
    </row>
    <row r="10135" spans="1:7" x14ac:dyDescent="0.3">
      <c r="A10135" s="13" t="s">
        <v>82</v>
      </c>
      <c r="B10135" s="14" t="s">
        <v>1</v>
      </c>
      <c r="C10135" s="14" t="s">
        <v>51</v>
      </c>
      <c r="D10135" s="14" t="s">
        <v>18</v>
      </c>
      <c r="E10135" s="15">
        <v>45656</v>
      </c>
      <c r="F10135" s="14" t="s">
        <v>15</v>
      </c>
      <c r="G10135" s="16">
        <v>0</v>
      </c>
    </row>
    <row r="10136" spans="1:7" x14ac:dyDescent="0.3">
      <c r="A10136" s="13" t="s">
        <v>82</v>
      </c>
      <c r="B10136" s="14" t="s">
        <v>1</v>
      </c>
      <c r="C10136" s="14" t="s">
        <v>51</v>
      </c>
      <c r="D10136" s="14" t="s">
        <v>18</v>
      </c>
      <c r="E10136" s="15">
        <v>45657</v>
      </c>
      <c r="F10136" s="14" t="s">
        <v>15</v>
      </c>
      <c r="G10136" s="16">
        <v>0</v>
      </c>
    </row>
    <row r="10137" spans="1:7" x14ac:dyDescent="0.3">
      <c r="A10137" s="13" t="s">
        <v>82</v>
      </c>
      <c r="B10137" s="14" t="s">
        <v>1</v>
      </c>
      <c r="C10137" s="14" t="s">
        <v>51</v>
      </c>
      <c r="D10137" s="14" t="s">
        <v>18</v>
      </c>
      <c r="E10137" s="15">
        <v>45658</v>
      </c>
      <c r="F10137" s="14" t="s">
        <v>15</v>
      </c>
      <c r="G10137" s="16">
        <v>0</v>
      </c>
    </row>
    <row r="10138" spans="1:7" x14ac:dyDescent="0.3">
      <c r="A10138" s="13" t="s">
        <v>82</v>
      </c>
      <c r="B10138" s="14" t="s">
        <v>1</v>
      </c>
      <c r="C10138" s="14" t="s">
        <v>51</v>
      </c>
      <c r="D10138" s="14" t="s">
        <v>18</v>
      </c>
      <c r="E10138" s="15">
        <v>45659</v>
      </c>
      <c r="F10138" s="14" t="s">
        <v>15</v>
      </c>
      <c r="G10138" s="16">
        <v>0</v>
      </c>
    </row>
    <row r="10139" spans="1:7" x14ac:dyDescent="0.3">
      <c r="A10139" s="13" t="s">
        <v>82</v>
      </c>
      <c r="B10139" s="14" t="s">
        <v>1</v>
      </c>
      <c r="C10139" s="14" t="s">
        <v>51</v>
      </c>
      <c r="D10139" s="14" t="s">
        <v>18</v>
      </c>
      <c r="E10139" s="15">
        <v>45660</v>
      </c>
      <c r="F10139" s="14" t="s">
        <v>15</v>
      </c>
      <c r="G10139" s="16">
        <v>0</v>
      </c>
    </row>
    <row r="10140" spans="1:7" x14ac:dyDescent="0.3">
      <c r="A10140" s="13" t="s">
        <v>82</v>
      </c>
      <c r="B10140" s="14" t="s">
        <v>1</v>
      </c>
      <c r="C10140" s="14" t="s">
        <v>51</v>
      </c>
      <c r="D10140" s="14" t="s">
        <v>18</v>
      </c>
      <c r="E10140" s="15">
        <v>45661</v>
      </c>
      <c r="F10140" s="14" t="s">
        <v>15</v>
      </c>
      <c r="G10140" s="16">
        <v>0</v>
      </c>
    </row>
    <row r="10141" spans="1:7" x14ac:dyDescent="0.3">
      <c r="A10141" s="13" t="s">
        <v>82</v>
      </c>
      <c r="B10141" s="14" t="s">
        <v>1</v>
      </c>
      <c r="C10141" s="14" t="s">
        <v>51</v>
      </c>
      <c r="D10141" s="14" t="s">
        <v>18</v>
      </c>
      <c r="E10141" s="15">
        <v>45662</v>
      </c>
      <c r="F10141" s="14" t="s">
        <v>15</v>
      </c>
      <c r="G10141" s="16">
        <v>0</v>
      </c>
    </row>
    <row r="10142" spans="1:7" x14ac:dyDescent="0.3">
      <c r="A10142" s="13" t="s">
        <v>82</v>
      </c>
      <c r="B10142" s="14" t="s">
        <v>1</v>
      </c>
      <c r="C10142" s="14" t="s">
        <v>51</v>
      </c>
      <c r="D10142" s="14" t="s">
        <v>18</v>
      </c>
      <c r="E10142" s="15">
        <v>45663</v>
      </c>
      <c r="F10142" s="14" t="s">
        <v>15</v>
      </c>
      <c r="G10142" s="16">
        <v>0</v>
      </c>
    </row>
    <row r="10143" spans="1:7" x14ac:dyDescent="0.3">
      <c r="A10143" s="13" t="s">
        <v>82</v>
      </c>
      <c r="B10143" s="14" t="s">
        <v>1</v>
      </c>
      <c r="C10143" s="14" t="s">
        <v>51</v>
      </c>
      <c r="D10143" s="14" t="s">
        <v>18</v>
      </c>
      <c r="E10143" s="15">
        <v>45664</v>
      </c>
      <c r="F10143" s="14" t="s">
        <v>15</v>
      </c>
      <c r="G10143" s="16">
        <v>0</v>
      </c>
    </row>
    <row r="10144" spans="1:7" x14ac:dyDescent="0.3">
      <c r="A10144" s="13" t="s">
        <v>82</v>
      </c>
      <c r="B10144" s="14" t="s">
        <v>1</v>
      </c>
      <c r="C10144" s="14" t="s">
        <v>51</v>
      </c>
      <c r="D10144" s="14" t="s">
        <v>18</v>
      </c>
      <c r="E10144" s="15">
        <v>45665</v>
      </c>
      <c r="F10144" s="14" t="s">
        <v>15</v>
      </c>
      <c r="G10144" s="16">
        <v>0</v>
      </c>
    </row>
    <row r="10145" spans="1:7" x14ac:dyDescent="0.3">
      <c r="A10145" s="13" t="s">
        <v>82</v>
      </c>
      <c r="B10145" s="14" t="s">
        <v>1</v>
      </c>
      <c r="C10145" s="14" t="s">
        <v>51</v>
      </c>
      <c r="D10145" s="14" t="s">
        <v>18</v>
      </c>
      <c r="E10145" s="15">
        <v>45666</v>
      </c>
      <c r="F10145" s="14" t="s">
        <v>15</v>
      </c>
      <c r="G10145" s="16">
        <v>0</v>
      </c>
    </row>
    <row r="10146" spans="1:7" x14ac:dyDescent="0.3">
      <c r="A10146" s="13" t="s">
        <v>82</v>
      </c>
      <c r="B10146" s="14" t="s">
        <v>1</v>
      </c>
      <c r="C10146" s="14" t="s">
        <v>51</v>
      </c>
      <c r="D10146" s="14" t="s">
        <v>18</v>
      </c>
      <c r="E10146" s="15">
        <v>45667</v>
      </c>
      <c r="F10146" s="14" t="s">
        <v>15</v>
      </c>
      <c r="G10146" s="16">
        <v>0</v>
      </c>
    </row>
    <row r="10147" spans="1:7" x14ac:dyDescent="0.3">
      <c r="A10147" s="13" t="s">
        <v>82</v>
      </c>
      <c r="B10147" s="14" t="s">
        <v>1</v>
      </c>
      <c r="C10147" s="14" t="s">
        <v>51</v>
      </c>
      <c r="D10147" s="14" t="s">
        <v>18</v>
      </c>
      <c r="E10147" s="15">
        <v>45668</v>
      </c>
      <c r="F10147" s="14" t="s">
        <v>15</v>
      </c>
      <c r="G10147" s="16">
        <v>0</v>
      </c>
    </row>
    <row r="10148" spans="1:7" x14ac:dyDescent="0.3">
      <c r="A10148" s="13" t="s">
        <v>82</v>
      </c>
      <c r="B10148" s="14" t="s">
        <v>1</v>
      </c>
      <c r="C10148" s="14" t="s">
        <v>51</v>
      </c>
      <c r="D10148" s="14" t="s">
        <v>18</v>
      </c>
      <c r="E10148" s="15">
        <v>45669</v>
      </c>
      <c r="F10148" s="14" t="s">
        <v>15</v>
      </c>
      <c r="G10148" s="16">
        <v>0</v>
      </c>
    </row>
    <row r="10149" spans="1:7" x14ac:dyDescent="0.3">
      <c r="A10149" s="13" t="s">
        <v>82</v>
      </c>
      <c r="B10149" s="14" t="s">
        <v>1</v>
      </c>
      <c r="C10149" s="14" t="s">
        <v>51</v>
      </c>
      <c r="D10149" s="14" t="s">
        <v>18</v>
      </c>
      <c r="E10149" s="15">
        <v>45670</v>
      </c>
      <c r="F10149" s="14" t="s">
        <v>15</v>
      </c>
      <c r="G10149" s="16">
        <v>0</v>
      </c>
    </row>
    <row r="10150" spans="1:7" x14ac:dyDescent="0.3">
      <c r="A10150" s="13" t="s">
        <v>82</v>
      </c>
      <c r="B10150" s="14" t="s">
        <v>1</v>
      </c>
      <c r="C10150" s="14" t="s">
        <v>51</v>
      </c>
      <c r="D10150" s="14" t="s">
        <v>18</v>
      </c>
      <c r="E10150" s="15">
        <v>45671</v>
      </c>
      <c r="F10150" s="14" t="s">
        <v>15</v>
      </c>
      <c r="G10150" s="16">
        <v>0</v>
      </c>
    </row>
    <row r="10151" spans="1:7" x14ac:dyDescent="0.3">
      <c r="A10151" s="13" t="s">
        <v>82</v>
      </c>
      <c r="B10151" s="14" t="s">
        <v>1</v>
      </c>
      <c r="C10151" s="14" t="s">
        <v>51</v>
      </c>
      <c r="D10151" s="14" t="s">
        <v>18</v>
      </c>
      <c r="E10151" s="15">
        <v>45672</v>
      </c>
      <c r="F10151" s="14" t="s">
        <v>15</v>
      </c>
      <c r="G10151" s="16">
        <v>0</v>
      </c>
    </row>
    <row r="10152" spans="1:7" x14ac:dyDescent="0.3">
      <c r="A10152" s="13" t="s">
        <v>82</v>
      </c>
      <c r="B10152" s="14" t="s">
        <v>1</v>
      </c>
      <c r="C10152" s="14" t="s">
        <v>51</v>
      </c>
      <c r="D10152" s="14" t="s">
        <v>18</v>
      </c>
      <c r="E10152" s="15">
        <v>45673</v>
      </c>
      <c r="F10152" s="14" t="s">
        <v>15</v>
      </c>
      <c r="G10152" s="16">
        <v>0</v>
      </c>
    </row>
    <row r="10153" spans="1:7" x14ac:dyDescent="0.3">
      <c r="A10153" s="13" t="s">
        <v>82</v>
      </c>
      <c r="B10153" s="14" t="s">
        <v>1</v>
      </c>
      <c r="C10153" s="14" t="s">
        <v>51</v>
      </c>
      <c r="D10153" s="14" t="s">
        <v>18</v>
      </c>
      <c r="E10153" s="15">
        <v>45674</v>
      </c>
      <c r="F10153" s="14" t="s">
        <v>15</v>
      </c>
      <c r="G10153" s="16">
        <v>0</v>
      </c>
    </row>
    <row r="10154" spans="1:7" x14ac:dyDescent="0.3">
      <c r="A10154" s="13" t="s">
        <v>82</v>
      </c>
      <c r="B10154" s="14" t="s">
        <v>1</v>
      </c>
      <c r="C10154" s="14" t="s">
        <v>51</v>
      </c>
      <c r="D10154" s="14" t="s">
        <v>18</v>
      </c>
      <c r="E10154" s="15">
        <v>45675</v>
      </c>
      <c r="F10154" s="14" t="s">
        <v>15</v>
      </c>
      <c r="G10154" s="16">
        <v>0</v>
      </c>
    </row>
    <row r="10155" spans="1:7" x14ac:dyDescent="0.3">
      <c r="A10155" s="13" t="s">
        <v>82</v>
      </c>
      <c r="B10155" s="14" t="s">
        <v>1</v>
      </c>
      <c r="C10155" s="14" t="s">
        <v>51</v>
      </c>
      <c r="D10155" s="14" t="s">
        <v>18</v>
      </c>
      <c r="E10155" s="15">
        <v>45676</v>
      </c>
      <c r="F10155" s="14" t="s">
        <v>15</v>
      </c>
      <c r="G10155" s="16">
        <v>0</v>
      </c>
    </row>
    <row r="10156" spans="1:7" x14ac:dyDescent="0.3">
      <c r="A10156" s="13" t="s">
        <v>82</v>
      </c>
      <c r="B10156" s="14" t="s">
        <v>1</v>
      </c>
      <c r="C10156" s="14" t="s">
        <v>51</v>
      </c>
      <c r="D10156" s="14" t="s">
        <v>18</v>
      </c>
      <c r="E10156" s="15">
        <v>45677</v>
      </c>
      <c r="F10156" s="14" t="s">
        <v>15</v>
      </c>
      <c r="G10156" s="16">
        <v>0</v>
      </c>
    </row>
    <row r="10157" spans="1:7" x14ac:dyDescent="0.3">
      <c r="A10157" s="13" t="s">
        <v>82</v>
      </c>
      <c r="B10157" s="14" t="s">
        <v>1</v>
      </c>
      <c r="C10157" s="14" t="s">
        <v>51</v>
      </c>
      <c r="D10157" s="14" t="s">
        <v>18</v>
      </c>
      <c r="E10157" s="15">
        <v>45678</v>
      </c>
      <c r="F10157" s="14" t="s">
        <v>15</v>
      </c>
      <c r="G10157" s="16">
        <v>0</v>
      </c>
    </row>
    <row r="10158" spans="1:7" x14ac:dyDescent="0.3">
      <c r="A10158" s="13" t="s">
        <v>82</v>
      </c>
      <c r="B10158" s="14" t="s">
        <v>1</v>
      </c>
      <c r="C10158" s="14" t="s">
        <v>51</v>
      </c>
      <c r="D10158" s="14" t="s">
        <v>18</v>
      </c>
      <c r="E10158" s="15">
        <v>45679</v>
      </c>
      <c r="F10158" s="14" t="s">
        <v>15</v>
      </c>
      <c r="G10158" s="16">
        <v>0</v>
      </c>
    </row>
    <row r="10159" spans="1:7" x14ac:dyDescent="0.3">
      <c r="A10159" s="13" t="s">
        <v>82</v>
      </c>
      <c r="B10159" s="14" t="s">
        <v>1</v>
      </c>
      <c r="C10159" s="14" t="s">
        <v>51</v>
      </c>
      <c r="D10159" s="14" t="s">
        <v>18</v>
      </c>
      <c r="E10159" s="15">
        <v>45680</v>
      </c>
      <c r="F10159" s="14" t="s">
        <v>15</v>
      </c>
      <c r="G10159" s="16">
        <v>0</v>
      </c>
    </row>
    <row r="10160" spans="1:7" x14ac:dyDescent="0.3">
      <c r="A10160" s="13" t="s">
        <v>82</v>
      </c>
      <c r="B10160" s="14" t="s">
        <v>1</v>
      </c>
      <c r="C10160" s="14" t="s">
        <v>51</v>
      </c>
      <c r="D10160" s="14" t="s">
        <v>18</v>
      </c>
      <c r="E10160" s="15">
        <v>45681</v>
      </c>
      <c r="F10160" s="14" t="s">
        <v>15</v>
      </c>
      <c r="G10160" s="16">
        <v>0</v>
      </c>
    </row>
    <row r="10161" spans="1:7" x14ac:dyDescent="0.3">
      <c r="A10161" s="13" t="s">
        <v>82</v>
      </c>
      <c r="B10161" s="14" t="s">
        <v>1</v>
      </c>
      <c r="C10161" s="14" t="s">
        <v>51</v>
      </c>
      <c r="D10161" s="14" t="s">
        <v>18</v>
      </c>
      <c r="E10161" s="15">
        <v>45682</v>
      </c>
      <c r="F10161" s="14" t="s">
        <v>15</v>
      </c>
      <c r="G10161" s="16">
        <v>0</v>
      </c>
    </row>
    <row r="10162" spans="1:7" x14ac:dyDescent="0.3">
      <c r="A10162" s="13" t="s">
        <v>82</v>
      </c>
      <c r="B10162" s="14" t="s">
        <v>1</v>
      </c>
      <c r="C10162" s="14" t="s">
        <v>51</v>
      </c>
      <c r="D10162" s="14" t="s">
        <v>18</v>
      </c>
      <c r="E10162" s="15">
        <v>45683</v>
      </c>
      <c r="F10162" s="14" t="s">
        <v>15</v>
      </c>
      <c r="G10162" s="16">
        <v>0</v>
      </c>
    </row>
    <row r="10163" spans="1:7" x14ac:dyDescent="0.3">
      <c r="A10163" s="13" t="s">
        <v>82</v>
      </c>
      <c r="B10163" s="14" t="s">
        <v>1</v>
      </c>
      <c r="C10163" s="14" t="s">
        <v>51</v>
      </c>
      <c r="D10163" s="14" t="s">
        <v>18</v>
      </c>
      <c r="E10163" s="15">
        <v>45684</v>
      </c>
      <c r="F10163" s="14" t="s">
        <v>15</v>
      </c>
      <c r="G10163" s="16">
        <v>0</v>
      </c>
    </row>
    <row r="10164" spans="1:7" x14ac:dyDescent="0.3">
      <c r="A10164" s="13" t="s">
        <v>82</v>
      </c>
      <c r="B10164" s="14" t="s">
        <v>1</v>
      </c>
      <c r="C10164" s="14" t="s">
        <v>51</v>
      </c>
      <c r="D10164" s="14" t="s">
        <v>18</v>
      </c>
      <c r="E10164" s="15">
        <v>45685</v>
      </c>
      <c r="F10164" s="14" t="s">
        <v>15</v>
      </c>
      <c r="G10164" s="16">
        <v>0</v>
      </c>
    </row>
    <row r="10165" spans="1:7" x14ac:dyDescent="0.3">
      <c r="A10165" s="13" t="s">
        <v>82</v>
      </c>
      <c r="B10165" s="14" t="s">
        <v>1</v>
      </c>
      <c r="C10165" s="14" t="s">
        <v>51</v>
      </c>
      <c r="D10165" s="14" t="s">
        <v>18</v>
      </c>
      <c r="E10165" s="15">
        <v>45686</v>
      </c>
      <c r="F10165" s="14" t="s">
        <v>15</v>
      </c>
      <c r="G10165" s="16">
        <v>0</v>
      </c>
    </row>
    <row r="10166" spans="1:7" x14ac:dyDescent="0.3">
      <c r="A10166" s="13" t="s">
        <v>82</v>
      </c>
      <c r="B10166" s="14" t="s">
        <v>1</v>
      </c>
      <c r="C10166" s="14" t="s">
        <v>51</v>
      </c>
      <c r="D10166" s="14" t="s">
        <v>18</v>
      </c>
      <c r="E10166" s="15">
        <v>45687</v>
      </c>
      <c r="F10166" s="14" t="s">
        <v>15</v>
      </c>
      <c r="G10166" s="16">
        <v>0</v>
      </c>
    </row>
    <row r="10167" spans="1:7" x14ac:dyDescent="0.3">
      <c r="A10167" s="13" t="s">
        <v>82</v>
      </c>
      <c r="B10167" s="14" t="s">
        <v>1</v>
      </c>
      <c r="C10167" s="14" t="s">
        <v>51</v>
      </c>
      <c r="D10167" s="14" t="s">
        <v>18</v>
      </c>
      <c r="E10167" s="15">
        <v>45688</v>
      </c>
      <c r="F10167" s="14" t="s">
        <v>15</v>
      </c>
      <c r="G10167" s="16">
        <v>0</v>
      </c>
    </row>
    <row r="10168" spans="1:7" x14ac:dyDescent="0.3">
      <c r="A10168" s="13" t="s">
        <v>82</v>
      </c>
      <c r="B10168" s="14" t="s">
        <v>1</v>
      </c>
      <c r="C10168" s="14" t="s">
        <v>51</v>
      </c>
      <c r="D10168" s="14" t="s">
        <v>18</v>
      </c>
      <c r="E10168" s="15">
        <v>45689</v>
      </c>
      <c r="F10168" s="14" t="s">
        <v>15</v>
      </c>
      <c r="G10168" s="16">
        <v>0</v>
      </c>
    </row>
    <row r="10169" spans="1:7" x14ac:dyDescent="0.3">
      <c r="A10169" s="13" t="s">
        <v>82</v>
      </c>
      <c r="B10169" s="14" t="s">
        <v>1</v>
      </c>
      <c r="C10169" s="14" t="s">
        <v>51</v>
      </c>
      <c r="D10169" s="14" t="s">
        <v>18</v>
      </c>
      <c r="E10169" s="15">
        <v>45690</v>
      </c>
      <c r="F10169" s="14" t="s">
        <v>15</v>
      </c>
      <c r="G10169" s="16">
        <v>0</v>
      </c>
    </row>
    <row r="10170" spans="1:7" x14ac:dyDescent="0.3">
      <c r="A10170" s="13" t="s">
        <v>82</v>
      </c>
      <c r="B10170" s="14" t="s">
        <v>1</v>
      </c>
      <c r="C10170" s="14" t="s">
        <v>51</v>
      </c>
      <c r="D10170" s="14" t="s">
        <v>18</v>
      </c>
      <c r="E10170" s="15">
        <v>45691</v>
      </c>
      <c r="F10170" s="14" t="s">
        <v>15</v>
      </c>
      <c r="G10170" s="16">
        <v>0</v>
      </c>
    </row>
    <row r="10171" spans="1:7" x14ac:dyDescent="0.3">
      <c r="A10171" s="13" t="s">
        <v>82</v>
      </c>
      <c r="B10171" s="14" t="s">
        <v>1</v>
      </c>
      <c r="C10171" s="14" t="s">
        <v>51</v>
      </c>
      <c r="D10171" s="14" t="s">
        <v>18</v>
      </c>
      <c r="E10171" s="15">
        <v>45692</v>
      </c>
      <c r="F10171" s="14" t="s">
        <v>15</v>
      </c>
      <c r="G10171" s="16">
        <v>0</v>
      </c>
    </row>
    <row r="10172" spans="1:7" x14ac:dyDescent="0.3">
      <c r="A10172" s="13" t="s">
        <v>82</v>
      </c>
      <c r="B10172" s="14" t="s">
        <v>1</v>
      </c>
      <c r="C10172" s="14" t="s">
        <v>51</v>
      </c>
      <c r="D10172" s="14" t="s">
        <v>18</v>
      </c>
      <c r="E10172" s="15">
        <v>45693</v>
      </c>
      <c r="F10172" s="14" t="s">
        <v>15</v>
      </c>
      <c r="G10172" s="16">
        <v>0</v>
      </c>
    </row>
    <row r="10173" spans="1:7" x14ac:dyDescent="0.3">
      <c r="A10173" s="13" t="s">
        <v>82</v>
      </c>
      <c r="B10173" s="14" t="s">
        <v>1</v>
      </c>
      <c r="C10173" s="14" t="s">
        <v>51</v>
      </c>
      <c r="D10173" s="14" t="s">
        <v>18</v>
      </c>
      <c r="E10173" s="15">
        <v>45694</v>
      </c>
      <c r="F10173" s="14" t="s">
        <v>15</v>
      </c>
      <c r="G10173" s="16">
        <v>0</v>
      </c>
    </row>
    <row r="10174" spans="1:7" x14ac:dyDescent="0.3">
      <c r="A10174" s="13" t="s">
        <v>82</v>
      </c>
      <c r="B10174" s="14" t="s">
        <v>1</v>
      </c>
      <c r="C10174" s="14" t="s">
        <v>51</v>
      </c>
      <c r="D10174" s="14" t="s">
        <v>18</v>
      </c>
      <c r="E10174" s="15">
        <v>45695</v>
      </c>
      <c r="F10174" s="14" t="s">
        <v>15</v>
      </c>
      <c r="G10174" s="16">
        <v>0</v>
      </c>
    </row>
    <row r="10175" spans="1:7" x14ac:dyDescent="0.3">
      <c r="A10175" s="13" t="s">
        <v>82</v>
      </c>
      <c r="B10175" s="14" t="s">
        <v>1</v>
      </c>
      <c r="C10175" s="14" t="s">
        <v>51</v>
      </c>
      <c r="D10175" s="14" t="s">
        <v>18</v>
      </c>
      <c r="E10175" s="15">
        <v>45696</v>
      </c>
      <c r="F10175" s="14" t="s">
        <v>15</v>
      </c>
      <c r="G10175" s="16">
        <v>0</v>
      </c>
    </row>
    <row r="10176" spans="1:7" x14ac:dyDescent="0.3">
      <c r="A10176" s="13" t="s">
        <v>82</v>
      </c>
      <c r="B10176" s="14" t="s">
        <v>1</v>
      </c>
      <c r="C10176" s="14" t="s">
        <v>51</v>
      </c>
      <c r="D10176" s="14" t="s">
        <v>18</v>
      </c>
      <c r="E10176" s="15">
        <v>45697</v>
      </c>
      <c r="F10176" s="14" t="s">
        <v>15</v>
      </c>
      <c r="G10176" s="16">
        <v>0</v>
      </c>
    </row>
    <row r="10177" spans="1:7" x14ac:dyDescent="0.3">
      <c r="A10177" s="13" t="s">
        <v>82</v>
      </c>
      <c r="B10177" s="14" t="s">
        <v>1</v>
      </c>
      <c r="C10177" s="14" t="s">
        <v>51</v>
      </c>
      <c r="D10177" s="14" t="s">
        <v>18</v>
      </c>
      <c r="E10177" s="15">
        <v>45698</v>
      </c>
      <c r="F10177" s="14" t="s">
        <v>15</v>
      </c>
      <c r="G10177" s="16">
        <v>0</v>
      </c>
    </row>
    <row r="10178" spans="1:7" x14ac:dyDescent="0.3">
      <c r="A10178" s="13" t="s">
        <v>82</v>
      </c>
      <c r="B10178" s="14" t="s">
        <v>1</v>
      </c>
      <c r="C10178" s="14" t="s">
        <v>51</v>
      </c>
      <c r="D10178" s="14" t="s">
        <v>18</v>
      </c>
      <c r="E10178" s="15">
        <v>45699</v>
      </c>
      <c r="F10178" s="14" t="s">
        <v>15</v>
      </c>
      <c r="G10178" s="16">
        <v>0</v>
      </c>
    </row>
    <row r="10179" spans="1:7" x14ac:dyDescent="0.3">
      <c r="A10179" s="13" t="s">
        <v>82</v>
      </c>
      <c r="B10179" s="14" t="s">
        <v>1</v>
      </c>
      <c r="C10179" s="14" t="s">
        <v>51</v>
      </c>
      <c r="D10179" s="14" t="s">
        <v>18</v>
      </c>
      <c r="E10179" s="15">
        <v>45700</v>
      </c>
      <c r="F10179" s="14" t="s">
        <v>15</v>
      </c>
      <c r="G10179" s="16">
        <v>0</v>
      </c>
    </row>
    <row r="10180" spans="1:7" x14ac:dyDescent="0.3">
      <c r="A10180" s="13" t="s">
        <v>82</v>
      </c>
      <c r="B10180" s="14" t="s">
        <v>1</v>
      </c>
      <c r="C10180" s="14" t="s">
        <v>51</v>
      </c>
      <c r="D10180" s="14" t="s">
        <v>18</v>
      </c>
      <c r="E10180" s="15">
        <v>45701</v>
      </c>
      <c r="F10180" s="14" t="s">
        <v>15</v>
      </c>
      <c r="G10180" s="16">
        <v>0</v>
      </c>
    </row>
    <row r="10181" spans="1:7" x14ac:dyDescent="0.3">
      <c r="A10181" s="13" t="s">
        <v>82</v>
      </c>
      <c r="B10181" s="14" t="s">
        <v>1</v>
      </c>
      <c r="C10181" s="14" t="s">
        <v>51</v>
      </c>
      <c r="D10181" s="14" t="s">
        <v>18</v>
      </c>
      <c r="E10181" s="15">
        <v>45702</v>
      </c>
      <c r="F10181" s="14" t="s">
        <v>15</v>
      </c>
      <c r="G10181" s="16">
        <v>0</v>
      </c>
    </row>
    <row r="10182" spans="1:7" x14ac:dyDescent="0.3">
      <c r="A10182" s="13" t="s">
        <v>82</v>
      </c>
      <c r="B10182" s="14" t="s">
        <v>1</v>
      </c>
      <c r="C10182" s="14" t="s">
        <v>51</v>
      </c>
      <c r="D10182" s="14" t="s">
        <v>18</v>
      </c>
      <c r="E10182" s="15">
        <v>45703</v>
      </c>
      <c r="F10182" s="14" t="s">
        <v>15</v>
      </c>
      <c r="G10182" s="16">
        <v>0</v>
      </c>
    </row>
    <row r="10183" spans="1:7" x14ac:dyDescent="0.3">
      <c r="A10183" s="13" t="s">
        <v>82</v>
      </c>
      <c r="B10183" s="14" t="s">
        <v>1</v>
      </c>
      <c r="C10183" s="14" t="s">
        <v>51</v>
      </c>
      <c r="D10183" s="14" t="s">
        <v>18</v>
      </c>
      <c r="E10183" s="15">
        <v>45704</v>
      </c>
      <c r="F10183" s="14" t="s">
        <v>15</v>
      </c>
      <c r="G10183" s="16">
        <v>0</v>
      </c>
    </row>
    <row r="10184" spans="1:7" x14ac:dyDescent="0.3">
      <c r="A10184" s="13" t="s">
        <v>82</v>
      </c>
      <c r="B10184" s="14" t="s">
        <v>1</v>
      </c>
      <c r="C10184" s="14" t="s">
        <v>51</v>
      </c>
      <c r="D10184" s="14" t="s">
        <v>18</v>
      </c>
      <c r="E10184" s="15">
        <v>45705</v>
      </c>
      <c r="F10184" s="14" t="s">
        <v>15</v>
      </c>
      <c r="G10184" s="16">
        <v>0</v>
      </c>
    </row>
    <row r="10185" spans="1:7" x14ac:dyDescent="0.3">
      <c r="A10185" s="13" t="s">
        <v>82</v>
      </c>
      <c r="B10185" s="14" t="s">
        <v>1</v>
      </c>
      <c r="C10185" s="14" t="s">
        <v>51</v>
      </c>
      <c r="D10185" s="14" t="s">
        <v>18</v>
      </c>
      <c r="E10185" s="15">
        <v>45706</v>
      </c>
      <c r="F10185" s="14" t="s">
        <v>15</v>
      </c>
      <c r="G10185" s="16">
        <v>0</v>
      </c>
    </row>
    <row r="10186" spans="1:7" x14ac:dyDescent="0.3">
      <c r="A10186" s="13" t="s">
        <v>82</v>
      </c>
      <c r="B10186" s="14" t="s">
        <v>1</v>
      </c>
      <c r="C10186" s="14" t="s">
        <v>51</v>
      </c>
      <c r="D10186" s="14" t="s">
        <v>18</v>
      </c>
      <c r="E10186" s="15">
        <v>45707</v>
      </c>
      <c r="F10186" s="14" t="s">
        <v>15</v>
      </c>
      <c r="G10186" s="16">
        <v>0</v>
      </c>
    </row>
    <row r="10187" spans="1:7" x14ac:dyDescent="0.3">
      <c r="A10187" s="13" t="s">
        <v>82</v>
      </c>
      <c r="B10187" s="14" t="s">
        <v>1</v>
      </c>
      <c r="C10187" s="14" t="s">
        <v>51</v>
      </c>
      <c r="D10187" s="14" t="s">
        <v>18</v>
      </c>
      <c r="E10187" s="15">
        <v>45708</v>
      </c>
      <c r="F10187" s="14" t="s">
        <v>15</v>
      </c>
      <c r="G10187" s="16">
        <v>0</v>
      </c>
    </row>
    <row r="10188" spans="1:7" x14ac:dyDescent="0.3">
      <c r="A10188" s="13" t="s">
        <v>82</v>
      </c>
      <c r="B10188" s="14" t="s">
        <v>1</v>
      </c>
      <c r="C10188" s="14" t="s">
        <v>51</v>
      </c>
      <c r="D10188" s="14" t="s">
        <v>18</v>
      </c>
      <c r="E10188" s="15">
        <v>45709</v>
      </c>
      <c r="F10188" s="14" t="s">
        <v>15</v>
      </c>
      <c r="G10188" s="16">
        <v>0</v>
      </c>
    </row>
    <row r="10189" spans="1:7" x14ac:dyDescent="0.3">
      <c r="A10189" s="13" t="s">
        <v>82</v>
      </c>
      <c r="B10189" s="14" t="s">
        <v>1</v>
      </c>
      <c r="C10189" s="14" t="s">
        <v>51</v>
      </c>
      <c r="D10189" s="14" t="s">
        <v>18</v>
      </c>
      <c r="E10189" s="15">
        <v>45710</v>
      </c>
      <c r="F10189" s="14" t="s">
        <v>15</v>
      </c>
      <c r="G10189" s="16">
        <v>0</v>
      </c>
    </row>
    <row r="10190" spans="1:7" x14ac:dyDescent="0.3">
      <c r="A10190" s="13" t="s">
        <v>82</v>
      </c>
      <c r="B10190" s="14" t="s">
        <v>1</v>
      </c>
      <c r="C10190" s="14" t="s">
        <v>51</v>
      </c>
      <c r="D10190" s="14" t="s">
        <v>18</v>
      </c>
      <c r="E10190" s="15">
        <v>45711</v>
      </c>
      <c r="F10190" s="14" t="s">
        <v>15</v>
      </c>
      <c r="G10190" s="16">
        <v>0</v>
      </c>
    </row>
    <row r="10191" spans="1:7" x14ac:dyDescent="0.3">
      <c r="A10191" s="13" t="s">
        <v>82</v>
      </c>
      <c r="B10191" s="14" t="s">
        <v>1</v>
      </c>
      <c r="C10191" s="14" t="s">
        <v>51</v>
      </c>
      <c r="D10191" s="14" t="s">
        <v>18</v>
      </c>
      <c r="E10191" s="15">
        <v>45712</v>
      </c>
      <c r="F10191" s="14" t="s">
        <v>15</v>
      </c>
      <c r="G10191" s="16">
        <v>0</v>
      </c>
    </row>
    <row r="10192" spans="1:7" x14ac:dyDescent="0.3">
      <c r="A10192" s="13" t="s">
        <v>82</v>
      </c>
      <c r="B10192" s="14" t="s">
        <v>1</v>
      </c>
      <c r="C10192" s="14" t="s">
        <v>51</v>
      </c>
      <c r="D10192" s="14" t="s">
        <v>18</v>
      </c>
      <c r="E10192" s="15">
        <v>45713</v>
      </c>
      <c r="F10192" s="14" t="s">
        <v>15</v>
      </c>
      <c r="G10192" s="16">
        <v>0</v>
      </c>
    </row>
    <row r="10193" spans="1:7" x14ac:dyDescent="0.3">
      <c r="A10193" s="13" t="s">
        <v>82</v>
      </c>
      <c r="B10193" s="14" t="s">
        <v>1</v>
      </c>
      <c r="C10193" s="14" t="s">
        <v>51</v>
      </c>
      <c r="D10193" s="14" t="s">
        <v>18</v>
      </c>
      <c r="E10193" s="15">
        <v>45714</v>
      </c>
      <c r="F10193" s="14" t="s">
        <v>15</v>
      </c>
      <c r="G10193" s="16">
        <v>0</v>
      </c>
    </row>
    <row r="10194" spans="1:7" x14ac:dyDescent="0.3">
      <c r="A10194" s="13" t="s">
        <v>82</v>
      </c>
      <c r="B10194" s="14" t="s">
        <v>1</v>
      </c>
      <c r="C10194" s="14" t="s">
        <v>51</v>
      </c>
      <c r="D10194" s="14" t="s">
        <v>18</v>
      </c>
      <c r="E10194" s="15">
        <v>45715</v>
      </c>
      <c r="F10194" s="14" t="s">
        <v>15</v>
      </c>
      <c r="G10194" s="16">
        <v>0</v>
      </c>
    </row>
    <row r="10195" spans="1:7" x14ac:dyDescent="0.3">
      <c r="A10195" s="13" t="s">
        <v>82</v>
      </c>
      <c r="B10195" s="14" t="s">
        <v>1</v>
      </c>
      <c r="C10195" s="14" t="s">
        <v>51</v>
      </c>
      <c r="D10195" s="14" t="s">
        <v>18</v>
      </c>
      <c r="E10195" s="15">
        <v>45716</v>
      </c>
      <c r="F10195" s="14" t="s">
        <v>15</v>
      </c>
      <c r="G10195" s="16">
        <v>0</v>
      </c>
    </row>
    <row r="10196" spans="1:7" x14ac:dyDescent="0.3">
      <c r="A10196" s="13" t="s">
        <v>82</v>
      </c>
      <c r="B10196" s="14" t="s">
        <v>1</v>
      </c>
      <c r="C10196" s="14" t="s">
        <v>51</v>
      </c>
      <c r="D10196" s="14" t="s">
        <v>18</v>
      </c>
      <c r="E10196" s="15">
        <v>45717</v>
      </c>
      <c r="F10196" s="14" t="s">
        <v>15</v>
      </c>
      <c r="G10196" s="16">
        <v>0</v>
      </c>
    </row>
    <row r="10197" spans="1:7" x14ac:dyDescent="0.3">
      <c r="A10197" s="13" t="s">
        <v>82</v>
      </c>
      <c r="B10197" s="14" t="s">
        <v>1</v>
      </c>
      <c r="C10197" s="14" t="s">
        <v>51</v>
      </c>
      <c r="D10197" s="14" t="s">
        <v>18</v>
      </c>
      <c r="E10197" s="15">
        <v>45718</v>
      </c>
      <c r="F10197" s="14" t="s">
        <v>15</v>
      </c>
      <c r="G10197" s="16">
        <v>0</v>
      </c>
    </row>
    <row r="10198" spans="1:7" x14ac:dyDescent="0.3">
      <c r="A10198" s="13" t="s">
        <v>82</v>
      </c>
      <c r="B10198" s="14" t="s">
        <v>1</v>
      </c>
      <c r="C10198" s="14" t="s">
        <v>51</v>
      </c>
      <c r="D10198" s="14" t="s">
        <v>18</v>
      </c>
      <c r="E10198" s="15">
        <v>45719</v>
      </c>
      <c r="F10198" s="14" t="s">
        <v>15</v>
      </c>
      <c r="G10198" s="16">
        <v>0</v>
      </c>
    </row>
    <row r="10199" spans="1:7" x14ac:dyDescent="0.3">
      <c r="A10199" s="13" t="s">
        <v>82</v>
      </c>
      <c r="B10199" s="14" t="s">
        <v>1</v>
      </c>
      <c r="C10199" s="14" t="s">
        <v>51</v>
      </c>
      <c r="D10199" s="14" t="s">
        <v>18</v>
      </c>
      <c r="E10199" s="15">
        <v>45720</v>
      </c>
      <c r="F10199" s="14" t="s">
        <v>15</v>
      </c>
      <c r="G10199" s="16">
        <v>0</v>
      </c>
    </row>
    <row r="10200" spans="1:7" x14ac:dyDescent="0.3">
      <c r="A10200" s="13" t="s">
        <v>82</v>
      </c>
      <c r="B10200" s="14" t="s">
        <v>1</v>
      </c>
      <c r="C10200" s="14" t="s">
        <v>51</v>
      </c>
      <c r="D10200" s="14" t="s">
        <v>18</v>
      </c>
      <c r="E10200" s="15">
        <v>45721</v>
      </c>
      <c r="F10200" s="14" t="s">
        <v>15</v>
      </c>
      <c r="G10200" s="16">
        <v>0</v>
      </c>
    </row>
    <row r="10201" spans="1:7" x14ac:dyDescent="0.3">
      <c r="A10201" s="13" t="s">
        <v>82</v>
      </c>
      <c r="B10201" s="14" t="s">
        <v>1</v>
      </c>
      <c r="C10201" s="14" t="s">
        <v>51</v>
      </c>
      <c r="D10201" s="14" t="s">
        <v>18</v>
      </c>
      <c r="E10201" s="15">
        <v>45722</v>
      </c>
      <c r="F10201" s="14" t="s">
        <v>15</v>
      </c>
      <c r="G10201" s="16">
        <v>0</v>
      </c>
    </row>
    <row r="10202" spans="1:7" x14ac:dyDescent="0.3">
      <c r="A10202" s="13" t="s">
        <v>82</v>
      </c>
      <c r="B10202" s="14" t="s">
        <v>1</v>
      </c>
      <c r="C10202" s="14" t="s">
        <v>51</v>
      </c>
      <c r="D10202" s="14" t="s">
        <v>18</v>
      </c>
      <c r="E10202" s="15">
        <v>45723</v>
      </c>
      <c r="F10202" s="14" t="s">
        <v>15</v>
      </c>
      <c r="G10202" s="16">
        <v>0</v>
      </c>
    </row>
    <row r="10203" spans="1:7" x14ac:dyDescent="0.3">
      <c r="A10203" s="13" t="s">
        <v>82</v>
      </c>
      <c r="B10203" s="14" t="s">
        <v>1</v>
      </c>
      <c r="C10203" s="14" t="s">
        <v>51</v>
      </c>
      <c r="D10203" s="14" t="s">
        <v>18</v>
      </c>
      <c r="E10203" s="15">
        <v>45724</v>
      </c>
      <c r="F10203" s="14" t="s">
        <v>15</v>
      </c>
      <c r="G10203" s="16">
        <v>0</v>
      </c>
    </row>
    <row r="10204" spans="1:7" x14ac:dyDescent="0.3">
      <c r="A10204" s="13" t="s">
        <v>82</v>
      </c>
      <c r="B10204" s="14" t="s">
        <v>1</v>
      </c>
      <c r="C10204" s="14" t="s">
        <v>51</v>
      </c>
      <c r="D10204" s="14" t="s">
        <v>18</v>
      </c>
      <c r="E10204" s="15">
        <v>45725</v>
      </c>
      <c r="F10204" s="14" t="s">
        <v>15</v>
      </c>
      <c r="G10204" s="16">
        <v>0</v>
      </c>
    </row>
    <row r="10205" spans="1:7" x14ac:dyDescent="0.3">
      <c r="A10205" s="13" t="s">
        <v>82</v>
      </c>
      <c r="B10205" s="14" t="s">
        <v>1</v>
      </c>
      <c r="C10205" s="14" t="s">
        <v>51</v>
      </c>
      <c r="D10205" s="14" t="s">
        <v>18</v>
      </c>
      <c r="E10205" s="15">
        <v>45726</v>
      </c>
      <c r="F10205" s="14" t="s">
        <v>15</v>
      </c>
      <c r="G10205" s="16">
        <v>0</v>
      </c>
    </row>
    <row r="10206" spans="1:7" x14ac:dyDescent="0.3">
      <c r="A10206" s="13" t="s">
        <v>82</v>
      </c>
      <c r="B10206" s="14" t="s">
        <v>1</v>
      </c>
      <c r="C10206" s="14" t="s">
        <v>51</v>
      </c>
      <c r="D10206" s="14" t="s">
        <v>18</v>
      </c>
      <c r="E10206" s="15">
        <v>45727</v>
      </c>
      <c r="F10206" s="14" t="s">
        <v>15</v>
      </c>
      <c r="G10206" s="16">
        <v>0</v>
      </c>
    </row>
    <row r="10207" spans="1:7" x14ac:dyDescent="0.3">
      <c r="A10207" s="13" t="s">
        <v>82</v>
      </c>
      <c r="B10207" s="14" t="s">
        <v>1</v>
      </c>
      <c r="C10207" s="14" t="s">
        <v>51</v>
      </c>
      <c r="D10207" s="14" t="s">
        <v>18</v>
      </c>
      <c r="E10207" s="15">
        <v>45728</v>
      </c>
      <c r="F10207" s="14" t="s">
        <v>15</v>
      </c>
      <c r="G10207" s="16">
        <v>0</v>
      </c>
    </row>
    <row r="10208" spans="1:7" x14ac:dyDescent="0.3">
      <c r="A10208" s="13" t="s">
        <v>82</v>
      </c>
      <c r="B10208" s="14" t="s">
        <v>1</v>
      </c>
      <c r="C10208" s="14" t="s">
        <v>51</v>
      </c>
      <c r="D10208" s="14" t="s">
        <v>18</v>
      </c>
      <c r="E10208" s="15">
        <v>45729</v>
      </c>
      <c r="F10208" s="14" t="s">
        <v>15</v>
      </c>
      <c r="G10208" s="16">
        <v>0</v>
      </c>
    </row>
    <row r="10209" spans="1:7" x14ac:dyDescent="0.3">
      <c r="A10209" s="13" t="s">
        <v>82</v>
      </c>
      <c r="B10209" s="14" t="s">
        <v>1</v>
      </c>
      <c r="C10209" s="14" t="s">
        <v>51</v>
      </c>
      <c r="D10209" s="14" t="s">
        <v>18</v>
      </c>
      <c r="E10209" s="15">
        <v>45730</v>
      </c>
      <c r="F10209" s="14" t="s">
        <v>15</v>
      </c>
      <c r="G10209" s="16">
        <v>0</v>
      </c>
    </row>
    <row r="10210" spans="1:7" x14ac:dyDescent="0.3">
      <c r="A10210" s="13" t="s">
        <v>82</v>
      </c>
      <c r="B10210" s="14" t="s">
        <v>1</v>
      </c>
      <c r="C10210" s="14" t="s">
        <v>51</v>
      </c>
      <c r="D10210" s="14" t="s">
        <v>18</v>
      </c>
      <c r="E10210" s="15">
        <v>45731</v>
      </c>
      <c r="F10210" s="14" t="s">
        <v>15</v>
      </c>
      <c r="G10210" s="16">
        <v>0</v>
      </c>
    </row>
    <row r="10211" spans="1:7" x14ac:dyDescent="0.3">
      <c r="A10211" s="13" t="s">
        <v>82</v>
      </c>
      <c r="B10211" s="14" t="s">
        <v>1</v>
      </c>
      <c r="C10211" s="14" t="s">
        <v>51</v>
      </c>
      <c r="D10211" s="14" t="s">
        <v>18</v>
      </c>
      <c r="E10211" s="15">
        <v>45732</v>
      </c>
      <c r="F10211" s="14" t="s">
        <v>15</v>
      </c>
      <c r="G10211" s="16">
        <v>0</v>
      </c>
    </row>
    <row r="10212" spans="1:7" x14ac:dyDescent="0.3">
      <c r="A10212" s="13" t="s">
        <v>82</v>
      </c>
      <c r="B10212" s="14" t="s">
        <v>1</v>
      </c>
      <c r="C10212" s="14" t="s">
        <v>51</v>
      </c>
      <c r="D10212" s="14" t="s">
        <v>18</v>
      </c>
      <c r="E10212" s="15">
        <v>45733</v>
      </c>
      <c r="F10212" s="14" t="s">
        <v>15</v>
      </c>
      <c r="G10212" s="16">
        <v>0</v>
      </c>
    </row>
    <row r="10213" spans="1:7" x14ac:dyDescent="0.3">
      <c r="A10213" s="13" t="s">
        <v>82</v>
      </c>
      <c r="B10213" s="14" t="s">
        <v>1</v>
      </c>
      <c r="C10213" s="14" t="s">
        <v>51</v>
      </c>
      <c r="D10213" s="14" t="s">
        <v>18</v>
      </c>
      <c r="E10213" s="15">
        <v>45734</v>
      </c>
      <c r="F10213" s="14" t="s">
        <v>15</v>
      </c>
      <c r="G10213" s="16">
        <v>0</v>
      </c>
    </row>
    <row r="10214" spans="1:7" x14ac:dyDescent="0.3">
      <c r="A10214" s="13" t="s">
        <v>82</v>
      </c>
      <c r="B10214" s="14" t="s">
        <v>1</v>
      </c>
      <c r="C10214" s="14" t="s">
        <v>51</v>
      </c>
      <c r="D10214" s="14" t="s">
        <v>18</v>
      </c>
      <c r="E10214" s="15">
        <v>45735</v>
      </c>
      <c r="F10214" s="14" t="s">
        <v>15</v>
      </c>
      <c r="G10214" s="16">
        <v>0</v>
      </c>
    </row>
    <row r="10215" spans="1:7" x14ac:dyDescent="0.3">
      <c r="A10215" s="13" t="s">
        <v>82</v>
      </c>
      <c r="B10215" s="14" t="s">
        <v>1</v>
      </c>
      <c r="C10215" s="14" t="s">
        <v>51</v>
      </c>
      <c r="D10215" s="14" t="s">
        <v>18</v>
      </c>
      <c r="E10215" s="15">
        <v>45736</v>
      </c>
      <c r="F10215" s="14" t="s">
        <v>15</v>
      </c>
      <c r="G10215" s="16">
        <v>0</v>
      </c>
    </row>
    <row r="10216" spans="1:7" x14ac:dyDescent="0.3">
      <c r="A10216" s="13" t="s">
        <v>82</v>
      </c>
      <c r="B10216" s="14" t="s">
        <v>1</v>
      </c>
      <c r="C10216" s="14" t="s">
        <v>51</v>
      </c>
      <c r="D10216" s="14" t="s">
        <v>18</v>
      </c>
      <c r="E10216" s="15">
        <v>45737</v>
      </c>
      <c r="F10216" s="14" t="s">
        <v>15</v>
      </c>
      <c r="G10216" s="16">
        <v>0</v>
      </c>
    </row>
    <row r="10217" spans="1:7" x14ac:dyDescent="0.3">
      <c r="A10217" s="13" t="s">
        <v>82</v>
      </c>
      <c r="B10217" s="14" t="s">
        <v>1</v>
      </c>
      <c r="C10217" s="14" t="s">
        <v>51</v>
      </c>
      <c r="D10217" s="14" t="s">
        <v>18</v>
      </c>
      <c r="E10217" s="15">
        <v>45738</v>
      </c>
      <c r="F10217" s="14" t="s">
        <v>15</v>
      </c>
      <c r="G10217" s="16">
        <v>0</v>
      </c>
    </row>
    <row r="10218" spans="1:7" x14ac:dyDescent="0.3">
      <c r="A10218" s="13" t="s">
        <v>82</v>
      </c>
      <c r="B10218" s="14" t="s">
        <v>1</v>
      </c>
      <c r="C10218" s="14" t="s">
        <v>51</v>
      </c>
      <c r="D10218" s="14" t="s">
        <v>18</v>
      </c>
      <c r="E10218" s="15">
        <v>45739</v>
      </c>
      <c r="F10218" s="14" t="s">
        <v>15</v>
      </c>
      <c r="G10218" s="16">
        <v>0</v>
      </c>
    </row>
    <row r="10219" spans="1:7" x14ac:dyDescent="0.3">
      <c r="A10219" s="13" t="s">
        <v>82</v>
      </c>
      <c r="B10219" s="14" t="s">
        <v>1</v>
      </c>
      <c r="C10219" s="14" t="s">
        <v>51</v>
      </c>
      <c r="D10219" s="14" t="s">
        <v>18</v>
      </c>
      <c r="E10219" s="15">
        <v>45740</v>
      </c>
      <c r="F10219" s="14" t="s">
        <v>15</v>
      </c>
      <c r="G10219" s="16">
        <v>0</v>
      </c>
    </row>
    <row r="10220" spans="1:7" x14ac:dyDescent="0.3">
      <c r="A10220" s="13" t="s">
        <v>82</v>
      </c>
      <c r="B10220" s="14" t="s">
        <v>1</v>
      </c>
      <c r="C10220" s="14" t="s">
        <v>51</v>
      </c>
      <c r="D10220" s="14" t="s">
        <v>18</v>
      </c>
      <c r="E10220" s="15">
        <v>45741</v>
      </c>
      <c r="F10220" s="14" t="s">
        <v>15</v>
      </c>
      <c r="G10220" s="16">
        <v>0</v>
      </c>
    </row>
    <row r="10221" spans="1:7" x14ac:dyDescent="0.3">
      <c r="A10221" s="13" t="s">
        <v>82</v>
      </c>
      <c r="B10221" s="14" t="s">
        <v>1</v>
      </c>
      <c r="C10221" s="14" t="s">
        <v>51</v>
      </c>
      <c r="D10221" s="14" t="s">
        <v>18</v>
      </c>
      <c r="E10221" s="15">
        <v>45742</v>
      </c>
      <c r="F10221" s="14" t="s">
        <v>15</v>
      </c>
      <c r="G10221" s="16">
        <v>0</v>
      </c>
    </row>
    <row r="10222" spans="1:7" x14ac:dyDescent="0.3">
      <c r="A10222" s="13" t="s">
        <v>82</v>
      </c>
      <c r="B10222" s="14" t="s">
        <v>1</v>
      </c>
      <c r="C10222" s="14" t="s">
        <v>51</v>
      </c>
      <c r="D10222" s="14" t="s">
        <v>18</v>
      </c>
      <c r="E10222" s="15">
        <v>45743</v>
      </c>
      <c r="F10222" s="14" t="s">
        <v>15</v>
      </c>
      <c r="G10222" s="16">
        <v>0</v>
      </c>
    </row>
    <row r="10223" spans="1:7" x14ac:dyDescent="0.3">
      <c r="A10223" s="13" t="s">
        <v>82</v>
      </c>
      <c r="B10223" s="14" t="s">
        <v>1</v>
      </c>
      <c r="C10223" s="14" t="s">
        <v>51</v>
      </c>
      <c r="D10223" s="14" t="s">
        <v>18</v>
      </c>
      <c r="E10223" s="15">
        <v>45744</v>
      </c>
      <c r="F10223" s="14" t="s">
        <v>15</v>
      </c>
      <c r="G10223" s="16">
        <v>0</v>
      </c>
    </row>
    <row r="10224" spans="1:7" x14ac:dyDescent="0.3">
      <c r="A10224" s="13" t="s">
        <v>82</v>
      </c>
      <c r="B10224" s="14" t="s">
        <v>1</v>
      </c>
      <c r="C10224" s="14" t="s">
        <v>51</v>
      </c>
      <c r="D10224" s="14" t="s">
        <v>18</v>
      </c>
      <c r="E10224" s="15">
        <v>45745</v>
      </c>
      <c r="F10224" s="14" t="s">
        <v>15</v>
      </c>
      <c r="G10224" s="16">
        <v>0</v>
      </c>
    </row>
    <row r="10225" spans="1:7" x14ac:dyDescent="0.3">
      <c r="A10225" s="13" t="s">
        <v>82</v>
      </c>
      <c r="B10225" s="14" t="s">
        <v>1</v>
      </c>
      <c r="C10225" s="14" t="s">
        <v>51</v>
      </c>
      <c r="D10225" s="14" t="s">
        <v>18</v>
      </c>
      <c r="E10225" s="15">
        <v>45746</v>
      </c>
      <c r="F10225" s="14" t="s">
        <v>15</v>
      </c>
      <c r="G10225" s="16">
        <v>0</v>
      </c>
    </row>
    <row r="10226" spans="1:7" x14ac:dyDescent="0.3">
      <c r="A10226" s="13" t="s">
        <v>82</v>
      </c>
      <c r="B10226" s="14" t="s">
        <v>1</v>
      </c>
      <c r="C10226" s="14" t="s">
        <v>51</v>
      </c>
      <c r="D10226" s="14" t="s">
        <v>18</v>
      </c>
      <c r="E10226" s="15">
        <v>45747</v>
      </c>
      <c r="F10226" s="14" t="s">
        <v>15</v>
      </c>
      <c r="G10226" s="16">
        <v>0</v>
      </c>
    </row>
    <row r="10227" spans="1:7" x14ac:dyDescent="0.3">
      <c r="A10227" s="13" t="s">
        <v>83</v>
      </c>
      <c r="B10227" s="14" t="s">
        <v>1</v>
      </c>
      <c r="C10227" s="14" t="s">
        <v>51</v>
      </c>
      <c r="D10227" s="14" t="s">
        <v>84</v>
      </c>
      <c r="E10227" s="15">
        <v>45383</v>
      </c>
      <c r="F10227" s="14" t="s">
        <v>25</v>
      </c>
      <c r="G10227" s="16">
        <v>0</v>
      </c>
    </row>
    <row r="10228" spans="1:7" x14ac:dyDescent="0.3">
      <c r="A10228" s="13" t="s">
        <v>83</v>
      </c>
      <c r="B10228" s="14" t="s">
        <v>1</v>
      </c>
      <c r="C10228" s="14" t="s">
        <v>51</v>
      </c>
      <c r="D10228" s="14" t="s">
        <v>84</v>
      </c>
      <c r="E10228" s="15">
        <v>45384</v>
      </c>
      <c r="F10228" s="14" t="s">
        <v>25</v>
      </c>
      <c r="G10228" s="16">
        <v>0</v>
      </c>
    </row>
    <row r="10229" spans="1:7" x14ac:dyDescent="0.3">
      <c r="A10229" s="13" t="s">
        <v>83</v>
      </c>
      <c r="B10229" s="14" t="s">
        <v>1</v>
      </c>
      <c r="C10229" s="14" t="s">
        <v>51</v>
      </c>
      <c r="D10229" s="14" t="s">
        <v>84</v>
      </c>
      <c r="E10229" s="15">
        <v>45385</v>
      </c>
      <c r="F10229" s="14" t="s">
        <v>25</v>
      </c>
      <c r="G10229" s="16">
        <v>0</v>
      </c>
    </row>
    <row r="10230" spans="1:7" x14ac:dyDescent="0.3">
      <c r="A10230" s="13" t="s">
        <v>83</v>
      </c>
      <c r="B10230" s="14" t="s">
        <v>1</v>
      </c>
      <c r="C10230" s="14" t="s">
        <v>51</v>
      </c>
      <c r="D10230" s="14" t="s">
        <v>84</v>
      </c>
      <c r="E10230" s="15">
        <v>45386</v>
      </c>
      <c r="F10230" s="14" t="s">
        <v>25</v>
      </c>
      <c r="G10230" s="16">
        <v>0</v>
      </c>
    </row>
    <row r="10231" spans="1:7" x14ac:dyDescent="0.3">
      <c r="A10231" s="13" t="s">
        <v>83</v>
      </c>
      <c r="B10231" s="14" t="s">
        <v>1</v>
      </c>
      <c r="C10231" s="14" t="s">
        <v>51</v>
      </c>
      <c r="D10231" s="14" t="s">
        <v>84</v>
      </c>
      <c r="E10231" s="15">
        <v>45387</v>
      </c>
      <c r="F10231" s="14" t="s">
        <v>25</v>
      </c>
      <c r="G10231" s="16">
        <v>0</v>
      </c>
    </row>
    <row r="10232" spans="1:7" x14ac:dyDescent="0.3">
      <c r="A10232" s="13" t="s">
        <v>83</v>
      </c>
      <c r="B10232" s="14" t="s">
        <v>1</v>
      </c>
      <c r="C10232" s="14" t="s">
        <v>51</v>
      </c>
      <c r="D10232" s="14" t="s">
        <v>84</v>
      </c>
      <c r="E10232" s="15">
        <v>45388</v>
      </c>
      <c r="F10232" s="14" t="s">
        <v>25</v>
      </c>
      <c r="G10232" s="16">
        <v>0</v>
      </c>
    </row>
    <row r="10233" spans="1:7" x14ac:dyDescent="0.3">
      <c r="A10233" s="13" t="s">
        <v>83</v>
      </c>
      <c r="B10233" s="14" t="s">
        <v>1</v>
      </c>
      <c r="C10233" s="14" t="s">
        <v>51</v>
      </c>
      <c r="D10233" s="14" t="s">
        <v>84</v>
      </c>
      <c r="E10233" s="15">
        <v>45389</v>
      </c>
      <c r="F10233" s="14" t="s">
        <v>25</v>
      </c>
      <c r="G10233" s="16">
        <v>0</v>
      </c>
    </row>
    <row r="10234" spans="1:7" x14ac:dyDescent="0.3">
      <c r="A10234" s="13" t="s">
        <v>83</v>
      </c>
      <c r="B10234" s="14" t="s">
        <v>1</v>
      </c>
      <c r="C10234" s="14" t="s">
        <v>51</v>
      </c>
      <c r="D10234" s="14" t="s">
        <v>84</v>
      </c>
      <c r="E10234" s="15">
        <v>45390</v>
      </c>
      <c r="F10234" s="14" t="s">
        <v>25</v>
      </c>
      <c r="G10234" s="16">
        <v>0</v>
      </c>
    </row>
    <row r="10235" spans="1:7" x14ac:dyDescent="0.3">
      <c r="A10235" s="13" t="s">
        <v>83</v>
      </c>
      <c r="B10235" s="14" t="s">
        <v>1</v>
      </c>
      <c r="C10235" s="14" t="s">
        <v>51</v>
      </c>
      <c r="D10235" s="14" t="s">
        <v>84</v>
      </c>
      <c r="E10235" s="15">
        <v>45391</v>
      </c>
      <c r="F10235" s="14" t="s">
        <v>25</v>
      </c>
      <c r="G10235" s="16">
        <v>0</v>
      </c>
    </row>
    <row r="10236" spans="1:7" x14ac:dyDescent="0.3">
      <c r="A10236" s="13" t="s">
        <v>83</v>
      </c>
      <c r="B10236" s="14" t="s">
        <v>1</v>
      </c>
      <c r="C10236" s="14" t="s">
        <v>51</v>
      </c>
      <c r="D10236" s="14" t="s">
        <v>84</v>
      </c>
      <c r="E10236" s="15">
        <v>45392</v>
      </c>
      <c r="F10236" s="14" t="s">
        <v>25</v>
      </c>
      <c r="G10236" s="16">
        <v>0</v>
      </c>
    </row>
    <row r="10237" spans="1:7" x14ac:dyDescent="0.3">
      <c r="A10237" s="13" t="s">
        <v>83</v>
      </c>
      <c r="B10237" s="14" t="s">
        <v>1</v>
      </c>
      <c r="C10237" s="14" t="s">
        <v>51</v>
      </c>
      <c r="D10237" s="14" t="s">
        <v>84</v>
      </c>
      <c r="E10237" s="15">
        <v>45393</v>
      </c>
      <c r="F10237" s="14" t="s">
        <v>25</v>
      </c>
      <c r="G10237" s="16">
        <v>0</v>
      </c>
    </row>
    <row r="10238" spans="1:7" x14ac:dyDescent="0.3">
      <c r="A10238" s="13" t="s">
        <v>83</v>
      </c>
      <c r="B10238" s="14" t="s">
        <v>1</v>
      </c>
      <c r="C10238" s="14" t="s">
        <v>51</v>
      </c>
      <c r="D10238" s="14" t="s">
        <v>84</v>
      </c>
      <c r="E10238" s="15">
        <v>45394</v>
      </c>
      <c r="F10238" s="14" t="s">
        <v>25</v>
      </c>
      <c r="G10238" s="16">
        <v>0</v>
      </c>
    </row>
    <row r="10239" spans="1:7" x14ac:dyDescent="0.3">
      <c r="A10239" s="13" t="s">
        <v>83</v>
      </c>
      <c r="B10239" s="14" t="s">
        <v>1</v>
      </c>
      <c r="C10239" s="14" t="s">
        <v>51</v>
      </c>
      <c r="D10239" s="14" t="s">
        <v>84</v>
      </c>
      <c r="E10239" s="15">
        <v>45395</v>
      </c>
      <c r="F10239" s="14" t="s">
        <v>25</v>
      </c>
      <c r="G10239" s="16">
        <v>0</v>
      </c>
    </row>
    <row r="10240" spans="1:7" x14ac:dyDescent="0.3">
      <c r="A10240" s="13" t="s">
        <v>83</v>
      </c>
      <c r="B10240" s="14" t="s">
        <v>1</v>
      </c>
      <c r="C10240" s="14" t="s">
        <v>51</v>
      </c>
      <c r="D10240" s="14" t="s">
        <v>84</v>
      </c>
      <c r="E10240" s="15">
        <v>45396</v>
      </c>
      <c r="F10240" s="14" t="s">
        <v>25</v>
      </c>
      <c r="G10240" s="16">
        <v>0</v>
      </c>
    </row>
    <row r="10241" spans="1:7" x14ac:dyDescent="0.3">
      <c r="A10241" s="13" t="s">
        <v>83</v>
      </c>
      <c r="B10241" s="14" t="s">
        <v>1</v>
      </c>
      <c r="C10241" s="14" t="s">
        <v>51</v>
      </c>
      <c r="D10241" s="14" t="s">
        <v>84</v>
      </c>
      <c r="E10241" s="15">
        <v>45397</v>
      </c>
      <c r="F10241" s="14" t="s">
        <v>25</v>
      </c>
      <c r="G10241" s="16">
        <v>0</v>
      </c>
    </row>
    <row r="10242" spans="1:7" x14ac:dyDescent="0.3">
      <c r="A10242" s="13" t="s">
        <v>83</v>
      </c>
      <c r="B10242" s="14" t="s">
        <v>1</v>
      </c>
      <c r="C10242" s="14" t="s">
        <v>51</v>
      </c>
      <c r="D10242" s="14" t="s">
        <v>84</v>
      </c>
      <c r="E10242" s="15">
        <v>45398</v>
      </c>
      <c r="F10242" s="14" t="s">
        <v>25</v>
      </c>
      <c r="G10242" s="16">
        <v>0</v>
      </c>
    </row>
    <row r="10243" spans="1:7" x14ac:dyDescent="0.3">
      <c r="A10243" s="13" t="s">
        <v>83</v>
      </c>
      <c r="B10243" s="14" t="s">
        <v>1</v>
      </c>
      <c r="C10243" s="14" t="s">
        <v>51</v>
      </c>
      <c r="D10243" s="14" t="s">
        <v>84</v>
      </c>
      <c r="E10243" s="15">
        <v>45399</v>
      </c>
      <c r="F10243" s="14" t="s">
        <v>25</v>
      </c>
      <c r="G10243" s="16">
        <v>0</v>
      </c>
    </row>
    <row r="10244" spans="1:7" x14ac:dyDescent="0.3">
      <c r="A10244" s="13" t="s">
        <v>83</v>
      </c>
      <c r="B10244" s="14" t="s">
        <v>1</v>
      </c>
      <c r="C10244" s="14" t="s">
        <v>51</v>
      </c>
      <c r="D10244" s="14" t="s">
        <v>84</v>
      </c>
      <c r="E10244" s="15">
        <v>45400</v>
      </c>
      <c r="F10244" s="14" t="s">
        <v>25</v>
      </c>
      <c r="G10244" s="16">
        <v>0</v>
      </c>
    </row>
    <row r="10245" spans="1:7" x14ac:dyDescent="0.3">
      <c r="A10245" s="13" t="s">
        <v>83</v>
      </c>
      <c r="B10245" s="14" t="s">
        <v>1</v>
      </c>
      <c r="C10245" s="14" t="s">
        <v>51</v>
      </c>
      <c r="D10245" s="14" t="s">
        <v>84</v>
      </c>
      <c r="E10245" s="15">
        <v>45401</v>
      </c>
      <c r="F10245" s="14" t="s">
        <v>25</v>
      </c>
      <c r="G10245" s="16">
        <v>0</v>
      </c>
    </row>
    <row r="10246" spans="1:7" x14ac:dyDescent="0.3">
      <c r="A10246" s="13" t="s">
        <v>83</v>
      </c>
      <c r="B10246" s="14" t="s">
        <v>1</v>
      </c>
      <c r="C10246" s="14" t="s">
        <v>51</v>
      </c>
      <c r="D10246" s="14" t="s">
        <v>84</v>
      </c>
      <c r="E10246" s="15">
        <v>45402</v>
      </c>
      <c r="F10246" s="14" t="s">
        <v>25</v>
      </c>
      <c r="G10246" s="16">
        <v>0</v>
      </c>
    </row>
    <row r="10247" spans="1:7" x14ac:dyDescent="0.3">
      <c r="A10247" s="13" t="s">
        <v>83</v>
      </c>
      <c r="B10247" s="14" t="s">
        <v>1</v>
      </c>
      <c r="C10247" s="14" t="s">
        <v>51</v>
      </c>
      <c r="D10247" s="14" t="s">
        <v>84</v>
      </c>
      <c r="E10247" s="15">
        <v>45403</v>
      </c>
      <c r="F10247" s="14" t="s">
        <v>25</v>
      </c>
      <c r="G10247" s="16">
        <v>0</v>
      </c>
    </row>
    <row r="10248" spans="1:7" x14ac:dyDescent="0.3">
      <c r="A10248" s="13" t="s">
        <v>83</v>
      </c>
      <c r="B10248" s="14" t="s">
        <v>1</v>
      </c>
      <c r="C10248" s="14" t="s">
        <v>51</v>
      </c>
      <c r="D10248" s="14" t="s">
        <v>84</v>
      </c>
      <c r="E10248" s="15">
        <v>45404</v>
      </c>
      <c r="F10248" s="14" t="s">
        <v>25</v>
      </c>
      <c r="G10248" s="16">
        <v>0</v>
      </c>
    </row>
    <row r="10249" spans="1:7" x14ac:dyDescent="0.3">
      <c r="A10249" s="13" t="s">
        <v>83</v>
      </c>
      <c r="B10249" s="14" t="s">
        <v>1</v>
      </c>
      <c r="C10249" s="14" t="s">
        <v>51</v>
      </c>
      <c r="D10249" s="14" t="s">
        <v>84</v>
      </c>
      <c r="E10249" s="15">
        <v>45405</v>
      </c>
      <c r="F10249" s="14" t="s">
        <v>25</v>
      </c>
      <c r="G10249" s="16">
        <v>0</v>
      </c>
    </row>
    <row r="10250" spans="1:7" x14ac:dyDescent="0.3">
      <c r="A10250" s="13" t="s">
        <v>83</v>
      </c>
      <c r="B10250" s="14" t="s">
        <v>1</v>
      </c>
      <c r="C10250" s="14" t="s">
        <v>51</v>
      </c>
      <c r="D10250" s="14" t="s">
        <v>84</v>
      </c>
      <c r="E10250" s="15">
        <v>45406</v>
      </c>
      <c r="F10250" s="14" t="s">
        <v>25</v>
      </c>
      <c r="G10250" s="16">
        <v>0</v>
      </c>
    </row>
    <row r="10251" spans="1:7" x14ac:dyDescent="0.3">
      <c r="A10251" s="13" t="s">
        <v>83</v>
      </c>
      <c r="B10251" s="14" t="s">
        <v>1</v>
      </c>
      <c r="C10251" s="14" t="s">
        <v>51</v>
      </c>
      <c r="D10251" s="14" t="s">
        <v>84</v>
      </c>
      <c r="E10251" s="15">
        <v>45407</v>
      </c>
      <c r="F10251" s="14" t="s">
        <v>25</v>
      </c>
      <c r="G10251" s="16">
        <v>0</v>
      </c>
    </row>
    <row r="10252" spans="1:7" x14ac:dyDescent="0.3">
      <c r="A10252" s="13" t="s">
        <v>83</v>
      </c>
      <c r="B10252" s="14" t="s">
        <v>1</v>
      </c>
      <c r="C10252" s="14" t="s">
        <v>51</v>
      </c>
      <c r="D10252" s="14" t="s">
        <v>84</v>
      </c>
      <c r="E10252" s="15">
        <v>45408</v>
      </c>
      <c r="F10252" s="14" t="s">
        <v>25</v>
      </c>
      <c r="G10252" s="16">
        <v>0</v>
      </c>
    </row>
    <row r="10253" spans="1:7" x14ac:dyDescent="0.3">
      <c r="A10253" s="13" t="s">
        <v>83</v>
      </c>
      <c r="B10253" s="14" t="s">
        <v>1</v>
      </c>
      <c r="C10253" s="14" t="s">
        <v>51</v>
      </c>
      <c r="D10253" s="14" t="s">
        <v>84</v>
      </c>
      <c r="E10253" s="15">
        <v>45409</v>
      </c>
      <c r="F10253" s="14" t="s">
        <v>25</v>
      </c>
      <c r="G10253" s="16">
        <v>0</v>
      </c>
    </row>
    <row r="10254" spans="1:7" x14ac:dyDescent="0.3">
      <c r="A10254" s="13" t="s">
        <v>83</v>
      </c>
      <c r="B10254" s="14" t="s">
        <v>1</v>
      </c>
      <c r="C10254" s="14" t="s">
        <v>51</v>
      </c>
      <c r="D10254" s="14" t="s">
        <v>84</v>
      </c>
      <c r="E10254" s="15">
        <v>45410</v>
      </c>
      <c r="F10254" s="14" t="s">
        <v>25</v>
      </c>
      <c r="G10254" s="16">
        <v>0</v>
      </c>
    </row>
    <row r="10255" spans="1:7" x14ac:dyDescent="0.3">
      <c r="A10255" s="13" t="s">
        <v>83</v>
      </c>
      <c r="B10255" s="14" t="s">
        <v>1</v>
      </c>
      <c r="C10255" s="14" t="s">
        <v>51</v>
      </c>
      <c r="D10255" s="14" t="s">
        <v>84</v>
      </c>
      <c r="E10255" s="15">
        <v>45411</v>
      </c>
      <c r="F10255" s="14" t="s">
        <v>25</v>
      </c>
      <c r="G10255" s="16">
        <v>0</v>
      </c>
    </row>
    <row r="10256" spans="1:7" x14ac:dyDescent="0.3">
      <c r="A10256" s="13" t="s">
        <v>83</v>
      </c>
      <c r="B10256" s="14" t="s">
        <v>1</v>
      </c>
      <c r="C10256" s="14" t="s">
        <v>51</v>
      </c>
      <c r="D10256" s="14" t="s">
        <v>84</v>
      </c>
      <c r="E10256" s="15">
        <v>45412</v>
      </c>
      <c r="F10256" s="14" t="s">
        <v>25</v>
      </c>
      <c r="G10256" s="16">
        <v>0</v>
      </c>
    </row>
    <row r="10257" spans="1:7" x14ac:dyDescent="0.3">
      <c r="A10257" s="13" t="s">
        <v>83</v>
      </c>
      <c r="B10257" s="14" t="s">
        <v>1</v>
      </c>
      <c r="C10257" s="14" t="s">
        <v>51</v>
      </c>
      <c r="D10257" s="14" t="s">
        <v>84</v>
      </c>
      <c r="E10257" s="15">
        <v>45413</v>
      </c>
      <c r="F10257" s="14" t="s">
        <v>25</v>
      </c>
      <c r="G10257" s="16">
        <v>0</v>
      </c>
    </row>
    <row r="10258" spans="1:7" x14ac:dyDescent="0.3">
      <c r="A10258" s="13" t="s">
        <v>83</v>
      </c>
      <c r="B10258" s="14" t="s">
        <v>1</v>
      </c>
      <c r="C10258" s="14" t="s">
        <v>51</v>
      </c>
      <c r="D10258" s="14" t="s">
        <v>84</v>
      </c>
      <c r="E10258" s="15">
        <v>45414</v>
      </c>
      <c r="F10258" s="14" t="s">
        <v>25</v>
      </c>
      <c r="G10258" s="16">
        <v>0</v>
      </c>
    </row>
    <row r="10259" spans="1:7" x14ac:dyDescent="0.3">
      <c r="A10259" s="13" t="s">
        <v>83</v>
      </c>
      <c r="B10259" s="14" t="s">
        <v>1</v>
      </c>
      <c r="C10259" s="14" t="s">
        <v>51</v>
      </c>
      <c r="D10259" s="14" t="s">
        <v>84</v>
      </c>
      <c r="E10259" s="15">
        <v>45415</v>
      </c>
      <c r="F10259" s="14" t="s">
        <v>25</v>
      </c>
      <c r="G10259" s="16">
        <v>0</v>
      </c>
    </row>
    <row r="10260" spans="1:7" x14ac:dyDescent="0.3">
      <c r="A10260" s="13" t="s">
        <v>83</v>
      </c>
      <c r="B10260" s="14" t="s">
        <v>1</v>
      </c>
      <c r="C10260" s="14" t="s">
        <v>51</v>
      </c>
      <c r="D10260" s="14" t="s">
        <v>84</v>
      </c>
      <c r="E10260" s="15">
        <v>45416</v>
      </c>
      <c r="F10260" s="14" t="s">
        <v>25</v>
      </c>
      <c r="G10260" s="16">
        <v>0</v>
      </c>
    </row>
    <row r="10261" spans="1:7" x14ac:dyDescent="0.3">
      <c r="A10261" s="13" t="s">
        <v>83</v>
      </c>
      <c r="B10261" s="14" t="s">
        <v>1</v>
      </c>
      <c r="C10261" s="14" t="s">
        <v>51</v>
      </c>
      <c r="D10261" s="14" t="s">
        <v>84</v>
      </c>
      <c r="E10261" s="15">
        <v>45417</v>
      </c>
      <c r="F10261" s="14" t="s">
        <v>25</v>
      </c>
      <c r="G10261" s="16">
        <v>0</v>
      </c>
    </row>
    <row r="10262" spans="1:7" x14ac:dyDescent="0.3">
      <c r="A10262" s="13" t="s">
        <v>83</v>
      </c>
      <c r="B10262" s="14" t="s">
        <v>1</v>
      </c>
      <c r="C10262" s="14" t="s">
        <v>51</v>
      </c>
      <c r="D10262" s="14" t="s">
        <v>84</v>
      </c>
      <c r="E10262" s="15">
        <v>45418</v>
      </c>
      <c r="F10262" s="14" t="s">
        <v>25</v>
      </c>
      <c r="G10262" s="16">
        <v>0</v>
      </c>
    </row>
    <row r="10263" spans="1:7" x14ac:dyDescent="0.3">
      <c r="A10263" s="13" t="s">
        <v>83</v>
      </c>
      <c r="B10263" s="14" t="s">
        <v>1</v>
      </c>
      <c r="C10263" s="14" t="s">
        <v>51</v>
      </c>
      <c r="D10263" s="14" t="s">
        <v>84</v>
      </c>
      <c r="E10263" s="15">
        <v>45419</v>
      </c>
      <c r="F10263" s="14" t="s">
        <v>25</v>
      </c>
      <c r="G10263" s="16">
        <v>0</v>
      </c>
    </row>
    <row r="10264" spans="1:7" x14ac:dyDescent="0.3">
      <c r="A10264" s="13" t="s">
        <v>83</v>
      </c>
      <c r="B10264" s="14" t="s">
        <v>1</v>
      </c>
      <c r="C10264" s="14" t="s">
        <v>51</v>
      </c>
      <c r="D10264" s="14" t="s">
        <v>84</v>
      </c>
      <c r="E10264" s="15">
        <v>45420</v>
      </c>
      <c r="F10264" s="14" t="s">
        <v>25</v>
      </c>
      <c r="G10264" s="16">
        <v>0</v>
      </c>
    </row>
    <row r="10265" spans="1:7" x14ac:dyDescent="0.3">
      <c r="A10265" s="13" t="s">
        <v>83</v>
      </c>
      <c r="B10265" s="14" t="s">
        <v>1</v>
      </c>
      <c r="C10265" s="14" t="s">
        <v>51</v>
      </c>
      <c r="D10265" s="14" t="s">
        <v>84</v>
      </c>
      <c r="E10265" s="15">
        <v>45421</v>
      </c>
      <c r="F10265" s="14" t="s">
        <v>25</v>
      </c>
      <c r="G10265" s="16">
        <v>0</v>
      </c>
    </row>
    <row r="10266" spans="1:7" x14ac:dyDescent="0.3">
      <c r="A10266" s="13" t="s">
        <v>83</v>
      </c>
      <c r="B10266" s="14" t="s">
        <v>1</v>
      </c>
      <c r="C10266" s="14" t="s">
        <v>51</v>
      </c>
      <c r="D10266" s="14" t="s">
        <v>84</v>
      </c>
      <c r="E10266" s="15">
        <v>45422</v>
      </c>
      <c r="F10266" s="14" t="s">
        <v>25</v>
      </c>
      <c r="G10266" s="16">
        <v>0</v>
      </c>
    </row>
    <row r="10267" spans="1:7" x14ac:dyDescent="0.3">
      <c r="A10267" s="13" t="s">
        <v>83</v>
      </c>
      <c r="B10267" s="14" t="s">
        <v>1</v>
      </c>
      <c r="C10267" s="14" t="s">
        <v>51</v>
      </c>
      <c r="D10267" s="14" t="s">
        <v>84</v>
      </c>
      <c r="E10267" s="15">
        <v>45423</v>
      </c>
      <c r="F10267" s="14" t="s">
        <v>25</v>
      </c>
      <c r="G10267" s="16">
        <v>0</v>
      </c>
    </row>
    <row r="10268" spans="1:7" x14ac:dyDescent="0.3">
      <c r="A10268" s="13" t="s">
        <v>83</v>
      </c>
      <c r="B10268" s="14" t="s">
        <v>1</v>
      </c>
      <c r="C10268" s="14" t="s">
        <v>51</v>
      </c>
      <c r="D10268" s="14" t="s">
        <v>84</v>
      </c>
      <c r="E10268" s="15">
        <v>45424</v>
      </c>
      <c r="F10268" s="14" t="s">
        <v>25</v>
      </c>
      <c r="G10268" s="16">
        <v>0</v>
      </c>
    </row>
    <row r="10269" spans="1:7" x14ac:dyDescent="0.3">
      <c r="A10269" s="13" t="s">
        <v>83</v>
      </c>
      <c r="B10269" s="14" t="s">
        <v>1</v>
      </c>
      <c r="C10269" s="14" t="s">
        <v>51</v>
      </c>
      <c r="D10269" s="14" t="s">
        <v>84</v>
      </c>
      <c r="E10269" s="15">
        <v>45425</v>
      </c>
      <c r="F10269" s="14" t="s">
        <v>25</v>
      </c>
      <c r="G10269" s="16">
        <v>0</v>
      </c>
    </row>
    <row r="10270" spans="1:7" x14ac:dyDescent="0.3">
      <c r="A10270" s="13" t="s">
        <v>83</v>
      </c>
      <c r="B10270" s="14" t="s">
        <v>1</v>
      </c>
      <c r="C10270" s="14" t="s">
        <v>51</v>
      </c>
      <c r="D10270" s="14" t="s">
        <v>84</v>
      </c>
      <c r="E10270" s="15">
        <v>45426</v>
      </c>
      <c r="F10270" s="14" t="s">
        <v>25</v>
      </c>
      <c r="G10270" s="16">
        <v>0</v>
      </c>
    </row>
    <row r="10271" spans="1:7" x14ac:dyDescent="0.3">
      <c r="A10271" s="13" t="s">
        <v>83</v>
      </c>
      <c r="B10271" s="14" t="s">
        <v>1</v>
      </c>
      <c r="C10271" s="14" t="s">
        <v>51</v>
      </c>
      <c r="D10271" s="14" t="s">
        <v>84</v>
      </c>
      <c r="E10271" s="15">
        <v>45427</v>
      </c>
      <c r="F10271" s="14" t="s">
        <v>25</v>
      </c>
      <c r="G10271" s="16">
        <v>0</v>
      </c>
    </row>
    <row r="10272" spans="1:7" x14ac:dyDescent="0.3">
      <c r="A10272" s="13" t="s">
        <v>83</v>
      </c>
      <c r="B10272" s="14" t="s">
        <v>1</v>
      </c>
      <c r="C10272" s="14" t="s">
        <v>51</v>
      </c>
      <c r="D10272" s="14" t="s">
        <v>84</v>
      </c>
      <c r="E10272" s="15">
        <v>45428</v>
      </c>
      <c r="F10272" s="14" t="s">
        <v>25</v>
      </c>
      <c r="G10272" s="16">
        <v>0</v>
      </c>
    </row>
    <row r="10273" spans="1:7" x14ac:dyDescent="0.3">
      <c r="A10273" s="13" t="s">
        <v>83</v>
      </c>
      <c r="B10273" s="14" t="s">
        <v>1</v>
      </c>
      <c r="C10273" s="14" t="s">
        <v>51</v>
      </c>
      <c r="D10273" s="14" t="s">
        <v>84</v>
      </c>
      <c r="E10273" s="15">
        <v>45429</v>
      </c>
      <c r="F10273" s="14" t="s">
        <v>25</v>
      </c>
      <c r="G10273" s="16">
        <v>0</v>
      </c>
    </row>
    <row r="10274" spans="1:7" x14ac:dyDescent="0.3">
      <c r="A10274" s="13" t="s">
        <v>83</v>
      </c>
      <c r="B10274" s="14" t="s">
        <v>1</v>
      </c>
      <c r="C10274" s="14" t="s">
        <v>51</v>
      </c>
      <c r="D10274" s="14" t="s">
        <v>84</v>
      </c>
      <c r="E10274" s="15">
        <v>45430</v>
      </c>
      <c r="F10274" s="14" t="s">
        <v>25</v>
      </c>
      <c r="G10274" s="16">
        <v>0</v>
      </c>
    </row>
    <row r="10275" spans="1:7" x14ac:dyDescent="0.3">
      <c r="A10275" s="13" t="s">
        <v>83</v>
      </c>
      <c r="B10275" s="14" t="s">
        <v>1</v>
      </c>
      <c r="C10275" s="14" t="s">
        <v>51</v>
      </c>
      <c r="D10275" s="14" t="s">
        <v>84</v>
      </c>
      <c r="E10275" s="15">
        <v>45431</v>
      </c>
      <c r="F10275" s="14" t="s">
        <v>25</v>
      </c>
      <c r="G10275" s="16">
        <v>0</v>
      </c>
    </row>
    <row r="10276" spans="1:7" x14ac:dyDescent="0.3">
      <c r="A10276" s="13" t="s">
        <v>83</v>
      </c>
      <c r="B10276" s="14" t="s">
        <v>1</v>
      </c>
      <c r="C10276" s="14" t="s">
        <v>51</v>
      </c>
      <c r="D10276" s="14" t="s">
        <v>84</v>
      </c>
      <c r="E10276" s="15">
        <v>45432</v>
      </c>
      <c r="F10276" s="14" t="s">
        <v>25</v>
      </c>
      <c r="G10276" s="16">
        <v>0</v>
      </c>
    </row>
    <row r="10277" spans="1:7" x14ac:dyDescent="0.3">
      <c r="A10277" s="13" t="s">
        <v>83</v>
      </c>
      <c r="B10277" s="14" t="s">
        <v>1</v>
      </c>
      <c r="C10277" s="14" t="s">
        <v>51</v>
      </c>
      <c r="D10277" s="14" t="s">
        <v>84</v>
      </c>
      <c r="E10277" s="15">
        <v>45433</v>
      </c>
      <c r="F10277" s="14" t="s">
        <v>25</v>
      </c>
      <c r="G10277" s="16">
        <v>0</v>
      </c>
    </row>
    <row r="10278" spans="1:7" x14ac:dyDescent="0.3">
      <c r="A10278" s="13" t="s">
        <v>83</v>
      </c>
      <c r="B10278" s="14" t="s">
        <v>1</v>
      </c>
      <c r="C10278" s="14" t="s">
        <v>51</v>
      </c>
      <c r="D10278" s="14" t="s">
        <v>84</v>
      </c>
      <c r="E10278" s="15">
        <v>45434</v>
      </c>
      <c r="F10278" s="14" t="s">
        <v>25</v>
      </c>
      <c r="G10278" s="16">
        <v>0</v>
      </c>
    </row>
    <row r="10279" spans="1:7" x14ac:dyDescent="0.3">
      <c r="A10279" s="13" t="s">
        <v>83</v>
      </c>
      <c r="B10279" s="14" t="s">
        <v>1</v>
      </c>
      <c r="C10279" s="14" t="s">
        <v>51</v>
      </c>
      <c r="D10279" s="14" t="s">
        <v>84</v>
      </c>
      <c r="E10279" s="15">
        <v>45435</v>
      </c>
      <c r="F10279" s="14" t="s">
        <v>25</v>
      </c>
      <c r="G10279" s="16">
        <v>0</v>
      </c>
    </row>
    <row r="10280" spans="1:7" x14ac:dyDescent="0.3">
      <c r="A10280" s="13" t="s">
        <v>83</v>
      </c>
      <c r="B10280" s="14" t="s">
        <v>1</v>
      </c>
      <c r="C10280" s="14" t="s">
        <v>51</v>
      </c>
      <c r="D10280" s="14" t="s">
        <v>84</v>
      </c>
      <c r="E10280" s="15">
        <v>45436</v>
      </c>
      <c r="F10280" s="14" t="s">
        <v>25</v>
      </c>
      <c r="G10280" s="16">
        <v>0</v>
      </c>
    </row>
    <row r="10281" spans="1:7" x14ac:dyDescent="0.3">
      <c r="A10281" s="13" t="s">
        <v>83</v>
      </c>
      <c r="B10281" s="14" t="s">
        <v>1</v>
      </c>
      <c r="C10281" s="14" t="s">
        <v>51</v>
      </c>
      <c r="D10281" s="14" t="s">
        <v>84</v>
      </c>
      <c r="E10281" s="15">
        <v>45437</v>
      </c>
      <c r="F10281" s="14" t="s">
        <v>25</v>
      </c>
      <c r="G10281" s="16">
        <v>0</v>
      </c>
    </row>
    <row r="10282" spans="1:7" x14ac:dyDescent="0.3">
      <c r="A10282" s="13" t="s">
        <v>83</v>
      </c>
      <c r="B10282" s="14" t="s">
        <v>1</v>
      </c>
      <c r="C10282" s="14" t="s">
        <v>51</v>
      </c>
      <c r="D10282" s="14" t="s">
        <v>84</v>
      </c>
      <c r="E10282" s="15">
        <v>45438</v>
      </c>
      <c r="F10282" s="14" t="s">
        <v>25</v>
      </c>
      <c r="G10282" s="16">
        <v>0</v>
      </c>
    </row>
    <row r="10283" spans="1:7" x14ac:dyDescent="0.3">
      <c r="A10283" s="13" t="s">
        <v>83</v>
      </c>
      <c r="B10283" s="14" t="s">
        <v>1</v>
      </c>
      <c r="C10283" s="14" t="s">
        <v>51</v>
      </c>
      <c r="D10283" s="14" t="s">
        <v>84</v>
      </c>
      <c r="E10283" s="15">
        <v>45439</v>
      </c>
      <c r="F10283" s="14" t="s">
        <v>25</v>
      </c>
      <c r="G10283" s="16">
        <v>0</v>
      </c>
    </row>
    <row r="10284" spans="1:7" x14ac:dyDescent="0.3">
      <c r="A10284" s="13" t="s">
        <v>83</v>
      </c>
      <c r="B10284" s="14" t="s">
        <v>1</v>
      </c>
      <c r="C10284" s="14" t="s">
        <v>51</v>
      </c>
      <c r="D10284" s="14" t="s">
        <v>84</v>
      </c>
      <c r="E10284" s="15">
        <v>45440</v>
      </c>
      <c r="F10284" s="14" t="s">
        <v>25</v>
      </c>
      <c r="G10284" s="16">
        <v>0</v>
      </c>
    </row>
    <row r="10285" spans="1:7" x14ac:dyDescent="0.3">
      <c r="A10285" s="13" t="s">
        <v>83</v>
      </c>
      <c r="B10285" s="14" t="s">
        <v>1</v>
      </c>
      <c r="C10285" s="14" t="s">
        <v>51</v>
      </c>
      <c r="D10285" s="14" t="s">
        <v>84</v>
      </c>
      <c r="E10285" s="15">
        <v>45441</v>
      </c>
      <c r="F10285" s="14" t="s">
        <v>25</v>
      </c>
      <c r="G10285" s="16">
        <v>0</v>
      </c>
    </row>
    <row r="10286" spans="1:7" x14ac:dyDescent="0.3">
      <c r="A10286" s="13" t="s">
        <v>83</v>
      </c>
      <c r="B10286" s="14" t="s">
        <v>1</v>
      </c>
      <c r="C10286" s="14" t="s">
        <v>51</v>
      </c>
      <c r="D10286" s="14" t="s">
        <v>84</v>
      </c>
      <c r="E10286" s="15">
        <v>45442</v>
      </c>
      <c r="F10286" s="14" t="s">
        <v>25</v>
      </c>
      <c r="G10286" s="16">
        <v>0</v>
      </c>
    </row>
    <row r="10287" spans="1:7" x14ac:dyDescent="0.3">
      <c r="A10287" s="13" t="s">
        <v>83</v>
      </c>
      <c r="B10287" s="14" t="s">
        <v>1</v>
      </c>
      <c r="C10287" s="14" t="s">
        <v>51</v>
      </c>
      <c r="D10287" s="14" t="s">
        <v>84</v>
      </c>
      <c r="E10287" s="15">
        <v>45443</v>
      </c>
      <c r="F10287" s="14" t="s">
        <v>25</v>
      </c>
      <c r="G10287" s="16">
        <v>0</v>
      </c>
    </row>
    <row r="10288" spans="1:7" x14ac:dyDescent="0.3">
      <c r="A10288" s="13" t="s">
        <v>83</v>
      </c>
      <c r="B10288" s="14" t="s">
        <v>1</v>
      </c>
      <c r="C10288" s="14" t="s">
        <v>51</v>
      </c>
      <c r="D10288" s="14" t="s">
        <v>84</v>
      </c>
      <c r="E10288" s="15">
        <v>45444</v>
      </c>
      <c r="F10288" s="14" t="s">
        <v>25</v>
      </c>
      <c r="G10288" s="16">
        <v>0</v>
      </c>
    </row>
    <row r="10289" spans="1:7" x14ac:dyDescent="0.3">
      <c r="A10289" s="13" t="s">
        <v>83</v>
      </c>
      <c r="B10289" s="14" t="s">
        <v>1</v>
      </c>
      <c r="C10289" s="14" t="s">
        <v>51</v>
      </c>
      <c r="D10289" s="14" t="s">
        <v>84</v>
      </c>
      <c r="E10289" s="15">
        <v>45445</v>
      </c>
      <c r="F10289" s="14" t="s">
        <v>25</v>
      </c>
      <c r="G10289" s="16">
        <v>0</v>
      </c>
    </row>
    <row r="10290" spans="1:7" x14ac:dyDescent="0.3">
      <c r="A10290" s="13" t="s">
        <v>83</v>
      </c>
      <c r="B10290" s="14" t="s">
        <v>1</v>
      </c>
      <c r="C10290" s="14" t="s">
        <v>51</v>
      </c>
      <c r="D10290" s="14" t="s">
        <v>84</v>
      </c>
      <c r="E10290" s="15">
        <v>45446</v>
      </c>
      <c r="F10290" s="14" t="s">
        <v>25</v>
      </c>
      <c r="G10290" s="16">
        <v>0</v>
      </c>
    </row>
    <row r="10291" spans="1:7" x14ac:dyDescent="0.3">
      <c r="A10291" s="13" t="s">
        <v>83</v>
      </c>
      <c r="B10291" s="14" t="s">
        <v>1</v>
      </c>
      <c r="C10291" s="14" t="s">
        <v>51</v>
      </c>
      <c r="D10291" s="14" t="s">
        <v>84</v>
      </c>
      <c r="E10291" s="15">
        <v>45447</v>
      </c>
      <c r="F10291" s="14" t="s">
        <v>25</v>
      </c>
      <c r="G10291" s="16">
        <v>0</v>
      </c>
    </row>
    <row r="10292" spans="1:7" x14ac:dyDescent="0.3">
      <c r="A10292" s="13" t="s">
        <v>83</v>
      </c>
      <c r="B10292" s="14" t="s">
        <v>1</v>
      </c>
      <c r="C10292" s="14" t="s">
        <v>51</v>
      </c>
      <c r="D10292" s="14" t="s">
        <v>84</v>
      </c>
      <c r="E10292" s="15">
        <v>45448</v>
      </c>
      <c r="F10292" s="14" t="s">
        <v>25</v>
      </c>
      <c r="G10292" s="16">
        <v>0</v>
      </c>
    </row>
    <row r="10293" spans="1:7" x14ac:dyDescent="0.3">
      <c r="A10293" s="13" t="s">
        <v>83</v>
      </c>
      <c r="B10293" s="14" t="s">
        <v>1</v>
      </c>
      <c r="C10293" s="14" t="s">
        <v>51</v>
      </c>
      <c r="D10293" s="14" t="s">
        <v>84</v>
      </c>
      <c r="E10293" s="15">
        <v>45449</v>
      </c>
      <c r="F10293" s="14" t="s">
        <v>25</v>
      </c>
      <c r="G10293" s="16">
        <v>0</v>
      </c>
    </row>
    <row r="10294" spans="1:7" x14ac:dyDescent="0.3">
      <c r="A10294" s="13" t="s">
        <v>83</v>
      </c>
      <c r="B10294" s="14" t="s">
        <v>1</v>
      </c>
      <c r="C10294" s="14" t="s">
        <v>51</v>
      </c>
      <c r="D10294" s="14" t="s">
        <v>84</v>
      </c>
      <c r="E10294" s="15">
        <v>45450</v>
      </c>
      <c r="F10294" s="14" t="s">
        <v>25</v>
      </c>
      <c r="G10294" s="16">
        <v>0</v>
      </c>
    </row>
    <row r="10295" spans="1:7" x14ac:dyDescent="0.3">
      <c r="A10295" s="13" t="s">
        <v>83</v>
      </c>
      <c r="B10295" s="14" t="s">
        <v>1</v>
      </c>
      <c r="C10295" s="14" t="s">
        <v>51</v>
      </c>
      <c r="D10295" s="14" t="s">
        <v>84</v>
      </c>
      <c r="E10295" s="15">
        <v>45451</v>
      </c>
      <c r="F10295" s="14" t="s">
        <v>25</v>
      </c>
      <c r="G10295" s="16">
        <v>0</v>
      </c>
    </row>
    <row r="10296" spans="1:7" x14ac:dyDescent="0.3">
      <c r="A10296" s="13" t="s">
        <v>83</v>
      </c>
      <c r="B10296" s="14" t="s">
        <v>1</v>
      </c>
      <c r="C10296" s="14" t="s">
        <v>51</v>
      </c>
      <c r="D10296" s="14" t="s">
        <v>84</v>
      </c>
      <c r="E10296" s="15">
        <v>45452</v>
      </c>
      <c r="F10296" s="14" t="s">
        <v>25</v>
      </c>
      <c r="G10296" s="16">
        <v>0</v>
      </c>
    </row>
    <row r="10297" spans="1:7" x14ac:dyDescent="0.3">
      <c r="A10297" s="13" t="s">
        <v>83</v>
      </c>
      <c r="B10297" s="14" t="s">
        <v>1</v>
      </c>
      <c r="C10297" s="14" t="s">
        <v>51</v>
      </c>
      <c r="D10297" s="14" t="s">
        <v>84</v>
      </c>
      <c r="E10297" s="15">
        <v>45453</v>
      </c>
      <c r="F10297" s="14" t="s">
        <v>25</v>
      </c>
      <c r="G10297" s="16">
        <v>0</v>
      </c>
    </row>
    <row r="10298" spans="1:7" x14ac:dyDescent="0.3">
      <c r="A10298" s="13" t="s">
        <v>83</v>
      </c>
      <c r="B10298" s="14" t="s">
        <v>1</v>
      </c>
      <c r="C10298" s="14" t="s">
        <v>51</v>
      </c>
      <c r="D10298" s="14" t="s">
        <v>84</v>
      </c>
      <c r="E10298" s="15">
        <v>45454</v>
      </c>
      <c r="F10298" s="14" t="s">
        <v>25</v>
      </c>
      <c r="G10298" s="16">
        <v>0</v>
      </c>
    </row>
    <row r="10299" spans="1:7" x14ac:dyDescent="0.3">
      <c r="A10299" s="13" t="s">
        <v>83</v>
      </c>
      <c r="B10299" s="14" t="s">
        <v>1</v>
      </c>
      <c r="C10299" s="14" t="s">
        <v>51</v>
      </c>
      <c r="D10299" s="14" t="s">
        <v>84</v>
      </c>
      <c r="E10299" s="15">
        <v>45455</v>
      </c>
      <c r="F10299" s="14" t="s">
        <v>25</v>
      </c>
      <c r="G10299" s="16">
        <v>0</v>
      </c>
    </row>
    <row r="10300" spans="1:7" x14ac:dyDescent="0.3">
      <c r="A10300" s="13" t="s">
        <v>83</v>
      </c>
      <c r="B10300" s="14" t="s">
        <v>1</v>
      </c>
      <c r="C10300" s="14" t="s">
        <v>51</v>
      </c>
      <c r="D10300" s="14" t="s">
        <v>84</v>
      </c>
      <c r="E10300" s="15">
        <v>45456</v>
      </c>
      <c r="F10300" s="14" t="s">
        <v>25</v>
      </c>
      <c r="G10300" s="16">
        <v>0</v>
      </c>
    </row>
    <row r="10301" spans="1:7" x14ac:dyDescent="0.3">
      <c r="A10301" s="13" t="s">
        <v>83</v>
      </c>
      <c r="B10301" s="14" t="s">
        <v>1</v>
      </c>
      <c r="C10301" s="14" t="s">
        <v>51</v>
      </c>
      <c r="D10301" s="14" t="s">
        <v>84</v>
      </c>
      <c r="E10301" s="15">
        <v>45457</v>
      </c>
      <c r="F10301" s="14" t="s">
        <v>25</v>
      </c>
      <c r="G10301" s="16">
        <v>0</v>
      </c>
    </row>
    <row r="10302" spans="1:7" x14ac:dyDescent="0.3">
      <c r="A10302" s="13" t="s">
        <v>83</v>
      </c>
      <c r="B10302" s="14" t="s">
        <v>1</v>
      </c>
      <c r="C10302" s="14" t="s">
        <v>51</v>
      </c>
      <c r="D10302" s="14" t="s">
        <v>84</v>
      </c>
      <c r="E10302" s="15">
        <v>45458</v>
      </c>
      <c r="F10302" s="14" t="s">
        <v>25</v>
      </c>
      <c r="G10302" s="16">
        <v>0</v>
      </c>
    </row>
    <row r="10303" spans="1:7" x14ac:dyDescent="0.3">
      <c r="A10303" s="13" t="s">
        <v>83</v>
      </c>
      <c r="B10303" s="14" t="s">
        <v>1</v>
      </c>
      <c r="C10303" s="14" t="s">
        <v>51</v>
      </c>
      <c r="D10303" s="14" t="s">
        <v>84</v>
      </c>
      <c r="E10303" s="15">
        <v>45459</v>
      </c>
      <c r="F10303" s="14" t="s">
        <v>25</v>
      </c>
      <c r="G10303" s="16">
        <v>0</v>
      </c>
    </row>
    <row r="10304" spans="1:7" x14ac:dyDescent="0.3">
      <c r="A10304" s="13" t="s">
        <v>83</v>
      </c>
      <c r="B10304" s="14" t="s">
        <v>1</v>
      </c>
      <c r="C10304" s="14" t="s">
        <v>51</v>
      </c>
      <c r="D10304" s="14" t="s">
        <v>84</v>
      </c>
      <c r="E10304" s="15">
        <v>45460</v>
      </c>
      <c r="F10304" s="14" t="s">
        <v>25</v>
      </c>
      <c r="G10304" s="16">
        <v>0</v>
      </c>
    </row>
    <row r="10305" spans="1:7" x14ac:dyDescent="0.3">
      <c r="A10305" s="13" t="s">
        <v>83</v>
      </c>
      <c r="B10305" s="14" t="s">
        <v>1</v>
      </c>
      <c r="C10305" s="14" t="s">
        <v>51</v>
      </c>
      <c r="D10305" s="14" t="s">
        <v>84</v>
      </c>
      <c r="E10305" s="15">
        <v>45461</v>
      </c>
      <c r="F10305" s="14" t="s">
        <v>25</v>
      </c>
      <c r="G10305" s="16">
        <v>0</v>
      </c>
    </row>
    <row r="10306" spans="1:7" x14ac:dyDescent="0.3">
      <c r="A10306" s="13" t="s">
        <v>83</v>
      </c>
      <c r="B10306" s="14" t="s">
        <v>1</v>
      </c>
      <c r="C10306" s="14" t="s">
        <v>51</v>
      </c>
      <c r="D10306" s="14" t="s">
        <v>84</v>
      </c>
      <c r="E10306" s="15">
        <v>45462</v>
      </c>
      <c r="F10306" s="14" t="s">
        <v>25</v>
      </c>
      <c r="G10306" s="16">
        <v>0</v>
      </c>
    </row>
    <row r="10307" spans="1:7" x14ac:dyDescent="0.3">
      <c r="A10307" s="13" t="s">
        <v>83</v>
      </c>
      <c r="B10307" s="14" t="s">
        <v>1</v>
      </c>
      <c r="C10307" s="14" t="s">
        <v>51</v>
      </c>
      <c r="D10307" s="14" t="s">
        <v>84</v>
      </c>
      <c r="E10307" s="15">
        <v>45463</v>
      </c>
      <c r="F10307" s="14" t="s">
        <v>25</v>
      </c>
      <c r="G10307" s="16">
        <v>0</v>
      </c>
    </row>
    <row r="10308" spans="1:7" x14ac:dyDescent="0.3">
      <c r="A10308" s="13" t="s">
        <v>83</v>
      </c>
      <c r="B10308" s="14" t="s">
        <v>1</v>
      </c>
      <c r="C10308" s="14" t="s">
        <v>51</v>
      </c>
      <c r="D10308" s="14" t="s">
        <v>84</v>
      </c>
      <c r="E10308" s="15">
        <v>45464</v>
      </c>
      <c r="F10308" s="14" t="s">
        <v>25</v>
      </c>
      <c r="G10308" s="16">
        <v>0</v>
      </c>
    </row>
    <row r="10309" spans="1:7" x14ac:dyDescent="0.3">
      <c r="A10309" s="13" t="s">
        <v>83</v>
      </c>
      <c r="B10309" s="14" t="s">
        <v>1</v>
      </c>
      <c r="C10309" s="14" t="s">
        <v>51</v>
      </c>
      <c r="D10309" s="14" t="s">
        <v>84</v>
      </c>
      <c r="E10309" s="15">
        <v>45465</v>
      </c>
      <c r="F10309" s="14" t="s">
        <v>25</v>
      </c>
      <c r="G10309" s="16">
        <v>0</v>
      </c>
    </row>
    <row r="10310" spans="1:7" x14ac:dyDescent="0.3">
      <c r="A10310" s="13" t="s">
        <v>83</v>
      </c>
      <c r="B10310" s="14" t="s">
        <v>1</v>
      </c>
      <c r="C10310" s="14" t="s">
        <v>51</v>
      </c>
      <c r="D10310" s="14" t="s">
        <v>84</v>
      </c>
      <c r="E10310" s="15">
        <v>45466</v>
      </c>
      <c r="F10310" s="14" t="s">
        <v>25</v>
      </c>
      <c r="G10310" s="16">
        <v>0</v>
      </c>
    </row>
    <row r="10311" spans="1:7" x14ac:dyDescent="0.3">
      <c r="A10311" s="13" t="s">
        <v>83</v>
      </c>
      <c r="B10311" s="14" t="s">
        <v>1</v>
      </c>
      <c r="C10311" s="14" t="s">
        <v>51</v>
      </c>
      <c r="D10311" s="14" t="s">
        <v>84</v>
      </c>
      <c r="E10311" s="15">
        <v>45467</v>
      </c>
      <c r="F10311" s="14" t="s">
        <v>25</v>
      </c>
      <c r="G10311" s="16">
        <v>0</v>
      </c>
    </row>
    <row r="10312" spans="1:7" x14ac:dyDescent="0.3">
      <c r="A10312" s="13" t="s">
        <v>83</v>
      </c>
      <c r="B10312" s="14" t="s">
        <v>1</v>
      </c>
      <c r="C10312" s="14" t="s">
        <v>51</v>
      </c>
      <c r="D10312" s="14" t="s">
        <v>84</v>
      </c>
      <c r="E10312" s="15">
        <v>45468</v>
      </c>
      <c r="F10312" s="14" t="s">
        <v>25</v>
      </c>
      <c r="G10312" s="16">
        <v>0</v>
      </c>
    </row>
    <row r="10313" spans="1:7" x14ac:dyDescent="0.3">
      <c r="A10313" s="13" t="s">
        <v>83</v>
      </c>
      <c r="B10313" s="14" t="s">
        <v>1</v>
      </c>
      <c r="C10313" s="14" t="s">
        <v>51</v>
      </c>
      <c r="D10313" s="14" t="s">
        <v>84</v>
      </c>
      <c r="E10313" s="15">
        <v>45469</v>
      </c>
      <c r="F10313" s="14" t="s">
        <v>25</v>
      </c>
      <c r="G10313" s="16">
        <v>0</v>
      </c>
    </row>
    <row r="10314" spans="1:7" x14ac:dyDescent="0.3">
      <c r="A10314" s="13" t="s">
        <v>83</v>
      </c>
      <c r="B10314" s="14" t="s">
        <v>1</v>
      </c>
      <c r="C10314" s="14" t="s">
        <v>51</v>
      </c>
      <c r="D10314" s="14" t="s">
        <v>84</v>
      </c>
      <c r="E10314" s="15">
        <v>45470</v>
      </c>
      <c r="F10314" s="14" t="s">
        <v>25</v>
      </c>
      <c r="G10314" s="16">
        <v>0</v>
      </c>
    </row>
    <row r="10315" spans="1:7" x14ac:dyDescent="0.3">
      <c r="A10315" s="13" t="s">
        <v>83</v>
      </c>
      <c r="B10315" s="14" t="s">
        <v>1</v>
      </c>
      <c r="C10315" s="14" t="s">
        <v>51</v>
      </c>
      <c r="D10315" s="14" t="s">
        <v>84</v>
      </c>
      <c r="E10315" s="15">
        <v>45471</v>
      </c>
      <c r="F10315" s="14" t="s">
        <v>25</v>
      </c>
      <c r="G10315" s="16">
        <v>0</v>
      </c>
    </row>
    <row r="10316" spans="1:7" x14ac:dyDescent="0.3">
      <c r="A10316" s="13" t="s">
        <v>83</v>
      </c>
      <c r="B10316" s="14" t="s">
        <v>1</v>
      </c>
      <c r="C10316" s="14" t="s">
        <v>51</v>
      </c>
      <c r="D10316" s="14" t="s">
        <v>84</v>
      </c>
      <c r="E10316" s="15">
        <v>45472</v>
      </c>
      <c r="F10316" s="14" t="s">
        <v>25</v>
      </c>
      <c r="G10316" s="16">
        <v>0</v>
      </c>
    </row>
    <row r="10317" spans="1:7" x14ac:dyDescent="0.3">
      <c r="A10317" s="13" t="s">
        <v>83</v>
      </c>
      <c r="B10317" s="14" t="s">
        <v>1</v>
      </c>
      <c r="C10317" s="14" t="s">
        <v>51</v>
      </c>
      <c r="D10317" s="14" t="s">
        <v>84</v>
      </c>
      <c r="E10317" s="15">
        <v>45473</v>
      </c>
      <c r="F10317" s="14" t="s">
        <v>25</v>
      </c>
      <c r="G10317" s="16">
        <v>0</v>
      </c>
    </row>
    <row r="10318" spans="1:7" x14ac:dyDescent="0.3">
      <c r="A10318" s="13" t="s">
        <v>83</v>
      </c>
      <c r="B10318" s="14" t="s">
        <v>1</v>
      </c>
      <c r="C10318" s="14" t="s">
        <v>51</v>
      </c>
      <c r="D10318" s="14" t="s">
        <v>84</v>
      </c>
      <c r="E10318" s="15">
        <v>45474</v>
      </c>
      <c r="F10318" s="14" t="s">
        <v>25</v>
      </c>
      <c r="G10318" s="16">
        <v>0</v>
      </c>
    </row>
    <row r="10319" spans="1:7" x14ac:dyDescent="0.3">
      <c r="A10319" s="13" t="s">
        <v>83</v>
      </c>
      <c r="B10319" s="14" t="s">
        <v>1</v>
      </c>
      <c r="C10319" s="14" t="s">
        <v>51</v>
      </c>
      <c r="D10319" s="14" t="s">
        <v>84</v>
      </c>
      <c r="E10319" s="15">
        <v>45475</v>
      </c>
      <c r="F10319" s="14" t="s">
        <v>25</v>
      </c>
      <c r="G10319" s="16">
        <v>0</v>
      </c>
    </row>
    <row r="10320" spans="1:7" x14ac:dyDescent="0.3">
      <c r="A10320" s="13" t="s">
        <v>83</v>
      </c>
      <c r="B10320" s="14" t="s">
        <v>1</v>
      </c>
      <c r="C10320" s="14" t="s">
        <v>51</v>
      </c>
      <c r="D10320" s="14" t="s">
        <v>84</v>
      </c>
      <c r="E10320" s="15">
        <v>45476</v>
      </c>
      <c r="F10320" s="14" t="s">
        <v>25</v>
      </c>
      <c r="G10320" s="16">
        <v>0</v>
      </c>
    </row>
    <row r="10321" spans="1:7" x14ac:dyDescent="0.3">
      <c r="A10321" s="13" t="s">
        <v>83</v>
      </c>
      <c r="B10321" s="14" t="s">
        <v>1</v>
      </c>
      <c r="C10321" s="14" t="s">
        <v>51</v>
      </c>
      <c r="D10321" s="14" t="s">
        <v>84</v>
      </c>
      <c r="E10321" s="15">
        <v>45477</v>
      </c>
      <c r="F10321" s="14" t="s">
        <v>25</v>
      </c>
      <c r="G10321" s="16">
        <v>0</v>
      </c>
    </row>
    <row r="10322" spans="1:7" x14ac:dyDescent="0.3">
      <c r="A10322" s="13" t="s">
        <v>83</v>
      </c>
      <c r="B10322" s="14" t="s">
        <v>1</v>
      </c>
      <c r="C10322" s="14" t="s">
        <v>51</v>
      </c>
      <c r="D10322" s="14" t="s">
        <v>84</v>
      </c>
      <c r="E10322" s="15">
        <v>45478</v>
      </c>
      <c r="F10322" s="14" t="s">
        <v>25</v>
      </c>
      <c r="G10322" s="16">
        <v>0</v>
      </c>
    </row>
    <row r="10323" spans="1:7" x14ac:dyDescent="0.3">
      <c r="A10323" s="13" t="s">
        <v>83</v>
      </c>
      <c r="B10323" s="14" t="s">
        <v>1</v>
      </c>
      <c r="C10323" s="14" t="s">
        <v>51</v>
      </c>
      <c r="D10323" s="14" t="s">
        <v>84</v>
      </c>
      <c r="E10323" s="15">
        <v>45479</v>
      </c>
      <c r="F10323" s="14" t="s">
        <v>25</v>
      </c>
      <c r="G10323" s="16">
        <v>0</v>
      </c>
    </row>
    <row r="10324" spans="1:7" x14ac:dyDescent="0.3">
      <c r="A10324" s="13" t="s">
        <v>83</v>
      </c>
      <c r="B10324" s="14" t="s">
        <v>1</v>
      </c>
      <c r="C10324" s="14" t="s">
        <v>51</v>
      </c>
      <c r="D10324" s="14" t="s">
        <v>84</v>
      </c>
      <c r="E10324" s="15">
        <v>45480</v>
      </c>
      <c r="F10324" s="14" t="s">
        <v>25</v>
      </c>
      <c r="G10324" s="16">
        <v>0</v>
      </c>
    </row>
    <row r="10325" spans="1:7" x14ac:dyDescent="0.3">
      <c r="A10325" s="13" t="s">
        <v>83</v>
      </c>
      <c r="B10325" s="14" t="s">
        <v>1</v>
      </c>
      <c r="C10325" s="14" t="s">
        <v>51</v>
      </c>
      <c r="D10325" s="14" t="s">
        <v>84</v>
      </c>
      <c r="E10325" s="15">
        <v>45481</v>
      </c>
      <c r="F10325" s="14" t="s">
        <v>25</v>
      </c>
      <c r="G10325" s="16">
        <v>0</v>
      </c>
    </row>
    <row r="10326" spans="1:7" x14ac:dyDescent="0.3">
      <c r="A10326" s="13" t="s">
        <v>83</v>
      </c>
      <c r="B10326" s="14" t="s">
        <v>1</v>
      </c>
      <c r="C10326" s="14" t="s">
        <v>51</v>
      </c>
      <c r="D10326" s="14" t="s">
        <v>84</v>
      </c>
      <c r="E10326" s="15">
        <v>45482</v>
      </c>
      <c r="F10326" s="14" t="s">
        <v>25</v>
      </c>
      <c r="G10326" s="16">
        <v>0</v>
      </c>
    </row>
    <row r="10327" spans="1:7" x14ac:dyDescent="0.3">
      <c r="A10327" s="13" t="s">
        <v>83</v>
      </c>
      <c r="B10327" s="14" t="s">
        <v>1</v>
      </c>
      <c r="C10327" s="14" t="s">
        <v>51</v>
      </c>
      <c r="D10327" s="14" t="s">
        <v>84</v>
      </c>
      <c r="E10327" s="15">
        <v>45483</v>
      </c>
      <c r="F10327" s="14" t="s">
        <v>25</v>
      </c>
      <c r="G10327" s="16">
        <v>0</v>
      </c>
    </row>
    <row r="10328" spans="1:7" x14ac:dyDescent="0.3">
      <c r="A10328" s="13" t="s">
        <v>83</v>
      </c>
      <c r="B10328" s="14" t="s">
        <v>1</v>
      </c>
      <c r="C10328" s="14" t="s">
        <v>51</v>
      </c>
      <c r="D10328" s="14" t="s">
        <v>84</v>
      </c>
      <c r="E10328" s="15">
        <v>45484</v>
      </c>
      <c r="F10328" s="14" t="s">
        <v>25</v>
      </c>
      <c r="G10328" s="16">
        <v>0</v>
      </c>
    </row>
    <row r="10329" spans="1:7" x14ac:dyDescent="0.3">
      <c r="A10329" s="13" t="s">
        <v>83</v>
      </c>
      <c r="B10329" s="14" t="s">
        <v>1</v>
      </c>
      <c r="C10329" s="14" t="s">
        <v>51</v>
      </c>
      <c r="D10329" s="14" t="s">
        <v>84</v>
      </c>
      <c r="E10329" s="15">
        <v>45485</v>
      </c>
      <c r="F10329" s="14" t="s">
        <v>25</v>
      </c>
      <c r="G10329" s="16">
        <v>0</v>
      </c>
    </row>
    <row r="10330" spans="1:7" x14ac:dyDescent="0.3">
      <c r="A10330" s="13" t="s">
        <v>83</v>
      </c>
      <c r="B10330" s="14" t="s">
        <v>1</v>
      </c>
      <c r="C10330" s="14" t="s">
        <v>51</v>
      </c>
      <c r="D10330" s="14" t="s">
        <v>84</v>
      </c>
      <c r="E10330" s="15">
        <v>45486</v>
      </c>
      <c r="F10330" s="14" t="s">
        <v>25</v>
      </c>
      <c r="G10330" s="16">
        <v>0</v>
      </c>
    </row>
    <row r="10331" spans="1:7" x14ac:dyDescent="0.3">
      <c r="A10331" s="13" t="s">
        <v>83</v>
      </c>
      <c r="B10331" s="14" t="s">
        <v>1</v>
      </c>
      <c r="C10331" s="14" t="s">
        <v>51</v>
      </c>
      <c r="D10331" s="14" t="s">
        <v>84</v>
      </c>
      <c r="E10331" s="15">
        <v>45487</v>
      </c>
      <c r="F10331" s="14" t="s">
        <v>25</v>
      </c>
      <c r="G10331" s="16">
        <v>0</v>
      </c>
    </row>
    <row r="10332" spans="1:7" x14ac:dyDescent="0.3">
      <c r="A10332" s="13" t="s">
        <v>83</v>
      </c>
      <c r="B10332" s="14" t="s">
        <v>1</v>
      </c>
      <c r="C10332" s="14" t="s">
        <v>51</v>
      </c>
      <c r="D10332" s="14" t="s">
        <v>84</v>
      </c>
      <c r="E10332" s="15">
        <v>45488</v>
      </c>
      <c r="F10332" s="14" t="s">
        <v>25</v>
      </c>
      <c r="G10332" s="16">
        <v>0</v>
      </c>
    </row>
    <row r="10333" spans="1:7" x14ac:dyDescent="0.3">
      <c r="A10333" s="13" t="s">
        <v>83</v>
      </c>
      <c r="B10333" s="14" t="s">
        <v>1</v>
      </c>
      <c r="C10333" s="14" t="s">
        <v>51</v>
      </c>
      <c r="D10333" s="14" t="s">
        <v>84</v>
      </c>
      <c r="E10333" s="15">
        <v>45489</v>
      </c>
      <c r="F10333" s="14" t="s">
        <v>25</v>
      </c>
      <c r="G10333" s="16">
        <v>0</v>
      </c>
    </row>
    <row r="10334" spans="1:7" x14ac:dyDescent="0.3">
      <c r="A10334" s="13" t="s">
        <v>83</v>
      </c>
      <c r="B10334" s="14" t="s">
        <v>1</v>
      </c>
      <c r="C10334" s="14" t="s">
        <v>51</v>
      </c>
      <c r="D10334" s="14" t="s">
        <v>84</v>
      </c>
      <c r="E10334" s="15">
        <v>45490</v>
      </c>
      <c r="F10334" s="14" t="s">
        <v>25</v>
      </c>
      <c r="G10334" s="16">
        <v>0</v>
      </c>
    </row>
    <row r="10335" spans="1:7" x14ac:dyDescent="0.3">
      <c r="A10335" s="13" t="s">
        <v>83</v>
      </c>
      <c r="B10335" s="14" t="s">
        <v>1</v>
      </c>
      <c r="C10335" s="14" t="s">
        <v>51</v>
      </c>
      <c r="D10335" s="14" t="s">
        <v>84</v>
      </c>
      <c r="E10335" s="15">
        <v>45491</v>
      </c>
      <c r="F10335" s="14" t="s">
        <v>25</v>
      </c>
      <c r="G10335" s="16">
        <v>0</v>
      </c>
    </row>
    <row r="10336" spans="1:7" x14ac:dyDescent="0.3">
      <c r="A10336" s="13" t="s">
        <v>83</v>
      </c>
      <c r="B10336" s="14" t="s">
        <v>1</v>
      </c>
      <c r="C10336" s="14" t="s">
        <v>51</v>
      </c>
      <c r="D10336" s="14" t="s">
        <v>84</v>
      </c>
      <c r="E10336" s="15">
        <v>45492</v>
      </c>
      <c r="F10336" s="14" t="s">
        <v>25</v>
      </c>
      <c r="G10336" s="16">
        <v>0</v>
      </c>
    </row>
    <row r="10337" spans="1:7" x14ac:dyDescent="0.3">
      <c r="A10337" s="13" t="s">
        <v>83</v>
      </c>
      <c r="B10337" s="14" t="s">
        <v>1</v>
      </c>
      <c r="C10337" s="14" t="s">
        <v>51</v>
      </c>
      <c r="D10337" s="14" t="s">
        <v>84</v>
      </c>
      <c r="E10337" s="15">
        <v>45493</v>
      </c>
      <c r="F10337" s="14" t="s">
        <v>25</v>
      </c>
      <c r="G10337" s="16">
        <v>0</v>
      </c>
    </row>
    <row r="10338" spans="1:7" x14ac:dyDescent="0.3">
      <c r="A10338" s="13" t="s">
        <v>83</v>
      </c>
      <c r="B10338" s="14" t="s">
        <v>1</v>
      </c>
      <c r="C10338" s="14" t="s">
        <v>51</v>
      </c>
      <c r="D10338" s="14" t="s">
        <v>84</v>
      </c>
      <c r="E10338" s="15">
        <v>45494</v>
      </c>
      <c r="F10338" s="14" t="s">
        <v>25</v>
      </c>
      <c r="G10338" s="16">
        <v>0</v>
      </c>
    </row>
    <row r="10339" spans="1:7" x14ac:dyDescent="0.3">
      <c r="A10339" s="13" t="s">
        <v>83</v>
      </c>
      <c r="B10339" s="14" t="s">
        <v>1</v>
      </c>
      <c r="C10339" s="14" t="s">
        <v>51</v>
      </c>
      <c r="D10339" s="14" t="s">
        <v>84</v>
      </c>
      <c r="E10339" s="15">
        <v>45495</v>
      </c>
      <c r="F10339" s="14" t="s">
        <v>25</v>
      </c>
      <c r="G10339" s="16">
        <v>0</v>
      </c>
    </row>
    <row r="10340" spans="1:7" x14ac:dyDescent="0.3">
      <c r="A10340" s="13" t="s">
        <v>83</v>
      </c>
      <c r="B10340" s="14" t="s">
        <v>1</v>
      </c>
      <c r="C10340" s="14" t="s">
        <v>51</v>
      </c>
      <c r="D10340" s="14" t="s">
        <v>84</v>
      </c>
      <c r="E10340" s="15">
        <v>45496</v>
      </c>
      <c r="F10340" s="14" t="s">
        <v>25</v>
      </c>
      <c r="G10340" s="16">
        <v>0</v>
      </c>
    </row>
    <row r="10341" spans="1:7" x14ac:dyDescent="0.3">
      <c r="A10341" s="13" t="s">
        <v>83</v>
      </c>
      <c r="B10341" s="14" t="s">
        <v>1</v>
      </c>
      <c r="C10341" s="14" t="s">
        <v>51</v>
      </c>
      <c r="D10341" s="14" t="s">
        <v>84</v>
      </c>
      <c r="E10341" s="15">
        <v>45497</v>
      </c>
      <c r="F10341" s="14" t="s">
        <v>25</v>
      </c>
      <c r="G10341" s="16">
        <v>0</v>
      </c>
    </row>
    <row r="10342" spans="1:7" x14ac:dyDescent="0.3">
      <c r="A10342" s="13" t="s">
        <v>83</v>
      </c>
      <c r="B10342" s="14" t="s">
        <v>1</v>
      </c>
      <c r="C10342" s="14" t="s">
        <v>51</v>
      </c>
      <c r="D10342" s="14" t="s">
        <v>84</v>
      </c>
      <c r="E10342" s="15">
        <v>45498</v>
      </c>
      <c r="F10342" s="14" t="s">
        <v>25</v>
      </c>
      <c r="G10342" s="16">
        <v>0</v>
      </c>
    </row>
    <row r="10343" spans="1:7" x14ac:dyDescent="0.3">
      <c r="A10343" s="13" t="s">
        <v>83</v>
      </c>
      <c r="B10343" s="14" t="s">
        <v>1</v>
      </c>
      <c r="C10343" s="14" t="s">
        <v>51</v>
      </c>
      <c r="D10343" s="14" t="s">
        <v>84</v>
      </c>
      <c r="E10343" s="15">
        <v>45499</v>
      </c>
      <c r="F10343" s="14" t="s">
        <v>25</v>
      </c>
      <c r="G10343" s="16">
        <v>0</v>
      </c>
    </row>
    <row r="10344" spans="1:7" x14ac:dyDescent="0.3">
      <c r="A10344" s="13" t="s">
        <v>83</v>
      </c>
      <c r="B10344" s="14" t="s">
        <v>1</v>
      </c>
      <c r="C10344" s="14" t="s">
        <v>51</v>
      </c>
      <c r="D10344" s="14" t="s">
        <v>84</v>
      </c>
      <c r="E10344" s="15">
        <v>45500</v>
      </c>
      <c r="F10344" s="14" t="s">
        <v>25</v>
      </c>
      <c r="G10344" s="16">
        <v>0</v>
      </c>
    </row>
    <row r="10345" spans="1:7" x14ac:dyDescent="0.3">
      <c r="A10345" s="13" t="s">
        <v>83</v>
      </c>
      <c r="B10345" s="14" t="s">
        <v>1</v>
      </c>
      <c r="C10345" s="14" t="s">
        <v>51</v>
      </c>
      <c r="D10345" s="14" t="s">
        <v>84</v>
      </c>
      <c r="E10345" s="15">
        <v>45501</v>
      </c>
      <c r="F10345" s="14" t="s">
        <v>25</v>
      </c>
      <c r="G10345" s="16">
        <v>0</v>
      </c>
    </row>
    <row r="10346" spans="1:7" x14ac:dyDescent="0.3">
      <c r="A10346" s="13" t="s">
        <v>83</v>
      </c>
      <c r="B10346" s="14" t="s">
        <v>1</v>
      </c>
      <c r="C10346" s="14" t="s">
        <v>51</v>
      </c>
      <c r="D10346" s="14" t="s">
        <v>84</v>
      </c>
      <c r="E10346" s="15">
        <v>45502</v>
      </c>
      <c r="F10346" s="14" t="s">
        <v>25</v>
      </c>
      <c r="G10346" s="16">
        <v>0</v>
      </c>
    </row>
    <row r="10347" spans="1:7" x14ac:dyDescent="0.3">
      <c r="A10347" s="13" t="s">
        <v>83</v>
      </c>
      <c r="B10347" s="14" t="s">
        <v>1</v>
      </c>
      <c r="C10347" s="14" t="s">
        <v>51</v>
      </c>
      <c r="D10347" s="14" t="s">
        <v>84</v>
      </c>
      <c r="E10347" s="15">
        <v>45503</v>
      </c>
      <c r="F10347" s="14" t="s">
        <v>25</v>
      </c>
      <c r="G10347" s="16">
        <v>0</v>
      </c>
    </row>
    <row r="10348" spans="1:7" x14ac:dyDescent="0.3">
      <c r="A10348" s="13" t="s">
        <v>83</v>
      </c>
      <c r="B10348" s="14" t="s">
        <v>1</v>
      </c>
      <c r="C10348" s="14" t="s">
        <v>51</v>
      </c>
      <c r="D10348" s="14" t="s">
        <v>84</v>
      </c>
      <c r="E10348" s="15">
        <v>45504</v>
      </c>
      <c r="F10348" s="14" t="s">
        <v>25</v>
      </c>
      <c r="G10348" s="16">
        <v>0</v>
      </c>
    </row>
    <row r="10349" spans="1:7" x14ac:dyDescent="0.3">
      <c r="A10349" s="13" t="s">
        <v>83</v>
      </c>
      <c r="B10349" s="14" t="s">
        <v>1</v>
      </c>
      <c r="C10349" s="14" t="s">
        <v>51</v>
      </c>
      <c r="D10349" s="14" t="s">
        <v>84</v>
      </c>
      <c r="E10349" s="15">
        <v>45505</v>
      </c>
      <c r="F10349" s="14" t="s">
        <v>25</v>
      </c>
      <c r="G10349" s="16">
        <v>0</v>
      </c>
    </row>
    <row r="10350" spans="1:7" x14ac:dyDescent="0.3">
      <c r="A10350" s="13" t="s">
        <v>83</v>
      </c>
      <c r="B10350" s="14" t="s">
        <v>1</v>
      </c>
      <c r="C10350" s="14" t="s">
        <v>51</v>
      </c>
      <c r="D10350" s="14" t="s">
        <v>84</v>
      </c>
      <c r="E10350" s="15">
        <v>45506</v>
      </c>
      <c r="F10350" s="14" t="s">
        <v>25</v>
      </c>
      <c r="G10350" s="16">
        <v>0</v>
      </c>
    </row>
    <row r="10351" spans="1:7" x14ac:dyDescent="0.3">
      <c r="A10351" s="13" t="s">
        <v>83</v>
      </c>
      <c r="B10351" s="14" t="s">
        <v>1</v>
      </c>
      <c r="C10351" s="14" t="s">
        <v>51</v>
      </c>
      <c r="D10351" s="14" t="s">
        <v>84</v>
      </c>
      <c r="E10351" s="15">
        <v>45507</v>
      </c>
      <c r="F10351" s="14" t="s">
        <v>25</v>
      </c>
      <c r="G10351" s="16">
        <v>0</v>
      </c>
    </row>
    <row r="10352" spans="1:7" x14ac:dyDescent="0.3">
      <c r="A10352" s="13" t="s">
        <v>83</v>
      </c>
      <c r="B10352" s="14" t="s">
        <v>1</v>
      </c>
      <c r="C10352" s="14" t="s">
        <v>51</v>
      </c>
      <c r="D10352" s="14" t="s">
        <v>84</v>
      </c>
      <c r="E10352" s="15">
        <v>45508</v>
      </c>
      <c r="F10352" s="14" t="s">
        <v>25</v>
      </c>
      <c r="G10352" s="16">
        <v>0</v>
      </c>
    </row>
    <row r="10353" spans="1:7" x14ac:dyDescent="0.3">
      <c r="A10353" s="13" t="s">
        <v>83</v>
      </c>
      <c r="B10353" s="14" t="s">
        <v>1</v>
      </c>
      <c r="C10353" s="14" t="s">
        <v>51</v>
      </c>
      <c r="D10353" s="14" t="s">
        <v>84</v>
      </c>
      <c r="E10353" s="15">
        <v>45509</v>
      </c>
      <c r="F10353" s="14" t="s">
        <v>25</v>
      </c>
      <c r="G10353" s="16">
        <v>0</v>
      </c>
    </row>
    <row r="10354" spans="1:7" x14ac:dyDescent="0.3">
      <c r="A10354" s="13" t="s">
        <v>83</v>
      </c>
      <c r="B10354" s="14" t="s">
        <v>1</v>
      </c>
      <c r="C10354" s="14" t="s">
        <v>51</v>
      </c>
      <c r="D10354" s="14" t="s">
        <v>84</v>
      </c>
      <c r="E10354" s="15">
        <v>45510</v>
      </c>
      <c r="F10354" s="14" t="s">
        <v>25</v>
      </c>
      <c r="G10354" s="16">
        <v>0</v>
      </c>
    </row>
    <row r="10355" spans="1:7" x14ac:dyDescent="0.3">
      <c r="A10355" s="13" t="s">
        <v>83</v>
      </c>
      <c r="B10355" s="14" t="s">
        <v>1</v>
      </c>
      <c r="C10355" s="14" t="s">
        <v>51</v>
      </c>
      <c r="D10355" s="14" t="s">
        <v>84</v>
      </c>
      <c r="E10355" s="15">
        <v>45511</v>
      </c>
      <c r="F10355" s="14" t="s">
        <v>25</v>
      </c>
      <c r="G10355" s="16">
        <v>0</v>
      </c>
    </row>
    <row r="10356" spans="1:7" x14ac:dyDescent="0.3">
      <c r="A10356" s="13" t="s">
        <v>83</v>
      </c>
      <c r="B10356" s="14" t="s">
        <v>1</v>
      </c>
      <c r="C10356" s="14" t="s">
        <v>51</v>
      </c>
      <c r="D10356" s="14" t="s">
        <v>84</v>
      </c>
      <c r="E10356" s="15">
        <v>45512</v>
      </c>
      <c r="F10356" s="14" t="s">
        <v>25</v>
      </c>
      <c r="G10356" s="16">
        <v>0</v>
      </c>
    </row>
    <row r="10357" spans="1:7" x14ac:dyDescent="0.3">
      <c r="A10357" s="13" t="s">
        <v>83</v>
      </c>
      <c r="B10357" s="14" t="s">
        <v>1</v>
      </c>
      <c r="C10357" s="14" t="s">
        <v>51</v>
      </c>
      <c r="D10357" s="14" t="s">
        <v>84</v>
      </c>
      <c r="E10357" s="15">
        <v>45513</v>
      </c>
      <c r="F10357" s="14" t="s">
        <v>25</v>
      </c>
      <c r="G10357" s="16">
        <v>0</v>
      </c>
    </row>
    <row r="10358" spans="1:7" x14ac:dyDescent="0.3">
      <c r="A10358" s="13" t="s">
        <v>83</v>
      </c>
      <c r="B10358" s="14" t="s">
        <v>1</v>
      </c>
      <c r="C10358" s="14" t="s">
        <v>51</v>
      </c>
      <c r="D10358" s="14" t="s">
        <v>84</v>
      </c>
      <c r="E10358" s="15">
        <v>45514</v>
      </c>
      <c r="F10358" s="14" t="s">
        <v>25</v>
      </c>
      <c r="G10358" s="16">
        <v>0</v>
      </c>
    </row>
    <row r="10359" spans="1:7" x14ac:dyDescent="0.3">
      <c r="A10359" s="13" t="s">
        <v>83</v>
      </c>
      <c r="B10359" s="14" t="s">
        <v>1</v>
      </c>
      <c r="C10359" s="14" t="s">
        <v>51</v>
      </c>
      <c r="D10359" s="14" t="s">
        <v>84</v>
      </c>
      <c r="E10359" s="15">
        <v>45515</v>
      </c>
      <c r="F10359" s="14" t="s">
        <v>25</v>
      </c>
      <c r="G10359" s="16">
        <v>0</v>
      </c>
    </row>
    <row r="10360" spans="1:7" x14ac:dyDescent="0.3">
      <c r="A10360" s="13" t="s">
        <v>83</v>
      </c>
      <c r="B10360" s="14" t="s">
        <v>1</v>
      </c>
      <c r="C10360" s="14" t="s">
        <v>51</v>
      </c>
      <c r="D10360" s="14" t="s">
        <v>84</v>
      </c>
      <c r="E10360" s="15">
        <v>45516</v>
      </c>
      <c r="F10360" s="14" t="s">
        <v>25</v>
      </c>
      <c r="G10360" s="16">
        <v>0</v>
      </c>
    </row>
    <row r="10361" spans="1:7" x14ac:dyDescent="0.3">
      <c r="A10361" s="13" t="s">
        <v>83</v>
      </c>
      <c r="B10361" s="14" t="s">
        <v>1</v>
      </c>
      <c r="C10361" s="14" t="s">
        <v>51</v>
      </c>
      <c r="D10361" s="14" t="s">
        <v>84</v>
      </c>
      <c r="E10361" s="15">
        <v>45517</v>
      </c>
      <c r="F10361" s="14" t="s">
        <v>25</v>
      </c>
      <c r="G10361" s="16">
        <v>0</v>
      </c>
    </row>
    <row r="10362" spans="1:7" x14ac:dyDescent="0.3">
      <c r="A10362" s="13" t="s">
        <v>83</v>
      </c>
      <c r="B10362" s="14" t="s">
        <v>1</v>
      </c>
      <c r="C10362" s="14" t="s">
        <v>51</v>
      </c>
      <c r="D10362" s="14" t="s">
        <v>84</v>
      </c>
      <c r="E10362" s="15">
        <v>45518</v>
      </c>
      <c r="F10362" s="14" t="s">
        <v>25</v>
      </c>
      <c r="G10362" s="16">
        <v>0</v>
      </c>
    </row>
    <row r="10363" spans="1:7" x14ac:dyDescent="0.3">
      <c r="A10363" s="13" t="s">
        <v>83</v>
      </c>
      <c r="B10363" s="14" t="s">
        <v>1</v>
      </c>
      <c r="C10363" s="14" t="s">
        <v>51</v>
      </c>
      <c r="D10363" s="14" t="s">
        <v>84</v>
      </c>
      <c r="E10363" s="15">
        <v>45519</v>
      </c>
      <c r="F10363" s="14" t="s">
        <v>25</v>
      </c>
      <c r="G10363" s="16">
        <v>0</v>
      </c>
    </row>
    <row r="10364" spans="1:7" x14ac:dyDescent="0.3">
      <c r="A10364" s="13" t="s">
        <v>83</v>
      </c>
      <c r="B10364" s="14" t="s">
        <v>1</v>
      </c>
      <c r="C10364" s="14" t="s">
        <v>51</v>
      </c>
      <c r="D10364" s="14" t="s">
        <v>84</v>
      </c>
      <c r="E10364" s="15">
        <v>45520</v>
      </c>
      <c r="F10364" s="14" t="s">
        <v>25</v>
      </c>
      <c r="G10364" s="16">
        <v>0</v>
      </c>
    </row>
    <row r="10365" spans="1:7" x14ac:dyDescent="0.3">
      <c r="A10365" s="13" t="s">
        <v>83</v>
      </c>
      <c r="B10365" s="14" t="s">
        <v>1</v>
      </c>
      <c r="C10365" s="14" t="s">
        <v>51</v>
      </c>
      <c r="D10365" s="14" t="s">
        <v>84</v>
      </c>
      <c r="E10365" s="15">
        <v>45521</v>
      </c>
      <c r="F10365" s="14" t="s">
        <v>25</v>
      </c>
      <c r="G10365" s="16">
        <v>0</v>
      </c>
    </row>
    <row r="10366" spans="1:7" x14ac:dyDescent="0.3">
      <c r="A10366" s="13" t="s">
        <v>83</v>
      </c>
      <c r="B10366" s="14" t="s">
        <v>1</v>
      </c>
      <c r="C10366" s="14" t="s">
        <v>51</v>
      </c>
      <c r="D10366" s="14" t="s">
        <v>84</v>
      </c>
      <c r="E10366" s="15">
        <v>45522</v>
      </c>
      <c r="F10366" s="14" t="s">
        <v>25</v>
      </c>
      <c r="G10366" s="16">
        <v>0</v>
      </c>
    </row>
    <row r="10367" spans="1:7" x14ac:dyDescent="0.3">
      <c r="A10367" s="13" t="s">
        <v>83</v>
      </c>
      <c r="B10367" s="14" t="s">
        <v>1</v>
      </c>
      <c r="C10367" s="14" t="s">
        <v>51</v>
      </c>
      <c r="D10367" s="14" t="s">
        <v>84</v>
      </c>
      <c r="E10367" s="15">
        <v>45523</v>
      </c>
      <c r="F10367" s="14" t="s">
        <v>25</v>
      </c>
      <c r="G10367" s="16">
        <v>0</v>
      </c>
    </row>
    <row r="10368" spans="1:7" x14ac:dyDescent="0.3">
      <c r="A10368" s="13" t="s">
        <v>83</v>
      </c>
      <c r="B10368" s="14" t="s">
        <v>1</v>
      </c>
      <c r="C10368" s="14" t="s">
        <v>51</v>
      </c>
      <c r="D10368" s="14" t="s">
        <v>84</v>
      </c>
      <c r="E10368" s="15">
        <v>45524</v>
      </c>
      <c r="F10368" s="14" t="s">
        <v>25</v>
      </c>
      <c r="G10368" s="16">
        <v>0</v>
      </c>
    </row>
    <row r="10369" spans="1:7" x14ac:dyDescent="0.3">
      <c r="A10369" s="13" t="s">
        <v>83</v>
      </c>
      <c r="B10369" s="14" t="s">
        <v>1</v>
      </c>
      <c r="C10369" s="14" t="s">
        <v>51</v>
      </c>
      <c r="D10369" s="14" t="s">
        <v>84</v>
      </c>
      <c r="E10369" s="15">
        <v>45525</v>
      </c>
      <c r="F10369" s="14" t="s">
        <v>25</v>
      </c>
      <c r="G10369" s="16">
        <v>0</v>
      </c>
    </row>
    <row r="10370" spans="1:7" x14ac:dyDescent="0.3">
      <c r="A10370" s="13" t="s">
        <v>83</v>
      </c>
      <c r="B10370" s="14" t="s">
        <v>1</v>
      </c>
      <c r="C10370" s="14" t="s">
        <v>51</v>
      </c>
      <c r="D10370" s="14" t="s">
        <v>84</v>
      </c>
      <c r="E10370" s="15">
        <v>45526</v>
      </c>
      <c r="F10370" s="14" t="s">
        <v>25</v>
      </c>
      <c r="G10370" s="16">
        <v>0</v>
      </c>
    </row>
    <row r="10371" spans="1:7" x14ac:dyDescent="0.3">
      <c r="A10371" s="13" t="s">
        <v>83</v>
      </c>
      <c r="B10371" s="14" t="s">
        <v>1</v>
      </c>
      <c r="C10371" s="14" t="s">
        <v>51</v>
      </c>
      <c r="D10371" s="14" t="s">
        <v>84</v>
      </c>
      <c r="E10371" s="15">
        <v>45527</v>
      </c>
      <c r="F10371" s="14" t="s">
        <v>25</v>
      </c>
      <c r="G10371" s="16">
        <v>0</v>
      </c>
    </row>
    <row r="10372" spans="1:7" x14ac:dyDescent="0.3">
      <c r="A10372" s="13" t="s">
        <v>83</v>
      </c>
      <c r="B10372" s="14" t="s">
        <v>1</v>
      </c>
      <c r="C10372" s="14" t="s">
        <v>51</v>
      </c>
      <c r="D10372" s="14" t="s">
        <v>84</v>
      </c>
      <c r="E10372" s="15">
        <v>45528</v>
      </c>
      <c r="F10372" s="14" t="s">
        <v>25</v>
      </c>
      <c r="G10372" s="16">
        <v>0</v>
      </c>
    </row>
    <row r="10373" spans="1:7" x14ac:dyDescent="0.3">
      <c r="A10373" s="13" t="s">
        <v>83</v>
      </c>
      <c r="B10373" s="14" t="s">
        <v>1</v>
      </c>
      <c r="C10373" s="14" t="s">
        <v>51</v>
      </c>
      <c r="D10373" s="14" t="s">
        <v>84</v>
      </c>
      <c r="E10373" s="15">
        <v>45529</v>
      </c>
      <c r="F10373" s="14" t="s">
        <v>25</v>
      </c>
      <c r="G10373" s="16">
        <v>0</v>
      </c>
    </row>
    <row r="10374" spans="1:7" x14ac:dyDescent="0.3">
      <c r="A10374" s="13" t="s">
        <v>83</v>
      </c>
      <c r="B10374" s="14" t="s">
        <v>1</v>
      </c>
      <c r="C10374" s="14" t="s">
        <v>51</v>
      </c>
      <c r="D10374" s="14" t="s">
        <v>84</v>
      </c>
      <c r="E10374" s="15">
        <v>45530</v>
      </c>
      <c r="F10374" s="14" t="s">
        <v>25</v>
      </c>
      <c r="G10374" s="16">
        <v>0</v>
      </c>
    </row>
    <row r="10375" spans="1:7" x14ac:dyDescent="0.3">
      <c r="A10375" s="13" t="s">
        <v>83</v>
      </c>
      <c r="B10375" s="14" t="s">
        <v>1</v>
      </c>
      <c r="C10375" s="14" t="s">
        <v>51</v>
      </c>
      <c r="D10375" s="14" t="s">
        <v>84</v>
      </c>
      <c r="E10375" s="15">
        <v>45531</v>
      </c>
      <c r="F10375" s="14" t="s">
        <v>25</v>
      </c>
      <c r="G10375" s="16">
        <v>0</v>
      </c>
    </row>
    <row r="10376" spans="1:7" x14ac:dyDescent="0.3">
      <c r="A10376" s="13" t="s">
        <v>83</v>
      </c>
      <c r="B10376" s="14" t="s">
        <v>1</v>
      </c>
      <c r="C10376" s="14" t="s">
        <v>51</v>
      </c>
      <c r="D10376" s="14" t="s">
        <v>84</v>
      </c>
      <c r="E10376" s="15">
        <v>45532</v>
      </c>
      <c r="F10376" s="14" t="s">
        <v>25</v>
      </c>
      <c r="G10376" s="16">
        <v>0</v>
      </c>
    </row>
    <row r="10377" spans="1:7" x14ac:dyDescent="0.3">
      <c r="A10377" s="13" t="s">
        <v>83</v>
      </c>
      <c r="B10377" s="14" t="s">
        <v>1</v>
      </c>
      <c r="C10377" s="14" t="s">
        <v>51</v>
      </c>
      <c r="D10377" s="14" t="s">
        <v>84</v>
      </c>
      <c r="E10377" s="15">
        <v>45533</v>
      </c>
      <c r="F10377" s="14" t="s">
        <v>25</v>
      </c>
      <c r="G10377" s="16">
        <v>0</v>
      </c>
    </row>
    <row r="10378" spans="1:7" x14ac:dyDescent="0.3">
      <c r="A10378" s="13" t="s">
        <v>83</v>
      </c>
      <c r="B10378" s="14" t="s">
        <v>1</v>
      </c>
      <c r="C10378" s="14" t="s">
        <v>51</v>
      </c>
      <c r="D10378" s="14" t="s">
        <v>84</v>
      </c>
      <c r="E10378" s="15">
        <v>45534</v>
      </c>
      <c r="F10378" s="14" t="s">
        <v>25</v>
      </c>
      <c r="G10378" s="16">
        <v>0</v>
      </c>
    </row>
    <row r="10379" spans="1:7" x14ac:dyDescent="0.3">
      <c r="A10379" s="13" t="s">
        <v>83</v>
      </c>
      <c r="B10379" s="14" t="s">
        <v>1</v>
      </c>
      <c r="C10379" s="14" t="s">
        <v>51</v>
      </c>
      <c r="D10379" s="14" t="s">
        <v>84</v>
      </c>
      <c r="E10379" s="15">
        <v>45535</v>
      </c>
      <c r="F10379" s="14" t="s">
        <v>25</v>
      </c>
      <c r="G10379" s="16">
        <v>0</v>
      </c>
    </row>
    <row r="10380" spans="1:7" x14ac:dyDescent="0.3">
      <c r="A10380" s="13" t="s">
        <v>83</v>
      </c>
      <c r="B10380" s="14" t="s">
        <v>1</v>
      </c>
      <c r="C10380" s="14" t="s">
        <v>51</v>
      </c>
      <c r="D10380" s="14" t="s">
        <v>84</v>
      </c>
      <c r="E10380" s="15">
        <v>45536</v>
      </c>
      <c r="F10380" s="14" t="s">
        <v>25</v>
      </c>
      <c r="G10380" s="16">
        <v>0</v>
      </c>
    </row>
    <row r="10381" spans="1:7" x14ac:dyDescent="0.3">
      <c r="A10381" s="13" t="s">
        <v>83</v>
      </c>
      <c r="B10381" s="14" t="s">
        <v>1</v>
      </c>
      <c r="C10381" s="14" t="s">
        <v>51</v>
      </c>
      <c r="D10381" s="14" t="s">
        <v>84</v>
      </c>
      <c r="E10381" s="15">
        <v>45537</v>
      </c>
      <c r="F10381" s="14" t="s">
        <v>25</v>
      </c>
      <c r="G10381" s="16">
        <v>0</v>
      </c>
    </row>
    <row r="10382" spans="1:7" x14ac:dyDescent="0.3">
      <c r="A10382" s="13" t="s">
        <v>83</v>
      </c>
      <c r="B10382" s="14" t="s">
        <v>1</v>
      </c>
      <c r="C10382" s="14" t="s">
        <v>51</v>
      </c>
      <c r="D10382" s="14" t="s">
        <v>84</v>
      </c>
      <c r="E10382" s="15">
        <v>45538</v>
      </c>
      <c r="F10382" s="14" t="s">
        <v>25</v>
      </c>
      <c r="G10382" s="16">
        <v>0</v>
      </c>
    </row>
    <row r="10383" spans="1:7" x14ac:dyDescent="0.3">
      <c r="A10383" s="13" t="s">
        <v>83</v>
      </c>
      <c r="B10383" s="14" t="s">
        <v>1</v>
      </c>
      <c r="C10383" s="14" t="s">
        <v>51</v>
      </c>
      <c r="D10383" s="14" t="s">
        <v>84</v>
      </c>
      <c r="E10383" s="15">
        <v>45539</v>
      </c>
      <c r="F10383" s="14" t="s">
        <v>25</v>
      </c>
      <c r="G10383" s="16">
        <v>0</v>
      </c>
    </row>
    <row r="10384" spans="1:7" x14ac:dyDescent="0.3">
      <c r="A10384" s="13" t="s">
        <v>83</v>
      </c>
      <c r="B10384" s="14" t="s">
        <v>1</v>
      </c>
      <c r="C10384" s="14" t="s">
        <v>51</v>
      </c>
      <c r="D10384" s="14" t="s">
        <v>84</v>
      </c>
      <c r="E10384" s="15">
        <v>45540</v>
      </c>
      <c r="F10384" s="14" t="s">
        <v>25</v>
      </c>
      <c r="G10384" s="16">
        <v>0</v>
      </c>
    </row>
    <row r="10385" spans="1:7" x14ac:dyDescent="0.3">
      <c r="A10385" s="13" t="s">
        <v>83</v>
      </c>
      <c r="B10385" s="14" t="s">
        <v>1</v>
      </c>
      <c r="C10385" s="14" t="s">
        <v>51</v>
      </c>
      <c r="D10385" s="14" t="s">
        <v>84</v>
      </c>
      <c r="E10385" s="15">
        <v>45541</v>
      </c>
      <c r="F10385" s="14" t="s">
        <v>25</v>
      </c>
      <c r="G10385" s="16">
        <v>0</v>
      </c>
    </row>
    <row r="10386" spans="1:7" x14ac:dyDescent="0.3">
      <c r="A10386" s="13" t="s">
        <v>83</v>
      </c>
      <c r="B10386" s="14" t="s">
        <v>1</v>
      </c>
      <c r="C10386" s="14" t="s">
        <v>51</v>
      </c>
      <c r="D10386" s="14" t="s">
        <v>84</v>
      </c>
      <c r="E10386" s="15">
        <v>45542</v>
      </c>
      <c r="F10386" s="14" t="s">
        <v>25</v>
      </c>
      <c r="G10386" s="16">
        <v>0</v>
      </c>
    </row>
    <row r="10387" spans="1:7" x14ac:dyDescent="0.3">
      <c r="A10387" s="13" t="s">
        <v>83</v>
      </c>
      <c r="B10387" s="14" t="s">
        <v>1</v>
      </c>
      <c r="C10387" s="14" t="s">
        <v>51</v>
      </c>
      <c r="D10387" s="14" t="s">
        <v>84</v>
      </c>
      <c r="E10387" s="15">
        <v>45543</v>
      </c>
      <c r="F10387" s="14" t="s">
        <v>25</v>
      </c>
      <c r="G10387" s="16">
        <v>0</v>
      </c>
    </row>
    <row r="10388" spans="1:7" x14ac:dyDescent="0.3">
      <c r="A10388" s="13" t="s">
        <v>83</v>
      </c>
      <c r="B10388" s="14" t="s">
        <v>1</v>
      </c>
      <c r="C10388" s="14" t="s">
        <v>51</v>
      </c>
      <c r="D10388" s="14" t="s">
        <v>84</v>
      </c>
      <c r="E10388" s="15">
        <v>45544</v>
      </c>
      <c r="F10388" s="14" t="s">
        <v>25</v>
      </c>
      <c r="G10388" s="16">
        <v>0</v>
      </c>
    </row>
    <row r="10389" spans="1:7" x14ac:dyDescent="0.3">
      <c r="A10389" s="13" t="s">
        <v>83</v>
      </c>
      <c r="B10389" s="14" t="s">
        <v>1</v>
      </c>
      <c r="C10389" s="14" t="s">
        <v>51</v>
      </c>
      <c r="D10389" s="14" t="s">
        <v>84</v>
      </c>
      <c r="E10389" s="15">
        <v>45545</v>
      </c>
      <c r="F10389" s="14" t="s">
        <v>25</v>
      </c>
      <c r="G10389" s="16">
        <v>0</v>
      </c>
    </row>
    <row r="10390" spans="1:7" x14ac:dyDescent="0.3">
      <c r="A10390" s="13" t="s">
        <v>83</v>
      </c>
      <c r="B10390" s="14" t="s">
        <v>1</v>
      </c>
      <c r="C10390" s="14" t="s">
        <v>51</v>
      </c>
      <c r="D10390" s="14" t="s">
        <v>84</v>
      </c>
      <c r="E10390" s="15">
        <v>45546</v>
      </c>
      <c r="F10390" s="14" t="s">
        <v>25</v>
      </c>
      <c r="G10390" s="16">
        <v>0</v>
      </c>
    </row>
    <row r="10391" spans="1:7" x14ac:dyDescent="0.3">
      <c r="A10391" s="13" t="s">
        <v>83</v>
      </c>
      <c r="B10391" s="14" t="s">
        <v>1</v>
      </c>
      <c r="C10391" s="14" t="s">
        <v>51</v>
      </c>
      <c r="D10391" s="14" t="s">
        <v>84</v>
      </c>
      <c r="E10391" s="15">
        <v>45547</v>
      </c>
      <c r="F10391" s="14" t="s">
        <v>25</v>
      </c>
      <c r="G10391" s="16">
        <v>0</v>
      </c>
    </row>
    <row r="10392" spans="1:7" x14ac:dyDescent="0.3">
      <c r="A10392" s="13" t="s">
        <v>83</v>
      </c>
      <c r="B10392" s="14" t="s">
        <v>1</v>
      </c>
      <c r="C10392" s="14" t="s">
        <v>51</v>
      </c>
      <c r="D10392" s="14" t="s">
        <v>84</v>
      </c>
      <c r="E10392" s="15">
        <v>45548</v>
      </c>
      <c r="F10392" s="14" t="s">
        <v>25</v>
      </c>
      <c r="G10392" s="16">
        <v>0</v>
      </c>
    </row>
    <row r="10393" spans="1:7" x14ac:dyDescent="0.3">
      <c r="A10393" s="13" t="s">
        <v>83</v>
      </c>
      <c r="B10393" s="14" t="s">
        <v>1</v>
      </c>
      <c r="C10393" s="14" t="s">
        <v>51</v>
      </c>
      <c r="D10393" s="14" t="s">
        <v>84</v>
      </c>
      <c r="E10393" s="15">
        <v>45549</v>
      </c>
      <c r="F10393" s="14" t="s">
        <v>25</v>
      </c>
      <c r="G10393" s="16">
        <v>0</v>
      </c>
    </row>
    <row r="10394" spans="1:7" x14ac:dyDescent="0.3">
      <c r="A10394" s="13" t="s">
        <v>83</v>
      </c>
      <c r="B10394" s="14" t="s">
        <v>1</v>
      </c>
      <c r="C10394" s="14" t="s">
        <v>51</v>
      </c>
      <c r="D10394" s="14" t="s">
        <v>84</v>
      </c>
      <c r="E10394" s="15">
        <v>45550</v>
      </c>
      <c r="F10394" s="14" t="s">
        <v>25</v>
      </c>
      <c r="G10394" s="16">
        <v>0</v>
      </c>
    </row>
    <row r="10395" spans="1:7" x14ac:dyDescent="0.3">
      <c r="A10395" s="13" t="s">
        <v>83</v>
      </c>
      <c r="B10395" s="14" t="s">
        <v>1</v>
      </c>
      <c r="C10395" s="14" t="s">
        <v>51</v>
      </c>
      <c r="D10395" s="14" t="s">
        <v>84</v>
      </c>
      <c r="E10395" s="15">
        <v>45551</v>
      </c>
      <c r="F10395" s="14" t="s">
        <v>25</v>
      </c>
      <c r="G10395" s="16">
        <v>0</v>
      </c>
    </row>
    <row r="10396" spans="1:7" x14ac:dyDescent="0.3">
      <c r="A10396" s="13" t="s">
        <v>83</v>
      </c>
      <c r="B10396" s="14" t="s">
        <v>1</v>
      </c>
      <c r="C10396" s="14" t="s">
        <v>51</v>
      </c>
      <c r="D10396" s="14" t="s">
        <v>84</v>
      </c>
      <c r="E10396" s="15">
        <v>45552</v>
      </c>
      <c r="F10396" s="14" t="s">
        <v>25</v>
      </c>
      <c r="G10396" s="16">
        <v>0</v>
      </c>
    </row>
    <row r="10397" spans="1:7" x14ac:dyDescent="0.3">
      <c r="A10397" s="13" t="s">
        <v>83</v>
      </c>
      <c r="B10397" s="14" t="s">
        <v>1</v>
      </c>
      <c r="C10397" s="14" t="s">
        <v>51</v>
      </c>
      <c r="D10397" s="14" t="s">
        <v>84</v>
      </c>
      <c r="E10397" s="15">
        <v>45553</v>
      </c>
      <c r="F10397" s="14" t="s">
        <v>25</v>
      </c>
      <c r="G10397" s="16">
        <v>0</v>
      </c>
    </row>
    <row r="10398" spans="1:7" x14ac:dyDescent="0.3">
      <c r="A10398" s="13" t="s">
        <v>83</v>
      </c>
      <c r="B10398" s="14" t="s">
        <v>1</v>
      </c>
      <c r="C10398" s="14" t="s">
        <v>51</v>
      </c>
      <c r="D10398" s="14" t="s">
        <v>84</v>
      </c>
      <c r="E10398" s="15">
        <v>45554</v>
      </c>
      <c r="F10398" s="14" t="s">
        <v>25</v>
      </c>
      <c r="G10398" s="16">
        <v>0</v>
      </c>
    </row>
    <row r="10399" spans="1:7" x14ac:dyDescent="0.3">
      <c r="A10399" s="13" t="s">
        <v>83</v>
      </c>
      <c r="B10399" s="14" t="s">
        <v>1</v>
      </c>
      <c r="C10399" s="14" t="s">
        <v>51</v>
      </c>
      <c r="D10399" s="14" t="s">
        <v>84</v>
      </c>
      <c r="E10399" s="15">
        <v>45555</v>
      </c>
      <c r="F10399" s="14" t="s">
        <v>25</v>
      </c>
      <c r="G10399" s="16">
        <v>0</v>
      </c>
    </row>
    <row r="10400" spans="1:7" x14ac:dyDescent="0.3">
      <c r="A10400" s="13" t="s">
        <v>83</v>
      </c>
      <c r="B10400" s="14" t="s">
        <v>1</v>
      </c>
      <c r="C10400" s="14" t="s">
        <v>51</v>
      </c>
      <c r="D10400" s="14" t="s">
        <v>84</v>
      </c>
      <c r="E10400" s="15">
        <v>45556</v>
      </c>
      <c r="F10400" s="14" t="s">
        <v>25</v>
      </c>
      <c r="G10400" s="16">
        <v>0</v>
      </c>
    </row>
    <row r="10401" spans="1:7" x14ac:dyDescent="0.3">
      <c r="A10401" s="13" t="s">
        <v>83</v>
      </c>
      <c r="B10401" s="14" t="s">
        <v>1</v>
      </c>
      <c r="C10401" s="14" t="s">
        <v>51</v>
      </c>
      <c r="D10401" s="14" t="s">
        <v>84</v>
      </c>
      <c r="E10401" s="15">
        <v>45557</v>
      </c>
      <c r="F10401" s="14" t="s">
        <v>25</v>
      </c>
      <c r="G10401" s="16">
        <v>0</v>
      </c>
    </row>
    <row r="10402" spans="1:7" x14ac:dyDescent="0.3">
      <c r="A10402" s="13" t="s">
        <v>83</v>
      </c>
      <c r="B10402" s="14" t="s">
        <v>1</v>
      </c>
      <c r="C10402" s="14" t="s">
        <v>51</v>
      </c>
      <c r="D10402" s="14" t="s">
        <v>84</v>
      </c>
      <c r="E10402" s="15">
        <v>45558</v>
      </c>
      <c r="F10402" s="14" t="s">
        <v>25</v>
      </c>
      <c r="G10402" s="16">
        <v>0</v>
      </c>
    </row>
    <row r="10403" spans="1:7" x14ac:dyDescent="0.3">
      <c r="A10403" s="13" t="s">
        <v>83</v>
      </c>
      <c r="B10403" s="14" t="s">
        <v>1</v>
      </c>
      <c r="C10403" s="14" t="s">
        <v>51</v>
      </c>
      <c r="D10403" s="14" t="s">
        <v>84</v>
      </c>
      <c r="E10403" s="15">
        <v>45559</v>
      </c>
      <c r="F10403" s="14" t="s">
        <v>25</v>
      </c>
      <c r="G10403" s="16">
        <v>0</v>
      </c>
    </row>
    <row r="10404" spans="1:7" x14ac:dyDescent="0.3">
      <c r="A10404" s="13" t="s">
        <v>83</v>
      </c>
      <c r="B10404" s="14" t="s">
        <v>1</v>
      </c>
      <c r="C10404" s="14" t="s">
        <v>51</v>
      </c>
      <c r="D10404" s="14" t="s">
        <v>84</v>
      </c>
      <c r="E10404" s="15">
        <v>45560</v>
      </c>
      <c r="F10404" s="14" t="s">
        <v>25</v>
      </c>
      <c r="G10404" s="16">
        <v>0</v>
      </c>
    </row>
    <row r="10405" spans="1:7" x14ac:dyDescent="0.3">
      <c r="A10405" s="13" t="s">
        <v>83</v>
      </c>
      <c r="B10405" s="14" t="s">
        <v>1</v>
      </c>
      <c r="C10405" s="14" t="s">
        <v>51</v>
      </c>
      <c r="D10405" s="14" t="s">
        <v>84</v>
      </c>
      <c r="E10405" s="15">
        <v>45561</v>
      </c>
      <c r="F10405" s="14" t="s">
        <v>25</v>
      </c>
      <c r="G10405" s="16">
        <v>0</v>
      </c>
    </row>
    <row r="10406" spans="1:7" x14ac:dyDescent="0.3">
      <c r="A10406" s="13" t="s">
        <v>83</v>
      </c>
      <c r="B10406" s="14" t="s">
        <v>1</v>
      </c>
      <c r="C10406" s="14" t="s">
        <v>51</v>
      </c>
      <c r="D10406" s="14" t="s">
        <v>84</v>
      </c>
      <c r="E10406" s="15">
        <v>45562</v>
      </c>
      <c r="F10406" s="14" t="s">
        <v>25</v>
      </c>
      <c r="G10406" s="16">
        <v>0</v>
      </c>
    </row>
    <row r="10407" spans="1:7" x14ac:dyDescent="0.3">
      <c r="A10407" s="13" t="s">
        <v>83</v>
      </c>
      <c r="B10407" s="14" t="s">
        <v>1</v>
      </c>
      <c r="C10407" s="14" t="s">
        <v>51</v>
      </c>
      <c r="D10407" s="14" t="s">
        <v>84</v>
      </c>
      <c r="E10407" s="15">
        <v>45563</v>
      </c>
      <c r="F10407" s="14" t="s">
        <v>25</v>
      </c>
      <c r="G10407" s="16">
        <v>0</v>
      </c>
    </row>
    <row r="10408" spans="1:7" x14ac:dyDescent="0.3">
      <c r="A10408" s="13" t="s">
        <v>83</v>
      </c>
      <c r="B10408" s="14" t="s">
        <v>1</v>
      </c>
      <c r="C10408" s="14" t="s">
        <v>51</v>
      </c>
      <c r="D10408" s="14" t="s">
        <v>84</v>
      </c>
      <c r="E10408" s="15">
        <v>45564</v>
      </c>
      <c r="F10408" s="14" t="s">
        <v>25</v>
      </c>
      <c r="G10408" s="16">
        <v>0</v>
      </c>
    </row>
    <row r="10409" spans="1:7" x14ac:dyDescent="0.3">
      <c r="A10409" s="13" t="s">
        <v>83</v>
      </c>
      <c r="B10409" s="14" t="s">
        <v>1</v>
      </c>
      <c r="C10409" s="14" t="s">
        <v>51</v>
      </c>
      <c r="D10409" s="14" t="s">
        <v>84</v>
      </c>
      <c r="E10409" s="15">
        <v>45565</v>
      </c>
      <c r="F10409" s="14" t="s">
        <v>25</v>
      </c>
      <c r="G10409" s="16">
        <v>0</v>
      </c>
    </row>
    <row r="10410" spans="1:7" x14ac:dyDescent="0.3">
      <c r="A10410" s="13" t="s">
        <v>83</v>
      </c>
      <c r="B10410" s="14" t="s">
        <v>1</v>
      </c>
      <c r="C10410" s="14" t="s">
        <v>51</v>
      </c>
      <c r="D10410" s="14" t="s">
        <v>84</v>
      </c>
      <c r="E10410" s="15">
        <v>45566</v>
      </c>
      <c r="F10410" s="14" t="s">
        <v>25</v>
      </c>
      <c r="G10410" s="16">
        <v>0</v>
      </c>
    </row>
    <row r="10411" spans="1:7" x14ac:dyDescent="0.3">
      <c r="A10411" s="13" t="s">
        <v>83</v>
      </c>
      <c r="B10411" s="14" t="s">
        <v>1</v>
      </c>
      <c r="C10411" s="14" t="s">
        <v>51</v>
      </c>
      <c r="D10411" s="14" t="s">
        <v>84</v>
      </c>
      <c r="E10411" s="15">
        <v>45567</v>
      </c>
      <c r="F10411" s="14" t="s">
        <v>25</v>
      </c>
      <c r="G10411" s="16">
        <v>0</v>
      </c>
    </row>
    <row r="10412" spans="1:7" x14ac:dyDescent="0.3">
      <c r="A10412" s="13" t="s">
        <v>83</v>
      </c>
      <c r="B10412" s="14" t="s">
        <v>1</v>
      </c>
      <c r="C10412" s="14" t="s">
        <v>51</v>
      </c>
      <c r="D10412" s="14" t="s">
        <v>84</v>
      </c>
      <c r="E10412" s="15">
        <v>45568</v>
      </c>
      <c r="F10412" s="14" t="s">
        <v>25</v>
      </c>
      <c r="G10412" s="16">
        <v>0</v>
      </c>
    </row>
    <row r="10413" spans="1:7" x14ac:dyDescent="0.3">
      <c r="A10413" s="13" t="s">
        <v>83</v>
      </c>
      <c r="B10413" s="14" t="s">
        <v>1</v>
      </c>
      <c r="C10413" s="14" t="s">
        <v>51</v>
      </c>
      <c r="D10413" s="14" t="s">
        <v>84</v>
      </c>
      <c r="E10413" s="15">
        <v>45569</v>
      </c>
      <c r="F10413" s="14" t="s">
        <v>25</v>
      </c>
      <c r="G10413" s="16">
        <v>0</v>
      </c>
    </row>
    <row r="10414" spans="1:7" x14ac:dyDescent="0.3">
      <c r="A10414" s="13" t="s">
        <v>83</v>
      </c>
      <c r="B10414" s="14" t="s">
        <v>1</v>
      </c>
      <c r="C10414" s="14" t="s">
        <v>51</v>
      </c>
      <c r="D10414" s="14" t="s">
        <v>84</v>
      </c>
      <c r="E10414" s="15">
        <v>45570</v>
      </c>
      <c r="F10414" s="14" t="s">
        <v>25</v>
      </c>
      <c r="G10414" s="16">
        <v>0</v>
      </c>
    </row>
    <row r="10415" spans="1:7" x14ac:dyDescent="0.3">
      <c r="A10415" s="13" t="s">
        <v>83</v>
      </c>
      <c r="B10415" s="14" t="s">
        <v>1</v>
      </c>
      <c r="C10415" s="14" t="s">
        <v>51</v>
      </c>
      <c r="D10415" s="14" t="s">
        <v>84</v>
      </c>
      <c r="E10415" s="15">
        <v>45571</v>
      </c>
      <c r="F10415" s="14" t="s">
        <v>25</v>
      </c>
      <c r="G10415" s="16">
        <v>0</v>
      </c>
    </row>
    <row r="10416" spans="1:7" x14ac:dyDescent="0.3">
      <c r="A10416" s="13" t="s">
        <v>83</v>
      </c>
      <c r="B10416" s="14" t="s">
        <v>1</v>
      </c>
      <c r="C10416" s="14" t="s">
        <v>51</v>
      </c>
      <c r="D10416" s="14" t="s">
        <v>84</v>
      </c>
      <c r="E10416" s="15">
        <v>45572</v>
      </c>
      <c r="F10416" s="14" t="s">
        <v>25</v>
      </c>
      <c r="G10416" s="16">
        <v>0</v>
      </c>
    </row>
    <row r="10417" spans="1:7" x14ac:dyDescent="0.3">
      <c r="A10417" s="13" t="s">
        <v>83</v>
      </c>
      <c r="B10417" s="14" t="s">
        <v>1</v>
      </c>
      <c r="C10417" s="14" t="s">
        <v>51</v>
      </c>
      <c r="D10417" s="14" t="s">
        <v>84</v>
      </c>
      <c r="E10417" s="15">
        <v>45573</v>
      </c>
      <c r="F10417" s="14" t="s">
        <v>25</v>
      </c>
      <c r="G10417" s="16">
        <v>0</v>
      </c>
    </row>
    <row r="10418" spans="1:7" x14ac:dyDescent="0.3">
      <c r="A10418" s="13" t="s">
        <v>83</v>
      </c>
      <c r="B10418" s="14" t="s">
        <v>1</v>
      </c>
      <c r="C10418" s="14" t="s">
        <v>51</v>
      </c>
      <c r="D10418" s="14" t="s">
        <v>84</v>
      </c>
      <c r="E10418" s="15">
        <v>45574</v>
      </c>
      <c r="F10418" s="14" t="s">
        <v>25</v>
      </c>
      <c r="G10418" s="16">
        <v>0</v>
      </c>
    </row>
    <row r="10419" spans="1:7" x14ac:dyDescent="0.3">
      <c r="A10419" s="13" t="s">
        <v>83</v>
      </c>
      <c r="B10419" s="14" t="s">
        <v>1</v>
      </c>
      <c r="C10419" s="14" t="s">
        <v>51</v>
      </c>
      <c r="D10419" s="14" t="s">
        <v>84</v>
      </c>
      <c r="E10419" s="15">
        <v>45575</v>
      </c>
      <c r="F10419" s="14" t="s">
        <v>25</v>
      </c>
      <c r="G10419" s="16">
        <v>0</v>
      </c>
    </row>
    <row r="10420" spans="1:7" x14ac:dyDescent="0.3">
      <c r="A10420" s="13" t="s">
        <v>83</v>
      </c>
      <c r="B10420" s="14" t="s">
        <v>1</v>
      </c>
      <c r="C10420" s="14" t="s">
        <v>51</v>
      </c>
      <c r="D10420" s="14" t="s">
        <v>84</v>
      </c>
      <c r="E10420" s="15">
        <v>45576</v>
      </c>
      <c r="F10420" s="14" t="s">
        <v>25</v>
      </c>
      <c r="G10420" s="16">
        <v>0</v>
      </c>
    </row>
    <row r="10421" spans="1:7" x14ac:dyDescent="0.3">
      <c r="A10421" s="13" t="s">
        <v>83</v>
      </c>
      <c r="B10421" s="14" t="s">
        <v>1</v>
      </c>
      <c r="C10421" s="14" t="s">
        <v>51</v>
      </c>
      <c r="D10421" s="14" t="s">
        <v>84</v>
      </c>
      <c r="E10421" s="15">
        <v>45577</v>
      </c>
      <c r="F10421" s="14" t="s">
        <v>25</v>
      </c>
      <c r="G10421" s="16">
        <v>0</v>
      </c>
    </row>
    <row r="10422" spans="1:7" x14ac:dyDescent="0.3">
      <c r="A10422" s="13" t="s">
        <v>83</v>
      </c>
      <c r="B10422" s="14" t="s">
        <v>1</v>
      </c>
      <c r="C10422" s="14" t="s">
        <v>51</v>
      </c>
      <c r="D10422" s="14" t="s">
        <v>84</v>
      </c>
      <c r="E10422" s="15">
        <v>45578</v>
      </c>
      <c r="F10422" s="14" t="s">
        <v>25</v>
      </c>
      <c r="G10422" s="16">
        <v>0</v>
      </c>
    </row>
    <row r="10423" spans="1:7" x14ac:dyDescent="0.3">
      <c r="A10423" s="13" t="s">
        <v>83</v>
      </c>
      <c r="B10423" s="14" t="s">
        <v>1</v>
      </c>
      <c r="C10423" s="14" t="s">
        <v>51</v>
      </c>
      <c r="D10423" s="14" t="s">
        <v>84</v>
      </c>
      <c r="E10423" s="15">
        <v>45579</v>
      </c>
      <c r="F10423" s="14" t="s">
        <v>25</v>
      </c>
      <c r="G10423" s="16">
        <v>0</v>
      </c>
    </row>
    <row r="10424" spans="1:7" x14ac:dyDescent="0.3">
      <c r="A10424" s="13" t="s">
        <v>83</v>
      </c>
      <c r="B10424" s="14" t="s">
        <v>1</v>
      </c>
      <c r="C10424" s="14" t="s">
        <v>51</v>
      </c>
      <c r="D10424" s="14" t="s">
        <v>84</v>
      </c>
      <c r="E10424" s="15">
        <v>45580</v>
      </c>
      <c r="F10424" s="14" t="s">
        <v>25</v>
      </c>
      <c r="G10424" s="16">
        <v>0</v>
      </c>
    </row>
    <row r="10425" spans="1:7" x14ac:dyDescent="0.3">
      <c r="A10425" s="13" t="s">
        <v>83</v>
      </c>
      <c r="B10425" s="14" t="s">
        <v>1</v>
      </c>
      <c r="C10425" s="14" t="s">
        <v>51</v>
      </c>
      <c r="D10425" s="14" t="s">
        <v>84</v>
      </c>
      <c r="E10425" s="15">
        <v>45581</v>
      </c>
      <c r="F10425" s="14" t="s">
        <v>25</v>
      </c>
      <c r="G10425" s="16">
        <v>0</v>
      </c>
    </row>
    <row r="10426" spans="1:7" x14ac:dyDescent="0.3">
      <c r="A10426" s="13" t="s">
        <v>83</v>
      </c>
      <c r="B10426" s="14" t="s">
        <v>1</v>
      </c>
      <c r="C10426" s="14" t="s">
        <v>51</v>
      </c>
      <c r="D10426" s="14" t="s">
        <v>84</v>
      </c>
      <c r="E10426" s="15">
        <v>45582</v>
      </c>
      <c r="F10426" s="14" t="s">
        <v>25</v>
      </c>
      <c r="G10426" s="16">
        <v>0</v>
      </c>
    </row>
    <row r="10427" spans="1:7" x14ac:dyDescent="0.3">
      <c r="A10427" s="13" t="s">
        <v>83</v>
      </c>
      <c r="B10427" s="14" t="s">
        <v>1</v>
      </c>
      <c r="C10427" s="14" t="s">
        <v>51</v>
      </c>
      <c r="D10427" s="14" t="s">
        <v>84</v>
      </c>
      <c r="E10427" s="15">
        <v>45583</v>
      </c>
      <c r="F10427" s="14" t="s">
        <v>25</v>
      </c>
      <c r="G10427" s="16">
        <v>0</v>
      </c>
    </row>
    <row r="10428" spans="1:7" x14ac:dyDescent="0.3">
      <c r="A10428" s="13" t="s">
        <v>83</v>
      </c>
      <c r="B10428" s="14" t="s">
        <v>1</v>
      </c>
      <c r="C10428" s="14" t="s">
        <v>51</v>
      </c>
      <c r="D10428" s="14" t="s">
        <v>84</v>
      </c>
      <c r="E10428" s="15">
        <v>45584</v>
      </c>
      <c r="F10428" s="14" t="s">
        <v>25</v>
      </c>
      <c r="G10428" s="16">
        <v>0</v>
      </c>
    </row>
    <row r="10429" spans="1:7" x14ac:dyDescent="0.3">
      <c r="A10429" s="13" t="s">
        <v>83</v>
      </c>
      <c r="B10429" s="14" t="s">
        <v>1</v>
      </c>
      <c r="C10429" s="14" t="s">
        <v>51</v>
      </c>
      <c r="D10429" s="14" t="s">
        <v>84</v>
      </c>
      <c r="E10429" s="15">
        <v>45585</v>
      </c>
      <c r="F10429" s="14" t="s">
        <v>25</v>
      </c>
      <c r="G10429" s="16">
        <v>0</v>
      </c>
    </row>
    <row r="10430" spans="1:7" x14ac:dyDescent="0.3">
      <c r="A10430" s="13" t="s">
        <v>83</v>
      </c>
      <c r="B10430" s="14" t="s">
        <v>1</v>
      </c>
      <c r="C10430" s="14" t="s">
        <v>51</v>
      </c>
      <c r="D10430" s="14" t="s">
        <v>84</v>
      </c>
      <c r="E10430" s="15">
        <v>45586</v>
      </c>
      <c r="F10430" s="14" t="s">
        <v>25</v>
      </c>
      <c r="G10430" s="16">
        <v>0</v>
      </c>
    </row>
    <row r="10431" spans="1:7" x14ac:dyDescent="0.3">
      <c r="A10431" s="13" t="s">
        <v>83</v>
      </c>
      <c r="B10431" s="14" t="s">
        <v>1</v>
      </c>
      <c r="C10431" s="14" t="s">
        <v>51</v>
      </c>
      <c r="D10431" s="14" t="s">
        <v>84</v>
      </c>
      <c r="E10431" s="15">
        <v>45587</v>
      </c>
      <c r="F10431" s="14" t="s">
        <v>25</v>
      </c>
      <c r="G10431" s="16">
        <v>0</v>
      </c>
    </row>
    <row r="10432" spans="1:7" x14ac:dyDescent="0.3">
      <c r="A10432" s="13" t="s">
        <v>83</v>
      </c>
      <c r="B10432" s="14" t="s">
        <v>1</v>
      </c>
      <c r="C10432" s="14" t="s">
        <v>51</v>
      </c>
      <c r="D10432" s="14" t="s">
        <v>84</v>
      </c>
      <c r="E10432" s="15">
        <v>45588</v>
      </c>
      <c r="F10432" s="14" t="s">
        <v>25</v>
      </c>
      <c r="G10432" s="16">
        <v>0</v>
      </c>
    </row>
    <row r="10433" spans="1:7" x14ac:dyDescent="0.3">
      <c r="A10433" s="13" t="s">
        <v>83</v>
      </c>
      <c r="B10433" s="14" t="s">
        <v>1</v>
      </c>
      <c r="C10433" s="14" t="s">
        <v>51</v>
      </c>
      <c r="D10433" s="14" t="s">
        <v>84</v>
      </c>
      <c r="E10433" s="15">
        <v>45589</v>
      </c>
      <c r="F10433" s="14" t="s">
        <v>25</v>
      </c>
      <c r="G10433" s="16">
        <v>0</v>
      </c>
    </row>
    <row r="10434" spans="1:7" x14ac:dyDescent="0.3">
      <c r="A10434" s="13" t="s">
        <v>83</v>
      </c>
      <c r="B10434" s="14" t="s">
        <v>1</v>
      </c>
      <c r="C10434" s="14" t="s">
        <v>51</v>
      </c>
      <c r="D10434" s="14" t="s">
        <v>84</v>
      </c>
      <c r="E10434" s="15">
        <v>45590</v>
      </c>
      <c r="F10434" s="14" t="s">
        <v>25</v>
      </c>
      <c r="G10434" s="16">
        <v>0</v>
      </c>
    </row>
    <row r="10435" spans="1:7" x14ac:dyDescent="0.3">
      <c r="A10435" s="13" t="s">
        <v>83</v>
      </c>
      <c r="B10435" s="14" t="s">
        <v>1</v>
      </c>
      <c r="C10435" s="14" t="s">
        <v>51</v>
      </c>
      <c r="D10435" s="14" t="s">
        <v>84</v>
      </c>
      <c r="E10435" s="15">
        <v>45591</v>
      </c>
      <c r="F10435" s="14" t="s">
        <v>25</v>
      </c>
      <c r="G10435" s="16">
        <v>0</v>
      </c>
    </row>
    <row r="10436" spans="1:7" x14ac:dyDescent="0.3">
      <c r="A10436" s="13" t="s">
        <v>83</v>
      </c>
      <c r="B10436" s="14" t="s">
        <v>1</v>
      </c>
      <c r="C10436" s="14" t="s">
        <v>51</v>
      </c>
      <c r="D10436" s="14" t="s">
        <v>84</v>
      </c>
      <c r="E10436" s="15">
        <v>45592</v>
      </c>
      <c r="F10436" s="14" t="s">
        <v>25</v>
      </c>
      <c r="G10436" s="16">
        <v>0</v>
      </c>
    </row>
    <row r="10437" spans="1:7" x14ac:dyDescent="0.3">
      <c r="A10437" s="13" t="s">
        <v>83</v>
      </c>
      <c r="B10437" s="14" t="s">
        <v>1</v>
      </c>
      <c r="C10437" s="14" t="s">
        <v>51</v>
      </c>
      <c r="D10437" s="14" t="s">
        <v>84</v>
      </c>
      <c r="E10437" s="15">
        <v>45593</v>
      </c>
      <c r="F10437" s="14" t="s">
        <v>25</v>
      </c>
      <c r="G10437" s="16">
        <v>0</v>
      </c>
    </row>
    <row r="10438" spans="1:7" x14ac:dyDescent="0.3">
      <c r="A10438" s="13" t="s">
        <v>83</v>
      </c>
      <c r="B10438" s="14" t="s">
        <v>1</v>
      </c>
      <c r="C10438" s="14" t="s">
        <v>51</v>
      </c>
      <c r="D10438" s="14" t="s">
        <v>84</v>
      </c>
      <c r="E10438" s="15">
        <v>45594</v>
      </c>
      <c r="F10438" s="14" t="s">
        <v>25</v>
      </c>
      <c r="G10438" s="16">
        <v>0</v>
      </c>
    </row>
    <row r="10439" spans="1:7" x14ac:dyDescent="0.3">
      <c r="A10439" s="13" t="s">
        <v>83</v>
      </c>
      <c r="B10439" s="14" t="s">
        <v>1</v>
      </c>
      <c r="C10439" s="14" t="s">
        <v>51</v>
      </c>
      <c r="D10439" s="14" t="s">
        <v>84</v>
      </c>
      <c r="E10439" s="15">
        <v>45595</v>
      </c>
      <c r="F10439" s="14" t="s">
        <v>25</v>
      </c>
      <c r="G10439" s="16">
        <v>0</v>
      </c>
    </row>
    <row r="10440" spans="1:7" x14ac:dyDescent="0.3">
      <c r="A10440" s="13" t="s">
        <v>83</v>
      </c>
      <c r="B10440" s="14" t="s">
        <v>1</v>
      </c>
      <c r="C10440" s="14" t="s">
        <v>51</v>
      </c>
      <c r="D10440" s="14" t="s">
        <v>84</v>
      </c>
      <c r="E10440" s="15">
        <v>45596</v>
      </c>
      <c r="F10440" s="14" t="s">
        <v>25</v>
      </c>
      <c r="G10440" s="16">
        <v>0</v>
      </c>
    </row>
    <row r="10441" spans="1:7" x14ac:dyDescent="0.3">
      <c r="A10441" s="13" t="s">
        <v>83</v>
      </c>
      <c r="B10441" s="14" t="s">
        <v>1</v>
      </c>
      <c r="C10441" s="14" t="s">
        <v>51</v>
      </c>
      <c r="D10441" s="14" t="s">
        <v>84</v>
      </c>
      <c r="E10441" s="15">
        <v>45597</v>
      </c>
      <c r="F10441" s="14" t="s">
        <v>25</v>
      </c>
      <c r="G10441" s="16">
        <v>0</v>
      </c>
    </row>
    <row r="10442" spans="1:7" x14ac:dyDescent="0.3">
      <c r="A10442" s="13" t="s">
        <v>83</v>
      </c>
      <c r="B10442" s="14" t="s">
        <v>1</v>
      </c>
      <c r="C10442" s="14" t="s">
        <v>51</v>
      </c>
      <c r="D10442" s="14" t="s">
        <v>84</v>
      </c>
      <c r="E10442" s="15">
        <v>45598</v>
      </c>
      <c r="F10442" s="14" t="s">
        <v>25</v>
      </c>
      <c r="G10442" s="16">
        <v>0</v>
      </c>
    </row>
    <row r="10443" spans="1:7" x14ac:dyDescent="0.3">
      <c r="A10443" s="13" t="s">
        <v>83</v>
      </c>
      <c r="B10443" s="14" t="s">
        <v>1</v>
      </c>
      <c r="C10443" s="14" t="s">
        <v>51</v>
      </c>
      <c r="D10443" s="14" t="s">
        <v>84</v>
      </c>
      <c r="E10443" s="15">
        <v>45599</v>
      </c>
      <c r="F10443" s="14" t="s">
        <v>25</v>
      </c>
      <c r="G10443" s="16">
        <v>0</v>
      </c>
    </row>
    <row r="10444" spans="1:7" x14ac:dyDescent="0.3">
      <c r="A10444" s="13" t="s">
        <v>83</v>
      </c>
      <c r="B10444" s="14" t="s">
        <v>1</v>
      </c>
      <c r="C10444" s="14" t="s">
        <v>51</v>
      </c>
      <c r="D10444" s="14" t="s">
        <v>84</v>
      </c>
      <c r="E10444" s="15">
        <v>45600</v>
      </c>
      <c r="F10444" s="14" t="s">
        <v>25</v>
      </c>
      <c r="G10444" s="16">
        <v>0</v>
      </c>
    </row>
    <row r="10445" spans="1:7" x14ac:dyDescent="0.3">
      <c r="A10445" s="13" t="s">
        <v>83</v>
      </c>
      <c r="B10445" s="14" t="s">
        <v>1</v>
      </c>
      <c r="C10445" s="14" t="s">
        <v>51</v>
      </c>
      <c r="D10445" s="14" t="s">
        <v>84</v>
      </c>
      <c r="E10445" s="15">
        <v>45601</v>
      </c>
      <c r="F10445" s="14" t="s">
        <v>25</v>
      </c>
      <c r="G10445" s="16">
        <v>0</v>
      </c>
    </row>
    <row r="10446" spans="1:7" x14ac:dyDescent="0.3">
      <c r="A10446" s="13" t="s">
        <v>83</v>
      </c>
      <c r="B10446" s="14" t="s">
        <v>1</v>
      </c>
      <c r="C10446" s="14" t="s">
        <v>51</v>
      </c>
      <c r="D10446" s="14" t="s">
        <v>84</v>
      </c>
      <c r="E10446" s="15">
        <v>45602</v>
      </c>
      <c r="F10446" s="14" t="s">
        <v>25</v>
      </c>
      <c r="G10446" s="16">
        <v>0</v>
      </c>
    </row>
    <row r="10447" spans="1:7" x14ac:dyDescent="0.3">
      <c r="A10447" s="13" t="s">
        <v>83</v>
      </c>
      <c r="B10447" s="14" t="s">
        <v>1</v>
      </c>
      <c r="C10447" s="14" t="s">
        <v>51</v>
      </c>
      <c r="D10447" s="14" t="s">
        <v>84</v>
      </c>
      <c r="E10447" s="15">
        <v>45603</v>
      </c>
      <c r="F10447" s="14" t="s">
        <v>25</v>
      </c>
      <c r="G10447" s="16">
        <v>0</v>
      </c>
    </row>
    <row r="10448" spans="1:7" x14ac:dyDescent="0.3">
      <c r="A10448" s="13" t="s">
        <v>83</v>
      </c>
      <c r="B10448" s="14" t="s">
        <v>1</v>
      </c>
      <c r="C10448" s="14" t="s">
        <v>51</v>
      </c>
      <c r="D10448" s="14" t="s">
        <v>84</v>
      </c>
      <c r="E10448" s="15">
        <v>45604</v>
      </c>
      <c r="F10448" s="14" t="s">
        <v>25</v>
      </c>
      <c r="G10448" s="16">
        <v>0</v>
      </c>
    </row>
    <row r="10449" spans="1:7" x14ac:dyDescent="0.3">
      <c r="A10449" s="13" t="s">
        <v>83</v>
      </c>
      <c r="B10449" s="14" t="s">
        <v>1</v>
      </c>
      <c r="C10449" s="14" t="s">
        <v>51</v>
      </c>
      <c r="D10449" s="14" t="s">
        <v>84</v>
      </c>
      <c r="E10449" s="15">
        <v>45605</v>
      </c>
      <c r="F10449" s="14" t="s">
        <v>25</v>
      </c>
      <c r="G10449" s="16">
        <v>0</v>
      </c>
    </row>
    <row r="10450" spans="1:7" x14ac:dyDescent="0.3">
      <c r="A10450" s="13" t="s">
        <v>83</v>
      </c>
      <c r="B10450" s="14" t="s">
        <v>1</v>
      </c>
      <c r="C10450" s="14" t="s">
        <v>51</v>
      </c>
      <c r="D10450" s="14" t="s">
        <v>84</v>
      </c>
      <c r="E10450" s="15">
        <v>45606</v>
      </c>
      <c r="F10450" s="14" t="s">
        <v>25</v>
      </c>
      <c r="G10450" s="16">
        <v>0</v>
      </c>
    </row>
    <row r="10451" spans="1:7" x14ac:dyDescent="0.3">
      <c r="A10451" s="13" t="s">
        <v>83</v>
      </c>
      <c r="B10451" s="14" t="s">
        <v>1</v>
      </c>
      <c r="C10451" s="14" t="s">
        <v>51</v>
      </c>
      <c r="D10451" s="14" t="s">
        <v>84</v>
      </c>
      <c r="E10451" s="15">
        <v>45607</v>
      </c>
      <c r="F10451" s="14" t="s">
        <v>25</v>
      </c>
      <c r="G10451" s="16">
        <v>0</v>
      </c>
    </row>
    <row r="10452" spans="1:7" x14ac:dyDescent="0.3">
      <c r="A10452" s="13" t="s">
        <v>83</v>
      </c>
      <c r="B10452" s="14" t="s">
        <v>1</v>
      </c>
      <c r="C10452" s="14" t="s">
        <v>51</v>
      </c>
      <c r="D10452" s="14" t="s">
        <v>84</v>
      </c>
      <c r="E10452" s="15">
        <v>45608</v>
      </c>
      <c r="F10452" s="14" t="s">
        <v>25</v>
      </c>
      <c r="G10452" s="16">
        <v>0</v>
      </c>
    </row>
    <row r="10453" spans="1:7" x14ac:dyDescent="0.3">
      <c r="A10453" s="13" t="s">
        <v>83</v>
      </c>
      <c r="B10453" s="14" t="s">
        <v>1</v>
      </c>
      <c r="C10453" s="14" t="s">
        <v>51</v>
      </c>
      <c r="D10453" s="14" t="s">
        <v>84</v>
      </c>
      <c r="E10453" s="15">
        <v>45609</v>
      </c>
      <c r="F10453" s="14" t="s">
        <v>25</v>
      </c>
      <c r="G10453" s="16">
        <v>0</v>
      </c>
    </row>
    <row r="10454" spans="1:7" x14ac:dyDescent="0.3">
      <c r="A10454" s="13" t="s">
        <v>83</v>
      </c>
      <c r="B10454" s="14" t="s">
        <v>1</v>
      </c>
      <c r="C10454" s="14" t="s">
        <v>51</v>
      </c>
      <c r="D10454" s="14" t="s">
        <v>84</v>
      </c>
      <c r="E10454" s="15">
        <v>45610</v>
      </c>
      <c r="F10454" s="14" t="s">
        <v>25</v>
      </c>
      <c r="G10454" s="16">
        <v>0</v>
      </c>
    </row>
    <row r="10455" spans="1:7" x14ac:dyDescent="0.3">
      <c r="A10455" s="13" t="s">
        <v>83</v>
      </c>
      <c r="B10455" s="14" t="s">
        <v>1</v>
      </c>
      <c r="C10455" s="14" t="s">
        <v>51</v>
      </c>
      <c r="D10455" s="14" t="s">
        <v>84</v>
      </c>
      <c r="E10455" s="15">
        <v>45611</v>
      </c>
      <c r="F10455" s="14" t="s">
        <v>25</v>
      </c>
      <c r="G10455" s="16">
        <v>0</v>
      </c>
    </row>
    <row r="10456" spans="1:7" x14ac:dyDescent="0.3">
      <c r="A10456" s="13" t="s">
        <v>83</v>
      </c>
      <c r="B10456" s="14" t="s">
        <v>1</v>
      </c>
      <c r="C10456" s="14" t="s">
        <v>51</v>
      </c>
      <c r="D10456" s="14" t="s">
        <v>84</v>
      </c>
      <c r="E10456" s="15">
        <v>45612</v>
      </c>
      <c r="F10456" s="14" t="s">
        <v>25</v>
      </c>
      <c r="G10456" s="16">
        <v>0</v>
      </c>
    </row>
    <row r="10457" spans="1:7" x14ac:dyDescent="0.3">
      <c r="A10457" s="13" t="s">
        <v>83</v>
      </c>
      <c r="B10457" s="14" t="s">
        <v>1</v>
      </c>
      <c r="C10457" s="14" t="s">
        <v>51</v>
      </c>
      <c r="D10457" s="14" t="s">
        <v>84</v>
      </c>
      <c r="E10457" s="15">
        <v>45613</v>
      </c>
      <c r="F10457" s="14" t="s">
        <v>25</v>
      </c>
      <c r="G10457" s="16">
        <v>0</v>
      </c>
    </row>
    <row r="10458" spans="1:7" x14ac:dyDescent="0.3">
      <c r="A10458" s="13" t="s">
        <v>83</v>
      </c>
      <c r="B10458" s="14" t="s">
        <v>1</v>
      </c>
      <c r="C10458" s="14" t="s">
        <v>51</v>
      </c>
      <c r="D10458" s="14" t="s">
        <v>84</v>
      </c>
      <c r="E10458" s="15">
        <v>45614</v>
      </c>
      <c r="F10458" s="14" t="s">
        <v>25</v>
      </c>
      <c r="G10458" s="16">
        <v>0</v>
      </c>
    </row>
    <row r="10459" spans="1:7" x14ac:dyDescent="0.3">
      <c r="A10459" s="13" t="s">
        <v>83</v>
      </c>
      <c r="B10459" s="14" t="s">
        <v>1</v>
      </c>
      <c r="C10459" s="14" t="s">
        <v>51</v>
      </c>
      <c r="D10459" s="14" t="s">
        <v>84</v>
      </c>
      <c r="E10459" s="15">
        <v>45615</v>
      </c>
      <c r="F10459" s="14" t="s">
        <v>25</v>
      </c>
      <c r="G10459" s="16">
        <v>0</v>
      </c>
    </row>
    <row r="10460" spans="1:7" x14ac:dyDescent="0.3">
      <c r="A10460" s="13" t="s">
        <v>83</v>
      </c>
      <c r="B10460" s="14" t="s">
        <v>1</v>
      </c>
      <c r="C10460" s="14" t="s">
        <v>51</v>
      </c>
      <c r="D10460" s="14" t="s">
        <v>84</v>
      </c>
      <c r="E10460" s="15">
        <v>45616</v>
      </c>
      <c r="F10460" s="14" t="s">
        <v>25</v>
      </c>
      <c r="G10460" s="16">
        <v>0</v>
      </c>
    </row>
    <row r="10461" spans="1:7" x14ac:dyDescent="0.3">
      <c r="A10461" s="13" t="s">
        <v>83</v>
      </c>
      <c r="B10461" s="14" t="s">
        <v>1</v>
      </c>
      <c r="C10461" s="14" t="s">
        <v>51</v>
      </c>
      <c r="D10461" s="14" t="s">
        <v>84</v>
      </c>
      <c r="E10461" s="15">
        <v>45617</v>
      </c>
      <c r="F10461" s="14" t="s">
        <v>25</v>
      </c>
      <c r="G10461" s="16">
        <v>0</v>
      </c>
    </row>
    <row r="10462" spans="1:7" x14ac:dyDescent="0.3">
      <c r="A10462" s="13" t="s">
        <v>83</v>
      </c>
      <c r="B10462" s="14" t="s">
        <v>1</v>
      </c>
      <c r="C10462" s="14" t="s">
        <v>51</v>
      </c>
      <c r="D10462" s="14" t="s">
        <v>84</v>
      </c>
      <c r="E10462" s="15">
        <v>45618</v>
      </c>
      <c r="F10462" s="14" t="s">
        <v>25</v>
      </c>
      <c r="G10462" s="16">
        <v>0</v>
      </c>
    </row>
    <row r="10463" spans="1:7" x14ac:dyDescent="0.3">
      <c r="A10463" s="13" t="s">
        <v>83</v>
      </c>
      <c r="B10463" s="14" t="s">
        <v>1</v>
      </c>
      <c r="C10463" s="14" t="s">
        <v>51</v>
      </c>
      <c r="D10463" s="14" t="s">
        <v>84</v>
      </c>
      <c r="E10463" s="15">
        <v>45619</v>
      </c>
      <c r="F10463" s="14" t="s">
        <v>25</v>
      </c>
      <c r="G10463" s="16">
        <v>0</v>
      </c>
    </row>
    <row r="10464" spans="1:7" x14ac:dyDescent="0.3">
      <c r="A10464" s="13" t="s">
        <v>83</v>
      </c>
      <c r="B10464" s="14" t="s">
        <v>1</v>
      </c>
      <c r="C10464" s="14" t="s">
        <v>51</v>
      </c>
      <c r="D10464" s="14" t="s">
        <v>84</v>
      </c>
      <c r="E10464" s="15">
        <v>45620</v>
      </c>
      <c r="F10464" s="14" t="s">
        <v>25</v>
      </c>
      <c r="G10464" s="16">
        <v>0</v>
      </c>
    </row>
    <row r="10465" spans="1:7" x14ac:dyDescent="0.3">
      <c r="A10465" s="13" t="s">
        <v>83</v>
      </c>
      <c r="B10465" s="14" t="s">
        <v>1</v>
      </c>
      <c r="C10465" s="14" t="s">
        <v>51</v>
      </c>
      <c r="D10465" s="14" t="s">
        <v>84</v>
      </c>
      <c r="E10465" s="15">
        <v>45621</v>
      </c>
      <c r="F10465" s="14" t="s">
        <v>25</v>
      </c>
      <c r="G10465" s="16">
        <v>0</v>
      </c>
    </row>
    <row r="10466" spans="1:7" x14ac:dyDescent="0.3">
      <c r="A10466" s="13" t="s">
        <v>83</v>
      </c>
      <c r="B10466" s="14" t="s">
        <v>1</v>
      </c>
      <c r="C10466" s="14" t="s">
        <v>51</v>
      </c>
      <c r="D10466" s="14" t="s">
        <v>84</v>
      </c>
      <c r="E10466" s="15">
        <v>45622</v>
      </c>
      <c r="F10466" s="14" t="s">
        <v>25</v>
      </c>
      <c r="G10466" s="16">
        <v>0</v>
      </c>
    </row>
    <row r="10467" spans="1:7" x14ac:dyDescent="0.3">
      <c r="A10467" s="13" t="s">
        <v>83</v>
      </c>
      <c r="B10467" s="14" t="s">
        <v>1</v>
      </c>
      <c r="C10467" s="14" t="s">
        <v>51</v>
      </c>
      <c r="D10467" s="14" t="s">
        <v>84</v>
      </c>
      <c r="E10467" s="15">
        <v>45623</v>
      </c>
      <c r="F10467" s="14" t="s">
        <v>25</v>
      </c>
      <c r="G10467" s="16">
        <v>0</v>
      </c>
    </row>
    <row r="10468" spans="1:7" x14ac:dyDescent="0.3">
      <c r="A10468" s="13" t="s">
        <v>83</v>
      </c>
      <c r="B10468" s="14" t="s">
        <v>1</v>
      </c>
      <c r="C10468" s="14" t="s">
        <v>51</v>
      </c>
      <c r="D10468" s="14" t="s">
        <v>84</v>
      </c>
      <c r="E10468" s="15">
        <v>45624</v>
      </c>
      <c r="F10468" s="14" t="s">
        <v>25</v>
      </c>
      <c r="G10468" s="16">
        <v>0</v>
      </c>
    </row>
    <row r="10469" spans="1:7" x14ac:dyDescent="0.3">
      <c r="A10469" s="13" t="s">
        <v>83</v>
      </c>
      <c r="B10469" s="14" t="s">
        <v>1</v>
      </c>
      <c r="C10469" s="14" t="s">
        <v>51</v>
      </c>
      <c r="D10469" s="14" t="s">
        <v>84</v>
      </c>
      <c r="E10469" s="15">
        <v>45625</v>
      </c>
      <c r="F10469" s="14" t="s">
        <v>25</v>
      </c>
      <c r="G10469" s="16">
        <v>0</v>
      </c>
    </row>
    <row r="10470" spans="1:7" x14ac:dyDescent="0.3">
      <c r="A10470" s="13" t="s">
        <v>83</v>
      </c>
      <c r="B10470" s="14" t="s">
        <v>1</v>
      </c>
      <c r="C10470" s="14" t="s">
        <v>51</v>
      </c>
      <c r="D10470" s="14" t="s">
        <v>84</v>
      </c>
      <c r="E10470" s="15">
        <v>45626</v>
      </c>
      <c r="F10470" s="14" t="s">
        <v>25</v>
      </c>
      <c r="G10470" s="16">
        <v>0</v>
      </c>
    </row>
    <row r="10471" spans="1:7" x14ac:dyDescent="0.3">
      <c r="A10471" s="13" t="s">
        <v>83</v>
      </c>
      <c r="B10471" s="14" t="s">
        <v>1</v>
      </c>
      <c r="C10471" s="14" t="s">
        <v>51</v>
      </c>
      <c r="D10471" s="14" t="s">
        <v>84</v>
      </c>
      <c r="E10471" s="15">
        <v>45627</v>
      </c>
      <c r="F10471" s="14" t="s">
        <v>25</v>
      </c>
      <c r="G10471" s="16">
        <v>0</v>
      </c>
    </row>
    <row r="10472" spans="1:7" x14ac:dyDescent="0.3">
      <c r="A10472" s="13" t="s">
        <v>83</v>
      </c>
      <c r="B10472" s="14" t="s">
        <v>1</v>
      </c>
      <c r="C10472" s="14" t="s">
        <v>51</v>
      </c>
      <c r="D10472" s="14" t="s">
        <v>84</v>
      </c>
      <c r="E10472" s="15">
        <v>45628</v>
      </c>
      <c r="F10472" s="14" t="s">
        <v>25</v>
      </c>
      <c r="G10472" s="16">
        <v>0</v>
      </c>
    </row>
    <row r="10473" spans="1:7" x14ac:dyDescent="0.3">
      <c r="A10473" s="13" t="s">
        <v>83</v>
      </c>
      <c r="B10473" s="14" t="s">
        <v>1</v>
      </c>
      <c r="C10473" s="14" t="s">
        <v>51</v>
      </c>
      <c r="D10473" s="14" t="s">
        <v>84</v>
      </c>
      <c r="E10473" s="15">
        <v>45629</v>
      </c>
      <c r="F10473" s="14" t="s">
        <v>25</v>
      </c>
      <c r="G10473" s="16">
        <v>0</v>
      </c>
    </row>
    <row r="10474" spans="1:7" x14ac:dyDescent="0.3">
      <c r="A10474" s="13" t="s">
        <v>83</v>
      </c>
      <c r="B10474" s="14" t="s">
        <v>1</v>
      </c>
      <c r="C10474" s="14" t="s">
        <v>51</v>
      </c>
      <c r="D10474" s="14" t="s">
        <v>84</v>
      </c>
      <c r="E10474" s="15">
        <v>45630</v>
      </c>
      <c r="F10474" s="14" t="s">
        <v>25</v>
      </c>
      <c r="G10474" s="16">
        <v>0</v>
      </c>
    </row>
    <row r="10475" spans="1:7" x14ac:dyDescent="0.3">
      <c r="A10475" s="13" t="s">
        <v>83</v>
      </c>
      <c r="B10475" s="14" t="s">
        <v>1</v>
      </c>
      <c r="C10475" s="14" t="s">
        <v>51</v>
      </c>
      <c r="D10475" s="14" t="s">
        <v>84</v>
      </c>
      <c r="E10475" s="15">
        <v>45631</v>
      </c>
      <c r="F10475" s="14" t="s">
        <v>25</v>
      </c>
      <c r="G10475" s="16">
        <v>0</v>
      </c>
    </row>
    <row r="10476" spans="1:7" x14ac:dyDescent="0.3">
      <c r="A10476" s="13" t="s">
        <v>83</v>
      </c>
      <c r="B10476" s="14" t="s">
        <v>1</v>
      </c>
      <c r="C10476" s="14" t="s">
        <v>51</v>
      </c>
      <c r="D10476" s="14" t="s">
        <v>84</v>
      </c>
      <c r="E10476" s="15">
        <v>45632</v>
      </c>
      <c r="F10476" s="14" t="s">
        <v>25</v>
      </c>
      <c r="G10476" s="16">
        <v>0</v>
      </c>
    </row>
    <row r="10477" spans="1:7" x14ac:dyDescent="0.3">
      <c r="A10477" s="13" t="s">
        <v>83</v>
      </c>
      <c r="B10477" s="14" t="s">
        <v>1</v>
      </c>
      <c r="C10477" s="14" t="s">
        <v>51</v>
      </c>
      <c r="D10477" s="14" t="s">
        <v>84</v>
      </c>
      <c r="E10477" s="15">
        <v>45633</v>
      </c>
      <c r="F10477" s="14" t="s">
        <v>25</v>
      </c>
      <c r="G10477" s="16">
        <v>0</v>
      </c>
    </row>
    <row r="10478" spans="1:7" x14ac:dyDescent="0.3">
      <c r="A10478" s="13" t="s">
        <v>83</v>
      </c>
      <c r="B10478" s="14" t="s">
        <v>1</v>
      </c>
      <c r="C10478" s="14" t="s">
        <v>51</v>
      </c>
      <c r="D10478" s="14" t="s">
        <v>84</v>
      </c>
      <c r="E10478" s="15">
        <v>45634</v>
      </c>
      <c r="F10478" s="14" t="s">
        <v>25</v>
      </c>
      <c r="G10478" s="16">
        <v>0</v>
      </c>
    </row>
    <row r="10479" spans="1:7" x14ac:dyDescent="0.3">
      <c r="A10479" s="13" t="s">
        <v>83</v>
      </c>
      <c r="B10479" s="14" t="s">
        <v>1</v>
      </c>
      <c r="C10479" s="14" t="s">
        <v>51</v>
      </c>
      <c r="D10479" s="14" t="s">
        <v>84</v>
      </c>
      <c r="E10479" s="15">
        <v>45635</v>
      </c>
      <c r="F10479" s="14" t="s">
        <v>25</v>
      </c>
      <c r="G10479" s="16">
        <v>0</v>
      </c>
    </row>
    <row r="10480" spans="1:7" x14ac:dyDescent="0.3">
      <c r="A10480" s="13" t="s">
        <v>83</v>
      </c>
      <c r="B10480" s="14" t="s">
        <v>1</v>
      </c>
      <c r="C10480" s="14" t="s">
        <v>51</v>
      </c>
      <c r="D10480" s="14" t="s">
        <v>84</v>
      </c>
      <c r="E10480" s="15">
        <v>45636</v>
      </c>
      <c r="F10480" s="14" t="s">
        <v>25</v>
      </c>
      <c r="G10480" s="16">
        <v>0</v>
      </c>
    </row>
    <row r="10481" spans="1:7" x14ac:dyDescent="0.3">
      <c r="A10481" s="13" t="s">
        <v>83</v>
      </c>
      <c r="B10481" s="14" t="s">
        <v>1</v>
      </c>
      <c r="C10481" s="14" t="s">
        <v>51</v>
      </c>
      <c r="D10481" s="14" t="s">
        <v>84</v>
      </c>
      <c r="E10481" s="15">
        <v>45637</v>
      </c>
      <c r="F10481" s="14" t="s">
        <v>25</v>
      </c>
      <c r="G10481" s="16">
        <v>0</v>
      </c>
    </row>
    <row r="10482" spans="1:7" x14ac:dyDescent="0.3">
      <c r="A10482" s="13" t="s">
        <v>83</v>
      </c>
      <c r="B10482" s="14" t="s">
        <v>1</v>
      </c>
      <c r="C10482" s="14" t="s">
        <v>51</v>
      </c>
      <c r="D10482" s="14" t="s">
        <v>84</v>
      </c>
      <c r="E10482" s="15">
        <v>45638</v>
      </c>
      <c r="F10482" s="14" t="s">
        <v>25</v>
      </c>
      <c r="G10482" s="16">
        <v>0</v>
      </c>
    </row>
    <row r="10483" spans="1:7" x14ac:dyDescent="0.3">
      <c r="A10483" s="13" t="s">
        <v>83</v>
      </c>
      <c r="B10483" s="14" t="s">
        <v>1</v>
      </c>
      <c r="C10483" s="14" t="s">
        <v>51</v>
      </c>
      <c r="D10483" s="14" t="s">
        <v>84</v>
      </c>
      <c r="E10483" s="15">
        <v>45639</v>
      </c>
      <c r="F10483" s="14" t="s">
        <v>25</v>
      </c>
      <c r="G10483" s="16">
        <v>0</v>
      </c>
    </row>
    <row r="10484" spans="1:7" x14ac:dyDescent="0.3">
      <c r="A10484" s="13" t="s">
        <v>83</v>
      </c>
      <c r="B10484" s="14" t="s">
        <v>1</v>
      </c>
      <c r="C10484" s="14" t="s">
        <v>51</v>
      </c>
      <c r="D10484" s="14" t="s">
        <v>84</v>
      </c>
      <c r="E10484" s="15">
        <v>45640</v>
      </c>
      <c r="F10484" s="14" t="s">
        <v>25</v>
      </c>
      <c r="G10484" s="16">
        <v>0</v>
      </c>
    </row>
    <row r="10485" spans="1:7" x14ac:dyDescent="0.3">
      <c r="A10485" s="13" t="s">
        <v>83</v>
      </c>
      <c r="B10485" s="14" t="s">
        <v>1</v>
      </c>
      <c r="C10485" s="14" t="s">
        <v>51</v>
      </c>
      <c r="D10485" s="14" t="s">
        <v>84</v>
      </c>
      <c r="E10485" s="15">
        <v>45641</v>
      </c>
      <c r="F10485" s="14" t="s">
        <v>25</v>
      </c>
      <c r="G10485" s="16">
        <v>0</v>
      </c>
    </row>
    <row r="10486" spans="1:7" x14ac:dyDescent="0.3">
      <c r="A10486" s="13" t="s">
        <v>83</v>
      </c>
      <c r="B10486" s="14" t="s">
        <v>1</v>
      </c>
      <c r="C10486" s="14" t="s">
        <v>51</v>
      </c>
      <c r="D10486" s="14" t="s">
        <v>84</v>
      </c>
      <c r="E10486" s="15">
        <v>45642</v>
      </c>
      <c r="F10486" s="14" t="s">
        <v>25</v>
      </c>
      <c r="G10486" s="16">
        <v>0</v>
      </c>
    </row>
    <row r="10487" spans="1:7" x14ac:dyDescent="0.3">
      <c r="A10487" s="13" t="s">
        <v>83</v>
      </c>
      <c r="B10487" s="14" t="s">
        <v>1</v>
      </c>
      <c r="C10487" s="14" t="s">
        <v>51</v>
      </c>
      <c r="D10487" s="14" t="s">
        <v>84</v>
      </c>
      <c r="E10487" s="15">
        <v>45643</v>
      </c>
      <c r="F10487" s="14" t="s">
        <v>25</v>
      </c>
      <c r="G10487" s="16">
        <v>0</v>
      </c>
    </row>
    <row r="10488" spans="1:7" x14ac:dyDescent="0.3">
      <c r="A10488" s="13" t="s">
        <v>83</v>
      </c>
      <c r="B10488" s="14" t="s">
        <v>1</v>
      </c>
      <c r="C10488" s="14" t="s">
        <v>51</v>
      </c>
      <c r="D10488" s="14" t="s">
        <v>84</v>
      </c>
      <c r="E10488" s="15">
        <v>45644</v>
      </c>
      <c r="F10488" s="14" t="s">
        <v>25</v>
      </c>
      <c r="G10488" s="16">
        <v>0</v>
      </c>
    </row>
    <row r="10489" spans="1:7" x14ac:dyDescent="0.3">
      <c r="A10489" s="13" t="s">
        <v>83</v>
      </c>
      <c r="B10489" s="14" t="s">
        <v>1</v>
      </c>
      <c r="C10489" s="14" t="s">
        <v>51</v>
      </c>
      <c r="D10489" s="14" t="s">
        <v>84</v>
      </c>
      <c r="E10489" s="15">
        <v>45645</v>
      </c>
      <c r="F10489" s="14" t="s">
        <v>25</v>
      </c>
      <c r="G10489" s="16">
        <v>0</v>
      </c>
    </row>
    <row r="10490" spans="1:7" x14ac:dyDescent="0.3">
      <c r="A10490" s="13" t="s">
        <v>83</v>
      </c>
      <c r="B10490" s="14" t="s">
        <v>1</v>
      </c>
      <c r="C10490" s="14" t="s">
        <v>51</v>
      </c>
      <c r="D10490" s="14" t="s">
        <v>84</v>
      </c>
      <c r="E10490" s="15">
        <v>45646</v>
      </c>
      <c r="F10490" s="14" t="s">
        <v>25</v>
      </c>
      <c r="G10490" s="16">
        <v>0</v>
      </c>
    </row>
    <row r="10491" spans="1:7" x14ac:dyDescent="0.3">
      <c r="A10491" s="13" t="s">
        <v>83</v>
      </c>
      <c r="B10491" s="14" t="s">
        <v>1</v>
      </c>
      <c r="C10491" s="14" t="s">
        <v>51</v>
      </c>
      <c r="D10491" s="14" t="s">
        <v>84</v>
      </c>
      <c r="E10491" s="15">
        <v>45647</v>
      </c>
      <c r="F10491" s="14" t="s">
        <v>25</v>
      </c>
      <c r="G10491" s="16">
        <v>0</v>
      </c>
    </row>
    <row r="10492" spans="1:7" x14ac:dyDescent="0.3">
      <c r="A10492" s="13" t="s">
        <v>83</v>
      </c>
      <c r="B10492" s="14" t="s">
        <v>1</v>
      </c>
      <c r="C10492" s="14" t="s">
        <v>51</v>
      </c>
      <c r="D10492" s="14" t="s">
        <v>84</v>
      </c>
      <c r="E10492" s="15">
        <v>45648</v>
      </c>
      <c r="F10492" s="14" t="s">
        <v>25</v>
      </c>
      <c r="G10492" s="16">
        <v>0</v>
      </c>
    </row>
    <row r="10493" spans="1:7" x14ac:dyDescent="0.3">
      <c r="A10493" s="13" t="s">
        <v>83</v>
      </c>
      <c r="B10493" s="14" t="s">
        <v>1</v>
      </c>
      <c r="C10493" s="14" t="s">
        <v>51</v>
      </c>
      <c r="D10493" s="14" t="s">
        <v>84</v>
      </c>
      <c r="E10493" s="15">
        <v>45649</v>
      </c>
      <c r="F10493" s="14" t="s">
        <v>25</v>
      </c>
      <c r="G10493" s="16">
        <v>0</v>
      </c>
    </row>
    <row r="10494" spans="1:7" x14ac:dyDescent="0.3">
      <c r="A10494" s="13" t="s">
        <v>83</v>
      </c>
      <c r="B10494" s="14" t="s">
        <v>1</v>
      </c>
      <c r="C10494" s="14" t="s">
        <v>51</v>
      </c>
      <c r="D10494" s="14" t="s">
        <v>84</v>
      </c>
      <c r="E10494" s="15">
        <v>45650</v>
      </c>
      <c r="F10494" s="14" t="s">
        <v>25</v>
      </c>
      <c r="G10494" s="16">
        <v>0</v>
      </c>
    </row>
    <row r="10495" spans="1:7" x14ac:dyDescent="0.3">
      <c r="A10495" s="13" t="s">
        <v>83</v>
      </c>
      <c r="B10495" s="14" t="s">
        <v>1</v>
      </c>
      <c r="C10495" s="14" t="s">
        <v>51</v>
      </c>
      <c r="D10495" s="14" t="s">
        <v>84</v>
      </c>
      <c r="E10495" s="15">
        <v>45651</v>
      </c>
      <c r="F10495" s="14" t="s">
        <v>25</v>
      </c>
      <c r="G10495" s="16">
        <v>0</v>
      </c>
    </row>
    <row r="10496" spans="1:7" x14ac:dyDescent="0.3">
      <c r="A10496" s="13" t="s">
        <v>83</v>
      </c>
      <c r="B10496" s="14" t="s">
        <v>1</v>
      </c>
      <c r="C10496" s="14" t="s">
        <v>51</v>
      </c>
      <c r="D10496" s="14" t="s">
        <v>84</v>
      </c>
      <c r="E10496" s="15">
        <v>45652</v>
      </c>
      <c r="F10496" s="14" t="s">
        <v>25</v>
      </c>
      <c r="G10496" s="16">
        <v>0</v>
      </c>
    </row>
    <row r="10497" spans="1:7" x14ac:dyDescent="0.3">
      <c r="A10497" s="13" t="s">
        <v>83</v>
      </c>
      <c r="B10497" s="14" t="s">
        <v>1</v>
      </c>
      <c r="C10497" s="14" t="s">
        <v>51</v>
      </c>
      <c r="D10497" s="14" t="s">
        <v>84</v>
      </c>
      <c r="E10497" s="15">
        <v>45653</v>
      </c>
      <c r="F10497" s="14" t="s">
        <v>25</v>
      </c>
      <c r="G10497" s="16">
        <v>0</v>
      </c>
    </row>
    <row r="10498" spans="1:7" x14ac:dyDescent="0.3">
      <c r="A10498" s="13" t="s">
        <v>83</v>
      </c>
      <c r="B10498" s="14" t="s">
        <v>1</v>
      </c>
      <c r="C10498" s="14" t="s">
        <v>51</v>
      </c>
      <c r="D10498" s="14" t="s">
        <v>84</v>
      </c>
      <c r="E10498" s="15">
        <v>45654</v>
      </c>
      <c r="F10498" s="14" t="s">
        <v>25</v>
      </c>
      <c r="G10498" s="16">
        <v>0</v>
      </c>
    </row>
    <row r="10499" spans="1:7" x14ac:dyDescent="0.3">
      <c r="A10499" s="13" t="s">
        <v>83</v>
      </c>
      <c r="B10499" s="14" t="s">
        <v>1</v>
      </c>
      <c r="C10499" s="14" t="s">
        <v>51</v>
      </c>
      <c r="D10499" s="14" t="s">
        <v>84</v>
      </c>
      <c r="E10499" s="15">
        <v>45655</v>
      </c>
      <c r="F10499" s="14" t="s">
        <v>25</v>
      </c>
      <c r="G10499" s="16">
        <v>0</v>
      </c>
    </row>
    <row r="10500" spans="1:7" x14ac:dyDescent="0.3">
      <c r="A10500" s="13" t="s">
        <v>83</v>
      </c>
      <c r="B10500" s="14" t="s">
        <v>1</v>
      </c>
      <c r="C10500" s="14" t="s">
        <v>51</v>
      </c>
      <c r="D10500" s="14" t="s">
        <v>84</v>
      </c>
      <c r="E10500" s="15">
        <v>45656</v>
      </c>
      <c r="F10500" s="14" t="s">
        <v>25</v>
      </c>
      <c r="G10500" s="16">
        <v>0</v>
      </c>
    </row>
    <row r="10501" spans="1:7" x14ac:dyDescent="0.3">
      <c r="A10501" s="13" t="s">
        <v>83</v>
      </c>
      <c r="B10501" s="14" t="s">
        <v>1</v>
      </c>
      <c r="C10501" s="14" t="s">
        <v>51</v>
      </c>
      <c r="D10501" s="14" t="s">
        <v>84</v>
      </c>
      <c r="E10501" s="15">
        <v>45657</v>
      </c>
      <c r="F10501" s="14" t="s">
        <v>25</v>
      </c>
      <c r="G10501" s="16">
        <v>0</v>
      </c>
    </row>
    <row r="10502" spans="1:7" x14ac:dyDescent="0.3">
      <c r="A10502" s="13" t="s">
        <v>83</v>
      </c>
      <c r="B10502" s="14" t="s">
        <v>1</v>
      </c>
      <c r="C10502" s="14" t="s">
        <v>51</v>
      </c>
      <c r="D10502" s="14" t="s">
        <v>84</v>
      </c>
      <c r="E10502" s="15">
        <v>45658</v>
      </c>
      <c r="F10502" s="14" t="s">
        <v>25</v>
      </c>
      <c r="G10502" s="16">
        <v>0</v>
      </c>
    </row>
    <row r="10503" spans="1:7" x14ac:dyDescent="0.3">
      <c r="A10503" s="13" t="s">
        <v>83</v>
      </c>
      <c r="B10503" s="14" t="s">
        <v>1</v>
      </c>
      <c r="C10503" s="14" t="s">
        <v>51</v>
      </c>
      <c r="D10503" s="14" t="s">
        <v>84</v>
      </c>
      <c r="E10503" s="15">
        <v>45659</v>
      </c>
      <c r="F10503" s="14" t="s">
        <v>25</v>
      </c>
      <c r="G10503" s="16">
        <v>0</v>
      </c>
    </row>
    <row r="10504" spans="1:7" x14ac:dyDescent="0.3">
      <c r="A10504" s="13" t="s">
        <v>83</v>
      </c>
      <c r="B10504" s="14" t="s">
        <v>1</v>
      </c>
      <c r="C10504" s="14" t="s">
        <v>51</v>
      </c>
      <c r="D10504" s="14" t="s">
        <v>84</v>
      </c>
      <c r="E10504" s="15">
        <v>45660</v>
      </c>
      <c r="F10504" s="14" t="s">
        <v>25</v>
      </c>
      <c r="G10504" s="16">
        <v>0</v>
      </c>
    </row>
    <row r="10505" spans="1:7" x14ac:dyDescent="0.3">
      <c r="A10505" s="13" t="s">
        <v>83</v>
      </c>
      <c r="B10505" s="14" t="s">
        <v>1</v>
      </c>
      <c r="C10505" s="14" t="s">
        <v>51</v>
      </c>
      <c r="D10505" s="14" t="s">
        <v>84</v>
      </c>
      <c r="E10505" s="15">
        <v>45661</v>
      </c>
      <c r="F10505" s="14" t="s">
        <v>25</v>
      </c>
      <c r="G10505" s="16">
        <v>0</v>
      </c>
    </row>
    <row r="10506" spans="1:7" x14ac:dyDescent="0.3">
      <c r="A10506" s="13" t="s">
        <v>83</v>
      </c>
      <c r="B10506" s="14" t="s">
        <v>1</v>
      </c>
      <c r="C10506" s="14" t="s">
        <v>51</v>
      </c>
      <c r="D10506" s="14" t="s">
        <v>84</v>
      </c>
      <c r="E10506" s="15">
        <v>45662</v>
      </c>
      <c r="F10506" s="14" t="s">
        <v>25</v>
      </c>
      <c r="G10506" s="16">
        <v>0</v>
      </c>
    </row>
    <row r="10507" spans="1:7" x14ac:dyDescent="0.3">
      <c r="A10507" s="13" t="s">
        <v>83</v>
      </c>
      <c r="B10507" s="14" t="s">
        <v>1</v>
      </c>
      <c r="C10507" s="14" t="s">
        <v>51</v>
      </c>
      <c r="D10507" s="14" t="s">
        <v>84</v>
      </c>
      <c r="E10507" s="15">
        <v>45663</v>
      </c>
      <c r="F10507" s="14" t="s">
        <v>25</v>
      </c>
      <c r="G10507" s="16">
        <v>0</v>
      </c>
    </row>
    <row r="10508" spans="1:7" x14ac:dyDescent="0.3">
      <c r="A10508" s="13" t="s">
        <v>83</v>
      </c>
      <c r="B10508" s="14" t="s">
        <v>1</v>
      </c>
      <c r="C10508" s="14" t="s">
        <v>51</v>
      </c>
      <c r="D10508" s="14" t="s">
        <v>84</v>
      </c>
      <c r="E10508" s="15">
        <v>45664</v>
      </c>
      <c r="F10508" s="14" t="s">
        <v>25</v>
      </c>
      <c r="G10508" s="16">
        <v>0</v>
      </c>
    </row>
    <row r="10509" spans="1:7" x14ac:dyDescent="0.3">
      <c r="A10509" s="13" t="s">
        <v>83</v>
      </c>
      <c r="B10509" s="14" t="s">
        <v>1</v>
      </c>
      <c r="C10509" s="14" t="s">
        <v>51</v>
      </c>
      <c r="D10509" s="14" t="s">
        <v>84</v>
      </c>
      <c r="E10509" s="15">
        <v>45665</v>
      </c>
      <c r="F10509" s="14" t="s">
        <v>25</v>
      </c>
      <c r="G10509" s="16">
        <v>0</v>
      </c>
    </row>
    <row r="10510" spans="1:7" x14ac:dyDescent="0.3">
      <c r="A10510" s="13" t="s">
        <v>83</v>
      </c>
      <c r="B10510" s="14" t="s">
        <v>1</v>
      </c>
      <c r="C10510" s="14" t="s">
        <v>51</v>
      </c>
      <c r="D10510" s="14" t="s">
        <v>84</v>
      </c>
      <c r="E10510" s="15">
        <v>45666</v>
      </c>
      <c r="F10510" s="14" t="s">
        <v>25</v>
      </c>
      <c r="G10510" s="16">
        <v>0</v>
      </c>
    </row>
    <row r="10511" spans="1:7" x14ac:dyDescent="0.3">
      <c r="A10511" s="13" t="s">
        <v>83</v>
      </c>
      <c r="B10511" s="14" t="s">
        <v>1</v>
      </c>
      <c r="C10511" s="14" t="s">
        <v>51</v>
      </c>
      <c r="D10511" s="14" t="s">
        <v>84</v>
      </c>
      <c r="E10511" s="15">
        <v>45667</v>
      </c>
      <c r="F10511" s="14" t="s">
        <v>25</v>
      </c>
      <c r="G10511" s="16">
        <v>0</v>
      </c>
    </row>
    <row r="10512" spans="1:7" x14ac:dyDescent="0.3">
      <c r="A10512" s="13" t="s">
        <v>83</v>
      </c>
      <c r="B10512" s="14" t="s">
        <v>1</v>
      </c>
      <c r="C10512" s="14" t="s">
        <v>51</v>
      </c>
      <c r="D10512" s="14" t="s">
        <v>84</v>
      </c>
      <c r="E10512" s="15">
        <v>45668</v>
      </c>
      <c r="F10512" s="14" t="s">
        <v>25</v>
      </c>
      <c r="G10512" s="16">
        <v>0</v>
      </c>
    </row>
    <row r="10513" spans="1:7" x14ac:dyDescent="0.3">
      <c r="A10513" s="13" t="s">
        <v>83</v>
      </c>
      <c r="B10513" s="14" t="s">
        <v>1</v>
      </c>
      <c r="C10513" s="14" t="s">
        <v>51</v>
      </c>
      <c r="D10513" s="14" t="s">
        <v>84</v>
      </c>
      <c r="E10513" s="15">
        <v>45669</v>
      </c>
      <c r="F10513" s="14" t="s">
        <v>25</v>
      </c>
      <c r="G10513" s="16">
        <v>0</v>
      </c>
    </row>
    <row r="10514" spans="1:7" x14ac:dyDescent="0.3">
      <c r="A10514" s="13" t="s">
        <v>83</v>
      </c>
      <c r="B10514" s="14" t="s">
        <v>1</v>
      </c>
      <c r="C10514" s="14" t="s">
        <v>51</v>
      </c>
      <c r="D10514" s="14" t="s">
        <v>84</v>
      </c>
      <c r="E10514" s="15">
        <v>45670</v>
      </c>
      <c r="F10514" s="14" t="s">
        <v>25</v>
      </c>
      <c r="G10514" s="16">
        <v>0</v>
      </c>
    </row>
    <row r="10515" spans="1:7" x14ac:dyDescent="0.3">
      <c r="A10515" s="13" t="s">
        <v>83</v>
      </c>
      <c r="B10515" s="14" t="s">
        <v>1</v>
      </c>
      <c r="C10515" s="14" t="s">
        <v>51</v>
      </c>
      <c r="D10515" s="14" t="s">
        <v>84</v>
      </c>
      <c r="E10515" s="15">
        <v>45671</v>
      </c>
      <c r="F10515" s="14" t="s">
        <v>25</v>
      </c>
      <c r="G10515" s="16">
        <v>0</v>
      </c>
    </row>
    <row r="10516" spans="1:7" x14ac:dyDescent="0.3">
      <c r="A10516" s="13" t="s">
        <v>83</v>
      </c>
      <c r="B10516" s="14" t="s">
        <v>1</v>
      </c>
      <c r="C10516" s="14" t="s">
        <v>51</v>
      </c>
      <c r="D10516" s="14" t="s">
        <v>84</v>
      </c>
      <c r="E10516" s="15">
        <v>45672</v>
      </c>
      <c r="F10516" s="14" t="s">
        <v>25</v>
      </c>
      <c r="G10516" s="16">
        <v>0</v>
      </c>
    </row>
    <row r="10517" spans="1:7" x14ac:dyDescent="0.3">
      <c r="A10517" s="13" t="s">
        <v>83</v>
      </c>
      <c r="B10517" s="14" t="s">
        <v>1</v>
      </c>
      <c r="C10517" s="14" t="s">
        <v>51</v>
      </c>
      <c r="D10517" s="14" t="s">
        <v>84</v>
      </c>
      <c r="E10517" s="15">
        <v>45673</v>
      </c>
      <c r="F10517" s="14" t="s">
        <v>25</v>
      </c>
      <c r="G10517" s="16">
        <v>0</v>
      </c>
    </row>
    <row r="10518" spans="1:7" x14ac:dyDescent="0.3">
      <c r="A10518" s="13" t="s">
        <v>83</v>
      </c>
      <c r="B10518" s="14" t="s">
        <v>1</v>
      </c>
      <c r="C10518" s="14" t="s">
        <v>51</v>
      </c>
      <c r="D10518" s="14" t="s">
        <v>84</v>
      </c>
      <c r="E10518" s="15">
        <v>45674</v>
      </c>
      <c r="F10518" s="14" t="s">
        <v>25</v>
      </c>
      <c r="G10518" s="16">
        <v>0</v>
      </c>
    </row>
    <row r="10519" spans="1:7" x14ac:dyDescent="0.3">
      <c r="A10519" s="13" t="s">
        <v>83</v>
      </c>
      <c r="B10519" s="14" t="s">
        <v>1</v>
      </c>
      <c r="C10519" s="14" t="s">
        <v>51</v>
      </c>
      <c r="D10519" s="14" t="s">
        <v>84</v>
      </c>
      <c r="E10519" s="15">
        <v>45675</v>
      </c>
      <c r="F10519" s="14" t="s">
        <v>25</v>
      </c>
      <c r="G10519" s="16">
        <v>0</v>
      </c>
    </row>
    <row r="10520" spans="1:7" x14ac:dyDescent="0.3">
      <c r="A10520" s="13" t="s">
        <v>83</v>
      </c>
      <c r="B10520" s="14" t="s">
        <v>1</v>
      </c>
      <c r="C10520" s="14" t="s">
        <v>51</v>
      </c>
      <c r="D10520" s="14" t="s">
        <v>84</v>
      </c>
      <c r="E10520" s="15">
        <v>45676</v>
      </c>
      <c r="F10520" s="14" t="s">
        <v>25</v>
      </c>
      <c r="G10520" s="16">
        <v>0</v>
      </c>
    </row>
    <row r="10521" spans="1:7" x14ac:dyDescent="0.3">
      <c r="A10521" s="13" t="s">
        <v>83</v>
      </c>
      <c r="B10521" s="14" t="s">
        <v>1</v>
      </c>
      <c r="C10521" s="14" t="s">
        <v>51</v>
      </c>
      <c r="D10521" s="14" t="s">
        <v>84</v>
      </c>
      <c r="E10521" s="15">
        <v>45677</v>
      </c>
      <c r="F10521" s="14" t="s">
        <v>25</v>
      </c>
      <c r="G10521" s="16">
        <v>0</v>
      </c>
    </row>
    <row r="10522" spans="1:7" x14ac:dyDescent="0.3">
      <c r="A10522" s="13" t="s">
        <v>83</v>
      </c>
      <c r="B10522" s="14" t="s">
        <v>1</v>
      </c>
      <c r="C10522" s="14" t="s">
        <v>51</v>
      </c>
      <c r="D10522" s="14" t="s">
        <v>84</v>
      </c>
      <c r="E10522" s="15">
        <v>45678</v>
      </c>
      <c r="F10522" s="14" t="s">
        <v>25</v>
      </c>
      <c r="G10522" s="16">
        <v>0</v>
      </c>
    </row>
    <row r="10523" spans="1:7" x14ac:dyDescent="0.3">
      <c r="A10523" s="13" t="s">
        <v>83</v>
      </c>
      <c r="B10523" s="14" t="s">
        <v>1</v>
      </c>
      <c r="C10523" s="14" t="s">
        <v>51</v>
      </c>
      <c r="D10523" s="14" t="s">
        <v>84</v>
      </c>
      <c r="E10523" s="15">
        <v>45679</v>
      </c>
      <c r="F10523" s="14" t="s">
        <v>25</v>
      </c>
      <c r="G10523" s="16">
        <v>0</v>
      </c>
    </row>
    <row r="10524" spans="1:7" x14ac:dyDescent="0.3">
      <c r="A10524" s="13" t="s">
        <v>83</v>
      </c>
      <c r="B10524" s="14" t="s">
        <v>1</v>
      </c>
      <c r="C10524" s="14" t="s">
        <v>51</v>
      </c>
      <c r="D10524" s="14" t="s">
        <v>84</v>
      </c>
      <c r="E10524" s="15">
        <v>45680</v>
      </c>
      <c r="F10524" s="14" t="s">
        <v>25</v>
      </c>
      <c r="G10524" s="16">
        <v>0</v>
      </c>
    </row>
    <row r="10525" spans="1:7" x14ac:dyDescent="0.3">
      <c r="A10525" s="13" t="s">
        <v>83</v>
      </c>
      <c r="B10525" s="14" t="s">
        <v>1</v>
      </c>
      <c r="C10525" s="14" t="s">
        <v>51</v>
      </c>
      <c r="D10525" s="14" t="s">
        <v>84</v>
      </c>
      <c r="E10525" s="15">
        <v>45681</v>
      </c>
      <c r="F10525" s="14" t="s">
        <v>25</v>
      </c>
      <c r="G10525" s="16">
        <v>0</v>
      </c>
    </row>
    <row r="10526" spans="1:7" x14ac:dyDescent="0.3">
      <c r="A10526" s="13" t="s">
        <v>83</v>
      </c>
      <c r="B10526" s="14" t="s">
        <v>1</v>
      </c>
      <c r="C10526" s="14" t="s">
        <v>51</v>
      </c>
      <c r="D10526" s="14" t="s">
        <v>84</v>
      </c>
      <c r="E10526" s="15">
        <v>45682</v>
      </c>
      <c r="F10526" s="14" t="s">
        <v>25</v>
      </c>
      <c r="G10526" s="16">
        <v>0</v>
      </c>
    </row>
    <row r="10527" spans="1:7" x14ac:dyDescent="0.3">
      <c r="A10527" s="13" t="s">
        <v>83</v>
      </c>
      <c r="B10527" s="14" t="s">
        <v>1</v>
      </c>
      <c r="C10527" s="14" t="s">
        <v>51</v>
      </c>
      <c r="D10527" s="14" t="s">
        <v>84</v>
      </c>
      <c r="E10527" s="15">
        <v>45683</v>
      </c>
      <c r="F10527" s="14" t="s">
        <v>25</v>
      </c>
      <c r="G10527" s="16">
        <v>0</v>
      </c>
    </row>
    <row r="10528" spans="1:7" x14ac:dyDescent="0.3">
      <c r="A10528" s="13" t="s">
        <v>83</v>
      </c>
      <c r="B10528" s="14" t="s">
        <v>1</v>
      </c>
      <c r="C10528" s="14" t="s">
        <v>51</v>
      </c>
      <c r="D10528" s="14" t="s">
        <v>84</v>
      </c>
      <c r="E10528" s="15">
        <v>45684</v>
      </c>
      <c r="F10528" s="14" t="s">
        <v>25</v>
      </c>
      <c r="G10528" s="16">
        <v>0</v>
      </c>
    </row>
    <row r="10529" spans="1:7" x14ac:dyDescent="0.3">
      <c r="A10529" s="13" t="s">
        <v>83</v>
      </c>
      <c r="B10529" s="14" t="s">
        <v>1</v>
      </c>
      <c r="C10529" s="14" t="s">
        <v>51</v>
      </c>
      <c r="D10529" s="14" t="s">
        <v>84</v>
      </c>
      <c r="E10529" s="15">
        <v>45685</v>
      </c>
      <c r="F10529" s="14" t="s">
        <v>25</v>
      </c>
      <c r="G10529" s="16">
        <v>0</v>
      </c>
    </row>
    <row r="10530" spans="1:7" x14ac:dyDescent="0.3">
      <c r="A10530" s="13" t="s">
        <v>83</v>
      </c>
      <c r="B10530" s="14" t="s">
        <v>1</v>
      </c>
      <c r="C10530" s="14" t="s">
        <v>51</v>
      </c>
      <c r="D10530" s="14" t="s">
        <v>84</v>
      </c>
      <c r="E10530" s="15">
        <v>45686</v>
      </c>
      <c r="F10530" s="14" t="s">
        <v>25</v>
      </c>
      <c r="G10530" s="16">
        <v>0</v>
      </c>
    </row>
    <row r="10531" spans="1:7" x14ac:dyDescent="0.3">
      <c r="A10531" s="13" t="s">
        <v>83</v>
      </c>
      <c r="B10531" s="14" t="s">
        <v>1</v>
      </c>
      <c r="C10531" s="14" t="s">
        <v>51</v>
      </c>
      <c r="D10531" s="14" t="s">
        <v>84</v>
      </c>
      <c r="E10531" s="15">
        <v>45687</v>
      </c>
      <c r="F10531" s="14" t="s">
        <v>25</v>
      </c>
      <c r="G10531" s="16">
        <v>0</v>
      </c>
    </row>
    <row r="10532" spans="1:7" x14ac:dyDescent="0.3">
      <c r="A10532" s="13" t="s">
        <v>83</v>
      </c>
      <c r="B10532" s="14" t="s">
        <v>1</v>
      </c>
      <c r="C10532" s="14" t="s">
        <v>51</v>
      </c>
      <c r="D10532" s="14" t="s">
        <v>84</v>
      </c>
      <c r="E10532" s="15">
        <v>45688</v>
      </c>
      <c r="F10532" s="14" t="s">
        <v>25</v>
      </c>
      <c r="G10532" s="16">
        <v>0</v>
      </c>
    </row>
    <row r="10533" spans="1:7" x14ac:dyDescent="0.3">
      <c r="A10533" s="13" t="s">
        <v>83</v>
      </c>
      <c r="B10533" s="14" t="s">
        <v>1</v>
      </c>
      <c r="C10533" s="14" t="s">
        <v>51</v>
      </c>
      <c r="D10533" s="14" t="s">
        <v>84</v>
      </c>
      <c r="E10533" s="15">
        <v>45689</v>
      </c>
      <c r="F10533" s="14" t="s">
        <v>25</v>
      </c>
      <c r="G10533" s="16">
        <v>0</v>
      </c>
    </row>
    <row r="10534" spans="1:7" x14ac:dyDescent="0.3">
      <c r="A10534" s="13" t="s">
        <v>83</v>
      </c>
      <c r="B10534" s="14" t="s">
        <v>1</v>
      </c>
      <c r="C10534" s="14" t="s">
        <v>51</v>
      </c>
      <c r="D10534" s="14" t="s">
        <v>84</v>
      </c>
      <c r="E10534" s="15">
        <v>45690</v>
      </c>
      <c r="F10534" s="14" t="s">
        <v>25</v>
      </c>
      <c r="G10534" s="16">
        <v>0</v>
      </c>
    </row>
    <row r="10535" spans="1:7" x14ac:dyDescent="0.3">
      <c r="A10535" s="13" t="s">
        <v>83</v>
      </c>
      <c r="B10535" s="14" t="s">
        <v>1</v>
      </c>
      <c r="C10535" s="14" t="s">
        <v>51</v>
      </c>
      <c r="D10535" s="14" t="s">
        <v>84</v>
      </c>
      <c r="E10535" s="15">
        <v>45691</v>
      </c>
      <c r="F10535" s="14" t="s">
        <v>25</v>
      </c>
      <c r="G10535" s="16">
        <v>0</v>
      </c>
    </row>
    <row r="10536" spans="1:7" x14ac:dyDescent="0.3">
      <c r="A10536" s="13" t="s">
        <v>83</v>
      </c>
      <c r="B10536" s="14" t="s">
        <v>1</v>
      </c>
      <c r="C10536" s="14" t="s">
        <v>51</v>
      </c>
      <c r="D10536" s="14" t="s">
        <v>84</v>
      </c>
      <c r="E10536" s="15">
        <v>45692</v>
      </c>
      <c r="F10536" s="14" t="s">
        <v>25</v>
      </c>
      <c r="G10536" s="16">
        <v>0</v>
      </c>
    </row>
    <row r="10537" spans="1:7" x14ac:dyDescent="0.3">
      <c r="A10537" s="13" t="s">
        <v>83</v>
      </c>
      <c r="B10537" s="14" t="s">
        <v>1</v>
      </c>
      <c r="C10537" s="14" t="s">
        <v>51</v>
      </c>
      <c r="D10537" s="14" t="s">
        <v>84</v>
      </c>
      <c r="E10537" s="15">
        <v>45693</v>
      </c>
      <c r="F10537" s="14" t="s">
        <v>25</v>
      </c>
      <c r="G10537" s="16">
        <v>0</v>
      </c>
    </row>
    <row r="10538" spans="1:7" x14ac:dyDescent="0.3">
      <c r="A10538" s="13" t="s">
        <v>83</v>
      </c>
      <c r="B10538" s="14" t="s">
        <v>1</v>
      </c>
      <c r="C10538" s="14" t="s">
        <v>51</v>
      </c>
      <c r="D10538" s="14" t="s">
        <v>84</v>
      </c>
      <c r="E10538" s="15">
        <v>45694</v>
      </c>
      <c r="F10538" s="14" t="s">
        <v>25</v>
      </c>
      <c r="G10538" s="16">
        <v>0</v>
      </c>
    </row>
    <row r="10539" spans="1:7" x14ac:dyDescent="0.3">
      <c r="A10539" s="13" t="s">
        <v>83</v>
      </c>
      <c r="B10539" s="14" t="s">
        <v>1</v>
      </c>
      <c r="C10539" s="14" t="s">
        <v>51</v>
      </c>
      <c r="D10539" s="14" t="s">
        <v>84</v>
      </c>
      <c r="E10539" s="15">
        <v>45695</v>
      </c>
      <c r="F10539" s="14" t="s">
        <v>25</v>
      </c>
      <c r="G10539" s="16">
        <v>0</v>
      </c>
    </row>
    <row r="10540" spans="1:7" x14ac:dyDescent="0.3">
      <c r="A10540" s="13" t="s">
        <v>83</v>
      </c>
      <c r="B10540" s="14" t="s">
        <v>1</v>
      </c>
      <c r="C10540" s="14" t="s">
        <v>51</v>
      </c>
      <c r="D10540" s="14" t="s">
        <v>84</v>
      </c>
      <c r="E10540" s="15">
        <v>45696</v>
      </c>
      <c r="F10540" s="14" t="s">
        <v>25</v>
      </c>
      <c r="G10540" s="16">
        <v>0</v>
      </c>
    </row>
    <row r="10541" spans="1:7" x14ac:dyDescent="0.3">
      <c r="A10541" s="13" t="s">
        <v>83</v>
      </c>
      <c r="B10541" s="14" t="s">
        <v>1</v>
      </c>
      <c r="C10541" s="14" t="s">
        <v>51</v>
      </c>
      <c r="D10541" s="14" t="s">
        <v>84</v>
      </c>
      <c r="E10541" s="15">
        <v>45697</v>
      </c>
      <c r="F10541" s="14" t="s">
        <v>25</v>
      </c>
      <c r="G10541" s="16">
        <v>0</v>
      </c>
    </row>
    <row r="10542" spans="1:7" x14ac:dyDescent="0.3">
      <c r="A10542" s="13" t="s">
        <v>83</v>
      </c>
      <c r="B10542" s="14" t="s">
        <v>1</v>
      </c>
      <c r="C10542" s="14" t="s">
        <v>51</v>
      </c>
      <c r="D10542" s="14" t="s">
        <v>84</v>
      </c>
      <c r="E10542" s="15">
        <v>45698</v>
      </c>
      <c r="F10542" s="14" t="s">
        <v>25</v>
      </c>
      <c r="G10542" s="16">
        <v>0</v>
      </c>
    </row>
    <row r="10543" spans="1:7" x14ac:dyDescent="0.3">
      <c r="A10543" s="13" t="s">
        <v>83</v>
      </c>
      <c r="B10543" s="14" t="s">
        <v>1</v>
      </c>
      <c r="C10543" s="14" t="s">
        <v>51</v>
      </c>
      <c r="D10543" s="14" t="s">
        <v>84</v>
      </c>
      <c r="E10543" s="15">
        <v>45699</v>
      </c>
      <c r="F10543" s="14" t="s">
        <v>25</v>
      </c>
      <c r="G10543" s="16">
        <v>0</v>
      </c>
    </row>
    <row r="10544" spans="1:7" x14ac:dyDescent="0.3">
      <c r="A10544" s="13" t="s">
        <v>83</v>
      </c>
      <c r="B10544" s="14" t="s">
        <v>1</v>
      </c>
      <c r="C10544" s="14" t="s">
        <v>51</v>
      </c>
      <c r="D10544" s="14" t="s">
        <v>84</v>
      </c>
      <c r="E10544" s="15">
        <v>45700</v>
      </c>
      <c r="F10544" s="14" t="s">
        <v>25</v>
      </c>
      <c r="G10544" s="16">
        <v>0</v>
      </c>
    </row>
    <row r="10545" spans="1:7" x14ac:dyDescent="0.3">
      <c r="A10545" s="13" t="s">
        <v>83</v>
      </c>
      <c r="B10545" s="14" t="s">
        <v>1</v>
      </c>
      <c r="C10545" s="14" t="s">
        <v>51</v>
      </c>
      <c r="D10545" s="14" t="s">
        <v>84</v>
      </c>
      <c r="E10545" s="15">
        <v>45701</v>
      </c>
      <c r="F10545" s="14" t="s">
        <v>25</v>
      </c>
      <c r="G10545" s="16">
        <v>0</v>
      </c>
    </row>
    <row r="10546" spans="1:7" x14ac:dyDescent="0.3">
      <c r="A10546" s="13" t="s">
        <v>83</v>
      </c>
      <c r="B10546" s="14" t="s">
        <v>1</v>
      </c>
      <c r="C10546" s="14" t="s">
        <v>51</v>
      </c>
      <c r="D10546" s="14" t="s">
        <v>84</v>
      </c>
      <c r="E10546" s="15">
        <v>45702</v>
      </c>
      <c r="F10546" s="14" t="s">
        <v>25</v>
      </c>
      <c r="G10546" s="16">
        <v>0</v>
      </c>
    </row>
    <row r="10547" spans="1:7" x14ac:dyDescent="0.3">
      <c r="A10547" s="13" t="s">
        <v>83</v>
      </c>
      <c r="B10547" s="14" t="s">
        <v>1</v>
      </c>
      <c r="C10547" s="14" t="s">
        <v>51</v>
      </c>
      <c r="D10547" s="14" t="s">
        <v>84</v>
      </c>
      <c r="E10547" s="15">
        <v>45703</v>
      </c>
      <c r="F10547" s="14" t="s">
        <v>25</v>
      </c>
      <c r="G10547" s="16">
        <v>0</v>
      </c>
    </row>
    <row r="10548" spans="1:7" x14ac:dyDescent="0.3">
      <c r="A10548" s="13" t="s">
        <v>83</v>
      </c>
      <c r="B10548" s="14" t="s">
        <v>1</v>
      </c>
      <c r="C10548" s="14" t="s">
        <v>51</v>
      </c>
      <c r="D10548" s="14" t="s">
        <v>84</v>
      </c>
      <c r="E10548" s="15">
        <v>45704</v>
      </c>
      <c r="F10548" s="14" t="s">
        <v>25</v>
      </c>
      <c r="G10548" s="16">
        <v>0</v>
      </c>
    </row>
    <row r="10549" spans="1:7" x14ac:dyDescent="0.3">
      <c r="A10549" s="13" t="s">
        <v>83</v>
      </c>
      <c r="B10549" s="14" t="s">
        <v>1</v>
      </c>
      <c r="C10549" s="14" t="s">
        <v>51</v>
      </c>
      <c r="D10549" s="14" t="s">
        <v>84</v>
      </c>
      <c r="E10549" s="15">
        <v>45705</v>
      </c>
      <c r="F10549" s="14" t="s">
        <v>25</v>
      </c>
      <c r="G10549" s="16">
        <v>0</v>
      </c>
    </row>
    <row r="10550" spans="1:7" x14ac:dyDescent="0.3">
      <c r="A10550" s="13" t="s">
        <v>83</v>
      </c>
      <c r="B10550" s="14" t="s">
        <v>1</v>
      </c>
      <c r="C10550" s="14" t="s">
        <v>51</v>
      </c>
      <c r="D10550" s="14" t="s">
        <v>84</v>
      </c>
      <c r="E10550" s="15">
        <v>45706</v>
      </c>
      <c r="F10550" s="14" t="s">
        <v>25</v>
      </c>
      <c r="G10550" s="16">
        <v>0</v>
      </c>
    </row>
    <row r="10551" spans="1:7" x14ac:dyDescent="0.3">
      <c r="A10551" s="13" t="s">
        <v>83</v>
      </c>
      <c r="B10551" s="14" t="s">
        <v>1</v>
      </c>
      <c r="C10551" s="14" t="s">
        <v>51</v>
      </c>
      <c r="D10551" s="14" t="s">
        <v>84</v>
      </c>
      <c r="E10551" s="15">
        <v>45707</v>
      </c>
      <c r="F10551" s="14" t="s">
        <v>25</v>
      </c>
      <c r="G10551" s="16">
        <v>0</v>
      </c>
    </row>
    <row r="10552" spans="1:7" x14ac:dyDescent="0.3">
      <c r="A10552" s="13" t="s">
        <v>83</v>
      </c>
      <c r="B10552" s="14" t="s">
        <v>1</v>
      </c>
      <c r="C10552" s="14" t="s">
        <v>51</v>
      </c>
      <c r="D10552" s="14" t="s">
        <v>84</v>
      </c>
      <c r="E10552" s="15">
        <v>45708</v>
      </c>
      <c r="F10552" s="14" t="s">
        <v>25</v>
      </c>
      <c r="G10552" s="16">
        <v>0</v>
      </c>
    </row>
    <row r="10553" spans="1:7" x14ac:dyDescent="0.3">
      <c r="A10553" s="13" t="s">
        <v>83</v>
      </c>
      <c r="B10553" s="14" t="s">
        <v>1</v>
      </c>
      <c r="C10553" s="14" t="s">
        <v>51</v>
      </c>
      <c r="D10553" s="14" t="s">
        <v>84</v>
      </c>
      <c r="E10553" s="15">
        <v>45709</v>
      </c>
      <c r="F10553" s="14" t="s">
        <v>25</v>
      </c>
      <c r="G10553" s="16">
        <v>0</v>
      </c>
    </row>
    <row r="10554" spans="1:7" x14ac:dyDescent="0.3">
      <c r="A10554" s="13" t="s">
        <v>83</v>
      </c>
      <c r="B10554" s="14" t="s">
        <v>1</v>
      </c>
      <c r="C10554" s="14" t="s">
        <v>51</v>
      </c>
      <c r="D10554" s="14" t="s">
        <v>84</v>
      </c>
      <c r="E10554" s="15">
        <v>45710</v>
      </c>
      <c r="F10554" s="14" t="s">
        <v>25</v>
      </c>
      <c r="G10554" s="16">
        <v>0</v>
      </c>
    </row>
    <row r="10555" spans="1:7" x14ac:dyDescent="0.3">
      <c r="A10555" s="13" t="s">
        <v>83</v>
      </c>
      <c r="B10555" s="14" t="s">
        <v>1</v>
      </c>
      <c r="C10555" s="14" t="s">
        <v>51</v>
      </c>
      <c r="D10555" s="14" t="s">
        <v>84</v>
      </c>
      <c r="E10555" s="15">
        <v>45711</v>
      </c>
      <c r="F10555" s="14" t="s">
        <v>25</v>
      </c>
      <c r="G10555" s="16">
        <v>0</v>
      </c>
    </row>
    <row r="10556" spans="1:7" x14ac:dyDescent="0.3">
      <c r="A10556" s="13" t="s">
        <v>83</v>
      </c>
      <c r="B10556" s="14" t="s">
        <v>1</v>
      </c>
      <c r="C10556" s="14" t="s">
        <v>51</v>
      </c>
      <c r="D10556" s="14" t="s">
        <v>84</v>
      </c>
      <c r="E10556" s="15">
        <v>45712</v>
      </c>
      <c r="F10556" s="14" t="s">
        <v>25</v>
      </c>
      <c r="G10556" s="16">
        <v>0</v>
      </c>
    </row>
    <row r="10557" spans="1:7" x14ac:dyDescent="0.3">
      <c r="A10557" s="13" t="s">
        <v>83</v>
      </c>
      <c r="B10557" s="14" t="s">
        <v>1</v>
      </c>
      <c r="C10557" s="14" t="s">
        <v>51</v>
      </c>
      <c r="D10557" s="14" t="s">
        <v>84</v>
      </c>
      <c r="E10557" s="15">
        <v>45713</v>
      </c>
      <c r="F10557" s="14" t="s">
        <v>25</v>
      </c>
      <c r="G10557" s="16">
        <v>0</v>
      </c>
    </row>
    <row r="10558" spans="1:7" x14ac:dyDescent="0.3">
      <c r="A10558" s="13" t="s">
        <v>83</v>
      </c>
      <c r="B10558" s="14" t="s">
        <v>1</v>
      </c>
      <c r="C10558" s="14" t="s">
        <v>51</v>
      </c>
      <c r="D10558" s="14" t="s">
        <v>84</v>
      </c>
      <c r="E10558" s="15">
        <v>45714</v>
      </c>
      <c r="F10558" s="14" t="s">
        <v>25</v>
      </c>
      <c r="G10558" s="16">
        <v>0</v>
      </c>
    </row>
    <row r="10559" spans="1:7" x14ac:dyDescent="0.3">
      <c r="A10559" s="13" t="s">
        <v>83</v>
      </c>
      <c r="B10559" s="14" t="s">
        <v>1</v>
      </c>
      <c r="C10559" s="14" t="s">
        <v>51</v>
      </c>
      <c r="D10559" s="14" t="s">
        <v>84</v>
      </c>
      <c r="E10559" s="15">
        <v>45715</v>
      </c>
      <c r="F10559" s="14" t="s">
        <v>25</v>
      </c>
      <c r="G10559" s="16">
        <v>0</v>
      </c>
    </row>
    <row r="10560" spans="1:7" x14ac:dyDescent="0.3">
      <c r="A10560" s="13" t="s">
        <v>83</v>
      </c>
      <c r="B10560" s="14" t="s">
        <v>1</v>
      </c>
      <c r="C10560" s="14" t="s">
        <v>51</v>
      </c>
      <c r="D10560" s="14" t="s">
        <v>84</v>
      </c>
      <c r="E10560" s="15">
        <v>45716</v>
      </c>
      <c r="F10560" s="14" t="s">
        <v>25</v>
      </c>
      <c r="G10560" s="16">
        <v>0</v>
      </c>
    </row>
    <row r="10561" spans="1:7" x14ac:dyDescent="0.3">
      <c r="A10561" s="13" t="s">
        <v>83</v>
      </c>
      <c r="B10561" s="14" t="s">
        <v>1</v>
      </c>
      <c r="C10561" s="14" t="s">
        <v>51</v>
      </c>
      <c r="D10561" s="14" t="s">
        <v>84</v>
      </c>
      <c r="E10561" s="15">
        <v>45717</v>
      </c>
      <c r="F10561" s="14" t="s">
        <v>25</v>
      </c>
      <c r="G10561" s="16">
        <v>0</v>
      </c>
    </row>
    <row r="10562" spans="1:7" x14ac:dyDescent="0.3">
      <c r="A10562" s="13" t="s">
        <v>83</v>
      </c>
      <c r="B10562" s="14" t="s">
        <v>1</v>
      </c>
      <c r="C10562" s="14" t="s">
        <v>51</v>
      </c>
      <c r="D10562" s="14" t="s">
        <v>84</v>
      </c>
      <c r="E10562" s="15">
        <v>45718</v>
      </c>
      <c r="F10562" s="14" t="s">
        <v>25</v>
      </c>
      <c r="G10562" s="16">
        <v>0</v>
      </c>
    </row>
    <row r="10563" spans="1:7" x14ac:dyDescent="0.3">
      <c r="A10563" s="13" t="s">
        <v>83</v>
      </c>
      <c r="B10563" s="14" t="s">
        <v>1</v>
      </c>
      <c r="C10563" s="14" t="s">
        <v>51</v>
      </c>
      <c r="D10563" s="14" t="s">
        <v>84</v>
      </c>
      <c r="E10563" s="15">
        <v>45719</v>
      </c>
      <c r="F10563" s="14" t="s">
        <v>25</v>
      </c>
      <c r="G10563" s="16">
        <v>0</v>
      </c>
    </row>
    <row r="10564" spans="1:7" x14ac:dyDescent="0.3">
      <c r="A10564" s="13" t="s">
        <v>83</v>
      </c>
      <c r="B10564" s="14" t="s">
        <v>1</v>
      </c>
      <c r="C10564" s="14" t="s">
        <v>51</v>
      </c>
      <c r="D10564" s="14" t="s">
        <v>84</v>
      </c>
      <c r="E10564" s="15">
        <v>45720</v>
      </c>
      <c r="F10564" s="14" t="s">
        <v>25</v>
      </c>
      <c r="G10564" s="16">
        <v>0</v>
      </c>
    </row>
    <row r="10565" spans="1:7" x14ac:dyDescent="0.3">
      <c r="A10565" s="13" t="s">
        <v>83</v>
      </c>
      <c r="B10565" s="14" t="s">
        <v>1</v>
      </c>
      <c r="C10565" s="14" t="s">
        <v>51</v>
      </c>
      <c r="D10565" s="14" t="s">
        <v>84</v>
      </c>
      <c r="E10565" s="15">
        <v>45721</v>
      </c>
      <c r="F10565" s="14" t="s">
        <v>25</v>
      </c>
      <c r="G10565" s="16">
        <v>0</v>
      </c>
    </row>
    <row r="10566" spans="1:7" x14ac:dyDescent="0.3">
      <c r="A10566" s="13" t="s">
        <v>83</v>
      </c>
      <c r="B10566" s="14" t="s">
        <v>1</v>
      </c>
      <c r="C10566" s="14" t="s">
        <v>51</v>
      </c>
      <c r="D10566" s="14" t="s">
        <v>84</v>
      </c>
      <c r="E10566" s="15">
        <v>45722</v>
      </c>
      <c r="F10566" s="14" t="s">
        <v>25</v>
      </c>
      <c r="G10566" s="16">
        <v>0</v>
      </c>
    </row>
    <row r="10567" spans="1:7" x14ac:dyDescent="0.3">
      <c r="A10567" s="13" t="s">
        <v>83</v>
      </c>
      <c r="B10567" s="14" t="s">
        <v>1</v>
      </c>
      <c r="C10567" s="14" t="s">
        <v>51</v>
      </c>
      <c r="D10567" s="14" t="s">
        <v>84</v>
      </c>
      <c r="E10567" s="15">
        <v>45723</v>
      </c>
      <c r="F10567" s="14" t="s">
        <v>25</v>
      </c>
      <c r="G10567" s="16">
        <v>0</v>
      </c>
    </row>
    <row r="10568" spans="1:7" x14ac:dyDescent="0.3">
      <c r="A10568" s="13" t="s">
        <v>83</v>
      </c>
      <c r="B10568" s="14" t="s">
        <v>1</v>
      </c>
      <c r="C10568" s="14" t="s">
        <v>51</v>
      </c>
      <c r="D10568" s="14" t="s">
        <v>84</v>
      </c>
      <c r="E10568" s="15">
        <v>45724</v>
      </c>
      <c r="F10568" s="14" t="s">
        <v>25</v>
      </c>
      <c r="G10568" s="16">
        <v>0</v>
      </c>
    </row>
    <row r="10569" spans="1:7" x14ac:dyDescent="0.3">
      <c r="A10569" s="13" t="s">
        <v>83</v>
      </c>
      <c r="B10569" s="14" t="s">
        <v>1</v>
      </c>
      <c r="C10569" s="14" t="s">
        <v>51</v>
      </c>
      <c r="D10569" s="14" t="s">
        <v>84</v>
      </c>
      <c r="E10569" s="15">
        <v>45725</v>
      </c>
      <c r="F10569" s="14" t="s">
        <v>25</v>
      </c>
      <c r="G10569" s="16">
        <v>0</v>
      </c>
    </row>
    <row r="10570" spans="1:7" x14ac:dyDescent="0.3">
      <c r="A10570" s="13" t="s">
        <v>83</v>
      </c>
      <c r="B10570" s="14" t="s">
        <v>1</v>
      </c>
      <c r="C10570" s="14" t="s">
        <v>51</v>
      </c>
      <c r="D10570" s="14" t="s">
        <v>84</v>
      </c>
      <c r="E10570" s="15">
        <v>45726</v>
      </c>
      <c r="F10570" s="14" t="s">
        <v>25</v>
      </c>
      <c r="G10570" s="16">
        <v>0</v>
      </c>
    </row>
    <row r="10571" spans="1:7" x14ac:dyDescent="0.3">
      <c r="A10571" s="13" t="s">
        <v>83</v>
      </c>
      <c r="B10571" s="14" t="s">
        <v>1</v>
      </c>
      <c r="C10571" s="14" t="s">
        <v>51</v>
      </c>
      <c r="D10571" s="14" t="s">
        <v>84</v>
      </c>
      <c r="E10571" s="15">
        <v>45727</v>
      </c>
      <c r="F10571" s="14" t="s">
        <v>25</v>
      </c>
      <c r="G10571" s="16">
        <v>0</v>
      </c>
    </row>
    <row r="10572" spans="1:7" x14ac:dyDescent="0.3">
      <c r="A10572" s="13" t="s">
        <v>83</v>
      </c>
      <c r="B10572" s="14" t="s">
        <v>1</v>
      </c>
      <c r="C10572" s="14" t="s">
        <v>51</v>
      </c>
      <c r="D10572" s="14" t="s">
        <v>84</v>
      </c>
      <c r="E10572" s="15">
        <v>45728</v>
      </c>
      <c r="F10572" s="14" t="s">
        <v>25</v>
      </c>
      <c r="G10572" s="16">
        <v>0</v>
      </c>
    </row>
    <row r="10573" spans="1:7" x14ac:dyDescent="0.3">
      <c r="A10573" s="13" t="s">
        <v>83</v>
      </c>
      <c r="B10573" s="14" t="s">
        <v>1</v>
      </c>
      <c r="C10573" s="14" t="s">
        <v>51</v>
      </c>
      <c r="D10573" s="14" t="s">
        <v>84</v>
      </c>
      <c r="E10573" s="15">
        <v>45729</v>
      </c>
      <c r="F10573" s="14" t="s">
        <v>25</v>
      </c>
      <c r="G10573" s="16">
        <v>0</v>
      </c>
    </row>
    <row r="10574" spans="1:7" x14ac:dyDescent="0.3">
      <c r="A10574" s="13" t="s">
        <v>83</v>
      </c>
      <c r="B10574" s="14" t="s">
        <v>1</v>
      </c>
      <c r="C10574" s="14" t="s">
        <v>51</v>
      </c>
      <c r="D10574" s="14" t="s">
        <v>84</v>
      </c>
      <c r="E10574" s="15">
        <v>45730</v>
      </c>
      <c r="F10574" s="14" t="s">
        <v>25</v>
      </c>
      <c r="G10574" s="16">
        <v>0</v>
      </c>
    </row>
    <row r="10575" spans="1:7" x14ac:dyDescent="0.3">
      <c r="A10575" s="13" t="s">
        <v>83</v>
      </c>
      <c r="B10575" s="14" t="s">
        <v>1</v>
      </c>
      <c r="C10575" s="14" t="s">
        <v>51</v>
      </c>
      <c r="D10575" s="14" t="s">
        <v>84</v>
      </c>
      <c r="E10575" s="15">
        <v>45731</v>
      </c>
      <c r="F10575" s="14" t="s">
        <v>25</v>
      </c>
      <c r="G10575" s="16">
        <v>0</v>
      </c>
    </row>
    <row r="10576" spans="1:7" x14ac:dyDescent="0.3">
      <c r="A10576" s="13" t="s">
        <v>83</v>
      </c>
      <c r="B10576" s="14" t="s">
        <v>1</v>
      </c>
      <c r="C10576" s="14" t="s">
        <v>51</v>
      </c>
      <c r="D10576" s="14" t="s">
        <v>84</v>
      </c>
      <c r="E10576" s="15">
        <v>45732</v>
      </c>
      <c r="F10576" s="14" t="s">
        <v>25</v>
      </c>
      <c r="G10576" s="16">
        <v>0</v>
      </c>
    </row>
    <row r="10577" spans="1:7" x14ac:dyDescent="0.3">
      <c r="A10577" s="13" t="s">
        <v>83</v>
      </c>
      <c r="B10577" s="14" t="s">
        <v>1</v>
      </c>
      <c r="C10577" s="14" t="s">
        <v>51</v>
      </c>
      <c r="D10577" s="14" t="s">
        <v>84</v>
      </c>
      <c r="E10577" s="15">
        <v>45733</v>
      </c>
      <c r="F10577" s="14" t="s">
        <v>25</v>
      </c>
      <c r="G10577" s="16">
        <v>0</v>
      </c>
    </row>
    <row r="10578" spans="1:7" x14ac:dyDescent="0.3">
      <c r="A10578" s="13" t="s">
        <v>83</v>
      </c>
      <c r="B10578" s="14" t="s">
        <v>1</v>
      </c>
      <c r="C10578" s="14" t="s">
        <v>51</v>
      </c>
      <c r="D10578" s="14" t="s">
        <v>84</v>
      </c>
      <c r="E10578" s="15">
        <v>45734</v>
      </c>
      <c r="F10578" s="14" t="s">
        <v>25</v>
      </c>
      <c r="G10578" s="16">
        <v>0</v>
      </c>
    </row>
    <row r="10579" spans="1:7" x14ac:dyDescent="0.3">
      <c r="A10579" s="13" t="s">
        <v>83</v>
      </c>
      <c r="B10579" s="14" t="s">
        <v>1</v>
      </c>
      <c r="C10579" s="14" t="s">
        <v>51</v>
      </c>
      <c r="D10579" s="14" t="s">
        <v>84</v>
      </c>
      <c r="E10579" s="15">
        <v>45735</v>
      </c>
      <c r="F10579" s="14" t="s">
        <v>25</v>
      </c>
      <c r="G10579" s="16">
        <v>0</v>
      </c>
    </row>
    <row r="10580" spans="1:7" x14ac:dyDescent="0.3">
      <c r="A10580" s="13" t="s">
        <v>83</v>
      </c>
      <c r="B10580" s="14" t="s">
        <v>1</v>
      </c>
      <c r="C10580" s="14" t="s">
        <v>51</v>
      </c>
      <c r="D10580" s="14" t="s">
        <v>84</v>
      </c>
      <c r="E10580" s="15">
        <v>45736</v>
      </c>
      <c r="F10580" s="14" t="s">
        <v>25</v>
      </c>
      <c r="G10580" s="16">
        <v>0</v>
      </c>
    </row>
    <row r="10581" spans="1:7" x14ac:dyDescent="0.3">
      <c r="A10581" s="13" t="s">
        <v>83</v>
      </c>
      <c r="B10581" s="14" t="s">
        <v>1</v>
      </c>
      <c r="C10581" s="14" t="s">
        <v>51</v>
      </c>
      <c r="D10581" s="14" t="s">
        <v>84</v>
      </c>
      <c r="E10581" s="15">
        <v>45737</v>
      </c>
      <c r="F10581" s="14" t="s">
        <v>25</v>
      </c>
      <c r="G10581" s="16">
        <v>0</v>
      </c>
    </row>
    <row r="10582" spans="1:7" x14ac:dyDescent="0.3">
      <c r="A10582" s="13" t="s">
        <v>83</v>
      </c>
      <c r="B10582" s="14" t="s">
        <v>1</v>
      </c>
      <c r="C10582" s="14" t="s">
        <v>51</v>
      </c>
      <c r="D10582" s="14" t="s">
        <v>84</v>
      </c>
      <c r="E10582" s="15">
        <v>45738</v>
      </c>
      <c r="F10582" s="14" t="s">
        <v>25</v>
      </c>
      <c r="G10582" s="16">
        <v>0</v>
      </c>
    </row>
    <row r="10583" spans="1:7" x14ac:dyDescent="0.3">
      <c r="A10583" s="13" t="s">
        <v>83</v>
      </c>
      <c r="B10583" s="14" t="s">
        <v>1</v>
      </c>
      <c r="C10583" s="14" t="s">
        <v>51</v>
      </c>
      <c r="D10583" s="14" t="s">
        <v>84</v>
      </c>
      <c r="E10583" s="15">
        <v>45739</v>
      </c>
      <c r="F10583" s="14" t="s">
        <v>25</v>
      </c>
      <c r="G10583" s="16">
        <v>0</v>
      </c>
    </row>
    <row r="10584" spans="1:7" x14ac:dyDescent="0.3">
      <c r="A10584" s="13" t="s">
        <v>83</v>
      </c>
      <c r="B10584" s="14" t="s">
        <v>1</v>
      </c>
      <c r="C10584" s="14" t="s">
        <v>51</v>
      </c>
      <c r="D10584" s="14" t="s">
        <v>84</v>
      </c>
      <c r="E10584" s="15">
        <v>45740</v>
      </c>
      <c r="F10584" s="14" t="s">
        <v>25</v>
      </c>
      <c r="G10584" s="16">
        <v>0</v>
      </c>
    </row>
    <row r="10585" spans="1:7" x14ac:dyDescent="0.3">
      <c r="A10585" s="13" t="s">
        <v>83</v>
      </c>
      <c r="B10585" s="14" t="s">
        <v>1</v>
      </c>
      <c r="C10585" s="14" t="s">
        <v>51</v>
      </c>
      <c r="D10585" s="14" t="s">
        <v>84</v>
      </c>
      <c r="E10585" s="15">
        <v>45741</v>
      </c>
      <c r="F10585" s="14" t="s">
        <v>25</v>
      </c>
      <c r="G10585" s="16">
        <v>0</v>
      </c>
    </row>
    <row r="10586" spans="1:7" x14ac:dyDescent="0.3">
      <c r="A10586" s="13" t="s">
        <v>83</v>
      </c>
      <c r="B10586" s="14" t="s">
        <v>1</v>
      </c>
      <c r="C10586" s="14" t="s">
        <v>51</v>
      </c>
      <c r="D10586" s="14" t="s">
        <v>84</v>
      </c>
      <c r="E10586" s="15">
        <v>45742</v>
      </c>
      <c r="F10586" s="14" t="s">
        <v>25</v>
      </c>
      <c r="G10586" s="16">
        <v>0</v>
      </c>
    </row>
    <row r="10587" spans="1:7" x14ac:dyDescent="0.3">
      <c r="A10587" s="13" t="s">
        <v>83</v>
      </c>
      <c r="B10587" s="14" t="s">
        <v>1</v>
      </c>
      <c r="C10587" s="14" t="s">
        <v>51</v>
      </c>
      <c r="D10587" s="14" t="s">
        <v>84</v>
      </c>
      <c r="E10587" s="15">
        <v>45743</v>
      </c>
      <c r="F10587" s="14" t="s">
        <v>25</v>
      </c>
      <c r="G10587" s="16">
        <v>0</v>
      </c>
    </row>
    <row r="10588" spans="1:7" x14ac:dyDescent="0.3">
      <c r="A10588" s="13" t="s">
        <v>83</v>
      </c>
      <c r="B10588" s="14" t="s">
        <v>1</v>
      </c>
      <c r="C10588" s="14" t="s">
        <v>51</v>
      </c>
      <c r="D10588" s="14" t="s">
        <v>84</v>
      </c>
      <c r="E10588" s="15">
        <v>45744</v>
      </c>
      <c r="F10588" s="14" t="s">
        <v>25</v>
      </c>
      <c r="G10588" s="16">
        <v>0</v>
      </c>
    </row>
    <row r="10589" spans="1:7" x14ac:dyDescent="0.3">
      <c r="A10589" s="13" t="s">
        <v>83</v>
      </c>
      <c r="B10589" s="14" t="s">
        <v>1</v>
      </c>
      <c r="C10589" s="14" t="s">
        <v>51</v>
      </c>
      <c r="D10589" s="14" t="s">
        <v>84</v>
      </c>
      <c r="E10589" s="15">
        <v>45745</v>
      </c>
      <c r="F10589" s="14" t="s">
        <v>25</v>
      </c>
      <c r="G10589" s="16">
        <v>0</v>
      </c>
    </row>
    <row r="10590" spans="1:7" x14ac:dyDescent="0.3">
      <c r="A10590" s="13" t="s">
        <v>83</v>
      </c>
      <c r="B10590" s="14" t="s">
        <v>1</v>
      </c>
      <c r="C10590" s="14" t="s">
        <v>51</v>
      </c>
      <c r="D10590" s="14" t="s">
        <v>84</v>
      </c>
      <c r="E10590" s="15">
        <v>45746</v>
      </c>
      <c r="F10590" s="14" t="s">
        <v>25</v>
      </c>
      <c r="G10590" s="16">
        <v>0</v>
      </c>
    </row>
    <row r="10591" spans="1:7" x14ac:dyDescent="0.3">
      <c r="A10591" s="13" t="s">
        <v>83</v>
      </c>
      <c r="B10591" s="14" t="s">
        <v>1</v>
      </c>
      <c r="C10591" s="14" t="s">
        <v>51</v>
      </c>
      <c r="D10591" s="14" t="s">
        <v>84</v>
      </c>
      <c r="E10591" s="15">
        <v>45747</v>
      </c>
      <c r="F10591" s="14" t="s">
        <v>25</v>
      </c>
      <c r="G10591" s="16">
        <v>0</v>
      </c>
    </row>
    <row r="10592" spans="1:7" x14ac:dyDescent="0.3">
      <c r="A10592" s="13" t="s">
        <v>85</v>
      </c>
      <c r="B10592" s="14" t="s">
        <v>1</v>
      </c>
      <c r="C10592" s="14" t="s">
        <v>17</v>
      </c>
      <c r="D10592" s="14" t="s">
        <v>86</v>
      </c>
      <c r="E10592" s="15">
        <v>45383</v>
      </c>
      <c r="F10592" s="14" t="s">
        <v>15</v>
      </c>
      <c r="G10592" s="16">
        <v>0</v>
      </c>
    </row>
    <row r="10593" spans="1:7" x14ac:dyDescent="0.3">
      <c r="A10593" s="13" t="s">
        <v>85</v>
      </c>
      <c r="B10593" s="14" t="s">
        <v>1</v>
      </c>
      <c r="C10593" s="14" t="s">
        <v>17</v>
      </c>
      <c r="D10593" s="14" t="s">
        <v>86</v>
      </c>
      <c r="E10593" s="15">
        <v>45384</v>
      </c>
      <c r="F10593" s="14" t="s">
        <v>15</v>
      </c>
      <c r="G10593" s="16">
        <v>0</v>
      </c>
    </row>
    <row r="10594" spans="1:7" x14ac:dyDescent="0.3">
      <c r="A10594" s="13" t="s">
        <v>85</v>
      </c>
      <c r="B10594" s="14" t="s">
        <v>1</v>
      </c>
      <c r="C10594" s="14" t="s">
        <v>17</v>
      </c>
      <c r="D10594" s="14" t="s">
        <v>86</v>
      </c>
      <c r="E10594" s="15">
        <v>45385</v>
      </c>
      <c r="F10594" s="14" t="s">
        <v>15</v>
      </c>
      <c r="G10594" s="16">
        <v>0</v>
      </c>
    </row>
    <row r="10595" spans="1:7" x14ac:dyDescent="0.3">
      <c r="A10595" s="13" t="s">
        <v>85</v>
      </c>
      <c r="B10595" s="14" t="s">
        <v>1</v>
      </c>
      <c r="C10595" s="14" t="s">
        <v>17</v>
      </c>
      <c r="D10595" s="14" t="s">
        <v>86</v>
      </c>
      <c r="E10595" s="15">
        <v>45386</v>
      </c>
      <c r="F10595" s="14" t="s">
        <v>15</v>
      </c>
      <c r="G10595" s="16">
        <v>0</v>
      </c>
    </row>
    <row r="10596" spans="1:7" x14ac:dyDescent="0.3">
      <c r="A10596" s="13" t="s">
        <v>85</v>
      </c>
      <c r="B10596" s="14" t="s">
        <v>1</v>
      </c>
      <c r="C10596" s="14" t="s">
        <v>17</v>
      </c>
      <c r="D10596" s="14" t="s">
        <v>86</v>
      </c>
      <c r="E10596" s="15">
        <v>45387</v>
      </c>
      <c r="F10596" s="14" t="s">
        <v>15</v>
      </c>
      <c r="G10596" s="16">
        <v>0</v>
      </c>
    </row>
    <row r="10597" spans="1:7" x14ac:dyDescent="0.3">
      <c r="A10597" s="13" t="s">
        <v>85</v>
      </c>
      <c r="B10597" s="14" t="s">
        <v>1</v>
      </c>
      <c r="C10597" s="14" t="s">
        <v>17</v>
      </c>
      <c r="D10597" s="14" t="s">
        <v>86</v>
      </c>
      <c r="E10597" s="15">
        <v>45388</v>
      </c>
      <c r="F10597" s="14" t="s">
        <v>15</v>
      </c>
      <c r="G10597" s="16">
        <v>0</v>
      </c>
    </row>
    <row r="10598" spans="1:7" x14ac:dyDescent="0.3">
      <c r="A10598" s="13" t="s">
        <v>85</v>
      </c>
      <c r="B10598" s="14" t="s">
        <v>1</v>
      </c>
      <c r="C10598" s="14" t="s">
        <v>17</v>
      </c>
      <c r="D10598" s="14" t="s">
        <v>86</v>
      </c>
      <c r="E10598" s="15">
        <v>45389</v>
      </c>
      <c r="F10598" s="14" t="s">
        <v>15</v>
      </c>
      <c r="G10598" s="16">
        <v>0</v>
      </c>
    </row>
    <row r="10599" spans="1:7" x14ac:dyDescent="0.3">
      <c r="A10599" s="13" t="s">
        <v>85</v>
      </c>
      <c r="B10599" s="14" t="s">
        <v>1</v>
      </c>
      <c r="C10599" s="14" t="s">
        <v>17</v>
      </c>
      <c r="D10599" s="14" t="s">
        <v>86</v>
      </c>
      <c r="E10599" s="15">
        <v>45390</v>
      </c>
      <c r="F10599" s="14" t="s">
        <v>15</v>
      </c>
      <c r="G10599" s="16">
        <v>0</v>
      </c>
    </row>
    <row r="10600" spans="1:7" x14ac:dyDescent="0.3">
      <c r="A10600" s="13" t="s">
        <v>85</v>
      </c>
      <c r="B10600" s="14" t="s">
        <v>1</v>
      </c>
      <c r="C10600" s="14" t="s">
        <v>17</v>
      </c>
      <c r="D10600" s="14" t="s">
        <v>86</v>
      </c>
      <c r="E10600" s="15">
        <v>45391</v>
      </c>
      <c r="F10600" s="14" t="s">
        <v>15</v>
      </c>
      <c r="G10600" s="16">
        <v>0</v>
      </c>
    </row>
    <row r="10601" spans="1:7" x14ac:dyDescent="0.3">
      <c r="A10601" s="13" t="s">
        <v>85</v>
      </c>
      <c r="B10601" s="14" t="s">
        <v>1</v>
      </c>
      <c r="C10601" s="14" t="s">
        <v>17</v>
      </c>
      <c r="D10601" s="14" t="s">
        <v>86</v>
      </c>
      <c r="E10601" s="15">
        <v>45392</v>
      </c>
      <c r="F10601" s="14" t="s">
        <v>15</v>
      </c>
      <c r="G10601" s="16">
        <v>0</v>
      </c>
    </row>
    <row r="10602" spans="1:7" x14ac:dyDescent="0.3">
      <c r="A10602" s="13" t="s">
        <v>85</v>
      </c>
      <c r="B10602" s="14" t="s">
        <v>1</v>
      </c>
      <c r="C10602" s="14" t="s">
        <v>17</v>
      </c>
      <c r="D10602" s="14" t="s">
        <v>86</v>
      </c>
      <c r="E10602" s="15">
        <v>45393</v>
      </c>
      <c r="F10602" s="14" t="s">
        <v>15</v>
      </c>
      <c r="G10602" s="16">
        <v>0</v>
      </c>
    </row>
    <row r="10603" spans="1:7" x14ac:dyDescent="0.3">
      <c r="A10603" s="13" t="s">
        <v>85</v>
      </c>
      <c r="B10603" s="14" t="s">
        <v>1</v>
      </c>
      <c r="C10603" s="14" t="s">
        <v>17</v>
      </c>
      <c r="D10603" s="14" t="s">
        <v>86</v>
      </c>
      <c r="E10603" s="15">
        <v>45394</v>
      </c>
      <c r="F10603" s="14" t="s">
        <v>15</v>
      </c>
      <c r="G10603" s="16">
        <v>0</v>
      </c>
    </row>
    <row r="10604" spans="1:7" x14ac:dyDescent="0.3">
      <c r="A10604" s="13" t="s">
        <v>85</v>
      </c>
      <c r="B10604" s="14" t="s">
        <v>1</v>
      </c>
      <c r="C10604" s="14" t="s">
        <v>17</v>
      </c>
      <c r="D10604" s="14" t="s">
        <v>86</v>
      </c>
      <c r="E10604" s="15">
        <v>45395</v>
      </c>
      <c r="F10604" s="14" t="s">
        <v>15</v>
      </c>
      <c r="G10604" s="16">
        <v>0</v>
      </c>
    </row>
    <row r="10605" spans="1:7" x14ac:dyDescent="0.3">
      <c r="A10605" s="13" t="s">
        <v>85</v>
      </c>
      <c r="B10605" s="14" t="s">
        <v>1</v>
      </c>
      <c r="C10605" s="14" t="s">
        <v>17</v>
      </c>
      <c r="D10605" s="14" t="s">
        <v>86</v>
      </c>
      <c r="E10605" s="15">
        <v>45396</v>
      </c>
      <c r="F10605" s="14" t="s">
        <v>15</v>
      </c>
      <c r="G10605" s="16">
        <v>0</v>
      </c>
    </row>
    <row r="10606" spans="1:7" x14ac:dyDescent="0.3">
      <c r="A10606" s="13" t="s">
        <v>85</v>
      </c>
      <c r="B10606" s="14" t="s">
        <v>1</v>
      </c>
      <c r="C10606" s="14" t="s">
        <v>17</v>
      </c>
      <c r="D10606" s="14" t="s">
        <v>86</v>
      </c>
      <c r="E10606" s="15">
        <v>45397</v>
      </c>
      <c r="F10606" s="14" t="s">
        <v>15</v>
      </c>
      <c r="G10606" s="16">
        <v>0</v>
      </c>
    </row>
    <row r="10607" spans="1:7" x14ac:dyDescent="0.3">
      <c r="A10607" s="13" t="s">
        <v>85</v>
      </c>
      <c r="B10607" s="14" t="s">
        <v>1</v>
      </c>
      <c r="C10607" s="14" t="s">
        <v>17</v>
      </c>
      <c r="D10607" s="14" t="s">
        <v>86</v>
      </c>
      <c r="E10607" s="15">
        <v>45398</v>
      </c>
      <c r="F10607" s="14" t="s">
        <v>15</v>
      </c>
      <c r="G10607" s="16">
        <v>0</v>
      </c>
    </row>
    <row r="10608" spans="1:7" x14ac:dyDescent="0.3">
      <c r="A10608" s="13" t="s">
        <v>85</v>
      </c>
      <c r="B10608" s="14" t="s">
        <v>1</v>
      </c>
      <c r="C10608" s="14" t="s">
        <v>17</v>
      </c>
      <c r="D10608" s="14" t="s">
        <v>86</v>
      </c>
      <c r="E10608" s="15">
        <v>45399</v>
      </c>
      <c r="F10608" s="14" t="s">
        <v>15</v>
      </c>
      <c r="G10608" s="16">
        <v>0</v>
      </c>
    </row>
    <row r="10609" spans="1:7" x14ac:dyDescent="0.3">
      <c r="A10609" s="13" t="s">
        <v>85</v>
      </c>
      <c r="B10609" s="14" t="s">
        <v>1</v>
      </c>
      <c r="C10609" s="14" t="s">
        <v>17</v>
      </c>
      <c r="D10609" s="14" t="s">
        <v>86</v>
      </c>
      <c r="E10609" s="15">
        <v>45400</v>
      </c>
      <c r="F10609" s="14" t="s">
        <v>15</v>
      </c>
      <c r="G10609" s="16">
        <v>0</v>
      </c>
    </row>
    <row r="10610" spans="1:7" x14ac:dyDescent="0.3">
      <c r="A10610" s="13" t="s">
        <v>85</v>
      </c>
      <c r="B10610" s="14" t="s">
        <v>1</v>
      </c>
      <c r="C10610" s="14" t="s">
        <v>17</v>
      </c>
      <c r="D10610" s="14" t="s">
        <v>86</v>
      </c>
      <c r="E10610" s="15">
        <v>45401</v>
      </c>
      <c r="F10610" s="14" t="s">
        <v>15</v>
      </c>
      <c r="G10610" s="16">
        <v>0</v>
      </c>
    </row>
    <row r="10611" spans="1:7" x14ac:dyDescent="0.3">
      <c r="A10611" s="13" t="s">
        <v>85</v>
      </c>
      <c r="B10611" s="14" t="s">
        <v>1</v>
      </c>
      <c r="C10611" s="14" t="s">
        <v>17</v>
      </c>
      <c r="D10611" s="14" t="s">
        <v>86</v>
      </c>
      <c r="E10611" s="15">
        <v>45402</v>
      </c>
      <c r="F10611" s="14" t="s">
        <v>15</v>
      </c>
      <c r="G10611" s="16">
        <v>0</v>
      </c>
    </row>
    <row r="10612" spans="1:7" x14ac:dyDescent="0.3">
      <c r="A10612" s="13" t="s">
        <v>85</v>
      </c>
      <c r="B10612" s="14" t="s">
        <v>1</v>
      </c>
      <c r="C10612" s="14" t="s">
        <v>17</v>
      </c>
      <c r="D10612" s="14" t="s">
        <v>86</v>
      </c>
      <c r="E10612" s="15">
        <v>45403</v>
      </c>
      <c r="F10612" s="14" t="s">
        <v>15</v>
      </c>
      <c r="G10612" s="16">
        <v>0</v>
      </c>
    </row>
    <row r="10613" spans="1:7" x14ac:dyDescent="0.3">
      <c r="A10613" s="13" t="s">
        <v>85</v>
      </c>
      <c r="B10613" s="14" t="s">
        <v>1</v>
      </c>
      <c r="C10613" s="14" t="s">
        <v>17</v>
      </c>
      <c r="D10613" s="14" t="s">
        <v>86</v>
      </c>
      <c r="E10613" s="15">
        <v>45404</v>
      </c>
      <c r="F10613" s="14" t="s">
        <v>15</v>
      </c>
      <c r="G10613" s="16">
        <v>0</v>
      </c>
    </row>
    <row r="10614" spans="1:7" x14ac:dyDescent="0.3">
      <c r="A10614" s="13" t="s">
        <v>85</v>
      </c>
      <c r="B10614" s="14" t="s">
        <v>1</v>
      </c>
      <c r="C10614" s="14" t="s">
        <v>17</v>
      </c>
      <c r="D10614" s="14" t="s">
        <v>86</v>
      </c>
      <c r="E10614" s="15">
        <v>45405</v>
      </c>
      <c r="F10614" s="14" t="s">
        <v>15</v>
      </c>
      <c r="G10614" s="16">
        <v>0</v>
      </c>
    </row>
    <row r="10615" spans="1:7" x14ac:dyDescent="0.3">
      <c r="A10615" s="13" t="s">
        <v>85</v>
      </c>
      <c r="B10615" s="14" t="s">
        <v>1</v>
      </c>
      <c r="C10615" s="14" t="s">
        <v>17</v>
      </c>
      <c r="D10615" s="14" t="s">
        <v>86</v>
      </c>
      <c r="E10615" s="15">
        <v>45406</v>
      </c>
      <c r="F10615" s="14" t="s">
        <v>15</v>
      </c>
      <c r="G10615" s="16">
        <v>0</v>
      </c>
    </row>
    <row r="10616" spans="1:7" x14ac:dyDescent="0.3">
      <c r="A10616" s="13" t="s">
        <v>85</v>
      </c>
      <c r="B10616" s="14" t="s">
        <v>1</v>
      </c>
      <c r="C10616" s="14" t="s">
        <v>17</v>
      </c>
      <c r="D10616" s="14" t="s">
        <v>86</v>
      </c>
      <c r="E10616" s="15">
        <v>45407</v>
      </c>
      <c r="F10616" s="14" t="s">
        <v>15</v>
      </c>
      <c r="G10616" s="16">
        <v>0</v>
      </c>
    </row>
    <row r="10617" spans="1:7" x14ac:dyDescent="0.3">
      <c r="A10617" s="13" t="s">
        <v>85</v>
      </c>
      <c r="B10617" s="14" t="s">
        <v>1</v>
      </c>
      <c r="C10617" s="14" t="s">
        <v>17</v>
      </c>
      <c r="D10617" s="14" t="s">
        <v>86</v>
      </c>
      <c r="E10617" s="15">
        <v>45408</v>
      </c>
      <c r="F10617" s="14" t="s">
        <v>15</v>
      </c>
      <c r="G10617" s="16">
        <v>0</v>
      </c>
    </row>
    <row r="10618" spans="1:7" x14ac:dyDescent="0.3">
      <c r="A10618" s="13" t="s">
        <v>85</v>
      </c>
      <c r="B10618" s="14" t="s">
        <v>1</v>
      </c>
      <c r="C10618" s="14" t="s">
        <v>17</v>
      </c>
      <c r="D10618" s="14" t="s">
        <v>86</v>
      </c>
      <c r="E10618" s="15">
        <v>45409</v>
      </c>
      <c r="F10618" s="14" t="s">
        <v>15</v>
      </c>
      <c r="G10618" s="16">
        <v>0</v>
      </c>
    </row>
    <row r="10619" spans="1:7" x14ac:dyDescent="0.3">
      <c r="A10619" s="13" t="s">
        <v>85</v>
      </c>
      <c r="B10619" s="14" t="s">
        <v>1</v>
      </c>
      <c r="C10619" s="14" t="s">
        <v>17</v>
      </c>
      <c r="D10619" s="14" t="s">
        <v>86</v>
      </c>
      <c r="E10619" s="15">
        <v>45410</v>
      </c>
      <c r="F10619" s="14" t="s">
        <v>15</v>
      </c>
      <c r="G10619" s="16">
        <v>0</v>
      </c>
    </row>
    <row r="10620" spans="1:7" x14ac:dyDescent="0.3">
      <c r="A10620" s="13" t="s">
        <v>85</v>
      </c>
      <c r="B10620" s="14" t="s">
        <v>1</v>
      </c>
      <c r="C10620" s="14" t="s">
        <v>17</v>
      </c>
      <c r="D10620" s="14" t="s">
        <v>86</v>
      </c>
      <c r="E10620" s="15">
        <v>45411</v>
      </c>
      <c r="F10620" s="14" t="s">
        <v>15</v>
      </c>
      <c r="G10620" s="16">
        <v>0</v>
      </c>
    </row>
    <row r="10621" spans="1:7" x14ac:dyDescent="0.3">
      <c r="A10621" s="13" t="s">
        <v>85</v>
      </c>
      <c r="B10621" s="14" t="s">
        <v>1</v>
      </c>
      <c r="C10621" s="14" t="s">
        <v>17</v>
      </c>
      <c r="D10621" s="14" t="s">
        <v>86</v>
      </c>
      <c r="E10621" s="15">
        <v>45412</v>
      </c>
      <c r="F10621" s="14" t="s">
        <v>15</v>
      </c>
      <c r="G10621" s="16">
        <v>0</v>
      </c>
    </row>
    <row r="10622" spans="1:7" x14ac:dyDescent="0.3">
      <c r="A10622" s="13" t="s">
        <v>85</v>
      </c>
      <c r="B10622" s="14" t="s">
        <v>1</v>
      </c>
      <c r="C10622" s="14" t="s">
        <v>17</v>
      </c>
      <c r="D10622" s="14" t="s">
        <v>86</v>
      </c>
      <c r="E10622" s="15">
        <v>45413</v>
      </c>
      <c r="F10622" s="14" t="s">
        <v>15</v>
      </c>
      <c r="G10622" s="16">
        <v>0</v>
      </c>
    </row>
    <row r="10623" spans="1:7" x14ac:dyDescent="0.3">
      <c r="A10623" s="13" t="s">
        <v>85</v>
      </c>
      <c r="B10623" s="14" t="s">
        <v>1</v>
      </c>
      <c r="C10623" s="14" t="s">
        <v>17</v>
      </c>
      <c r="D10623" s="14" t="s">
        <v>86</v>
      </c>
      <c r="E10623" s="15">
        <v>45414</v>
      </c>
      <c r="F10623" s="14" t="s">
        <v>15</v>
      </c>
      <c r="G10623" s="16">
        <v>0</v>
      </c>
    </row>
    <row r="10624" spans="1:7" x14ac:dyDescent="0.3">
      <c r="A10624" s="13" t="s">
        <v>85</v>
      </c>
      <c r="B10624" s="14" t="s">
        <v>1</v>
      </c>
      <c r="C10624" s="14" t="s">
        <v>17</v>
      </c>
      <c r="D10624" s="14" t="s">
        <v>86</v>
      </c>
      <c r="E10624" s="15">
        <v>45415</v>
      </c>
      <c r="F10624" s="14" t="s">
        <v>15</v>
      </c>
      <c r="G10624" s="16">
        <v>0</v>
      </c>
    </row>
    <row r="10625" spans="1:7" x14ac:dyDescent="0.3">
      <c r="A10625" s="13" t="s">
        <v>85</v>
      </c>
      <c r="B10625" s="14" t="s">
        <v>1</v>
      </c>
      <c r="C10625" s="14" t="s">
        <v>17</v>
      </c>
      <c r="D10625" s="14" t="s">
        <v>86</v>
      </c>
      <c r="E10625" s="15">
        <v>45416</v>
      </c>
      <c r="F10625" s="14" t="s">
        <v>15</v>
      </c>
      <c r="G10625" s="16">
        <v>0</v>
      </c>
    </row>
    <row r="10626" spans="1:7" x14ac:dyDescent="0.3">
      <c r="A10626" s="13" t="s">
        <v>85</v>
      </c>
      <c r="B10626" s="14" t="s">
        <v>1</v>
      </c>
      <c r="C10626" s="14" t="s">
        <v>17</v>
      </c>
      <c r="D10626" s="14" t="s">
        <v>86</v>
      </c>
      <c r="E10626" s="15">
        <v>45417</v>
      </c>
      <c r="F10626" s="14" t="s">
        <v>15</v>
      </c>
      <c r="G10626" s="16">
        <v>0</v>
      </c>
    </row>
    <row r="10627" spans="1:7" x14ac:dyDescent="0.3">
      <c r="A10627" s="13" t="s">
        <v>85</v>
      </c>
      <c r="B10627" s="14" t="s">
        <v>1</v>
      </c>
      <c r="C10627" s="14" t="s">
        <v>17</v>
      </c>
      <c r="D10627" s="14" t="s">
        <v>86</v>
      </c>
      <c r="E10627" s="15">
        <v>45418</v>
      </c>
      <c r="F10627" s="14" t="s">
        <v>15</v>
      </c>
      <c r="G10627" s="16">
        <v>0</v>
      </c>
    </row>
    <row r="10628" spans="1:7" x14ac:dyDescent="0.3">
      <c r="A10628" s="13" t="s">
        <v>85</v>
      </c>
      <c r="B10628" s="14" t="s">
        <v>1</v>
      </c>
      <c r="C10628" s="14" t="s">
        <v>17</v>
      </c>
      <c r="D10628" s="14" t="s">
        <v>86</v>
      </c>
      <c r="E10628" s="15">
        <v>45419</v>
      </c>
      <c r="F10628" s="14" t="s">
        <v>15</v>
      </c>
      <c r="G10628" s="16">
        <v>0</v>
      </c>
    </row>
    <row r="10629" spans="1:7" x14ac:dyDescent="0.3">
      <c r="A10629" s="13" t="s">
        <v>85</v>
      </c>
      <c r="B10629" s="14" t="s">
        <v>1</v>
      </c>
      <c r="C10629" s="14" t="s">
        <v>17</v>
      </c>
      <c r="D10629" s="14" t="s">
        <v>86</v>
      </c>
      <c r="E10629" s="15">
        <v>45420</v>
      </c>
      <c r="F10629" s="14" t="s">
        <v>15</v>
      </c>
      <c r="G10629" s="16">
        <v>0</v>
      </c>
    </row>
    <row r="10630" spans="1:7" x14ac:dyDescent="0.3">
      <c r="A10630" s="13" t="s">
        <v>85</v>
      </c>
      <c r="B10630" s="14" t="s">
        <v>1</v>
      </c>
      <c r="C10630" s="14" t="s">
        <v>17</v>
      </c>
      <c r="D10630" s="14" t="s">
        <v>86</v>
      </c>
      <c r="E10630" s="15">
        <v>45421</v>
      </c>
      <c r="F10630" s="14" t="s">
        <v>15</v>
      </c>
      <c r="G10630" s="16">
        <v>0</v>
      </c>
    </row>
    <row r="10631" spans="1:7" x14ac:dyDescent="0.3">
      <c r="A10631" s="13" t="s">
        <v>85</v>
      </c>
      <c r="B10631" s="14" t="s">
        <v>1</v>
      </c>
      <c r="C10631" s="14" t="s">
        <v>17</v>
      </c>
      <c r="D10631" s="14" t="s">
        <v>86</v>
      </c>
      <c r="E10631" s="15">
        <v>45422</v>
      </c>
      <c r="F10631" s="14" t="s">
        <v>15</v>
      </c>
      <c r="G10631" s="16">
        <v>0</v>
      </c>
    </row>
    <row r="10632" spans="1:7" x14ac:dyDescent="0.3">
      <c r="A10632" s="13" t="s">
        <v>85</v>
      </c>
      <c r="B10632" s="14" t="s">
        <v>1</v>
      </c>
      <c r="C10632" s="14" t="s">
        <v>17</v>
      </c>
      <c r="D10632" s="14" t="s">
        <v>86</v>
      </c>
      <c r="E10632" s="15">
        <v>45423</v>
      </c>
      <c r="F10632" s="14" t="s">
        <v>15</v>
      </c>
      <c r="G10632" s="16">
        <v>0</v>
      </c>
    </row>
    <row r="10633" spans="1:7" x14ac:dyDescent="0.3">
      <c r="A10633" s="13" t="s">
        <v>85</v>
      </c>
      <c r="B10633" s="14" t="s">
        <v>1</v>
      </c>
      <c r="C10633" s="14" t="s">
        <v>17</v>
      </c>
      <c r="D10633" s="14" t="s">
        <v>86</v>
      </c>
      <c r="E10633" s="15">
        <v>45424</v>
      </c>
      <c r="F10633" s="14" t="s">
        <v>15</v>
      </c>
      <c r="G10633" s="16">
        <v>0</v>
      </c>
    </row>
    <row r="10634" spans="1:7" x14ac:dyDescent="0.3">
      <c r="A10634" s="13" t="s">
        <v>85</v>
      </c>
      <c r="B10634" s="14" t="s">
        <v>1</v>
      </c>
      <c r="C10634" s="14" t="s">
        <v>17</v>
      </c>
      <c r="D10634" s="14" t="s">
        <v>86</v>
      </c>
      <c r="E10634" s="15">
        <v>45425</v>
      </c>
      <c r="F10634" s="14" t="s">
        <v>15</v>
      </c>
      <c r="G10634" s="16">
        <v>0</v>
      </c>
    </row>
    <row r="10635" spans="1:7" x14ac:dyDescent="0.3">
      <c r="A10635" s="13" t="s">
        <v>85</v>
      </c>
      <c r="B10635" s="14" t="s">
        <v>1</v>
      </c>
      <c r="C10635" s="14" t="s">
        <v>17</v>
      </c>
      <c r="D10635" s="14" t="s">
        <v>86</v>
      </c>
      <c r="E10635" s="15">
        <v>45426</v>
      </c>
      <c r="F10635" s="14" t="s">
        <v>15</v>
      </c>
      <c r="G10635" s="16">
        <v>0</v>
      </c>
    </row>
    <row r="10636" spans="1:7" x14ac:dyDescent="0.3">
      <c r="A10636" s="13" t="s">
        <v>85</v>
      </c>
      <c r="B10636" s="14" t="s">
        <v>1</v>
      </c>
      <c r="C10636" s="14" t="s">
        <v>17</v>
      </c>
      <c r="D10636" s="14" t="s">
        <v>86</v>
      </c>
      <c r="E10636" s="15">
        <v>45427</v>
      </c>
      <c r="F10636" s="14" t="s">
        <v>15</v>
      </c>
      <c r="G10636" s="16">
        <v>0</v>
      </c>
    </row>
    <row r="10637" spans="1:7" x14ac:dyDescent="0.3">
      <c r="A10637" s="13" t="s">
        <v>85</v>
      </c>
      <c r="B10637" s="14" t="s">
        <v>1</v>
      </c>
      <c r="C10637" s="14" t="s">
        <v>17</v>
      </c>
      <c r="D10637" s="14" t="s">
        <v>86</v>
      </c>
      <c r="E10637" s="15">
        <v>45428</v>
      </c>
      <c r="F10637" s="14" t="s">
        <v>15</v>
      </c>
      <c r="G10637" s="16">
        <v>0</v>
      </c>
    </row>
    <row r="10638" spans="1:7" x14ac:dyDescent="0.3">
      <c r="A10638" s="13" t="s">
        <v>85</v>
      </c>
      <c r="B10638" s="14" t="s">
        <v>1</v>
      </c>
      <c r="C10638" s="14" t="s">
        <v>17</v>
      </c>
      <c r="D10638" s="14" t="s">
        <v>86</v>
      </c>
      <c r="E10638" s="15">
        <v>45429</v>
      </c>
      <c r="F10638" s="14" t="s">
        <v>15</v>
      </c>
      <c r="G10638" s="16">
        <v>0</v>
      </c>
    </row>
    <row r="10639" spans="1:7" x14ac:dyDescent="0.3">
      <c r="A10639" s="13" t="s">
        <v>85</v>
      </c>
      <c r="B10639" s="14" t="s">
        <v>1</v>
      </c>
      <c r="C10639" s="14" t="s">
        <v>17</v>
      </c>
      <c r="D10639" s="14" t="s">
        <v>86</v>
      </c>
      <c r="E10639" s="15">
        <v>45430</v>
      </c>
      <c r="F10639" s="14" t="s">
        <v>15</v>
      </c>
      <c r="G10639" s="16">
        <v>0</v>
      </c>
    </row>
    <row r="10640" spans="1:7" x14ac:dyDescent="0.3">
      <c r="A10640" s="13" t="s">
        <v>85</v>
      </c>
      <c r="B10640" s="14" t="s">
        <v>1</v>
      </c>
      <c r="C10640" s="14" t="s">
        <v>17</v>
      </c>
      <c r="D10640" s="14" t="s">
        <v>86</v>
      </c>
      <c r="E10640" s="15">
        <v>45431</v>
      </c>
      <c r="F10640" s="14" t="s">
        <v>15</v>
      </c>
      <c r="G10640" s="16">
        <v>0</v>
      </c>
    </row>
    <row r="10641" spans="1:7" x14ac:dyDescent="0.3">
      <c r="A10641" s="13" t="s">
        <v>85</v>
      </c>
      <c r="B10641" s="14" t="s">
        <v>1</v>
      </c>
      <c r="C10641" s="14" t="s">
        <v>17</v>
      </c>
      <c r="D10641" s="14" t="s">
        <v>86</v>
      </c>
      <c r="E10641" s="15">
        <v>45432</v>
      </c>
      <c r="F10641" s="14" t="s">
        <v>15</v>
      </c>
      <c r="G10641" s="16">
        <v>0</v>
      </c>
    </row>
    <row r="10642" spans="1:7" x14ac:dyDescent="0.3">
      <c r="A10642" s="13" t="s">
        <v>85</v>
      </c>
      <c r="B10642" s="14" t="s">
        <v>1</v>
      </c>
      <c r="C10642" s="14" t="s">
        <v>17</v>
      </c>
      <c r="D10642" s="14" t="s">
        <v>86</v>
      </c>
      <c r="E10642" s="15">
        <v>45433</v>
      </c>
      <c r="F10642" s="14" t="s">
        <v>15</v>
      </c>
      <c r="G10642" s="16">
        <v>0</v>
      </c>
    </row>
    <row r="10643" spans="1:7" x14ac:dyDescent="0.3">
      <c r="A10643" s="13" t="s">
        <v>85</v>
      </c>
      <c r="B10643" s="14" t="s">
        <v>1</v>
      </c>
      <c r="C10643" s="14" t="s">
        <v>17</v>
      </c>
      <c r="D10643" s="14" t="s">
        <v>86</v>
      </c>
      <c r="E10643" s="15">
        <v>45434</v>
      </c>
      <c r="F10643" s="14" t="s">
        <v>15</v>
      </c>
      <c r="G10643" s="16">
        <v>0</v>
      </c>
    </row>
    <row r="10644" spans="1:7" x14ac:dyDescent="0.3">
      <c r="A10644" s="13" t="s">
        <v>85</v>
      </c>
      <c r="B10644" s="14" t="s">
        <v>1</v>
      </c>
      <c r="C10644" s="14" t="s">
        <v>17</v>
      </c>
      <c r="D10644" s="14" t="s">
        <v>86</v>
      </c>
      <c r="E10644" s="15">
        <v>45435</v>
      </c>
      <c r="F10644" s="14" t="s">
        <v>15</v>
      </c>
      <c r="G10644" s="16">
        <v>0</v>
      </c>
    </row>
    <row r="10645" spans="1:7" x14ac:dyDescent="0.3">
      <c r="A10645" s="13" t="s">
        <v>85</v>
      </c>
      <c r="B10645" s="14" t="s">
        <v>1</v>
      </c>
      <c r="C10645" s="14" t="s">
        <v>17</v>
      </c>
      <c r="D10645" s="14" t="s">
        <v>86</v>
      </c>
      <c r="E10645" s="15">
        <v>45436</v>
      </c>
      <c r="F10645" s="14" t="s">
        <v>15</v>
      </c>
      <c r="G10645" s="16">
        <v>0</v>
      </c>
    </row>
    <row r="10646" spans="1:7" x14ac:dyDescent="0.3">
      <c r="A10646" s="13" t="s">
        <v>85</v>
      </c>
      <c r="B10646" s="14" t="s">
        <v>1</v>
      </c>
      <c r="C10646" s="14" t="s">
        <v>17</v>
      </c>
      <c r="D10646" s="14" t="s">
        <v>86</v>
      </c>
      <c r="E10646" s="15">
        <v>45437</v>
      </c>
      <c r="F10646" s="14" t="s">
        <v>15</v>
      </c>
      <c r="G10646" s="16">
        <v>0</v>
      </c>
    </row>
    <row r="10647" spans="1:7" x14ac:dyDescent="0.3">
      <c r="A10647" s="13" t="s">
        <v>85</v>
      </c>
      <c r="B10647" s="14" t="s">
        <v>1</v>
      </c>
      <c r="C10647" s="14" t="s">
        <v>17</v>
      </c>
      <c r="D10647" s="14" t="s">
        <v>86</v>
      </c>
      <c r="E10647" s="15">
        <v>45438</v>
      </c>
      <c r="F10647" s="14" t="s">
        <v>15</v>
      </c>
      <c r="G10647" s="16">
        <v>0</v>
      </c>
    </row>
    <row r="10648" spans="1:7" x14ac:dyDescent="0.3">
      <c r="A10648" s="13" t="s">
        <v>85</v>
      </c>
      <c r="B10648" s="14" t="s">
        <v>1</v>
      </c>
      <c r="C10648" s="14" t="s">
        <v>17</v>
      </c>
      <c r="D10648" s="14" t="s">
        <v>86</v>
      </c>
      <c r="E10648" s="15">
        <v>45439</v>
      </c>
      <c r="F10648" s="14" t="s">
        <v>15</v>
      </c>
      <c r="G10648" s="16">
        <v>0</v>
      </c>
    </row>
    <row r="10649" spans="1:7" x14ac:dyDescent="0.3">
      <c r="A10649" s="13" t="s">
        <v>85</v>
      </c>
      <c r="B10649" s="14" t="s">
        <v>1</v>
      </c>
      <c r="C10649" s="14" t="s">
        <v>17</v>
      </c>
      <c r="D10649" s="14" t="s">
        <v>86</v>
      </c>
      <c r="E10649" s="15">
        <v>45440</v>
      </c>
      <c r="F10649" s="14" t="s">
        <v>15</v>
      </c>
      <c r="G10649" s="16">
        <v>0</v>
      </c>
    </row>
    <row r="10650" spans="1:7" x14ac:dyDescent="0.3">
      <c r="A10650" s="13" t="s">
        <v>85</v>
      </c>
      <c r="B10650" s="14" t="s">
        <v>1</v>
      </c>
      <c r="C10650" s="14" t="s">
        <v>17</v>
      </c>
      <c r="D10650" s="14" t="s">
        <v>86</v>
      </c>
      <c r="E10650" s="15">
        <v>45441</v>
      </c>
      <c r="F10650" s="14" t="s">
        <v>15</v>
      </c>
      <c r="G10650" s="16">
        <v>0</v>
      </c>
    </row>
    <row r="10651" spans="1:7" x14ac:dyDescent="0.3">
      <c r="A10651" s="13" t="s">
        <v>85</v>
      </c>
      <c r="B10651" s="14" t="s">
        <v>1</v>
      </c>
      <c r="C10651" s="14" t="s">
        <v>17</v>
      </c>
      <c r="D10651" s="14" t="s">
        <v>86</v>
      </c>
      <c r="E10651" s="15">
        <v>45442</v>
      </c>
      <c r="F10651" s="14" t="s">
        <v>15</v>
      </c>
      <c r="G10651" s="16">
        <v>0</v>
      </c>
    </row>
    <row r="10652" spans="1:7" x14ac:dyDescent="0.3">
      <c r="A10652" s="13" t="s">
        <v>85</v>
      </c>
      <c r="B10652" s="14" t="s">
        <v>1</v>
      </c>
      <c r="C10652" s="14" t="s">
        <v>17</v>
      </c>
      <c r="D10652" s="14" t="s">
        <v>86</v>
      </c>
      <c r="E10652" s="15">
        <v>45443</v>
      </c>
      <c r="F10652" s="14" t="s">
        <v>15</v>
      </c>
      <c r="G10652" s="16">
        <v>0</v>
      </c>
    </row>
    <row r="10653" spans="1:7" x14ac:dyDescent="0.3">
      <c r="A10653" s="13" t="s">
        <v>85</v>
      </c>
      <c r="B10653" s="14" t="s">
        <v>1</v>
      </c>
      <c r="C10653" s="14" t="s">
        <v>17</v>
      </c>
      <c r="D10653" s="14" t="s">
        <v>86</v>
      </c>
      <c r="E10653" s="15">
        <v>45444</v>
      </c>
      <c r="F10653" s="14" t="s">
        <v>15</v>
      </c>
      <c r="G10653" s="16">
        <v>0</v>
      </c>
    </row>
    <row r="10654" spans="1:7" x14ac:dyDescent="0.3">
      <c r="A10654" s="13" t="s">
        <v>85</v>
      </c>
      <c r="B10654" s="14" t="s">
        <v>1</v>
      </c>
      <c r="C10654" s="14" t="s">
        <v>17</v>
      </c>
      <c r="D10654" s="14" t="s">
        <v>86</v>
      </c>
      <c r="E10654" s="15">
        <v>45445</v>
      </c>
      <c r="F10654" s="14" t="s">
        <v>15</v>
      </c>
      <c r="G10654" s="16">
        <v>0</v>
      </c>
    </row>
    <row r="10655" spans="1:7" x14ac:dyDescent="0.3">
      <c r="A10655" s="13" t="s">
        <v>85</v>
      </c>
      <c r="B10655" s="14" t="s">
        <v>1</v>
      </c>
      <c r="C10655" s="14" t="s">
        <v>17</v>
      </c>
      <c r="D10655" s="14" t="s">
        <v>86</v>
      </c>
      <c r="E10655" s="15">
        <v>45446</v>
      </c>
      <c r="F10655" s="14" t="s">
        <v>15</v>
      </c>
      <c r="G10655" s="16">
        <v>0</v>
      </c>
    </row>
    <row r="10656" spans="1:7" x14ac:dyDescent="0.3">
      <c r="A10656" s="13" t="s">
        <v>85</v>
      </c>
      <c r="B10656" s="14" t="s">
        <v>1</v>
      </c>
      <c r="C10656" s="14" t="s">
        <v>17</v>
      </c>
      <c r="D10656" s="14" t="s">
        <v>86</v>
      </c>
      <c r="E10656" s="15">
        <v>45447</v>
      </c>
      <c r="F10656" s="14" t="s">
        <v>15</v>
      </c>
      <c r="G10656" s="16">
        <v>0</v>
      </c>
    </row>
    <row r="10657" spans="1:7" x14ac:dyDescent="0.3">
      <c r="A10657" s="13" t="s">
        <v>85</v>
      </c>
      <c r="B10657" s="14" t="s">
        <v>1</v>
      </c>
      <c r="C10657" s="14" t="s">
        <v>17</v>
      </c>
      <c r="D10657" s="14" t="s">
        <v>86</v>
      </c>
      <c r="E10657" s="15">
        <v>45448</v>
      </c>
      <c r="F10657" s="14" t="s">
        <v>15</v>
      </c>
      <c r="G10657" s="16">
        <v>0</v>
      </c>
    </row>
    <row r="10658" spans="1:7" x14ac:dyDescent="0.3">
      <c r="A10658" s="13" t="s">
        <v>85</v>
      </c>
      <c r="B10658" s="14" t="s">
        <v>1</v>
      </c>
      <c r="C10658" s="14" t="s">
        <v>17</v>
      </c>
      <c r="D10658" s="14" t="s">
        <v>86</v>
      </c>
      <c r="E10658" s="15">
        <v>45449</v>
      </c>
      <c r="F10658" s="14" t="s">
        <v>15</v>
      </c>
      <c r="G10658" s="16">
        <v>0</v>
      </c>
    </row>
    <row r="10659" spans="1:7" x14ac:dyDescent="0.3">
      <c r="A10659" s="13" t="s">
        <v>85</v>
      </c>
      <c r="B10659" s="14" t="s">
        <v>1</v>
      </c>
      <c r="C10659" s="14" t="s">
        <v>17</v>
      </c>
      <c r="D10659" s="14" t="s">
        <v>86</v>
      </c>
      <c r="E10659" s="15">
        <v>45450</v>
      </c>
      <c r="F10659" s="14" t="s">
        <v>15</v>
      </c>
      <c r="G10659" s="16">
        <v>0</v>
      </c>
    </row>
    <row r="10660" spans="1:7" x14ac:dyDescent="0.3">
      <c r="A10660" s="13" t="s">
        <v>85</v>
      </c>
      <c r="B10660" s="14" t="s">
        <v>1</v>
      </c>
      <c r="C10660" s="14" t="s">
        <v>17</v>
      </c>
      <c r="D10660" s="14" t="s">
        <v>86</v>
      </c>
      <c r="E10660" s="15">
        <v>45451</v>
      </c>
      <c r="F10660" s="14" t="s">
        <v>15</v>
      </c>
      <c r="G10660" s="16">
        <v>0</v>
      </c>
    </row>
    <row r="10661" spans="1:7" x14ac:dyDescent="0.3">
      <c r="A10661" s="13" t="s">
        <v>85</v>
      </c>
      <c r="B10661" s="14" t="s">
        <v>1</v>
      </c>
      <c r="C10661" s="14" t="s">
        <v>17</v>
      </c>
      <c r="D10661" s="14" t="s">
        <v>86</v>
      </c>
      <c r="E10661" s="15">
        <v>45452</v>
      </c>
      <c r="F10661" s="14" t="s">
        <v>15</v>
      </c>
      <c r="G10661" s="16">
        <v>0</v>
      </c>
    </row>
    <row r="10662" spans="1:7" x14ac:dyDescent="0.3">
      <c r="A10662" s="13" t="s">
        <v>85</v>
      </c>
      <c r="B10662" s="14" t="s">
        <v>1</v>
      </c>
      <c r="C10662" s="14" t="s">
        <v>17</v>
      </c>
      <c r="D10662" s="14" t="s">
        <v>86</v>
      </c>
      <c r="E10662" s="15">
        <v>45453</v>
      </c>
      <c r="F10662" s="14" t="s">
        <v>15</v>
      </c>
      <c r="G10662" s="16">
        <v>0</v>
      </c>
    </row>
    <row r="10663" spans="1:7" x14ac:dyDescent="0.3">
      <c r="A10663" s="13" t="s">
        <v>85</v>
      </c>
      <c r="B10663" s="14" t="s">
        <v>1</v>
      </c>
      <c r="C10663" s="14" t="s">
        <v>17</v>
      </c>
      <c r="D10663" s="14" t="s">
        <v>86</v>
      </c>
      <c r="E10663" s="15">
        <v>45454</v>
      </c>
      <c r="F10663" s="14" t="s">
        <v>15</v>
      </c>
      <c r="G10663" s="16">
        <v>0</v>
      </c>
    </row>
    <row r="10664" spans="1:7" x14ac:dyDescent="0.3">
      <c r="A10664" s="13" t="s">
        <v>85</v>
      </c>
      <c r="B10664" s="14" t="s">
        <v>1</v>
      </c>
      <c r="C10664" s="14" t="s">
        <v>17</v>
      </c>
      <c r="D10664" s="14" t="s">
        <v>86</v>
      </c>
      <c r="E10664" s="15">
        <v>45455</v>
      </c>
      <c r="F10664" s="14" t="s">
        <v>15</v>
      </c>
      <c r="G10664" s="16">
        <v>0</v>
      </c>
    </row>
    <row r="10665" spans="1:7" x14ac:dyDescent="0.3">
      <c r="A10665" s="13" t="s">
        <v>85</v>
      </c>
      <c r="B10665" s="14" t="s">
        <v>1</v>
      </c>
      <c r="C10665" s="14" t="s">
        <v>17</v>
      </c>
      <c r="D10665" s="14" t="s">
        <v>86</v>
      </c>
      <c r="E10665" s="15">
        <v>45456</v>
      </c>
      <c r="F10665" s="14" t="s">
        <v>15</v>
      </c>
      <c r="G10665" s="16">
        <v>0</v>
      </c>
    </row>
    <row r="10666" spans="1:7" x14ac:dyDescent="0.3">
      <c r="A10666" s="13" t="s">
        <v>85</v>
      </c>
      <c r="B10666" s="14" t="s">
        <v>1</v>
      </c>
      <c r="C10666" s="14" t="s">
        <v>17</v>
      </c>
      <c r="D10666" s="14" t="s">
        <v>86</v>
      </c>
      <c r="E10666" s="15">
        <v>45457</v>
      </c>
      <c r="F10666" s="14" t="s">
        <v>15</v>
      </c>
      <c r="G10666" s="16">
        <v>0</v>
      </c>
    </row>
    <row r="10667" spans="1:7" x14ac:dyDescent="0.3">
      <c r="A10667" s="13" t="s">
        <v>85</v>
      </c>
      <c r="B10667" s="14" t="s">
        <v>1</v>
      </c>
      <c r="C10667" s="14" t="s">
        <v>17</v>
      </c>
      <c r="D10667" s="14" t="s">
        <v>86</v>
      </c>
      <c r="E10667" s="15">
        <v>45458</v>
      </c>
      <c r="F10667" s="14" t="s">
        <v>15</v>
      </c>
      <c r="G10667" s="16">
        <v>0</v>
      </c>
    </row>
    <row r="10668" spans="1:7" x14ac:dyDescent="0.3">
      <c r="A10668" s="13" t="s">
        <v>85</v>
      </c>
      <c r="B10668" s="14" t="s">
        <v>1</v>
      </c>
      <c r="C10668" s="14" t="s">
        <v>17</v>
      </c>
      <c r="D10668" s="14" t="s">
        <v>86</v>
      </c>
      <c r="E10668" s="15">
        <v>45459</v>
      </c>
      <c r="F10668" s="14" t="s">
        <v>15</v>
      </c>
      <c r="G10668" s="16">
        <v>0</v>
      </c>
    </row>
    <row r="10669" spans="1:7" x14ac:dyDescent="0.3">
      <c r="A10669" s="13" t="s">
        <v>85</v>
      </c>
      <c r="B10669" s="14" t="s">
        <v>1</v>
      </c>
      <c r="C10669" s="14" t="s">
        <v>17</v>
      </c>
      <c r="D10669" s="14" t="s">
        <v>86</v>
      </c>
      <c r="E10669" s="15">
        <v>45460</v>
      </c>
      <c r="F10669" s="14" t="s">
        <v>15</v>
      </c>
      <c r="G10669" s="16">
        <v>0</v>
      </c>
    </row>
    <row r="10670" spans="1:7" x14ac:dyDescent="0.3">
      <c r="A10670" s="13" t="s">
        <v>85</v>
      </c>
      <c r="B10670" s="14" t="s">
        <v>1</v>
      </c>
      <c r="C10670" s="14" t="s">
        <v>17</v>
      </c>
      <c r="D10670" s="14" t="s">
        <v>86</v>
      </c>
      <c r="E10670" s="15">
        <v>45461</v>
      </c>
      <c r="F10670" s="14" t="s">
        <v>15</v>
      </c>
      <c r="G10670" s="16">
        <v>0</v>
      </c>
    </row>
    <row r="10671" spans="1:7" x14ac:dyDescent="0.3">
      <c r="A10671" s="13" t="s">
        <v>85</v>
      </c>
      <c r="B10671" s="14" t="s">
        <v>1</v>
      </c>
      <c r="C10671" s="14" t="s">
        <v>17</v>
      </c>
      <c r="D10671" s="14" t="s">
        <v>86</v>
      </c>
      <c r="E10671" s="15">
        <v>45462</v>
      </c>
      <c r="F10671" s="14" t="s">
        <v>15</v>
      </c>
      <c r="G10671" s="16">
        <v>0</v>
      </c>
    </row>
    <row r="10672" spans="1:7" x14ac:dyDescent="0.3">
      <c r="A10672" s="13" t="s">
        <v>85</v>
      </c>
      <c r="B10672" s="14" t="s">
        <v>1</v>
      </c>
      <c r="C10672" s="14" t="s">
        <v>17</v>
      </c>
      <c r="D10672" s="14" t="s">
        <v>86</v>
      </c>
      <c r="E10672" s="15">
        <v>45463</v>
      </c>
      <c r="F10672" s="14" t="s">
        <v>15</v>
      </c>
      <c r="G10672" s="16">
        <v>0</v>
      </c>
    </row>
    <row r="10673" spans="1:7" x14ac:dyDescent="0.3">
      <c r="A10673" s="13" t="s">
        <v>85</v>
      </c>
      <c r="B10673" s="14" t="s">
        <v>1</v>
      </c>
      <c r="C10673" s="14" t="s">
        <v>17</v>
      </c>
      <c r="D10673" s="14" t="s">
        <v>86</v>
      </c>
      <c r="E10673" s="15">
        <v>45464</v>
      </c>
      <c r="F10673" s="14" t="s">
        <v>15</v>
      </c>
      <c r="G10673" s="16">
        <v>0</v>
      </c>
    </row>
    <row r="10674" spans="1:7" x14ac:dyDescent="0.3">
      <c r="A10674" s="13" t="s">
        <v>85</v>
      </c>
      <c r="B10674" s="14" t="s">
        <v>1</v>
      </c>
      <c r="C10674" s="14" t="s">
        <v>17</v>
      </c>
      <c r="D10674" s="14" t="s">
        <v>86</v>
      </c>
      <c r="E10674" s="15">
        <v>45465</v>
      </c>
      <c r="F10674" s="14" t="s">
        <v>15</v>
      </c>
      <c r="G10674" s="16">
        <v>0</v>
      </c>
    </row>
    <row r="10675" spans="1:7" x14ac:dyDescent="0.3">
      <c r="A10675" s="13" t="s">
        <v>85</v>
      </c>
      <c r="B10675" s="14" t="s">
        <v>1</v>
      </c>
      <c r="C10675" s="14" t="s">
        <v>17</v>
      </c>
      <c r="D10675" s="14" t="s">
        <v>86</v>
      </c>
      <c r="E10675" s="15">
        <v>45466</v>
      </c>
      <c r="F10675" s="14" t="s">
        <v>15</v>
      </c>
      <c r="G10675" s="16">
        <v>0</v>
      </c>
    </row>
    <row r="10676" spans="1:7" x14ac:dyDescent="0.3">
      <c r="A10676" s="13" t="s">
        <v>85</v>
      </c>
      <c r="B10676" s="14" t="s">
        <v>1</v>
      </c>
      <c r="C10676" s="14" t="s">
        <v>17</v>
      </c>
      <c r="D10676" s="14" t="s">
        <v>86</v>
      </c>
      <c r="E10676" s="15">
        <v>45467</v>
      </c>
      <c r="F10676" s="14" t="s">
        <v>15</v>
      </c>
      <c r="G10676" s="16">
        <v>0</v>
      </c>
    </row>
    <row r="10677" spans="1:7" x14ac:dyDescent="0.3">
      <c r="A10677" s="13" t="s">
        <v>85</v>
      </c>
      <c r="B10677" s="14" t="s">
        <v>1</v>
      </c>
      <c r="C10677" s="14" t="s">
        <v>17</v>
      </c>
      <c r="D10677" s="14" t="s">
        <v>86</v>
      </c>
      <c r="E10677" s="15">
        <v>45468</v>
      </c>
      <c r="F10677" s="14" t="s">
        <v>15</v>
      </c>
      <c r="G10677" s="16">
        <v>0</v>
      </c>
    </row>
    <row r="10678" spans="1:7" x14ac:dyDescent="0.3">
      <c r="A10678" s="13" t="s">
        <v>85</v>
      </c>
      <c r="B10678" s="14" t="s">
        <v>1</v>
      </c>
      <c r="C10678" s="14" t="s">
        <v>17</v>
      </c>
      <c r="D10678" s="14" t="s">
        <v>86</v>
      </c>
      <c r="E10678" s="15">
        <v>45469</v>
      </c>
      <c r="F10678" s="14" t="s">
        <v>15</v>
      </c>
      <c r="G10678" s="16">
        <v>0</v>
      </c>
    </row>
    <row r="10679" spans="1:7" x14ac:dyDescent="0.3">
      <c r="A10679" s="13" t="s">
        <v>85</v>
      </c>
      <c r="B10679" s="14" t="s">
        <v>1</v>
      </c>
      <c r="C10679" s="14" t="s">
        <v>17</v>
      </c>
      <c r="D10679" s="14" t="s">
        <v>86</v>
      </c>
      <c r="E10679" s="15">
        <v>45470</v>
      </c>
      <c r="F10679" s="14" t="s">
        <v>15</v>
      </c>
      <c r="G10679" s="16">
        <v>0</v>
      </c>
    </row>
    <row r="10680" spans="1:7" x14ac:dyDescent="0.3">
      <c r="A10680" s="13" t="s">
        <v>85</v>
      </c>
      <c r="B10680" s="14" t="s">
        <v>1</v>
      </c>
      <c r="C10680" s="14" t="s">
        <v>17</v>
      </c>
      <c r="D10680" s="14" t="s">
        <v>86</v>
      </c>
      <c r="E10680" s="15">
        <v>45471</v>
      </c>
      <c r="F10680" s="14" t="s">
        <v>15</v>
      </c>
      <c r="G10680" s="16">
        <v>0</v>
      </c>
    </row>
    <row r="10681" spans="1:7" x14ac:dyDescent="0.3">
      <c r="A10681" s="13" t="s">
        <v>85</v>
      </c>
      <c r="B10681" s="14" t="s">
        <v>1</v>
      </c>
      <c r="C10681" s="14" t="s">
        <v>17</v>
      </c>
      <c r="D10681" s="14" t="s">
        <v>86</v>
      </c>
      <c r="E10681" s="15">
        <v>45472</v>
      </c>
      <c r="F10681" s="14" t="s">
        <v>15</v>
      </c>
      <c r="G10681" s="16">
        <v>0</v>
      </c>
    </row>
    <row r="10682" spans="1:7" x14ac:dyDescent="0.3">
      <c r="A10682" s="13" t="s">
        <v>85</v>
      </c>
      <c r="B10682" s="14" t="s">
        <v>1</v>
      </c>
      <c r="C10682" s="14" t="s">
        <v>17</v>
      </c>
      <c r="D10682" s="14" t="s">
        <v>86</v>
      </c>
      <c r="E10682" s="15">
        <v>45473</v>
      </c>
      <c r="F10682" s="14" t="s">
        <v>15</v>
      </c>
      <c r="G10682" s="16">
        <v>0</v>
      </c>
    </row>
    <row r="10683" spans="1:7" x14ac:dyDescent="0.3">
      <c r="A10683" s="13" t="s">
        <v>85</v>
      </c>
      <c r="B10683" s="14" t="s">
        <v>1</v>
      </c>
      <c r="C10683" s="14" t="s">
        <v>17</v>
      </c>
      <c r="D10683" s="14" t="s">
        <v>86</v>
      </c>
      <c r="E10683" s="15">
        <v>45474</v>
      </c>
      <c r="F10683" s="14" t="s">
        <v>15</v>
      </c>
      <c r="G10683" s="16">
        <v>0</v>
      </c>
    </row>
    <row r="10684" spans="1:7" x14ac:dyDescent="0.3">
      <c r="A10684" s="13" t="s">
        <v>85</v>
      </c>
      <c r="B10684" s="14" t="s">
        <v>1</v>
      </c>
      <c r="C10684" s="14" t="s">
        <v>17</v>
      </c>
      <c r="D10684" s="14" t="s">
        <v>86</v>
      </c>
      <c r="E10684" s="15">
        <v>45475</v>
      </c>
      <c r="F10684" s="14" t="s">
        <v>15</v>
      </c>
      <c r="G10684" s="16">
        <v>0</v>
      </c>
    </row>
    <row r="10685" spans="1:7" x14ac:dyDescent="0.3">
      <c r="A10685" s="13" t="s">
        <v>85</v>
      </c>
      <c r="B10685" s="14" t="s">
        <v>1</v>
      </c>
      <c r="C10685" s="14" t="s">
        <v>17</v>
      </c>
      <c r="D10685" s="14" t="s">
        <v>86</v>
      </c>
      <c r="E10685" s="15">
        <v>45476</v>
      </c>
      <c r="F10685" s="14" t="s">
        <v>15</v>
      </c>
      <c r="G10685" s="16">
        <v>0</v>
      </c>
    </row>
    <row r="10686" spans="1:7" x14ac:dyDescent="0.3">
      <c r="A10686" s="13" t="s">
        <v>85</v>
      </c>
      <c r="B10686" s="14" t="s">
        <v>1</v>
      </c>
      <c r="C10686" s="14" t="s">
        <v>17</v>
      </c>
      <c r="D10686" s="14" t="s">
        <v>86</v>
      </c>
      <c r="E10686" s="15">
        <v>45477</v>
      </c>
      <c r="F10686" s="14" t="s">
        <v>15</v>
      </c>
      <c r="G10686" s="16">
        <v>0</v>
      </c>
    </row>
    <row r="10687" spans="1:7" x14ac:dyDescent="0.3">
      <c r="A10687" s="13" t="s">
        <v>85</v>
      </c>
      <c r="B10687" s="14" t="s">
        <v>1</v>
      </c>
      <c r="C10687" s="14" t="s">
        <v>17</v>
      </c>
      <c r="D10687" s="14" t="s">
        <v>86</v>
      </c>
      <c r="E10687" s="15">
        <v>45478</v>
      </c>
      <c r="F10687" s="14" t="s">
        <v>15</v>
      </c>
      <c r="G10687" s="16">
        <v>0</v>
      </c>
    </row>
    <row r="10688" spans="1:7" x14ac:dyDescent="0.3">
      <c r="A10688" s="13" t="s">
        <v>85</v>
      </c>
      <c r="B10688" s="14" t="s">
        <v>1</v>
      </c>
      <c r="C10688" s="14" t="s">
        <v>17</v>
      </c>
      <c r="D10688" s="14" t="s">
        <v>86</v>
      </c>
      <c r="E10688" s="15">
        <v>45479</v>
      </c>
      <c r="F10688" s="14" t="s">
        <v>15</v>
      </c>
      <c r="G10688" s="16">
        <v>0</v>
      </c>
    </row>
    <row r="10689" spans="1:7" x14ac:dyDescent="0.3">
      <c r="A10689" s="13" t="s">
        <v>85</v>
      </c>
      <c r="B10689" s="14" t="s">
        <v>1</v>
      </c>
      <c r="C10689" s="14" t="s">
        <v>17</v>
      </c>
      <c r="D10689" s="14" t="s">
        <v>86</v>
      </c>
      <c r="E10689" s="15">
        <v>45480</v>
      </c>
      <c r="F10689" s="14" t="s">
        <v>15</v>
      </c>
      <c r="G10689" s="16">
        <v>0</v>
      </c>
    </row>
    <row r="10690" spans="1:7" x14ac:dyDescent="0.3">
      <c r="A10690" s="13" t="s">
        <v>85</v>
      </c>
      <c r="B10690" s="14" t="s">
        <v>1</v>
      </c>
      <c r="C10690" s="14" t="s">
        <v>17</v>
      </c>
      <c r="D10690" s="14" t="s">
        <v>86</v>
      </c>
      <c r="E10690" s="15">
        <v>45481</v>
      </c>
      <c r="F10690" s="14" t="s">
        <v>15</v>
      </c>
      <c r="G10690" s="16">
        <v>0</v>
      </c>
    </row>
    <row r="10691" spans="1:7" x14ac:dyDescent="0.3">
      <c r="A10691" s="13" t="s">
        <v>85</v>
      </c>
      <c r="B10691" s="14" t="s">
        <v>1</v>
      </c>
      <c r="C10691" s="14" t="s">
        <v>17</v>
      </c>
      <c r="D10691" s="14" t="s">
        <v>86</v>
      </c>
      <c r="E10691" s="15">
        <v>45482</v>
      </c>
      <c r="F10691" s="14" t="s">
        <v>15</v>
      </c>
      <c r="G10691" s="16">
        <v>0</v>
      </c>
    </row>
    <row r="10692" spans="1:7" x14ac:dyDescent="0.3">
      <c r="A10692" s="13" t="s">
        <v>85</v>
      </c>
      <c r="B10692" s="14" t="s">
        <v>1</v>
      </c>
      <c r="C10692" s="14" t="s">
        <v>17</v>
      </c>
      <c r="D10692" s="14" t="s">
        <v>86</v>
      </c>
      <c r="E10692" s="15">
        <v>45483</v>
      </c>
      <c r="F10692" s="14" t="s">
        <v>15</v>
      </c>
      <c r="G10692" s="16">
        <v>0</v>
      </c>
    </row>
    <row r="10693" spans="1:7" x14ac:dyDescent="0.3">
      <c r="A10693" s="13" t="s">
        <v>85</v>
      </c>
      <c r="B10693" s="14" t="s">
        <v>1</v>
      </c>
      <c r="C10693" s="14" t="s">
        <v>17</v>
      </c>
      <c r="D10693" s="14" t="s">
        <v>86</v>
      </c>
      <c r="E10693" s="15">
        <v>45484</v>
      </c>
      <c r="F10693" s="14" t="s">
        <v>15</v>
      </c>
      <c r="G10693" s="16">
        <v>0</v>
      </c>
    </row>
    <row r="10694" spans="1:7" x14ac:dyDescent="0.3">
      <c r="A10694" s="13" t="s">
        <v>85</v>
      </c>
      <c r="B10694" s="14" t="s">
        <v>1</v>
      </c>
      <c r="C10694" s="14" t="s">
        <v>17</v>
      </c>
      <c r="D10694" s="14" t="s">
        <v>86</v>
      </c>
      <c r="E10694" s="15">
        <v>45485</v>
      </c>
      <c r="F10694" s="14" t="s">
        <v>15</v>
      </c>
      <c r="G10694" s="16">
        <v>0</v>
      </c>
    </row>
    <row r="10695" spans="1:7" x14ac:dyDescent="0.3">
      <c r="A10695" s="13" t="s">
        <v>85</v>
      </c>
      <c r="B10695" s="14" t="s">
        <v>1</v>
      </c>
      <c r="C10695" s="14" t="s">
        <v>17</v>
      </c>
      <c r="D10695" s="14" t="s">
        <v>86</v>
      </c>
      <c r="E10695" s="15">
        <v>45486</v>
      </c>
      <c r="F10695" s="14" t="s">
        <v>15</v>
      </c>
      <c r="G10695" s="16">
        <v>0</v>
      </c>
    </row>
    <row r="10696" spans="1:7" x14ac:dyDescent="0.3">
      <c r="A10696" s="13" t="s">
        <v>85</v>
      </c>
      <c r="B10696" s="14" t="s">
        <v>1</v>
      </c>
      <c r="C10696" s="14" t="s">
        <v>17</v>
      </c>
      <c r="D10696" s="14" t="s">
        <v>86</v>
      </c>
      <c r="E10696" s="15">
        <v>45487</v>
      </c>
      <c r="F10696" s="14" t="s">
        <v>15</v>
      </c>
      <c r="G10696" s="16">
        <v>0</v>
      </c>
    </row>
    <row r="10697" spans="1:7" x14ac:dyDescent="0.3">
      <c r="A10697" s="13" t="s">
        <v>85</v>
      </c>
      <c r="B10697" s="14" t="s">
        <v>1</v>
      </c>
      <c r="C10697" s="14" t="s">
        <v>17</v>
      </c>
      <c r="D10697" s="14" t="s">
        <v>86</v>
      </c>
      <c r="E10697" s="15">
        <v>45488</v>
      </c>
      <c r="F10697" s="14" t="s">
        <v>15</v>
      </c>
      <c r="G10697" s="16">
        <v>0</v>
      </c>
    </row>
    <row r="10698" spans="1:7" x14ac:dyDescent="0.3">
      <c r="A10698" s="13" t="s">
        <v>85</v>
      </c>
      <c r="B10698" s="14" t="s">
        <v>1</v>
      </c>
      <c r="C10698" s="14" t="s">
        <v>17</v>
      </c>
      <c r="D10698" s="14" t="s">
        <v>86</v>
      </c>
      <c r="E10698" s="15">
        <v>45489</v>
      </c>
      <c r="F10698" s="14" t="s">
        <v>15</v>
      </c>
      <c r="G10698" s="16">
        <v>0</v>
      </c>
    </row>
    <row r="10699" spans="1:7" x14ac:dyDescent="0.3">
      <c r="A10699" s="13" t="s">
        <v>85</v>
      </c>
      <c r="B10699" s="14" t="s">
        <v>1</v>
      </c>
      <c r="C10699" s="14" t="s">
        <v>17</v>
      </c>
      <c r="D10699" s="14" t="s">
        <v>86</v>
      </c>
      <c r="E10699" s="15">
        <v>45490</v>
      </c>
      <c r="F10699" s="14" t="s">
        <v>15</v>
      </c>
      <c r="G10699" s="16">
        <v>0</v>
      </c>
    </row>
    <row r="10700" spans="1:7" x14ac:dyDescent="0.3">
      <c r="A10700" s="13" t="s">
        <v>85</v>
      </c>
      <c r="B10700" s="14" t="s">
        <v>1</v>
      </c>
      <c r="C10700" s="14" t="s">
        <v>17</v>
      </c>
      <c r="D10700" s="14" t="s">
        <v>86</v>
      </c>
      <c r="E10700" s="15">
        <v>45491</v>
      </c>
      <c r="F10700" s="14" t="s">
        <v>15</v>
      </c>
      <c r="G10700" s="16">
        <v>0</v>
      </c>
    </row>
    <row r="10701" spans="1:7" x14ac:dyDescent="0.3">
      <c r="A10701" s="13" t="s">
        <v>85</v>
      </c>
      <c r="B10701" s="14" t="s">
        <v>1</v>
      </c>
      <c r="C10701" s="14" t="s">
        <v>17</v>
      </c>
      <c r="D10701" s="14" t="s">
        <v>86</v>
      </c>
      <c r="E10701" s="15">
        <v>45492</v>
      </c>
      <c r="F10701" s="14" t="s">
        <v>15</v>
      </c>
      <c r="G10701" s="16">
        <v>0</v>
      </c>
    </row>
    <row r="10702" spans="1:7" x14ac:dyDescent="0.3">
      <c r="A10702" s="13" t="s">
        <v>85</v>
      </c>
      <c r="B10702" s="14" t="s">
        <v>1</v>
      </c>
      <c r="C10702" s="14" t="s">
        <v>17</v>
      </c>
      <c r="D10702" s="14" t="s">
        <v>86</v>
      </c>
      <c r="E10702" s="15">
        <v>45493</v>
      </c>
      <c r="F10702" s="14" t="s">
        <v>15</v>
      </c>
      <c r="G10702" s="16">
        <v>0</v>
      </c>
    </row>
    <row r="10703" spans="1:7" x14ac:dyDescent="0.3">
      <c r="A10703" s="13" t="s">
        <v>85</v>
      </c>
      <c r="B10703" s="14" t="s">
        <v>1</v>
      </c>
      <c r="C10703" s="14" t="s">
        <v>17</v>
      </c>
      <c r="D10703" s="14" t="s">
        <v>86</v>
      </c>
      <c r="E10703" s="15">
        <v>45494</v>
      </c>
      <c r="F10703" s="14" t="s">
        <v>15</v>
      </c>
      <c r="G10703" s="16">
        <v>0</v>
      </c>
    </row>
    <row r="10704" spans="1:7" x14ac:dyDescent="0.3">
      <c r="A10704" s="13" t="s">
        <v>85</v>
      </c>
      <c r="B10704" s="14" t="s">
        <v>1</v>
      </c>
      <c r="C10704" s="14" t="s">
        <v>17</v>
      </c>
      <c r="D10704" s="14" t="s">
        <v>86</v>
      </c>
      <c r="E10704" s="15">
        <v>45495</v>
      </c>
      <c r="F10704" s="14" t="s">
        <v>15</v>
      </c>
      <c r="G10704" s="16">
        <v>0</v>
      </c>
    </row>
    <row r="10705" spans="1:7" x14ac:dyDescent="0.3">
      <c r="A10705" s="13" t="s">
        <v>85</v>
      </c>
      <c r="B10705" s="14" t="s">
        <v>1</v>
      </c>
      <c r="C10705" s="14" t="s">
        <v>17</v>
      </c>
      <c r="D10705" s="14" t="s">
        <v>86</v>
      </c>
      <c r="E10705" s="15">
        <v>45496</v>
      </c>
      <c r="F10705" s="14" t="s">
        <v>15</v>
      </c>
      <c r="G10705" s="16">
        <v>0</v>
      </c>
    </row>
    <row r="10706" spans="1:7" x14ac:dyDescent="0.3">
      <c r="A10706" s="13" t="s">
        <v>85</v>
      </c>
      <c r="B10706" s="14" t="s">
        <v>1</v>
      </c>
      <c r="C10706" s="14" t="s">
        <v>17</v>
      </c>
      <c r="D10706" s="14" t="s">
        <v>86</v>
      </c>
      <c r="E10706" s="15">
        <v>45497</v>
      </c>
      <c r="F10706" s="14" t="s">
        <v>15</v>
      </c>
      <c r="G10706" s="16">
        <v>0</v>
      </c>
    </row>
    <row r="10707" spans="1:7" x14ac:dyDescent="0.3">
      <c r="A10707" s="13" t="s">
        <v>85</v>
      </c>
      <c r="B10707" s="14" t="s">
        <v>1</v>
      </c>
      <c r="C10707" s="14" t="s">
        <v>17</v>
      </c>
      <c r="D10707" s="14" t="s">
        <v>86</v>
      </c>
      <c r="E10707" s="15">
        <v>45498</v>
      </c>
      <c r="F10707" s="14" t="s">
        <v>15</v>
      </c>
      <c r="G10707" s="16">
        <v>0</v>
      </c>
    </row>
    <row r="10708" spans="1:7" x14ac:dyDescent="0.3">
      <c r="A10708" s="13" t="s">
        <v>85</v>
      </c>
      <c r="B10708" s="14" t="s">
        <v>1</v>
      </c>
      <c r="C10708" s="14" t="s">
        <v>17</v>
      </c>
      <c r="D10708" s="14" t="s">
        <v>86</v>
      </c>
      <c r="E10708" s="15">
        <v>45499</v>
      </c>
      <c r="F10708" s="14" t="s">
        <v>15</v>
      </c>
      <c r="G10708" s="16">
        <v>0</v>
      </c>
    </row>
    <row r="10709" spans="1:7" x14ac:dyDescent="0.3">
      <c r="A10709" s="13" t="s">
        <v>85</v>
      </c>
      <c r="B10709" s="14" t="s">
        <v>1</v>
      </c>
      <c r="C10709" s="14" t="s">
        <v>17</v>
      </c>
      <c r="D10709" s="14" t="s">
        <v>86</v>
      </c>
      <c r="E10709" s="15">
        <v>45500</v>
      </c>
      <c r="F10709" s="14" t="s">
        <v>15</v>
      </c>
      <c r="G10709" s="16">
        <v>0</v>
      </c>
    </row>
    <row r="10710" spans="1:7" x14ac:dyDescent="0.3">
      <c r="A10710" s="13" t="s">
        <v>85</v>
      </c>
      <c r="B10710" s="14" t="s">
        <v>1</v>
      </c>
      <c r="C10710" s="14" t="s">
        <v>17</v>
      </c>
      <c r="D10710" s="14" t="s">
        <v>86</v>
      </c>
      <c r="E10710" s="15">
        <v>45501</v>
      </c>
      <c r="F10710" s="14" t="s">
        <v>15</v>
      </c>
      <c r="G10710" s="16">
        <v>0</v>
      </c>
    </row>
    <row r="10711" spans="1:7" x14ac:dyDescent="0.3">
      <c r="A10711" s="13" t="s">
        <v>85</v>
      </c>
      <c r="B10711" s="14" t="s">
        <v>1</v>
      </c>
      <c r="C10711" s="14" t="s">
        <v>17</v>
      </c>
      <c r="D10711" s="14" t="s">
        <v>86</v>
      </c>
      <c r="E10711" s="15">
        <v>45502</v>
      </c>
      <c r="F10711" s="14" t="s">
        <v>15</v>
      </c>
      <c r="G10711" s="16">
        <v>0</v>
      </c>
    </row>
    <row r="10712" spans="1:7" x14ac:dyDescent="0.3">
      <c r="A10712" s="13" t="s">
        <v>85</v>
      </c>
      <c r="B10712" s="14" t="s">
        <v>1</v>
      </c>
      <c r="C10712" s="14" t="s">
        <v>17</v>
      </c>
      <c r="D10712" s="14" t="s">
        <v>86</v>
      </c>
      <c r="E10712" s="15">
        <v>45503</v>
      </c>
      <c r="F10712" s="14" t="s">
        <v>15</v>
      </c>
      <c r="G10712" s="16">
        <v>0</v>
      </c>
    </row>
    <row r="10713" spans="1:7" x14ac:dyDescent="0.3">
      <c r="A10713" s="13" t="s">
        <v>85</v>
      </c>
      <c r="B10713" s="14" t="s">
        <v>1</v>
      </c>
      <c r="C10713" s="14" t="s">
        <v>17</v>
      </c>
      <c r="D10713" s="14" t="s">
        <v>86</v>
      </c>
      <c r="E10713" s="15">
        <v>45504</v>
      </c>
      <c r="F10713" s="14" t="s">
        <v>15</v>
      </c>
      <c r="G10713" s="16">
        <v>0</v>
      </c>
    </row>
    <row r="10714" spans="1:7" x14ac:dyDescent="0.3">
      <c r="A10714" s="13" t="s">
        <v>85</v>
      </c>
      <c r="B10714" s="14" t="s">
        <v>1</v>
      </c>
      <c r="C10714" s="14" t="s">
        <v>17</v>
      </c>
      <c r="D10714" s="14" t="s">
        <v>86</v>
      </c>
      <c r="E10714" s="15">
        <v>45505</v>
      </c>
      <c r="F10714" s="14" t="s">
        <v>15</v>
      </c>
      <c r="G10714" s="16">
        <v>0</v>
      </c>
    </row>
    <row r="10715" spans="1:7" x14ac:dyDescent="0.3">
      <c r="A10715" s="13" t="s">
        <v>85</v>
      </c>
      <c r="B10715" s="14" t="s">
        <v>1</v>
      </c>
      <c r="C10715" s="14" t="s">
        <v>17</v>
      </c>
      <c r="D10715" s="14" t="s">
        <v>86</v>
      </c>
      <c r="E10715" s="15">
        <v>45506</v>
      </c>
      <c r="F10715" s="14" t="s">
        <v>15</v>
      </c>
      <c r="G10715" s="16">
        <v>0</v>
      </c>
    </row>
    <row r="10716" spans="1:7" x14ac:dyDescent="0.3">
      <c r="A10716" s="13" t="s">
        <v>85</v>
      </c>
      <c r="B10716" s="14" t="s">
        <v>1</v>
      </c>
      <c r="C10716" s="14" t="s">
        <v>17</v>
      </c>
      <c r="D10716" s="14" t="s">
        <v>86</v>
      </c>
      <c r="E10716" s="15">
        <v>45507</v>
      </c>
      <c r="F10716" s="14" t="s">
        <v>15</v>
      </c>
      <c r="G10716" s="16">
        <v>0</v>
      </c>
    </row>
    <row r="10717" spans="1:7" x14ac:dyDescent="0.3">
      <c r="A10717" s="13" t="s">
        <v>85</v>
      </c>
      <c r="B10717" s="14" t="s">
        <v>1</v>
      </c>
      <c r="C10717" s="14" t="s">
        <v>17</v>
      </c>
      <c r="D10717" s="14" t="s">
        <v>86</v>
      </c>
      <c r="E10717" s="15">
        <v>45508</v>
      </c>
      <c r="F10717" s="14" t="s">
        <v>15</v>
      </c>
      <c r="G10717" s="16">
        <v>0</v>
      </c>
    </row>
    <row r="10718" spans="1:7" x14ac:dyDescent="0.3">
      <c r="A10718" s="13" t="s">
        <v>85</v>
      </c>
      <c r="B10718" s="14" t="s">
        <v>1</v>
      </c>
      <c r="C10718" s="14" t="s">
        <v>17</v>
      </c>
      <c r="D10718" s="14" t="s">
        <v>86</v>
      </c>
      <c r="E10718" s="15">
        <v>45509</v>
      </c>
      <c r="F10718" s="14" t="s">
        <v>15</v>
      </c>
      <c r="G10718" s="16">
        <v>0</v>
      </c>
    </row>
    <row r="10719" spans="1:7" x14ac:dyDescent="0.3">
      <c r="A10719" s="13" t="s">
        <v>85</v>
      </c>
      <c r="B10719" s="14" t="s">
        <v>1</v>
      </c>
      <c r="C10719" s="14" t="s">
        <v>17</v>
      </c>
      <c r="D10719" s="14" t="s">
        <v>86</v>
      </c>
      <c r="E10719" s="15">
        <v>45510</v>
      </c>
      <c r="F10719" s="14" t="s">
        <v>15</v>
      </c>
      <c r="G10719" s="16">
        <v>0</v>
      </c>
    </row>
    <row r="10720" spans="1:7" x14ac:dyDescent="0.3">
      <c r="A10720" s="13" t="s">
        <v>85</v>
      </c>
      <c r="B10720" s="14" t="s">
        <v>1</v>
      </c>
      <c r="C10720" s="14" t="s">
        <v>17</v>
      </c>
      <c r="D10720" s="14" t="s">
        <v>86</v>
      </c>
      <c r="E10720" s="15">
        <v>45511</v>
      </c>
      <c r="F10720" s="14" t="s">
        <v>15</v>
      </c>
      <c r="G10720" s="16">
        <v>0</v>
      </c>
    </row>
    <row r="10721" spans="1:7" x14ac:dyDescent="0.3">
      <c r="A10721" s="13" t="s">
        <v>85</v>
      </c>
      <c r="B10721" s="14" t="s">
        <v>1</v>
      </c>
      <c r="C10721" s="14" t="s">
        <v>17</v>
      </c>
      <c r="D10721" s="14" t="s">
        <v>86</v>
      </c>
      <c r="E10721" s="15">
        <v>45512</v>
      </c>
      <c r="F10721" s="14" t="s">
        <v>15</v>
      </c>
      <c r="G10721" s="16">
        <v>0</v>
      </c>
    </row>
    <row r="10722" spans="1:7" x14ac:dyDescent="0.3">
      <c r="A10722" s="13" t="s">
        <v>85</v>
      </c>
      <c r="B10722" s="14" t="s">
        <v>1</v>
      </c>
      <c r="C10722" s="14" t="s">
        <v>17</v>
      </c>
      <c r="D10722" s="14" t="s">
        <v>86</v>
      </c>
      <c r="E10722" s="15">
        <v>45513</v>
      </c>
      <c r="F10722" s="14" t="s">
        <v>15</v>
      </c>
      <c r="G10722" s="16">
        <v>0</v>
      </c>
    </row>
    <row r="10723" spans="1:7" x14ac:dyDescent="0.3">
      <c r="A10723" s="13" t="s">
        <v>85</v>
      </c>
      <c r="B10723" s="14" t="s">
        <v>1</v>
      </c>
      <c r="C10723" s="14" t="s">
        <v>17</v>
      </c>
      <c r="D10723" s="14" t="s">
        <v>86</v>
      </c>
      <c r="E10723" s="15">
        <v>45514</v>
      </c>
      <c r="F10723" s="14" t="s">
        <v>15</v>
      </c>
      <c r="G10723" s="16">
        <v>0</v>
      </c>
    </row>
    <row r="10724" spans="1:7" x14ac:dyDescent="0.3">
      <c r="A10724" s="13" t="s">
        <v>85</v>
      </c>
      <c r="B10724" s="14" t="s">
        <v>1</v>
      </c>
      <c r="C10724" s="14" t="s">
        <v>17</v>
      </c>
      <c r="D10724" s="14" t="s">
        <v>86</v>
      </c>
      <c r="E10724" s="15">
        <v>45515</v>
      </c>
      <c r="F10724" s="14" t="s">
        <v>15</v>
      </c>
      <c r="G10724" s="16">
        <v>0</v>
      </c>
    </row>
    <row r="10725" spans="1:7" x14ac:dyDescent="0.3">
      <c r="A10725" s="13" t="s">
        <v>85</v>
      </c>
      <c r="B10725" s="14" t="s">
        <v>1</v>
      </c>
      <c r="C10725" s="14" t="s">
        <v>17</v>
      </c>
      <c r="D10725" s="14" t="s">
        <v>86</v>
      </c>
      <c r="E10725" s="15">
        <v>45516</v>
      </c>
      <c r="F10725" s="14" t="s">
        <v>15</v>
      </c>
      <c r="G10725" s="16">
        <v>0</v>
      </c>
    </row>
    <row r="10726" spans="1:7" x14ac:dyDescent="0.3">
      <c r="A10726" s="13" t="s">
        <v>85</v>
      </c>
      <c r="B10726" s="14" t="s">
        <v>1</v>
      </c>
      <c r="C10726" s="14" t="s">
        <v>17</v>
      </c>
      <c r="D10726" s="14" t="s">
        <v>86</v>
      </c>
      <c r="E10726" s="15">
        <v>45517</v>
      </c>
      <c r="F10726" s="14" t="s">
        <v>15</v>
      </c>
      <c r="G10726" s="16">
        <v>0</v>
      </c>
    </row>
    <row r="10727" spans="1:7" x14ac:dyDescent="0.3">
      <c r="A10727" s="13" t="s">
        <v>85</v>
      </c>
      <c r="B10727" s="14" t="s">
        <v>1</v>
      </c>
      <c r="C10727" s="14" t="s">
        <v>17</v>
      </c>
      <c r="D10727" s="14" t="s">
        <v>86</v>
      </c>
      <c r="E10727" s="15">
        <v>45518</v>
      </c>
      <c r="F10727" s="14" t="s">
        <v>15</v>
      </c>
      <c r="G10727" s="16">
        <v>0</v>
      </c>
    </row>
    <row r="10728" spans="1:7" x14ac:dyDescent="0.3">
      <c r="A10728" s="13" t="s">
        <v>85</v>
      </c>
      <c r="B10728" s="14" t="s">
        <v>1</v>
      </c>
      <c r="C10728" s="14" t="s">
        <v>17</v>
      </c>
      <c r="D10728" s="14" t="s">
        <v>86</v>
      </c>
      <c r="E10728" s="15">
        <v>45519</v>
      </c>
      <c r="F10728" s="14" t="s">
        <v>15</v>
      </c>
      <c r="G10728" s="16">
        <v>0</v>
      </c>
    </row>
    <row r="10729" spans="1:7" x14ac:dyDescent="0.3">
      <c r="A10729" s="13" t="s">
        <v>85</v>
      </c>
      <c r="B10729" s="14" t="s">
        <v>1</v>
      </c>
      <c r="C10729" s="14" t="s">
        <v>17</v>
      </c>
      <c r="D10729" s="14" t="s">
        <v>86</v>
      </c>
      <c r="E10729" s="15">
        <v>45520</v>
      </c>
      <c r="F10729" s="14" t="s">
        <v>15</v>
      </c>
      <c r="G10729" s="16">
        <v>0</v>
      </c>
    </row>
    <row r="10730" spans="1:7" x14ac:dyDescent="0.3">
      <c r="A10730" s="13" t="s">
        <v>85</v>
      </c>
      <c r="B10730" s="14" t="s">
        <v>1</v>
      </c>
      <c r="C10730" s="14" t="s">
        <v>17</v>
      </c>
      <c r="D10730" s="14" t="s">
        <v>86</v>
      </c>
      <c r="E10730" s="15">
        <v>45521</v>
      </c>
      <c r="F10730" s="14" t="s">
        <v>15</v>
      </c>
      <c r="G10730" s="16">
        <v>0</v>
      </c>
    </row>
    <row r="10731" spans="1:7" x14ac:dyDescent="0.3">
      <c r="A10731" s="13" t="s">
        <v>85</v>
      </c>
      <c r="B10731" s="14" t="s">
        <v>1</v>
      </c>
      <c r="C10731" s="14" t="s">
        <v>17</v>
      </c>
      <c r="D10731" s="14" t="s">
        <v>86</v>
      </c>
      <c r="E10731" s="15">
        <v>45522</v>
      </c>
      <c r="F10731" s="14" t="s">
        <v>15</v>
      </c>
      <c r="G10731" s="16">
        <v>0</v>
      </c>
    </row>
    <row r="10732" spans="1:7" x14ac:dyDescent="0.3">
      <c r="A10732" s="13" t="s">
        <v>85</v>
      </c>
      <c r="B10732" s="14" t="s">
        <v>1</v>
      </c>
      <c r="C10732" s="14" t="s">
        <v>17</v>
      </c>
      <c r="D10732" s="14" t="s">
        <v>86</v>
      </c>
      <c r="E10732" s="15">
        <v>45523</v>
      </c>
      <c r="F10732" s="14" t="s">
        <v>15</v>
      </c>
      <c r="G10732" s="16">
        <v>0</v>
      </c>
    </row>
    <row r="10733" spans="1:7" x14ac:dyDescent="0.3">
      <c r="A10733" s="13" t="s">
        <v>85</v>
      </c>
      <c r="B10733" s="14" t="s">
        <v>1</v>
      </c>
      <c r="C10733" s="14" t="s">
        <v>17</v>
      </c>
      <c r="D10733" s="14" t="s">
        <v>86</v>
      </c>
      <c r="E10733" s="15">
        <v>45524</v>
      </c>
      <c r="F10733" s="14" t="s">
        <v>15</v>
      </c>
      <c r="G10733" s="16">
        <v>0</v>
      </c>
    </row>
    <row r="10734" spans="1:7" x14ac:dyDescent="0.3">
      <c r="A10734" s="13" t="s">
        <v>85</v>
      </c>
      <c r="B10734" s="14" t="s">
        <v>1</v>
      </c>
      <c r="C10734" s="14" t="s">
        <v>17</v>
      </c>
      <c r="D10734" s="14" t="s">
        <v>86</v>
      </c>
      <c r="E10734" s="15">
        <v>45525</v>
      </c>
      <c r="F10734" s="14" t="s">
        <v>15</v>
      </c>
      <c r="G10734" s="16">
        <v>0</v>
      </c>
    </row>
    <row r="10735" spans="1:7" x14ac:dyDescent="0.3">
      <c r="A10735" s="13" t="s">
        <v>85</v>
      </c>
      <c r="B10735" s="14" t="s">
        <v>1</v>
      </c>
      <c r="C10735" s="14" t="s">
        <v>17</v>
      </c>
      <c r="D10735" s="14" t="s">
        <v>86</v>
      </c>
      <c r="E10735" s="15">
        <v>45526</v>
      </c>
      <c r="F10735" s="14" t="s">
        <v>15</v>
      </c>
      <c r="G10735" s="16">
        <v>0</v>
      </c>
    </row>
    <row r="10736" spans="1:7" x14ac:dyDescent="0.3">
      <c r="A10736" s="13" t="s">
        <v>85</v>
      </c>
      <c r="B10736" s="14" t="s">
        <v>1</v>
      </c>
      <c r="C10736" s="14" t="s">
        <v>17</v>
      </c>
      <c r="D10736" s="14" t="s">
        <v>86</v>
      </c>
      <c r="E10736" s="15">
        <v>45527</v>
      </c>
      <c r="F10736" s="14" t="s">
        <v>15</v>
      </c>
      <c r="G10736" s="16">
        <v>0</v>
      </c>
    </row>
    <row r="10737" spans="1:7" x14ac:dyDescent="0.3">
      <c r="A10737" s="13" t="s">
        <v>85</v>
      </c>
      <c r="B10737" s="14" t="s">
        <v>1</v>
      </c>
      <c r="C10737" s="14" t="s">
        <v>17</v>
      </c>
      <c r="D10737" s="14" t="s">
        <v>86</v>
      </c>
      <c r="E10737" s="15">
        <v>45528</v>
      </c>
      <c r="F10737" s="14" t="s">
        <v>15</v>
      </c>
      <c r="G10737" s="16">
        <v>0</v>
      </c>
    </row>
    <row r="10738" spans="1:7" x14ac:dyDescent="0.3">
      <c r="A10738" s="13" t="s">
        <v>85</v>
      </c>
      <c r="B10738" s="14" t="s">
        <v>1</v>
      </c>
      <c r="C10738" s="14" t="s">
        <v>17</v>
      </c>
      <c r="D10738" s="14" t="s">
        <v>86</v>
      </c>
      <c r="E10738" s="15">
        <v>45529</v>
      </c>
      <c r="F10738" s="14" t="s">
        <v>15</v>
      </c>
      <c r="G10738" s="16">
        <v>0</v>
      </c>
    </row>
    <row r="10739" spans="1:7" x14ac:dyDescent="0.3">
      <c r="A10739" s="13" t="s">
        <v>85</v>
      </c>
      <c r="B10739" s="14" t="s">
        <v>1</v>
      </c>
      <c r="C10739" s="14" t="s">
        <v>17</v>
      </c>
      <c r="D10739" s="14" t="s">
        <v>86</v>
      </c>
      <c r="E10739" s="15">
        <v>45530</v>
      </c>
      <c r="F10739" s="14" t="s">
        <v>15</v>
      </c>
      <c r="G10739" s="16">
        <v>0</v>
      </c>
    </row>
    <row r="10740" spans="1:7" x14ac:dyDescent="0.3">
      <c r="A10740" s="13" t="s">
        <v>85</v>
      </c>
      <c r="B10740" s="14" t="s">
        <v>1</v>
      </c>
      <c r="C10740" s="14" t="s">
        <v>17</v>
      </c>
      <c r="D10740" s="14" t="s">
        <v>86</v>
      </c>
      <c r="E10740" s="15">
        <v>45531</v>
      </c>
      <c r="F10740" s="14" t="s">
        <v>15</v>
      </c>
      <c r="G10740" s="16">
        <v>0</v>
      </c>
    </row>
    <row r="10741" spans="1:7" x14ac:dyDescent="0.3">
      <c r="A10741" s="13" t="s">
        <v>85</v>
      </c>
      <c r="B10741" s="14" t="s">
        <v>1</v>
      </c>
      <c r="C10741" s="14" t="s">
        <v>17</v>
      </c>
      <c r="D10741" s="14" t="s">
        <v>86</v>
      </c>
      <c r="E10741" s="15">
        <v>45532</v>
      </c>
      <c r="F10741" s="14" t="s">
        <v>15</v>
      </c>
      <c r="G10741" s="16">
        <v>0</v>
      </c>
    </row>
    <row r="10742" spans="1:7" x14ac:dyDescent="0.3">
      <c r="A10742" s="13" t="s">
        <v>85</v>
      </c>
      <c r="B10742" s="14" t="s">
        <v>1</v>
      </c>
      <c r="C10742" s="14" t="s">
        <v>17</v>
      </c>
      <c r="D10742" s="14" t="s">
        <v>86</v>
      </c>
      <c r="E10742" s="15">
        <v>45533</v>
      </c>
      <c r="F10742" s="14" t="s">
        <v>15</v>
      </c>
      <c r="G10742" s="16">
        <v>0</v>
      </c>
    </row>
    <row r="10743" spans="1:7" x14ac:dyDescent="0.3">
      <c r="A10743" s="13" t="s">
        <v>85</v>
      </c>
      <c r="B10743" s="14" t="s">
        <v>1</v>
      </c>
      <c r="C10743" s="14" t="s">
        <v>17</v>
      </c>
      <c r="D10743" s="14" t="s">
        <v>86</v>
      </c>
      <c r="E10743" s="15">
        <v>45534</v>
      </c>
      <c r="F10743" s="14" t="s">
        <v>15</v>
      </c>
      <c r="G10743" s="16">
        <v>0</v>
      </c>
    </row>
    <row r="10744" spans="1:7" x14ac:dyDescent="0.3">
      <c r="A10744" s="13" t="s">
        <v>85</v>
      </c>
      <c r="B10744" s="14" t="s">
        <v>1</v>
      </c>
      <c r="C10744" s="14" t="s">
        <v>17</v>
      </c>
      <c r="D10744" s="14" t="s">
        <v>86</v>
      </c>
      <c r="E10744" s="15">
        <v>45535</v>
      </c>
      <c r="F10744" s="14" t="s">
        <v>15</v>
      </c>
      <c r="G10744" s="16">
        <v>0</v>
      </c>
    </row>
    <row r="10745" spans="1:7" x14ac:dyDescent="0.3">
      <c r="A10745" s="13" t="s">
        <v>85</v>
      </c>
      <c r="B10745" s="14" t="s">
        <v>1</v>
      </c>
      <c r="C10745" s="14" t="s">
        <v>17</v>
      </c>
      <c r="D10745" s="14" t="s">
        <v>86</v>
      </c>
      <c r="E10745" s="15">
        <v>45536</v>
      </c>
      <c r="F10745" s="14" t="s">
        <v>15</v>
      </c>
      <c r="G10745" s="16">
        <v>0</v>
      </c>
    </row>
    <row r="10746" spans="1:7" x14ac:dyDescent="0.3">
      <c r="A10746" s="13" t="s">
        <v>85</v>
      </c>
      <c r="B10746" s="14" t="s">
        <v>1</v>
      </c>
      <c r="C10746" s="14" t="s">
        <v>17</v>
      </c>
      <c r="D10746" s="14" t="s">
        <v>86</v>
      </c>
      <c r="E10746" s="15">
        <v>45537</v>
      </c>
      <c r="F10746" s="14" t="s">
        <v>15</v>
      </c>
      <c r="G10746" s="16">
        <v>0</v>
      </c>
    </row>
    <row r="10747" spans="1:7" x14ac:dyDescent="0.3">
      <c r="A10747" s="13" t="s">
        <v>85</v>
      </c>
      <c r="B10747" s="14" t="s">
        <v>1</v>
      </c>
      <c r="C10747" s="14" t="s">
        <v>17</v>
      </c>
      <c r="D10747" s="14" t="s">
        <v>86</v>
      </c>
      <c r="E10747" s="15">
        <v>45538</v>
      </c>
      <c r="F10747" s="14" t="s">
        <v>15</v>
      </c>
      <c r="G10747" s="16">
        <v>0</v>
      </c>
    </row>
    <row r="10748" spans="1:7" x14ac:dyDescent="0.3">
      <c r="A10748" s="13" t="s">
        <v>85</v>
      </c>
      <c r="B10748" s="14" t="s">
        <v>1</v>
      </c>
      <c r="C10748" s="14" t="s">
        <v>17</v>
      </c>
      <c r="D10748" s="14" t="s">
        <v>86</v>
      </c>
      <c r="E10748" s="15">
        <v>45539</v>
      </c>
      <c r="F10748" s="14" t="s">
        <v>15</v>
      </c>
      <c r="G10748" s="16">
        <v>0</v>
      </c>
    </row>
    <row r="10749" spans="1:7" x14ac:dyDescent="0.3">
      <c r="A10749" s="13" t="s">
        <v>85</v>
      </c>
      <c r="B10749" s="14" t="s">
        <v>1</v>
      </c>
      <c r="C10749" s="14" t="s">
        <v>17</v>
      </c>
      <c r="D10749" s="14" t="s">
        <v>86</v>
      </c>
      <c r="E10749" s="15">
        <v>45540</v>
      </c>
      <c r="F10749" s="14" t="s">
        <v>15</v>
      </c>
      <c r="G10749" s="16">
        <v>0</v>
      </c>
    </row>
    <row r="10750" spans="1:7" x14ac:dyDescent="0.3">
      <c r="A10750" s="13" t="s">
        <v>85</v>
      </c>
      <c r="B10750" s="14" t="s">
        <v>1</v>
      </c>
      <c r="C10750" s="14" t="s">
        <v>17</v>
      </c>
      <c r="D10750" s="14" t="s">
        <v>86</v>
      </c>
      <c r="E10750" s="15">
        <v>45541</v>
      </c>
      <c r="F10750" s="14" t="s">
        <v>15</v>
      </c>
      <c r="G10750" s="16">
        <v>0</v>
      </c>
    </row>
    <row r="10751" spans="1:7" x14ac:dyDescent="0.3">
      <c r="A10751" s="13" t="s">
        <v>85</v>
      </c>
      <c r="B10751" s="14" t="s">
        <v>1</v>
      </c>
      <c r="C10751" s="14" t="s">
        <v>17</v>
      </c>
      <c r="D10751" s="14" t="s">
        <v>86</v>
      </c>
      <c r="E10751" s="15">
        <v>45542</v>
      </c>
      <c r="F10751" s="14" t="s">
        <v>15</v>
      </c>
      <c r="G10751" s="16">
        <v>0</v>
      </c>
    </row>
    <row r="10752" spans="1:7" x14ac:dyDescent="0.3">
      <c r="A10752" s="13" t="s">
        <v>85</v>
      </c>
      <c r="B10752" s="14" t="s">
        <v>1</v>
      </c>
      <c r="C10752" s="14" t="s">
        <v>17</v>
      </c>
      <c r="D10752" s="14" t="s">
        <v>86</v>
      </c>
      <c r="E10752" s="15">
        <v>45543</v>
      </c>
      <c r="F10752" s="14" t="s">
        <v>15</v>
      </c>
      <c r="G10752" s="16">
        <v>0</v>
      </c>
    </row>
    <row r="10753" spans="1:7" x14ac:dyDescent="0.3">
      <c r="A10753" s="13" t="s">
        <v>85</v>
      </c>
      <c r="B10753" s="14" t="s">
        <v>1</v>
      </c>
      <c r="C10753" s="14" t="s">
        <v>17</v>
      </c>
      <c r="D10753" s="14" t="s">
        <v>86</v>
      </c>
      <c r="E10753" s="15">
        <v>45544</v>
      </c>
      <c r="F10753" s="14" t="s">
        <v>15</v>
      </c>
      <c r="G10753" s="16">
        <v>0</v>
      </c>
    </row>
    <row r="10754" spans="1:7" x14ac:dyDescent="0.3">
      <c r="A10754" s="13" t="s">
        <v>85</v>
      </c>
      <c r="B10754" s="14" t="s">
        <v>1</v>
      </c>
      <c r="C10754" s="14" t="s">
        <v>17</v>
      </c>
      <c r="D10754" s="14" t="s">
        <v>86</v>
      </c>
      <c r="E10754" s="15">
        <v>45545</v>
      </c>
      <c r="F10754" s="14" t="s">
        <v>15</v>
      </c>
      <c r="G10754" s="16">
        <v>0</v>
      </c>
    </row>
    <row r="10755" spans="1:7" x14ac:dyDescent="0.3">
      <c r="A10755" s="13" t="s">
        <v>85</v>
      </c>
      <c r="B10755" s="14" t="s">
        <v>1</v>
      </c>
      <c r="C10755" s="14" t="s">
        <v>17</v>
      </c>
      <c r="D10755" s="14" t="s">
        <v>86</v>
      </c>
      <c r="E10755" s="15">
        <v>45546</v>
      </c>
      <c r="F10755" s="14" t="s">
        <v>15</v>
      </c>
      <c r="G10755" s="16">
        <v>0</v>
      </c>
    </row>
    <row r="10756" spans="1:7" x14ac:dyDescent="0.3">
      <c r="A10756" s="13" t="s">
        <v>85</v>
      </c>
      <c r="B10756" s="14" t="s">
        <v>1</v>
      </c>
      <c r="C10756" s="14" t="s">
        <v>17</v>
      </c>
      <c r="D10756" s="14" t="s">
        <v>86</v>
      </c>
      <c r="E10756" s="15">
        <v>45547</v>
      </c>
      <c r="F10756" s="14" t="s">
        <v>15</v>
      </c>
      <c r="G10756" s="16">
        <v>0</v>
      </c>
    </row>
    <row r="10757" spans="1:7" x14ac:dyDescent="0.3">
      <c r="A10757" s="13" t="s">
        <v>85</v>
      </c>
      <c r="B10757" s="14" t="s">
        <v>1</v>
      </c>
      <c r="C10757" s="14" t="s">
        <v>17</v>
      </c>
      <c r="D10757" s="14" t="s">
        <v>86</v>
      </c>
      <c r="E10757" s="15">
        <v>45548</v>
      </c>
      <c r="F10757" s="14" t="s">
        <v>15</v>
      </c>
      <c r="G10757" s="16">
        <v>0</v>
      </c>
    </row>
    <row r="10758" spans="1:7" x14ac:dyDescent="0.3">
      <c r="A10758" s="13" t="s">
        <v>85</v>
      </c>
      <c r="B10758" s="14" t="s">
        <v>1</v>
      </c>
      <c r="C10758" s="14" t="s">
        <v>17</v>
      </c>
      <c r="D10758" s="14" t="s">
        <v>86</v>
      </c>
      <c r="E10758" s="15">
        <v>45549</v>
      </c>
      <c r="F10758" s="14" t="s">
        <v>15</v>
      </c>
      <c r="G10758" s="16">
        <v>0</v>
      </c>
    </row>
    <row r="10759" spans="1:7" x14ac:dyDescent="0.3">
      <c r="A10759" s="13" t="s">
        <v>85</v>
      </c>
      <c r="B10759" s="14" t="s">
        <v>1</v>
      </c>
      <c r="C10759" s="14" t="s">
        <v>17</v>
      </c>
      <c r="D10759" s="14" t="s">
        <v>86</v>
      </c>
      <c r="E10759" s="15">
        <v>45550</v>
      </c>
      <c r="F10759" s="14" t="s">
        <v>15</v>
      </c>
      <c r="G10759" s="16">
        <v>0</v>
      </c>
    </row>
    <row r="10760" spans="1:7" x14ac:dyDescent="0.3">
      <c r="A10760" s="13" t="s">
        <v>85</v>
      </c>
      <c r="B10760" s="14" t="s">
        <v>1</v>
      </c>
      <c r="C10760" s="14" t="s">
        <v>17</v>
      </c>
      <c r="D10760" s="14" t="s">
        <v>86</v>
      </c>
      <c r="E10760" s="15">
        <v>45551</v>
      </c>
      <c r="F10760" s="14" t="s">
        <v>15</v>
      </c>
      <c r="G10760" s="16">
        <v>0</v>
      </c>
    </row>
    <row r="10761" spans="1:7" x14ac:dyDescent="0.3">
      <c r="A10761" s="13" t="s">
        <v>85</v>
      </c>
      <c r="B10761" s="14" t="s">
        <v>1</v>
      </c>
      <c r="C10761" s="14" t="s">
        <v>17</v>
      </c>
      <c r="D10761" s="14" t="s">
        <v>86</v>
      </c>
      <c r="E10761" s="15">
        <v>45552</v>
      </c>
      <c r="F10761" s="14" t="s">
        <v>15</v>
      </c>
      <c r="G10761" s="16">
        <v>0</v>
      </c>
    </row>
    <row r="10762" spans="1:7" x14ac:dyDescent="0.3">
      <c r="A10762" s="13" t="s">
        <v>85</v>
      </c>
      <c r="B10762" s="14" t="s">
        <v>1</v>
      </c>
      <c r="C10762" s="14" t="s">
        <v>17</v>
      </c>
      <c r="D10762" s="14" t="s">
        <v>86</v>
      </c>
      <c r="E10762" s="15">
        <v>45553</v>
      </c>
      <c r="F10762" s="14" t="s">
        <v>15</v>
      </c>
      <c r="G10762" s="16">
        <v>0</v>
      </c>
    </row>
    <row r="10763" spans="1:7" x14ac:dyDescent="0.3">
      <c r="A10763" s="13" t="s">
        <v>85</v>
      </c>
      <c r="B10763" s="14" t="s">
        <v>1</v>
      </c>
      <c r="C10763" s="14" t="s">
        <v>17</v>
      </c>
      <c r="D10763" s="14" t="s">
        <v>86</v>
      </c>
      <c r="E10763" s="15">
        <v>45554</v>
      </c>
      <c r="F10763" s="14" t="s">
        <v>15</v>
      </c>
      <c r="G10763" s="16">
        <v>0</v>
      </c>
    </row>
    <row r="10764" spans="1:7" x14ac:dyDescent="0.3">
      <c r="A10764" s="13" t="s">
        <v>85</v>
      </c>
      <c r="B10764" s="14" t="s">
        <v>1</v>
      </c>
      <c r="C10764" s="14" t="s">
        <v>17</v>
      </c>
      <c r="D10764" s="14" t="s">
        <v>86</v>
      </c>
      <c r="E10764" s="15">
        <v>45555</v>
      </c>
      <c r="F10764" s="14" t="s">
        <v>15</v>
      </c>
      <c r="G10764" s="16">
        <v>0</v>
      </c>
    </row>
    <row r="10765" spans="1:7" x14ac:dyDescent="0.3">
      <c r="A10765" s="13" t="s">
        <v>85</v>
      </c>
      <c r="B10765" s="14" t="s">
        <v>1</v>
      </c>
      <c r="C10765" s="14" t="s">
        <v>17</v>
      </c>
      <c r="D10765" s="14" t="s">
        <v>86</v>
      </c>
      <c r="E10765" s="15">
        <v>45556</v>
      </c>
      <c r="F10765" s="14" t="s">
        <v>15</v>
      </c>
      <c r="G10765" s="16">
        <v>0</v>
      </c>
    </row>
    <row r="10766" spans="1:7" x14ac:dyDescent="0.3">
      <c r="A10766" s="13" t="s">
        <v>85</v>
      </c>
      <c r="B10766" s="14" t="s">
        <v>1</v>
      </c>
      <c r="C10766" s="14" t="s">
        <v>17</v>
      </c>
      <c r="D10766" s="14" t="s">
        <v>86</v>
      </c>
      <c r="E10766" s="15">
        <v>45557</v>
      </c>
      <c r="F10766" s="14" t="s">
        <v>15</v>
      </c>
      <c r="G10766" s="16">
        <v>0</v>
      </c>
    </row>
    <row r="10767" spans="1:7" x14ac:dyDescent="0.3">
      <c r="A10767" s="13" t="s">
        <v>85</v>
      </c>
      <c r="B10767" s="14" t="s">
        <v>1</v>
      </c>
      <c r="C10767" s="14" t="s">
        <v>17</v>
      </c>
      <c r="D10767" s="14" t="s">
        <v>86</v>
      </c>
      <c r="E10767" s="15">
        <v>45558</v>
      </c>
      <c r="F10767" s="14" t="s">
        <v>15</v>
      </c>
      <c r="G10767" s="16">
        <v>0</v>
      </c>
    </row>
    <row r="10768" spans="1:7" x14ac:dyDescent="0.3">
      <c r="A10768" s="13" t="s">
        <v>85</v>
      </c>
      <c r="B10768" s="14" t="s">
        <v>1</v>
      </c>
      <c r="C10768" s="14" t="s">
        <v>17</v>
      </c>
      <c r="D10768" s="14" t="s">
        <v>86</v>
      </c>
      <c r="E10768" s="15">
        <v>45559</v>
      </c>
      <c r="F10768" s="14" t="s">
        <v>15</v>
      </c>
      <c r="G10768" s="16">
        <v>0</v>
      </c>
    </row>
    <row r="10769" spans="1:7" x14ac:dyDescent="0.3">
      <c r="A10769" s="13" t="s">
        <v>85</v>
      </c>
      <c r="B10769" s="14" t="s">
        <v>1</v>
      </c>
      <c r="C10769" s="14" t="s">
        <v>17</v>
      </c>
      <c r="D10769" s="14" t="s">
        <v>86</v>
      </c>
      <c r="E10769" s="15">
        <v>45560</v>
      </c>
      <c r="F10769" s="14" t="s">
        <v>15</v>
      </c>
      <c r="G10769" s="16">
        <v>0</v>
      </c>
    </row>
    <row r="10770" spans="1:7" x14ac:dyDescent="0.3">
      <c r="A10770" s="13" t="s">
        <v>85</v>
      </c>
      <c r="B10770" s="14" t="s">
        <v>1</v>
      </c>
      <c r="C10770" s="14" t="s">
        <v>17</v>
      </c>
      <c r="D10770" s="14" t="s">
        <v>86</v>
      </c>
      <c r="E10770" s="15">
        <v>45561</v>
      </c>
      <c r="F10770" s="14" t="s">
        <v>15</v>
      </c>
      <c r="G10770" s="16">
        <v>0</v>
      </c>
    </row>
    <row r="10771" spans="1:7" x14ac:dyDescent="0.3">
      <c r="A10771" s="13" t="s">
        <v>85</v>
      </c>
      <c r="B10771" s="14" t="s">
        <v>1</v>
      </c>
      <c r="C10771" s="14" t="s">
        <v>17</v>
      </c>
      <c r="D10771" s="14" t="s">
        <v>86</v>
      </c>
      <c r="E10771" s="15">
        <v>45562</v>
      </c>
      <c r="F10771" s="14" t="s">
        <v>15</v>
      </c>
      <c r="G10771" s="16">
        <v>0</v>
      </c>
    </row>
    <row r="10772" spans="1:7" x14ac:dyDescent="0.3">
      <c r="A10772" s="13" t="s">
        <v>85</v>
      </c>
      <c r="B10772" s="14" t="s">
        <v>1</v>
      </c>
      <c r="C10772" s="14" t="s">
        <v>17</v>
      </c>
      <c r="D10772" s="14" t="s">
        <v>86</v>
      </c>
      <c r="E10772" s="15">
        <v>45563</v>
      </c>
      <c r="F10772" s="14" t="s">
        <v>15</v>
      </c>
      <c r="G10772" s="16">
        <v>0</v>
      </c>
    </row>
    <row r="10773" spans="1:7" x14ac:dyDescent="0.3">
      <c r="A10773" s="13" t="s">
        <v>85</v>
      </c>
      <c r="B10773" s="14" t="s">
        <v>1</v>
      </c>
      <c r="C10773" s="14" t="s">
        <v>17</v>
      </c>
      <c r="D10773" s="14" t="s">
        <v>86</v>
      </c>
      <c r="E10773" s="15">
        <v>45564</v>
      </c>
      <c r="F10773" s="14" t="s">
        <v>15</v>
      </c>
      <c r="G10773" s="16">
        <v>0</v>
      </c>
    </row>
    <row r="10774" spans="1:7" x14ac:dyDescent="0.3">
      <c r="A10774" s="13" t="s">
        <v>85</v>
      </c>
      <c r="B10774" s="14" t="s">
        <v>1</v>
      </c>
      <c r="C10774" s="14" t="s">
        <v>17</v>
      </c>
      <c r="D10774" s="14" t="s">
        <v>86</v>
      </c>
      <c r="E10774" s="15">
        <v>45565</v>
      </c>
      <c r="F10774" s="14" t="s">
        <v>15</v>
      </c>
      <c r="G10774" s="16">
        <v>0</v>
      </c>
    </row>
    <row r="10775" spans="1:7" x14ac:dyDescent="0.3">
      <c r="A10775" s="13" t="s">
        <v>85</v>
      </c>
      <c r="B10775" s="14" t="s">
        <v>1</v>
      </c>
      <c r="C10775" s="14" t="s">
        <v>17</v>
      </c>
      <c r="D10775" s="14" t="s">
        <v>86</v>
      </c>
      <c r="E10775" s="15">
        <v>45566</v>
      </c>
      <c r="F10775" s="14" t="s">
        <v>15</v>
      </c>
      <c r="G10775" s="16">
        <v>0</v>
      </c>
    </row>
    <row r="10776" spans="1:7" x14ac:dyDescent="0.3">
      <c r="A10776" s="13" t="s">
        <v>85</v>
      </c>
      <c r="B10776" s="14" t="s">
        <v>1</v>
      </c>
      <c r="C10776" s="14" t="s">
        <v>17</v>
      </c>
      <c r="D10776" s="14" t="s">
        <v>86</v>
      </c>
      <c r="E10776" s="15">
        <v>45567</v>
      </c>
      <c r="F10776" s="14" t="s">
        <v>15</v>
      </c>
      <c r="G10776" s="16">
        <v>0</v>
      </c>
    </row>
    <row r="10777" spans="1:7" x14ac:dyDescent="0.3">
      <c r="A10777" s="13" t="s">
        <v>85</v>
      </c>
      <c r="B10777" s="14" t="s">
        <v>1</v>
      </c>
      <c r="C10777" s="14" t="s">
        <v>17</v>
      </c>
      <c r="D10777" s="14" t="s">
        <v>86</v>
      </c>
      <c r="E10777" s="15">
        <v>45568</v>
      </c>
      <c r="F10777" s="14" t="s">
        <v>15</v>
      </c>
      <c r="G10777" s="16">
        <v>0</v>
      </c>
    </row>
    <row r="10778" spans="1:7" x14ac:dyDescent="0.3">
      <c r="A10778" s="13" t="s">
        <v>85</v>
      </c>
      <c r="B10778" s="14" t="s">
        <v>1</v>
      </c>
      <c r="C10778" s="14" t="s">
        <v>17</v>
      </c>
      <c r="D10778" s="14" t="s">
        <v>86</v>
      </c>
      <c r="E10778" s="15">
        <v>45569</v>
      </c>
      <c r="F10778" s="14" t="s">
        <v>15</v>
      </c>
      <c r="G10778" s="16">
        <v>0</v>
      </c>
    </row>
    <row r="10779" spans="1:7" x14ac:dyDescent="0.3">
      <c r="A10779" s="13" t="s">
        <v>85</v>
      </c>
      <c r="B10779" s="14" t="s">
        <v>1</v>
      </c>
      <c r="C10779" s="14" t="s">
        <v>17</v>
      </c>
      <c r="D10779" s="14" t="s">
        <v>86</v>
      </c>
      <c r="E10779" s="15">
        <v>45570</v>
      </c>
      <c r="F10779" s="14" t="s">
        <v>15</v>
      </c>
      <c r="G10779" s="16">
        <v>0</v>
      </c>
    </row>
    <row r="10780" spans="1:7" x14ac:dyDescent="0.3">
      <c r="A10780" s="13" t="s">
        <v>85</v>
      </c>
      <c r="B10780" s="14" t="s">
        <v>1</v>
      </c>
      <c r="C10780" s="14" t="s">
        <v>17</v>
      </c>
      <c r="D10780" s="14" t="s">
        <v>86</v>
      </c>
      <c r="E10780" s="15">
        <v>45571</v>
      </c>
      <c r="F10780" s="14" t="s">
        <v>15</v>
      </c>
      <c r="G10780" s="16">
        <v>0</v>
      </c>
    </row>
    <row r="10781" spans="1:7" x14ac:dyDescent="0.3">
      <c r="A10781" s="13" t="s">
        <v>85</v>
      </c>
      <c r="B10781" s="14" t="s">
        <v>1</v>
      </c>
      <c r="C10781" s="14" t="s">
        <v>17</v>
      </c>
      <c r="D10781" s="14" t="s">
        <v>86</v>
      </c>
      <c r="E10781" s="15">
        <v>45572</v>
      </c>
      <c r="F10781" s="14" t="s">
        <v>15</v>
      </c>
      <c r="G10781" s="16">
        <v>0</v>
      </c>
    </row>
    <row r="10782" spans="1:7" x14ac:dyDescent="0.3">
      <c r="A10782" s="13" t="s">
        <v>85</v>
      </c>
      <c r="B10782" s="14" t="s">
        <v>1</v>
      </c>
      <c r="C10782" s="14" t="s">
        <v>17</v>
      </c>
      <c r="D10782" s="14" t="s">
        <v>86</v>
      </c>
      <c r="E10782" s="15">
        <v>45573</v>
      </c>
      <c r="F10782" s="14" t="s">
        <v>15</v>
      </c>
      <c r="G10782" s="16">
        <v>0</v>
      </c>
    </row>
    <row r="10783" spans="1:7" x14ac:dyDescent="0.3">
      <c r="A10783" s="13" t="s">
        <v>85</v>
      </c>
      <c r="B10783" s="14" t="s">
        <v>1</v>
      </c>
      <c r="C10783" s="14" t="s">
        <v>17</v>
      </c>
      <c r="D10783" s="14" t="s">
        <v>86</v>
      </c>
      <c r="E10783" s="15">
        <v>45574</v>
      </c>
      <c r="F10783" s="14" t="s">
        <v>15</v>
      </c>
      <c r="G10783" s="16">
        <v>0</v>
      </c>
    </row>
    <row r="10784" spans="1:7" x14ac:dyDescent="0.3">
      <c r="A10784" s="13" t="s">
        <v>85</v>
      </c>
      <c r="B10784" s="14" t="s">
        <v>1</v>
      </c>
      <c r="C10784" s="14" t="s">
        <v>17</v>
      </c>
      <c r="D10784" s="14" t="s">
        <v>86</v>
      </c>
      <c r="E10784" s="15">
        <v>45575</v>
      </c>
      <c r="F10784" s="14" t="s">
        <v>15</v>
      </c>
      <c r="G10784" s="16">
        <v>0</v>
      </c>
    </row>
    <row r="10785" spans="1:7" x14ac:dyDescent="0.3">
      <c r="A10785" s="13" t="s">
        <v>85</v>
      </c>
      <c r="B10785" s="14" t="s">
        <v>1</v>
      </c>
      <c r="C10785" s="14" t="s">
        <v>17</v>
      </c>
      <c r="D10785" s="14" t="s">
        <v>86</v>
      </c>
      <c r="E10785" s="15">
        <v>45576</v>
      </c>
      <c r="F10785" s="14" t="s">
        <v>15</v>
      </c>
      <c r="G10785" s="16">
        <v>0</v>
      </c>
    </row>
    <row r="10786" spans="1:7" x14ac:dyDescent="0.3">
      <c r="A10786" s="13" t="s">
        <v>85</v>
      </c>
      <c r="B10786" s="14" t="s">
        <v>1</v>
      </c>
      <c r="C10786" s="14" t="s">
        <v>17</v>
      </c>
      <c r="D10786" s="14" t="s">
        <v>86</v>
      </c>
      <c r="E10786" s="15">
        <v>45577</v>
      </c>
      <c r="F10786" s="14" t="s">
        <v>15</v>
      </c>
      <c r="G10786" s="16">
        <v>0</v>
      </c>
    </row>
    <row r="10787" spans="1:7" x14ac:dyDescent="0.3">
      <c r="A10787" s="13" t="s">
        <v>85</v>
      </c>
      <c r="B10787" s="14" t="s">
        <v>1</v>
      </c>
      <c r="C10787" s="14" t="s">
        <v>17</v>
      </c>
      <c r="D10787" s="14" t="s">
        <v>86</v>
      </c>
      <c r="E10787" s="15">
        <v>45578</v>
      </c>
      <c r="F10787" s="14" t="s">
        <v>15</v>
      </c>
      <c r="G10787" s="16">
        <v>0</v>
      </c>
    </row>
    <row r="10788" spans="1:7" x14ac:dyDescent="0.3">
      <c r="A10788" s="13" t="s">
        <v>85</v>
      </c>
      <c r="B10788" s="14" t="s">
        <v>1</v>
      </c>
      <c r="C10788" s="14" t="s">
        <v>17</v>
      </c>
      <c r="D10788" s="14" t="s">
        <v>86</v>
      </c>
      <c r="E10788" s="15">
        <v>45579</v>
      </c>
      <c r="F10788" s="14" t="s">
        <v>15</v>
      </c>
      <c r="G10788" s="16">
        <v>0</v>
      </c>
    </row>
    <row r="10789" spans="1:7" x14ac:dyDescent="0.3">
      <c r="A10789" s="13" t="s">
        <v>85</v>
      </c>
      <c r="B10789" s="14" t="s">
        <v>1</v>
      </c>
      <c r="C10789" s="14" t="s">
        <v>17</v>
      </c>
      <c r="D10789" s="14" t="s">
        <v>86</v>
      </c>
      <c r="E10789" s="15">
        <v>45580</v>
      </c>
      <c r="F10789" s="14" t="s">
        <v>15</v>
      </c>
      <c r="G10789" s="16">
        <v>0</v>
      </c>
    </row>
    <row r="10790" spans="1:7" x14ac:dyDescent="0.3">
      <c r="A10790" s="13" t="s">
        <v>85</v>
      </c>
      <c r="B10790" s="14" t="s">
        <v>1</v>
      </c>
      <c r="C10790" s="14" t="s">
        <v>17</v>
      </c>
      <c r="D10790" s="14" t="s">
        <v>86</v>
      </c>
      <c r="E10790" s="15">
        <v>45581</v>
      </c>
      <c r="F10790" s="14" t="s">
        <v>15</v>
      </c>
      <c r="G10790" s="16">
        <v>0</v>
      </c>
    </row>
    <row r="10791" spans="1:7" x14ac:dyDescent="0.3">
      <c r="A10791" s="13" t="s">
        <v>85</v>
      </c>
      <c r="B10791" s="14" t="s">
        <v>1</v>
      </c>
      <c r="C10791" s="14" t="s">
        <v>17</v>
      </c>
      <c r="D10791" s="14" t="s">
        <v>86</v>
      </c>
      <c r="E10791" s="15">
        <v>45582</v>
      </c>
      <c r="F10791" s="14" t="s">
        <v>15</v>
      </c>
      <c r="G10791" s="16">
        <v>0</v>
      </c>
    </row>
    <row r="10792" spans="1:7" x14ac:dyDescent="0.3">
      <c r="A10792" s="13" t="s">
        <v>85</v>
      </c>
      <c r="B10792" s="14" t="s">
        <v>1</v>
      </c>
      <c r="C10792" s="14" t="s">
        <v>17</v>
      </c>
      <c r="D10792" s="14" t="s">
        <v>86</v>
      </c>
      <c r="E10792" s="15">
        <v>45583</v>
      </c>
      <c r="F10792" s="14" t="s">
        <v>15</v>
      </c>
      <c r="G10792" s="16">
        <v>0</v>
      </c>
    </row>
    <row r="10793" spans="1:7" x14ac:dyDescent="0.3">
      <c r="A10793" s="13" t="s">
        <v>85</v>
      </c>
      <c r="B10793" s="14" t="s">
        <v>1</v>
      </c>
      <c r="C10793" s="14" t="s">
        <v>17</v>
      </c>
      <c r="D10793" s="14" t="s">
        <v>86</v>
      </c>
      <c r="E10793" s="15">
        <v>45584</v>
      </c>
      <c r="F10793" s="14" t="s">
        <v>15</v>
      </c>
      <c r="G10793" s="16">
        <v>0</v>
      </c>
    </row>
    <row r="10794" spans="1:7" x14ac:dyDescent="0.3">
      <c r="A10794" s="13" t="s">
        <v>85</v>
      </c>
      <c r="B10794" s="14" t="s">
        <v>1</v>
      </c>
      <c r="C10794" s="14" t="s">
        <v>17</v>
      </c>
      <c r="D10794" s="14" t="s">
        <v>86</v>
      </c>
      <c r="E10794" s="15">
        <v>45585</v>
      </c>
      <c r="F10794" s="14" t="s">
        <v>15</v>
      </c>
      <c r="G10794" s="16">
        <v>0</v>
      </c>
    </row>
    <row r="10795" spans="1:7" x14ac:dyDescent="0.3">
      <c r="A10795" s="13" t="s">
        <v>85</v>
      </c>
      <c r="B10795" s="14" t="s">
        <v>1</v>
      </c>
      <c r="C10795" s="14" t="s">
        <v>17</v>
      </c>
      <c r="D10795" s="14" t="s">
        <v>86</v>
      </c>
      <c r="E10795" s="15">
        <v>45586</v>
      </c>
      <c r="F10795" s="14" t="s">
        <v>15</v>
      </c>
      <c r="G10795" s="16">
        <v>0</v>
      </c>
    </row>
    <row r="10796" spans="1:7" x14ac:dyDescent="0.3">
      <c r="A10796" s="13" t="s">
        <v>85</v>
      </c>
      <c r="B10796" s="14" t="s">
        <v>1</v>
      </c>
      <c r="C10796" s="14" t="s">
        <v>17</v>
      </c>
      <c r="D10796" s="14" t="s">
        <v>86</v>
      </c>
      <c r="E10796" s="15">
        <v>45587</v>
      </c>
      <c r="F10796" s="14" t="s">
        <v>15</v>
      </c>
      <c r="G10796" s="16">
        <v>0</v>
      </c>
    </row>
    <row r="10797" spans="1:7" x14ac:dyDescent="0.3">
      <c r="A10797" s="13" t="s">
        <v>85</v>
      </c>
      <c r="B10797" s="14" t="s">
        <v>1</v>
      </c>
      <c r="C10797" s="14" t="s">
        <v>17</v>
      </c>
      <c r="D10797" s="14" t="s">
        <v>86</v>
      </c>
      <c r="E10797" s="15">
        <v>45588</v>
      </c>
      <c r="F10797" s="14" t="s">
        <v>15</v>
      </c>
      <c r="G10797" s="16">
        <v>0</v>
      </c>
    </row>
    <row r="10798" spans="1:7" x14ac:dyDescent="0.3">
      <c r="A10798" s="13" t="s">
        <v>85</v>
      </c>
      <c r="B10798" s="14" t="s">
        <v>1</v>
      </c>
      <c r="C10798" s="14" t="s">
        <v>17</v>
      </c>
      <c r="D10798" s="14" t="s">
        <v>86</v>
      </c>
      <c r="E10798" s="15">
        <v>45589</v>
      </c>
      <c r="F10798" s="14" t="s">
        <v>15</v>
      </c>
      <c r="G10798" s="16">
        <v>0</v>
      </c>
    </row>
    <row r="10799" spans="1:7" x14ac:dyDescent="0.3">
      <c r="A10799" s="13" t="s">
        <v>85</v>
      </c>
      <c r="B10799" s="14" t="s">
        <v>1</v>
      </c>
      <c r="C10799" s="14" t="s">
        <v>17</v>
      </c>
      <c r="D10799" s="14" t="s">
        <v>86</v>
      </c>
      <c r="E10799" s="15">
        <v>45590</v>
      </c>
      <c r="F10799" s="14" t="s">
        <v>15</v>
      </c>
      <c r="G10799" s="16">
        <v>0</v>
      </c>
    </row>
    <row r="10800" spans="1:7" x14ac:dyDescent="0.3">
      <c r="A10800" s="13" t="s">
        <v>85</v>
      </c>
      <c r="B10800" s="14" t="s">
        <v>1</v>
      </c>
      <c r="C10800" s="14" t="s">
        <v>17</v>
      </c>
      <c r="D10800" s="14" t="s">
        <v>86</v>
      </c>
      <c r="E10800" s="15">
        <v>45591</v>
      </c>
      <c r="F10800" s="14" t="s">
        <v>15</v>
      </c>
      <c r="G10800" s="16">
        <v>0</v>
      </c>
    </row>
    <row r="10801" spans="1:7" x14ac:dyDescent="0.3">
      <c r="A10801" s="13" t="s">
        <v>85</v>
      </c>
      <c r="B10801" s="14" t="s">
        <v>1</v>
      </c>
      <c r="C10801" s="14" t="s">
        <v>17</v>
      </c>
      <c r="D10801" s="14" t="s">
        <v>86</v>
      </c>
      <c r="E10801" s="15">
        <v>45592</v>
      </c>
      <c r="F10801" s="14" t="s">
        <v>15</v>
      </c>
      <c r="G10801" s="16">
        <v>0</v>
      </c>
    </row>
    <row r="10802" spans="1:7" x14ac:dyDescent="0.3">
      <c r="A10802" s="13" t="s">
        <v>85</v>
      </c>
      <c r="B10802" s="14" t="s">
        <v>1</v>
      </c>
      <c r="C10802" s="14" t="s">
        <v>17</v>
      </c>
      <c r="D10802" s="14" t="s">
        <v>86</v>
      </c>
      <c r="E10802" s="15">
        <v>45593</v>
      </c>
      <c r="F10802" s="14" t="s">
        <v>15</v>
      </c>
      <c r="G10802" s="16">
        <v>0</v>
      </c>
    </row>
    <row r="10803" spans="1:7" x14ac:dyDescent="0.3">
      <c r="A10803" s="13" t="s">
        <v>85</v>
      </c>
      <c r="B10803" s="14" t="s">
        <v>1</v>
      </c>
      <c r="C10803" s="14" t="s">
        <v>17</v>
      </c>
      <c r="D10803" s="14" t="s">
        <v>86</v>
      </c>
      <c r="E10803" s="15">
        <v>45594</v>
      </c>
      <c r="F10803" s="14" t="s">
        <v>15</v>
      </c>
      <c r="G10803" s="16">
        <v>0</v>
      </c>
    </row>
    <row r="10804" spans="1:7" x14ac:dyDescent="0.3">
      <c r="A10804" s="13" t="s">
        <v>85</v>
      </c>
      <c r="B10804" s="14" t="s">
        <v>1</v>
      </c>
      <c r="C10804" s="14" t="s">
        <v>17</v>
      </c>
      <c r="D10804" s="14" t="s">
        <v>86</v>
      </c>
      <c r="E10804" s="15">
        <v>45595</v>
      </c>
      <c r="F10804" s="14" t="s">
        <v>15</v>
      </c>
      <c r="G10804" s="16">
        <v>0</v>
      </c>
    </row>
    <row r="10805" spans="1:7" x14ac:dyDescent="0.3">
      <c r="A10805" s="13" t="s">
        <v>85</v>
      </c>
      <c r="B10805" s="14" t="s">
        <v>1</v>
      </c>
      <c r="C10805" s="14" t="s">
        <v>17</v>
      </c>
      <c r="D10805" s="14" t="s">
        <v>86</v>
      </c>
      <c r="E10805" s="15">
        <v>45596</v>
      </c>
      <c r="F10805" s="14" t="s">
        <v>15</v>
      </c>
      <c r="G10805" s="16">
        <v>0</v>
      </c>
    </row>
    <row r="10806" spans="1:7" x14ac:dyDescent="0.3">
      <c r="A10806" s="13" t="s">
        <v>85</v>
      </c>
      <c r="B10806" s="14" t="s">
        <v>1</v>
      </c>
      <c r="C10806" s="14" t="s">
        <v>17</v>
      </c>
      <c r="D10806" s="14" t="s">
        <v>86</v>
      </c>
      <c r="E10806" s="15">
        <v>45597</v>
      </c>
      <c r="F10806" s="14" t="s">
        <v>15</v>
      </c>
      <c r="G10806" s="16">
        <v>0</v>
      </c>
    </row>
    <row r="10807" spans="1:7" x14ac:dyDescent="0.3">
      <c r="A10807" s="13" t="s">
        <v>85</v>
      </c>
      <c r="B10807" s="14" t="s">
        <v>1</v>
      </c>
      <c r="C10807" s="14" t="s">
        <v>17</v>
      </c>
      <c r="D10807" s="14" t="s">
        <v>86</v>
      </c>
      <c r="E10807" s="15">
        <v>45598</v>
      </c>
      <c r="F10807" s="14" t="s">
        <v>15</v>
      </c>
      <c r="G10807" s="16">
        <v>0</v>
      </c>
    </row>
    <row r="10808" spans="1:7" x14ac:dyDescent="0.3">
      <c r="A10808" s="13" t="s">
        <v>85</v>
      </c>
      <c r="B10808" s="14" t="s">
        <v>1</v>
      </c>
      <c r="C10808" s="14" t="s">
        <v>17</v>
      </c>
      <c r="D10808" s="14" t="s">
        <v>86</v>
      </c>
      <c r="E10808" s="15">
        <v>45599</v>
      </c>
      <c r="F10808" s="14" t="s">
        <v>15</v>
      </c>
      <c r="G10808" s="16">
        <v>0</v>
      </c>
    </row>
    <row r="10809" spans="1:7" x14ac:dyDescent="0.3">
      <c r="A10809" s="13" t="s">
        <v>85</v>
      </c>
      <c r="B10809" s="14" t="s">
        <v>1</v>
      </c>
      <c r="C10809" s="14" t="s">
        <v>17</v>
      </c>
      <c r="D10809" s="14" t="s">
        <v>86</v>
      </c>
      <c r="E10809" s="15">
        <v>45600</v>
      </c>
      <c r="F10809" s="14" t="s">
        <v>15</v>
      </c>
      <c r="G10809" s="16">
        <v>0</v>
      </c>
    </row>
    <row r="10810" spans="1:7" x14ac:dyDescent="0.3">
      <c r="A10810" s="13" t="s">
        <v>85</v>
      </c>
      <c r="B10810" s="14" t="s">
        <v>1</v>
      </c>
      <c r="C10810" s="14" t="s">
        <v>17</v>
      </c>
      <c r="D10810" s="14" t="s">
        <v>86</v>
      </c>
      <c r="E10810" s="15">
        <v>45601</v>
      </c>
      <c r="F10810" s="14" t="s">
        <v>15</v>
      </c>
      <c r="G10810" s="16">
        <v>0</v>
      </c>
    </row>
    <row r="10811" spans="1:7" x14ac:dyDescent="0.3">
      <c r="A10811" s="13" t="s">
        <v>85</v>
      </c>
      <c r="B10811" s="14" t="s">
        <v>1</v>
      </c>
      <c r="C10811" s="14" t="s">
        <v>17</v>
      </c>
      <c r="D10811" s="14" t="s">
        <v>86</v>
      </c>
      <c r="E10811" s="15">
        <v>45602</v>
      </c>
      <c r="F10811" s="14" t="s">
        <v>15</v>
      </c>
      <c r="G10811" s="16">
        <v>0</v>
      </c>
    </row>
    <row r="10812" spans="1:7" x14ac:dyDescent="0.3">
      <c r="A10812" s="13" t="s">
        <v>85</v>
      </c>
      <c r="B10812" s="14" t="s">
        <v>1</v>
      </c>
      <c r="C10812" s="14" t="s">
        <v>17</v>
      </c>
      <c r="D10812" s="14" t="s">
        <v>86</v>
      </c>
      <c r="E10812" s="15">
        <v>45603</v>
      </c>
      <c r="F10812" s="14" t="s">
        <v>15</v>
      </c>
      <c r="G10812" s="16">
        <v>0</v>
      </c>
    </row>
    <row r="10813" spans="1:7" x14ac:dyDescent="0.3">
      <c r="A10813" s="13" t="s">
        <v>85</v>
      </c>
      <c r="B10813" s="14" t="s">
        <v>1</v>
      </c>
      <c r="C10813" s="14" t="s">
        <v>17</v>
      </c>
      <c r="D10813" s="14" t="s">
        <v>86</v>
      </c>
      <c r="E10813" s="15">
        <v>45604</v>
      </c>
      <c r="F10813" s="14" t="s">
        <v>15</v>
      </c>
      <c r="G10813" s="16">
        <v>0</v>
      </c>
    </row>
    <row r="10814" spans="1:7" x14ac:dyDescent="0.3">
      <c r="A10814" s="13" t="s">
        <v>85</v>
      </c>
      <c r="B10814" s="14" t="s">
        <v>1</v>
      </c>
      <c r="C10814" s="14" t="s">
        <v>17</v>
      </c>
      <c r="D10814" s="14" t="s">
        <v>86</v>
      </c>
      <c r="E10814" s="15">
        <v>45605</v>
      </c>
      <c r="F10814" s="14" t="s">
        <v>15</v>
      </c>
      <c r="G10814" s="16">
        <v>0</v>
      </c>
    </row>
    <row r="10815" spans="1:7" x14ac:dyDescent="0.3">
      <c r="A10815" s="13" t="s">
        <v>85</v>
      </c>
      <c r="B10815" s="14" t="s">
        <v>1</v>
      </c>
      <c r="C10815" s="14" t="s">
        <v>17</v>
      </c>
      <c r="D10815" s="14" t="s">
        <v>86</v>
      </c>
      <c r="E10815" s="15">
        <v>45606</v>
      </c>
      <c r="F10815" s="14" t="s">
        <v>15</v>
      </c>
      <c r="G10815" s="16">
        <v>0</v>
      </c>
    </row>
    <row r="10816" spans="1:7" x14ac:dyDescent="0.3">
      <c r="A10816" s="13" t="s">
        <v>85</v>
      </c>
      <c r="B10816" s="14" t="s">
        <v>1</v>
      </c>
      <c r="C10816" s="14" t="s">
        <v>17</v>
      </c>
      <c r="D10816" s="14" t="s">
        <v>86</v>
      </c>
      <c r="E10816" s="15">
        <v>45607</v>
      </c>
      <c r="F10816" s="14" t="s">
        <v>15</v>
      </c>
      <c r="G10816" s="16">
        <v>0</v>
      </c>
    </row>
    <row r="10817" spans="1:7" x14ac:dyDescent="0.3">
      <c r="A10817" s="13" t="s">
        <v>85</v>
      </c>
      <c r="B10817" s="14" t="s">
        <v>1</v>
      </c>
      <c r="C10817" s="14" t="s">
        <v>17</v>
      </c>
      <c r="D10817" s="14" t="s">
        <v>86</v>
      </c>
      <c r="E10817" s="15">
        <v>45608</v>
      </c>
      <c r="F10817" s="14" t="s">
        <v>15</v>
      </c>
      <c r="G10817" s="16">
        <v>0</v>
      </c>
    </row>
    <row r="10818" spans="1:7" x14ac:dyDescent="0.3">
      <c r="A10818" s="13" t="s">
        <v>85</v>
      </c>
      <c r="B10818" s="14" t="s">
        <v>1</v>
      </c>
      <c r="C10818" s="14" t="s">
        <v>17</v>
      </c>
      <c r="D10818" s="14" t="s">
        <v>86</v>
      </c>
      <c r="E10818" s="15">
        <v>45609</v>
      </c>
      <c r="F10818" s="14" t="s">
        <v>15</v>
      </c>
      <c r="G10818" s="16">
        <v>0</v>
      </c>
    </row>
    <row r="10819" spans="1:7" x14ac:dyDescent="0.3">
      <c r="A10819" s="13" t="s">
        <v>85</v>
      </c>
      <c r="B10819" s="14" t="s">
        <v>1</v>
      </c>
      <c r="C10819" s="14" t="s">
        <v>17</v>
      </c>
      <c r="D10819" s="14" t="s">
        <v>86</v>
      </c>
      <c r="E10819" s="15">
        <v>45610</v>
      </c>
      <c r="F10819" s="14" t="s">
        <v>15</v>
      </c>
      <c r="G10819" s="16">
        <v>0</v>
      </c>
    </row>
    <row r="10820" spans="1:7" x14ac:dyDescent="0.3">
      <c r="A10820" s="13" t="s">
        <v>85</v>
      </c>
      <c r="B10820" s="14" t="s">
        <v>1</v>
      </c>
      <c r="C10820" s="14" t="s">
        <v>17</v>
      </c>
      <c r="D10820" s="14" t="s">
        <v>86</v>
      </c>
      <c r="E10820" s="15">
        <v>45611</v>
      </c>
      <c r="F10820" s="14" t="s">
        <v>15</v>
      </c>
      <c r="G10820" s="16">
        <v>0</v>
      </c>
    </row>
    <row r="10821" spans="1:7" x14ac:dyDescent="0.3">
      <c r="A10821" s="13" t="s">
        <v>85</v>
      </c>
      <c r="B10821" s="14" t="s">
        <v>1</v>
      </c>
      <c r="C10821" s="14" t="s">
        <v>17</v>
      </c>
      <c r="D10821" s="14" t="s">
        <v>86</v>
      </c>
      <c r="E10821" s="15">
        <v>45612</v>
      </c>
      <c r="F10821" s="14" t="s">
        <v>15</v>
      </c>
      <c r="G10821" s="16">
        <v>0</v>
      </c>
    </row>
    <row r="10822" spans="1:7" x14ac:dyDescent="0.3">
      <c r="A10822" s="13" t="s">
        <v>85</v>
      </c>
      <c r="B10822" s="14" t="s">
        <v>1</v>
      </c>
      <c r="C10822" s="14" t="s">
        <v>17</v>
      </c>
      <c r="D10822" s="14" t="s">
        <v>86</v>
      </c>
      <c r="E10822" s="15">
        <v>45613</v>
      </c>
      <c r="F10822" s="14" t="s">
        <v>15</v>
      </c>
      <c r="G10822" s="16">
        <v>0</v>
      </c>
    </row>
    <row r="10823" spans="1:7" x14ac:dyDescent="0.3">
      <c r="A10823" s="13" t="s">
        <v>85</v>
      </c>
      <c r="B10823" s="14" t="s">
        <v>1</v>
      </c>
      <c r="C10823" s="14" t="s">
        <v>17</v>
      </c>
      <c r="D10823" s="14" t="s">
        <v>86</v>
      </c>
      <c r="E10823" s="15">
        <v>45614</v>
      </c>
      <c r="F10823" s="14" t="s">
        <v>15</v>
      </c>
      <c r="G10823" s="16">
        <v>0</v>
      </c>
    </row>
    <row r="10824" spans="1:7" x14ac:dyDescent="0.3">
      <c r="A10824" s="13" t="s">
        <v>85</v>
      </c>
      <c r="B10824" s="14" t="s">
        <v>1</v>
      </c>
      <c r="C10824" s="14" t="s">
        <v>17</v>
      </c>
      <c r="D10824" s="14" t="s">
        <v>86</v>
      </c>
      <c r="E10824" s="15">
        <v>45615</v>
      </c>
      <c r="F10824" s="14" t="s">
        <v>15</v>
      </c>
      <c r="G10824" s="16">
        <v>0</v>
      </c>
    </row>
    <row r="10825" spans="1:7" x14ac:dyDescent="0.3">
      <c r="A10825" s="13" t="s">
        <v>85</v>
      </c>
      <c r="B10825" s="14" t="s">
        <v>1</v>
      </c>
      <c r="C10825" s="14" t="s">
        <v>17</v>
      </c>
      <c r="D10825" s="14" t="s">
        <v>86</v>
      </c>
      <c r="E10825" s="15">
        <v>45616</v>
      </c>
      <c r="F10825" s="14" t="s">
        <v>15</v>
      </c>
      <c r="G10825" s="16">
        <v>0</v>
      </c>
    </row>
    <row r="10826" spans="1:7" x14ac:dyDescent="0.3">
      <c r="A10826" s="13" t="s">
        <v>85</v>
      </c>
      <c r="B10826" s="14" t="s">
        <v>1</v>
      </c>
      <c r="C10826" s="14" t="s">
        <v>17</v>
      </c>
      <c r="D10826" s="14" t="s">
        <v>86</v>
      </c>
      <c r="E10826" s="15">
        <v>45617</v>
      </c>
      <c r="F10826" s="14" t="s">
        <v>15</v>
      </c>
      <c r="G10826" s="16">
        <v>0</v>
      </c>
    </row>
    <row r="10827" spans="1:7" x14ac:dyDescent="0.3">
      <c r="A10827" s="13" t="s">
        <v>85</v>
      </c>
      <c r="B10827" s="14" t="s">
        <v>1</v>
      </c>
      <c r="C10827" s="14" t="s">
        <v>17</v>
      </c>
      <c r="D10827" s="14" t="s">
        <v>86</v>
      </c>
      <c r="E10827" s="15">
        <v>45618</v>
      </c>
      <c r="F10827" s="14" t="s">
        <v>15</v>
      </c>
      <c r="G10827" s="16">
        <v>0</v>
      </c>
    </row>
    <row r="10828" spans="1:7" x14ac:dyDescent="0.3">
      <c r="A10828" s="13" t="s">
        <v>85</v>
      </c>
      <c r="B10828" s="14" t="s">
        <v>1</v>
      </c>
      <c r="C10828" s="14" t="s">
        <v>17</v>
      </c>
      <c r="D10828" s="14" t="s">
        <v>86</v>
      </c>
      <c r="E10828" s="15">
        <v>45619</v>
      </c>
      <c r="F10828" s="14" t="s">
        <v>15</v>
      </c>
      <c r="G10828" s="16">
        <v>0</v>
      </c>
    </row>
    <row r="10829" spans="1:7" x14ac:dyDescent="0.3">
      <c r="A10829" s="13" t="s">
        <v>85</v>
      </c>
      <c r="B10829" s="14" t="s">
        <v>1</v>
      </c>
      <c r="C10829" s="14" t="s">
        <v>17</v>
      </c>
      <c r="D10829" s="14" t="s">
        <v>86</v>
      </c>
      <c r="E10829" s="15">
        <v>45620</v>
      </c>
      <c r="F10829" s="14" t="s">
        <v>15</v>
      </c>
      <c r="G10829" s="16">
        <v>0</v>
      </c>
    </row>
    <row r="10830" spans="1:7" x14ac:dyDescent="0.3">
      <c r="A10830" s="13" t="s">
        <v>85</v>
      </c>
      <c r="B10830" s="14" t="s">
        <v>1</v>
      </c>
      <c r="C10830" s="14" t="s">
        <v>17</v>
      </c>
      <c r="D10830" s="14" t="s">
        <v>86</v>
      </c>
      <c r="E10830" s="15">
        <v>45621</v>
      </c>
      <c r="F10830" s="14" t="s">
        <v>15</v>
      </c>
      <c r="G10830" s="16">
        <v>0</v>
      </c>
    </row>
    <row r="10831" spans="1:7" x14ac:dyDescent="0.3">
      <c r="A10831" s="13" t="s">
        <v>85</v>
      </c>
      <c r="B10831" s="14" t="s">
        <v>1</v>
      </c>
      <c r="C10831" s="14" t="s">
        <v>17</v>
      </c>
      <c r="D10831" s="14" t="s">
        <v>86</v>
      </c>
      <c r="E10831" s="15">
        <v>45622</v>
      </c>
      <c r="F10831" s="14" t="s">
        <v>15</v>
      </c>
      <c r="G10831" s="16">
        <v>0</v>
      </c>
    </row>
    <row r="10832" spans="1:7" x14ac:dyDescent="0.3">
      <c r="A10832" s="13" t="s">
        <v>85</v>
      </c>
      <c r="B10832" s="14" t="s">
        <v>1</v>
      </c>
      <c r="C10832" s="14" t="s">
        <v>17</v>
      </c>
      <c r="D10832" s="14" t="s">
        <v>86</v>
      </c>
      <c r="E10832" s="15">
        <v>45623</v>
      </c>
      <c r="F10832" s="14" t="s">
        <v>15</v>
      </c>
      <c r="G10832" s="16">
        <v>0</v>
      </c>
    </row>
    <row r="10833" spans="1:7" x14ac:dyDescent="0.3">
      <c r="A10833" s="13" t="s">
        <v>85</v>
      </c>
      <c r="B10833" s="14" t="s">
        <v>1</v>
      </c>
      <c r="C10833" s="14" t="s">
        <v>17</v>
      </c>
      <c r="D10833" s="14" t="s">
        <v>86</v>
      </c>
      <c r="E10833" s="15">
        <v>45624</v>
      </c>
      <c r="F10833" s="14" t="s">
        <v>15</v>
      </c>
      <c r="G10833" s="16">
        <v>0</v>
      </c>
    </row>
    <row r="10834" spans="1:7" x14ac:dyDescent="0.3">
      <c r="A10834" s="13" t="s">
        <v>85</v>
      </c>
      <c r="B10834" s="14" t="s">
        <v>1</v>
      </c>
      <c r="C10834" s="14" t="s">
        <v>17</v>
      </c>
      <c r="D10834" s="14" t="s">
        <v>86</v>
      </c>
      <c r="E10834" s="15">
        <v>45625</v>
      </c>
      <c r="F10834" s="14" t="s">
        <v>15</v>
      </c>
      <c r="G10834" s="16">
        <v>0</v>
      </c>
    </row>
    <row r="10835" spans="1:7" x14ac:dyDescent="0.3">
      <c r="A10835" s="13" t="s">
        <v>85</v>
      </c>
      <c r="B10835" s="14" t="s">
        <v>1</v>
      </c>
      <c r="C10835" s="14" t="s">
        <v>17</v>
      </c>
      <c r="D10835" s="14" t="s">
        <v>86</v>
      </c>
      <c r="E10835" s="15">
        <v>45626</v>
      </c>
      <c r="F10835" s="14" t="s">
        <v>15</v>
      </c>
      <c r="G10835" s="16">
        <v>0</v>
      </c>
    </row>
    <row r="10836" spans="1:7" x14ac:dyDescent="0.3">
      <c r="A10836" s="13" t="s">
        <v>85</v>
      </c>
      <c r="B10836" s="14" t="s">
        <v>1</v>
      </c>
      <c r="C10836" s="14" t="s">
        <v>17</v>
      </c>
      <c r="D10836" s="14" t="s">
        <v>86</v>
      </c>
      <c r="E10836" s="15">
        <v>45627</v>
      </c>
      <c r="F10836" s="14" t="s">
        <v>15</v>
      </c>
      <c r="G10836" s="16">
        <v>0</v>
      </c>
    </row>
    <row r="10837" spans="1:7" x14ac:dyDescent="0.3">
      <c r="A10837" s="13" t="s">
        <v>85</v>
      </c>
      <c r="B10837" s="14" t="s">
        <v>1</v>
      </c>
      <c r="C10837" s="14" t="s">
        <v>17</v>
      </c>
      <c r="D10837" s="14" t="s">
        <v>86</v>
      </c>
      <c r="E10837" s="15">
        <v>45628</v>
      </c>
      <c r="F10837" s="14" t="s">
        <v>15</v>
      </c>
      <c r="G10837" s="16">
        <v>0</v>
      </c>
    </row>
    <row r="10838" spans="1:7" x14ac:dyDescent="0.3">
      <c r="A10838" s="13" t="s">
        <v>85</v>
      </c>
      <c r="B10838" s="14" t="s">
        <v>1</v>
      </c>
      <c r="C10838" s="14" t="s">
        <v>17</v>
      </c>
      <c r="D10838" s="14" t="s">
        <v>86</v>
      </c>
      <c r="E10838" s="15">
        <v>45629</v>
      </c>
      <c r="F10838" s="14" t="s">
        <v>15</v>
      </c>
      <c r="G10838" s="16">
        <v>0</v>
      </c>
    </row>
    <row r="10839" spans="1:7" x14ac:dyDescent="0.3">
      <c r="A10839" s="13" t="s">
        <v>85</v>
      </c>
      <c r="B10839" s="14" t="s">
        <v>1</v>
      </c>
      <c r="C10839" s="14" t="s">
        <v>17</v>
      </c>
      <c r="D10839" s="14" t="s">
        <v>86</v>
      </c>
      <c r="E10839" s="15">
        <v>45630</v>
      </c>
      <c r="F10839" s="14" t="s">
        <v>15</v>
      </c>
      <c r="G10839" s="16">
        <v>0</v>
      </c>
    </row>
    <row r="10840" spans="1:7" x14ac:dyDescent="0.3">
      <c r="A10840" s="13" t="s">
        <v>85</v>
      </c>
      <c r="B10840" s="14" t="s">
        <v>1</v>
      </c>
      <c r="C10840" s="14" t="s">
        <v>17</v>
      </c>
      <c r="D10840" s="14" t="s">
        <v>86</v>
      </c>
      <c r="E10840" s="15">
        <v>45631</v>
      </c>
      <c r="F10840" s="14" t="s">
        <v>15</v>
      </c>
      <c r="G10840" s="16">
        <v>0</v>
      </c>
    </row>
    <row r="10841" spans="1:7" x14ac:dyDescent="0.3">
      <c r="A10841" s="13" t="s">
        <v>85</v>
      </c>
      <c r="B10841" s="14" t="s">
        <v>1</v>
      </c>
      <c r="C10841" s="14" t="s">
        <v>17</v>
      </c>
      <c r="D10841" s="14" t="s">
        <v>86</v>
      </c>
      <c r="E10841" s="15">
        <v>45632</v>
      </c>
      <c r="F10841" s="14" t="s">
        <v>15</v>
      </c>
      <c r="G10841" s="16">
        <v>0</v>
      </c>
    </row>
    <row r="10842" spans="1:7" x14ac:dyDescent="0.3">
      <c r="A10842" s="13" t="s">
        <v>85</v>
      </c>
      <c r="B10842" s="14" t="s">
        <v>1</v>
      </c>
      <c r="C10842" s="14" t="s">
        <v>17</v>
      </c>
      <c r="D10842" s="14" t="s">
        <v>86</v>
      </c>
      <c r="E10842" s="15">
        <v>45633</v>
      </c>
      <c r="F10842" s="14" t="s">
        <v>15</v>
      </c>
      <c r="G10842" s="16">
        <v>0</v>
      </c>
    </row>
    <row r="10843" spans="1:7" x14ac:dyDescent="0.3">
      <c r="A10843" s="13" t="s">
        <v>85</v>
      </c>
      <c r="B10843" s="14" t="s">
        <v>1</v>
      </c>
      <c r="C10843" s="14" t="s">
        <v>17</v>
      </c>
      <c r="D10843" s="14" t="s">
        <v>86</v>
      </c>
      <c r="E10843" s="15">
        <v>45634</v>
      </c>
      <c r="F10843" s="14" t="s">
        <v>15</v>
      </c>
      <c r="G10843" s="16">
        <v>0</v>
      </c>
    </row>
    <row r="10844" spans="1:7" x14ac:dyDescent="0.3">
      <c r="A10844" s="13" t="s">
        <v>85</v>
      </c>
      <c r="B10844" s="14" t="s">
        <v>1</v>
      </c>
      <c r="C10844" s="14" t="s">
        <v>17</v>
      </c>
      <c r="D10844" s="14" t="s">
        <v>86</v>
      </c>
      <c r="E10844" s="15">
        <v>45635</v>
      </c>
      <c r="F10844" s="14" t="s">
        <v>15</v>
      </c>
      <c r="G10844" s="16">
        <v>0</v>
      </c>
    </row>
    <row r="10845" spans="1:7" x14ac:dyDescent="0.3">
      <c r="A10845" s="13" t="s">
        <v>85</v>
      </c>
      <c r="B10845" s="14" t="s">
        <v>1</v>
      </c>
      <c r="C10845" s="14" t="s">
        <v>17</v>
      </c>
      <c r="D10845" s="14" t="s">
        <v>86</v>
      </c>
      <c r="E10845" s="15">
        <v>45636</v>
      </c>
      <c r="F10845" s="14" t="s">
        <v>15</v>
      </c>
      <c r="G10845" s="16">
        <v>0</v>
      </c>
    </row>
    <row r="10846" spans="1:7" x14ac:dyDescent="0.3">
      <c r="A10846" s="13" t="s">
        <v>85</v>
      </c>
      <c r="B10846" s="14" t="s">
        <v>1</v>
      </c>
      <c r="C10846" s="14" t="s">
        <v>17</v>
      </c>
      <c r="D10846" s="14" t="s">
        <v>86</v>
      </c>
      <c r="E10846" s="15">
        <v>45637</v>
      </c>
      <c r="F10846" s="14" t="s">
        <v>15</v>
      </c>
      <c r="G10846" s="16">
        <v>0</v>
      </c>
    </row>
    <row r="10847" spans="1:7" x14ac:dyDescent="0.3">
      <c r="A10847" s="13" t="s">
        <v>85</v>
      </c>
      <c r="B10847" s="14" t="s">
        <v>1</v>
      </c>
      <c r="C10847" s="14" t="s">
        <v>17</v>
      </c>
      <c r="D10847" s="14" t="s">
        <v>86</v>
      </c>
      <c r="E10847" s="15">
        <v>45638</v>
      </c>
      <c r="F10847" s="14" t="s">
        <v>15</v>
      </c>
      <c r="G10847" s="16">
        <v>0</v>
      </c>
    </row>
    <row r="10848" spans="1:7" x14ac:dyDescent="0.3">
      <c r="A10848" s="13" t="s">
        <v>85</v>
      </c>
      <c r="B10848" s="14" t="s">
        <v>1</v>
      </c>
      <c r="C10848" s="14" t="s">
        <v>17</v>
      </c>
      <c r="D10848" s="14" t="s">
        <v>86</v>
      </c>
      <c r="E10848" s="15">
        <v>45639</v>
      </c>
      <c r="F10848" s="14" t="s">
        <v>15</v>
      </c>
      <c r="G10848" s="16">
        <v>0</v>
      </c>
    </row>
    <row r="10849" spans="1:7" x14ac:dyDescent="0.3">
      <c r="A10849" s="13" t="s">
        <v>85</v>
      </c>
      <c r="B10849" s="14" t="s">
        <v>1</v>
      </c>
      <c r="C10849" s="14" t="s">
        <v>17</v>
      </c>
      <c r="D10849" s="14" t="s">
        <v>86</v>
      </c>
      <c r="E10849" s="15">
        <v>45640</v>
      </c>
      <c r="F10849" s="14" t="s">
        <v>15</v>
      </c>
      <c r="G10849" s="16">
        <v>0</v>
      </c>
    </row>
    <row r="10850" spans="1:7" x14ac:dyDescent="0.3">
      <c r="A10850" s="13" t="s">
        <v>85</v>
      </c>
      <c r="B10850" s="14" t="s">
        <v>1</v>
      </c>
      <c r="C10850" s="14" t="s">
        <v>17</v>
      </c>
      <c r="D10850" s="14" t="s">
        <v>86</v>
      </c>
      <c r="E10850" s="15">
        <v>45641</v>
      </c>
      <c r="F10850" s="14" t="s">
        <v>15</v>
      </c>
      <c r="G10850" s="16">
        <v>0</v>
      </c>
    </row>
    <row r="10851" spans="1:7" x14ac:dyDescent="0.3">
      <c r="A10851" s="13" t="s">
        <v>85</v>
      </c>
      <c r="B10851" s="14" t="s">
        <v>1</v>
      </c>
      <c r="C10851" s="14" t="s">
        <v>17</v>
      </c>
      <c r="D10851" s="14" t="s">
        <v>86</v>
      </c>
      <c r="E10851" s="15">
        <v>45642</v>
      </c>
      <c r="F10851" s="14" t="s">
        <v>15</v>
      </c>
      <c r="G10851" s="16">
        <v>0</v>
      </c>
    </row>
    <row r="10852" spans="1:7" x14ac:dyDescent="0.3">
      <c r="A10852" s="13" t="s">
        <v>85</v>
      </c>
      <c r="B10852" s="14" t="s">
        <v>1</v>
      </c>
      <c r="C10852" s="14" t="s">
        <v>17</v>
      </c>
      <c r="D10852" s="14" t="s">
        <v>86</v>
      </c>
      <c r="E10852" s="15">
        <v>45643</v>
      </c>
      <c r="F10852" s="14" t="s">
        <v>15</v>
      </c>
      <c r="G10852" s="16">
        <v>0</v>
      </c>
    </row>
    <row r="10853" spans="1:7" x14ac:dyDescent="0.3">
      <c r="A10853" s="13" t="s">
        <v>85</v>
      </c>
      <c r="B10853" s="14" t="s">
        <v>1</v>
      </c>
      <c r="C10853" s="14" t="s">
        <v>17</v>
      </c>
      <c r="D10853" s="14" t="s">
        <v>86</v>
      </c>
      <c r="E10853" s="15">
        <v>45644</v>
      </c>
      <c r="F10853" s="14" t="s">
        <v>15</v>
      </c>
      <c r="G10853" s="16">
        <v>0</v>
      </c>
    </row>
    <row r="10854" spans="1:7" x14ac:dyDescent="0.3">
      <c r="A10854" s="13" t="s">
        <v>85</v>
      </c>
      <c r="B10854" s="14" t="s">
        <v>1</v>
      </c>
      <c r="C10854" s="14" t="s">
        <v>17</v>
      </c>
      <c r="D10854" s="14" t="s">
        <v>86</v>
      </c>
      <c r="E10854" s="15">
        <v>45645</v>
      </c>
      <c r="F10854" s="14" t="s">
        <v>15</v>
      </c>
      <c r="G10854" s="16">
        <v>0</v>
      </c>
    </row>
    <row r="10855" spans="1:7" x14ac:dyDescent="0.3">
      <c r="A10855" s="13" t="s">
        <v>85</v>
      </c>
      <c r="B10855" s="14" t="s">
        <v>1</v>
      </c>
      <c r="C10855" s="14" t="s">
        <v>17</v>
      </c>
      <c r="D10855" s="14" t="s">
        <v>86</v>
      </c>
      <c r="E10855" s="15">
        <v>45646</v>
      </c>
      <c r="F10855" s="14" t="s">
        <v>15</v>
      </c>
      <c r="G10855" s="16">
        <v>0</v>
      </c>
    </row>
    <row r="10856" spans="1:7" x14ac:dyDescent="0.3">
      <c r="A10856" s="13" t="s">
        <v>85</v>
      </c>
      <c r="B10856" s="14" t="s">
        <v>1</v>
      </c>
      <c r="C10856" s="14" t="s">
        <v>17</v>
      </c>
      <c r="D10856" s="14" t="s">
        <v>86</v>
      </c>
      <c r="E10856" s="15">
        <v>45647</v>
      </c>
      <c r="F10856" s="14" t="s">
        <v>15</v>
      </c>
      <c r="G10856" s="16">
        <v>0</v>
      </c>
    </row>
    <row r="10857" spans="1:7" x14ac:dyDescent="0.3">
      <c r="A10857" s="13" t="s">
        <v>85</v>
      </c>
      <c r="B10857" s="14" t="s">
        <v>1</v>
      </c>
      <c r="C10857" s="14" t="s">
        <v>17</v>
      </c>
      <c r="D10857" s="14" t="s">
        <v>86</v>
      </c>
      <c r="E10857" s="15">
        <v>45648</v>
      </c>
      <c r="F10857" s="14" t="s">
        <v>15</v>
      </c>
      <c r="G10857" s="16">
        <v>0</v>
      </c>
    </row>
    <row r="10858" spans="1:7" x14ac:dyDescent="0.3">
      <c r="A10858" s="13" t="s">
        <v>85</v>
      </c>
      <c r="B10858" s="14" t="s">
        <v>1</v>
      </c>
      <c r="C10858" s="14" t="s">
        <v>17</v>
      </c>
      <c r="D10858" s="14" t="s">
        <v>86</v>
      </c>
      <c r="E10858" s="15">
        <v>45649</v>
      </c>
      <c r="F10858" s="14" t="s">
        <v>15</v>
      </c>
      <c r="G10858" s="16">
        <v>0</v>
      </c>
    </row>
    <row r="10859" spans="1:7" x14ac:dyDescent="0.3">
      <c r="A10859" s="13" t="s">
        <v>85</v>
      </c>
      <c r="B10859" s="14" t="s">
        <v>1</v>
      </c>
      <c r="C10859" s="14" t="s">
        <v>17</v>
      </c>
      <c r="D10859" s="14" t="s">
        <v>86</v>
      </c>
      <c r="E10859" s="15">
        <v>45650</v>
      </c>
      <c r="F10859" s="14" t="s">
        <v>15</v>
      </c>
      <c r="G10859" s="16">
        <v>0</v>
      </c>
    </row>
    <row r="10860" spans="1:7" x14ac:dyDescent="0.3">
      <c r="A10860" s="13" t="s">
        <v>85</v>
      </c>
      <c r="B10860" s="14" t="s">
        <v>1</v>
      </c>
      <c r="C10860" s="14" t="s">
        <v>17</v>
      </c>
      <c r="D10860" s="14" t="s">
        <v>86</v>
      </c>
      <c r="E10860" s="15">
        <v>45651</v>
      </c>
      <c r="F10860" s="14" t="s">
        <v>15</v>
      </c>
      <c r="G10860" s="16">
        <v>0</v>
      </c>
    </row>
    <row r="10861" spans="1:7" x14ac:dyDescent="0.3">
      <c r="A10861" s="13" t="s">
        <v>85</v>
      </c>
      <c r="B10861" s="14" t="s">
        <v>1</v>
      </c>
      <c r="C10861" s="14" t="s">
        <v>17</v>
      </c>
      <c r="D10861" s="14" t="s">
        <v>86</v>
      </c>
      <c r="E10861" s="15">
        <v>45652</v>
      </c>
      <c r="F10861" s="14" t="s">
        <v>15</v>
      </c>
      <c r="G10861" s="16">
        <v>0</v>
      </c>
    </row>
    <row r="10862" spans="1:7" x14ac:dyDescent="0.3">
      <c r="A10862" s="13" t="s">
        <v>85</v>
      </c>
      <c r="B10862" s="14" t="s">
        <v>1</v>
      </c>
      <c r="C10862" s="14" t="s">
        <v>17</v>
      </c>
      <c r="D10862" s="14" t="s">
        <v>86</v>
      </c>
      <c r="E10862" s="15">
        <v>45653</v>
      </c>
      <c r="F10862" s="14" t="s">
        <v>15</v>
      </c>
      <c r="G10862" s="16">
        <v>0</v>
      </c>
    </row>
    <row r="10863" spans="1:7" x14ac:dyDescent="0.3">
      <c r="A10863" s="13" t="s">
        <v>85</v>
      </c>
      <c r="B10863" s="14" t="s">
        <v>1</v>
      </c>
      <c r="C10863" s="14" t="s">
        <v>17</v>
      </c>
      <c r="D10863" s="14" t="s">
        <v>86</v>
      </c>
      <c r="E10863" s="15">
        <v>45654</v>
      </c>
      <c r="F10863" s="14" t="s">
        <v>15</v>
      </c>
      <c r="G10863" s="16">
        <v>0</v>
      </c>
    </row>
    <row r="10864" spans="1:7" x14ac:dyDescent="0.3">
      <c r="A10864" s="13" t="s">
        <v>85</v>
      </c>
      <c r="B10864" s="14" t="s">
        <v>1</v>
      </c>
      <c r="C10864" s="14" t="s">
        <v>17</v>
      </c>
      <c r="D10864" s="14" t="s">
        <v>86</v>
      </c>
      <c r="E10864" s="15">
        <v>45655</v>
      </c>
      <c r="F10864" s="14" t="s">
        <v>15</v>
      </c>
      <c r="G10864" s="16">
        <v>0</v>
      </c>
    </row>
    <row r="10865" spans="1:7" x14ac:dyDescent="0.3">
      <c r="A10865" s="13" t="s">
        <v>85</v>
      </c>
      <c r="B10865" s="14" t="s">
        <v>1</v>
      </c>
      <c r="C10865" s="14" t="s">
        <v>17</v>
      </c>
      <c r="D10865" s="14" t="s">
        <v>86</v>
      </c>
      <c r="E10865" s="15">
        <v>45656</v>
      </c>
      <c r="F10865" s="14" t="s">
        <v>15</v>
      </c>
      <c r="G10865" s="16">
        <v>0</v>
      </c>
    </row>
    <row r="10866" spans="1:7" x14ac:dyDescent="0.3">
      <c r="A10866" s="13" t="s">
        <v>85</v>
      </c>
      <c r="B10866" s="14" t="s">
        <v>1</v>
      </c>
      <c r="C10866" s="14" t="s">
        <v>17</v>
      </c>
      <c r="D10866" s="14" t="s">
        <v>86</v>
      </c>
      <c r="E10866" s="15">
        <v>45657</v>
      </c>
      <c r="F10866" s="14" t="s">
        <v>15</v>
      </c>
      <c r="G10866" s="16">
        <v>0</v>
      </c>
    </row>
    <row r="10867" spans="1:7" x14ac:dyDescent="0.3">
      <c r="A10867" s="13" t="s">
        <v>85</v>
      </c>
      <c r="B10867" s="14" t="s">
        <v>1</v>
      </c>
      <c r="C10867" s="14" t="s">
        <v>17</v>
      </c>
      <c r="D10867" s="14" t="s">
        <v>86</v>
      </c>
      <c r="E10867" s="15">
        <v>45658</v>
      </c>
      <c r="F10867" s="14" t="s">
        <v>15</v>
      </c>
      <c r="G10867" s="16">
        <v>0</v>
      </c>
    </row>
    <row r="10868" spans="1:7" x14ac:dyDescent="0.3">
      <c r="A10868" s="13" t="s">
        <v>85</v>
      </c>
      <c r="B10868" s="14" t="s">
        <v>1</v>
      </c>
      <c r="C10868" s="14" t="s">
        <v>17</v>
      </c>
      <c r="D10868" s="14" t="s">
        <v>86</v>
      </c>
      <c r="E10868" s="15">
        <v>45659</v>
      </c>
      <c r="F10868" s="14" t="s">
        <v>15</v>
      </c>
      <c r="G10868" s="16">
        <v>0</v>
      </c>
    </row>
    <row r="10869" spans="1:7" x14ac:dyDescent="0.3">
      <c r="A10869" s="13" t="s">
        <v>85</v>
      </c>
      <c r="B10869" s="14" t="s">
        <v>1</v>
      </c>
      <c r="C10869" s="14" t="s">
        <v>17</v>
      </c>
      <c r="D10869" s="14" t="s">
        <v>86</v>
      </c>
      <c r="E10869" s="15">
        <v>45660</v>
      </c>
      <c r="F10869" s="14" t="s">
        <v>15</v>
      </c>
      <c r="G10869" s="16">
        <v>0</v>
      </c>
    </row>
    <row r="10870" spans="1:7" x14ac:dyDescent="0.3">
      <c r="A10870" s="13" t="s">
        <v>85</v>
      </c>
      <c r="B10870" s="14" t="s">
        <v>1</v>
      </c>
      <c r="C10870" s="14" t="s">
        <v>17</v>
      </c>
      <c r="D10870" s="14" t="s">
        <v>86</v>
      </c>
      <c r="E10870" s="15">
        <v>45661</v>
      </c>
      <c r="F10870" s="14" t="s">
        <v>15</v>
      </c>
      <c r="G10870" s="16">
        <v>0</v>
      </c>
    </row>
    <row r="10871" spans="1:7" x14ac:dyDescent="0.3">
      <c r="A10871" s="13" t="s">
        <v>85</v>
      </c>
      <c r="B10871" s="14" t="s">
        <v>1</v>
      </c>
      <c r="C10871" s="14" t="s">
        <v>17</v>
      </c>
      <c r="D10871" s="14" t="s">
        <v>86</v>
      </c>
      <c r="E10871" s="15">
        <v>45662</v>
      </c>
      <c r="F10871" s="14" t="s">
        <v>15</v>
      </c>
      <c r="G10871" s="16">
        <v>0</v>
      </c>
    </row>
    <row r="10872" spans="1:7" x14ac:dyDescent="0.3">
      <c r="A10872" s="13" t="s">
        <v>85</v>
      </c>
      <c r="B10872" s="14" t="s">
        <v>1</v>
      </c>
      <c r="C10872" s="14" t="s">
        <v>17</v>
      </c>
      <c r="D10872" s="14" t="s">
        <v>86</v>
      </c>
      <c r="E10872" s="15">
        <v>45663</v>
      </c>
      <c r="F10872" s="14" t="s">
        <v>15</v>
      </c>
      <c r="G10872" s="16">
        <v>0</v>
      </c>
    </row>
    <row r="10873" spans="1:7" x14ac:dyDescent="0.3">
      <c r="A10873" s="13" t="s">
        <v>85</v>
      </c>
      <c r="B10873" s="14" t="s">
        <v>1</v>
      </c>
      <c r="C10873" s="14" t="s">
        <v>17</v>
      </c>
      <c r="D10873" s="14" t="s">
        <v>86</v>
      </c>
      <c r="E10873" s="15">
        <v>45664</v>
      </c>
      <c r="F10873" s="14" t="s">
        <v>15</v>
      </c>
      <c r="G10873" s="16">
        <v>0</v>
      </c>
    </row>
    <row r="10874" spans="1:7" x14ac:dyDescent="0.3">
      <c r="A10874" s="13" t="s">
        <v>85</v>
      </c>
      <c r="B10874" s="14" t="s">
        <v>1</v>
      </c>
      <c r="C10874" s="14" t="s">
        <v>17</v>
      </c>
      <c r="D10874" s="14" t="s">
        <v>86</v>
      </c>
      <c r="E10874" s="15">
        <v>45665</v>
      </c>
      <c r="F10874" s="14" t="s">
        <v>15</v>
      </c>
      <c r="G10874" s="16">
        <v>0</v>
      </c>
    </row>
    <row r="10875" spans="1:7" x14ac:dyDescent="0.3">
      <c r="A10875" s="13" t="s">
        <v>85</v>
      </c>
      <c r="B10875" s="14" t="s">
        <v>1</v>
      </c>
      <c r="C10875" s="14" t="s">
        <v>17</v>
      </c>
      <c r="D10875" s="14" t="s">
        <v>86</v>
      </c>
      <c r="E10875" s="15">
        <v>45666</v>
      </c>
      <c r="F10875" s="14" t="s">
        <v>15</v>
      </c>
      <c r="G10875" s="16">
        <v>0</v>
      </c>
    </row>
    <row r="10876" spans="1:7" x14ac:dyDescent="0.3">
      <c r="A10876" s="13" t="s">
        <v>85</v>
      </c>
      <c r="B10876" s="14" t="s">
        <v>1</v>
      </c>
      <c r="C10876" s="14" t="s">
        <v>17</v>
      </c>
      <c r="D10876" s="14" t="s">
        <v>86</v>
      </c>
      <c r="E10876" s="15">
        <v>45667</v>
      </c>
      <c r="F10876" s="14" t="s">
        <v>15</v>
      </c>
      <c r="G10876" s="16">
        <v>0</v>
      </c>
    </row>
    <row r="10877" spans="1:7" x14ac:dyDescent="0.3">
      <c r="A10877" s="13" t="s">
        <v>85</v>
      </c>
      <c r="B10877" s="14" t="s">
        <v>1</v>
      </c>
      <c r="C10877" s="14" t="s">
        <v>17</v>
      </c>
      <c r="D10877" s="14" t="s">
        <v>86</v>
      </c>
      <c r="E10877" s="15">
        <v>45668</v>
      </c>
      <c r="F10877" s="14" t="s">
        <v>15</v>
      </c>
      <c r="G10877" s="16">
        <v>0</v>
      </c>
    </row>
    <row r="10878" spans="1:7" x14ac:dyDescent="0.3">
      <c r="A10878" s="13" t="s">
        <v>85</v>
      </c>
      <c r="B10878" s="14" t="s">
        <v>1</v>
      </c>
      <c r="C10878" s="14" t="s">
        <v>17</v>
      </c>
      <c r="D10878" s="14" t="s">
        <v>86</v>
      </c>
      <c r="E10878" s="15">
        <v>45669</v>
      </c>
      <c r="F10878" s="14" t="s">
        <v>15</v>
      </c>
      <c r="G10878" s="16">
        <v>0</v>
      </c>
    </row>
    <row r="10879" spans="1:7" x14ac:dyDescent="0.3">
      <c r="A10879" s="13" t="s">
        <v>85</v>
      </c>
      <c r="B10879" s="14" t="s">
        <v>1</v>
      </c>
      <c r="C10879" s="14" t="s">
        <v>17</v>
      </c>
      <c r="D10879" s="14" t="s">
        <v>86</v>
      </c>
      <c r="E10879" s="15">
        <v>45670</v>
      </c>
      <c r="F10879" s="14" t="s">
        <v>15</v>
      </c>
      <c r="G10879" s="16">
        <v>0</v>
      </c>
    </row>
    <row r="10880" spans="1:7" x14ac:dyDescent="0.3">
      <c r="A10880" s="13" t="s">
        <v>85</v>
      </c>
      <c r="B10880" s="14" t="s">
        <v>1</v>
      </c>
      <c r="C10880" s="14" t="s">
        <v>17</v>
      </c>
      <c r="D10880" s="14" t="s">
        <v>86</v>
      </c>
      <c r="E10880" s="15">
        <v>45671</v>
      </c>
      <c r="F10880" s="14" t="s">
        <v>15</v>
      </c>
      <c r="G10880" s="16">
        <v>0</v>
      </c>
    </row>
    <row r="10881" spans="1:7" x14ac:dyDescent="0.3">
      <c r="A10881" s="13" t="s">
        <v>85</v>
      </c>
      <c r="B10881" s="14" t="s">
        <v>1</v>
      </c>
      <c r="C10881" s="14" t="s">
        <v>17</v>
      </c>
      <c r="D10881" s="14" t="s">
        <v>86</v>
      </c>
      <c r="E10881" s="15">
        <v>45672</v>
      </c>
      <c r="F10881" s="14" t="s">
        <v>15</v>
      </c>
      <c r="G10881" s="16">
        <v>0</v>
      </c>
    </row>
    <row r="10882" spans="1:7" x14ac:dyDescent="0.3">
      <c r="A10882" s="13" t="s">
        <v>85</v>
      </c>
      <c r="B10882" s="14" t="s">
        <v>1</v>
      </c>
      <c r="C10882" s="14" t="s">
        <v>17</v>
      </c>
      <c r="D10882" s="14" t="s">
        <v>86</v>
      </c>
      <c r="E10882" s="15">
        <v>45673</v>
      </c>
      <c r="F10882" s="14" t="s">
        <v>15</v>
      </c>
      <c r="G10882" s="16">
        <v>0</v>
      </c>
    </row>
    <row r="10883" spans="1:7" x14ac:dyDescent="0.3">
      <c r="A10883" s="13" t="s">
        <v>85</v>
      </c>
      <c r="B10883" s="14" t="s">
        <v>1</v>
      </c>
      <c r="C10883" s="14" t="s">
        <v>17</v>
      </c>
      <c r="D10883" s="14" t="s">
        <v>86</v>
      </c>
      <c r="E10883" s="15">
        <v>45674</v>
      </c>
      <c r="F10883" s="14" t="s">
        <v>15</v>
      </c>
      <c r="G10883" s="16">
        <v>0</v>
      </c>
    </row>
    <row r="10884" spans="1:7" x14ac:dyDescent="0.3">
      <c r="A10884" s="13" t="s">
        <v>85</v>
      </c>
      <c r="B10884" s="14" t="s">
        <v>1</v>
      </c>
      <c r="C10884" s="14" t="s">
        <v>17</v>
      </c>
      <c r="D10884" s="14" t="s">
        <v>86</v>
      </c>
      <c r="E10884" s="15">
        <v>45675</v>
      </c>
      <c r="F10884" s="14" t="s">
        <v>15</v>
      </c>
      <c r="G10884" s="16">
        <v>0</v>
      </c>
    </row>
    <row r="10885" spans="1:7" x14ac:dyDescent="0.3">
      <c r="A10885" s="13" t="s">
        <v>85</v>
      </c>
      <c r="B10885" s="14" t="s">
        <v>1</v>
      </c>
      <c r="C10885" s="14" t="s">
        <v>17</v>
      </c>
      <c r="D10885" s="14" t="s">
        <v>86</v>
      </c>
      <c r="E10885" s="15">
        <v>45676</v>
      </c>
      <c r="F10885" s="14" t="s">
        <v>15</v>
      </c>
      <c r="G10885" s="16">
        <v>0</v>
      </c>
    </row>
    <row r="10886" spans="1:7" x14ac:dyDescent="0.3">
      <c r="A10886" s="13" t="s">
        <v>85</v>
      </c>
      <c r="B10886" s="14" t="s">
        <v>1</v>
      </c>
      <c r="C10886" s="14" t="s">
        <v>17</v>
      </c>
      <c r="D10886" s="14" t="s">
        <v>86</v>
      </c>
      <c r="E10886" s="15">
        <v>45677</v>
      </c>
      <c r="F10886" s="14" t="s">
        <v>15</v>
      </c>
      <c r="G10886" s="16">
        <v>0</v>
      </c>
    </row>
    <row r="10887" spans="1:7" x14ac:dyDescent="0.3">
      <c r="A10887" s="13" t="s">
        <v>85</v>
      </c>
      <c r="B10887" s="14" t="s">
        <v>1</v>
      </c>
      <c r="C10887" s="14" t="s">
        <v>17</v>
      </c>
      <c r="D10887" s="14" t="s">
        <v>86</v>
      </c>
      <c r="E10887" s="15">
        <v>45678</v>
      </c>
      <c r="F10887" s="14" t="s">
        <v>15</v>
      </c>
      <c r="G10887" s="16">
        <v>0</v>
      </c>
    </row>
    <row r="10888" spans="1:7" x14ac:dyDescent="0.3">
      <c r="A10888" s="13" t="s">
        <v>85</v>
      </c>
      <c r="B10888" s="14" t="s">
        <v>1</v>
      </c>
      <c r="C10888" s="14" t="s">
        <v>17</v>
      </c>
      <c r="D10888" s="14" t="s">
        <v>86</v>
      </c>
      <c r="E10888" s="15">
        <v>45679</v>
      </c>
      <c r="F10888" s="14" t="s">
        <v>15</v>
      </c>
      <c r="G10888" s="16">
        <v>0</v>
      </c>
    </row>
    <row r="10889" spans="1:7" x14ac:dyDescent="0.3">
      <c r="A10889" s="13" t="s">
        <v>85</v>
      </c>
      <c r="B10889" s="14" t="s">
        <v>1</v>
      </c>
      <c r="C10889" s="14" t="s">
        <v>17</v>
      </c>
      <c r="D10889" s="14" t="s">
        <v>86</v>
      </c>
      <c r="E10889" s="15">
        <v>45680</v>
      </c>
      <c r="F10889" s="14" t="s">
        <v>15</v>
      </c>
      <c r="G10889" s="16">
        <v>0</v>
      </c>
    </row>
    <row r="10890" spans="1:7" x14ac:dyDescent="0.3">
      <c r="A10890" s="13" t="s">
        <v>85</v>
      </c>
      <c r="B10890" s="14" t="s">
        <v>1</v>
      </c>
      <c r="C10890" s="14" t="s">
        <v>17</v>
      </c>
      <c r="D10890" s="14" t="s">
        <v>86</v>
      </c>
      <c r="E10890" s="15">
        <v>45681</v>
      </c>
      <c r="F10890" s="14" t="s">
        <v>15</v>
      </c>
      <c r="G10890" s="16">
        <v>0</v>
      </c>
    </row>
    <row r="10891" spans="1:7" x14ac:dyDescent="0.3">
      <c r="A10891" s="13" t="s">
        <v>85</v>
      </c>
      <c r="B10891" s="14" t="s">
        <v>1</v>
      </c>
      <c r="C10891" s="14" t="s">
        <v>17</v>
      </c>
      <c r="D10891" s="14" t="s">
        <v>86</v>
      </c>
      <c r="E10891" s="15">
        <v>45682</v>
      </c>
      <c r="F10891" s="14" t="s">
        <v>15</v>
      </c>
      <c r="G10891" s="16">
        <v>0</v>
      </c>
    </row>
    <row r="10892" spans="1:7" x14ac:dyDescent="0.3">
      <c r="A10892" s="13" t="s">
        <v>85</v>
      </c>
      <c r="B10892" s="14" t="s">
        <v>1</v>
      </c>
      <c r="C10892" s="14" t="s">
        <v>17</v>
      </c>
      <c r="D10892" s="14" t="s">
        <v>86</v>
      </c>
      <c r="E10892" s="15">
        <v>45683</v>
      </c>
      <c r="F10892" s="14" t="s">
        <v>15</v>
      </c>
      <c r="G10892" s="16">
        <v>0</v>
      </c>
    </row>
    <row r="10893" spans="1:7" x14ac:dyDescent="0.3">
      <c r="A10893" s="13" t="s">
        <v>85</v>
      </c>
      <c r="B10893" s="14" t="s">
        <v>1</v>
      </c>
      <c r="C10893" s="14" t="s">
        <v>17</v>
      </c>
      <c r="D10893" s="14" t="s">
        <v>86</v>
      </c>
      <c r="E10893" s="15">
        <v>45684</v>
      </c>
      <c r="F10893" s="14" t="s">
        <v>15</v>
      </c>
      <c r="G10893" s="16">
        <v>0</v>
      </c>
    </row>
    <row r="10894" spans="1:7" x14ac:dyDescent="0.3">
      <c r="A10894" s="13" t="s">
        <v>85</v>
      </c>
      <c r="B10894" s="14" t="s">
        <v>1</v>
      </c>
      <c r="C10894" s="14" t="s">
        <v>17</v>
      </c>
      <c r="D10894" s="14" t="s">
        <v>86</v>
      </c>
      <c r="E10894" s="15">
        <v>45685</v>
      </c>
      <c r="F10894" s="14" t="s">
        <v>15</v>
      </c>
      <c r="G10894" s="16">
        <v>0</v>
      </c>
    </row>
    <row r="10895" spans="1:7" x14ac:dyDescent="0.3">
      <c r="A10895" s="13" t="s">
        <v>85</v>
      </c>
      <c r="B10895" s="14" t="s">
        <v>1</v>
      </c>
      <c r="C10895" s="14" t="s">
        <v>17</v>
      </c>
      <c r="D10895" s="14" t="s">
        <v>86</v>
      </c>
      <c r="E10895" s="15">
        <v>45686</v>
      </c>
      <c r="F10895" s="14" t="s">
        <v>15</v>
      </c>
      <c r="G10895" s="16">
        <v>0</v>
      </c>
    </row>
    <row r="10896" spans="1:7" x14ac:dyDescent="0.3">
      <c r="A10896" s="13" t="s">
        <v>85</v>
      </c>
      <c r="B10896" s="14" t="s">
        <v>1</v>
      </c>
      <c r="C10896" s="14" t="s">
        <v>17</v>
      </c>
      <c r="D10896" s="14" t="s">
        <v>86</v>
      </c>
      <c r="E10896" s="15">
        <v>45687</v>
      </c>
      <c r="F10896" s="14" t="s">
        <v>15</v>
      </c>
      <c r="G10896" s="16">
        <v>0</v>
      </c>
    </row>
    <row r="10897" spans="1:7" x14ac:dyDescent="0.3">
      <c r="A10897" s="13" t="s">
        <v>85</v>
      </c>
      <c r="B10897" s="14" t="s">
        <v>1</v>
      </c>
      <c r="C10897" s="14" t="s">
        <v>17</v>
      </c>
      <c r="D10897" s="14" t="s">
        <v>86</v>
      </c>
      <c r="E10897" s="15">
        <v>45688</v>
      </c>
      <c r="F10897" s="14" t="s">
        <v>15</v>
      </c>
      <c r="G10897" s="16">
        <v>0</v>
      </c>
    </row>
    <row r="10898" spans="1:7" x14ac:dyDescent="0.3">
      <c r="A10898" s="13" t="s">
        <v>85</v>
      </c>
      <c r="B10898" s="14" t="s">
        <v>1</v>
      </c>
      <c r="C10898" s="14" t="s">
        <v>17</v>
      </c>
      <c r="D10898" s="14" t="s">
        <v>86</v>
      </c>
      <c r="E10898" s="15">
        <v>45689</v>
      </c>
      <c r="F10898" s="14" t="s">
        <v>15</v>
      </c>
      <c r="G10898" s="16">
        <v>0</v>
      </c>
    </row>
    <row r="10899" spans="1:7" x14ac:dyDescent="0.3">
      <c r="A10899" s="13" t="s">
        <v>85</v>
      </c>
      <c r="B10899" s="14" t="s">
        <v>1</v>
      </c>
      <c r="C10899" s="14" t="s">
        <v>17</v>
      </c>
      <c r="D10899" s="14" t="s">
        <v>86</v>
      </c>
      <c r="E10899" s="15">
        <v>45690</v>
      </c>
      <c r="F10899" s="14" t="s">
        <v>15</v>
      </c>
      <c r="G10899" s="16">
        <v>0</v>
      </c>
    </row>
    <row r="10900" spans="1:7" x14ac:dyDescent="0.3">
      <c r="A10900" s="13" t="s">
        <v>85</v>
      </c>
      <c r="B10900" s="14" t="s">
        <v>1</v>
      </c>
      <c r="C10900" s="14" t="s">
        <v>17</v>
      </c>
      <c r="D10900" s="14" t="s">
        <v>86</v>
      </c>
      <c r="E10900" s="15">
        <v>45691</v>
      </c>
      <c r="F10900" s="14" t="s">
        <v>15</v>
      </c>
      <c r="G10900" s="16">
        <v>0</v>
      </c>
    </row>
    <row r="10901" spans="1:7" x14ac:dyDescent="0.3">
      <c r="A10901" s="13" t="s">
        <v>85</v>
      </c>
      <c r="B10901" s="14" t="s">
        <v>1</v>
      </c>
      <c r="C10901" s="14" t="s">
        <v>17</v>
      </c>
      <c r="D10901" s="14" t="s">
        <v>86</v>
      </c>
      <c r="E10901" s="15">
        <v>45692</v>
      </c>
      <c r="F10901" s="14" t="s">
        <v>15</v>
      </c>
      <c r="G10901" s="16">
        <v>0</v>
      </c>
    </row>
    <row r="10902" spans="1:7" x14ac:dyDescent="0.3">
      <c r="A10902" s="13" t="s">
        <v>85</v>
      </c>
      <c r="B10902" s="14" t="s">
        <v>1</v>
      </c>
      <c r="C10902" s="14" t="s">
        <v>17</v>
      </c>
      <c r="D10902" s="14" t="s">
        <v>86</v>
      </c>
      <c r="E10902" s="15">
        <v>45693</v>
      </c>
      <c r="F10902" s="14" t="s">
        <v>15</v>
      </c>
      <c r="G10902" s="16">
        <v>0</v>
      </c>
    </row>
    <row r="10903" spans="1:7" x14ac:dyDescent="0.3">
      <c r="A10903" s="13" t="s">
        <v>85</v>
      </c>
      <c r="B10903" s="14" t="s">
        <v>1</v>
      </c>
      <c r="C10903" s="14" t="s">
        <v>17</v>
      </c>
      <c r="D10903" s="14" t="s">
        <v>86</v>
      </c>
      <c r="E10903" s="15">
        <v>45694</v>
      </c>
      <c r="F10903" s="14" t="s">
        <v>15</v>
      </c>
      <c r="G10903" s="16">
        <v>0</v>
      </c>
    </row>
    <row r="10904" spans="1:7" x14ac:dyDescent="0.3">
      <c r="A10904" s="13" t="s">
        <v>85</v>
      </c>
      <c r="B10904" s="14" t="s">
        <v>1</v>
      </c>
      <c r="C10904" s="14" t="s">
        <v>17</v>
      </c>
      <c r="D10904" s="14" t="s">
        <v>86</v>
      </c>
      <c r="E10904" s="15">
        <v>45695</v>
      </c>
      <c r="F10904" s="14" t="s">
        <v>15</v>
      </c>
      <c r="G10904" s="16">
        <v>0</v>
      </c>
    </row>
    <row r="10905" spans="1:7" x14ac:dyDescent="0.3">
      <c r="A10905" s="13" t="s">
        <v>85</v>
      </c>
      <c r="B10905" s="14" t="s">
        <v>1</v>
      </c>
      <c r="C10905" s="14" t="s">
        <v>17</v>
      </c>
      <c r="D10905" s="14" t="s">
        <v>86</v>
      </c>
      <c r="E10905" s="15">
        <v>45696</v>
      </c>
      <c r="F10905" s="14" t="s">
        <v>15</v>
      </c>
      <c r="G10905" s="16">
        <v>0</v>
      </c>
    </row>
    <row r="10906" spans="1:7" x14ac:dyDescent="0.3">
      <c r="A10906" s="13" t="s">
        <v>85</v>
      </c>
      <c r="B10906" s="14" t="s">
        <v>1</v>
      </c>
      <c r="C10906" s="14" t="s">
        <v>17</v>
      </c>
      <c r="D10906" s="14" t="s">
        <v>86</v>
      </c>
      <c r="E10906" s="15">
        <v>45697</v>
      </c>
      <c r="F10906" s="14" t="s">
        <v>15</v>
      </c>
      <c r="G10906" s="16">
        <v>0</v>
      </c>
    </row>
    <row r="10907" spans="1:7" x14ac:dyDescent="0.3">
      <c r="A10907" s="13" t="s">
        <v>85</v>
      </c>
      <c r="B10907" s="14" t="s">
        <v>1</v>
      </c>
      <c r="C10907" s="14" t="s">
        <v>17</v>
      </c>
      <c r="D10907" s="14" t="s">
        <v>86</v>
      </c>
      <c r="E10907" s="15">
        <v>45698</v>
      </c>
      <c r="F10907" s="14" t="s">
        <v>15</v>
      </c>
      <c r="G10907" s="16">
        <v>0</v>
      </c>
    </row>
    <row r="10908" spans="1:7" x14ac:dyDescent="0.3">
      <c r="A10908" s="13" t="s">
        <v>85</v>
      </c>
      <c r="B10908" s="14" t="s">
        <v>1</v>
      </c>
      <c r="C10908" s="14" t="s">
        <v>17</v>
      </c>
      <c r="D10908" s="14" t="s">
        <v>86</v>
      </c>
      <c r="E10908" s="15">
        <v>45699</v>
      </c>
      <c r="F10908" s="14" t="s">
        <v>15</v>
      </c>
      <c r="G10908" s="16">
        <v>0</v>
      </c>
    </row>
    <row r="10909" spans="1:7" x14ac:dyDescent="0.3">
      <c r="A10909" s="13" t="s">
        <v>85</v>
      </c>
      <c r="B10909" s="14" t="s">
        <v>1</v>
      </c>
      <c r="C10909" s="14" t="s">
        <v>17</v>
      </c>
      <c r="D10909" s="14" t="s">
        <v>86</v>
      </c>
      <c r="E10909" s="15">
        <v>45700</v>
      </c>
      <c r="F10909" s="14" t="s">
        <v>15</v>
      </c>
      <c r="G10909" s="16">
        <v>0</v>
      </c>
    </row>
    <row r="10910" spans="1:7" x14ac:dyDescent="0.3">
      <c r="A10910" s="13" t="s">
        <v>85</v>
      </c>
      <c r="B10910" s="14" t="s">
        <v>1</v>
      </c>
      <c r="C10910" s="14" t="s">
        <v>17</v>
      </c>
      <c r="D10910" s="14" t="s">
        <v>86</v>
      </c>
      <c r="E10910" s="15">
        <v>45701</v>
      </c>
      <c r="F10910" s="14" t="s">
        <v>15</v>
      </c>
      <c r="G10910" s="16">
        <v>0</v>
      </c>
    </row>
    <row r="10911" spans="1:7" x14ac:dyDescent="0.3">
      <c r="A10911" s="13" t="s">
        <v>85</v>
      </c>
      <c r="B10911" s="14" t="s">
        <v>1</v>
      </c>
      <c r="C10911" s="14" t="s">
        <v>17</v>
      </c>
      <c r="D10911" s="14" t="s">
        <v>86</v>
      </c>
      <c r="E10911" s="15">
        <v>45702</v>
      </c>
      <c r="F10911" s="14" t="s">
        <v>15</v>
      </c>
      <c r="G10911" s="16">
        <v>0</v>
      </c>
    </row>
    <row r="10912" spans="1:7" x14ac:dyDescent="0.3">
      <c r="A10912" s="13" t="s">
        <v>85</v>
      </c>
      <c r="B10912" s="14" t="s">
        <v>1</v>
      </c>
      <c r="C10912" s="14" t="s">
        <v>17</v>
      </c>
      <c r="D10912" s="14" t="s">
        <v>86</v>
      </c>
      <c r="E10912" s="15">
        <v>45703</v>
      </c>
      <c r="F10912" s="14" t="s">
        <v>15</v>
      </c>
      <c r="G10912" s="16">
        <v>0</v>
      </c>
    </row>
    <row r="10913" spans="1:7" x14ac:dyDescent="0.3">
      <c r="A10913" s="13" t="s">
        <v>85</v>
      </c>
      <c r="B10913" s="14" t="s">
        <v>1</v>
      </c>
      <c r="C10913" s="14" t="s">
        <v>17</v>
      </c>
      <c r="D10913" s="14" t="s">
        <v>86</v>
      </c>
      <c r="E10913" s="15">
        <v>45704</v>
      </c>
      <c r="F10913" s="14" t="s">
        <v>15</v>
      </c>
      <c r="G10913" s="16">
        <v>0</v>
      </c>
    </row>
    <row r="10914" spans="1:7" x14ac:dyDescent="0.3">
      <c r="A10914" s="13" t="s">
        <v>85</v>
      </c>
      <c r="B10914" s="14" t="s">
        <v>1</v>
      </c>
      <c r="C10914" s="14" t="s">
        <v>17</v>
      </c>
      <c r="D10914" s="14" t="s">
        <v>86</v>
      </c>
      <c r="E10914" s="15">
        <v>45705</v>
      </c>
      <c r="F10914" s="14" t="s">
        <v>15</v>
      </c>
      <c r="G10914" s="16">
        <v>0</v>
      </c>
    </row>
    <row r="10915" spans="1:7" x14ac:dyDescent="0.3">
      <c r="A10915" s="13" t="s">
        <v>85</v>
      </c>
      <c r="B10915" s="14" t="s">
        <v>1</v>
      </c>
      <c r="C10915" s="14" t="s">
        <v>17</v>
      </c>
      <c r="D10915" s="14" t="s">
        <v>86</v>
      </c>
      <c r="E10915" s="15">
        <v>45706</v>
      </c>
      <c r="F10915" s="14" t="s">
        <v>15</v>
      </c>
      <c r="G10915" s="16">
        <v>0</v>
      </c>
    </row>
    <row r="10916" spans="1:7" x14ac:dyDescent="0.3">
      <c r="A10916" s="13" t="s">
        <v>85</v>
      </c>
      <c r="B10916" s="14" t="s">
        <v>1</v>
      </c>
      <c r="C10916" s="14" t="s">
        <v>17</v>
      </c>
      <c r="D10916" s="14" t="s">
        <v>86</v>
      </c>
      <c r="E10916" s="15">
        <v>45707</v>
      </c>
      <c r="F10916" s="14" t="s">
        <v>15</v>
      </c>
      <c r="G10916" s="16">
        <v>0</v>
      </c>
    </row>
    <row r="10917" spans="1:7" x14ac:dyDescent="0.3">
      <c r="A10917" s="13" t="s">
        <v>85</v>
      </c>
      <c r="B10917" s="14" t="s">
        <v>1</v>
      </c>
      <c r="C10917" s="14" t="s">
        <v>17</v>
      </c>
      <c r="D10917" s="14" t="s">
        <v>86</v>
      </c>
      <c r="E10917" s="15">
        <v>45708</v>
      </c>
      <c r="F10917" s="14" t="s">
        <v>15</v>
      </c>
      <c r="G10917" s="16">
        <v>0</v>
      </c>
    </row>
    <row r="10918" spans="1:7" x14ac:dyDescent="0.3">
      <c r="A10918" s="13" t="s">
        <v>85</v>
      </c>
      <c r="B10918" s="14" t="s">
        <v>1</v>
      </c>
      <c r="C10918" s="14" t="s">
        <v>17</v>
      </c>
      <c r="D10918" s="14" t="s">
        <v>86</v>
      </c>
      <c r="E10918" s="15">
        <v>45709</v>
      </c>
      <c r="F10918" s="14" t="s">
        <v>15</v>
      </c>
      <c r="G10918" s="16">
        <v>0</v>
      </c>
    </row>
    <row r="10919" spans="1:7" x14ac:dyDescent="0.3">
      <c r="A10919" s="13" t="s">
        <v>85</v>
      </c>
      <c r="B10919" s="14" t="s">
        <v>1</v>
      </c>
      <c r="C10919" s="14" t="s">
        <v>17</v>
      </c>
      <c r="D10919" s="14" t="s">
        <v>86</v>
      </c>
      <c r="E10919" s="15">
        <v>45710</v>
      </c>
      <c r="F10919" s="14" t="s">
        <v>15</v>
      </c>
      <c r="G10919" s="16">
        <v>0</v>
      </c>
    </row>
    <row r="10920" spans="1:7" x14ac:dyDescent="0.3">
      <c r="A10920" s="13" t="s">
        <v>85</v>
      </c>
      <c r="B10920" s="14" t="s">
        <v>1</v>
      </c>
      <c r="C10920" s="14" t="s">
        <v>17</v>
      </c>
      <c r="D10920" s="14" t="s">
        <v>86</v>
      </c>
      <c r="E10920" s="15">
        <v>45711</v>
      </c>
      <c r="F10920" s="14" t="s">
        <v>15</v>
      </c>
      <c r="G10920" s="16">
        <v>0</v>
      </c>
    </row>
    <row r="10921" spans="1:7" x14ac:dyDescent="0.3">
      <c r="A10921" s="13" t="s">
        <v>85</v>
      </c>
      <c r="B10921" s="14" t="s">
        <v>1</v>
      </c>
      <c r="C10921" s="14" t="s">
        <v>17</v>
      </c>
      <c r="D10921" s="14" t="s">
        <v>86</v>
      </c>
      <c r="E10921" s="15">
        <v>45712</v>
      </c>
      <c r="F10921" s="14" t="s">
        <v>15</v>
      </c>
      <c r="G10921" s="16">
        <v>0</v>
      </c>
    </row>
    <row r="10922" spans="1:7" x14ac:dyDescent="0.3">
      <c r="A10922" s="13" t="s">
        <v>85</v>
      </c>
      <c r="B10922" s="14" t="s">
        <v>1</v>
      </c>
      <c r="C10922" s="14" t="s">
        <v>17</v>
      </c>
      <c r="D10922" s="14" t="s">
        <v>86</v>
      </c>
      <c r="E10922" s="15">
        <v>45713</v>
      </c>
      <c r="F10922" s="14" t="s">
        <v>15</v>
      </c>
      <c r="G10922" s="16">
        <v>0</v>
      </c>
    </row>
    <row r="10923" spans="1:7" x14ac:dyDescent="0.3">
      <c r="A10923" s="13" t="s">
        <v>85</v>
      </c>
      <c r="B10923" s="14" t="s">
        <v>1</v>
      </c>
      <c r="C10923" s="14" t="s">
        <v>17</v>
      </c>
      <c r="D10923" s="14" t="s">
        <v>86</v>
      </c>
      <c r="E10923" s="15">
        <v>45714</v>
      </c>
      <c r="F10923" s="14" t="s">
        <v>15</v>
      </c>
      <c r="G10923" s="16">
        <v>0</v>
      </c>
    </row>
    <row r="10924" spans="1:7" x14ac:dyDescent="0.3">
      <c r="A10924" s="13" t="s">
        <v>85</v>
      </c>
      <c r="B10924" s="14" t="s">
        <v>1</v>
      </c>
      <c r="C10924" s="14" t="s">
        <v>17</v>
      </c>
      <c r="D10924" s="14" t="s">
        <v>86</v>
      </c>
      <c r="E10924" s="15">
        <v>45715</v>
      </c>
      <c r="F10924" s="14" t="s">
        <v>15</v>
      </c>
      <c r="G10924" s="16">
        <v>0</v>
      </c>
    </row>
    <row r="10925" spans="1:7" x14ac:dyDescent="0.3">
      <c r="A10925" s="13" t="s">
        <v>85</v>
      </c>
      <c r="B10925" s="14" t="s">
        <v>1</v>
      </c>
      <c r="C10925" s="14" t="s">
        <v>17</v>
      </c>
      <c r="D10925" s="14" t="s">
        <v>86</v>
      </c>
      <c r="E10925" s="15">
        <v>45716</v>
      </c>
      <c r="F10925" s="14" t="s">
        <v>15</v>
      </c>
      <c r="G10925" s="16">
        <v>0</v>
      </c>
    </row>
    <row r="10926" spans="1:7" x14ac:dyDescent="0.3">
      <c r="A10926" s="13" t="s">
        <v>85</v>
      </c>
      <c r="B10926" s="14" t="s">
        <v>1</v>
      </c>
      <c r="C10926" s="14" t="s">
        <v>17</v>
      </c>
      <c r="D10926" s="14" t="s">
        <v>86</v>
      </c>
      <c r="E10926" s="15">
        <v>45717</v>
      </c>
      <c r="F10926" s="14" t="s">
        <v>15</v>
      </c>
      <c r="G10926" s="16">
        <v>0</v>
      </c>
    </row>
    <row r="10927" spans="1:7" x14ac:dyDescent="0.3">
      <c r="A10927" s="13" t="s">
        <v>85</v>
      </c>
      <c r="B10927" s="14" t="s">
        <v>1</v>
      </c>
      <c r="C10927" s="14" t="s">
        <v>17</v>
      </c>
      <c r="D10927" s="14" t="s">
        <v>86</v>
      </c>
      <c r="E10927" s="15">
        <v>45718</v>
      </c>
      <c r="F10927" s="14" t="s">
        <v>15</v>
      </c>
      <c r="G10927" s="16">
        <v>0</v>
      </c>
    </row>
    <row r="10928" spans="1:7" x14ac:dyDescent="0.3">
      <c r="A10928" s="13" t="s">
        <v>85</v>
      </c>
      <c r="B10928" s="14" t="s">
        <v>1</v>
      </c>
      <c r="C10928" s="14" t="s">
        <v>17</v>
      </c>
      <c r="D10928" s="14" t="s">
        <v>86</v>
      </c>
      <c r="E10928" s="15">
        <v>45719</v>
      </c>
      <c r="F10928" s="14" t="s">
        <v>15</v>
      </c>
      <c r="G10928" s="16">
        <v>0</v>
      </c>
    </row>
    <row r="10929" spans="1:7" x14ac:dyDescent="0.3">
      <c r="A10929" s="13" t="s">
        <v>85</v>
      </c>
      <c r="B10929" s="14" t="s">
        <v>1</v>
      </c>
      <c r="C10929" s="14" t="s">
        <v>17</v>
      </c>
      <c r="D10929" s="14" t="s">
        <v>86</v>
      </c>
      <c r="E10929" s="15">
        <v>45720</v>
      </c>
      <c r="F10929" s="14" t="s">
        <v>15</v>
      </c>
      <c r="G10929" s="16">
        <v>0</v>
      </c>
    </row>
    <row r="10930" spans="1:7" x14ac:dyDescent="0.3">
      <c r="A10930" s="13" t="s">
        <v>85</v>
      </c>
      <c r="B10930" s="14" t="s">
        <v>1</v>
      </c>
      <c r="C10930" s="14" t="s">
        <v>17</v>
      </c>
      <c r="D10930" s="14" t="s">
        <v>86</v>
      </c>
      <c r="E10930" s="15">
        <v>45721</v>
      </c>
      <c r="F10930" s="14" t="s">
        <v>15</v>
      </c>
      <c r="G10930" s="16">
        <v>0</v>
      </c>
    </row>
    <row r="10931" spans="1:7" x14ac:dyDescent="0.3">
      <c r="A10931" s="13" t="s">
        <v>85</v>
      </c>
      <c r="B10931" s="14" t="s">
        <v>1</v>
      </c>
      <c r="C10931" s="14" t="s">
        <v>17</v>
      </c>
      <c r="D10931" s="14" t="s">
        <v>86</v>
      </c>
      <c r="E10931" s="15">
        <v>45722</v>
      </c>
      <c r="F10931" s="14" t="s">
        <v>15</v>
      </c>
      <c r="G10931" s="16">
        <v>0</v>
      </c>
    </row>
    <row r="10932" spans="1:7" x14ac:dyDescent="0.3">
      <c r="A10932" s="13" t="s">
        <v>85</v>
      </c>
      <c r="B10932" s="14" t="s">
        <v>1</v>
      </c>
      <c r="C10932" s="14" t="s">
        <v>17</v>
      </c>
      <c r="D10932" s="14" t="s">
        <v>86</v>
      </c>
      <c r="E10932" s="15">
        <v>45723</v>
      </c>
      <c r="F10932" s="14" t="s">
        <v>15</v>
      </c>
      <c r="G10932" s="16">
        <v>0</v>
      </c>
    </row>
    <row r="10933" spans="1:7" x14ac:dyDescent="0.3">
      <c r="A10933" s="13" t="s">
        <v>85</v>
      </c>
      <c r="B10933" s="14" t="s">
        <v>1</v>
      </c>
      <c r="C10933" s="14" t="s">
        <v>17</v>
      </c>
      <c r="D10933" s="14" t="s">
        <v>86</v>
      </c>
      <c r="E10933" s="15">
        <v>45724</v>
      </c>
      <c r="F10933" s="14" t="s">
        <v>15</v>
      </c>
      <c r="G10933" s="16">
        <v>0</v>
      </c>
    </row>
    <row r="10934" spans="1:7" x14ac:dyDescent="0.3">
      <c r="A10934" s="13" t="s">
        <v>85</v>
      </c>
      <c r="B10934" s="14" t="s">
        <v>1</v>
      </c>
      <c r="C10934" s="14" t="s">
        <v>17</v>
      </c>
      <c r="D10934" s="14" t="s">
        <v>86</v>
      </c>
      <c r="E10934" s="15">
        <v>45725</v>
      </c>
      <c r="F10934" s="14" t="s">
        <v>15</v>
      </c>
      <c r="G10934" s="16">
        <v>0</v>
      </c>
    </row>
    <row r="10935" spans="1:7" x14ac:dyDescent="0.3">
      <c r="A10935" s="13" t="s">
        <v>85</v>
      </c>
      <c r="B10935" s="14" t="s">
        <v>1</v>
      </c>
      <c r="C10935" s="14" t="s">
        <v>17</v>
      </c>
      <c r="D10935" s="14" t="s">
        <v>86</v>
      </c>
      <c r="E10935" s="15">
        <v>45726</v>
      </c>
      <c r="F10935" s="14" t="s">
        <v>15</v>
      </c>
      <c r="G10935" s="16">
        <v>0</v>
      </c>
    </row>
    <row r="10936" spans="1:7" x14ac:dyDescent="0.3">
      <c r="A10936" s="13" t="s">
        <v>85</v>
      </c>
      <c r="B10936" s="14" t="s">
        <v>1</v>
      </c>
      <c r="C10936" s="14" t="s">
        <v>17</v>
      </c>
      <c r="D10936" s="14" t="s">
        <v>86</v>
      </c>
      <c r="E10936" s="15">
        <v>45727</v>
      </c>
      <c r="F10936" s="14" t="s">
        <v>15</v>
      </c>
      <c r="G10936" s="16">
        <v>0</v>
      </c>
    </row>
    <row r="10937" spans="1:7" x14ac:dyDescent="0.3">
      <c r="A10937" s="13" t="s">
        <v>85</v>
      </c>
      <c r="B10937" s="14" t="s">
        <v>1</v>
      </c>
      <c r="C10937" s="14" t="s">
        <v>17</v>
      </c>
      <c r="D10937" s="14" t="s">
        <v>86</v>
      </c>
      <c r="E10937" s="15">
        <v>45728</v>
      </c>
      <c r="F10937" s="14" t="s">
        <v>15</v>
      </c>
      <c r="G10937" s="16">
        <v>0</v>
      </c>
    </row>
    <row r="10938" spans="1:7" x14ac:dyDescent="0.3">
      <c r="A10938" s="13" t="s">
        <v>85</v>
      </c>
      <c r="B10938" s="14" t="s">
        <v>1</v>
      </c>
      <c r="C10938" s="14" t="s">
        <v>17</v>
      </c>
      <c r="D10938" s="14" t="s">
        <v>86</v>
      </c>
      <c r="E10938" s="15">
        <v>45729</v>
      </c>
      <c r="F10938" s="14" t="s">
        <v>15</v>
      </c>
      <c r="G10938" s="16">
        <v>0</v>
      </c>
    </row>
    <row r="10939" spans="1:7" x14ac:dyDescent="0.3">
      <c r="A10939" s="13" t="s">
        <v>85</v>
      </c>
      <c r="B10939" s="14" t="s">
        <v>1</v>
      </c>
      <c r="C10939" s="14" t="s">
        <v>17</v>
      </c>
      <c r="D10939" s="14" t="s">
        <v>86</v>
      </c>
      <c r="E10939" s="15">
        <v>45730</v>
      </c>
      <c r="F10939" s="14" t="s">
        <v>15</v>
      </c>
      <c r="G10939" s="16">
        <v>0</v>
      </c>
    </row>
    <row r="10940" spans="1:7" x14ac:dyDescent="0.3">
      <c r="A10940" s="13" t="s">
        <v>85</v>
      </c>
      <c r="B10940" s="14" t="s">
        <v>1</v>
      </c>
      <c r="C10940" s="14" t="s">
        <v>17</v>
      </c>
      <c r="D10940" s="14" t="s">
        <v>86</v>
      </c>
      <c r="E10940" s="15">
        <v>45731</v>
      </c>
      <c r="F10940" s="14" t="s">
        <v>15</v>
      </c>
      <c r="G10940" s="16">
        <v>0</v>
      </c>
    </row>
    <row r="10941" spans="1:7" x14ac:dyDescent="0.3">
      <c r="A10941" s="13" t="s">
        <v>85</v>
      </c>
      <c r="B10941" s="14" t="s">
        <v>1</v>
      </c>
      <c r="C10941" s="14" t="s">
        <v>17</v>
      </c>
      <c r="D10941" s="14" t="s">
        <v>86</v>
      </c>
      <c r="E10941" s="15">
        <v>45732</v>
      </c>
      <c r="F10941" s="14" t="s">
        <v>15</v>
      </c>
      <c r="G10941" s="16">
        <v>0</v>
      </c>
    </row>
    <row r="10942" spans="1:7" x14ac:dyDescent="0.3">
      <c r="A10942" s="13" t="s">
        <v>85</v>
      </c>
      <c r="B10942" s="14" t="s">
        <v>1</v>
      </c>
      <c r="C10942" s="14" t="s">
        <v>17</v>
      </c>
      <c r="D10942" s="14" t="s">
        <v>86</v>
      </c>
      <c r="E10942" s="15">
        <v>45733</v>
      </c>
      <c r="F10942" s="14" t="s">
        <v>15</v>
      </c>
      <c r="G10942" s="16">
        <v>0</v>
      </c>
    </row>
    <row r="10943" spans="1:7" x14ac:dyDescent="0.3">
      <c r="A10943" s="13" t="s">
        <v>85</v>
      </c>
      <c r="B10943" s="14" t="s">
        <v>1</v>
      </c>
      <c r="C10943" s="14" t="s">
        <v>17</v>
      </c>
      <c r="D10943" s="14" t="s">
        <v>86</v>
      </c>
      <c r="E10943" s="15">
        <v>45734</v>
      </c>
      <c r="F10943" s="14" t="s">
        <v>15</v>
      </c>
      <c r="G10943" s="16">
        <v>0</v>
      </c>
    </row>
    <row r="10944" spans="1:7" x14ac:dyDescent="0.3">
      <c r="A10944" s="13" t="s">
        <v>85</v>
      </c>
      <c r="B10944" s="14" t="s">
        <v>1</v>
      </c>
      <c r="C10944" s="14" t="s">
        <v>17</v>
      </c>
      <c r="D10944" s="14" t="s">
        <v>86</v>
      </c>
      <c r="E10944" s="15">
        <v>45735</v>
      </c>
      <c r="F10944" s="14" t="s">
        <v>15</v>
      </c>
      <c r="G10944" s="16">
        <v>0</v>
      </c>
    </row>
    <row r="10945" spans="1:7" x14ac:dyDescent="0.3">
      <c r="A10945" s="13" t="s">
        <v>85</v>
      </c>
      <c r="B10945" s="14" t="s">
        <v>1</v>
      </c>
      <c r="C10945" s="14" t="s">
        <v>17</v>
      </c>
      <c r="D10945" s="14" t="s">
        <v>86</v>
      </c>
      <c r="E10945" s="15">
        <v>45736</v>
      </c>
      <c r="F10945" s="14" t="s">
        <v>15</v>
      </c>
      <c r="G10945" s="16">
        <v>0</v>
      </c>
    </row>
    <row r="10946" spans="1:7" x14ac:dyDescent="0.3">
      <c r="A10946" s="13" t="s">
        <v>85</v>
      </c>
      <c r="B10946" s="14" t="s">
        <v>1</v>
      </c>
      <c r="C10946" s="14" t="s">
        <v>17</v>
      </c>
      <c r="D10946" s="14" t="s">
        <v>86</v>
      </c>
      <c r="E10946" s="15">
        <v>45737</v>
      </c>
      <c r="F10946" s="14" t="s">
        <v>15</v>
      </c>
      <c r="G10946" s="16">
        <v>0</v>
      </c>
    </row>
    <row r="10947" spans="1:7" x14ac:dyDescent="0.3">
      <c r="A10947" s="13" t="s">
        <v>85</v>
      </c>
      <c r="B10947" s="14" t="s">
        <v>1</v>
      </c>
      <c r="C10947" s="14" t="s">
        <v>17</v>
      </c>
      <c r="D10947" s="14" t="s">
        <v>86</v>
      </c>
      <c r="E10947" s="15">
        <v>45738</v>
      </c>
      <c r="F10947" s="14" t="s">
        <v>15</v>
      </c>
      <c r="G10947" s="16">
        <v>0</v>
      </c>
    </row>
    <row r="10948" spans="1:7" x14ac:dyDescent="0.3">
      <c r="A10948" s="13" t="s">
        <v>85</v>
      </c>
      <c r="B10948" s="14" t="s">
        <v>1</v>
      </c>
      <c r="C10948" s="14" t="s">
        <v>17</v>
      </c>
      <c r="D10948" s="14" t="s">
        <v>86</v>
      </c>
      <c r="E10948" s="15">
        <v>45739</v>
      </c>
      <c r="F10948" s="14" t="s">
        <v>15</v>
      </c>
      <c r="G10948" s="16">
        <v>0</v>
      </c>
    </row>
    <row r="10949" spans="1:7" x14ac:dyDescent="0.3">
      <c r="A10949" s="13" t="s">
        <v>85</v>
      </c>
      <c r="B10949" s="14" t="s">
        <v>1</v>
      </c>
      <c r="C10949" s="14" t="s">
        <v>17</v>
      </c>
      <c r="D10949" s="14" t="s">
        <v>86</v>
      </c>
      <c r="E10949" s="15">
        <v>45740</v>
      </c>
      <c r="F10949" s="14" t="s">
        <v>15</v>
      </c>
      <c r="G10949" s="16">
        <v>0</v>
      </c>
    </row>
    <row r="10950" spans="1:7" x14ac:dyDescent="0.3">
      <c r="A10950" s="13" t="s">
        <v>85</v>
      </c>
      <c r="B10950" s="14" t="s">
        <v>1</v>
      </c>
      <c r="C10950" s="14" t="s">
        <v>17</v>
      </c>
      <c r="D10950" s="14" t="s">
        <v>86</v>
      </c>
      <c r="E10950" s="15">
        <v>45741</v>
      </c>
      <c r="F10950" s="14" t="s">
        <v>15</v>
      </c>
      <c r="G10950" s="16">
        <v>0</v>
      </c>
    </row>
    <row r="10951" spans="1:7" x14ac:dyDescent="0.3">
      <c r="A10951" s="13" t="s">
        <v>85</v>
      </c>
      <c r="B10951" s="14" t="s">
        <v>1</v>
      </c>
      <c r="C10951" s="14" t="s">
        <v>17</v>
      </c>
      <c r="D10951" s="14" t="s">
        <v>86</v>
      </c>
      <c r="E10951" s="15">
        <v>45742</v>
      </c>
      <c r="F10951" s="14" t="s">
        <v>15</v>
      </c>
      <c r="G10951" s="16">
        <v>0</v>
      </c>
    </row>
    <row r="10952" spans="1:7" x14ac:dyDescent="0.3">
      <c r="A10952" s="13" t="s">
        <v>85</v>
      </c>
      <c r="B10952" s="14" t="s">
        <v>1</v>
      </c>
      <c r="C10952" s="14" t="s">
        <v>17</v>
      </c>
      <c r="D10952" s="14" t="s">
        <v>86</v>
      </c>
      <c r="E10952" s="15">
        <v>45743</v>
      </c>
      <c r="F10952" s="14" t="s">
        <v>15</v>
      </c>
      <c r="G10952" s="16">
        <v>0</v>
      </c>
    </row>
    <row r="10953" spans="1:7" x14ac:dyDescent="0.3">
      <c r="A10953" s="13" t="s">
        <v>85</v>
      </c>
      <c r="B10953" s="14" t="s">
        <v>1</v>
      </c>
      <c r="C10953" s="14" t="s">
        <v>17</v>
      </c>
      <c r="D10953" s="14" t="s">
        <v>86</v>
      </c>
      <c r="E10953" s="15">
        <v>45744</v>
      </c>
      <c r="F10953" s="14" t="s">
        <v>15</v>
      </c>
      <c r="G10953" s="16">
        <v>0</v>
      </c>
    </row>
    <row r="10954" spans="1:7" x14ac:dyDescent="0.3">
      <c r="A10954" s="13" t="s">
        <v>85</v>
      </c>
      <c r="B10954" s="14" t="s">
        <v>1</v>
      </c>
      <c r="C10954" s="14" t="s">
        <v>17</v>
      </c>
      <c r="D10954" s="14" t="s">
        <v>86</v>
      </c>
      <c r="E10954" s="15">
        <v>45745</v>
      </c>
      <c r="F10954" s="14" t="s">
        <v>15</v>
      </c>
      <c r="G10954" s="16">
        <v>0</v>
      </c>
    </row>
    <row r="10955" spans="1:7" x14ac:dyDescent="0.3">
      <c r="A10955" s="13" t="s">
        <v>85</v>
      </c>
      <c r="B10955" s="14" t="s">
        <v>1</v>
      </c>
      <c r="C10955" s="14" t="s">
        <v>17</v>
      </c>
      <c r="D10955" s="14" t="s">
        <v>86</v>
      </c>
      <c r="E10955" s="15">
        <v>45746</v>
      </c>
      <c r="F10955" s="14" t="s">
        <v>15</v>
      </c>
      <c r="G10955" s="16">
        <v>0</v>
      </c>
    </row>
    <row r="10956" spans="1:7" x14ac:dyDescent="0.3">
      <c r="A10956" s="13" t="s">
        <v>85</v>
      </c>
      <c r="B10956" s="14" t="s">
        <v>1</v>
      </c>
      <c r="C10956" s="14" t="s">
        <v>17</v>
      </c>
      <c r="D10956" s="14" t="s">
        <v>86</v>
      </c>
      <c r="E10956" s="15">
        <v>45747</v>
      </c>
      <c r="F10956" s="14" t="s">
        <v>15</v>
      </c>
      <c r="G10956" s="16">
        <v>0</v>
      </c>
    </row>
    <row r="10957" spans="1:7" x14ac:dyDescent="0.3">
      <c r="A10957" s="13" t="s">
        <v>87</v>
      </c>
      <c r="B10957" s="14" t="s">
        <v>1</v>
      </c>
      <c r="C10957" s="14" t="s">
        <v>35</v>
      </c>
      <c r="D10957" s="14" t="s">
        <v>88</v>
      </c>
      <c r="E10957" s="15">
        <v>45383</v>
      </c>
      <c r="F10957" s="14" t="s">
        <v>61</v>
      </c>
      <c r="G10957" s="16">
        <v>0</v>
      </c>
    </row>
    <row r="10958" spans="1:7" x14ac:dyDescent="0.3">
      <c r="A10958" s="13" t="s">
        <v>87</v>
      </c>
      <c r="B10958" s="14" t="s">
        <v>1</v>
      </c>
      <c r="C10958" s="14" t="s">
        <v>35</v>
      </c>
      <c r="D10958" s="14" t="s">
        <v>88</v>
      </c>
      <c r="E10958" s="15">
        <v>45384</v>
      </c>
      <c r="F10958" s="14" t="s">
        <v>61</v>
      </c>
      <c r="G10958" s="16">
        <v>0</v>
      </c>
    </row>
    <row r="10959" spans="1:7" x14ac:dyDescent="0.3">
      <c r="A10959" s="13" t="s">
        <v>87</v>
      </c>
      <c r="B10959" s="14" t="s">
        <v>1</v>
      </c>
      <c r="C10959" s="14" t="s">
        <v>35</v>
      </c>
      <c r="D10959" s="14" t="s">
        <v>88</v>
      </c>
      <c r="E10959" s="15">
        <v>45385</v>
      </c>
      <c r="F10959" s="14" t="s">
        <v>61</v>
      </c>
      <c r="G10959" s="16">
        <v>0</v>
      </c>
    </row>
    <row r="10960" spans="1:7" x14ac:dyDescent="0.3">
      <c r="A10960" s="13" t="s">
        <v>87</v>
      </c>
      <c r="B10960" s="14" t="s">
        <v>1</v>
      </c>
      <c r="C10960" s="14" t="s">
        <v>35</v>
      </c>
      <c r="D10960" s="14" t="s">
        <v>88</v>
      </c>
      <c r="E10960" s="15">
        <v>45386</v>
      </c>
      <c r="F10960" s="14" t="s">
        <v>61</v>
      </c>
      <c r="G10960" s="16">
        <v>0</v>
      </c>
    </row>
    <row r="10961" spans="1:7" x14ac:dyDescent="0.3">
      <c r="A10961" s="13" t="s">
        <v>87</v>
      </c>
      <c r="B10961" s="14" t="s">
        <v>1</v>
      </c>
      <c r="C10961" s="14" t="s">
        <v>35</v>
      </c>
      <c r="D10961" s="14" t="s">
        <v>88</v>
      </c>
      <c r="E10961" s="15">
        <v>45387</v>
      </c>
      <c r="F10961" s="14" t="s">
        <v>61</v>
      </c>
      <c r="G10961" s="16">
        <v>0</v>
      </c>
    </row>
    <row r="10962" spans="1:7" x14ac:dyDescent="0.3">
      <c r="A10962" s="13" t="s">
        <v>87</v>
      </c>
      <c r="B10962" s="14" t="s">
        <v>1</v>
      </c>
      <c r="C10962" s="14" t="s">
        <v>35</v>
      </c>
      <c r="D10962" s="14" t="s">
        <v>88</v>
      </c>
      <c r="E10962" s="15">
        <v>45388</v>
      </c>
      <c r="F10962" s="14" t="s">
        <v>61</v>
      </c>
      <c r="G10962" s="16">
        <v>0</v>
      </c>
    </row>
    <row r="10963" spans="1:7" x14ac:dyDescent="0.3">
      <c r="A10963" s="13" t="s">
        <v>87</v>
      </c>
      <c r="B10963" s="14" t="s">
        <v>1</v>
      </c>
      <c r="C10963" s="14" t="s">
        <v>35</v>
      </c>
      <c r="D10963" s="14" t="s">
        <v>88</v>
      </c>
      <c r="E10963" s="15">
        <v>45389</v>
      </c>
      <c r="F10963" s="14" t="s">
        <v>61</v>
      </c>
      <c r="G10963" s="16">
        <v>0</v>
      </c>
    </row>
    <row r="10964" spans="1:7" x14ac:dyDescent="0.3">
      <c r="A10964" s="13" t="s">
        <v>87</v>
      </c>
      <c r="B10964" s="14" t="s">
        <v>1</v>
      </c>
      <c r="C10964" s="14" t="s">
        <v>35</v>
      </c>
      <c r="D10964" s="14" t="s">
        <v>88</v>
      </c>
      <c r="E10964" s="15">
        <v>45390</v>
      </c>
      <c r="F10964" s="14" t="s">
        <v>61</v>
      </c>
      <c r="G10964" s="16">
        <v>0</v>
      </c>
    </row>
    <row r="10965" spans="1:7" x14ac:dyDescent="0.3">
      <c r="A10965" s="13" t="s">
        <v>87</v>
      </c>
      <c r="B10965" s="14" t="s">
        <v>1</v>
      </c>
      <c r="C10965" s="14" t="s">
        <v>35</v>
      </c>
      <c r="D10965" s="14" t="s">
        <v>88</v>
      </c>
      <c r="E10965" s="15">
        <v>45391</v>
      </c>
      <c r="F10965" s="14" t="s">
        <v>61</v>
      </c>
      <c r="G10965" s="16">
        <v>0</v>
      </c>
    </row>
    <row r="10966" spans="1:7" x14ac:dyDescent="0.3">
      <c r="A10966" s="13" t="s">
        <v>87</v>
      </c>
      <c r="B10966" s="14" t="s">
        <v>1</v>
      </c>
      <c r="C10966" s="14" t="s">
        <v>35</v>
      </c>
      <c r="D10966" s="14" t="s">
        <v>88</v>
      </c>
      <c r="E10966" s="15">
        <v>45392</v>
      </c>
      <c r="F10966" s="14" t="s">
        <v>61</v>
      </c>
      <c r="G10966" s="16">
        <v>0</v>
      </c>
    </row>
    <row r="10967" spans="1:7" x14ac:dyDescent="0.3">
      <c r="A10967" s="13" t="s">
        <v>87</v>
      </c>
      <c r="B10967" s="14" t="s">
        <v>1</v>
      </c>
      <c r="C10967" s="14" t="s">
        <v>35</v>
      </c>
      <c r="D10967" s="14" t="s">
        <v>88</v>
      </c>
      <c r="E10967" s="15">
        <v>45393</v>
      </c>
      <c r="F10967" s="14" t="s">
        <v>61</v>
      </c>
      <c r="G10967" s="16">
        <v>0</v>
      </c>
    </row>
    <row r="10968" spans="1:7" x14ac:dyDescent="0.3">
      <c r="A10968" s="13" t="s">
        <v>87</v>
      </c>
      <c r="B10968" s="14" t="s">
        <v>1</v>
      </c>
      <c r="C10968" s="14" t="s">
        <v>35</v>
      </c>
      <c r="D10968" s="14" t="s">
        <v>88</v>
      </c>
      <c r="E10968" s="15">
        <v>45394</v>
      </c>
      <c r="F10968" s="14" t="s">
        <v>61</v>
      </c>
      <c r="G10968" s="16">
        <v>0</v>
      </c>
    </row>
    <row r="10969" spans="1:7" x14ac:dyDescent="0.3">
      <c r="A10969" s="13" t="s">
        <v>87</v>
      </c>
      <c r="B10969" s="14" t="s">
        <v>1</v>
      </c>
      <c r="C10969" s="14" t="s">
        <v>35</v>
      </c>
      <c r="D10969" s="14" t="s">
        <v>88</v>
      </c>
      <c r="E10969" s="15">
        <v>45395</v>
      </c>
      <c r="F10969" s="14" t="s">
        <v>61</v>
      </c>
      <c r="G10969" s="16">
        <v>0</v>
      </c>
    </row>
    <row r="10970" spans="1:7" x14ac:dyDescent="0.3">
      <c r="A10970" s="13" t="s">
        <v>87</v>
      </c>
      <c r="B10970" s="14" t="s">
        <v>1</v>
      </c>
      <c r="C10970" s="14" t="s">
        <v>35</v>
      </c>
      <c r="D10970" s="14" t="s">
        <v>88</v>
      </c>
      <c r="E10970" s="15">
        <v>45396</v>
      </c>
      <c r="F10970" s="14" t="s">
        <v>61</v>
      </c>
      <c r="G10970" s="16">
        <v>0</v>
      </c>
    </row>
    <row r="10971" spans="1:7" x14ac:dyDescent="0.3">
      <c r="A10971" s="13" t="s">
        <v>87</v>
      </c>
      <c r="B10971" s="14" t="s">
        <v>1</v>
      </c>
      <c r="C10971" s="14" t="s">
        <v>35</v>
      </c>
      <c r="D10971" s="14" t="s">
        <v>88</v>
      </c>
      <c r="E10971" s="15">
        <v>45397</v>
      </c>
      <c r="F10971" s="14" t="s">
        <v>61</v>
      </c>
      <c r="G10971" s="16">
        <v>0</v>
      </c>
    </row>
    <row r="10972" spans="1:7" x14ac:dyDescent="0.3">
      <c r="A10972" s="13" t="s">
        <v>87</v>
      </c>
      <c r="B10972" s="14" t="s">
        <v>1</v>
      </c>
      <c r="C10972" s="14" t="s">
        <v>35</v>
      </c>
      <c r="D10972" s="14" t="s">
        <v>88</v>
      </c>
      <c r="E10972" s="15">
        <v>45398</v>
      </c>
      <c r="F10972" s="14" t="s">
        <v>61</v>
      </c>
      <c r="G10972" s="16">
        <v>0</v>
      </c>
    </row>
    <row r="10973" spans="1:7" x14ac:dyDescent="0.3">
      <c r="A10973" s="13" t="s">
        <v>87</v>
      </c>
      <c r="B10973" s="14" t="s">
        <v>1</v>
      </c>
      <c r="C10973" s="14" t="s">
        <v>35</v>
      </c>
      <c r="D10973" s="14" t="s">
        <v>88</v>
      </c>
      <c r="E10973" s="15">
        <v>45399</v>
      </c>
      <c r="F10973" s="14" t="s">
        <v>61</v>
      </c>
      <c r="G10973" s="16">
        <v>0</v>
      </c>
    </row>
    <row r="10974" spans="1:7" x14ac:dyDescent="0.3">
      <c r="A10974" s="13" t="s">
        <v>87</v>
      </c>
      <c r="B10974" s="14" t="s">
        <v>1</v>
      </c>
      <c r="C10974" s="14" t="s">
        <v>35</v>
      </c>
      <c r="D10974" s="14" t="s">
        <v>88</v>
      </c>
      <c r="E10974" s="15">
        <v>45400</v>
      </c>
      <c r="F10974" s="14" t="s">
        <v>61</v>
      </c>
      <c r="G10974" s="16">
        <v>0</v>
      </c>
    </row>
    <row r="10975" spans="1:7" x14ac:dyDescent="0.3">
      <c r="A10975" s="13" t="s">
        <v>87</v>
      </c>
      <c r="B10975" s="14" t="s">
        <v>1</v>
      </c>
      <c r="C10975" s="14" t="s">
        <v>35</v>
      </c>
      <c r="D10975" s="14" t="s">
        <v>88</v>
      </c>
      <c r="E10975" s="15">
        <v>45401</v>
      </c>
      <c r="F10975" s="14" t="s">
        <v>61</v>
      </c>
      <c r="G10975" s="16">
        <v>0</v>
      </c>
    </row>
    <row r="10976" spans="1:7" x14ac:dyDescent="0.3">
      <c r="A10976" s="13" t="s">
        <v>87</v>
      </c>
      <c r="B10976" s="14" t="s">
        <v>1</v>
      </c>
      <c r="C10976" s="14" t="s">
        <v>35</v>
      </c>
      <c r="D10976" s="14" t="s">
        <v>88</v>
      </c>
      <c r="E10976" s="15">
        <v>45402</v>
      </c>
      <c r="F10976" s="14" t="s">
        <v>61</v>
      </c>
      <c r="G10976" s="16">
        <v>0</v>
      </c>
    </row>
    <row r="10977" spans="1:7" x14ac:dyDescent="0.3">
      <c r="A10977" s="13" t="s">
        <v>87</v>
      </c>
      <c r="B10977" s="14" t="s">
        <v>1</v>
      </c>
      <c r="C10977" s="14" t="s">
        <v>35</v>
      </c>
      <c r="D10977" s="14" t="s">
        <v>88</v>
      </c>
      <c r="E10977" s="15">
        <v>45403</v>
      </c>
      <c r="F10977" s="14" t="s">
        <v>61</v>
      </c>
      <c r="G10977" s="16">
        <v>0</v>
      </c>
    </row>
    <row r="10978" spans="1:7" x14ac:dyDescent="0.3">
      <c r="A10978" s="13" t="s">
        <v>87</v>
      </c>
      <c r="B10978" s="14" t="s">
        <v>1</v>
      </c>
      <c r="C10978" s="14" t="s">
        <v>35</v>
      </c>
      <c r="D10978" s="14" t="s">
        <v>88</v>
      </c>
      <c r="E10978" s="15">
        <v>45404</v>
      </c>
      <c r="F10978" s="14" t="s">
        <v>61</v>
      </c>
      <c r="G10978" s="16">
        <v>0</v>
      </c>
    </row>
    <row r="10979" spans="1:7" x14ac:dyDescent="0.3">
      <c r="A10979" s="13" t="s">
        <v>87</v>
      </c>
      <c r="B10979" s="14" t="s">
        <v>1</v>
      </c>
      <c r="C10979" s="14" t="s">
        <v>35</v>
      </c>
      <c r="D10979" s="14" t="s">
        <v>88</v>
      </c>
      <c r="E10979" s="15">
        <v>45405</v>
      </c>
      <c r="F10979" s="14" t="s">
        <v>61</v>
      </c>
      <c r="G10979" s="16">
        <v>0</v>
      </c>
    </row>
    <row r="10980" spans="1:7" x14ac:dyDescent="0.3">
      <c r="A10980" s="13" t="s">
        <v>87</v>
      </c>
      <c r="B10980" s="14" t="s">
        <v>1</v>
      </c>
      <c r="C10980" s="14" t="s">
        <v>35</v>
      </c>
      <c r="D10980" s="14" t="s">
        <v>88</v>
      </c>
      <c r="E10980" s="15">
        <v>45406</v>
      </c>
      <c r="F10980" s="14" t="s">
        <v>61</v>
      </c>
      <c r="G10980" s="16">
        <v>0</v>
      </c>
    </row>
    <row r="10981" spans="1:7" x14ac:dyDescent="0.3">
      <c r="A10981" s="13" t="s">
        <v>87</v>
      </c>
      <c r="B10981" s="14" t="s">
        <v>1</v>
      </c>
      <c r="C10981" s="14" t="s">
        <v>35</v>
      </c>
      <c r="D10981" s="14" t="s">
        <v>88</v>
      </c>
      <c r="E10981" s="15">
        <v>45407</v>
      </c>
      <c r="F10981" s="14" t="s">
        <v>61</v>
      </c>
      <c r="G10981" s="16">
        <v>0</v>
      </c>
    </row>
    <row r="10982" spans="1:7" x14ac:dyDescent="0.3">
      <c r="A10982" s="13" t="s">
        <v>87</v>
      </c>
      <c r="B10982" s="14" t="s">
        <v>1</v>
      </c>
      <c r="C10982" s="14" t="s">
        <v>35</v>
      </c>
      <c r="D10982" s="14" t="s">
        <v>88</v>
      </c>
      <c r="E10982" s="15">
        <v>45408</v>
      </c>
      <c r="F10982" s="14" t="s">
        <v>61</v>
      </c>
      <c r="G10982" s="16">
        <v>0</v>
      </c>
    </row>
    <row r="10983" spans="1:7" x14ac:dyDescent="0.3">
      <c r="A10983" s="13" t="s">
        <v>87</v>
      </c>
      <c r="B10983" s="14" t="s">
        <v>1</v>
      </c>
      <c r="C10983" s="14" t="s">
        <v>35</v>
      </c>
      <c r="D10983" s="14" t="s">
        <v>88</v>
      </c>
      <c r="E10983" s="15">
        <v>45409</v>
      </c>
      <c r="F10983" s="14" t="s">
        <v>61</v>
      </c>
      <c r="G10983" s="16">
        <v>0</v>
      </c>
    </row>
    <row r="10984" spans="1:7" x14ac:dyDescent="0.3">
      <c r="A10984" s="13" t="s">
        <v>87</v>
      </c>
      <c r="B10984" s="14" t="s">
        <v>1</v>
      </c>
      <c r="C10984" s="14" t="s">
        <v>35</v>
      </c>
      <c r="D10984" s="14" t="s">
        <v>88</v>
      </c>
      <c r="E10984" s="15">
        <v>45410</v>
      </c>
      <c r="F10984" s="14" t="s">
        <v>61</v>
      </c>
      <c r="G10984" s="16">
        <v>0</v>
      </c>
    </row>
    <row r="10985" spans="1:7" x14ac:dyDescent="0.3">
      <c r="A10985" s="13" t="s">
        <v>87</v>
      </c>
      <c r="B10985" s="14" t="s">
        <v>1</v>
      </c>
      <c r="C10985" s="14" t="s">
        <v>35</v>
      </c>
      <c r="D10985" s="14" t="s">
        <v>88</v>
      </c>
      <c r="E10985" s="15">
        <v>45411</v>
      </c>
      <c r="F10985" s="14" t="s">
        <v>61</v>
      </c>
      <c r="G10985" s="16">
        <v>0</v>
      </c>
    </row>
    <row r="10986" spans="1:7" x14ac:dyDescent="0.3">
      <c r="A10986" s="13" t="s">
        <v>87</v>
      </c>
      <c r="B10986" s="14" t="s">
        <v>1</v>
      </c>
      <c r="C10986" s="14" t="s">
        <v>35</v>
      </c>
      <c r="D10986" s="14" t="s">
        <v>88</v>
      </c>
      <c r="E10986" s="15">
        <v>45412</v>
      </c>
      <c r="F10986" s="14" t="s">
        <v>61</v>
      </c>
      <c r="G10986" s="16">
        <v>0</v>
      </c>
    </row>
    <row r="10987" spans="1:7" x14ac:dyDescent="0.3">
      <c r="A10987" s="13" t="s">
        <v>87</v>
      </c>
      <c r="B10987" s="14" t="s">
        <v>1</v>
      </c>
      <c r="C10987" s="14" t="s">
        <v>35</v>
      </c>
      <c r="D10987" s="14" t="s">
        <v>88</v>
      </c>
      <c r="E10987" s="15">
        <v>45413</v>
      </c>
      <c r="F10987" s="14" t="s">
        <v>61</v>
      </c>
      <c r="G10987" s="16">
        <v>0</v>
      </c>
    </row>
    <row r="10988" spans="1:7" x14ac:dyDescent="0.3">
      <c r="A10988" s="13" t="s">
        <v>87</v>
      </c>
      <c r="B10988" s="14" t="s">
        <v>1</v>
      </c>
      <c r="C10988" s="14" t="s">
        <v>35</v>
      </c>
      <c r="D10988" s="14" t="s">
        <v>88</v>
      </c>
      <c r="E10988" s="15">
        <v>45414</v>
      </c>
      <c r="F10988" s="14" t="s">
        <v>61</v>
      </c>
      <c r="G10988" s="16">
        <v>0</v>
      </c>
    </row>
    <row r="10989" spans="1:7" x14ac:dyDescent="0.3">
      <c r="A10989" s="13" t="s">
        <v>87</v>
      </c>
      <c r="B10989" s="14" t="s">
        <v>1</v>
      </c>
      <c r="C10989" s="14" t="s">
        <v>35</v>
      </c>
      <c r="D10989" s="14" t="s">
        <v>88</v>
      </c>
      <c r="E10989" s="15">
        <v>45415</v>
      </c>
      <c r="F10989" s="14" t="s">
        <v>61</v>
      </c>
      <c r="G10989" s="16">
        <v>0</v>
      </c>
    </row>
    <row r="10990" spans="1:7" x14ac:dyDescent="0.3">
      <c r="A10990" s="13" t="s">
        <v>87</v>
      </c>
      <c r="B10990" s="14" t="s">
        <v>1</v>
      </c>
      <c r="C10990" s="14" t="s">
        <v>35</v>
      </c>
      <c r="D10990" s="14" t="s">
        <v>88</v>
      </c>
      <c r="E10990" s="15">
        <v>45416</v>
      </c>
      <c r="F10990" s="14" t="s">
        <v>61</v>
      </c>
      <c r="G10990" s="16">
        <v>0</v>
      </c>
    </row>
    <row r="10991" spans="1:7" x14ac:dyDescent="0.3">
      <c r="A10991" s="13" t="s">
        <v>87</v>
      </c>
      <c r="B10991" s="14" t="s">
        <v>1</v>
      </c>
      <c r="C10991" s="14" t="s">
        <v>35</v>
      </c>
      <c r="D10991" s="14" t="s">
        <v>88</v>
      </c>
      <c r="E10991" s="15">
        <v>45417</v>
      </c>
      <c r="F10991" s="14" t="s">
        <v>61</v>
      </c>
      <c r="G10991" s="16">
        <v>0</v>
      </c>
    </row>
    <row r="10992" spans="1:7" x14ac:dyDescent="0.3">
      <c r="A10992" s="13" t="s">
        <v>87</v>
      </c>
      <c r="B10992" s="14" t="s">
        <v>1</v>
      </c>
      <c r="C10992" s="14" t="s">
        <v>35</v>
      </c>
      <c r="D10992" s="14" t="s">
        <v>88</v>
      </c>
      <c r="E10992" s="15">
        <v>45418</v>
      </c>
      <c r="F10992" s="14" t="s">
        <v>61</v>
      </c>
      <c r="G10992" s="16">
        <v>0</v>
      </c>
    </row>
    <row r="10993" spans="1:7" x14ac:dyDescent="0.3">
      <c r="A10993" s="13" t="s">
        <v>87</v>
      </c>
      <c r="B10993" s="14" t="s">
        <v>1</v>
      </c>
      <c r="C10993" s="14" t="s">
        <v>35</v>
      </c>
      <c r="D10993" s="14" t="s">
        <v>88</v>
      </c>
      <c r="E10993" s="15">
        <v>45419</v>
      </c>
      <c r="F10993" s="14" t="s">
        <v>61</v>
      </c>
      <c r="G10993" s="16">
        <v>0</v>
      </c>
    </row>
    <row r="10994" spans="1:7" x14ac:dyDescent="0.3">
      <c r="A10994" s="13" t="s">
        <v>87</v>
      </c>
      <c r="B10994" s="14" t="s">
        <v>1</v>
      </c>
      <c r="C10994" s="14" t="s">
        <v>35</v>
      </c>
      <c r="D10994" s="14" t="s">
        <v>88</v>
      </c>
      <c r="E10994" s="15">
        <v>45420</v>
      </c>
      <c r="F10994" s="14" t="s">
        <v>61</v>
      </c>
      <c r="G10994" s="16">
        <v>0</v>
      </c>
    </row>
    <row r="10995" spans="1:7" x14ac:dyDescent="0.3">
      <c r="A10995" s="13" t="s">
        <v>87</v>
      </c>
      <c r="B10995" s="14" t="s">
        <v>1</v>
      </c>
      <c r="C10995" s="14" t="s">
        <v>35</v>
      </c>
      <c r="D10995" s="14" t="s">
        <v>88</v>
      </c>
      <c r="E10995" s="15">
        <v>45421</v>
      </c>
      <c r="F10995" s="14" t="s">
        <v>61</v>
      </c>
      <c r="G10995" s="16">
        <v>0</v>
      </c>
    </row>
    <row r="10996" spans="1:7" x14ac:dyDescent="0.3">
      <c r="A10996" s="13" t="s">
        <v>87</v>
      </c>
      <c r="B10996" s="14" t="s">
        <v>1</v>
      </c>
      <c r="C10996" s="14" t="s">
        <v>35</v>
      </c>
      <c r="D10996" s="14" t="s">
        <v>88</v>
      </c>
      <c r="E10996" s="15">
        <v>45422</v>
      </c>
      <c r="F10996" s="14" t="s">
        <v>61</v>
      </c>
      <c r="G10996" s="16">
        <v>0</v>
      </c>
    </row>
    <row r="10997" spans="1:7" x14ac:dyDescent="0.3">
      <c r="A10997" s="13" t="s">
        <v>87</v>
      </c>
      <c r="B10997" s="14" t="s">
        <v>1</v>
      </c>
      <c r="C10997" s="14" t="s">
        <v>35</v>
      </c>
      <c r="D10997" s="14" t="s">
        <v>88</v>
      </c>
      <c r="E10997" s="15">
        <v>45423</v>
      </c>
      <c r="F10997" s="14" t="s">
        <v>61</v>
      </c>
      <c r="G10997" s="16">
        <v>0</v>
      </c>
    </row>
    <row r="10998" spans="1:7" x14ac:dyDescent="0.3">
      <c r="A10998" s="13" t="s">
        <v>87</v>
      </c>
      <c r="B10998" s="14" t="s">
        <v>1</v>
      </c>
      <c r="C10998" s="14" t="s">
        <v>35</v>
      </c>
      <c r="D10998" s="14" t="s">
        <v>88</v>
      </c>
      <c r="E10998" s="15">
        <v>45424</v>
      </c>
      <c r="F10998" s="14" t="s">
        <v>61</v>
      </c>
      <c r="G10998" s="16">
        <v>0</v>
      </c>
    </row>
    <row r="10999" spans="1:7" x14ac:dyDescent="0.3">
      <c r="A10999" s="13" t="s">
        <v>87</v>
      </c>
      <c r="B10999" s="14" t="s">
        <v>1</v>
      </c>
      <c r="C10999" s="14" t="s">
        <v>35</v>
      </c>
      <c r="D10999" s="14" t="s">
        <v>88</v>
      </c>
      <c r="E10999" s="15">
        <v>45425</v>
      </c>
      <c r="F10999" s="14" t="s">
        <v>61</v>
      </c>
      <c r="G10999" s="16">
        <v>0</v>
      </c>
    </row>
    <row r="11000" spans="1:7" x14ac:dyDescent="0.3">
      <c r="A11000" s="13" t="s">
        <v>87</v>
      </c>
      <c r="B11000" s="14" t="s">
        <v>1</v>
      </c>
      <c r="C11000" s="14" t="s">
        <v>35</v>
      </c>
      <c r="D11000" s="14" t="s">
        <v>88</v>
      </c>
      <c r="E11000" s="15">
        <v>45426</v>
      </c>
      <c r="F11000" s="14" t="s">
        <v>61</v>
      </c>
      <c r="G11000" s="16">
        <v>0</v>
      </c>
    </row>
    <row r="11001" spans="1:7" x14ac:dyDescent="0.3">
      <c r="A11001" s="13" t="s">
        <v>87</v>
      </c>
      <c r="B11001" s="14" t="s">
        <v>1</v>
      </c>
      <c r="C11001" s="14" t="s">
        <v>35</v>
      </c>
      <c r="D11001" s="14" t="s">
        <v>88</v>
      </c>
      <c r="E11001" s="15">
        <v>45427</v>
      </c>
      <c r="F11001" s="14" t="s">
        <v>61</v>
      </c>
      <c r="G11001" s="16">
        <v>0</v>
      </c>
    </row>
    <row r="11002" spans="1:7" x14ac:dyDescent="0.3">
      <c r="A11002" s="13" t="s">
        <v>87</v>
      </c>
      <c r="B11002" s="14" t="s">
        <v>1</v>
      </c>
      <c r="C11002" s="14" t="s">
        <v>35</v>
      </c>
      <c r="D11002" s="14" t="s">
        <v>88</v>
      </c>
      <c r="E11002" s="15">
        <v>45428</v>
      </c>
      <c r="F11002" s="14" t="s">
        <v>61</v>
      </c>
      <c r="G11002" s="16">
        <v>0</v>
      </c>
    </row>
    <row r="11003" spans="1:7" x14ac:dyDescent="0.3">
      <c r="A11003" s="13" t="s">
        <v>87</v>
      </c>
      <c r="B11003" s="14" t="s">
        <v>1</v>
      </c>
      <c r="C11003" s="14" t="s">
        <v>35</v>
      </c>
      <c r="D11003" s="14" t="s">
        <v>88</v>
      </c>
      <c r="E11003" s="15">
        <v>45429</v>
      </c>
      <c r="F11003" s="14" t="s">
        <v>61</v>
      </c>
      <c r="G11003" s="16">
        <v>0</v>
      </c>
    </row>
    <row r="11004" spans="1:7" x14ac:dyDescent="0.3">
      <c r="A11004" s="13" t="s">
        <v>87</v>
      </c>
      <c r="B11004" s="14" t="s">
        <v>1</v>
      </c>
      <c r="C11004" s="14" t="s">
        <v>35</v>
      </c>
      <c r="D11004" s="14" t="s">
        <v>88</v>
      </c>
      <c r="E11004" s="15">
        <v>45430</v>
      </c>
      <c r="F11004" s="14" t="s">
        <v>61</v>
      </c>
      <c r="G11004" s="16">
        <v>0</v>
      </c>
    </row>
    <row r="11005" spans="1:7" x14ac:dyDescent="0.3">
      <c r="A11005" s="13" t="s">
        <v>87</v>
      </c>
      <c r="B11005" s="14" t="s">
        <v>1</v>
      </c>
      <c r="C11005" s="14" t="s">
        <v>35</v>
      </c>
      <c r="D11005" s="14" t="s">
        <v>88</v>
      </c>
      <c r="E11005" s="15">
        <v>45431</v>
      </c>
      <c r="F11005" s="14" t="s">
        <v>61</v>
      </c>
      <c r="G11005" s="16">
        <v>0</v>
      </c>
    </row>
    <row r="11006" spans="1:7" x14ac:dyDescent="0.3">
      <c r="A11006" s="13" t="s">
        <v>87</v>
      </c>
      <c r="B11006" s="14" t="s">
        <v>1</v>
      </c>
      <c r="C11006" s="14" t="s">
        <v>35</v>
      </c>
      <c r="D11006" s="14" t="s">
        <v>88</v>
      </c>
      <c r="E11006" s="15">
        <v>45432</v>
      </c>
      <c r="F11006" s="14" t="s">
        <v>61</v>
      </c>
      <c r="G11006" s="16">
        <v>0</v>
      </c>
    </row>
    <row r="11007" spans="1:7" x14ac:dyDescent="0.3">
      <c r="A11007" s="13" t="s">
        <v>87</v>
      </c>
      <c r="B11007" s="14" t="s">
        <v>1</v>
      </c>
      <c r="C11007" s="14" t="s">
        <v>35</v>
      </c>
      <c r="D11007" s="14" t="s">
        <v>88</v>
      </c>
      <c r="E11007" s="15">
        <v>45433</v>
      </c>
      <c r="F11007" s="14" t="s">
        <v>61</v>
      </c>
      <c r="G11007" s="16">
        <v>0</v>
      </c>
    </row>
    <row r="11008" spans="1:7" x14ac:dyDescent="0.3">
      <c r="A11008" s="13" t="s">
        <v>87</v>
      </c>
      <c r="B11008" s="14" t="s">
        <v>1</v>
      </c>
      <c r="C11008" s="14" t="s">
        <v>35</v>
      </c>
      <c r="D11008" s="14" t="s">
        <v>88</v>
      </c>
      <c r="E11008" s="15">
        <v>45434</v>
      </c>
      <c r="F11008" s="14" t="s">
        <v>61</v>
      </c>
      <c r="G11008" s="16">
        <v>0</v>
      </c>
    </row>
    <row r="11009" spans="1:7" x14ac:dyDescent="0.3">
      <c r="A11009" s="13" t="s">
        <v>87</v>
      </c>
      <c r="B11009" s="14" t="s">
        <v>1</v>
      </c>
      <c r="C11009" s="14" t="s">
        <v>35</v>
      </c>
      <c r="D11009" s="14" t="s">
        <v>88</v>
      </c>
      <c r="E11009" s="15">
        <v>45435</v>
      </c>
      <c r="F11009" s="14" t="s">
        <v>61</v>
      </c>
      <c r="G11009" s="16">
        <v>0</v>
      </c>
    </row>
    <row r="11010" spans="1:7" x14ac:dyDescent="0.3">
      <c r="A11010" s="13" t="s">
        <v>87</v>
      </c>
      <c r="B11010" s="14" t="s">
        <v>1</v>
      </c>
      <c r="C11010" s="14" t="s">
        <v>35</v>
      </c>
      <c r="D11010" s="14" t="s">
        <v>88</v>
      </c>
      <c r="E11010" s="15">
        <v>45436</v>
      </c>
      <c r="F11010" s="14" t="s">
        <v>61</v>
      </c>
      <c r="G11010" s="16">
        <v>0</v>
      </c>
    </row>
    <row r="11011" spans="1:7" x14ac:dyDescent="0.3">
      <c r="A11011" s="13" t="s">
        <v>87</v>
      </c>
      <c r="B11011" s="14" t="s">
        <v>1</v>
      </c>
      <c r="C11011" s="14" t="s">
        <v>35</v>
      </c>
      <c r="D11011" s="14" t="s">
        <v>88</v>
      </c>
      <c r="E11011" s="15">
        <v>45437</v>
      </c>
      <c r="F11011" s="14" t="s">
        <v>61</v>
      </c>
      <c r="G11011" s="16">
        <v>0</v>
      </c>
    </row>
    <row r="11012" spans="1:7" x14ac:dyDescent="0.3">
      <c r="A11012" s="13" t="s">
        <v>87</v>
      </c>
      <c r="B11012" s="14" t="s">
        <v>1</v>
      </c>
      <c r="C11012" s="14" t="s">
        <v>35</v>
      </c>
      <c r="D11012" s="14" t="s">
        <v>88</v>
      </c>
      <c r="E11012" s="15">
        <v>45438</v>
      </c>
      <c r="F11012" s="14" t="s">
        <v>61</v>
      </c>
      <c r="G11012" s="16">
        <v>0</v>
      </c>
    </row>
    <row r="11013" spans="1:7" x14ac:dyDescent="0.3">
      <c r="A11013" s="13" t="s">
        <v>87</v>
      </c>
      <c r="B11013" s="14" t="s">
        <v>1</v>
      </c>
      <c r="C11013" s="14" t="s">
        <v>35</v>
      </c>
      <c r="D11013" s="14" t="s">
        <v>88</v>
      </c>
      <c r="E11013" s="15">
        <v>45439</v>
      </c>
      <c r="F11013" s="14" t="s">
        <v>61</v>
      </c>
      <c r="G11013" s="16">
        <v>0</v>
      </c>
    </row>
    <row r="11014" spans="1:7" x14ac:dyDescent="0.3">
      <c r="A11014" s="13" t="s">
        <v>87</v>
      </c>
      <c r="B11014" s="14" t="s">
        <v>1</v>
      </c>
      <c r="C11014" s="14" t="s">
        <v>35</v>
      </c>
      <c r="D11014" s="14" t="s">
        <v>88</v>
      </c>
      <c r="E11014" s="15">
        <v>45440</v>
      </c>
      <c r="F11014" s="14" t="s">
        <v>61</v>
      </c>
      <c r="G11014" s="16">
        <v>0</v>
      </c>
    </row>
    <row r="11015" spans="1:7" x14ac:dyDescent="0.3">
      <c r="A11015" s="13" t="s">
        <v>87</v>
      </c>
      <c r="B11015" s="14" t="s">
        <v>1</v>
      </c>
      <c r="C11015" s="14" t="s">
        <v>35</v>
      </c>
      <c r="D11015" s="14" t="s">
        <v>88</v>
      </c>
      <c r="E11015" s="15">
        <v>45441</v>
      </c>
      <c r="F11015" s="14" t="s">
        <v>61</v>
      </c>
      <c r="G11015" s="16">
        <v>0</v>
      </c>
    </row>
    <row r="11016" spans="1:7" x14ac:dyDescent="0.3">
      <c r="A11016" s="13" t="s">
        <v>87</v>
      </c>
      <c r="B11016" s="14" t="s">
        <v>1</v>
      </c>
      <c r="C11016" s="14" t="s">
        <v>35</v>
      </c>
      <c r="D11016" s="14" t="s">
        <v>88</v>
      </c>
      <c r="E11016" s="15">
        <v>45442</v>
      </c>
      <c r="F11016" s="14" t="s">
        <v>61</v>
      </c>
      <c r="G11016" s="16">
        <v>0</v>
      </c>
    </row>
    <row r="11017" spans="1:7" x14ac:dyDescent="0.3">
      <c r="A11017" s="13" t="s">
        <v>87</v>
      </c>
      <c r="B11017" s="14" t="s">
        <v>1</v>
      </c>
      <c r="C11017" s="14" t="s">
        <v>35</v>
      </c>
      <c r="D11017" s="14" t="s">
        <v>88</v>
      </c>
      <c r="E11017" s="15">
        <v>45443</v>
      </c>
      <c r="F11017" s="14" t="s">
        <v>61</v>
      </c>
      <c r="G11017" s="16">
        <v>0</v>
      </c>
    </row>
    <row r="11018" spans="1:7" x14ac:dyDescent="0.3">
      <c r="A11018" s="13" t="s">
        <v>87</v>
      </c>
      <c r="B11018" s="14" t="s">
        <v>1</v>
      </c>
      <c r="C11018" s="14" t="s">
        <v>35</v>
      </c>
      <c r="D11018" s="14" t="s">
        <v>88</v>
      </c>
      <c r="E11018" s="15">
        <v>45444</v>
      </c>
      <c r="F11018" s="14" t="s">
        <v>61</v>
      </c>
      <c r="G11018" s="16">
        <v>0</v>
      </c>
    </row>
    <row r="11019" spans="1:7" x14ac:dyDescent="0.3">
      <c r="A11019" s="13" t="s">
        <v>87</v>
      </c>
      <c r="B11019" s="14" t="s">
        <v>1</v>
      </c>
      <c r="C11019" s="14" t="s">
        <v>35</v>
      </c>
      <c r="D11019" s="14" t="s">
        <v>88</v>
      </c>
      <c r="E11019" s="15">
        <v>45445</v>
      </c>
      <c r="F11019" s="14" t="s">
        <v>61</v>
      </c>
      <c r="G11019" s="16">
        <v>0</v>
      </c>
    </row>
    <row r="11020" spans="1:7" x14ac:dyDescent="0.3">
      <c r="A11020" s="13" t="s">
        <v>87</v>
      </c>
      <c r="B11020" s="14" t="s">
        <v>1</v>
      </c>
      <c r="C11020" s="14" t="s">
        <v>35</v>
      </c>
      <c r="D11020" s="14" t="s">
        <v>88</v>
      </c>
      <c r="E11020" s="15">
        <v>45446</v>
      </c>
      <c r="F11020" s="14" t="s">
        <v>61</v>
      </c>
      <c r="G11020" s="16">
        <v>0</v>
      </c>
    </row>
    <row r="11021" spans="1:7" x14ac:dyDescent="0.3">
      <c r="A11021" s="13" t="s">
        <v>87</v>
      </c>
      <c r="B11021" s="14" t="s">
        <v>1</v>
      </c>
      <c r="C11021" s="14" t="s">
        <v>35</v>
      </c>
      <c r="D11021" s="14" t="s">
        <v>88</v>
      </c>
      <c r="E11021" s="15">
        <v>45447</v>
      </c>
      <c r="F11021" s="14" t="s">
        <v>61</v>
      </c>
      <c r="G11021" s="16">
        <v>0</v>
      </c>
    </row>
    <row r="11022" spans="1:7" x14ac:dyDescent="0.3">
      <c r="A11022" s="13" t="s">
        <v>87</v>
      </c>
      <c r="B11022" s="14" t="s">
        <v>1</v>
      </c>
      <c r="C11022" s="14" t="s">
        <v>35</v>
      </c>
      <c r="D11022" s="14" t="s">
        <v>88</v>
      </c>
      <c r="E11022" s="15">
        <v>45448</v>
      </c>
      <c r="F11022" s="14" t="s">
        <v>61</v>
      </c>
      <c r="G11022" s="16">
        <v>0</v>
      </c>
    </row>
    <row r="11023" spans="1:7" x14ac:dyDescent="0.3">
      <c r="A11023" s="13" t="s">
        <v>87</v>
      </c>
      <c r="B11023" s="14" t="s">
        <v>1</v>
      </c>
      <c r="C11023" s="14" t="s">
        <v>35</v>
      </c>
      <c r="D11023" s="14" t="s">
        <v>88</v>
      </c>
      <c r="E11023" s="15">
        <v>45449</v>
      </c>
      <c r="F11023" s="14" t="s">
        <v>61</v>
      </c>
      <c r="G11023" s="16">
        <v>0</v>
      </c>
    </row>
    <row r="11024" spans="1:7" x14ac:dyDescent="0.3">
      <c r="A11024" s="13" t="s">
        <v>87</v>
      </c>
      <c r="B11024" s="14" t="s">
        <v>1</v>
      </c>
      <c r="C11024" s="14" t="s">
        <v>35</v>
      </c>
      <c r="D11024" s="14" t="s">
        <v>88</v>
      </c>
      <c r="E11024" s="15">
        <v>45450</v>
      </c>
      <c r="F11024" s="14" t="s">
        <v>61</v>
      </c>
      <c r="G11024" s="16">
        <v>0</v>
      </c>
    </row>
    <row r="11025" spans="1:7" x14ac:dyDescent="0.3">
      <c r="A11025" s="13" t="s">
        <v>87</v>
      </c>
      <c r="B11025" s="14" t="s">
        <v>1</v>
      </c>
      <c r="C11025" s="14" t="s">
        <v>35</v>
      </c>
      <c r="D11025" s="14" t="s">
        <v>88</v>
      </c>
      <c r="E11025" s="15">
        <v>45451</v>
      </c>
      <c r="F11025" s="14" t="s">
        <v>61</v>
      </c>
      <c r="G11025" s="16">
        <v>0</v>
      </c>
    </row>
    <row r="11026" spans="1:7" x14ac:dyDescent="0.3">
      <c r="A11026" s="13" t="s">
        <v>87</v>
      </c>
      <c r="B11026" s="14" t="s">
        <v>1</v>
      </c>
      <c r="C11026" s="14" t="s">
        <v>35</v>
      </c>
      <c r="D11026" s="14" t="s">
        <v>88</v>
      </c>
      <c r="E11026" s="15">
        <v>45452</v>
      </c>
      <c r="F11026" s="14" t="s">
        <v>61</v>
      </c>
      <c r="G11026" s="16">
        <v>0</v>
      </c>
    </row>
    <row r="11027" spans="1:7" x14ac:dyDescent="0.3">
      <c r="A11027" s="13" t="s">
        <v>87</v>
      </c>
      <c r="B11027" s="14" t="s">
        <v>1</v>
      </c>
      <c r="C11027" s="14" t="s">
        <v>35</v>
      </c>
      <c r="D11027" s="14" t="s">
        <v>88</v>
      </c>
      <c r="E11027" s="15">
        <v>45453</v>
      </c>
      <c r="F11027" s="14" t="s">
        <v>61</v>
      </c>
      <c r="G11027" s="16">
        <v>0</v>
      </c>
    </row>
    <row r="11028" spans="1:7" x14ac:dyDescent="0.3">
      <c r="A11028" s="13" t="s">
        <v>87</v>
      </c>
      <c r="B11028" s="14" t="s">
        <v>1</v>
      </c>
      <c r="C11028" s="14" t="s">
        <v>35</v>
      </c>
      <c r="D11028" s="14" t="s">
        <v>88</v>
      </c>
      <c r="E11028" s="15">
        <v>45454</v>
      </c>
      <c r="F11028" s="14" t="s">
        <v>61</v>
      </c>
      <c r="G11028" s="16">
        <v>0</v>
      </c>
    </row>
    <row r="11029" spans="1:7" x14ac:dyDescent="0.3">
      <c r="A11029" s="13" t="s">
        <v>87</v>
      </c>
      <c r="B11029" s="14" t="s">
        <v>1</v>
      </c>
      <c r="C11029" s="14" t="s">
        <v>35</v>
      </c>
      <c r="D11029" s="14" t="s">
        <v>88</v>
      </c>
      <c r="E11029" s="15">
        <v>45455</v>
      </c>
      <c r="F11029" s="14" t="s">
        <v>61</v>
      </c>
      <c r="G11029" s="16">
        <v>0</v>
      </c>
    </row>
    <row r="11030" spans="1:7" x14ac:dyDescent="0.3">
      <c r="A11030" s="13" t="s">
        <v>87</v>
      </c>
      <c r="B11030" s="14" t="s">
        <v>1</v>
      </c>
      <c r="C11030" s="14" t="s">
        <v>35</v>
      </c>
      <c r="D11030" s="14" t="s">
        <v>88</v>
      </c>
      <c r="E11030" s="15">
        <v>45456</v>
      </c>
      <c r="F11030" s="14" t="s">
        <v>61</v>
      </c>
      <c r="G11030" s="16">
        <v>0</v>
      </c>
    </row>
    <row r="11031" spans="1:7" x14ac:dyDescent="0.3">
      <c r="A11031" s="13" t="s">
        <v>87</v>
      </c>
      <c r="B11031" s="14" t="s">
        <v>1</v>
      </c>
      <c r="C11031" s="14" t="s">
        <v>35</v>
      </c>
      <c r="D11031" s="14" t="s">
        <v>88</v>
      </c>
      <c r="E11031" s="15">
        <v>45457</v>
      </c>
      <c r="F11031" s="14" t="s">
        <v>61</v>
      </c>
      <c r="G11031" s="16">
        <v>4.985500158789468E-3</v>
      </c>
    </row>
    <row r="11032" spans="1:7" x14ac:dyDescent="0.3">
      <c r="A11032" s="13" t="s">
        <v>87</v>
      </c>
      <c r="B11032" s="14" t="s">
        <v>1</v>
      </c>
      <c r="C11032" s="14" t="s">
        <v>35</v>
      </c>
      <c r="D11032" s="14" t="s">
        <v>88</v>
      </c>
      <c r="E11032" s="15">
        <v>45458</v>
      </c>
      <c r="F11032" s="14" t="s">
        <v>61</v>
      </c>
      <c r="G11032" s="16">
        <v>4.985500158789468E-3</v>
      </c>
    </row>
    <row r="11033" spans="1:7" x14ac:dyDescent="0.3">
      <c r="A11033" s="13" t="s">
        <v>87</v>
      </c>
      <c r="B11033" s="14" t="s">
        <v>1</v>
      </c>
      <c r="C11033" s="14" t="s">
        <v>35</v>
      </c>
      <c r="D11033" s="14" t="s">
        <v>88</v>
      </c>
      <c r="E11033" s="15">
        <v>45459</v>
      </c>
      <c r="F11033" s="14" t="s">
        <v>61</v>
      </c>
      <c r="G11033" s="16">
        <v>4.985500158789468E-3</v>
      </c>
    </row>
    <row r="11034" spans="1:7" x14ac:dyDescent="0.3">
      <c r="A11034" s="13" t="s">
        <v>87</v>
      </c>
      <c r="B11034" s="14" t="s">
        <v>1</v>
      </c>
      <c r="C11034" s="14" t="s">
        <v>35</v>
      </c>
      <c r="D11034" s="14" t="s">
        <v>88</v>
      </c>
      <c r="E11034" s="15">
        <v>45460</v>
      </c>
      <c r="F11034" s="14" t="s">
        <v>61</v>
      </c>
      <c r="G11034" s="16">
        <v>1.4387964161326511E-3</v>
      </c>
    </row>
    <row r="11035" spans="1:7" x14ac:dyDescent="0.3">
      <c r="A11035" s="13" t="s">
        <v>87</v>
      </c>
      <c r="B11035" s="14" t="s">
        <v>1</v>
      </c>
      <c r="C11035" s="14" t="s">
        <v>35</v>
      </c>
      <c r="D11035" s="14" t="s">
        <v>88</v>
      </c>
      <c r="E11035" s="15">
        <v>45461</v>
      </c>
      <c r="F11035" s="14" t="s">
        <v>61</v>
      </c>
      <c r="G11035" s="16">
        <v>0</v>
      </c>
    </row>
    <row r="11036" spans="1:7" x14ac:dyDescent="0.3">
      <c r="A11036" s="13" t="s">
        <v>87</v>
      </c>
      <c r="B11036" s="14" t="s">
        <v>1</v>
      </c>
      <c r="C11036" s="14" t="s">
        <v>35</v>
      </c>
      <c r="D11036" s="14" t="s">
        <v>88</v>
      </c>
      <c r="E11036" s="15">
        <v>45462</v>
      </c>
      <c r="F11036" s="14" t="s">
        <v>61</v>
      </c>
      <c r="G11036" s="16">
        <v>0</v>
      </c>
    </row>
    <row r="11037" spans="1:7" x14ac:dyDescent="0.3">
      <c r="A11037" s="13" t="s">
        <v>87</v>
      </c>
      <c r="B11037" s="14" t="s">
        <v>1</v>
      </c>
      <c r="C11037" s="14" t="s">
        <v>35</v>
      </c>
      <c r="D11037" s="14" t="s">
        <v>88</v>
      </c>
      <c r="E11037" s="15">
        <v>45463</v>
      </c>
      <c r="F11037" s="14" t="s">
        <v>61</v>
      </c>
      <c r="G11037" s="16">
        <v>0</v>
      </c>
    </row>
    <row r="11038" spans="1:7" x14ac:dyDescent="0.3">
      <c r="A11038" s="13" t="s">
        <v>87</v>
      </c>
      <c r="B11038" s="14" t="s">
        <v>1</v>
      </c>
      <c r="C11038" s="14" t="s">
        <v>35</v>
      </c>
      <c r="D11038" s="14" t="s">
        <v>88</v>
      </c>
      <c r="E11038" s="15">
        <v>45464</v>
      </c>
      <c r="F11038" s="14" t="s">
        <v>61</v>
      </c>
      <c r="G11038" s="16">
        <v>0</v>
      </c>
    </row>
    <row r="11039" spans="1:7" x14ac:dyDescent="0.3">
      <c r="A11039" s="13" t="s">
        <v>87</v>
      </c>
      <c r="B11039" s="14" t="s">
        <v>1</v>
      </c>
      <c r="C11039" s="14" t="s">
        <v>35</v>
      </c>
      <c r="D11039" s="14" t="s">
        <v>88</v>
      </c>
      <c r="E11039" s="15">
        <v>45465</v>
      </c>
      <c r="F11039" s="14" t="s">
        <v>61</v>
      </c>
      <c r="G11039" s="16">
        <v>0</v>
      </c>
    </row>
    <row r="11040" spans="1:7" x14ac:dyDescent="0.3">
      <c r="A11040" s="13" t="s">
        <v>87</v>
      </c>
      <c r="B11040" s="14" t="s">
        <v>1</v>
      </c>
      <c r="C11040" s="14" t="s">
        <v>35</v>
      </c>
      <c r="D11040" s="14" t="s">
        <v>88</v>
      </c>
      <c r="E11040" s="15">
        <v>45466</v>
      </c>
      <c r="F11040" s="14" t="s">
        <v>61</v>
      </c>
      <c r="G11040" s="16">
        <v>0</v>
      </c>
    </row>
    <row r="11041" spans="1:7" x14ac:dyDescent="0.3">
      <c r="A11041" s="13" t="s">
        <v>87</v>
      </c>
      <c r="B11041" s="14" t="s">
        <v>1</v>
      </c>
      <c r="C11041" s="14" t="s">
        <v>35</v>
      </c>
      <c r="D11041" s="14" t="s">
        <v>88</v>
      </c>
      <c r="E11041" s="15">
        <v>45467</v>
      </c>
      <c r="F11041" s="14" t="s">
        <v>61</v>
      </c>
      <c r="G11041" s="16">
        <v>0</v>
      </c>
    </row>
    <row r="11042" spans="1:7" x14ac:dyDescent="0.3">
      <c r="A11042" s="13" t="s">
        <v>87</v>
      </c>
      <c r="B11042" s="14" t="s">
        <v>1</v>
      </c>
      <c r="C11042" s="14" t="s">
        <v>35</v>
      </c>
      <c r="D11042" s="14" t="s">
        <v>88</v>
      </c>
      <c r="E11042" s="15">
        <v>45468</v>
      </c>
      <c r="F11042" s="14" t="s">
        <v>61</v>
      </c>
      <c r="G11042" s="16">
        <v>0</v>
      </c>
    </row>
    <row r="11043" spans="1:7" x14ac:dyDescent="0.3">
      <c r="A11043" s="13" t="s">
        <v>87</v>
      </c>
      <c r="B11043" s="14" t="s">
        <v>1</v>
      </c>
      <c r="C11043" s="14" t="s">
        <v>35</v>
      </c>
      <c r="D11043" s="14" t="s">
        <v>88</v>
      </c>
      <c r="E11043" s="15">
        <v>45469</v>
      </c>
      <c r="F11043" s="14" t="s">
        <v>61</v>
      </c>
      <c r="G11043" s="16">
        <v>0</v>
      </c>
    </row>
    <row r="11044" spans="1:7" x14ac:dyDescent="0.3">
      <c r="A11044" s="13" t="s">
        <v>87</v>
      </c>
      <c r="B11044" s="14" t="s">
        <v>1</v>
      </c>
      <c r="C11044" s="14" t="s">
        <v>35</v>
      </c>
      <c r="D11044" s="14" t="s">
        <v>88</v>
      </c>
      <c r="E11044" s="15">
        <v>45470</v>
      </c>
      <c r="F11044" s="14" t="s">
        <v>61</v>
      </c>
      <c r="G11044" s="16">
        <v>0</v>
      </c>
    </row>
    <row r="11045" spans="1:7" x14ac:dyDescent="0.3">
      <c r="A11045" s="13" t="s">
        <v>87</v>
      </c>
      <c r="B11045" s="14" t="s">
        <v>1</v>
      </c>
      <c r="C11045" s="14" t="s">
        <v>35</v>
      </c>
      <c r="D11045" s="14" t="s">
        <v>88</v>
      </c>
      <c r="E11045" s="15">
        <v>45471</v>
      </c>
      <c r="F11045" s="14" t="s">
        <v>61</v>
      </c>
      <c r="G11045" s="16">
        <v>0</v>
      </c>
    </row>
    <row r="11046" spans="1:7" x14ac:dyDescent="0.3">
      <c r="A11046" s="13" t="s">
        <v>87</v>
      </c>
      <c r="B11046" s="14" t="s">
        <v>1</v>
      </c>
      <c r="C11046" s="14" t="s">
        <v>35</v>
      </c>
      <c r="D11046" s="14" t="s">
        <v>88</v>
      </c>
      <c r="E11046" s="15">
        <v>45472</v>
      </c>
      <c r="F11046" s="14" t="s">
        <v>61</v>
      </c>
      <c r="G11046" s="16">
        <v>0</v>
      </c>
    </row>
    <row r="11047" spans="1:7" x14ac:dyDescent="0.3">
      <c r="A11047" s="13" t="s">
        <v>87</v>
      </c>
      <c r="B11047" s="14" t="s">
        <v>1</v>
      </c>
      <c r="C11047" s="14" t="s">
        <v>35</v>
      </c>
      <c r="D11047" s="14" t="s">
        <v>88</v>
      </c>
      <c r="E11047" s="15">
        <v>45473</v>
      </c>
      <c r="F11047" s="14" t="s">
        <v>61</v>
      </c>
      <c r="G11047" s="16">
        <v>0</v>
      </c>
    </row>
    <row r="11048" spans="1:7" x14ac:dyDescent="0.3">
      <c r="A11048" s="13" t="s">
        <v>87</v>
      </c>
      <c r="B11048" s="14" t="s">
        <v>1</v>
      </c>
      <c r="C11048" s="14" t="s">
        <v>35</v>
      </c>
      <c r="D11048" s="14" t="s">
        <v>88</v>
      </c>
      <c r="E11048" s="15">
        <v>45474</v>
      </c>
      <c r="F11048" s="14" t="s">
        <v>61</v>
      </c>
      <c r="G11048" s="16">
        <v>0</v>
      </c>
    </row>
    <row r="11049" spans="1:7" x14ac:dyDescent="0.3">
      <c r="A11049" s="13" t="s">
        <v>87</v>
      </c>
      <c r="B11049" s="14" t="s">
        <v>1</v>
      </c>
      <c r="C11049" s="14" t="s">
        <v>35</v>
      </c>
      <c r="D11049" s="14" t="s">
        <v>88</v>
      </c>
      <c r="E11049" s="15">
        <v>45475</v>
      </c>
      <c r="F11049" s="14" t="s">
        <v>61</v>
      </c>
      <c r="G11049" s="16">
        <v>0</v>
      </c>
    </row>
    <row r="11050" spans="1:7" x14ac:dyDescent="0.3">
      <c r="A11050" s="13" t="s">
        <v>87</v>
      </c>
      <c r="B11050" s="14" t="s">
        <v>1</v>
      </c>
      <c r="C11050" s="14" t="s">
        <v>35</v>
      </c>
      <c r="D11050" s="14" t="s">
        <v>88</v>
      </c>
      <c r="E11050" s="15">
        <v>45476</v>
      </c>
      <c r="F11050" s="14" t="s">
        <v>61</v>
      </c>
      <c r="G11050" s="16">
        <v>0</v>
      </c>
    </row>
    <row r="11051" spans="1:7" x14ac:dyDescent="0.3">
      <c r="A11051" s="13" t="s">
        <v>87</v>
      </c>
      <c r="B11051" s="14" t="s">
        <v>1</v>
      </c>
      <c r="C11051" s="14" t="s">
        <v>35</v>
      </c>
      <c r="D11051" s="14" t="s">
        <v>88</v>
      </c>
      <c r="E11051" s="15">
        <v>45477</v>
      </c>
      <c r="F11051" s="14" t="s">
        <v>61</v>
      </c>
      <c r="G11051" s="16">
        <v>0</v>
      </c>
    </row>
    <row r="11052" spans="1:7" x14ac:dyDescent="0.3">
      <c r="A11052" s="13" t="s">
        <v>87</v>
      </c>
      <c r="B11052" s="14" t="s">
        <v>1</v>
      </c>
      <c r="C11052" s="14" t="s">
        <v>35</v>
      </c>
      <c r="D11052" s="14" t="s">
        <v>88</v>
      </c>
      <c r="E11052" s="15">
        <v>45478</v>
      </c>
      <c r="F11052" s="14" t="s">
        <v>61</v>
      </c>
      <c r="G11052" s="16">
        <v>0</v>
      </c>
    </row>
    <row r="11053" spans="1:7" x14ac:dyDescent="0.3">
      <c r="A11053" s="13" t="s">
        <v>87</v>
      </c>
      <c r="B11053" s="14" t="s">
        <v>1</v>
      </c>
      <c r="C11053" s="14" t="s">
        <v>35</v>
      </c>
      <c r="D11053" s="14" t="s">
        <v>88</v>
      </c>
      <c r="E11053" s="15">
        <v>45479</v>
      </c>
      <c r="F11053" s="14" t="s">
        <v>61</v>
      </c>
      <c r="G11053" s="16">
        <v>0</v>
      </c>
    </row>
    <row r="11054" spans="1:7" x14ac:dyDescent="0.3">
      <c r="A11054" s="13" t="s">
        <v>87</v>
      </c>
      <c r="B11054" s="14" t="s">
        <v>1</v>
      </c>
      <c r="C11054" s="14" t="s">
        <v>35</v>
      </c>
      <c r="D11054" s="14" t="s">
        <v>88</v>
      </c>
      <c r="E11054" s="15">
        <v>45480</v>
      </c>
      <c r="F11054" s="14" t="s">
        <v>61</v>
      </c>
      <c r="G11054" s="16">
        <v>0</v>
      </c>
    </row>
    <row r="11055" spans="1:7" x14ac:dyDescent="0.3">
      <c r="A11055" s="13" t="s">
        <v>87</v>
      </c>
      <c r="B11055" s="14" t="s">
        <v>1</v>
      </c>
      <c r="C11055" s="14" t="s">
        <v>35</v>
      </c>
      <c r="D11055" s="14" t="s">
        <v>88</v>
      </c>
      <c r="E11055" s="15">
        <v>45481</v>
      </c>
      <c r="F11055" s="14" t="s">
        <v>61</v>
      </c>
      <c r="G11055" s="16">
        <v>0</v>
      </c>
    </row>
    <row r="11056" spans="1:7" x14ac:dyDescent="0.3">
      <c r="A11056" s="13" t="s">
        <v>87</v>
      </c>
      <c r="B11056" s="14" t="s">
        <v>1</v>
      </c>
      <c r="C11056" s="14" t="s">
        <v>35</v>
      </c>
      <c r="D11056" s="14" t="s">
        <v>88</v>
      </c>
      <c r="E11056" s="15">
        <v>45482</v>
      </c>
      <c r="F11056" s="14" t="s">
        <v>61</v>
      </c>
      <c r="G11056" s="16">
        <v>0</v>
      </c>
    </row>
    <row r="11057" spans="1:7" x14ac:dyDescent="0.3">
      <c r="A11057" s="13" t="s">
        <v>87</v>
      </c>
      <c r="B11057" s="14" t="s">
        <v>1</v>
      </c>
      <c r="C11057" s="14" t="s">
        <v>35</v>
      </c>
      <c r="D11057" s="14" t="s">
        <v>88</v>
      </c>
      <c r="E11057" s="15">
        <v>45483</v>
      </c>
      <c r="F11057" s="14" t="s">
        <v>61</v>
      </c>
      <c r="G11057" s="16">
        <v>0</v>
      </c>
    </row>
    <row r="11058" spans="1:7" x14ac:dyDescent="0.3">
      <c r="A11058" s="13" t="s">
        <v>87</v>
      </c>
      <c r="B11058" s="14" t="s">
        <v>1</v>
      </c>
      <c r="C11058" s="14" t="s">
        <v>35</v>
      </c>
      <c r="D11058" s="14" t="s">
        <v>88</v>
      </c>
      <c r="E11058" s="15">
        <v>45484</v>
      </c>
      <c r="F11058" s="14" t="s">
        <v>61</v>
      </c>
      <c r="G11058" s="16">
        <v>0</v>
      </c>
    </row>
    <row r="11059" spans="1:7" x14ac:dyDescent="0.3">
      <c r="A11059" s="13" t="s">
        <v>87</v>
      </c>
      <c r="B11059" s="14" t="s">
        <v>1</v>
      </c>
      <c r="C11059" s="14" t="s">
        <v>35</v>
      </c>
      <c r="D11059" s="14" t="s">
        <v>88</v>
      </c>
      <c r="E11059" s="15">
        <v>45485</v>
      </c>
      <c r="F11059" s="14" t="s">
        <v>61</v>
      </c>
      <c r="G11059" s="16">
        <v>0</v>
      </c>
    </row>
    <row r="11060" spans="1:7" x14ac:dyDescent="0.3">
      <c r="A11060" s="13" t="s">
        <v>87</v>
      </c>
      <c r="B11060" s="14" t="s">
        <v>1</v>
      </c>
      <c r="C11060" s="14" t="s">
        <v>35</v>
      </c>
      <c r="D11060" s="14" t="s">
        <v>88</v>
      </c>
      <c r="E11060" s="15">
        <v>45486</v>
      </c>
      <c r="F11060" s="14" t="s">
        <v>61</v>
      </c>
      <c r="G11060" s="16">
        <v>0</v>
      </c>
    </row>
    <row r="11061" spans="1:7" x14ac:dyDescent="0.3">
      <c r="A11061" s="13" t="s">
        <v>87</v>
      </c>
      <c r="B11061" s="14" t="s">
        <v>1</v>
      </c>
      <c r="C11061" s="14" t="s">
        <v>35</v>
      </c>
      <c r="D11061" s="14" t="s">
        <v>88</v>
      </c>
      <c r="E11061" s="15">
        <v>45487</v>
      </c>
      <c r="F11061" s="14" t="s">
        <v>61</v>
      </c>
      <c r="G11061" s="16">
        <v>0</v>
      </c>
    </row>
    <row r="11062" spans="1:7" x14ac:dyDescent="0.3">
      <c r="A11062" s="13" t="s">
        <v>87</v>
      </c>
      <c r="B11062" s="14" t="s">
        <v>1</v>
      </c>
      <c r="C11062" s="14" t="s">
        <v>35</v>
      </c>
      <c r="D11062" s="14" t="s">
        <v>88</v>
      </c>
      <c r="E11062" s="15">
        <v>45488</v>
      </c>
      <c r="F11062" s="14" t="s">
        <v>61</v>
      </c>
      <c r="G11062" s="16">
        <v>0</v>
      </c>
    </row>
    <row r="11063" spans="1:7" x14ac:dyDescent="0.3">
      <c r="A11063" s="13" t="s">
        <v>87</v>
      </c>
      <c r="B11063" s="14" t="s">
        <v>1</v>
      </c>
      <c r="C11063" s="14" t="s">
        <v>35</v>
      </c>
      <c r="D11063" s="14" t="s">
        <v>88</v>
      </c>
      <c r="E11063" s="15">
        <v>45489</v>
      </c>
      <c r="F11063" s="14" t="s">
        <v>61</v>
      </c>
      <c r="G11063" s="16">
        <v>0</v>
      </c>
    </row>
    <row r="11064" spans="1:7" x14ac:dyDescent="0.3">
      <c r="A11064" s="13" t="s">
        <v>87</v>
      </c>
      <c r="B11064" s="14" t="s">
        <v>1</v>
      </c>
      <c r="C11064" s="14" t="s">
        <v>35</v>
      </c>
      <c r="D11064" s="14" t="s">
        <v>88</v>
      </c>
      <c r="E11064" s="15">
        <v>45490</v>
      </c>
      <c r="F11064" s="14" t="s">
        <v>61</v>
      </c>
      <c r="G11064" s="16">
        <v>0</v>
      </c>
    </row>
    <row r="11065" spans="1:7" x14ac:dyDescent="0.3">
      <c r="A11065" s="13" t="s">
        <v>87</v>
      </c>
      <c r="B11065" s="14" t="s">
        <v>1</v>
      </c>
      <c r="C11065" s="14" t="s">
        <v>35</v>
      </c>
      <c r="D11065" s="14" t="s">
        <v>88</v>
      </c>
      <c r="E11065" s="15">
        <v>45491</v>
      </c>
      <c r="F11065" s="14" t="s">
        <v>61</v>
      </c>
      <c r="G11065" s="16">
        <v>0</v>
      </c>
    </row>
    <row r="11066" spans="1:7" x14ac:dyDescent="0.3">
      <c r="A11066" s="13" t="s">
        <v>87</v>
      </c>
      <c r="B11066" s="14" t="s">
        <v>1</v>
      </c>
      <c r="C11066" s="14" t="s">
        <v>35</v>
      </c>
      <c r="D11066" s="14" t="s">
        <v>88</v>
      </c>
      <c r="E11066" s="15">
        <v>45492</v>
      </c>
      <c r="F11066" s="14" t="s">
        <v>61</v>
      </c>
      <c r="G11066" s="16">
        <v>0</v>
      </c>
    </row>
    <row r="11067" spans="1:7" x14ac:dyDescent="0.3">
      <c r="A11067" s="13" t="s">
        <v>87</v>
      </c>
      <c r="B11067" s="14" t="s">
        <v>1</v>
      </c>
      <c r="C11067" s="14" t="s">
        <v>35</v>
      </c>
      <c r="D11067" s="14" t="s">
        <v>88</v>
      </c>
      <c r="E11067" s="15">
        <v>45493</v>
      </c>
      <c r="F11067" s="14" t="s">
        <v>61</v>
      </c>
      <c r="G11067" s="16">
        <v>0</v>
      </c>
    </row>
    <row r="11068" spans="1:7" x14ac:dyDescent="0.3">
      <c r="A11068" s="13" t="s">
        <v>87</v>
      </c>
      <c r="B11068" s="14" t="s">
        <v>1</v>
      </c>
      <c r="C11068" s="14" t="s">
        <v>35</v>
      </c>
      <c r="D11068" s="14" t="s">
        <v>88</v>
      </c>
      <c r="E11068" s="15">
        <v>45494</v>
      </c>
      <c r="F11068" s="14" t="s">
        <v>61</v>
      </c>
      <c r="G11068" s="16">
        <v>0</v>
      </c>
    </row>
    <row r="11069" spans="1:7" x14ac:dyDescent="0.3">
      <c r="A11069" s="13" t="s">
        <v>87</v>
      </c>
      <c r="B11069" s="14" t="s">
        <v>1</v>
      </c>
      <c r="C11069" s="14" t="s">
        <v>35</v>
      </c>
      <c r="D11069" s="14" t="s">
        <v>88</v>
      </c>
      <c r="E11069" s="15">
        <v>45495</v>
      </c>
      <c r="F11069" s="14" t="s">
        <v>61</v>
      </c>
      <c r="G11069" s="16">
        <v>0</v>
      </c>
    </row>
    <row r="11070" spans="1:7" x14ac:dyDescent="0.3">
      <c r="A11070" s="13" t="s">
        <v>87</v>
      </c>
      <c r="B11070" s="14" t="s">
        <v>1</v>
      </c>
      <c r="C11070" s="14" t="s">
        <v>35</v>
      </c>
      <c r="D11070" s="14" t="s">
        <v>88</v>
      </c>
      <c r="E11070" s="15">
        <v>45496</v>
      </c>
      <c r="F11070" s="14" t="s">
        <v>61</v>
      </c>
      <c r="G11070" s="16">
        <v>0</v>
      </c>
    </row>
    <row r="11071" spans="1:7" x14ac:dyDescent="0.3">
      <c r="A11071" s="13" t="s">
        <v>87</v>
      </c>
      <c r="B11071" s="14" t="s">
        <v>1</v>
      </c>
      <c r="C11071" s="14" t="s">
        <v>35</v>
      </c>
      <c r="D11071" s="14" t="s">
        <v>88</v>
      </c>
      <c r="E11071" s="15">
        <v>45497</v>
      </c>
      <c r="F11071" s="14" t="s">
        <v>61</v>
      </c>
      <c r="G11071" s="16">
        <v>0</v>
      </c>
    </row>
    <row r="11072" spans="1:7" x14ac:dyDescent="0.3">
      <c r="A11072" s="13" t="s">
        <v>87</v>
      </c>
      <c r="B11072" s="14" t="s">
        <v>1</v>
      </c>
      <c r="C11072" s="14" t="s">
        <v>35</v>
      </c>
      <c r="D11072" s="14" t="s">
        <v>88</v>
      </c>
      <c r="E11072" s="15">
        <v>45498</v>
      </c>
      <c r="F11072" s="14" t="s">
        <v>61</v>
      </c>
      <c r="G11072" s="16">
        <v>0</v>
      </c>
    </row>
    <row r="11073" spans="1:7" x14ac:dyDescent="0.3">
      <c r="A11073" s="13" t="s">
        <v>87</v>
      </c>
      <c r="B11073" s="14" t="s">
        <v>1</v>
      </c>
      <c r="C11073" s="14" t="s">
        <v>35</v>
      </c>
      <c r="D11073" s="14" t="s">
        <v>88</v>
      </c>
      <c r="E11073" s="15">
        <v>45499</v>
      </c>
      <c r="F11073" s="14" t="s">
        <v>61</v>
      </c>
      <c r="G11073" s="16">
        <v>0</v>
      </c>
    </row>
    <row r="11074" spans="1:7" x14ac:dyDescent="0.3">
      <c r="A11074" s="13" t="s">
        <v>87</v>
      </c>
      <c r="B11074" s="14" t="s">
        <v>1</v>
      </c>
      <c r="C11074" s="14" t="s">
        <v>35</v>
      </c>
      <c r="D11074" s="14" t="s">
        <v>88</v>
      </c>
      <c r="E11074" s="15">
        <v>45500</v>
      </c>
      <c r="F11074" s="14" t="s">
        <v>61</v>
      </c>
      <c r="G11074" s="16">
        <v>0</v>
      </c>
    </row>
    <row r="11075" spans="1:7" x14ac:dyDescent="0.3">
      <c r="A11075" s="13" t="s">
        <v>87</v>
      </c>
      <c r="B11075" s="14" t="s">
        <v>1</v>
      </c>
      <c r="C11075" s="14" t="s">
        <v>35</v>
      </c>
      <c r="D11075" s="14" t="s">
        <v>88</v>
      </c>
      <c r="E11075" s="15">
        <v>45501</v>
      </c>
      <c r="F11075" s="14" t="s">
        <v>61</v>
      </c>
      <c r="G11075" s="16">
        <v>0</v>
      </c>
    </row>
    <row r="11076" spans="1:7" x14ac:dyDescent="0.3">
      <c r="A11076" s="13" t="s">
        <v>87</v>
      </c>
      <c r="B11076" s="14" t="s">
        <v>1</v>
      </c>
      <c r="C11076" s="14" t="s">
        <v>35</v>
      </c>
      <c r="D11076" s="14" t="s">
        <v>88</v>
      </c>
      <c r="E11076" s="15">
        <v>45502</v>
      </c>
      <c r="F11076" s="14" t="s">
        <v>61</v>
      </c>
      <c r="G11076" s="16">
        <v>0</v>
      </c>
    </row>
    <row r="11077" spans="1:7" x14ac:dyDescent="0.3">
      <c r="A11077" s="13" t="s">
        <v>87</v>
      </c>
      <c r="B11077" s="14" t="s">
        <v>1</v>
      </c>
      <c r="C11077" s="14" t="s">
        <v>35</v>
      </c>
      <c r="D11077" s="14" t="s">
        <v>88</v>
      </c>
      <c r="E11077" s="15">
        <v>45503</v>
      </c>
      <c r="F11077" s="14" t="s">
        <v>61</v>
      </c>
      <c r="G11077" s="16">
        <v>0</v>
      </c>
    </row>
    <row r="11078" spans="1:7" x14ac:dyDescent="0.3">
      <c r="A11078" s="13" t="s">
        <v>87</v>
      </c>
      <c r="B11078" s="14" t="s">
        <v>1</v>
      </c>
      <c r="C11078" s="14" t="s">
        <v>35</v>
      </c>
      <c r="D11078" s="14" t="s">
        <v>88</v>
      </c>
      <c r="E11078" s="15">
        <v>45504</v>
      </c>
      <c r="F11078" s="14" t="s">
        <v>61</v>
      </c>
      <c r="G11078" s="16">
        <v>0</v>
      </c>
    </row>
    <row r="11079" spans="1:7" x14ac:dyDescent="0.3">
      <c r="A11079" s="13" t="s">
        <v>87</v>
      </c>
      <c r="B11079" s="14" t="s">
        <v>1</v>
      </c>
      <c r="C11079" s="14" t="s">
        <v>35</v>
      </c>
      <c r="D11079" s="14" t="s">
        <v>88</v>
      </c>
      <c r="E11079" s="15">
        <v>45505</v>
      </c>
      <c r="F11079" s="14" t="s">
        <v>61</v>
      </c>
      <c r="G11079" s="16">
        <v>0</v>
      </c>
    </row>
    <row r="11080" spans="1:7" x14ac:dyDescent="0.3">
      <c r="A11080" s="13" t="s">
        <v>87</v>
      </c>
      <c r="B11080" s="14" t="s">
        <v>1</v>
      </c>
      <c r="C11080" s="14" t="s">
        <v>35</v>
      </c>
      <c r="D11080" s="14" t="s">
        <v>88</v>
      </c>
      <c r="E11080" s="15">
        <v>45506</v>
      </c>
      <c r="F11080" s="14" t="s">
        <v>61</v>
      </c>
      <c r="G11080" s="16">
        <v>0</v>
      </c>
    </row>
    <row r="11081" spans="1:7" x14ac:dyDescent="0.3">
      <c r="A11081" s="13" t="s">
        <v>87</v>
      </c>
      <c r="B11081" s="14" t="s">
        <v>1</v>
      </c>
      <c r="C11081" s="14" t="s">
        <v>35</v>
      </c>
      <c r="D11081" s="14" t="s">
        <v>88</v>
      </c>
      <c r="E11081" s="15">
        <v>45507</v>
      </c>
      <c r="F11081" s="14" t="s">
        <v>61</v>
      </c>
      <c r="G11081" s="16">
        <v>0</v>
      </c>
    </row>
    <row r="11082" spans="1:7" x14ac:dyDescent="0.3">
      <c r="A11082" s="13" t="s">
        <v>87</v>
      </c>
      <c r="B11082" s="14" t="s">
        <v>1</v>
      </c>
      <c r="C11082" s="14" t="s">
        <v>35</v>
      </c>
      <c r="D11082" s="14" t="s">
        <v>88</v>
      </c>
      <c r="E11082" s="15">
        <v>45508</v>
      </c>
      <c r="F11082" s="14" t="s">
        <v>61</v>
      </c>
      <c r="G11082" s="16">
        <v>0</v>
      </c>
    </row>
    <row r="11083" spans="1:7" x14ac:dyDescent="0.3">
      <c r="A11083" s="13" t="s">
        <v>87</v>
      </c>
      <c r="B11083" s="14" t="s">
        <v>1</v>
      </c>
      <c r="C11083" s="14" t="s">
        <v>35</v>
      </c>
      <c r="D11083" s="14" t="s">
        <v>88</v>
      </c>
      <c r="E11083" s="15">
        <v>45509</v>
      </c>
      <c r="F11083" s="14" t="s">
        <v>61</v>
      </c>
      <c r="G11083" s="16">
        <v>0</v>
      </c>
    </row>
    <row r="11084" spans="1:7" x14ac:dyDescent="0.3">
      <c r="A11084" s="13" t="s">
        <v>87</v>
      </c>
      <c r="B11084" s="14" t="s">
        <v>1</v>
      </c>
      <c r="C11084" s="14" t="s">
        <v>35</v>
      </c>
      <c r="D11084" s="14" t="s">
        <v>88</v>
      </c>
      <c r="E11084" s="15">
        <v>45510</v>
      </c>
      <c r="F11084" s="14" t="s">
        <v>61</v>
      </c>
      <c r="G11084" s="16">
        <v>0</v>
      </c>
    </row>
    <row r="11085" spans="1:7" x14ac:dyDescent="0.3">
      <c r="A11085" s="13" t="s">
        <v>87</v>
      </c>
      <c r="B11085" s="14" t="s">
        <v>1</v>
      </c>
      <c r="C11085" s="14" t="s">
        <v>35</v>
      </c>
      <c r="D11085" s="14" t="s">
        <v>88</v>
      </c>
      <c r="E11085" s="15">
        <v>45511</v>
      </c>
      <c r="F11085" s="14" t="s">
        <v>61</v>
      </c>
      <c r="G11085" s="16">
        <v>0</v>
      </c>
    </row>
    <row r="11086" spans="1:7" x14ac:dyDescent="0.3">
      <c r="A11086" s="13" t="s">
        <v>87</v>
      </c>
      <c r="B11086" s="14" t="s">
        <v>1</v>
      </c>
      <c r="C11086" s="14" t="s">
        <v>35</v>
      </c>
      <c r="D11086" s="14" t="s">
        <v>88</v>
      </c>
      <c r="E11086" s="15">
        <v>45512</v>
      </c>
      <c r="F11086" s="14" t="s">
        <v>61</v>
      </c>
      <c r="G11086" s="16">
        <v>0</v>
      </c>
    </row>
    <row r="11087" spans="1:7" x14ac:dyDescent="0.3">
      <c r="A11087" s="13" t="s">
        <v>87</v>
      </c>
      <c r="B11087" s="14" t="s">
        <v>1</v>
      </c>
      <c r="C11087" s="14" t="s">
        <v>35</v>
      </c>
      <c r="D11087" s="14" t="s">
        <v>88</v>
      </c>
      <c r="E11087" s="15">
        <v>45513</v>
      </c>
      <c r="F11087" s="14" t="s">
        <v>61</v>
      </c>
      <c r="G11087" s="16">
        <v>0</v>
      </c>
    </row>
    <row r="11088" spans="1:7" x14ac:dyDescent="0.3">
      <c r="A11088" s="13" t="s">
        <v>87</v>
      </c>
      <c r="B11088" s="14" t="s">
        <v>1</v>
      </c>
      <c r="C11088" s="14" t="s">
        <v>35</v>
      </c>
      <c r="D11088" s="14" t="s">
        <v>88</v>
      </c>
      <c r="E11088" s="15">
        <v>45514</v>
      </c>
      <c r="F11088" s="14" t="s">
        <v>61</v>
      </c>
      <c r="G11088" s="16">
        <v>0</v>
      </c>
    </row>
    <row r="11089" spans="1:7" x14ac:dyDescent="0.3">
      <c r="A11089" s="13" t="s">
        <v>87</v>
      </c>
      <c r="B11089" s="14" t="s">
        <v>1</v>
      </c>
      <c r="C11089" s="14" t="s">
        <v>35</v>
      </c>
      <c r="D11089" s="14" t="s">
        <v>88</v>
      </c>
      <c r="E11089" s="15">
        <v>45515</v>
      </c>
      <c r="F11089" s="14" t="s">
        <v>61</v>
      </c>
      <c r="G11089" s="16">
        <v>0</v>
      </c>
    </row>
    <row r="11090" spans="1:7" x14ac:dyDescent="0.3">
      <c r="A11090" s="13" t="s">
        <v>87</v>
      </c>
      <c r="B11090" s="14" t="s">
        <v>1</v>
      </c>
      <c r="C11090" s="14" t="s">
        <v>35</v>
      </c>
      <c r="D11090" s="14" t="s">
        <v>88</v>
      </c>
      <c r="E11090" s="15">
        <v>45516</v>
      </c>
      <c r="F11090" s="14" t="s">
        <v>61</v>
      </c>
      <c r="G11090" s="16">
        <v>0</v>
      </c>
    </row>
    <row r="11091" spans="1:7" x14ac:dyDescent="0.3">
      <c r="A11091" s="13" t="s">
        <v>87</v>
      </c>
      <c r="B11091" s="14" t="s">
        <v>1</v>
      </c>
      <c r="C11091" s="14" t="s">
        <v>35</v>
      </c>
      <c r="D11091" s="14" t="s">
        <v>88</v>
      </c>
      <c r="E11091" s="15">
        <v>45517</v>
      </c>
      <c r="F11091" s="14" t="s">
        <v>61</v>
      </c>
      <c r="G11091" s="16">
        <v>0</v>
      </c>
    </row>
    <row r="11092" spans="1:7" x14ac:dyDescent="0.3">
      <c r="A11092" s="13" t="s">
        <v>87</v>
      </c>
      <c r="B11092" s="14" t="s">
        <v>1</v>
      </c>
      <c r="C11092" s="14" t="s">
        <v>35</v>
      </c>
      <c r="D11092" s="14" t="s">
        <v>88</v>
      </c>
      <c r="E11092" s="15">
        <v>45518</v>
      </c>
      <c r="F11092" s="14" t="s">
        <v>61</v>
      </c>
      <c r="G11092" s="16">
        <v>0</v>
      </c>
    </row>
    <row r="11093" spans="1:7" x14ac:dyDescent="0.3">
      <c r="A11093" s="13" t="s">
        <v>87</v>
      </c>
      <c r="B11093" s="14" t="s">
        <v>1</v>
      </c>
      <c r="C11093" s="14" t="s">
        <v>35</v>
      </c>
      <c r="D11093" s="14" t="s">
        <v>88</v>
      </c>
      <c r="E11093" s="15">
        <v>45519</v>
      </c>
      <c r="F11093" s="14" t="s">
        <v>61</v>
      </c>
      <c r="G11093" s="16">
        <v>0</v>
      </c>
    </row>
    <row r="11094" spans="1:7" x14ac:dyDescent="0.3">
      <c r="A11094" s="13" t="s">
        <v>87</v>
      </c>
      <c r="B11094" s="14" t="s">
        <v>1</v>
      </c>
      <c r="C11094" s="14" t="s">
        <v>35</v>
      </c>
      <c r="D11094" s="14" t="s">
        <v>88</v>
      </c>
      <c r="E11094" s="15">
        <v>45520</v>
      </c>
      <c r="F11094" s="14" t="s">
        <v>61</v>
      </c>
      <c r="G11094" s="16">
        <v>0</v>
      </c>
    </row>
    <row r="11095" spans="1:7" x14ac:dyDescent="0.3">
      <c r="A11095" s="13" t="s">
        <v>87</v>
      </c>
      <c r="B11095" s="14" t="s">
        <v>1</v>
      </c>
      <c r="C11095" s="14" t="s">
        <v>35</v>
      </c>
      <c r="D11095" s="14" t="s">
        <v>88</v>
      </c>
      <c r="E11095" s="15">
        <v>45521</v>
      </c>
      <c r="F11095" s="14" t="s">
        <v>61</v>
      </c>
      <c r="G11095" s="16">
        <v>0</v>
      </c>
    </row>
    <row r="11096" spans="1:7" x14ac:dyDescent="0.3">
      <c r="A11096" s="13" t="s">
        <v>87</v>
      </c>
      <c r="B11096" s="14" t="s">
        <v>1</v>
      </c>
      <c r="C11096" s="14" t="s">
        <v>35</v>
      </c>
      <c r="D11096" s="14" t="s">
        <v>88</v>
      </c>
      <c r="E11096" s="15">
        <v>45522</v>
      </c>
      <c r="F11096" s="14" t="s">
        <v>61</v>
      </c>
      <c r="G11096" s="16">
        <v>0</v>
      </c>
    </row>
    <row r="11097" spans="1:7" x14ac:dyDescent="0.3">
      <c r="A11097" s="13" t="s">
        <v>87</v>
      </c>
      <c r="B11097" s="14" t="s">
        <v>1</v>
      </c>
      <c r="C11097" s="14" t="s">
        <v>35</v>
      </c>
      <c r="D11097" s="14" t="s">
        <v>88</v>
      </c>
      <c r="E11097" s="15">
        <v>45523</v>
      </c>
      <c r="F11097" s="14" t="s">
        <v>61</v>
      </c>
      <c r="G11097" s="16">
        <v>0</v>
      </c>
    </row>
    <row r="11098" spans="1:7" x14ac:dyDescent="0.3">
      <c r="A11098" s="13" t="s">
        <v>87</v>
      </c>
      <c r="B11098" s="14" t="s">
        <v>1</v>
      </c>
      <c r="C11098" s="14" t="s">
        <v>35</v>
      </c>
      <c r="D11098" s="14" t="s">
        <v>88</v>
      </c>
      <c r="E11098" s="15">
        <v>45524</v>
      </c>
      <c r="F11098" s="14" t="s">
        <v>61</v>
      </c>
      <c r="G11098" s="16">
        <v>0</v>
      </c>
    </row>
    <row r="11099" spans="1:7" x14ac:dyDescent="0.3">
      <c r="A11099" s="13" t="s">
        <v>87</v>
      </c>
      <c r="B11099" s="14" t="s">
        <v>1</v>
      </c>
      <c r="C11099" s="14" t="s">
        <v>35</v>
      </c>
      <c r="D11099" s="14" t="s">
        <v>88</v>
      </c>
      <c r="E11099" s="15">
        <v>45525</v>
      </c>
      <c r="F11099" s="14" t="s">
        <v>61</v>
      </c>
      <c r="G11099" s="16">
        <v>0</v>
      </c>
    </row>
    <row r="11100" spans="1:7" x14ac:dyDescent="0.3">
      <c r="A11100" s="13" t="s">
        <v>87</v>
      </c>
      <c r="B11100" s="14" t="s">
        <v>1</v>
      </c>
      <c r="C11100" s="14" t="s">
        <v>35</v>
      </c>
      <c r="D11100" s="14" t="s">
        <v>88</v>
      </c>
      <c r="E11100" s="15">
        <v>45526</v>
      </c>
      <c r="F11100" s="14" t="s">
        <v>61</v>
      </c>
      <c r="G11100" s="16">
        <v>0</v>
      </c>
    </row>
    <row r="11101" spans="1:7" x14ac:dyDescent="0.3">
      <c r="A11101" s="13" t="s">
        <v>87</v>
      </c>
      <c r="B11101" s="14" t="s">
        <v>1</v>
      </c>
      <c r="C11101" s="14" t="s">
        <v>35</v>
      </c>
      <c r="D11101" s="14" t="s">
        <v>88</v>
      </c>
      <c r="E11101" s="15">
        <v>45527</v>
      </c>
      <c r="F11101" s="14" t="s">
        <v>61</v>
      </c>
      <c r="G11101" s="16">
        <v>0</v>
      </c>
    </row>
    <row r="11102" spans="1:7" x14ac:dyDescent="0.3">
      <c r="A11102" s="13" t="s">
        <v>87</v>
      </c>
      <c r="B11102" s="14" t="s">
        <v>1</v>
      </c>
      <c r="C11102" s="14" t="s">
        <v>35</v>
      </c>
      <c r="D11102" s="14" t="s">
        <v>88</v>
      </c>
      <c r="E11102" s="15">
        <v>45528</v>
      </c>
      <c r="F11102" s="14" t="s">
        <v>61</v>
      </c>
      <c r="G11102" s="16">
        <v>0</v>
      </c>
    </row>
    <row r="11103" spans="1:7" x14ac:dyDescent="0.3">
      <c r="A11103" s="13" t="s">
        <v>87</v>
      </c>
      <c r="B11103" s="14" t="s">
        <v>1</v>
      </c>
      <c r="C11103" s="14" t="s">
        <v>35</v>
      </c>
      <c r="D11103" s="14" t="s">
        <v>88</v>
      </c>
      <c r="E11103" s="15">
        <v>45529</v>
      </c>
      <c r="F11103" s="14" t="s">
        <v>61</v>
      </c>
      <c r="G11103" s="16">
        <v>0</v>
      </c>
    </row>
    <row r="11104" spans="1:7" x14ac:dyDescent="0.3">
      <c r="A11104" s="13" t="s">
        <v>87</v>
      </c>
      <c r="B11104" s="14" t="s">
        <v>1</v>
      </c>
      <c r="C11104" s="14" t="s">
        <v>35</v>
      </c>
      <c r="D11104" s="14" t="s">
        <v>88</v>
      </c>
      <c r="E11104" s="15">
        <v>45530</v>
      </c>
      <c r="F11104" s="14" t="s">
        <v>61</v>
      </c>
      <c r="G11104" s="16">
        <v>0</v>
      </c>
    </row>
    <row r="11105" spans="1:7" x14ac:dyDescent="0.3">
      <c r="A11105" s="13" t="s">
        <v>87</v>
      </c>
      <c r="B11105" s="14" t="s">
        <v>1</v>
      </c>
      <c r="C11105" s="14" t="s">
        <v>35</v>
      </c>
      <c r="D11105" s="14" t="s">
        <v>88</v>
      </c>
      <c r="E11105" s="15">
        <v>45531</v>
      </c>
      <c r="F11105" s="14" t="s">
        <v>61</v>
      </c>
      <c r="G11105" s="16">
        <v>0</v>
      </c>
    </row>
    <row r="11106" spans="1:7" x14ac:dyDescent="0.3">
      <c r="A11106" s="13" t="s">
        <v>87</v>
      </c>
      <c r="B11106" s="14" t="s">
        <v>1</v>
      </c>
      <c r="C11106" s="14" t="s">
        <v>35</v>
      </c>
      <c r="D11106" s="14" t="s">
        <v>88</v>
      </c>
      <c r="E11106" s="15">
        <v>45532</v>
      </c>
      <c r="F11106" s="14" t="s">
        <v>61</v>
      </c>
      <c r="G11106" s="16">
        <v>0</v>
      </c>
    </row>
    <row r="11107" spans="1:7" x14ac:dyDescent="0.3">
      <c r="A11107" s="13" t="s">
        <v>87</v>
      </c>
      <c r="B11107" s="14" t="s">
        <v>1</v>
      </c>
      <c r="C11107" s="14" t="s">
        <v>35</v>
      </c>
      <c r="D11107" s="14" t="s">
        <v>88</v>
      </c>
      <c r="E11107" s="15">
        <v>45533</v>
      </c>
      <c r="F11107" s="14" t="s">
        <v>61</v>
      </c>
      <c r="G11107" s="16">
        <v>0</v>
      </c>
    </row>
    <row r="11108" spans="1:7" x14ac:dyDescent="0.3">
      <c r="A11108" s="13" t="s">
        <v>87</v>
      </c>
      <c r="B11108" s="14" t="s">
        <v>1</v>
      </c>
      <c r="C11108" s="14" t="s">
        <v>35</v>
      </c>
      <c r="D11108" s="14" t="s">
        <v>88</v>
      </c>
      <c r="E11108" s="15">
        <v>45534</v>
      </c>
      <c r="F11108" s="14" t="s">
        <v>61</v>
      </c>
      <c r="G11108" s="16">
        <v>0</v>
      </c>
    </row>
    <row r="11109" spans="1:7" x14ac:dyDescent="0.3">
      <c r="A11109" s="13" t="s">
        <v>87</v>
      </c>
      <c r="B11109" s="14" t="s">
        <v>1</v>
      </c>
      <c r="C11109" s="14" t="s">
        <v>35</v>
      </c>
      <c r="D11109" s="14" t="s">
        <v>88</v>
      </c>
      <c r="E11109" s="15">
        <v>45535</v>
      </c>
      <c r="F11109" s="14" t="s">
        <v>61</v>
      </c>
      <c r="G11109" s="16">
        <v>0</v>
      </c>
    </row>
    <row r="11110" spans="1:7" x14ac:dyDescent="0.3">
      <c r="A11110" s="13" t="s">
        <v>87</v>
      </c>
      <c r="B11110" s="14" t="s">
        <v>1</v>
      </c>
      <c r="C11110" s="14" t="s">
        <v>35</v>
      </c>
      <c r="D11110" s="14" t="s">
        <v>88</v>
      </c>
      <c r="E11110" s="15">
        <v>45536</v>
      </c>
      <c r="F11110" s="14" t="s">
        <v>61</v>
      </c>
      <c r="G11110" s="16">
        <v>0</v>
      </c>
    </row>
    <row r="11111" spans="1:7" x14ac:dyDescent="0.3">
      <c r="A11111" s="13" t="s">
        <v>87</v>
      </c>
      <c r="B11111" s="14" t="s">
        <v>1</v>
      </c>
      <c r="C11111" s="14" t="s">
        <v>35</v>
      </c>
      <c r="D11111" s="14" t="s">
        <v>88</v>
      </c>
      <c r="E11111" s="15">
        <v>45537</v>
      </c>
      <c r="F11111" s="14" t="s">
        <v>61</v>
      </c>
      <c r="G11111" s="16">
        <v>0</v>
      </c>
    </row>
    <row r="11112" spans="1:7" x14ac:dyDescent="0.3">
      <c r="A11112" s="13" t="s">
        <v>87</v>
      </c>
      <c r="B11112" s="14" t="s">
        <v>1</v>
      </c>
      <c r="C11112" s="14" t="s">
        <v>35</v>
      </c>
      <c r="D11112" s="14" t="s">
        <v>88</v>
      </c>
      <c r="E11112" s="15">
        <v>45538</v>
      </c>
      <c r="F11112" s="14" t="s">
        <v>61</v>
      </c>
      <c r="G11112" s="16">
        <v>0</v>
      </c>
    </row>
    <row r="11113" spans="1:7" x14ac:dyDescent="0.3">
      <c r="A11113" s="13" t="s">
        <v>87</v>
      </c>
      <c r="B11113" s="14" t="s">
        <v>1</v>
      </c>
      <c r="C11113" s="14" t="s">
        <v>35</v>
      </c>
      <c r="D11113" s="14" t="s">
        <v>88</v>
      </c>
      <c r="E11113" s="15">
        <v>45539</v>
      </c>
      <c r="F11113" s="14" t="s">
        <v>61</v>
      </c>
      <c r="G11113" s="16">
        <v>0</v>
      </c>
    </row>
    <row r="11114" spans="1:7" x14ac:dyDescent="0.3">
      <c r="A11114" s="13" t="s">
        <v>87</v>
      </c>
      <c r="B11114" s="14" t="s">
        <v>1</v>
      </c>
      <c r="C11114" s="14" t="s">
        <v>35</v>
      </c>
      <c r="D11114" s="14" t="s">
        <v>88</v>
      </c>
      <c r="E11114" s="15">
        <v>45540</v>
      </c>
      <c r="F11114" s="14" t="s">
        <v>61</v>
      </c>
      <c r="G11114" s="16">
        <v>0</v>
      </c>
    </row>
    <row r="11115" spans="1:7" x14ac:dyDescent="0.3">
      <c r="A11115" s="13" t="s">
        <v>87</v>
      </c>
      <c r="B11115" s="14" t="s">
        <v>1</v>
      </c>
      <c r="C11115" s="14" t="s">
        <v>35</v>
      </c>
      <c r="D11115" s="14" t="s">
        <v>88</v>
      </c>
      <c r="E11115" s="15">
        <v>45541</v>
      </c>
      <c r="F11115" s="14" t="s">
        <v>61</v>
      </c>
      <c r="G11115" s="16">
        <v>0</v>
      </c>
    </row>
    <row r="11116" spans="1:7" x14ac:dyDescent="0.3">
      <c r="A11116" s="13" t="s">
        <v>87</v>
      </c>
      <c r="B11116" s="14" t="s">
        <v>1</v>
      </c>
      <c r="C11116" s="14" t="s">
        <v>35</v>
      </c>
      <c r="D11116" s="14" t="s">
        <v>88</v>
      </c>
      <c r="E11116" s="15">
        <v>45542</v>
      </c>
      <c r="F11116" s="14" t="s">
        <v>61</v>
      </c>
      <c r="G11116" s="16">
        <v>0</v>
      </c>
    </row>
    <row r="11117" spans="1:7" x14ac:dyDescent="0.3">
      <c r="A11117" s="13" t="s">
        <v>87</v>
      </c>
      <c r="B11117" s="14" t="s">
        <v>1</v>
      </c>
      <c r="C11117" s="14" t="s">
        <v>35</v>
      </c>
      <c r="D11117" s="14" t="s">
        <v>88</v>
      </c>
      <c r="E11117" s="15">
        <v>45543</v>
      </c>
      <c r="F11117" s="14" t="s">
        <v>61</v>
      </c>
      <c r="G11117" s="16">
        <v>0</v>
      </c>
    </row>
    <row r="11118" spans="1:7" x14ac:dyDescent="0.3">
      <c r="A11118" s="13" t="s">
        <v>87</v>
      </c>
      <c r="B11118" s="14" t="s">
        <v>1</v>
      </c>
      <c r="C11118" s="14" t="s">
        <v>35</v>
      </c>
      <c r="D11118" s="14" t="s">
        <v>88</v>
      </c>
      <c r="E11118" s="15">
        <v>45544</v>
      </c>
      <c r="F11118" s="14" t="s">
        <v>61</v>
      </c>
      <c r="G11118" s="16">
        <v>0</v>
      </c>
    </row>
    <row r="11119" spans="1:7" x14ac:dyDescent="0.3">
      <c r="A11119" s="13" t="s">
        <v>87</v>
      </c>
      <c r="B11119" s="14" t="s">
        <v>1</v>
      </c>
      <c r="C11119" s="14" t="s">
        <v>35</v>
      </c>
      <c r="D11119" s="14" t="s">
        <v>88</v>
      </c>
      <c r="E11119" s="15">
        <v>45545</v>
      </c>
      <c r="F11119" s="14" t="s">
        <v>61</v>
      </c>
      <c r="G11119" s="16">
        <v>0</v>
      </c>
    </row>
    <row r="11120" spans="1:7" x14ac:dyDescent="0.3">
      <c r="A11120" s="13" t="s">
        <v>87</v>
      </c>
      <c r="B11120" s="14" t="s">
        <v>1</v>
      </c>
      <c r="C11120" s="14" t="s">
        <v>35</v>
      </c>
      <c r="D11120" s="14" t="s">
        <v>88</v>
      </c>
      <c r="E11120" s="15">
        <v>45546</v>
      </c>
      <c r="F11120" s="14" t="s">
        <v>61</v>
      </c>
      <c r="G11120" s="16">
        <v>0</v>
      </c>
    </row>
    <row r="11121" spans="1:7" x14ac:dyDescent="0.3">
      <c r="A11121" s="13" t="s">
        <v>87</v>
      </c>
      <c r="B11121" s="14" t="s">
        <v>1</v>
      </c>
      <c r="C11121" s="14" t="s">
        <v>35</v>
      </c>
      <c r="D11121" s="14" t="s">
        <v>88</v>
      </c>
      <c r="E11121" s="15">
        <v>45547</v>
      </c>
      <c r="F11121" s="14" t="s">
        <v>61</v>
      </c>
      <c r="G11121" s="16">
        <v>0</v>
      </c>
    </row>
    <row r="11122" spans="1:7" x14ac:dyDescent="0.3">
      <c r="A11122" s="13" t="s">
        <v>87</v>
      </c>
      <c r="B11122" s="14" t="s">
        <v>1</v>
      </c>
      <c r="C11122" s="14" t="s">
        <v>35</v>
      </c>
      <c r="D11122" s="14" t="s">
        <v>88</v>
      </c>
      <c r="E11122" s="15">
        <v>45548</v>
      </c>
      <c r="F11122" s="14" t="s">
        <v>61</v>
      </c>
      <c r="G11122" s="16">
        <v>0</v>
      </c>
    </row>
    <row r="11123" spans="1:7" x14ac:dyDescent="0.3">
      <c r="A11123" s="13" t="s">
        <v>87</v>
      </c>
      <c r="B11123" s="14" t="s">
        <v>1</v>
      </c>
      <c r="C11123" s="14" t="s">
        <v>35</v>
      </c>
      <c r="D11123" s="14" t="s">
        <v>88</v>
      </c>
      <c r="E11123" s="15">
        <v>45549</v>
      </c>
      <c r="F11123" s="14" t="s">
        <v>61</v>
      </c>
      <c r="G11123" s="16">
        <v>0</v>
      </c>
    </row>
    <row r="11124" spans="1:7" x14ac:dyDescent="0.3">
      <c r="A11124" s="13" t="s">
        <v>87</v>
      </c>
      <c r="B11124" s="14" t="s">
        <v>1</v>
      </c>
      <c r="C11124" s="14" t="s">
        <v>35</v>
      </c>
      <c r="D11124" s="14" t="s">
        <v>88</v>
      </c>
      <c r="E11124" s="15">
        <v>45550</v>
      </c>
      <c r="F11124" s="14" t="s">
        <v>61</v>
      </c>
      <c r="G11124" s="16">
        <v>0</v>
      </c>
    </row>
    <row r="11125" spans="1:7" x14ac:dyDescent="0.3">
      <c r="A11125" s="13" t="s">
        <v>87</v>
      </c>
      <c r="B11125" s="14" t="s">
        <v>1</v>
      </c>
      <c r="C11125" s="14" t="s">
        <v>35</v>
      </c>
      <c r="D11125" s="14" t="s">
        <v>88</v>
      </c>
      <c r="E11125" s="15">
        <v>45551</v>
      </c>
      <c r="F11125" s="14" t="s">
        <v>61</v>
      </c>
      <c r="G11125" s="16">
        <v>0</v>
      </c>
    </row>
    <row r="11126" spans="1:7" x14ac:dyDescent="0.3">
      <c r="A11126" s="13" t="s">
        <v>87</v>
      </c>
      <c r="B11126" s="14" t="s">
        <v>1</v>
      </c>
      <c r="C11126" s="14" t="s">
        <v>35</v>
      </c>
      <c r="D11126" s="14" t="s">
        <v>88</v>
      </c>
      <c r="E11126" s="15">
        <v>45552</v>
      </c>
      <c r="F11126" s="14" t="s">
        <v>61</v>
      </c>
      <c r="G11126" s="16">
        <v>0</v>
      </c>
    </row>
    <row r="11127" spans="1:7" x14ac:dyDescent="0.3">
      <c r="A11127" s="13" t="s">
        <v>87</v>
      </c>
      <c r="B11127" s="14" t="s">
        <v>1</v>
      </c>
      <c r="C11127" s="14" t="s">
        <v>35</v>
      </c>
      <c r="D11127" s="14" t="s">
        <v>88</v>
      </c>
      <c r="E11127" s="15">
        <v>45553</v>
      </c>
      <c r="F11127" s="14" t="s">
        <v>61</v>
      </c>
      <c r="G11127" s="16">
        <v>0</v>
      </c>
    </row>
    <row r="11128" spans="1:7" x14ac:dyDescent="0.3">
      <c r="A11128" s="13" t="s">
        <v>87</v>
      </c>
      <c r="B11128" s="14" t="s">
        <v>1</v>
      </c>
      <c r="C11128" s="14" t="s">
        <v>35</v>
      </c>
      <c r="D11128" s="14" t="s">
        <v>88</v>
      </c>
      <c r="E11128" s="15">
        <v>45554</v>
      </c>
      <c r="F11128" s="14" t="s">
        <v>61</v>
      </c>
      <c r="G11128" s="16">
        <v>0</v>
      </c>
    </row>
    <row r="11129" spans="1:7" x14ac:dyDescent="0.3">
      <c r="A11129" s="13" t="s">
        <v>87</v>
      </c>
      <c r="B11129" s="14" t="s">
        <v>1</v>
      </c>
      <c r="C11129" s="14" t="s">
        <v>35</v>
      </c>
      <c r="D11129" s="14" t="s">
        <v>88</v>
      </c>
      <c r="E11129" s="15">
        <v>45555</v>
      </c>
      <c r="F11129" s="14" t="s">
        <v>61</v>
      </c>
      <c r="G11129" s="16">
        <v>0</v>
      </c>
    </row>
    <row r="11130" spans="1:7" x14ac:dyDescent="0.3">
      <c r="A11130" s="13" t="s">
        <v>87</v>
      </c>
      <c r="B11130" s="14" t="s">
        <v>1</v>
      </c>
      <c r="C11130" s="14" t="s">
        <v>35</v>
      </c>
      <c r="D11130" s="14" t="s">
        <v>88</v>
      </c>
      <c r="E11130" s="15">
        <v>45556</v>
      </c>
      <c r="F11130" s="14" t="s">
        <v>61</v>
      </c>
      <c r="G11130" s="16">
        <v>0</v>
      </c>
    </row>
    <row r="11131" spans="1:7" x14ac:dyDescent="0.3">
      <c r="A11131" s="13" t="s">
        <v>87</v>
      </c>
      <c r="B11131" s="14" t="s">
        <v>1</v>
      </c>
      <c r="C11131" s="14" t="s">
        <v>35</v>
      </c>
      <c r="D11131" s="14" t="s">
        <v>88</v>
      </c>
      <c r="E11131" s="15">
        <v>45557</v>
      </c>
      <c r="F11131" s="14" t="s">
        <v>61</v>
      </c>
      <c r="G11131" s="16">
        <v>0</v>
      </c>
    </row>
    <row r="11132" spans="1:7" x14ac:dyDescent="0.3">
      <c r="A11132" s="13" t="s">
        <v>87</v>
      </c>
      <c r="B11132" s="14" t="s">
        <v>1</v>
      </c>
      <c r="C11132" s="14" t="s">
        <v>35</v>
      </c>
      <c r="D11132" s="14" t="s">
        <v>88</v>
      </c>
      <c r="E11132" s="15">
        <v>45558</v>
      </c>
      <c r="F11132" s="14" t="s">
        <v>61</v>
      </c>
      <c r="G11132" s="16">
        <v>0</v>
      </c>
    </row>
    <row r="11133" spans="1:7" x14ac:dyDescent="0.3">
      <c r="A11133" s="13" t="s">
        <v>87</v>
      </c>
      <c r="B11133" s="14" t="s">
        <v>1</v>
      </c>
      <c r="C11133" s="14" t="s">
        <v>35</v>
      </c>
      <c r="D11133" s="14" t="s">
        <v>88</v>
      </c>
      <c r="E11133" s="15">
        <v>45559</v>
      </c>
      <c r="F11133" s="14" t="s">
        <v>61</v>
      </c>
      <c r="G11133" s="16">
        <v>0</v>
      </c>
    </row>
    <row r="11134" spans="1:7" x14ac:dyDescent="0.3">
      <c r="A11134" s="13" t="s">
        <v>87</v>
      </c>
      <c r="B11134" s="14" t="s">
        <v>1</v>
      </c>
      <c r="C11134" s="14" t="s">
        <v>35</v>
      </c>
      <c r="D11134" s="14" t="s">
        <v>88</v>
      </c>
      <c r="E11134" s="15">
        <v>45560</v>
      </c>
      <c r="F11134" s="14" t="s">
        <v>61</v>
      </c>
      <c r="G11134" s="16">
        <v>0</v>
      </c>
    </row>
    <row r="11135" spans="1:7" x14ac:dyDescent="0.3">
      <c r="A11135" s="13" t="s">
        <v>87</v>
      </c>
      <c r="B11135" s="14" t="s">
        <v>1</v>
      </c>
      <c r="C11135" s="14" t="s">
        <v>35</v>
      </c>
      <c r="D11135" s="14" t="s">
        <v>88</v>
      </c>
      <c r="E11135" s="15">
        <v>45561</v>
      </c>
      <c r="F11135" s="14" t="s">
        <v>61</v>
      </c>
      <c r="G11135" s="16">
        <v>0</v>
      </c>
    </row>
    <row r="11136" spans="1:7" x14ac:dyDescent="0.3">
      <c r="A11136" s="13" t="s">
        <v>87</v>
      </c>
      <c r="B11136" s="14" t="s">
        <v>1</v>
      </c>
      <c r="C11136" s="14" t="s">
        <v>35</v>
      </c>
      <c r="D11136" s="14" t="s">
        <v>88</v>
      </c>
      <c r="E11136" s="15">
        <v>45562</v>
      </c>
      <c r="F11136" s="14" t="s">
        <v>61</v>
      </c>
      <c r="G11136" s="16">
        <v>0</v>
      </c>
    </row>
    <row r="11137" spans="1:7" x14ac:dyDescent="0.3">
      <c r="A11137" s="13" t="s">
        <v>87</v>
      </c>
      <c r="B11137" s="14" t="s">
        <v>1</v>
      </c>
      <c r="C11137" s="14" t="s">
        <v>35</v>
      </c>
      <c r="D11137" s="14" t="s">
        <v>88</v>
      </c>
      <c r="E11137" s="15">
        <v>45563</v>
      </c>
      <c r="F11137" s="14" t="s">
        <v>61</v>
      </c>
      <c r="G11137" s="16">
        <v>0</v>
      </c>
    </row>
    <row r="11138" spans="1:7" x14ac:dyDescent="0.3">
      <c r="A11138" s="13" t="s">
        <v>87</v>
      </c>
      <c r="B11138" s="14" t="s">
        <v>1</v>
      </c>
      <c r="C11138" s="14" t="s">
        <v>35</v>
      </c>
      <c r="D11138" s="14" t="s">
        <v>88</v>
      </c>
      <c r="E11138" s="15">
        <v>45564</v>
      </c>
      <c r="F11138" s="14" t="s">
        <v>61</v>
      </c>
      <c r="G11138" s="16">
        <v>0</v>
      </c>
    </row>
    <row r="11139" spans="1:7" x14ac:dyDescent="0.3">
      <c r="A11139" s="13" t="s">
        <v>87</v>
      </c>
      <c r="B11139" s="14" t="s">
        <v>1</v>
      </c>
      <c r="C11139" s="14" t="s">
        <v>35</v>
      </c>
      <c r="D11139" s="14" t="s">
        <v>88</v>
      </c>
      <c r="E11139" s="15">
        <v>45565</v>
      </c>
      <c r="F11139" s="14" t="s">
        <v>61</v>
      </c>
      <c r="G11139" s="16">
        <v>0</v>
      </c>
    </row>
    <row r="11140" spans="1:7" x14ac:dyDescent="0.3">
      <c r="A11140" s="13" t="s">
        <v>87</v>
      </c>
      <c r="B11140" s="14" t="s">
        <v>1</v>
      </c>
      <c r="C11140" s="14" t="s">
        <v>35</v>
      </c>
      <c r="D11140" s="14" t="s">
        <v>88</v>
      </c>
      <c r="E11140" s="15">
        <v>45566</v>
      </c>
      <c r="F11140" s="14" t="s">
        <v>61</v>
      </c>
      <c r="G11140" s="16">
        <v>0</v>
      </c>
    </row>
    <row r="11141" spans="1:7" x14ac:dyDescent="0.3">
      <c r="A11141" s="13" t="s">
        <v>87</v>
      </c>
      <c r="B11141" s="14" t="s">
        <v>1</v>
      </c>
      <c r="C11141" s="14" t="s">
        <v>35</v>
      </c>
      <c r="D11141" s="14" t="s">
        <v>88</v>
      </c>
      <c r="E11141" s="15">
        <v>45567</v>
      </c>
      <c r="F11141" s="14" t="s">
        <v>61</v>
      </c>
      <c r="G11141" s="16">
        <v>0</v>
      </c>
    </row>
    <row r="11142" spans="1:7" x14ac:dyDescent="0.3">
      <c r="A11142" s="13" t="s">
        <v>87</v>
      </c>
      <c r="B11142" s="14" t="s">
        <v>1</v>
      </c>
      <c r="C11142" s="14" t="s">
        <v>35</v>
      </c>
      <c r="D11142" s="14" t="s">
        <v>88</v>
      </c>
      <c r="E11142" s="15">
        <v>45568</v>
      </c>
      <c r="F11142" s="14" t="s">
        <v>61</v>
      </c>
      <c r="G11142" s="16">
        <v>0</v>
      </c>
    </row>
    <row r="11143" spans="1:7" x14ac:dyDescent="0.3">
      <c r="A11143" s="13" t="s">
        <v>87</v>
      </c>
      <c r="B11143" s="14" t="s">
        <v>1</v>
      </c>
      <c r="C11143" s="14" t="s">
        <v>35</v>
      </c>
      <c r="D11143" s="14" t="s">
        <v>88</v>
      </c>
      <c r="E11143" s="15">
        <v>45569</v>
      </c>
      <c r="F11143" s="14" t="s">
        <v>61</v>
      </c>
      <c r="G11143" s="16">
        <v>0</v>
      </c>
    </row>
    <row r="11144" spans="1:7" x14ac:dyDescent="0.3">
      <c r="A11144" s="13" t="s">
        <v>87</v>
      </c>
      <c r="B11144" s="14" t="s">
        <v>1</v>
      </c>
      <c r="C11144" s="14" t="s">
        <v>35</v>
      </c>
      <c r="D11144" s="14" t="s">
        <v>88</v>
      </c>
      <c r="E11144" s="15">
        <v>45570</v>
      </c>
      <c r="F11144" s="14" t="s">
        <v>61</v>
      </c>
      <c r="G11144" s="16">
        <v>0</v>
      </c>
    </row>
    <row r="11145" spans="1:7" x14ac:dyDescent="0.3">
      <c r="A11145" s="13" t="s">
        <v>87</v>
      </c>
      <c r="B11145" s="14" t="s">
        <v>1</v>
      </c>
      <c r="C11145" s="14" t="s">
        <v>35</v>
      </c>
      <c r="D11145" s="14" t="s">
        <v>88</v>
      </c>
      <c r="E11145" s="15">
        <v>45571</v>
      </c>
      <c r="F11145" s="14" t="s">
        <v>61</v>
      </c>
      <c r="G11145" s="16">
        <v>0</v>
      </c>
    </row>
    <row r="11146" spans="1:7" x14ac:dyDescent="0.3">
      <c r="A11146" s="13" t="s">
        <v>87</v>
      </c>
      <c r="B11146" s="14" t="s">
        <v>1</v>
      </c>
      <c r="C11146" s="14" t="s">
        <v>35</v>
      </c>
      <c r="D11146" s="14" t="s">
        <v>88</v>
      </c>
      <c r="E11146" s="15">
        <v>45572</v>
      </c>
      <c r="F11146" s="14" t="s">
        <v>61</v>
      </c>
      <c r="G11146" s="16">
        <v>0</v>
      </c>
    </row>
    <row r="11147" spans="1:7" x14ac:dyDescent="0.3">
      <c r="A11147" s="13" t="s">
        <v>87</v>
      </c>
      <c r="B11147" s="14" t="s">
        <v>1</v>
      </c>
      <c r="C11147" s="14" t="s">
        <v>35</v>
      </c>
      <c r="D11147" s="14" t="s">
        <v>88</v>
      </c>
      <c r="E11147" s="15">
        <v>45573</v>
      </c>
      <c r="F11147" s="14" t="s">
        <v>61</v>
      </c>
      <c r="G11147" s="16">
        <v>0</v>
      </c>
    </row>
    <row r="11148" spans="1:7" x14ac:dyDescent="0.3">
      <c r="A11148" s="13" t="s">
        <v>87</v>
      </c>
      <c r="B11148" s="14" t="s">
        <v>1</v>
      </c>
      <c r="C11148" s="14" t="s">
        <v>35</v>
      </c>
      <c r="D11148" s="14" t="s">
        <v>88</v>
      </c>
      <c r="E11148" s="15">
        <v>45574</v>
      </c>
      <c r="F11148" s="14" t="s">
        <v>61</v>
      </c>
      <c r="G11148" s="16">
        <v>0</v>
      </c>
    </row>
    <row r="11149" spans="1:7" x14ac:dyDescent="0.3">
      <c r="A11149" s="13" t="s">
        <v>87</v>
      </c>
      <c r="B11149" s="14" t="s">
        <v>1</v>
      </c>
      <c r="C11149" s="14" t="s">
        <v>35</v>
      </c>
      <c r="D11149" s="14" t="s">
        <v>88</v>
      </c>
      <c r="E11149" s="15">
        <v>45575</v>
      </c>
      <c r="F11149" s="14" t="s">
        <v>61</v>
      </c>
      <c r="G11149" s="16">
        <v>0</v>
      </c>
    </row>
    <row r="11150" spans="1:7" x14ac:dyDescent="0.3">
      <c r="A11150" s="13" t="s">
        <v>87</v>
      </c>
      <c r="B11150" s="14" t="s">
        <v>1</v>
      </c>
      <c r="C11150" s="14" t="s">
        <v>35</v>
      </c>
      <c r="D11150" s="14" t="s">
        <v>88</v>
      </c>
      <c r="E11150" s="15">
        <v>45576</v>
      </c>
      <c r="F11150" s="14" t="s">
        <v>61</v>
      </c>
      <c r="G11150" s="16">
        <v>0</v>
      </c>
    </row>
    <row r="11151" spans="1:7" x14ac:dyDescent="0.3">
      <c r="A11151" s="13" t="s">
        <v>87</v>
      </c>
      <c r="B11151" s="14" t="s">
        <v>1</v>
      </c>
      <c r="C11151" s="14" t="s">
        <v>35</v>
      </c>
      <c r="D11151" s="14" t="s">
        <v>88</v>
      </c>
      <c r="E11151" s="15">
        <v>45577</v>
      </c>
      <c r="F11151" s="14" t="s">
        <v>61</v>
      </c>
      <c r="G11151" s="16">
        <v>0</v>
      </c>
    </row>
    <row r="11152" spans="1:7" x14ac:dyDescent="0.3">
      <c r="A11152" s="13" t="s">
        <v>87</v>
      </c>
      <c r="B11152" s="14" t="s">
        <v>1</v>
      </c>
      <c r="C11152" s="14" t="s">
        <v>35</v>
      </c>
      <c r="D11152" s="14" t="s">
        <v>88</v>
      </c>
      <c r="E11152" s="15">
        <v>45578</v>
      </c>
      <c r="F11152" s="14" t="s">
        <v>61</v>
      </c>
      <c r="G11152" s="16">
        <v>0</v>
      </c>
    </row>
    <row r="11153" spans="1:7" x14ac:dyDescent="0.3">
      <c r="A11153" s="13" t="s">
        <v>87</v>
      </c>
      <c r="B11153" s="14" t="s">
        <v>1</v>
      </c>
      <c r="C11153" s="14" t="s">
        <v>35</v>
      </c>
      <c r="D11153" s="14" t="s">
        <v>88</v>
      </c>
      <c r="E11153" s="15">
        <v>45579</v>
      </c>
      <c r="F11153" s="14" t="s">
        <v>61</v>
      </c>
      <c r="G11153" s="16">
        <v>0</v>
      </c>
    </row>
    <row r="11154" spans="1:7" x14ac:dyDescent="0.3">
      <c r="A11154" s="13" t="s">
        <v>87</v>
      </c>
      <c r="B11154" s="14" t="s">
        <v>1</v>
      </c>
      <c r="C11154" s="14" t="s">
        <v>35</v>
      </c>
      <c r="D11154" s="14" t="s">
        <v>88</v>
      </c>
      <c r="E11154" s="15">
        <v>45580</v>
      </c>
      <c r="F11154" s="14" t="s">
        <v>61</v>
      </c>
      <c r="G11154" s="16">
        <v>0</v>
      </c>
    </row>
    <row r="11155" spans="1:7" x14ac:dyDescent="0.3">
      <c r="A11155" s="13" t="s">
        <v>87</v>
      </c>
      <c r="B11155" s="14" t="s">
        <v>1</v>
      </c>
      <c r="C11155" s="14" t="s">
        <v>35</v>
      </c>
      <c r="D11155" s="14" t="s">
        <v>88</v>
      </c>
      <c r="E11155" s="15">
        <v>45581</v>
      </c>
      <c r="F11155" s="14" t="s">
        <v>61</v>
      </c>
      <c r="G11155" s="16">
        <v>0</v>
      </c>
    </row>
    <row r="11156" spans="1:7" x14ac:dyDescent="0.3">
      <c r="A11156" s="13" t="s">
        <v>87</v>
      </c>
      <c r="B11156" s="14" t="s">
        <v>1</v>
      </c>
      <c r="C11156" s="14" t="s">
        <v>35</v>
      </c>
      <c r="D11156" s="14" t="s">
        <v>88</v>
      </c>
      <c r="E11156" s="15">
        <v>45582</v>
      </c>
      <c r="F11156" s="14" t="s">
        <v>61</v>
      </c>
      <c r="G11156" s="16">
        <v>0</v>
      </c>
    </row>
    <row r="11157" spans="1:7" x14ac:dyDescent="0.3">
      <c r="A11157" s="13" t="s">
        <v>87</v>
      </c>
      <c r="B11157" s="14" t="s">
        <v>1</v>
      </c>
      <c r="C11157" s="14" t="s">
        <v>35</v>
      </c>
      <c r="D11157" s="14" t="s">
        <v>88</v>
      </c>
      <c r="E11157" s="15">
        <v>45583</v>
      </c>
      <c r="F11157" s="14" t="s">
        <v>61</v>
      </c>
      <c r="G11157" s="16">
        <v>0</v>
      </c>
    </row>
    <row r="11158" spans="1:7" x14ac:dyDescent="0.3">
      <c r="A11158" s="13" t="s">
        <v>87</v>
      </c>
      <c r="B11158" s="14" t="s">
        <v>1</v>
      </c>
      <c r="C11158" s="14" t="s">
        <v>35</v>
      </c>
      <c r="D11158" s="14" t="s">
        <v>88</v>
      </c>
      <c r="E11158" s="15">
        <v>45584</v>
      </c>
      <c r="F11158" s="14" t="s">
        <v>61</v>
      </c>
      <c r="G11158" s="16">
        <v>0</v>
      </c>
    </row>
    <row r="11159" spans="1:7" x14ac:dyDescent="0.3">
      <c r="A11159" s="13" t="s">
        <v>87</v>
      </c>
      <c r="B11159" s="14" t="s">
        <v>1</v>
      </c>
      <c r="C11159" s="14" t="s">
        <v>35</v>
      </c>
      <c r="D11159" s="14" t="s">
        <v>88</v>
      </c>
      <c r="E11159" s="15">
        <v>45585</v>
      </c>
      <c r="F11159" s="14" t="s">
        <v>61</v>
      </c>
      <c r="G11159" s="16">
        <v>0</v>
      </c>
    </row>
    <row r="11160" spans="1:7" x14ac:dyDescent="0.3">
      <c r="A11160" s="13" t="s">
        <v>87</v>
      </c>
      <c r="B11160" s="14" t="s">
        <v>1</v>
      </c>
      <c r="C11160" s="14" t="s">
        <v>35</v>
      </c>
      <c r="D11160" s="14" t="s">
        <v>88</v>
      </c>
      <c r="E11160" s="15">
        <v>45586</v>
      </c>
      <c r="F11160" s="14" t="s">
        <v>61</v>
      </c>
      <c r="G11160" s="16">
        <v>0</v>
      </c>
    </row>
    <row r="11161" spans="1:7" x14ac:dyDescent="0.3">
      <c r="A11161" s="13" t="s">
        <v>87</v>
      </c>
      <c r="B11161" s="14" t="s">
        <v>1</v>
      </c>
      <c r="C11161" s="14" t="s">
        <v>35</v>
      </c>
      <c r="D11161" s="14" t="s">
        <v>88</v>
      </c>
      <c r="E11161" s="15">
        <v>45587</v>
      </c>
      <c r="F11161" s="14" t="s">
        <v>61</v>
      </c>
      <c r="G11161" s="16">
        <v>0</v>
      </c>
    </row>
    <row r="11162" spans="1:7" x14ac:dyDescent="0.3">
      <c r="A11162" s="13" t="s">
        <v>87</v>
      </c>
      <c r="B11162" s="14" t="s">
        <v>1</v>
      </c>
      <c r="C11162" s="14" t="s">
        <v>35</v>
      </c>
      <c r="D11162" s="14" t="s">
        <v>88</v>
      </c>
      <c r="E11162" s="15">
        <v>45588</v>
      </c>
      <c r="F11162" s="14" t="s">
        <v>61</v>
      </c>
      <c r="G11162" s="16">
        <v>0</v>
      </c>
    </row>
    <row r="11163" spans="1:7" x14ac:dyDescent="0.3">
      <c r="A11163" s="13" t="s">
        <v>87</v>
      </c>
      <c r="B11163" s="14" t="s">
        <v>1</v>
      </c>
      <c r="C11163" s="14" t="s">
        <v>35</v>
      </c>
      <c r="D11163" s="14" t="s">
        <v>88</v>
      </c>
      <c r="E11163" s="15">
        <v>45589</v>
      </c>
      <c r="F11163" s="14" t="s">
        <v>61</v>
      </c>
      <c r="G11163" s="16">
        <v>0</v>
      </c>
    </row>
    <row r="11164" spans="1:7" x14ac:dyDescent="0.3">
      <c r="A11164" s="13" t="s">
        <v>87</v>
      </c>
      <c r="B11164" s="14" t="s">
        <v>1</v>
      </c>
      <c r="C11164" s="14" t="s">
        <v>35</v>
      </c>
      <c r="D11164" s="14" t="s">
        <v>88</v>
      </c>
      <c r="E11164" s="15">
        <v>45590</v>
      </c>
      <c r="F11164" s="14" t="s">
        <v>61</v>
      </c>
      <c r="G11164" s="16">
        <v>0</v>
      </c>
    </row>
    <row r="11165" spans="1:7" x14ac:dyDescent="0.3">
      <c r="A11165" s="13" t="s">
        <v>87</v>
      </c>
      <c r="B11165" s="14" t="s">
        <v>1</v>
      </c>
      <c r="C11165" s="14" t="s">
        <v>35</v>
      </c>
      <c r="D11165" s="14" t="s">
        <v>88</v>
      </c>
      <c r="E11165" s="15">
        <v>45591</v>
      </c>
      <c r="F11165" s="14" t="s">
        <v>61</v>
      </c>
      <c r="G11165" s="16">
        <v>0</v>
      </c>
    </row>
    <row r="11166" spans="1:7" x14ac:dyDescent="0.3">
      <c r="A11166" s="13" t="s">
        <v>87</v>
      </c>
      <c r="B11166" s="14" t="s">
        <v>1</v>
      </c>
      <c r="C11166" s="14" t="s">
        <v>35</v>
      </c>
      <c r="D11166" s="14" t="s">
        <v>88</v>
      </c>
      <c r="E11166" s="15">
        <v>45592</v>
      </c>
      <c r="F11166" s="14" t="s">
        <v>61</v>
      </c>
      <c r="G11166" s="16">
        <v>0</v>
      </c>
    </row>
    <row r="11167" spans="1:7" x14ac:dyDescent="0.3">
      <c r="A11167" s="13" t="s">
        <v>87</v>
      </c>
      <c r="B11167" s="14" t="s">
        <v>1</v>
      </c>
      <c r="C11167" s="14" t="s">
        <v>35</v>
      </c>
      <c r="D11167" s="14" t="s">
        <v>88</v>
      </c>
      <c r="E11167" s="15">
        <v>45593</v>
      </c>
      <c r="F11167" s="14" t="s">
        <v>61</v>
      </c>
      <c r="G11167" s="16">
        <v>0</v>
      </c>
    </row>
    <row r="11168" spans="1:7" x14ac:dyDescent="0.3">
      <c r="A11168" s="13" t="s">
        <v>87</v>
      </c>
      <c r="B11168" s="14" t="s">
        <v>1</v>
      </c>
      <c r="C11168" s="14" t="s">
        <v>35</v>
      </c>
      <c r="D11168" s="14" t="s">
        <v>88</v>
      </c>
      <c r="E11168" s="15">
        <v>45594</v>
      </c>
      <c r="F11168" s="14" t="s">
        <v>61</v>
      </c>
      <c r="G11168" s="16">
        <v>0</v>
      </c>
    </row>
    <row r="11169" spans="1:7" x14ac:dyDescent="0.3">
      <c r="A11169" s="13" t="s">
        <v>87</v>
      </c>
      <c r="B11169" s="14" t="s">
        <v>1</v>
      </c>
      <c r="C11169" s="14" t="s">
        <v>35</v>
      </c>
      <c r="D11169" s="14" t="s">
        <v>88</v>
      </c>
      <c r="E11169" s="15">
        <v>45595</v>
      </c>
      <c r="F11169" s="14" t="s">
        <v>61</v>
      </c>
      <c r="G11169" s="16">
        <v>0</v>
      </c>
    </row>
    <row r="11170" spans="1:7" x14ac:dyDescent="0.3">
      <c r="A11170" s="13" t="s">
        <v>87</v>
      </c>
      <c r="B11170" s="14" t="s">
        <v>1</v>
      </c>
      <c r="C11170" s="14" t="s">
        <v>35</v>
      </c>
      <c r="D11170" s="14" t="s">
        <v>88</v>
      </c>
      <c r="E11170" s="15">
        <v>45596</v>
      </c>
      <c r="F11170" s="14" t="s">
        <v>61</v>
      </c>
      <c r="G11170" s="16">
        <v>0</v>
      </c>
    </row>
    <row r="11171" spans="1:7" x14ac:dyDescent="0.3">
      <c r="A11171" s="13" t="s">
        <v>87</v>
      </c>
      <c r="B11171" s="14" t="s">
        <v>1</v>
      </c>
      <c r="C11171" s="14" t="s">
        <v>35</v>
      </c>
      <c r="D11171" s="14" t="s">
        <v>88</v>
      </c>
      <c r="E11171" s="15">
        <v>45597</v>
      </c>
      <c r="F11171" s="14" t="s">
        <v>61</v>
      </c>
      <c r="G11171" s="16">
        <v>0</v>
      </c>
    </row>
    <row r="11172" spans="1:7" x14ac:dyDescent="0.3">
      <c r="A11172" s="13" t="s">
        <v>87</v>
      </c>
      <c r="B11172" s="14" t="s">
        <v>1</v>
      </c>
      <c r="C11172" s="14" t="s">
        <v>35</v>
      </c>
      <c r="D11172" s="14" t="s">
        <v>88</v>
      </c>
      <c r="E11172" s="15">
        <v>45598</v>
      </c>
      <c r="F11172" s="14" t="s">
        <v>61</v>
      </c>
      <c r="G11172" s="16">
        <v>0</v>
      </c>
    </row>
    <row r="11173" spans="1:7" x14ac:dyDescent="0.3">
      <c r="A11173" s="13" t="s">
        <v>87</v>
      </c>
      <c r="B11173" s="14" t="s">
        <v>1</v>
      </c>
      <c r="C11173" s="14" t="s">
        <v>35</v>
      </c>
      <c r="D11173" s="14" t="s">
        <v>88</v>
      </c>
      <c r="E11173" s="15">
        <v>45599</v>
      </c>
      <c r="F11173" s="14" t="s">
        <v>61</v>
      </c>
      <c r="G11173" s="16">
        <v>0</v>
      </c>
    </row>
    <row r="11174" spans="1:7" x14ac:dyDescent="0.3">
      <c r="A11174" s="13" t="s">
        <v>87</v>
      </c>
      <c r="B11174" s="14" t="s">
        <v>1</v>
      </c>
      <c r="C11174" s="14" t="s">
        <v>35</v>
      </c>
      <c r="D11174" s="14" t="s">
        <v>88</v>
      </c>
      <c r="E11174" s="15">
        <v>45600</v>
      </c>
      <c r="F11174" s="14" t="s">
        <v>61</v>
      </c>
      <c r="G11174" s="16">
        <v>0</v>
      </c>
    </row>
    <row r="11175" spans="1:7" x14ac:dyDescent="0.3">
      <c r="A11175" s="13" t="s">
        <v>87</v>
      </c>
      <c r="B11175" s="14" t="s">
        <v>1</v>
      </c>
      <c r="C11175" s="14" t="s">
        <v>35</v>
      </c>
      <c r="D11175" s="14" t="s">
        <v>88</v>
      </c>
      <c r="E11175" s="15">
        <v>45601</v>
      </c>
      <c r="F11175" s="14" t="s">
        <v>61</v>
      </c>
      <c r="G11175" s="16">
        <v>0</v>
      </c>
    </row>
    <row r="11176" spans="1:7" x14ac:dyDescent="0.3">
      <c r="A11176" s="13" t="s">
        <v>87</v>
      </c>
      <c r="B11176" s="14" t="s">
        <v>1</v>
      </c>
      <c r="C11176" s="14" t="s">
        <v>35</v>
      </c>
      <c r="D11176" s="14" t="s">
        <v>88</v>
      </c>
      <c r="E11176" s="15">
        <v>45602</v>
      </c>
      <c r="F11176" s="14" t="s">
        <v>61</v>
      </c>
      <c r="G11176" s="16">
        <v>0</v>
      </c>
    </row>
    <row r="11177" spans="1:7" x14ac:dyDescent="0.3">
      <c r="A11177" s="13" t="s">
        <v>87</v>
      </c>
      <c r="B11177" s="14" t="s">
        <v>1</v>
      </c>
      <c r="C11177" s="14" t="s">
        <v>35</v>
      </c>
      <c r="D11177" s="14" t="s">
        <v>88</v>
      </c>
      <c r="E11177" s="15">
        <v>45603</v>
      </c>
      <c r="F11177" s="14" t="s">
        <v>61</v>
      </c>
      <c r="G11177" s="16">
        <v>0</v>
      </c>
    </row>
    <row r="11178" spans="1:7" x14ac:dyDescent="0.3">
      <c r="A11178" s="13" t="s">
        <v>87</v>
      </c>
      <c r="B11178" s="14" t="s">
        <v>1</v>
      </c>
      <c r="C11178" s="14" t="s">
        <v>35</v>
      </c>
      <c r="D11178" s="14" t="s">
        <v>88</v>
      </c>
      <c r="E11178" s="15">
        <v>45604</v>
      </c>
      <c r="F11178" s="14" t="s">
        <v>61</v>
      </c>
      <c r="G11178" s="16">
        <v>0</v>
      </c>
    </row>
    <row r="11179" spans="1:7" x14ac:dyDescent="0.3">
      <c r="A11179" s="13" t="s">
        <v>87</v>
      </c>
      <c r="B11179" s="14" t="s">
        <v>1</v>
      </c>
      <c r="C11179" s="14" t="s">
        <v>35</v>
      </c>
      <c r="D11179" s="14" t="s">
        <v>88</v>
      </c>
      <c r="E11179" s="15">
        <v>45605</v>
      </c>
      <c r="F11179" s="14" t="s">
        <v>61</v>
      </c>
      <c r="G11179" s="16">
        <v>0</v>
      </c>
    </row>
    <row r="11180" spans="1:7" x14ac:dyDescent="0.3">
      <c r="A11180" s="13" t="s">
        <v>87</v>
      </c>
      <c r="B11180" s="14" t="s">
        <v>1</v>
      </c>
      <c r="C11180" s="14" t="s">
        <v>35</v>
      </c>
      <c r="D11180" s="14" t="s">
        <v>88</v>
      </c>
      <c r="E11180" s="15">
        <v>45606</v>
      </c>
      <c r="F11180" s="14" t="s">
        <v>61</v>
      </c>
      <c r="G11180" s="16">
        <v>0</v>
      </c>
    </row>
    <row r="11181" spans="1:7" x14ac:dyDescent="0.3">
      <c r="A11181" s="13" t="s">
        <v>87</v>
      </c>
      <c r="B11181" s="14" t="s">
        <v>1</v>
      </c>
      <c r="C11181" s="14" t="s">
        <v>35</v>
      </c>
      <c r="D11181" s="14" t="s">
        <v>88</v>
      </c>
      <c r="E11181" s="15">
        <v>45607</v>
      </c>
      <c r="F11181" s="14" t="s">
        <v>61</v>
      </c>
      <c r="G11181" s="16">
        <v>0</v>
      </c>
    </row>
    <row r="11182" spans="1:7" x14ac:dyDescent="0.3">
      <c r="A11182" s="13" t="s">
        <v>87</v>
      </c>
      <c r="B11182" s="14" t="s">
        <v>1</v>
      </c>
      <c r="C11182" s="14" t="s">
        <v>35</v>
      </c>
      <c r="D11182" s="14" t="s">
        <v>88</v>
      </c>
      <c r="E11182" s="15">
        <v>45608</v>
      </c>
      <c r="F11182" s="14" t="s">
        <v>61</v>
      </c>
      <c r="G11182" s="16">
        <v>0</v>
      </c>
    </row>
    <row r="11183" spans="1:7" x14ac:dyDescent="0.3">
      <c r="A11183" s="13" t="s">
        <v>87</v>
      </c>
      <c r="B11183" s="14" t="s">
        <v>1</v>
      </c>
      <c r="C11183" s="14" t="s">
        <v>35</v>
      </c>
      <c r="D11183" s="14" t="s">
        <v>88</v>
      </c>
      <c r="E11183" s="15">
        <v>45609</v>
      </c>
      <c r="F11183" s="14" t="s">
        <v>61</v>
      </c>
      <c r="G11183" s="16">
        <v>0</v>
      </c>
    </row>
    <row r="11184" spans="1:7" x14ac:dyDescent="0.3">
      <c r="A11184" s="13" t="s">
        <v>87</v>
      </c>
      <c r="B11184" s="14" t="s">
        <v>1</v>
      </c>
      <c r="C11184" s="14" t="s">
        <v>35</v>
      </c>
      <c r="D11184" s="14" t="s">
        <v>88</v>
      </c>
      <c r="E11184" s="15">
        <v>45610</v>
      </c>
      <c r="F11184" s="14" t="s">
        <v>61</v>
      </c>
      <c r="G11184" s="16">
        <v>0</v>
      </c>
    </row>
    <row r="11185" spans="1:7" x14ac:dyDescent="0.3">
      <c r="A11185" s="13" t="s">
        <v>87</v>
      </c>
      <c r="B11185" s="14" t="s">
        <v>1</v>
      </c>
      <c r="C11185" s="14" t="s">
        <v>35</v>
      </c>
      <c r="D11185" s="14" t="s">
        <v>88</v>
      </c>
      <c r="E11185" s="15">
        <v>45611</v>
      </c>
      <c r="F11185" s="14" t="s">
        <v>61</v>
      </c>
      <c r="G11185" s="16">
        <v>0</v>
      </c>
    </row>
    <row r="11186" spans="1:7" x14ac:dyDescent="0.3">
      <c r="A11186" s="13" t="s">
        <v>87</v>
      </c>
      <c r="B11186" s="14" t="s">
        <v>1</v>
      </c>
      <c r="C11186" s="14" t="s">
        <v>35</v>
      </c>
      <c r="D11186" s="14" t="s">
        <v>88</v>
      </c>
      <c r="E11186" s="15">
        <v>45612</v>
      </c>
      <c r="F11186" s="14" t="s">
        <v>61</v>
      </c>
      <c r="G11186" s="16">
        <v>0</v>
      </c>
    </row>
    <row r="11187" spans="1:7" x14ac:dyDescent="0.3">
      <c r="A11187" s="13" t="s">
        <v>87</v>
      </c>
      <c r="B11187" s="14" t="s">
        <v>1</v>
      </c>
      <c r="C11187" s="14" t="s">
        <v>35</v>
      </c>
      <c r="D11187" s="14" t="s">
        <v>88</v>
      </c>
      <c r="E11187" s="15">
        <v>45613</v>
      </c>
      <c r="F11187" s="14" t="s">
        <v>61</v>
      </c>
      <c r="G11187" s="16">
        <v>0</v>
      </c>
    </row>
    <row r="11188" spans="1:7" x14ac:dyDescent="0.3">
      <c r="A11188" s="13" t="s">
        <v>87</v>
      </c>
      <c r="B11188" s="14" t="s">
        <v>1</v>
      </c>
      <c r="C11188" s="14" t="s">
        <v>35</v>
      </c>
      <c r="D11188" s="14" t="s">
        <v>88</v>
      </c>
      <c r="E11188" s="15">
        <v>45614</v>
      </c>
      <c r="F11188" s="14" t="s">
        <v>61</v>
      </c>
      <c r="G11188" s="16">
        <v>0</v>
      </c>
    </row>
    <row r="11189" spans="1:7" x14ac:dyDescent="0.3">
      <c r="A11189" s="13" t="s">
        <v>87</v>
      </c>
      <c r="B11189" s="14" t="s">
        <v>1</v>
      </c>
      <c r="C11189" s="14" t="s">
        <v>35</v>
      </c>
      <c r="D11189" s="14" t="s">
        <v>88</v>
      </c>
      <c r="E11189" s="15">
        <v>45615</v>
      </c>
      <c r="F11189" s="14" t="s">
        <v>61</v>
      </c>
      <c r="G11189" s="16">
        <v>0</v>
      </c>
    </row>
    <row r="11190" spans="1:7" x14ac:dyDescent="0.3">
      <c r="A11190" s="13" t="s">
        <v>87</v>
      </c>
      <c r="B11190" s="14" t="s">
        <v>1</v>
      </c>
      <c r="C11190" s="14" t="s">
        <v>35</v>
      </c>
      <c r="D11190" s="14" t="s">
        <v>88</v>
      </c>
      <c r="E11190" s="15">
        <v>45616</v>
      </c>
      <c r="F11190" s="14" t="s">
        <v>61</v>
      </c>
      <c r="G11190" s="16">
        <v>0</v>
      </c>
    </row>
    <row r="11191" spans="1:7" x14ac:dyDescent="0.3">
      <c r="A11191" s="13" t="s">
        <v>87</v>
      </c>
      <c r="B11191" s="14" t="s">
        <v>1</v>
      </c>
      <c r="C11191" s="14" t="s">
        <v>35</v>
      </c>
      <c r="D11191" s="14" t="s">
        <v>88</v>
      </c>
      <c r="E11191" s="15">
        <v>45617</v>
      </c>
      <c r="F11191" s="14" t="s">
        <v>61</v>
      </c>
      <c r="G11191" s="16">
        <v>0</v>
      </c>
    </row>
    <row r="11192" spans="1:7" x14ac:dyDescent="0.3">
      <c r="A11192" s="13" t="s">
        <v>87</v>
      </c>
      <c r="B11192" s="14" t="s">
        <v>1</v>
      </c>
      <c r="C11192" s="14" t="s">
        <v>35</v>
      </c>
      <c r="D11192" s="14" t="s">
        <v>88</v>
      </c>
      <c r="E11192" s="15">
        <v>45618</v>
      </c>
      <c r="F11192" s="14" t="s">
        <v>61</v>
      </c>
      <c r="G11192" s="16">
        <v>0</v>
      </c>
    </row>
    <row r="11193" spans="1:7" x14ac:dyDescent="0.3">
      <c r="A11193" s="13" t="s">
        <v>87</v>
      </c>
      <c r="B11193" s="14" t="s">
        <v>1</v>
      </c>
      <c r="C11193" s="14" t="s">
        <v>35</v>
      </c>
      <c r="D11193" s="14" t="s">
        <v>88</v>
      </c>
      <c r="E11193" s="15">
        <v>45619</v>
      </c>
      <c r="F11193" s="14" t="s">
        <v>61</v>
      </c>
      <c r="G11193" s="16">
        <v>0</v>
      </c>
    </row>
    <row r="11194" spans="1:7" x14ac:dyDescent="0.3">
      <c r="A11194" s="13" t="s">
        <v>87</v>
      </c>
      <c r="B11194" s="14" t="s">
        <v>1</v>
      </c>
      <c r="C11194" s="14" t="s">
        <v>35</v>
      </c>
      <c r="D11194" s="14" t="s">
        <v>88</v>
      </c>
      <c r="E11194" s="15">
        <v>45620</v>
      </c>
      <c r="F11194" s="14" t="s">
        <v>61</v>
      </c>
      <c r="G11194" s="16">
        <v>0</v>
      </c>
    </row>
    <row r="11195" spans="1:7" x14ac:dyDescent="0.3">
      <c r="A11195" s="13" t="s">
        <v>87</v>
      </c>
      <c r="B11195" s="14" t="s">
        <v>1</v>
      </c>
      <c r="C11195" s="14" t="s">
        <v>35</v>
      </c>
      <c r="D11195" s="14" t="s">
        <v>88</v>
      </c>
      <c r="E11195" s="15">
        <v>45621</v>
      </c>
      <c r="F11195" s="14" t="s">
        <v>61</v>
      </c>
      <c r="G11195" s="16">
        <v>0</v>
      </c>
    </row>
    <row r="11196" spans="1:7" x14ac:dyDescent="0.3">
      <c r="A11196" s="13" t="s">
        <v>87</v>
      </c>
      <c r="B11196" s="14" t="s">
        <v>1</v>
      </c>
      <c r="C11196" s="14" t="s">
        <v>35</v>
      </c>
      <c r="D11196" s="14" t="s">
        <v>88</v>
      </c>
      <c r="E11196" s="15">
        <v>45622</v>
      </c>
      <c r="F11196" s="14" t="s">
        <v>61</v>
      </c>
      <c r="G11196" s="16">
        <v>0</v>
      </c>
    </row>
    <row r="11197" spans="1:7" x14ac:dyDescent="0.3">
      <c r="A11197" s="13" t="s">
        <v>87</v>
      </c>
      <c r="B11197" s="14" t="s">
        <v>1</v>
      </c>
      <c r="C11197" s="14" t="s">
        <v>35</v>
      </c>
      <c r="D11197" s="14" t="s">
        <v>88</v>
      </c>
      <c r="E11197" s="15">
        <v>45623</v>
      </c>
      <c r="F11197" s="14" t="s">
        <v>61</v>
      </c>
      <c r="G11197" s="16">
        <v>0</v>
      </c>
    </row>
    <row r="11198" spans="1:7" x14ac:dyDescent="0.3">
      <c r="A11198" s="13" t="s">
        <v>87</v>
      </c>
      <c r="B11198" s="14" t="s">
        <v>1</v>
      </c>
      <c r="C11198" s="14" t="s">
        <v>35</v>
      </c>
      <c r="D11198" s="14" t="s">
        <v>88</v>
      </c>
      <c r="E11198" s="15">
        <v>45624</v>
      </c>
      <c r="F11198" s="14" t="s">
        <v>61</v>
      </c>
      <c r="G11198" s="16">
        <v>0</v>
      </c>
    </row>
    <row r="11199" spans="1:7" x14ac:dyDescent="0.3">
      <c r="A11199" s="13" t="s">
        <v>87</v>
      </c>
      <c r="B11199" s="14" t="s">
        <v>1</v>
      </c>
      <c r="C11199" s="14" t="s">
        <v>35</v>
      </c>
      <c r="D11199" s="14" t="s">
        <v>88</v>
      </c>
      <c r="E11199" s="15">
        <v>45625</v>
      </c>
      <c r="F11199" s="14" t="s">
        <v>61</v>
      </c>
      <c r="G11199" s="16">
        <v>0</v>
      </c>
    </row>
    <row r="11200" spans="1:7" x14ac:dyDescent="0.3">
      <c r="A11200" s="13" t="s">
        <v>87</v>
      </c>
      <c r="B11200" s="14" t="s">
        <v>1</v>
      </c>
      <c r="C11200" s="14" t="s">
        <v>35</v>
      </c>
      <c r="D11200" s="14" t="s">
        <v>88</v>
      </c>
      <c r="E11200" s="15">
        <v>45626</v>
      </c>
      <c r="F11200" s="14" t="s">
        <v>61</v>
      </c>
      <c r="G11200" s="16">
        <v>0</v>
      </c>
    </row>
    <row r="11201" spans="1:7" x14ac:dyDescent="0.3">
      <c r="A11201" s="13" t="s">
        <v>87</v>
      </c>
      <c r="B11201" s="14" t="s">
        <v>1</v>
      </c>
      <c r="C11201" s="14" t="s">
        <v>35</v>
      </c>
      <c r="D11201" s="14" t="s">
        <v>88</v>
      </c>
      <c r="E11201" s="15">
        <v>45627</v>
      </c>
      <c r="F11201" s="14" t="s">
        <v>61</v>
      </c>
      <c r="G11201" s="16">
        <v>0</v>
      </c>
    </row>
    <row r="11202" spans="1:7" x14ac:dyDescent="0.3">
      <c r="A11202" s="13" t="s">
        <v>87</v>
      </c>
      <c r="B11202" s="14" t="s">
        <v>1</v>
      </c>
      <c r="C11202" s="14" t="s">
        <v>35</v>
      </c>
      <c r="D11202" s="14" t="s">
        <v>88</v>
      </c>
      <c r="E11202" s="15">
        <v>45628</v>
      </c>
      <c r="F11202" s="14" t="s">
        <v>61</v>
      </c>
      <c r="G11202" s="16">
        <v>0</v>
      </c>
    </row>
    <row r="11203" spans="1:7" x14ac:dyDescent="0.3">
      <c r="A11203" s="13" t="s">
        <v>87</v>
      </c>
      <c r="B11203" s="14" t="s">
        <v>1</v>
      </c>
      <c r="C11203" s="14" t="s">
        <v>35</v>
      </c>
      <c r="D11203" s="14" t="s">
        <v>88</v>
      </c>
      <c r="E11203" s="15">
        <v>45629</v>
      </c>
      <c r="F11203" s="14" t="s">
        <v>61</v>
      </c>
      <c r="G11203" s="16">
        <v>0</v>
      </c>
    </row>
    <row r="11204" spans="1:7" x14ac:dyDescent="0.3">
      <c r="A11204" s="13" t="s">
        <v>87</v>
      </c>
      <c r="B11204" s="14" t="s">
        <v>1</v>
      </c>
      <c r="C11204" s="14" t="s">
        <v>35</v>
      </c>
      <c r="D11204" s="14" t="s">
        <v>88</v>
      </c>
      <c r="E11204" s="15">
        <v>45630</v>
      </c>
      <c r="F11204" s="14" t="s">
        <v>61</v>
      </c>
      <c r="G11204" s="16">
        <v>0</v>
      </c>
    </row>
    <row r="11205" spans="1:7" x14ac:dyDescent="0.3">
      <c r="A11205" s="13" t="s">
        <v>87</v>
      </c>
      <c r="B11205" s="14" t="s">
        <v>1</v>
      </c>
      <c r="C11205" s="14" t="s">
        <v>35</v>
      </c>
      <c r="D11205" s="14" t="s">
        <v>88</v>
      </c>
      <c r="E11205" s="15">
        <v>45631</v>
      </c>
      <c r="F11205" s="14" t="s">
        <v>61</v>
      </c>
      <c r="G11205" s="16">
        <v>0</v>
      </c>
    </row>
    <row r="11206" spans="1:7" x14ac:dyDescent="0.3">
      <c r="A11206" s="13" t="s">
        <v>87</v>
      </c>
      <c r="B11206" s="14" t="s">
        <v>1</v>
      </c>
      <c r="C11206" s="14" t="s">
        <v>35</v>
      </c>
      <c r="D11206" s="14" t="s">
        <v>88</v>
      </c>
      <c r="E11206" s="15">
        <v>45632</v>
      </c>
      <c r="F11206" s="14" t="s">
        <v>61</v>
      </c>
      <c r="G11206" s="16">
        <v>0</v>
      </c>
    </row>
    <row r="11207" spans="1:7" x14ac:dyDescent="0.3">
      <c r="A11207" s="13" t="s">
        <v>87</v>
      </c>
      <c r="B11207" s="14" t="s">
        <v>1</v>
      </c>
      <c r="C11207" s="14" t="s">
        <v>35</v>
      </c>
      <c r="D11207" s="14" t="s">
        <v>88</v>
      </c>
      <c r="E11207" s="15">
        <v>45633</v>
      </c>
      <c r="F11207" s="14" t="s">
        <v>61</v>
      </c>
      <c r="G11207" s="16">
        <v>0</v>
      </c>
    </row>
    <row r="11208" spans="1:7" x14ac:dyDescent="0.3">
      <c r="A11208" s="13" t="s">
        <v>87</v>
      </c>
      <c r="B11208" s="14" t="s">
        <v>1</v>
      </c>
      <c r="C11208" s="14" t="s">
        <v>35</v>
      </c>
      <c r="D11208" s="14" t="s">
        <v>88</v>
      </c>
      <c r="E11208" s="15">
        <v>45634</v>
      </c>
      <c r="F11208" s="14" t="s">
        <v>61</v>
      </c>
      <c r="G11208" s="16">
        <v>0</v>
      </c>
    </row>
    <row r="11209" spans="1:7" x14ac:dyDescent="0.3">
      <c r="A11209" s="13" t="s">
        <v>87</v>
      </c>
      <c r="B11209" s="14" t="s">
        <v>1</v>
      </c>
      <c r="C11209" s="14" t="s">
        <v>35</v>
      </c>
      <c r="D11209" s="14" t="s">
        <v>88</v>
      </c>
      <c r="E11209" s="15">
        <v>45635</v>
      </c>
      <c r="F11209" s="14" t="s">
        <v>61</v>
      </c>
      <c r="G11209" s="16">
        <v>0</v>
      </c>
    </row>
    <row r="11210" spans="1:7" x14ac:dyDescent="0.3">
      <c r="A11210" s="13" t="s">
        <v>87</v>
      </c>
      <c r="B11210" s="14" t="s">
        <v>1</v>
      </c>
      <c r="C11210" s="14" t="s">
        <v>35</v>
      </c>
      <c r="D11210" s="14" t="s">
        <v>88</v>
      </c>
      <c r="E11210" s="15">
        <v>45636</v>
      </c>
      <c r="F11210" s="14" t="s">
        <v>61</v>
      </c>
      <c r="G11210" s="16">
        <v>0</v>
      </c>
    </row>
    <row r="11211" spans="1:7" x14ac:dyDescent="0.3">
      <c r="A11211" s="13" t="s">
        <v>87</v>
      </c>
      <c r="B11211" s="14" t="s">
        <v>1</v>
      </c>
      <c r="C11211" s="14" t="s">
        <v>35</v>
      </c>
      <c r="D11211" s="14" t="s">
        <v>88</v>
      </c>
      <c r="E11211" s="15">
        <v>45637</v>
      </c>
      <c r="F11211" s="14" t="s">
        <v>61</v>
      </c>
      <c r="G11211" s="16">
        <v>0</v>
      </c>
    </row>
    <row r="11212" spans="1:7" x14ac:dyDescent="0.3">
      <c r="A11212" s="13" t="s">
        <v>87</v>
      </c>
      <c r="B11212" s="14" t="s">
        <v>1</v>
      </c>
      <c r="C11212" s="14" t="s">
        <v>35</v>
      </c>
      <c r="D11212" s="14" t="s">
        <v>88</v>
      </c>
      <c r="E11212" s="15">
        <v>45638</v>
      </c>
      <c r="F11212" s="14" t="s">
        <v>61</v>
      </c>
      <c r="G11212" s="16">
        <v>0</v>
      </c>
    </row>
    <row r="11213" spans="1:7" x14ac:dyDescent="0.3">
      <c r="A11213" s="13" t="s">
        <v>87</v>
      </c>
      <c r="B11213" s="14" t="s">
        <v>1</v>
      </c>
      <c r="C11213" s="14" t="s">
        <v>35</v>
      </c>
      <c r="D11213" s="14" t="s">
        <v>88</v>
      </c>
      <c r="E11213" s="15">
        <v>45639</v>
      </c>
      <c r="F11213" s="14" t="s">
        <v>61</v>
      </c>
      <c r="G11213" s="16">
        <v>0</v>
      </c>
    </row>
    <row r="11214" spans="1:7" x14ac:dyDescent="0.3">
      <c r="A11214" s="13" t="s">
        <v>87</v>
      </c>
      <c r="B11214" s="14" t="s">
        <v>1</v>
      </c>
      <c r="C11214" s="14" t="s">
        <v>35</v>
      </c>
      <c r="D11214" s="14" t="s">
        <v>88</v>
      </c>
      <c r="E11214" s="15">
        <v>45640</v>
      </c>
      <c r="F11214" s="14" t="s">
        <v>61</v>
      </c>
      <c r="G11214" s="16">
        <v>0</v>
      </c>
    </row>
    <row r="11215" spans="1:7" x14ac:dyDescent="0.3">
      <c r="A11215" s="13" t="s">
        <v>87</v>
      </c>
      <c r="B11215" s="14" t="s">
        <v>1</v>
      </c>
      <c r="C11215" s="14" t="s">
        <v>35</v>
      </c>
      <c r="D11215" s="14" t="s">
        <v>88</v>
      </c>
      <c r="E11215" s="15">
        <v>45641</v>
      </c>
      <c r="F11215" s="14" t="s">
        <v>61</v>
      </c>
      <c r="G11215" s="16">
        <v>0</v>
      </c>
    </row>
    <row r="11216" spans="1:7" x14ac:dyDescent="0.3">
      <c r="A11216" s="13" t="s">
        <v>87</v>
      </c>
      <c r="B11216" s="14" t="s">
        <v>1</v>
      </c>
      <c r="C11216" s="14" t="s">
        <v>35</v>
      </c>
      <c r="D11216" s="14" t="s">
        <v>88</v>
      </c>
      <c r="E11216" s="15">
        <v>45642</v>
      </c>
      <c r="F11216" s="14" t="s">
        <v>61</v>
      </c>
      <c r="G11216" s="16">
        <v>0</v>
      </c>
    </row>
    <row r="11217" spans="1:7" x14ac:dyDescent="0.3">
      <c r="A11217" s="13" t="s">
        <v>87</v>
      </c>
      <c r="B11217" s="14" t="s">
        <v>1</v>
      </c>
      <c r="C11217" s="14" t="s">
        <v>35</v>
      </c>
      <c r="D11217" s="14" t="s">
        <v>88</v>
      </c>
      <c r="E11217" s="15">
        <v>45643</v>
      </c>
      <c r="F11217" s="14" t="s">
        <v>61</v>
      </c>
      <c r="G11217" s="16">
        <v>0</v>
      </c>
    </row>
    <row r="11218" spans="1:7" x14ac:dyDescent="0.3">
      <c r="A11218" s="13" t="s">
        <v>87</v>
      </c>
      <c r="B11218" s="14" t="s">
        <v>1</v>
      </c>
      <c r="C11218" s="14" t="s">
        <v>35</v>
      </c>
      <c r="D11218" s="14" t="s">
        <v>88</v>
      </c>
      <c r="E11218" s="15">
        <v>45644</v>
      </c>
      <c r="F11218" s="14" t="s">
        <v>61</v>
      </c>
      <c r="G11218" s="16">
        <v>0</v>
      </c>
    </row>
    <row r="11219" spans="1:7" x14ac:dyDescent="0.3">
      <c r="A11219" s="13" t="s">
        <v>87</v>
      </c>
      <c r="B11219" s="14" t="s">
        <v>1</v>
      </c>
      <c r="C11219" s="14" t="s">
        <v>35</v>
      </c>
      <c r="D11219" s="14" t="s">
        <v>88</v>
      </c>
      <c r="E11219" s="15">
        <v>45645</v>
      </c>
      <c r="F11219" s="14" t="s">
        <v>61</v>
      </c>
      <c r="G11219" s="16">
        <v>0</v>
      </c>
    </row>
    <row r="11220" spans="1:7" x14ac:dyDescent="0.3">
      <c r="A11220" s="13" t="s">
        <v>87</v>
      </c>
      <c r="B11220" s="14" t="s">
        <v>1</v>
      </c>
      <c r="C11220" s="14" t="s">
        <v>35</v>
      </c>
      <c r="D11220" s="14" t="s">
        <v>88</v>
      </c>
      <c r="E11220" s="15">
        <v>45646</v>
      </c>
      <c r="F11220" s="14" t="s">
        <v>61</v>
      </c>
      <c r="G11220" s="16">
        <v>0</v>
      </c>
    </row>
    <row r="11221" spans="1:7" x14ac:dyDescent="0.3">
      <c r="A11221" s="13" t="s">
        <v>87</v>
      </c>
      <c r="B11221" s="14" t="s">
        <v>1</v>
      </c>
      <c r="C11221" s="14" t="s">
        <v>35</v>
      </c>
      <c r="D11221" s="14" t="s">
        <v>88</v>
      </c>
      <c r="E11221" s="15">
        <v>45647</v>
      </c>
      <c r="F11221" s="14" t="s">
        <v>61</v>
      </c>
      <c r="G11221" s="16">
        <v>0</v>
      </c>
    </row>
    <row r="11222" spans="1:7" x14ac:dyDescent="0.3">
      <c r="A11222" s="13" t="s">
        <v>87</v>
      </c>
      <c r="B11222" s="14" t="s">
        <v>1</v>
      </c>
      <c r="C11222" s="14" t="s">
        <v>35</v>
      </c>
      <c r="D11222" s="14" t="s">
        <v>88</v>
      </c>
      <c r="E11222" s="15">
        <v>45648</v>
      </c>
      <c r="F11222" s="14" t="s">
        <v>61</v>
      </c>
      <c r="G11222" s="16">
        <v>0</v>
      </c>
    </row>
    <row r="11223" spans="1:7" x14ac:dyDescent="0.3">
      <c r="A11223" s="13" t="s">
        <v>87</v>
      </c>
      <c r="B11223" s="14" t="s">
        <v>1</v>
      </c>
      <c r="C11223" s="14" t="s">
        <v>35</v>
      </c>
      <c r="D11223" s="14" t="s">
        <v>88</v>
      </c>
      <c r="E11223" s="15">
        <v>45649</v>
      </c>
      <c r="F11223" s="14" t="s">
        <v>61</v>
      </c>
      <c r="G11223" s="16">
        <v>0</v>
      </c>
    </row>
    <row r="11224" spans="1:7" x14ac:dyDescent="0.3">
      <c r="A11224" s="13" t="s">
        <v>87</v>
      </c>
      <c r="B11224" s="14" t="s">
        <v>1</v>
      </c>
      <c r="C11224" s="14" t="s">
        <v>35</v>
      </c>
      <c r="D11224" s="14" t="s">
        <v>88</v>
      </c>
      <c r="E11224" s="15">
        <v>45650</v>
      </c>
      <c r="F11224" s="14" t="s">
        <v>61</v>
      </c>
      <c r="G11224" s="16">
        <v>0</v>
      </c>
    </row>
    <row r="11225" spans="1:7" x14ac:dyDescent="0.3">
      <c r="A11225" s="13" t="s">
        <v>87</v>
      </c>
      <c r="B11225" s="14" t="s">
        <v>1</v>
      </c>
      <c r="C11225" s="14" t="s">
        <v>35</v>
      </c>
      <c r="D11225" s="14" t="s">
        <v>88</v>
      </c>
      <c r="E11225" s="15">
        <v>45651</v>
      </c>
      <c r="F11225" s="14" t="s">
        <v>61</v>
      </c>
      <c r="G11225" s="16">
        <v>0</v>
      </c>
    </row>
    <row r="11226" spans="1:7" x14ac:dyDescent="0.3">
      <c r="A11226" s="13" t="s">
        <v>87</v>
      </c>
      <c r="B11226" s="14" t="s">
        <v>1</v>
      </c>
      <c r="C11226" s="14" t="s">
        <v>35</v>
      </c>
      <c r="D11226" s="14" t="s">
        <v>88</v>
      </c>
      <c r="E11226" s="15">
        <v>45652</v>
      </c>
      <c r="F11226" s="14" t="s">
        <v>61</v>
      </c>
      <c r="G11226" s="16">
        <v>0</v>
      </c>
    </row>
    <row r="11227" spans="1:7" x14ac:dyDescent="0.3">
      <c r="A11227" s="13" t="s">
        <v>87</v>
      </c>
      <c r="B11227" s="14" t="s">
        <v>1</v>
      </c>
      <c r="C11227" s="14" t="s">
        <v>35</v>
      </c>
      <c r="D11227" s="14" t="s">
        <v>88</v>
      </c>
      <c r="E11227" s="15">
        <v>45653</v>
      </c>
      <c r="F11227" s="14" t="s">
        <v>61</v>
      </c>
      <c r="G11227" s="16">
        <v>0</v>
      </c>
    </row>
    <row r="11228" spans="1:7" x14ac:dyDescent="0.3">
      <c r="A11228" s="13" t="s">
        <v>87</v>
      </c>
      <c r="B11228" s="14" t="s">
        <v>1</v>
      </c>
      <c r="C11228" s="14" t="s">
        <v>35</v>
      </c>
      <c r="D11228" s="14" t="s">
        <v>88</v>
      </c>
      <c r="E11228" s="15">
        <v>45654</v>
      </c>
      <c r="F11228" s="14" t="s">
        <v>61</v>
      </c>
      <c r="G11228" s="16">
        <v>0</v>
      </c>
    </row>
    <row r="11229" spans="1:7" x14ac:dyDescent="0.3">
      <c r="A11229" s="13" t="s">
        <v>87</v>
      </c>
      <c r="B11229" s="14" t="s">
        <v>1</v>
      </c>
      <c r="C11229" s="14" t="s">
        <v>35</v>
      </c>
      <c r="D11229" s="14" t="s">
        <v>88</v>
      </c>
      <c r="E11229" s="15">
        <v>45655</v>
      </c>
      <c r="F11229" s="14" t="s">
        <v>61</v>
      </c>
      <c r="G11229" s="16">
        <v>0</v>
      </c>
    </row>
    <row r="11230" spans="1:7" x14ac:dyDescent="0.3">
      <c r="A11230" s="13" t="s">
        <v>87</v>
      </c>
      <c r="B11230" s="14" t="s">
        <v>1</v>
      </c>
      <c r="C11230" s="14" t="s">
        <v>35</v>
      </c>
      <c r="D11230" s="14" t="s">
        <v>88</v>
      </c>
      <c r="E11230" s="15">
        <v>45656</v>
      </c>
      <c r="F11230" s="14" t="s">
        <v>61</v>
      </c>
      <c r="G11230" s="16">
        <v>0</v>
      </c>
    </row>
    <row r="11231" spans="1:7" x14ac:dyDescent="0.3">
      <c r="A11231" s="13" t="s">
        <v>87</v>
      </c>
      <c r="B11231" s="14" t="s">
        <v>1</v>
      </c>
      <c r="C11231" s="14" t="s">
        <v>35</v>
      </c>
      <c r="D11231" s="14" t="s">
        <v>88</v>
      </c>
      <c r="E11231" s="15">
        <v>45657</v>
      </c>
      <c r="F11231" s="14" t="s">
        <v>61</v>
      </c>
      <c r="G11231" s="16">
        <v>0</v>
      </c>
    </row>
    <row r="11232" spans="1:7" x14ac:dyDescent="0.3">
      <c r="A11232" s="13" t="s">
        <v>87</v>
      </c>
      <c r="B11232" s="14" t="s">
        <v>1</v>
      </c>
      <c r="C11232" s="14" t="s">
        <v>35</v>
      </c>
      <c r="D11232" s="14" t="s">
        <v>88</v>
      </c>
      <c r="E11232" s="15">
        <v>45658</v>
      </c>
      <c r="F11232" s="14" t="s">
        <v>61</v>
      </c>
      <c r="G11232" s="16">
        <v>0</v>
      </c>
    </row>
    <row r="11233" spans="1:7" x14ac:dyDescent="0.3">
      <c r="A11233" s="13" t="s">
        <v>87</v>
      </c>
      <c r="B11233" s="14" t="s">
        <v>1</v>
      </c>
      <c r="C11233" s="14" t="s">
        <v>35</v>
      </c>
      <c r="D11233" s="14" t="s">
        <v>88</v>
      </c>
      <c r="E11233" s="15">
        <v>45659</v>
      </c>
      <c r="F11233" s="14" t="s">
        <v>61</v>
      </c>
      <c r="G11233" s="16">
        <v>0</v>
      </c>
    </row>
    <row r="11234" spans="1:7" x14ac:dyDescent="0.3">
      <c r="A11234" s="13" t="s">
        <v>87</v>
      </c>
      <c r="B11234" s="14" t="s">
        <v>1</v>
      </c>
      <c r="C11234" s="14" t="s">
        <v>35</v>
      </c>
      <c r="D11234" s="14" t="s">
        <v>88</v>
      </c>
      <c r="E11234" s="15">
        <v>45660</v>
      </c>
      <c r="F11234" s="14" t="s">
        <v>61</v>
      </c>
      <c r="G11234" s="16">
        <v>0</v>
      </c>
    </row>
    <row r="11235" spans="1:7" x14ac:dyDescent="0.3">
      <c r="A11235" s="13" t="s">
        <v>87</v>
      </c>
      <c r="B11235" s="14" t="s">
        <v>1</v>
      </c>
      <c r="C11235" s="14" t="s">
        <v>35</v>
      </c>
      <c r="D11235" s="14" t="s">
        <v>88</v>
      </c>
      <c r="E11235" s="15">
        <v>45661</v>
      </c>
      <c r="F11235" s="14" t="s">
        <v>61</v>
      </c>
      <c r="G11235" s="16">
        <v>0</v>
      </c>
    </row>
    <row r="11236" spans="1:7" x14ac:dyDescent="0.3">
      <c r="A11236" s="13" t="s">
        <v>87</v>
      </c>
      <c r="B11236" s="14" t="s">
        <v>1</v>
      </c>
      <c r="C11236" s="14" t="s">
        <v>35</v>
      </c>
      <c r="D11236" s="14" t="s">
        <v>88</v>
      </c>
      <c r="E11236" s="15">
        <v>45662</v>
      </c>
      <c r="F11236" s="14" t="s">
        <v>61</v>
      </c>
      <c r="G11236" s="16">
        <v>0</v>
      </c>
    </row>
    <row r="11237" spans="1:7" x14ac:dyDescent="0.3">
      <c r="A11237" s="13" t="s">
        <v>87</v>
      </c>
      <c r="B11237" s="14" t="s">
        <v>1</v>
      </c>
      <c r="C11237" s="14" t="s">
        <v>35</v>
      </c>
      <c r="D11237" s="14" t="s">
        <v>88</v>
      </c>
      <c r="E11237" s="15">
        <v>45663</v>
      </c>
      <c r="F11237" s="14" t="s">
        <v>61</v>
      </c>
      <c r="G11237" s="16">
        <v>0</v>
      </c>
    </row>
    <row r="11238" spans="1:7" x14ac:dyDescent="0.3">
      <c r="A11238" s="13" t="s">
        <v>87</v>
      </c>
      <c r="B11238" s="14" t="s">
        <v>1</v>
      </c>
      <c r="C11238" s="14" t="s">
        <v>35</v>
      </c>
      <c r="D11238" s="14" t="s">
        <v>88</v>
      </c>
      <c r="E11238" s="15">
        <v>45664</v>
      </c>
      <c r="F11238" s="14" t="s">
        <v>61</v>
      </c>
      <c r="G11238" s="16">
        <v>0</v>
      </c>
    </row>
    <row r="11239" spans="1:7" x14ac:dyDescent="0.3">
      <c r="A11239" s="13" t="s">
        <v>87</v>
      </c>
      <c r="B11239" s="14" t="s">
        <v>1</v>
      </c>
      <c r="C11239" s="14" t="s">
        <v>35</v>
      </c>
      <c r="D11239" s="14" t="s">
        <v>88</v>
      </c>
      <c r="E11239" s="15">
        <v>45665</v>
      </c>
      <c r="F11239" s="14" t="s">
        <v>61</v>
      </c>
      <c r="G11239" s="16">
        <v>0</v>
      </c>
    </row>
    <row r="11240" spans="1:7" x14ac:dyDescent="0.3">
      <c r="A11240" s="13" t="s">
        <v>87</v>
      </c>
      <c r="B11240" s="14" t="s">
        <v>1</v>
      </c>
      <c r="C11240" s="14" t="s">
        <v>35</v>
      </c>
      <c r="D11240" s="14" t="s">
        <v>88</v>
      </c>
      <c r="E11240" s="15">
        <v>45666</v>
      </c>
      <c r="F11240" s="14" t="s">
        <v>61</v>
      </c>
      <c r="G11240" s="16">
        <v>0</v>
      </c>
    </row>
    <row r="11241" spans="1:7" x14ac:dyDescent="0.3">
      <c r="A11241" s="13" t="s">
        <v>87</v>
      </c>
      <c r="B11241" s="14" t="s">
        <v>1</v>
      </c>
      <c r="C11241" s="14" t="s">
        <v>35</v>
      </c>
      <c r="D11241" s="14" t="s">
        <v>88</v>
      </c>
      <c r="E11241" s="15">
        <v>45667</v>
      </c>
      <c r="F11241" s="14" t="s">
        <v>61</v>
      </c>
      <c r="G11241" s="16">
        <v>0</v>
      </c>
    </row>
    <row r="11242" spans="1:7" x14ac:dyDescent="0.3">
      <c r="A11242" s="13" t="s">
        <v>87</v>
      </c>
      <c r="B11242" s="14" t="s">
        <v>1</v>
      </c>
      <c r="C11242" s="14" t="s">
        <v>35</v>
      </c>
      <c r="D11242" s="14" t="s">
        <v>88</v>
      </c>
      <c r="E11242" s="15">
        <v>45668</v>
      </c>
      <c r="F11242" s="14" t="s">
        <v>61</v>
      </c>
      <c r="G11242" s="16">
        <v>0</v>
      </c>
    </row>
    <row r="11243" spans="1:7" x14ac:dyDescent="0.3">
      <c r="A11243" s="13" t="s">
        <v>87</v>
      </c>
      <c r="B11243" s="14" t="s">
        <v>1</v>
      </c>
      <c r="C11243" s="14" t="s">
        <v>35</v>
      </c>
      <c r="D11243" s="14" t="s">
        <v>88</v>
      </c>
      <c r="E11243" s="15">
        <v>45669</v>
      </c>
      <c r="F11243" s="14" t="s">
        <v>61</v>
      </c>
      <c r="G11243" s="16">
        <v>0</v>
      </c>
    </row>
    <row r="11244" spans="1:7" x14ac:dyDescent="0.3">
      <c r="A11244" s="13" t="s">
        <v>87</v>
      </c>
      <c r="B11244" s="14" t="s">
        <v>1</v>
      </c>
      <c r="C11244" s="14" t="s">
        <v>35</v>
      </c>
      <c r="D11244" s="14" t="s">
        <v>88</v>
      </c>
      <c r="E11244" s="15">
        <v>45670</v>
      </c>
      <c r="F11244" s="14" t="s">
        <v>61</v>
      </c>
      <c r="G11244" s="16">
        <v>0</v>
      </c>
    </row>
    <row r="11245" spans="1:7" x14ac:dyDescent="0.3">
      <c r="A11245" s="13" t="s">
        <v>87</v>
      </c>
      <c r="B11245" s="14" t="s">
        <v>1</v>
      </c>
      <c r="C11245" s="14" t="s">
        <v>35</v>
      </c>
      <c r="D11245" s="14" t="s">
        <v>88</v>
      </c>
      <c r="E11245" s="15">
        <v>45671</v>
      </c>
      <c r="F11245" s="14" t="s">
        <v>61</v>
      </c>
      <c r="G11245" s="16">
        <v>0</v>
      </c>
    </row>
    <row r="11246" spans="1:7" x14ac:dyDescent="0.3">
      <c r="A11246" s="13" t="s">
        <v>87</v>
      </c>
      <c r="B11246" s="14" t="s">
        <v>1</v>
      </c>
      <c r="C11246" s="14" t="s">
        <v>35</v>
      </c>
      <c r="D11246" s="14" t="s">
        <v>88</v>
      </c>
      <c r="E11246" s="15">
        <v>45672</v>
      </c>
      <c r="F11246" s="14" t="s">
        <v>61</v>
      </c>
      <c r="G11246" s="16">
        <v>0</v>
      </c>
    </row>
    <row r="11247" spans="1:7" x14ac:dyDescent="0.3">
      <c r="A11247" s="13" t="s">
        <v>87</v>
      </c>
      <c r="B11247" s="14" t="s">
        <v>1</v>
      </c>
      <c r="C11247" s="14" t="s">
        <v>35</v>
      </c>
      <c r="D11247" s="14" t="s">
        <v>88</v>
      </c>
      <c r="E11247" s="15">
        <v>45673</v>
      </c>
      <c r="F11247" s="14" t="s">
        <v>61</v>
      </c>
      <c r="G11247" s="16">
        <v>0</v>
      </c>
    </row>
    <row r="11248" spans="1:7" x14ac:dyDescent="0.3">
      <c r="A11248" s="13" t="s">
        <v>87</v>
      </c>
      <c r="B11248" s="14" t="s">
        <v>1</v>
      </c>
      <c r="C11248" s="14" t="s">
        <v>35</v>
      </c>
      <c r="D11248" s="14" t="s">
        <v>88</v>
      </c>
      <c r="E11248" s="15">
        <v>45674</v>
      </c>
      <c r="F11248" s="14" t="s">
        <v>61</v>
      </c>
      <c r="G11248" s="16">
        <v>0</v>
      </c>
    </row>
    <row r="11249" spans="1:7" x14ac:dyDescent="0.3">
      <c r="A11249" s="13" t="s">
        <v>87</v>
      </c>
      <c r="B11249" s="14" t="s">
        <v>1</v>
      </c>
      <c r="C11249" s="14" t="s">
        <v>35</v>
      </c>
      <c r="D11249" s="14" t="s">
        <v>88</v>
      </c>
      <c r="E11249" s="15">
        <v>45675</v>
      </c>
      <c r="F11249" s="14" t="s">
        <v>61</v>
      </c>
      <c r="G11249" s="16">
        <v>0</v>
      </c>
    </row>
    <row r="11250" spans="1:7" x14ac:dyDescent="0.3">
      <c r="A11250" s="13" t="s">
        <v>87</v>
      </c>
      <c r="B11250" s="14" t="s">
        <v>1</v>
      </c>
      <c r="C11250" s="14" t="s">
        <v>35</v>
      </c>
      <c r="D11250" s="14" t="s">
        <v>88</v>
      </c>
      <c r="E11250" s="15">
        <v>45676</v>
      </c>
      <c r="F11250" s="14" t="s">
        <v>61</v>
      </c>
      <c r="G11250" s="16">
        <v>0</v>
      </c>
    </row>
    <row r="11251" spans="1:7" x14ac:dyDescent="0.3">
      <c r="A11251" s="13" t="s">
        <v>87</v>
      </c>
      <c r="B11251" s="14" t="s">
        <v>1</v>
      </c>
      <c r="C11251" s="14" t="s">
        <v>35</v>
      </c>
      <c r="D11251" s="14" t="s">
        <v>88</v>
      </c>
      <c r="E11251" s="15">
        <v>45677</v>
      </c>
      <c r="F11251" s="14" t="s">
        <v>61</v>
      </c>
      <c r="G11251" s="16">
        <v>0</v>
      </c>
    </row>
    <row r="11252" spans="1:7" x14ac:dyDescent="0.3">
      <c r="A11252" s="13" t="s">
        <v>87</v>
      </c>
      <c r="B11252" s="14" t="s">
        <v>1</v>
      </c>
      <c r="C11252" s="14" t="s">
        <v>35</v>
      </c>
      <c r="D11252" s="14" t="s">
        <v>88</v>
      </c>
      <c r="E11252" s="15">
        <v>45678</v>
      </c>
      <c r="F11252" s="14" t="s">
        <v>61</v>
      </c>
      <c r="G11252" s="16">
        <v>0</v>
      </c>
    </row>
    <row r="11253" spans="1:7" x14ac:dyDescent="0.3">
      <c r="A11253" s="13" t="s">
        <v>87</v>
      </c>
      <c r="B11253" s="14" t="s">
        <v>1</v>
      </c>
      <c r="C11253" s="14" t="s">
        <v>35</v>
      </c>
      <c r="D11253" s="14" t="s">
        <v>88</v>
      </c>
      <c r="E11253" s="15">
        <v>45679</v>
      </c>
      <c r="F11253" s="14" t="s">
        <v>61</v>
      </c>
      <c r="G11253" s="16">
        <v>0</v>
      </c>
    </row>
    <row r="11254" spans="1:7" x14ac:dyDescent="0.3">
      <c r="A11254" s="13" t="s">
        <v>87</v>
      </c>
      <c r="B11254" s="14" t="s">
        <v>1</v>
      </c>
      <c r="C11254" s="14" t="s">
        <v>35</v>
      </c>
      <c r="D11254" s="14" t="s">
        <v>88</v>
      </c>
      <c r="E11254" s="15">
        <v>45680</v>
      </c>
      <c r="F11254" s="14" t="s">
        <v>61</v>
      </c>
      <c r="G11254" s="16">
        <v>0</v>
      </c>
    </row>
    <row r="11255" spans="1:7" x14ac:dyDescent="0.3">
      <c r="A11255" s="13" t="s">
        <v>87</v>
      </c>
      <c r="B11255" s="14" t="s">
        <v>1</v>
      </c>
      <c r="C11255" s="14" t="s">
        <v>35</v>
      </c>
      <c r="D11255" s="14" t="s">
        <v>88</v>
      </c>
      <c r="E11255" s="15">
        <v>45681</v>
      </c>
      <c r="F11255" s="14" t="s">
        <v>61</v>
      </c>
      <c r="G11255" s="16">
        <v>0</v>
      </c>
    </row>
    <row r="11256" spans="1:7" x14ac:dyDescent="0.3">
      <c r="A11256" s="13" t="s">
        <v>87</v>
      </c>
      <c r="B11256" s="14" t="s">
        <v>1</v>
      </c>
      <c r="C11256" s="14" t="s">
        <v>35</v>
      </c>
      <c r="D11256" s="14" t="s">
        <v>88</v>
      </c>
      <c r="E11256" s="15">
        <v>45682</v>
      </c>
      <c r="F11256" s="14" t="s">
        <v>61</v>
      </c>
      <c r="G11256" s="16">
        <v>0</v>
      </c>
    </row>
    <row r="11257" spans="1:7" x14ac:dyDescent="0.3">
      <c r="A11257" s="13" t="s">
        <v>87</v>
      </c>
      <c r="B11257" s="14" t="s">
        <v>1</v>
      </c>
      <c r="C11257" s="14" t="s">
        <v>35</v>
      </c>
      <c r="D11257" s="14" t="s">
        <v>88</v>
      </c>
      <c r="E11257" s="15">
        <v>45683</v>
      </c>
      <c r="F11257" s="14" t="s">
        <v>61</v>
      </c>
      <c r="G11257" s="16">
        <v>0</v>
      </c>
    </row>
    <row r="11258" spans="1:7" x14ac:dyDescent="0.3">
      <c r="A11258" s="13" t="s">
        <v>87</v>
      </c>
      <c r="B11258" s="14" t="s">
        <v>1</v>
      </c>
      <c r="C11258" s="14" t="s">
        <v>35</v>
      </c>
      <c r="D11258" s="14" t="s">
        <v>88</v>
      </c>
      <c r="E11258" s="15">
        <v>45684</v>
      </c>
      <c r="F11258" s="14" t="s">
        <v>61</v>
      </c>
      <c r="G11258" s="16">
        <v>0</v>
      </c>
    </row>
    <row r="11259" spans="1:7" x14ac:dyDescent="0.3">
      <c r="A11259" s="13" t="s">
        <v>87</v>
      </c>
      <c r="B11259" s="14" t="s">
        <v>1</v>
      </c>
      <c r="C11259" s="14" t="s">
        <v>35</v>
      </c>
      <c r="D11259" s="14" t="s">
        <v>88</v>
      </c>
      <c r="E11259" s="15">
        <v>45685</v>
      </c>
      <c r="F11259" s="14" t="s">
        <v>61</v>
      </c>
      <c r="G11259" s="16">
        <v>0</v>
      </c>
    </row>
    <row r="11260" spans="1:7" x14ac:dyDescent="0.3">
      <c r="A11260" s="13" t="s">
        <v>87</v>
      </c>
      <c r="B11260" s="14" t="s">
        <v>1</v>
      </c>
      <c r="C11260" s="14" t="s">
        <v>35</v>
      </c>
      <c r="D11260" s="14" t="s">
        <v>88</v>
      </c>
      <c r="E11260" s="15">
        <v>45686</v>
      </c>
      <c r="F11260" s="14" t="s">
        <v>61</v>
      </c>
      <c r="G11260" s="16">
        <v>0</v>
      </c>
    </row>
    <row r="11261" spans="1:7" x14ac:dyDescent="0.3">
      <c r="A11261" s="13" t="s">
        <v>87</v>
      </c>
      <c r="B11261" s="14" t="s">
        <v>1</v>
      </c>
      <c r="C11261" s="14" t="s">
        <v>35</v>
      </c>
      <c r="D11261" s="14" t="s">
        <v>88</v>
      </c>
      <c r="E11261" s="15">
        <v>45687</v>
      </c>
      <c r="F11261" s="14" t="s">
        <v>61</v>
      </c>
      <c r="G11261" s="16">
        <v>0</v>
      </c>
    </row>
    <row r="11262" spans="1:7" x14ac:dyDescent="0.3">
      <c r="A11262" s="13" t="s">
        <v>87</v>
      </c>
      <c r="B11262" s="14" t="s">
        <v>1</v>
      </c>
      <c r="C11262" s="14" t="s">
        <v>35</v>
      </c>
      <c r="D11262" s="14" t="s">
        <v>88</v>
      </c>
      <c r="E11262" s="15">
        <v>45688</v>
      </c>
      <c r="F11262" s="14" t="s">
        <v>61</v>
      </c>
      <c r="G11262" s="16">
        <v>0</v>
      </c>
    </row>
    <row r="11263" spans="1:7" x14ac:dyDescent="0.3">
      <c r="A11263" s="13" t="s">
        <v>87</v>
      </c>
      <c r="B11263" s="14" t="s">
        <v>1</v>
      </c>
      <c r="C11263" s="14" t="s">
        <v>35</v>
      </c>
      <c r="D11263" s="14" t="s">
        <v>88</v>
      </c>
      <c r="E11263" s="15">
        <v>45689</v>
      </c>
      <c r="F11263" s="14" t="s">
        <v>61</v>
      </c>
      <c r="G11263" s="16">
        <v>0</v>
      </c>
    </row>
    <row r="11264" spans="1:7" x14ac:dyDescent="0.3">
      <c r="A11264" s="13" t="s">
        <v>87</v>
      </c>
      <c r="B11264" s="14" t="s">
        <v>1</v>
      </c>
      <c r="C11264" s="14" t="s">
        <v>35</v>
      </c>
      <c r="D11264" s="14" t="s">
        <v>88</v>
      </c>
      <c r="E11264" s="15">
        <v>45690</v>
      </c>
      <c r="F11264" s="14" t="s">
        <v>61</v>
      </c>
      <c r="G11264" s="16">
        <v>0</v>
      </c>
    </row>
    <row r="11265" spans="1:7" x14ac:dyDescent="0.3">
      <c r="A11265" s="13" t="s">
        <v>87</v>
      </c>
      <c r="B11265" s="14" t="s">
        <v>1</v>
      </c>
      <c r="C11265" s="14" t="s">
        <v>35</v>
      </c>
      <c r="D11265" s="14" t="s">
        <v>88</v>
      </c>
      <c r="E11265" s="15">
        <v>45691</v>
      </c>
      <c r="F11265" s="14" t="s">
        <v>61</v>
      </c>
      <c r="G11265" s="16">
        <v>0</v>
      </c>
    </row>
    <row r="11266" spans="1:7" x14ac:dyDescent="0.3">
      <c r="A11266" s="13" t="s">
        <v>87</v>
      </c>
      <c r="B11266" s="14" t="s">
        <v>1</v>
      </c>
      <c r="C11266" s="14" t="s">
        <v>35</v>
      </c>
      <c r="D11266" s="14" t="s">
        <v>88</v>
      </c>
      <c r="E11266" s="15">
        <v>45692</v>
      </c>
      <c r="F11266" s="14" t="s">
        <v>61</v>
      </c>
      <c r="G11266" s="16">
        <v>0</v>
      </c>
    </row>
    <row r="11267" spans="1:7" x14ac:dyDescent="0.3">
      <c r="A11267" s="13" t="s">
        <v>87</v>
      </c>
      <c r="B11267" s="14" t="s">
        <v>1</v>
      </c>
      <c r="C11267" s="14" t="s">
        <v>35</v>
      </c>
      <c r="D11267" s="14" t="s">
        <v>88</v>
      </c>
      <c r="E11267" s="15">
        <v>45693</v>
      </c>
      <c r="F11267" s="14" t="s">
        <v>61</v>
      </c>
      <c r="G11267" s="16">
        <v>0</v>
      </c>
    </row>
    <row r="11268" spans="1:7" x14ac:dyDescent="0.3">
      <c r="A11268" s="13" t="s">
        <v>87</v>
      </c>
      <c r="B11268" s="14" t="s">
        <v>1</v>
      </c>
      <c r="C11268" s="14" t="s">
        <v>35</v>
      </c>
      <c r="D11268" s="14" t="s">
        <v>88</v>
      </c>
      <c r="E11268" s="15">
        <v>45694</v>
      </c>
      <c r="F11268" s="14" t="s">
        <v>61</v>
      </c>
      <c r="G11268" s="16">
        <v>0</v>
      </c>
    </row>
    <row r="11269" spans="1:7" x14ac:dyDescent="0.3">
      <c r="A11269" s="13" t="s">
        <v>87</v>
      </c>
      <c r="B11269" s="14" t="s">
        <v>1</v>
      </c>
      <c r="C11269" s="14" t="s">
        <v>35</v>
      </c>
      <c r="D11269" s="14" t="s">
        <v>88</v>
      </c>
      <c r="E11269" s="15">
        <v>45695</v>
      </c>
      <c r="F11269" s="14" t="s">
        <v>61</v>
      </c>
      <c r="G11269" s="16">
        <v>0</v>
      </c>
    </row>
    <row r="11270" spans="1:7" x14ac:dyDescent="0.3">
      <c r="A11270" s="13" t="s">
        <v>87</v>
      </c>
      <c r="B11270" s="14" t="s">
        <v>1</v>
      </c>
      <c r="C11270" s="14" t="s">
        <v>35</v>
      </c>
      <c r="D11270" s="14" t="s">
        <v>88</v>
      </c>
      <c r="E11270" s="15">
        <v>45696</v>
      </c>
      <c r="F11270" s="14" t="s">
        <v>61</v>
      </c>
      <c r="G11270" s="16">
        <v>0</v>
      </c>
    </row>
    <row r="11271" spans="1:7" x14ac:dyDescent="0.3">
      <c r="A11271" s="13" t="s">
        <v>87</v>
      </c>
      <c r="B11271" s="14" t="s">
        <v>1</v>
      </c>
      <c r="C11271" s="14" t="s">
        <v>35</v>
      </c>
      <c r="D11271" s="14" t="s">
        <v>88</v>
      </c>
      <c r="E11271" s="15">
        <v>45697</v>
      </c>
      <c r="F11271" s="14" t="s">
        <v>61</v>
      </c>
      <c r="G11271" s="16">
        <v>0</v>
      </c>
    </row>
    <row r="11272" spans="1:7" x14ac:dyDescent="0.3">
      <c r="A11272" s="13" t="s">
        <v>87</v>
      </c>
      <c r="B11272" s="14" t="s">
        <v>1</v>
      </c>
      <c r="C11272" s="14" t="s">
        <v>35</v>
      </c>
      <c r="D11272" s="14" t="s">
        <v>88</v>
      </c>
      <c r="E11272" s="15">
        <v>45698</v>
      </c>
      <c r="F11272" s="14" t="s">
        <v>61</v>
      </c>
      <c r="G11272" s="16">
        <v>0</v>
      </c>
    </row>
    <row r="11273" spans="1:7" x14ac:dyDescent="0.3">
      <c r="A11273" s="13" t="s">
        <v>87</v>
      </c>
      <c r="B11273" s="14" t="s">
        <v>1</v>
      </c>
      <c r="C11273" s="14" t="s">
        <v>35</v>
      </c>
      <c r="D11273" s="14" t="s">
        <v>88</v>
      </c>
      <c r="E11273" s="15">
        <v>45699</v>
      </c>
      <c r="F11273" s="14" t="s">
        <v>61</v>
      </c>
      <c r="G11273" s="16">
        <v>0</v>
      </c>
    </row>
    <row r="11274" spans="1:7" x14ac:dyDescent="0.3">
      <c r="A11274" s="13" t="s">
        <v>87</v>
      </c>
      <c r="B11274" s="14" t="s">
        <v>1</v>
      </c>
      <c r="C11274" s="14" t="s">
        <v>35</v>
      </c>
      <c r="D11274" s="14" t="s">
        <v>88</v>
      </c>
      <c r="E11274" s="15">
        <v>45700</v>
      </c>
      <c r="F11274" s="14" t="s">
        <v>61</v>
      </c>
      <c r="G11274" s="16">
        <v>0</v>
      </c>
    </row>
    <row r="11275" spans="1:7" x14ac:dyDescent="0.3">
      <c r="A11275" s="13" t="s">
        <v>87</v>
      </c>
      <c r="B11275" s="14" t="s">
        <v>1</v>
      </c>
      <c r="C11275" s="14" t="s">
        <v>35</v>
      </c>
      <c r="D11275" s="14" t="s">
        <v>88</v>
      </c>
      <c r="E11275" s="15">
        <v>45701</v>
      </c>
      <c r="F11275" s="14" t="s">
        <v>61</v>
      </c>
      <c r="G11275" s="16">
        <v>0</v>
      </c>
    </row>
    <row r="11276" spans="1:7" x14ac:dyDescent="0.3">
      <c r="A11276" s="13" t="s">
        <v>87</v>
      </c>
      <c r="B11276" s="14" t="s">
        <v>1</v>
      </c>
      <c r="C11276" s="14" t="s">
        <v>35</v>
      </c>
      <c r="D11276" s="14" t="s">
        <v>88</v>
      </c>
      <c r="E11276" s="15">
        <v>45702</v>
      </c>
      <c r="F11276" s="14" t="s">
        <v>61</v>
      </c>
      <c r="G11276" s="16">
        <v>0</v>
      </c>
    </row>
    <row r="11277" spans="1:7" x14ac:dyDescent="0.3">
      <c r="A11277" s="13" t="s">
        <v>87</v>
      </c>
      <c r="B11277" s="14" t="s">
        <v>1</v>
      </c>
      <c r="C11277" s="14" t="s">
        <v>35</v>
      </c>
      <c r="D11277" s="14" t="s">
        <v>88</v>
      </c>
      <c r="E11277" s="15">
        <v>45703</v>
      </c>
      <c r="F11277" s="14" t="s">
        <v>61</v>
      </c>
      <c r="G11277" s="16">
        <v>0</v>
      </c>
    </row>
    <row r="11278" spans="1:7" x14ac:dyDescent="0.3">
      <c r="A11278" s="13" t="s">
        <v>87</v>
      </c>
      <c r="B11278" s="14" t="s">
        <v>1</v>
      </c>
      <c r="C11278" s="14" t="s">
        <v>35</v>
      </c>
      <c r="D11278" s="14" t="s">
        <v>88</v>
      </c>
      <c r="E11278" s="15">
        <v>45704</v>
      </c>
      <c r="F11278" s="14" t="s">
        <v>61</v>
      </c>
      <c r="G11278" s="16">
        <v>0</v>
      </c>
    </row>
    <row r="11279" spans="1:7" x14ac:dyDescent="0.3">
      <c r="A11279" s="13" t="s">
        <v>87</v>
      </c>
      <c r="B11279" s="14" t="s">
        <v>1</v>
      </c>
      <c r="C11279" s="14" t="s">
        <v>35</v>
      </c>
      <c r="D11279" s="14" t="s">
        <v>88</v>
      </c>
      <c r="E11279" s="15">
        <v>45705</v>
      </c>
      <c r="F11279" s="14" t="s">
        <v>61</v>
      </c>
      <c r="G11279" s="16">
        <v>0</v>
      </c>
    </row>
    <row r="11280" spans="1:7" x14ac:dyDescent="0.3">
      <c r="A11280" s="13" t="s">
        <v>87</v>
      </c>
      <c r="B11280" s="14" t="s">
        <v>1</v>
      </c>
      <c r="C11280" s="14" t="s">
        <v>35</v>
      </c>
      <c r="D11280" s="14" t="s">
        <v>88</v>
      </c>
      <c r="E11280" s="15">
        <v>45706</v>
      </c>
      <c r="F11280" s="14" t="s">
        <v>61</v>
      </c>
      <c r="G11280" s="16">
        <v>0</v>
      </c>
    </row>
    <row r="11281" spans="1:7" x14ac:dyDescent="0.3">
      <c r="A11281" s="13" t="s">
        <v>87</v>
      </c>
      <c r="B11281" s="14" t="s">
        <v>1</v>
      </c>
      <c r="C11281" s="14" t="s">
        <v>35</v>
      </c>
      <c r="D11281" s="14" t="s">
        <v>88</v>
      </c>
      <c r="E11281" s="15">
        <v>45707</v>
      </c>
      <c r="F11281" s="14" t="s">
        <v>61</v>
      </c>
      <c r="G11281" s="16">
        <v>0</v>
      </c>
    </row>
    <row r="11282" spans="1:7" x14ac:dyDescent="0.3">
      <c r="A11282" s="13" t="s">
        <v>87</v>
      </c>
      <c r="B11282" s="14" t="s">
        <v>1</v>
      </c>
      <c r="C11282" s="14" t="s">
        <v>35</v>
      </c>
      <c r="D11282" s="14" t="s">
        <v>88</v>
      </c>
      <c r="E11282" s="15">
        <v>45708</v>
      </c>
      <c r="F11282" s="14" t="s">
        <v>61</v>
      </c>
      <c r="G11282" s="16">
        <v>0</v>
      </c>
    </row>
    <row r="11283" spans="1:7" x14ac:dyDescent="0.3">
      <c r="A11283" s="13" t="s">
        <v>87</v>
      </c>
      <c r="B11283" s="14" t="s">
        <v>1</v>
      </c>
      <c r="C11283" s="14" t="s">
        <v>35</v>
      </c>
      <c r="D11283" s="14" t="s">
        <v>88</v>
      </c>
      <c r="E11283" s="15">
        <v>45709</v>
      </c>
      <c r="F11283" s="14" t="s">
        <v>61</v>
      </c>
      <c r="G11283" s="16">
        <v>0</v>
      </c>
    </row>
    <row r="11284" spans="1:7" x14ac:dyDescent="0.3">
      <c r="A11284" s="13" t="s">
        <v>87</v>
      </c>
      <c r="B11284" s="14" t="s">
        <v>1</v>
      </c>
      <c r="C11284" s="14" t="s">
        <v>35</v>
      </c>
      <c r="D11284" s="14" t="s">
        <v>88</v>
      </c>
      <c r="E11284" s="15">
        <v>45710</v>
      </c>
      <c r="F11284" s="14" t="s">
        <v>61</v>
      </c>
      <c r="G11284" s="16">
        <v>0</v>
      </c>
    </row>
    <row r="11285" spans="1:7" x14ac:dyDescent="0.3">
      <c r="A11285" s="13" t="s">
        <v>87</v>
      </c>
      <c r="B11285" s="14" t="s">
        <v>1</v>
      </c>
      <c r="C11285" s="14" t="s">
        <v>35</v>
      </c>
      <c r="D11285" s="14" t="s">
        <v>88</v>
      </c>
      <c r="E11285" s="15">
        <v>45711</v>
      </c>
      <c r="F11285" s="14" t="s">
        <v>61</v>
      </c>
      <c r="G11285" s="16">
        <v>0</v>
      </c>
    </row>
    <row r="11286" spans="1:7" x14ac:dyDescent="0.3">
      <c r="A11286" s="13" t="s">
        <v>87</v>
      </c>
      <c r="B11286" s="14" t="s">
        <v>1</v>
      </c>
      <c r="C11286" s="14" t="s">
        <v>35</v>
      </c>
      <c r="D11286" s="14" t="s">
        <v>88</v>
      </c>
      <c r="E11286" s="15">
        <v>45712</v>
      </c>
      <c r="F11286" s="14" t="s">
        <v>61</v>
      </c>
      <c r="G11286" s="16">
        <v>0</v>
      </c>
    </row>
    <row r="11287" spans="1:7" x14ac:dyDescent="0.3">
      <c r="A11287" s="13" t="s">
        <v>87</v>
      </c>
      <c r="B11287" s="14" t="s">
        <v>1</v>
      </c>
      <c r="C11287" s="14" t="s">
        <v>35</v>
      </c>
      <c r="D11287" s="14" t="s">
        <v>88</v>
      </c>
      <c r="E11287" s="15">
        <v>45713</v>
      </c>
      <c r="F11287" s="14" t="s">
        <v>61</v>
      </c>
      <c r="G11287" s="16">
        <v>0</v>
      </c>
    </row>
    <row r="11288" spans="1:7" x14ac:dyDescent="0.3">
      <c r="A11288" s="13" t="s">
        <v>87</v>
      </c>
      <c r="B11288" s="14" t="s">
        <v>1</v>
      </c>
      <c r="C11288" s="14" t="s">
        <v>35</v>
      </c>
      <c r="D11288" s="14" t="s">
        <v>88</v>
      </c>
      <c r="E11288" s="15">
        <v>45714</v>
      </c>
      <c r="F11288" s="14" t="s">
        <v>61</v>
      </c>
      <c r="G11288" s="16">
        <v>0</v>
      </c>
    </row>
    <row r="11289" spans="1:7" x14ac:dyDescent="0.3">
      <c r="A11289" s="13" t="s">
        <v>87</v>
      </c>
      <c r="B11289" s="14" t="s">
        <v>1</v>
      </c>
      <c r="C11289" s="14" t="s">
        <v>35</v>
      </c>
      <c r="D11289" s="14" t="s">
        <v>88</v>
      </c>
      <c r="E11289" s="15">
        <v>45715</v>
      </c>
      <c r="F11289" s="14" t="s">
        <v>61</v>
      </c>
      <c r="G11289" s="16">
        <v>0</v>
      </c>
    </row>
    <row r="11290" spans="1:7" x14ac:dyDescent="0.3">
      <c r="A11290" s="13" t="s">
        <v>87</v>
      </c>
      <c r="B11290" s="14" t="s">
        <v>1</v>
      </c>
      <c r="C11290" s="14" t="s">
        <v>35</v>
      </c>
      <c r="D11290" s="14" t="s">
        <v>88</v>
      </c>
      <c r="E11290" s="15">
        <v>45716</v>
      </c>
      <c r="F11290" s="14" t="s">
        <v>61</v>
      </c>
      <c r="G11290" s="16">
        <v>0</v>
      </c>
    </row>
    <row r="11291" spans="1:7" x14ac:dyDescent="0.3">
      <c r="A11291" s="13" t="s">
        <v>87</v>
      </c>
      <c r="B11291" s="14" t="s">
        <v>1</v>
      </c>
      <c r="C11291" s="14" t="s">
        <v>35</v>
      </c>
      <c r="D11291" s="14" t="s">
        <v>88</v>
      </c>
      <c r="E11291" s="15">
        <v>45717</v>
      </c>
      <c r="F11291" s="14" t="s">
        <v>61</v>
      </c>
      <c r="G11291" s="16">
        <v>0</v>
      </c>
    </row>
    <row r="11292" spans="1:7" x14ac:dyDescent="0.3">
      <c r="A11292" s="13" t="s">
        <v>87</v>
      </c>
      <c r="B11292" s="14" t="s">
        <v>1</v>
      </c>
      <c r="C11292" s="14" t="s">
        <v>35</v>
      </c>
      <c r="D11292" s="14" t="s">
        <v>88</v>
      </c>
      <c r="E11292" s="15">
        <v>45718</v>
      </c>
      <c r="F11292" s="14" t="s">
        <v>61</v>
      </c>
      <c r="G11292" s="16">
        <v>0</v>
      </c>
    </row>
    <row r="11293" spans="1:7" x14ac:dyDescent="0.3">
      <c r="A11293" s="13" t="s">
        <v>87</v>
      </c>
      <c r="B11293" s="14" t="s">
        <v>1</v>
      </c>
      <c r="C11293" s="14" t="s">
        <v>35</v>
      </c>
      <c r="D11293" s="14" t="s">
        <v>88</v>
      </c>
      <c r="E11293" s="15">
        <v>45719</v>
      </c>
      <c r="F11293" s="14" t="s">
        <v>61</v>
      </c>
      <c r="G11293" s="16">
        <v>0</v>
      </c>
    </row>
    <row r="11294" spans="1:7" x14ac:dyDescent="0.3">
      <c r="A11294" s="13" t="s">
        <v>87</v>
      </c>
      <c r="B11294" s="14" t="s">
        <v>1</v>
      </c>
      <c r="C11294" s="14" t="s">
        <v>35</v>
      </c>
      <c r="D11294" s="14" t="s">
        <v>88</v>
      </c>
      <c r="E11294" s="15">
        <v>45720</v>
      </c>
      <c r="F11294" s="14" t="s">
        <v>61</v>
      </c>
      <c r="G11294" s="16">
        <v>0</v>
      </c>
    </row>
    <row r="11295" spans="1:7" x14ac:dyDescent="0.3">
      <c r="A11295" s="13" t="s">
        <v>87</v>
      </c>
      <c r="B11295" s="14" t="s">
        <v>1</v>
      </c>
      <c r="C11295" s="14" t="s">
        <v>35</v>
      </c>
      <c r="D11295" s="14" t="s">
        <v>88</v>
      </c>
      <c r="E11295" s="15">
        <v>45721</v>
      </c>
      <c r="F11295" s="14" t="s">
        <v>61</v>
      </c>
      <c r="G11295" s="16">
        <v>0</v>
      </c>
    </row>
    <row r="11296" spans="1:7" x14ac:dyDescent="0.3">
      <c r="A11296" s="13" t="s">
        <v>87</v>
      </c>
      <c r="B11296" s="14" t="s">
        <v>1</v>
      </c>
      <c r="C11296" s="14" t="s">
        <v>35</v>
      </c>
      <c r="D11296" s="14" t="s">
        <v>88</v>
      </c>
      <c r="E11296" s="15">
        <v>45722</v>
      </c>
      <c r="F11296" s="14" t="s">
        <v>61</v>
      </c>
      <c r="G11296" s="16">
        <v>0</v>
      </c>
    </row>
    <row r="11297" spans="1:7" x14ac:dyDescent="0.3">
      <c r="A11297" s="13" t="s">
        <v>87</v>
      </c>
      <c r="B11297" s="14" t="s">
        <v>1</v>
      </c>
      <c r="C11297" s="14" t="s">
        <v>35</v>
      </c>
      <c r="D11297" s="14" t="s">
        <v>88</v>
      </c>
      <c r="E11297" s="15">
        <v>45723</v>
      </c>
      <c r="F11297" s="14" t="s">
        <v>61</v>
      </c>
      <c r="G11297" s="16">
        <v>0</v>
      </c>
    </row>
    <row r="11298" spans="1:7" x14ac:dyDescent="0.3">
      <c r="A11298" s="13" t="s">
        <v>87</v>
      </c>
      <c r="B11298" s="14" t="s">
        <v>1</v>
      </c>
      <c r="C11298" s="14" t="s">
        <v>35</v>
      </c>
      <c r="D11298" s="14" t="s">
        <v>88</v>
      </c>
      <c r="E11298" s="15">
        <v>45724</v>
      </c>
      <c r="F11298" s="14" t="s">
        <v>61</v>
      </c>
      <c r="G11298" s="16">
        <v>0</v>
      </c>
    </row>
    <row r="11299" spans="1:7" x14ac:dyDescent="0.3">
      <c r="A11299" s="13" t="s">
        <v>87</v>
      </c>
      <c r="B11299" s="14" t="s">
        <v>1</v>
      </c>
      <c r="C11299" s="14" t="s">
        <v>35</v>
      </c>
      <c r="D11299" s="14" t="s">
        <v>88</v>
      </c>
      <c r="E11299" s="15">
        <v>45725</v>
      </c>
      <c r="F11299" s="14" t="s">
        <v>61</v>
      </c>
      <c r="G11299" s="16">
        <v>0</v>
      </c>
    </row>
    <row r="11300" spans="1:7" x14ac:dyDescent="0.3">
      <c r="A11300" s="13" t="s">
        <v>87</v>
      </c>
      <c r="B11300" s="14" t="s">
        <v>1</v>
      </c>
      <c r="C11300" s="14" t="s">
        <v>35</v>
      </c>
      <c r="D11300" s="14" t="s">
        <v>88</v>
      </c>
      <c r="E11300" s="15">
        <v>45726</v>
      </c>
      <c r="F11300" s="14" t="s">
        <v>61</v>
      </c>
      <c r="G11300" s="16">
        <v>0</v>
      </c>
    </row>
    <row r="11301" spans="1:7" x14ac:dyDescent="0.3">
      <c r="A11301" s="13" t="s">
        <v>87</v>
      </c>
      <c r="B11301" s="14" t="s">
        <v>1</v>
      </c>
      <c r="C11301" s="14" t="s">
        <v>35</v>
      </c>
      <c r="D11301" s="14" t="s">
        <v>88</v>
      </c>
      <c r="E11301" s="15">
        <v>45727</v>
      </c>
      <c r="F11301" s="14" t="s">
        <v>61</v>
      </c>
      <c r="G11301" s="16">
        <v>0</v>
      </c>
    </row>
    <row r="11302" spans="1:7" x14ac:dyDescent="0.3">
      <c r="A11302" s="13" t="s">
        <v>87</v>
      </c>
      <c r="B11302" s="14" t="s">
        <v>1</v>
      </c>
      <c r="C11302" s="14" t="s">
        <v>35</v>
      </c>
      <c r="D11302" s="14" t="s">
        <v>88</v>
      </c>
      <c r="E11302" s="15">
        <v>45728</v>
      </c>
      <c r="F11302" s="14" t="s">
        <v>61</v>
      </c>
      <c r="G11302" s="16">
        <v>0</v>
      </c>
    </row>
    <row r="11303" spans="1:7" x14ac:dyDescent="0.3">
      <c r="A11303" s="13" t="s">
        <v>87</v>
      </c>
      <c r="B11303" s="14" t="s">
        <v>1</v>
      </c>
      <c r="C11303" s="14" t="s">
        <v>35</v>
      </c>
      <c r="D11303" s="14" t="s">
        <v>88</v>
      </c>
      <c r="E11303" s="15">
        <v>45729</v>
      </c>
      <c r="F11303" s="14" t="s">
        <v>61</v>
      </c>
      <c r="G11303" s="16">
        <v>0</v>
      </c>
    </row>
    <row r="11304" spans="1:7" x14ac:dyDescent="0.3">
      <c r="A11304" s="13" t="s">
        <v>87</v>
      </c>
      <c r="B11304" s="14" t="s">
        <v>1</v>
      </c>
      <c r="C11304" s="14" t="s">
        <v>35</v>
      </c>
      <c r="D11304" s="14" t="s">
        <v>88</v>
      </c>
      <c r="E11304" s="15">
        <v>45730</v>
      </c>
      <c r="F11304" s="14" t="s">
        <v>61</v>
      </c>
      <c r="G11304" s="16">
        <v>0</v>
      </c>
    </row>
    <row r="11305" spans="1:7" x14ac:dyDescent="0.3">
      <c r="A11305" s="13" t="s">
        <v>87</v>
      </c>
      <c r="B11305" s="14" t="s">
        <v>1</v>
      </c>
      <c r="C11305" s="14" t="s">
        <v>35</v>
      </c>
      <c r="D11305" s="14" t="s">
        <v>88</v>
      </c>
      <c r="E11305" s="15">
        <v>45731</v>
      </c>
      <c r="F11305" s="14" t="s">
        <v>61</v>
      </c>
      <c r="G11305" s="16">
        <v>0</v>
      </c>
    </row>
    <row r="11306" spans="1:7" x14ac:dyDescent="0.3">
      <c r="A11306" s="13" t="s">
        <v>87</v>
      </c>
      <c r="B11306" s="14" t="s">
        <v>1</v>
      </c>
      <c r="C11306" s="14" t="s">
        <v>35</v>
      </c>
      <c r="D11306" s="14" t="s">
        <v>88</v>
      </c>
      <c r="E11306" s="15">
        <v>45732</v>
      </c>
      <c r="F11306" s="14" t="s">
        <v>61</v>
      </c>
      <c r="G11306" s="16">
        <v>0</v>
      </c>
    </row>
    <row r="11307" spans="1:7" x14ac:dyDescent="0.3">
      <c r="A11307" s="13" t="s">
        <v>87</v>
      </c>
      <c r="B11307" s="14" t="s">
        <v>1</v>
      </c>
      <c r="C11307" s="14" t="s">
        <v>35</v>
      </c>
      <c r="D11307" s="14" t="s">
        <v>88</v>
      </c>
      <c r="E11307" s="15">
        <v>45733</v>
      </c>
      <c r="F11307" s="14" t="s">
        <v>61</v>
      </c>
      <c r="G11307" s="16">
        <v>0</v>
      </c>
    </row>
    <row r="11308" spans="1:7" x14ac:dyDescent="0.3">
      <c r="A11308" s="13" t="s">
        <v>87</v>
      </c>
      <c r="B11308" s="14" t="s">
        <v>1</v>
      </c>
      <c r="C11308" s="14" t="s">
        <v>35</v>
      </c>
      <c r="D11308" s="14" t="s">
        <v>88</v>
      </c>
      <c r="E11308" s="15">
        <v>45734</v>
      </c>
      <c r="F11308" s="14" t="s">
        <v>61</v>
      </c>
      <c r="G11308" s="16">
        <v>0</v>
      </c>
    </row>
    <row r="11309" spans="1:7" x14ac:dyDescent="0.3">
      <c r="A11309" s="13" t="s">
        <v>87</v>
      </c>
      <c r="B11309" s="14" t="s">
        <v>1</v>
      </c>
      <c r="C11309" s="14" t="s">
        <v>35</v>
      </c>
      <c r="D11309" s="14" t="s">
        <v>88</v>
      </c>
      <c r="E11309" s="15">
        <v>45735</v>
      </c>
      <c r="F11309" s="14" t="s">
        <v>61</v>
      </c>
      <c r="G11309" s="16">
        <v>0</v>
      </c>
    </row>
    <row r="11310" spans="1:7" x14ac:dyDescent="0.3">
      <c r="A11310" s="13" t="s">
        <v>87</v>
      </c>
      <c r="B11310" s="14" t="s">
        <v>1</v>
      </c>
      <c r="C11310" s="14" t="s">
        <v>35</v>
      </c>
      <c r="D11310" s="14" t="s">
        <v>88</v>
      </c>
      <c r="E11310" s="15">
        <v>45736</v>
      </c>
      <c r="F11310" s="14" t="s">
        <v>61</v>
      </c>
      <c r="G11310" s="16">
        <v>0</v>
      </c>
    </row>
    <row r="11311" spans="1:7" x14ac:dyDescent="0.3">
      <c r="A11311" s="13" t="s">
        <v>87</v>
      </c>
      <c r="B11311" s="14" t="s">
        <v>1</v>
      </c>
      <c r="C11311" s="14" t="s">
        <v>35</v>
      </c>
      <c r="D11311" s="14" t="s">
        <v>88</v>
      </c>
      <c r="E11311" s="15">
        <v>45737</v>
      </c>
      <c r="F11311" s="14" t="s">
        <v>61</v>
      </c>
      <c r="G11311" s="16">
        <v>0</v>
      </c>
    </row>
    <row r="11312" spans="1:7" x14ac:dyDescent="0.3">
      <c r="A11312" s="13" t="s">
        <v>87</v>
      </c>
      <c r="B11312" s="14" t="s">
        <v>1</v>
      </c>
      <c r="C11312" s="14" t="s">
        <v>35</v>
      </c>
      <c r="D11312" s="14" t="s">
        <v>88</v>
      </c>
      <c r="E11312" s="15">
        <v>45738</v>
      </c>
      <c r="F11312" s="14" t="s">
        <v>61</v>
      </c>
      <c r="G11312" s="16">
        <v>0</v>
      </c>
    </row>
    <row r="11313" spans="1:7" x14ac:dyDescent="0.3">
      <c r="A11313" s="13" t="s">
        <v>87</v>
      </c>
      <c r="B11313" s="14" t="s">
        <v>1</v>
      </c>
      <c r="C11313" s="14" t="s">
        <v>35</v>
      </c>
      <c r="D11313" s="14" t="s">
        <v>88</v>
      </c>
      <c r="E11313" s="15">
        <v>45739</v>
      </c>
      <c r="F11313" s="14" t="s">
        <v>61</v>
      </c>
      <c r="G11313" s="16">
        <v>0</v>
      </c>
    </row>
    <row r="11314" spans="1:7" x14ac:dyDescent="0.3">
      <c r="A11314" s="13" t="s">
        <v>87</v>
      </c>
      <c r="B11314" s="14" t="s">
        <v>1</v>
      </c>
      <c r="C11314" s="14" t="s">
        <v>35</v>
      </c>
      <c r="D11314" s="14" t="s">
        <v>88</v>
      </c>
      <c r="E11314" s="15">
        <v>45740</v>
      </c>
      <c r="F11314" s="14" t="s">
        <v>61</v>
      </c>
      <c r="G11314" s="16">
        <v>0</v>
      </c>
    </row>
    <row r="11315" spans="1:7" x14ac:dyDescent="0.3">
      <c r="A11315" s="13" t="s">
        <v>87</v>
      </c>
      <c r="B11315" s="14" t="s">
        <v>1</v>
      </c>
      <c r="C11315" s="14" t="s">
        <v>35</v>
      </c>
      <c r="D11315" s="14" t="s">
        <v>88</v>
      </c>
      <c r="E11315" s="15">
        <v>45741</v>
      </c>
      <c r="F11315" s="14" t="s">
        <v>61</v>
      </c>
      <c r="G11315" s="16">
        <v>0</v>
      </c>
    </row>
    <row r="11316" spans="1:7" x14ac:dyDescent="0.3">
      <c r="A11316" s="13" t="s">
        <v>87</v>
      </c>
      <c r="B11316" s="14" t="s">
        <v>1</v>
      </c>
      <c r="C11316" s="14" t="s">
        <v>35</v>
      </c>
      <c r="D11316" s="14" t="s">
        <v>88</v>
      </c>
      <c r="E11316" s="15">
        <v>45742</v>
      </c>
      <c r="F11316" s="14" t="s">
        <v>61</v>
      </c>
      <c r="G11316" s="16">
        <v>0</v>
      </c>
    </row>
    <row r="11317" spans="1:7" x14ac:dyDescent="0.3">
      <c r="A11317" s="13" t="s">
        <v>87</v>
      </c>
      <c r="B11317" s="14" t="s">
        <v>1</v>
      </c>
      <c r="C11317" s="14" t="s">
        <v>35</v>
      </c>
      <c r="D11317" s="14" t="s">
        <v>88</v>
      </c>
      <c r="E11317" s="15">
        <v>45743</v>
      </c>
      <c r="F11317" s="14" t="s">
        <v>61</v>
      </c>
      <c r="G11317" s="16">
        <v>0</v>
      </c>
    </row>
    <row r="11318" spans="1:7" x14ac:dyDescent="0.3">
      <c r="A11318" s="13" t="s">
        <v>87</v>
      </c>
      <c r="B11318" s="14" t="s">
        <v>1</v>
      </c>
      <c r="C11318" s="14" t="s">
        <v>35</v>
      </c>
      <c r="D11318" s="14" t="s">
        <v>88</v>
      </c>
      <c r="E11318" s="15">
        <v>45744</v>
      </c>
      <c r="F11318" s="14" t="s">
        <v>61</v>
      </c>
      <c r="G11318" s="16">
        <v>0</v>
      </c>
    </row>
    <row r="11319" spans="1:7" x14ac:dyDescent="0.3">
      <c r="A11319" s="13" t="s">
        <v>87</v>
      </c>
      <c r="B11319" s="14" t="s">
        <v>1</v>
      </c>
      <c r="C11319" s="14" t="s">
        <v>35</v>
      </c>
      <c r="D11319" s="14" t="s">
        <v>88</v>
      </c>
      <c r="E11319" s="15">
        <v>45745</v>
      </c>
      <c r="F11319" s="14" t="s">
        <v>61</v>
      </c>
      <c r="G11319" s="16">
        <v>0</v>
      </c>
    </row>
    <row r="11320" spans="1:7" x14ac:dyDescent="0.3">
      <c r="A11320" s="13" t="s">
        <v>87</v>
      </c>
      <c r="B11320" s="14" t="s">
        <v>1</v>
      </c>
      <c r="C11320" s="14" t="s">
        <v>35</v>
      </c>
      <c r="D11320" s="14" t="s">
        <v>88</v>
      </c>
      <c r="E11320" s="15">
        <v>45746</v>
      </c>
      <c r="F11320" s="14" t="s">
        <v>61</v>
      </c>
      <c r="G11320" s="16">
        <v>0</v>
      </c>
    </row>
    <row r="11321" spans="1:7" x14ac:dyDescent="0.3">
      <c r="A11321" s="13" t="s">
        <v>87</v>
      </c>
      <c r="B11321" s="14" t="s">
        <v>1</v>
      </c>
      <c r="C11321" s="14" t="s">
        <v>35</v>
      </c>
      <c r="D11321" s="14" t="s">
        <v>88</v>
      </c>
      <c r="E11321" s="15">
        <v>45747</v>
      </c>
      <c r="F11321" s="14" t="s">
        <v>61</v>
      </c>
      <c r="G11321" s="16">
        <v>0</v>
      </c>
    </row>
    <row r="11322" spans="1:7" x14ac:dyDescent="0.3">
      <c r="A11322" s="13" t="s">
        <v>89</v>
      </c>
      <c r="B11322" s="14" t="s">
        <v>1</v>
      </c>
      <c r="C11322" s="14" t="s">
        <v>23</v>
      </c>
      <c r="D11322" s="14" t="s">
        <v>90</v>
      </c>
      <c r="E11322" s="15">
        <v>45383</v>
      </c>
      <c r="F11322" s="14" t="s">
        <v>15</v>
      </c>
      <c r="G11322" s="16">
        <v>0</v>
      </c>
    </row>
    <row r="11323" spans="1:7" x14ac:dyDescent="0.3">
      <c r="A11323" s="13" t="s">
        <v>89</v>
      </c>
      <c r="B11323" s="14" t="s">
        <v>1</v>
      </c>
      <c r="C11323" s="14" t="s">
        <v>23</v>
      </c>
      <c r="D11323" s="14" t="s">
        <v>90</v>
      </c>
      <c r="E11323" s="15">
        <v>45384</v>
      </c>
      <c r="F11323" s="14" t="s">
        <v>15</v>
      </c>
      <c r="G11323" s="16">
        <v>0</v>
      </c>
    </row>
    <row r="11324" spans="1:7" x14ac:dyDescent="0.3">
      <c r="A11324" s="13" t="s">
        <v>89</v>
      </c>
      <c r="B11324" s="14" t="s">
        <v>1</v>
      </c>
      <c r="C11324" s="14" t="s">
        <v>23</v>
      </c>
      <c r="D11324" s="14" t="s">
        <v>90</v>
      </c>
      <c r="E11324" s="15">
        <v>45385</v>
      </c>
      <c r="F11324" s="14" t="s">
        <v>15</v>
      </c>
      <c r="G11324" s="16">
        <v>7.1741458335276551E-2</v>
      </c>
    </row>
    <row r="11325" spans="1:7" x14ac:dyDescent="0.3">
      <c r="A11325" s="13" t="s">
        <v>89</v>
      </c>
      <c r="B11325" s="14" t="s">
        <v>1</v>
      </c>
      <c r="C11325" s="14" t="s">
        <v>23</v>
      </c>
      <c r="D11325" s="14" t="s">
        <v>90</v>
      </c>
      <c r="E11325" s="15">
        <v>45386</v>
      </c>
      <c r="F11325" s="14" t="s">
        <v>15</v>
      </c>
      <c r="G11325" s="16">
        <v>8.8990916670553102E-2</v>
      </c>
    </row>
    <row r="11326" spans="1:7" x14ac:dyDescent="0.3">
      <c r="A11326" s="13" t="s">
        <v>89</v>
      </c>
      <c r="B11326" s="14" t="s">
        <v>1</v>
      </c>
      <c r="C11326" s="14" t="s">
        <v>23</v>
      </c>
      <c r="D11326" s="14" t="s">
        <v>90</v>
      </c>
      <c r="E11326" s="15">
        <v>45387</v>
      </c>
      <c r="F11326" s="14" t="s">
        <v>15</v>
      </c>
      <c r="G11326" s="16">
        <v>0.11633237500582963</v>
      </c>
    </row>
    <row r="11327" spans="1:7" x14ac:dyDescent="0.3">
      <c r="A11327" s="13" t="s">
        <v>89</v>
      </c>
      <c r="B11327" s="14" t="s">
        <v>1</v>
      </c>
      <c r="C11327" s="14" t="s">
        <v>23</v>
      </c>
      <c r="D11327" s="14" t="s">
        <v>90</v>
      </c>
      <c r="E11327" s="15">
        <v>45388</v>
      </c>
      <c r="F11327" s="14" t="s">
        <v>15</v>
      </c>
      <c r="G11327" s="16">
        <v>0.11633237500582963</v>
      </c>
    </row>
    <row r="11328" spans="1:7" x14ac:dyDescent="0.3">
      <c r="A11328" s="13" t="s">
        <v>89</v>
      </c>
      <c r="B11328" s="14" t="s">
        <v>1</v>
      </c>
      <c r="C11328" s="14" t="s">
        <v>23</v>
      </c>
      <c r="D11328" s="14" t="s">
        <v>90</v>
      </c>
      <c r="E11328" s="15">
        <v>45389</v>
      </c>
      <c r="F11328" s="14" t="s">
        <v>15</v>
      </c>
      <c r="G11328" s="16">
        <v>0.11633237500582963</v>
      </c>
    </row>
    <row r="11329" spans="1:7" x14ac:dyDescent="0.3">
      <c r="A11329" s="13" t="s">
        <v>89</v>
      </c>
      <c r="B11329" s="14" t="s">
        <v>1</v>
      </c>
      <c r="C11329" s="14" t="s">
        <v>23</v>
      </c>
      <c r="D11329" s="14" t="s">
        <v>90</v>
      </c>
      <c r="E11329" s="15">
        <v>45390</v>
      </c>
      <c r="F11329" s="14" t="s">
        <v>15</v>
      </c>
      <c r="G11329" s="16">
        <v>0.13164183334110618</v>
      </c>
    </row>
    <row r="11330" spans="1:7" x14ac:dyDescent="0.3">
      <c r="A11330" s="13" t="s">
        <v>89</v>
      </c>
      <c r="B11330" s="14" t="s">
        <v>1</v>
      </c>
      <c r="C11330" s="14" t="s">
        <v>23</v>
      </c>
      <c r="D11330" s="14" t="s">
        <v>90</v>
      </c>
      <c r="E11330" s="15">
        <v>45391</v>
      </c>
      <c r="F11330" s="14" t="s">
        <v>15</v>
      </c>
      <c r="G11330" s="16">
        <v>0.17749929167638273</v>
      </c>
    </row>
    <row r="11331" spans="1:7" x14ac:dyDescent="0.3">
      <c r="A11331" s="13" t="s">
        <v>89</v>
      </c>
      <c r="B11331" s="14" t="s">
        <v>1</v>
      </c>
      <c r="C11331" s="14" t="s">
        <v>23</v>
      </c>
      <c r="D11331" s="14" t="s">
        <v>90</v>
      </c>
      <c r="E11331" s="15">
        <v>45392</v>
      </c>
      <c r="F11331" s="14" t="s">
        <v>15</v>
      </c>
      <c r="G11331" s="16">
        <v>0.19561675001165926</v>
      </c>
    </row>
    <row r="11332" spans="1:7" x14ac:dyDescent="0.3">
      <c r="A11332" s="13" t="s">
        <v>89</v>
      </c>
      <c r="B11332" s="14" t="s">
        <v>1</v>
      </c>
      <c r="C11332" s="14" t="s">
        <v>23</v>
      </c>
      <c r="D11332" s="14" t="s">
        <v>90</v>
      </c>
      <c r="E11332" s="15">
        <v>45393</v>
      </c>
      <c r="F11332" s="14" t="s">
        <v>15</v>
      </c>
      <c r="G11332" s="16">
        <v>0.21218220834693585</v>
      </c>
    </row>
    <row r="11333" spans="1:7" x14ac:dyDescent="0.3">
      <c r="A11333" s="13" t="s">
        <v>89</v>
      </c>
      <c r="B11333" s="14" t="s">
        <v>1</v>
      </c>
      <c r="C11333" s="14" t="s">
        <v>23</v>
      </c>
      <c r="D11333" s="14" t="s">
        <v>90</v>
      </c>
      <c r="E11333" s="15">
        <v>45394</v>
      </c>
      <c r="F11333" s="14" t="s">
        <v>15</v>
      </c>
      <c r="G11333" s="16">
        <v>0.22747966668221239</v>
      </c>
    </row>
    <row r="11334" spans="1:7" x14ac:dyDescent="0.3">
      <c r="A11334" s="13" t="s">
        <v>89</v>
      </c>
      <c r="B11334" s="14" t="s">
        <v>1</v>
      </c>
      <c r="C11334" s="14" t="s">
        <v>23</v>
      </c>
      <c r="D11334" s="14" t="s">
        <v>90</v>
      </c>
      <c r="E11334" s="15">
        <v>45395</v>
      </c>
      <c r="F11334" s="14" t="s">
        <v>15</v>
      </c>
      <c r="G11334" s="16">
        <v>0.22747966668221239</v>
      </c>
    </row>
    <row r="11335" spans="1:7" x14ac:dyDescent="0.3">
      <c r="A11335" s="13" t="s">
        <v>89</v>
      </c>
      <c r="B11335" s="14" t="s">
        <v>1</v>
      </c>
      <c r="C11335" s="14" t="s">
        <v>23</v>
      </c>
      <c r="D11335" s="14" t="s">
        <v>90</v>
      </c>
      <c r="E11335" s="15">
        <v>45396</v>
      </c>
      <c r="F11335" s="14" t="s">
        <v>15</v>
      </c>
      <c r="G11335" s="16">
        <v>0.22747966668221239</v>
      </c>
    </row>
    <row r="11336" spans="1:7" x14ac:dyDescent="0.3">
      <c r="A11336" s="13" t="s">
        <v>89</v>
      </c>
      <c r="B11336" s="14" t="s">
        <v>1</v>
      </c>
      <c r="C11336" s="14" t="s">
        <v>23</v>
      </c>
      <c r="D11336" s="14" t="s">
        <v>90</v>
      </c>
      <c r="E11336" s="15">
        <v>45397</v>
      </c>
      <c r="F11336" s="14" t="s">
        <v>15</v>
      </c>
      <c r="G11336" s="16">
        <v>0.24403712501748892</v>
      </c>
    </row>
    <row r="11337" spans="1:7" x14ac:dyDescent="0.3">
      <c r="A11337" s="13" t="s">
        <v>89</v>
      </c>
      <c r="B11337" s="14" t="s">
        <v>1</v>
      </c>
      <c r="C11337" s="14" t="s">
        <v>23</v>
      </c>
      <c r="D11337" s="14" t="s">
        <v>90</v>
      </c>
      <c r="E11337" s="15">
        <v>45398</v>
      </c>
      <c r="F11337" s="14" t="s">
        <v>15</v>
      </c>
      <c r="G11337" s="16">
        <v>0.28919458335276543</v>
      </c>
    </row>
    <row r="11338" spans="1:7" x14ac:dyDescent="0.3">
      <c r="A11338" s="13" t="s">
        <v>89</v>
      </c>
      <c r="B11338" s="14" t="s">
        <v>1</v>
      </c>
      <c r="C11338" s="14" t="s">
        <v>23</v>
      </c>
      <c r="D11338" s="14" t="s">
        <v>90</v>
      </c>
      <c r="E11338" s="15">
        <v>45399</v>
      </c>
      <c r="F11338" s="14" t="s">
        <v>15</v>
      </c>
      <c r="G11338" s="16">
        <v>0.30425604168804199</v>
      </c>
    </row>
    <row r="11339" spans="1:7" x14ac:dyDescent="0.3">
      <c r="A11339" s="13" t="s">
        <v>89</v>
      </c>
      <c r="B11339" s="14" t="s">
        <v>1</v>
      </c>
      <c r="C11339" s="14" t="s">
        <v>23</v>
      </c>
      <c r="D11339" s="14" t="s">
        <v>90</v>
      </c>
      <c r="E11339" s="15">
        <v>45400</v>
      </c>
      <c r="F11339" s="14" t="s">
        <v>15</v>
      </c>
      <c r="G11339" s="16">
        <v>0.31932950002331856</v>
      </c>
    </row>
    <row r="11340" spans="1:7" x14ac:dyDescent="0.3">
      <c r="A11340" s="13" t="s">
        <v>89</v>
      </c>
      <c r="B11340" s="14" t="s">
        <v>1</v>
      </c>
      <c r="C11340" s="14" t="s">
        <v>23</v>
      </c>
      <c r="D11340" s="14" t="s">
        <v>90</v>
      </c>
      <c r="E11340" s="15">
        <v>45401</v>
      </c>
      <c r="F11340" s="14" t="s">
        <v>15</v>
      </c>
      <c r="G11340" s="16">
        <v>0.33446295835859507</v>
      </c>
    </row>
    <row r="11341" spans="1:7" x14ac:dyDescent="0.3">
      <c r="A11341" s="13" t="s">
        <v>89</v>
      </c>
      <c r="B11341" s="14" t="s">
        <v>1</v>
      </c>
      <c r="C11341" s="14" t="s">
        <v>23</v>
      </c>
      <c r="D11341" s="14" t="s">
        <v>90</v>
      </c>
      <c r="E11341" s="15">
        <v>45402</v>
      </c>
      <c r="F11341" s="14" t="s">
        <v>15</v>
      </c>
      <c r="G11341" s="16">
        <v>0.33446295835859507</v>
      </c>
    </row>
    <row r="11342" spans="1:7" x14ac:dyDescent="0.3">
      <c r="A11342" s="13" t="s">
        <v>89</v>
      </c>
      <c r="B11342" s="14" t="s">
        <v>1</v>
      </c>
      <c r="C11342" s="14" t="s">
        <v>23</v>
      </c>
      <c r="D11342" s="14" t="s">
        <v>90</v>
      </c>
      <c r="E11342" s="15">
        <v>45403</v>
      </c>
      <c r="F11342" s="14" t="s">
        <v>15</v>
      </c>
      <c r="G11342" s="16">
        <v>0.33446295835859507</v>
      </c>
    </row>
    <row r="11343" spans="1:7" x14ac:dyDescent="0.3">
      <c r="A11343" s="13" t="s">
        <v>89</v>
      </c>
      <c r="B11343" s="14" t="s">
        <v>1</v>
      </c>
      <c r="C11343" s="14" t="s">
        <v>23</v>
      </c>
      <c r="D11343" s="14" t="s">
        <v>90</v>
      </c>
      <c r="E11343" s="15">
        <v>45404</v>
      </c>
      <c r="F11343" s="14" t="s">
        <v>15</v>
      </c>
      <c r="G11343" s="16">
        <v>0.35650041669387167</v>
      </c>
    </row>
    <row r="11344" spans="1:7" x14ac:dyDescent="0.3">
      <c r="A11344" s="13" t="s">
        <v>89</v>
      </c>
      <c r="B11344" s="14" t="s">
        <v>1</v>
      </c>
      <c r="C11344" s="14" t="s">
        <v>23</v>
      </c>
      <c r="D11344" s="14" t="s">
        <v>90</v>
      </c>
      <c r="E11344" s="15">
        <v>45405</v>
      </c>
      <c r="F11344" s="14" t="s">
        <v>15</v>
      </c>
      <c r="G11344" s="16">
        <v>0.39538587502914818</v>
      </c>
    </row>
    <row r="11345" spans="1:7" x14ac:dyDescent="0.3">
      <c r="A11345" s="13" t="s">
        <v>89</v>
      </c>
      <c r="B11345" s="14" t="s">
        <v>1</v>
      </c>
      <c r="C11345" s="14" t="s">
        <v>23</v>
      </c>
      <c r="D11345" s="14" t="s">
        <v>90</v>
      </c>
      <c r="E11345" s="15">
        <v>45406</v>
      </c>
      <c r="F11345" s="14" t="s">
        <v>15</v>
      </c>
      <c r="G11345" s="16">
        <v>0.40780333336442476</v>
      </c>
    </row>
    <row r="11346" spans="1:7" x14ac:dyDescent="0.3">
      <c r="A11346" s="13" t="s">
        <v>89</v>
      </c>
      <c r="B11346" s="14" t="s">
        <v>1</v>
      </c>
      <c r="C11346" s="14" t="s">
        <v>23</v>
      </c>
      <c r="D11346" s="14" t="s">
        <v>90</v>
      </c>
      <c r="E11346" s="15">
        <v>45407</v>
      </c>
      <c r="F11346" s="14" t="s">
        <v>15</v>
      </c>
      <c r="G11346" s="16">
        <v>0.37467679169970136</v>
      </c>
    </row>
    <row r="11347" spans="1:7" x14ac:dyDescent="0.3">
      <c r="A11347" s="13" t="s">
        <v>89</v>
      </c>
      <c r="B11347" s="14" t="s">
        <v>1</v>
      </c>
      <c r="C11347" s="14" t="s">
        <v>23</v>
      </c>
      <c r="D11347" s="14" t="s">
        <v>90</v>
      </c>
      <c r="E11347" s="15">
        <v>45408</v>
      </c>
      <c r="F11347" s="14" t="s">
        <v>15</v>
      </c>
      <c r="G11347" s="16">
        <v>0.38863825003497787</v>
      </c>
    </row>
    <row r="11348" spans="1:7" x14ac:dyDescent="0.3">
      <c r="A11348" s="13" t="s">
        <v>89</v>
      </c>
      <c r="B11348" s="14" t="s">
        <v>1</v>
      </c>
      <c r="C11348" s="14" t="s">
        <v>23</v>
      </c>
      <c r="D11348" s="14" t="s">
        <v>90</v>
      </c>
      <c r="E11348" s="15">
        <v>45409</v>
      </c>
      <c r="F11348" s="14" t="s">
        <v>15</v>
      </c>
      <c r="G11348" s="16">
        <v>0.38863825003497787</v>
      </c>
    </row>
    <row r="11349" spans="1:7" x14ac:dyDescent="0.3">
      <c r="A11349" s="13" t="s">
        <v>89</v>
      </c>
      <c r="B11349" s="14" t="s">
        <v>1</v>
      </c>
      <c r="C11349" s="14" t="s">
        <v>23</v>
      </c>
      <c r="D11349" s="14" t="s">
        <v>90</v>
      </c>
      <c r="E11349" s="15">
        <v>45410</v>
      </c>
      <c r="F11349" s="14" t="s">
        <v>15</v>
      </c>
      <c r="G11349" s="16">
        <v>0.38863825003497787</v>
      </c>
    </row>
    <row r="11350" spans="1:7" x14ac:dyDescent="0.3">
      <c r="A11350" s="13" t="s">
        <v>89</v>
      </c>
      <c r="B11350" s="14" t="s">
        <v>1</v>
      </c>
      <c r="C11350" s="14" t="s">
        <v>23</v>
      </c>
      <c r="D11350" s="14" t="s">
        <v>90</v>
      </c>
      <c r="E11350" s="15">
        <v>45411</v>
      </c>
      <c r="F11350" s="14" t="s">
        <v>15</v>
      </c>
      <c r="G11350" s="16">
        <v>0.4041717083702544</v>
      </c>
    </row>
    <row r="11351" spans="1:7" x14ac:dyDescent="0.3">
      <c r="A11351" s="13" t="s">
        <v>89</v>
      </c>
      <c r="B11351" s="14" t="s">
        <v>1</v>
      </c>
      <c r="C11351" s="14" t="s">
        <v>23</v>
      </c>
      <c r="D11351" s="14" t="s">
        <v>90</v>
      </c>
      <c r="E11351" s="15">
        <v>45412</v>
      </c>
      <c r="F11351" s="14" t="s">
        <v>15</v>
      </c>
      <c r="G11351" s="16">
        <v>0.45090516670553099</v>
      </c>
    </row>
    <row r="11352" spans="1:7" x14ac:dyDescent="0.3">
      <c r="A11352" s="13" t="s">
        <v>89</v>
      </c>
      <c r="B11352" s="14" t="s">
        <v>1</v>
      </c>
      <c r="C11352" s="14" t="s">
        <v>23</v>
      </c>
      <c r="D11352" s="14" t="s">
        <v>90</v>
      </c>
      <c r="E11352" s="15">
        <v>45413</v>
      </c>
      <c r="F11352" s="14" t="s">
        <v>15</v>
      </c>
      <c r="G11352" s="16">
        <v>0.4663666250408075</v>
      </c>
    </row>
    <row r="11353" spans="1:7" x14ac:dyDescent="0.3">
      <c r="A11353" s="13" t="s">
        <v>89</v>
      </c>
      <c r="B11353" s="14" t="s">
        <v>1</v>
      </c>
      <c r="C11353" s="14" t="s">
        <v>23</v>
      </c>
      <c r="D11353" s="14" t="s">
        <v>90</v>
      </c>
      <c r="E11353" s="15">
        <v>45414</v>
      </c>
      <c r="F11353" s="14" t="s">
        <v>15</v>
      </c>
      <c r="G11353" s="16">
        <v>0.48221608337608407</v>
      </c>
    </row>
    <row r="11354" spans="1:7" x14ac:dyDescent="0.3">
      <c r="A11354" s="13" t="s">
        <v>89</v>
      </c>
      <c r="B11354" s="14" t="s">
        <v>1</v>
      </c>
      <c r="C11354" s="14" t="s">
        <v>23</v>
      </c>
      <c r="D11354" s="14" t="s">
        <v>90</v>
      </c>
      <c r="E11354" s="15">
        <v>45415</v>
      </c>
      <c r="F11354" s="14" t="s">
        <v>15</v>
      </c>
      <c r="G11354" s="16">
        <v>0.49779354171136053</v>
      </c>
    </row>
    <row r="11355" spans="1:7" x14ac:dyDescent="0.3">
      <c r="A11355" s="13" t="s">
        <v>89</v>
      </c>
      <c r="B11355" s="14" t="s">
        <v>1</v>
      </c>
      <c r="C11355" s="14" t="s">
        <v>23</v>
      </c>
      <c r="D11355" s="14" t="s">
        <v>90</v>
      </c>
      <c r="E11355" s="15">
        <v>45416</v>
      </c>
      <c r="F11355" s="14" t="s">
        <v>15</v>
      </c>
      <c r="G11355" s="16">
        <v>0.49779354171136053</v>
      </c>
    </row>
    <row r="11356" spans="1:7" x14ac:dyDescent="0.3">
      <c r="A11356" s="13" t="s">
        <v>89</v>
      </c>
      <c r="B11356" s="14" t="s">
        <v>1</v>
      </c>
      <c r="C11356" s="14" t="s">
        <v>23</v>
      </c>
      <c r="D11356" s="14" t="s">
        <v>90</v>
      </c>
      <c r="E11356" s="15">
        <v>45417</v>
      </c>
      <c r="F11356" s="14" t="s">
        <v>15</v>
      </c>
      <c r="G11356" s="16">
        <v>0.49779354171136053</v>
      </c>
    </row>
    <row r="11357" spans="1:7" x14ac:dyDescent="0.3">
      <c r="A11357" s="13" t="s">
        <v>89</v>
      </c>
      <c r="B11357" s="14" t="s">
        <v>1</v>
      </c>
      <c r="C11357" s="14" t="s">
        <v>23</v>
      </c>
      <c r="D11357" s="14" t="s">
        <v>90</v>
      </c>
      <c r="E11357" s="15">
        <v>45418</v>
      </c>
      <c r="F11357" s="14" t="s">
        <v>15</v>
      </c>
      <c r="G11357" s="16">
        <v>0.49779354171136053</v>
      </c>
    </row>
    <row r="11358" spans="1:7" x14ac:dyDescent="0.3">
      <c r="A11358" s="13" t="s">
        <v>89</v>
      </c>
      <c r="B11358" s="14" t="s">
        <v>1</v>
      </c>
      <c r="C11358" s="14" t="s">
        <v>23</v>
      </c>
      <c r="D11358" s="14" t="s">
        <v>90</v>
      </c>
      <c r="E11358" s="15">
        <v>45419</v>
      </c>
      <c r="F11358" s="14" t="s">
        <v>15</v>
      </c>
      <c r="G11358" s="16">
        <v>0.51278300004663702</v>
      </c>
    </row>
    <row r="11359" spans="1:7" x14ac:dyDescent="0.3">
      <c r="A11359" s="13" t="s">
        <v>89</v>
      </c>
      <c r="B11359" s="14" t="s">
        <v>1</v>
      </c>
      <c r="C11359" s="14" t="s">
        <v>23</v>
      </c>
      <c r="D11359" s="14" t="s">
        <v>90</v>
      </c>
      <c r="E11359" s="15">
        <v>45420</v>
      </c>
      <c r="F11359" s="14" t="s">
        <v>15</v>
      </c>
      <c r="G11359" s="16">
        <v>0.58930045838191358</v>
      </c>
    </row>
    <row r="11360" spans="1:7" x14ac:dyDescent="0.3">
      <c r="A11360" s="13" t="s">
        <v>89</v>
      </c>
      <c r="B11360" s="14" t="s">
        <v>1</v>
      </c>
      <c r="C11360" s="14" t="s">
        <v>23</v>
      </c>
      <c r="D11360" s="14" t="s">
        <v>90</v>
      </c>
      <c r="E11360" s="15">
        <v>45421</v>
      </c>
      <c r="F11360" s="14" t="s">
        <v>15</v>
      </c>
      <c r="G11360" s="16">
        <v>0.60487791671719016</v>
      </c>
    </row>
    <row r="11361" spans="1:7" x14ac:dyDescent="0.3">
      <c r="A11361" s="13" t="s">
        <v>89</v>
      </c>
      <c r="B11361" s="14" t="s">
        <v>1</v>
      </c>
      <c r="C11361" s="14" t="s">
        <v>23</v>
      </c>
      <c r="D11361" s="14" t="s">
        <v>90</v>
      </c>
      <c r="E11361" s="15">
        <v>45422</v>
      </c>
      <c r="F11361" s="14" t="s">
        <v>15</v>
      </c>
      <c r="G11361" s="16">
        <v>0.6203153750524667</v>
      </c>
    </row>
    <row r="11362" spans="1:7" x14ac:dyDescent="0.3">
      <c r="A11362" s="13" t="s">
        <v>89</v>
      </c>
      <c r="B11362" s="14" t="s">
        <v>1</v>
      </c>
      <c r="C11362" s="14" t="s">
        <v>23</v>
      </c>
      <c r="D11362" s="14" t="s">
        <v>90</v>
      </c>
      <c r="E11362" s="15">
        <v>45423</v>
      </c>
      <c r="F11362" s="14" t="s">
        <v>15</v>
      </c>
      <c r="G11362" s="16">
        <v>0.6203153750524667</v>
      </c>
    </row>
    <row r="11363" spans="1:7" x14ac:dyDescent="0.3">
      <c r="A11363" s="13" t="s">
        <v>89</v>
      </c>
      <c r="B11363" s="14" t="s">
        <v>1</v>
      </c>
      <c r="C11363" s="14" t="s">
        <v>23</v>
      </c>
      <c r="D11363" s="14" t="s">
        <v>90</v>
      </c>
      <c r="E11363" s="15">
        <v>45424</v>
      </c>
      <c r="F11363" s="14" t="s">
        <v>15</v>
      </c>
      <c r="G11363" s="16">
        <v>0.6203153750524667</v>
      </c>
    </row>
    <row r="11364" spans="1:7" x14ac:dyDescent="0.3">
      <c r="A11364" s="13" t="s">
        <v>89</v>
      </c>
      <c r="B11364" s="14" t="s">
        <v>1</v>
      </c>
      <c r="C11364" s="14" t="s">
        <v>23</v>
      </c>
      <c r="D11364" s="14" t="s">
        <v>90</v>
      </c>
      <c r="E11364" s="15">
        <v>45425</v>
      </c>
      <c r="F11364" s="14" t="s">
        <v>15</v>
      </c>
      <c r="G11364" s="16">
        <v>0.6363768333877432</v>
      </c>
    </row>
    <row r="11365" spans="1:7" x14ac:dyDescent="0.3">
      <c r="A11365" s="13" t="s">
        <v>89</v>
      </c>
      <c r="B11365" s="14" t="s">
        <v>1</v>
      </c>
      <c r="C11365" s="14" t="s">
        <v>23</v>
      </c>
      <c r="D11365" s="14" t="s">
        <v>90</v>
      </c>
      <c r="E11365" s="15">
        <v>45426</v>
      </c>
      <c r="F11365" s="14" t="s">
        <v>15</v>
      </c>
      <c r="G11365" s="16">
        <v>0.68434229172301975</v>
      </c>
    </row>
    <row r="11366" spans="1:7" x14ac:dyDescent="0.3">
      <c r="A11366" s="13" t="s">
        <v>89</v>
      </c>
      <c r="B11366" s="14" t="s">
        <v>1</v>
      </c>
      <c r="C11366" s="14" t="s">
        <v>23</v>
      </c>
      <c r="D11366" s="14" t="s">
        <v>90</v>
      </c>
      <c r="E11366" s="15">
        <v>45427</v>
      </c>
      <c r="F11366" s="14" t="s">
        <v>15</v>
      </c>
      <c r="G11366" s="16">
        <v>0.69975975005829627</v>
      </c>
    </row>
    <row r="11367" spans="1:7" x14ac:dyDescent="0.3">
      <c r="A11367" s="13" t="s">
        <v>89</v>
      </c>
      <c r="B11367" s="14" t="s">
        <v>1</v>
      </c>
      <c r="C11367" s="14" t="s">
        <v>23</v>
      </c>
      <c r="D11367" s="14" t="s">
        <v>90</v>
      </c>
      <c r="E11367" s="15">
        <v>45428</v>
      </c>
      <c r="F11367" s="14" t="s">
        <v>15</v>
      </c>
      <c r="G11367" s="16">
        <v>0.71540520839357291</v>
      </c>
    </row>
    <row r="11368" spans="1:7" x14ac:dyDescent="0.3">
      <c r="A11368" s="13" t="s">
        <v>89</v>
      </c>
      <c r="B11368" s="14" t="s">
        <v>1</v>
      </c>
      <c r="C11368" s="14" t="s">
        <v>23</v>
      </c>
      <c r="D11368" s="14" t="s">
        <v>90</v>
      </c>
      <c r="E11368" s="15">
        <v>45429</v>
      </c>
      <c r="F11368" s="14" t="s">
        <v>15</v>
      </c>
      <c r="G11368" s="16">
        <v>0.73104666672884944</v>
      </c>
    </row>
    <row r="11369" spans="1:7" x14ac:dyDescent="0.3">
      <c r="A11369" s="13" t="s">
        <v>89</v>
      </c>
      <c r="B11369" s="14" t="s">
        <v>1</v>
      </c>
      <c r="C11369" s="14" t="s">
        <v>23</v>
      </c>
      <c r="D11369" s="14" t="s">
        <v>90</v>
      </c>
      <c r="E11369" s="15">
        <v>45430</v>
      </c>
      <c r="F11369" s="14" t="s">
        <v>15</v>
      </c>
      <c r="G11369" s="16">
        <v>0.73104666672884944</v>
      </c>
    </row>
    <row r="11370" spans="1:7" x14ac:dyDescent="0.3">
      <c r="A11370" s="13" t="s">
        <v>89</v>
      </c>
      <c r="B11370" s="14" t="s">
        <v>1</v>
      </c>
      <c r="C11370" s="14" t="s">
        <v>23</v>
      </c>
      <c r="D11370" s="14" t="s">
        <v>90</v>
      </c>
      <c r="E11370" s="15">
        <v>45431</v>
      </c>
      <c r="F11370" s="14" t="s">
        <v>15</v>
      </c>
      <c r="G11370" s="16">
        <v>0.73104666672884944</v>
      </c>
    </row>
    <row r="11371" spans="1:7" x14ac:dyDescent="0.3">
      <c r="A11371" s="13" t="s">
        <v>89</v>
      </c>
      <c r="B11371" s="14" t="s">
        <v>1</v>
      </c>
      <c r="C11371" s="14" t="s">
        <v>23</v>
      </c>
      <c r="D11371" s="14" t="s">
        <v>90</v>
      </c>
      <c r="E11371" s="15">
        <v>45432</v>
      </c>
      <c r="F11371" s="14" t="s">
        <v>15</v>
      </c>
      <c r="G11371" s="16">
        <v>0.74687612506412593</v>
      </c>
    </row>
    <row r="11372" spans="1:7" x14ac:dyDescent="0.3">
      <c r="A11372" s="13" t="s">
        <v>89</v>
      </c>
      <c r="B11372" s="14" t="s">
        <v>1</v>
      </c>
      <c r="C11372" s="14" t="s">
        <v>23</v>
      </c>
      <c r="D11372" s="14" t="s">
        <v>90</v>
      </c>
      <c r="E11372" s="15">
        <v>45433</v>
      </c>
      <c r="F11372" s="14" t="s">
        <v>15</v>
      </c>
      <c r="G11372" s="16">
        <v>0.79394558339940247</v>
      </c>
    </row>
    <row r="11373" spans="1:7" x14ac:dyDescent="0.3">
      <c r="A11373" s="13" t="s">
        <v>89</v>
      </c>
      <c r="B11373" s="14" t="s">
        <v>1</v>
      </c>
      <c r="C11373" s="14" t="s">
        <v>23</v>
      </c>
      <c r="D11373" s="14" t="s">
        <v>90</v>
      </c>
      <c r="E11373" s="15">
        <v>45434</v>
      </c>
      <c r="F11373" s="14" t="s">
        <v>15</v>
      </c>
      <c r="G11373" s="16">
        <v>0.80958704173467899</v>
      </c>
    </row>
    <row r="11374" spans="1:7" x14ac:dyDescent="0.3">
      <c r="A11374" s="13" t="s">
        <v>89</v>
      </c>
      <c r="B11374" s="14" t="s">
        <v>1</v>
      </c>
      <c r="C11374" s="14" t="s">
        <v>23</v>
      </c>
      <c r="D11374" s="14" t="s">
        <v>90</v>
      </c>
      <c r="E11374" s="15">
        <v>45435</v>
      </c>
      <c r="F11374" s="14" t="s">
        <v>15</v>
      </c>
      <c r="G11374" s="16">
        <v>0.82765250006995561</v>
      </c>
    </row>
    <row r="11375" spans="1:7" x14ac:dyDescent="0.3">
      <c r="A11375" s="13" t="s">
        <v>89</v>
      </c>
      <c r="B11375" s="14" t="s">
        <v>1</v>
      </c>
      <c r="C11375" s="14" t="s">
        <v>23</v>
      </c>
      <c r="D11375" s="14" t="s">
        <v>90</v>
      </c>
      <c r="E11375" s="15">
        <v>45436</v>
      </c>
      <c r="F11375" s="14" t="s">
        <v>15</v>
      </c>
      <c r="G11375" s="16">
        <v>0.84301795840523208</v>
      </c>
    </row>
    <row r="11376" spans="1:7" x14ac:dyDescent="0.3">
      <c r="A11376" s="13" t="s">
        <v>89</v>
      </c>
      <c r="B11376" s="14" t="s">
        <v>1</v>
      </c>
      <c r="C11376" s="14" t="s">
        <v>23</v>
      </c>
      <c r="D11376" s="14" t="s">
        <v>90</v>
      </c>
      <c r="E11376" s="15">
        <v>45437</v>
      </c>
      <c r="F11376" s="14" t="s">
        <v>15</v>
      </c>
      <c r="G11376" s="16">
        <v>0.84301795840523208</v>
      </c>
    </row>
    <row r="11377" spans="1:7" x14ac:dyDescent="0.3">
      <c r="A11377" s="13" t="s">
        <v>89</v>
      </c>
      <c r="B11377" s="14" t="s">
        <v>1</v>
      </c>
      <c r="C11377" s="14" t="s">
        <v>23</v>
      </c>
      <c r="D11377" s="14" t="s">
        <v>90</v>
      </c>
      <c r="E11377" s="15">
        <v>45438</v>
      </c>
      <c r="F11377" s="14" t="s">
        <v>15</v>
      </c>
      <c r="G11377" s="16">
        <v>0.84301795840523208</v>
      </c>
    </row>
    <row r="11378" spans="1:7" x14ac:dyDescent="0.3">
      <c r="A11378" s="13" t="s">
        <v>89</v>
      </c>
      <c r="B11378" s="14" t="s">
        <v>1</v>
      </c>
      <c r="C11378" s="14" t="s">
        <v>23</v>
      </c>
      <c r="D11378" s="14" t="s">
        <v>90</v>
      </c>
      <c r="E11378" s="15">
        <v>45439</v>
      </c>
      <c r="F11378" s="14" t="s">
        <v>15</v>
      </c>
      <c r="G11378" s="16">
        <v>0.84301795840523208</v>
      </c>
    </row>
    <row r="11379" spans="1:7" x14ac:dyDescent="0.3">
      <c r="A11379" s="13" t="s">
        <v>89</v>
      </c>
      <c r="B11379" s="14" t="s">
        <v>1</v>
      </c>
      <c r="C11379" s="14" t="s">
        <v>23</v>
      </c>
      <c r="D11379" s="14" t="s">
        <v>90</v>
      </c>
      <c r="E11379" s="15">
        <v>45440</v>
      </c>
      <c r="F11379" s="14" t="s">
        <v>15</v>
      </c>
      <c r="G11379" s="16">
        <v>0.85831941674050871</v>
      </c>
    </row>
    <row r="11380" spans="1:7" x14ac:dyDescent="0.3">
      <c r="A11380" s="13" t="s">
        <v>89</v>
      </c>
      <c r="B11380" s="14" t="s">
        <v>1</v>
      </c>
      <c r="C11380" s="14" t="s">
        <v>23</v>
      </c>
      <c r="D11380" s="14" t="s">
        <v>90</v>
      </c>
      <c r="E11380" s="15">
        <v>45441</v>
      </c>
      <c r="F11380" s="14" t="s">
        <v>15</v>
      </c>
      <c r="G11380" s="16">
        <v>0.91520087507578518</v>
      </c>
    </row>
    <row r="11381" spans="1:7" x14ac:dyDescent="0.3">
      <c r="A11381" s="13" t="s">
        <v>89</v>
      </c>
      <c r="B11381" s="14" t="s">
        <v>1</v>
      </c>
      <c r="C11381" s="14" t="s">
        <v>23</v>
      </c>
      <c r="D11381" s="14" t="s">
        <v>90</v>
      </c>
      <c r="E11381" s="15">
        <v>45442</v>
      </c>
      <c r="F11381" s="14" t="s">
        <v>15</v>
      </c>
      <c r="G11381" s="16">
        <v>0.93232633341106175</v>
      </c>
    </row>
    <row r="11382" spans="1:7" x14ac:dyDescent="0.3">
      <c r="A11382" s="13" t="s">
        <v>89</v>
      </c>
      <c r="B11382" s="14" t="s">
        <v>1</v>
      </c>
      <c r="C11382" s="14" t="s">
        <v>23</v>
      </c>
      <c r="D11382" s="14" t="s">
        <v>90</v>
      </c>
      <c r="E11382" s="15">
        <v>45443</v>
      </c>
      <c r="F11382" s="14" t="s">
        <v>15</v>
      </c>
      <c r="G11382" s="16">
        <v>0.94280379174633833</v>
      </c>
    </row>
    <row r="11383" spans="1:7" x14ac:dyDescent="0.3">
      <c r="A11383" s="13" t="s">
        <v>89</v>
      </c>
      <c r="B11383" s="14" t="s">
        <v>1</v>
      </c>
      <c r="C11383" s="14" t="s">
        <v>23</v>
      </c>
      <c r="D11383" s="14" t="s">
        <v>90</v>
      </c>
      <c r="E11383" s="15">
        <v>45444</v>
      </c>
      <c r="F11383" s="14" t="s">
        <v>15</v>
      </c>
      <c r="G11383" s="16">
        <v>0.94280379174633833</v>
      </c>
    </row>
    <row r="11384" spans="1:7" x14ac:dyDescent="0.3">
      <c r="A11384" s="13" t="s">
        <v>89</v>
      </c>
      <c r="B11384" s="14" t="s">
        <v>1</v>
      </c>
      <c r="C11384" s="14" t="s">
        <v>23</v>
      </c>
      <c r="D11384" s="14" t="s">
        <v>90</v>
      </c>
      <c r="E11384" s="15">
        <v>45445</v>
      </c>
      <c r="F11384" s="14" t="s">
        <v>15</v>
      </c>
      <c r="G11384" s="16">
        <v>0.94280379174633833</v>
      </c>
    </row>
    <row r="11385" spans="1:7" x14ac:dyDescent="0.3">
      <c r="A11385" s="13" t="s">
        <v>89</v>
      </c>
      <c r="B11385" s="14" t="s">
        <v>1</v>
      </c>
      <c r="C11385" s="14" t="s">
        <v>23</v>
      </c>
      <c r="D11385" s="14" t="s">
        <v>90</v>
      </c>
      <c r="E11385" s="15">
        <v>45446</v>
      </c>
      <c r="F11385" s="14" t="s">
        <v>15</v>
      </c>
      <c r="G11385" s="16">
        <v>0.94280379174633833</v>
      </c>
    </row>
    <row r="11386" spans="1:7" x14ac:dyDescent="0.3">
      <c r="A11386" s="13" t="s">
        <v>89</v>
      </c>
      <c r="B11386" s="14" t="s">
        <v>1</v>
      </c>
      <c r="C11386" s="14" t="s">
        <v>23</v>
      </c>
      <c r="D11386" s="14" t="s">
        <v>90</v>
      </c>
      <c r="E11386" s="15">
        <v>45447</v>
      </c>
      <c r="F11386" s="14" t="s">
        <v>15</v>
      </c>
      <c r="G11386" s="16">
        <v>0.96106125008161492</v>
      </c>
    </row>
    <row r="11387" spans="1:7" x14ac:dyDescent="0.3">
      <c r="A11387" s="13" t="s">
        <v>89</v>
      </c>
      <c r="B11387" s="14" t="s">
        <v>1</v>
      </c>
      <c r="C11387" s="14" t="s">
        <v>23</v>
      </c>
      <c r="D11387" s="14" t="s">
        <v>90</v>
      </c>
      <c r="E11387" s="15">
        <v>45448</v>
      </c>
      <c r="F11387" s="14" t="s">
        <v>15</v>
      </c>
      <c r="G11387" s="16">
        <v>1.0270387084168915</v>
      </c>
    </row>
    <row r="11388" spans="1:7" x14ac:dyDescent="0.3">
      <c r="A11388" s="13" t="s">
        <v>89</v>
      </c>
      <c r="B11388" s="14" t="s">
        <v>1</v>
      </c>
      <c r="C11388" s="14" t="s">
        <v>23</v>
      </c>
      <c r="D11388" s="14" t="s">
        <v>90</v>
      </c>
      <c r="E11388" s="15">
        <v>45449</v>
      </c>
      <c r="F11388" s="14" t="s">
        <v>15</v>
      </c>
      <c r="G11388" s="16">
        <v>1.0419441667521681</v>
      </c>
    </row>
    <row r="11389" spans="1:7" x14ac:dyDescent="0.3">
      <c r="A11389" s="13" t="s">
        <v>89</v>
      </c>
      <c r="B11389" s="14" t="s">
        <v>1</v>
      </c>
      <c r="C11389" s="14" t="s">
        <v>23</v>
      </c>
      <c r="D11389" s="14" t="s">
        <v>90</v>
      </c>
      <c r="E11389" s="15">
        <v>45450</v>
      </c>
      <c r="F11389" s="14" t="s">
        <v>15</v>
      </c>
      <c r="G11389" s="16">
        <v>1.0766296250874445</v>
      </c>
    </row>
    <row r="11390" spans="1:7" x14ac:dyDescent="0.3">
      <c r="A11390" s="13" t="s">
        <v>89</v>
      </c>
      <c r="B11390" s="14" t="s">
        <v>1</v>
      </c>
      <c r="C11390" s="14" t="s">
        <v>23</v>
      </c>
      <c r="D11390" s="14" t="s">
        <v>90</v>
      </c>
      <c r="E11390" s="15">
        <v>45451</v>
      </c>
      <c r="F11390" s="14" t="s">
        <v>15</v>
      </c>
      <c r="G11390" s="16">
        <v>1.0766296250874445</v>
      </c>
    </row>
    <row r="11391" spans="1:7" x14ac:dyDescent="0.3">
      <c r="A11391" s="13" t="s">
        <v>89</v>
      </c>
      <c r="B11391" s="14" t="s">
        <v>1</v>
      </c>
      <c r="C11391" s="14" t="s">
        <v>23</v>
      </c>
      <c r="D11391" s="14" t="s">
        <v>90</v>
      </c>
      <c r="E11391" s="15">
        <v>45452</v>
      </c>
      <c r="F11391" s="14" t="s">
        <v>15</v>
      </c>
      <c r="G11391" s="16">
        <v>1.0766296250874445</v>
      </c>
    </row>
    <row r="11392" spans="1:7" x14ac:dyDescent="0.3">
      <c r="A11392" s="13" t="s">
        <v>89</v>
      </c>
      <c r="B11392" s="14" t="s">
        <v>1</v>
      </c>
      <c r="C11392" s="14" t="s">
        <v>23</v>
      </c>
      <c r="D11392" s="14" t="s">
        <v>90</v>
      </c>
      <c r="E11392" s="15">
        <v>45453</v>
      </c>
      <c r="F11392" s="14" t="s">
        <v>15</v>
      </c>
      <c r="G11392" s="16">
        <v>1.0914950834227211</v>
      </c>
    </row>
    <row r="11393" spans="1:7" x14ac:dyDescent="0.3">
      <c r="A11393" s="13" t="s">
        <v>89</v>
      </c>
      <c r="B11393" s="14" t="s">
        <v>1</v>
      </c>
      <c r="C11393" s="14" t="s">
        <v>23</v>
      </c>
      <c r="D11393" s="14" t="s">
        <v>90</v>
      </c>
      <c r="E11393" s="15">
        <v>45454</v>
      </c>
      <c r="F11393" s="14" t="s">
        <v>15</v>
      </c>
      <c r="G11393" s="16">
        <v>1.1361085417579977</v>
      </c>
    </row>
    <row r="11394" spans="1:7" x14ac:dyDescent="0.3">
      <c r="A11394" s="13" t="s">
        <v>89</v>
      </c>
      <c r="B11394" s="14" t="s">
        <v>1</v>
      </c>
      <c r="C11394" s="14" t="s">
        <v>23</v>
      </c>
      <c r="D11394" s="14" t="s">
        <v>90</v>
      </c>
      <c r="E11394" s="15">
        <v>45455</v>
      </c>
      <c r="F11394" s="14" t="s">
        <v>15</v>
      </c>
      <c r="G11394" s="16">
        <v>1.1510180000932742</v>
      </c>
    </row>
    <row r="11395" spans="1:7" x14ac:dyDescent="0.3">
      <c r="A11395" s="13" t="s">
        <v>89</v>
      </c>
      <c r="B11395" s="14" t="s">
        <v>1</v>
      </c>
      <c r="C11395" s="14" t="s">
        <v>23</v>
      </c>
      <c r="D11395" s="14" t="s">
        <v>90</v>
      </c>
      <c r="E11395" s="15">
        <v>45456</v>
      </c>
      <c r="F11395" s="14" t="s">
        <v>15</v>
      </c>
      <c r="G11395" s="16">
        <v>1.1653554584285506</v>
      </c>
    </row>
    <row r="11396" spans="1:7" x14ac:dyDescent="0.3">
      <c r="A11396" s="13" t="s">
        <v>89</v>
      </c>
      <c r="B11396" s="14" t="s">
        <v>1</v>
      </c>
      <c r="C11396" s="14" t="s">
        <v>23</v>
      </c>
      <c r="D11396" s="14" t="s">
        <v>90</v>
      </c>
      <c r="E11396" s="15">
        <v>45457</v>
      </c>
      <c r="F11396" s="14" t="s">
        <v>15</v>
      </c>
      <c r="G11396" s="16">
        <v>1.1817209167638272</v>
      </c>
    </row>
    <row r="11397" spans="1:7" x14ac:dyDescent="0.3">
      <c r="A11397" s="13" t="s">
        <v>89</v>
      </c>
      <c r="B11397" s="14" t="s">
        <v>1</v>
      </c>
      <c r="C11397" s="14" t="s">
        <v>23</v>
      </c>
      <c r="D11397" s="14" t="s">
        <v>90</v>
      </c>
      <c r="E11397" s="15">
        <v>45458</v>
      </c>
      <c r="F11397" s="14" t="s">
        <v>15</v>
      </c>
      <c r="G11397" s="16">
        <v>1.1817209167638272</v>
      </c>
    </row>
    <row r="11398" spans="1:7" x14ac:dyDescent="0.3">
      <c r="A11398" s="13" t="s">
        <v>89</v>
      </c>
      <c r="B11398" s="14" t="s">
        <v>1</v>
      </c>
      <c r="C11398" s="14" t="s">
        <v>23</v>
      </c>
      <c r="D11398" s="14" t="s">
        <v>90</v>
      </c>
      <c r="E11398" s="15">
        <v>45459</v>
      </c>
      <c r="F11398" s="14" t="s">
        <v>15</v>
      </c>
      <c r="G11398" s="16">
        <v>1.1817209167638272</v>
      </c>
    </row>
    <row r="11399" spans="1:7" x14ac:dyDescent="0.3">
      <c r="A11399" s="13" t="s">
        <v>89</v>
      </c>
      <c r="B11399" s="14" t="s">
        <v>1</v>
      </c>
      <c r="C11399" s="14" t="s">
        <v>23</v>
      </c>
      <c r="D11399" s="14" t="s">
        <v>90</v>
      </c>
      <c r="E11399" s="15">
        <v>45460</v>
      </c>
      <c r="F11399" s="14" t="s">
        <v>15</v>
      </c>
      <c r="G11399" s="16">
        <v>1.1967183750991037</v>
      </c>
    </row>
    <row r="11400" spans="1:7" x14ac:dyDescent="0.3">
      <c r="A11400" s="13" t="s">
        <v>89</v>
      </c>
      <c r="B11400" s="14" t="s">
        <v>1</v>
      </c>
      <c r="C11400" s="14" t="s">
        <v>23</v>
      </c>
      <c r="D11400" s="14" t="s">
        <v>90</v>
      </c>
      <c r="E11400" s="15">
        <v>45461</v>
      </c>
      <c r="F11400" s="14" t="s">
        <v>15</v>
      </c>
      <c r="G11400" s="16">
        <v>1.2417198334343802</v>
      </c>
    </row>
    <row r="11401" spans="1:7" x14ac:dyDescent="0.3">
      <c r="A11401" s="13" t="s">
        <v>89</v>
      </c>
      <c r="B11401" s="14" t="s">
        <v>1</v>
      </c>
      <c r="C11401" s="14" t="s">
        <v>23</v>
      </c>
      <c r="D11401" s="14" t="s">
        <v>90</v>
      </c>
      <c r="E11401" s="15">
        <v>45462</v>
      </c>
      <c r="F11401" s="14" t="s">
        <v>15</v>
      </c>
      <c r="G11401" s="16">
        <v>1.2417198334343802</v>
      </c>
    </row>
    <row r="11402" spans="1:7" x14ac:dyDescent="0.3">
      <c r="A11402" s="13" t="s">
        <v>89</v>
      </c>
      <c r="B11402" s="14" t="s">
        <v>1</v>
      </c>
      <c r="C11402" s="14" t="s">
        <v>23</v>
      </c>
      <c r="D11402" s="14" t="s">
        <v>90</v>
      </c>
      <c r="E11402" s="15">
        <v>45463</v>
      </c>
      <c r="F11402" s="14" t="s">
        <v>15</v>
      </c>
      <c r="G11402" s="16">
        <v>1.2567492917696568</v>
      </c>
    </row>
    <row r="11403" spans="1:7" x14ac:dyDescent="0.3">
      <c r="A11403" s="13" t="s">
        <v>89</v>
      </c>
      <c r="B11403" s="14" t="s">
        <v>1</v>
      </c>
      <c r="C11403" s="14" t="s">
        <v>23</v>
      </c>
      <c r="D11403" s="14" t="s">
        <v>90</v>
      </c>
      <c r="E11403" s="15">
        <v>45464</v>
      </c>
      <c r="F11403" s="14" t="s">
        <v>15</v>
      </c>
      <c r="G11403" s="16">
        <v>1.2882787501049331</v>
      </c>
    </row>
    <row r="11404" spans="1:7" x14ac:dyDescent="0.3">
      <c r="A11404" s="13" t="s">
        <v>89</v>
      </c>
      <c r="B11404" s="14" t="s">
        <v>1</v>
      </c>
      <c r="C11404" s="14" t="s">
        <v>23</v>
      </c>
      <c r="D11404" s="14" t="s">
        <v>90</v>
      </c>
      <c r="E11404" s="15">
        <v>45465</v>
      </c>
      <c r="F11404" s="14" t="s">
        <v>15</v>
      </c>
      <c r="G11404" s="16">
        <v>1.2882787501049331</v>
      </c>
    </row>
    <row r="11405" spans="1:7" x14ac:dyDescent="0.3">
      <c r="A11405" s="13" t="s">
        <v>89</v>
      </c>
      <c r="B11405" s="14" t="s">
        <v>1</v>
      </c>
      <c r="C11405" s="14" t="s">
        <v>23</v>
      </c>
      <c r="D11405" s="14" t="s">
        <v>90</v>
      </c>
      <c r="E11405" s="15">
        <v>45466</v>
      </c>
      <c r="F11405" s="14" t="s">
        <v>15</v>
      </c>
      <c r="G11405" s="16">
        <v>1.2882787501049331</v>
      </c>
    </row>
    <row r="11406" spans="1:7" x14ac:dyDescent="0.3">
      <c r="A11406" s="13" t="s">
        <v>89</v>
      </c>
      <c r="B11406" s="14" t="s">
        <v>1</v>
      </c>
      <c r="C11406" s="14" t="s">
        <v>23</v>
      </c>
      <c r="D11406" s="14" t="s">
        <v>90</v>
      </c>
      <c r="E11406" s="15">
        <v>45467</v>
      </c>
      <c r="F11406" s="14" t="s">
        <v>15</v>
      </c>
      <c r="G11406" s="16">
        <v>1.3032202084402098</v>
      </c>
    </row>
    <row r="11407" spans="1:7" x14ac:dyDescent="0.3">
      <c r="A11407" s="13" t="s">
        <v>89</v>
      </c>
      <c r="B11407" s="14" t="s">
        <v>1</v>
      </c>
      <c r="C11407" s="14" t="s">
        <v>23</v>
      </c>
      <c r="D11407" s="14" t="s">
        <v>90</v>
      </c>
      <c r="E11407" s="15">
        <v>45468</v>
      </c>
      <c r="F11407" s="14" t="s">
        <v>15</v>
      </c>
      <c r="G11407" s="16">
        <v>1.3505936667754863</v>
      </c>
    </row>
    <row r="11408" spans="1:7" x14ac:dyDescent="0.3">
      <c r="A11408" s="13" t="s">
        <v>89</v>
      </c>
      <c r="B11408" s="14" t="s">
        <v>1</v>
      </c>
      <c r="C11408" s="14" t="s">
        <v>23</v>
      </c>
      <c r="D11408" s="14" t="s">
        <v>90</v>
      </c>
      <c r="E11408" s="15">
        <v>45469</v>
      </c>
      <c r="F11408" s="14" t="s">
        <v>15</v>
      </c>
      <c r="G11408" s="16">
        <v>1.3644151251107628</v>
      </c>
    </row>
    <row r="11409" spans="1:7" x14ac:dyDescent="0.3">
      <c r="A11409" s="13" t="s">
        <v>89</v>
      </c>
      <c r="B11409" s="14" t="s">
        <v>1</v>
      </c>
      <c r="C11409" s="14" t="s">
        <v>23</v>
      </c>
      <c r="D11409" s="14" t="s">
        <v>90</v>
      </c>
      <c r="E11409" s="15">
        <v>45470</v>
      </c>
      <c r="F11409" s="14" t="s">
        <v>15</v>
      </c>
      <c r="G11409" s="16">
        <v>1.3792445834460392</v>
      </c>
    </row>
    <row r="11410" spans="1:7" x14ac:dyDescent="0.3">
      <c r="A11410" s="13" t="s">
        <v>89</v>
      </c>
      <c r="B11410" s="14" t="s">
        <v>1</v>
      </c>
      <c r="C11410" s="14" t="s">
        <v>23</v>
      </c>
      <c r="D11410" s="14" t="s">
        <v>90</v>
      </c>
      <c r="E11410" s="15">
        <v>45471</v>
      </c>
      <c r="F11410" s="14" t="s">
        <v>15</v>
      </c>
      <c r="G11410" s="16">
        <v>1.3941300417813158</v>
      </c>
    </row>
    <row r="11411" spans="1:7" x14ac:dyDescent="0.3">
      <c r="A11411" s="13" t="s">
        <v>89</v>
      </c>
      <c r="B11411" s="14" t="s">
        <v>1</v>
      </c>
      <c r="C11411" s="14" t="s">
        <v>23</v>
      </c>
      <c r="D11411" s="14" t="s">
        <v>90</v>
      </c>
      <c r="E11411" s="15">
        <v>45472</v>
      </c>
      <c r="F11411" s="14" t="s">
        <v>15</v>
      </c>
      <c r="G11411" s="16">
        <v>1.3941300417813158</v>
      </c>
    </row>
    <row r="11412" spans="1:7" x14ac:dyDescent="0.3">
      <c r="A11412" s="13" t="s">
        <v>89</v>
      </c>
      <c r="B11412" s="14" t="s">
        <v>1</v>
      </c>
      <c r="C11412" s="14" t="s">
        <v>23</v>
      </c>
      <c r="D11412" s="14" t="s">
        <v>90</v>
      </c>
      <c r="E11412" s="15">
        <v>45473</v>
      </c>
      <c r="F11412" s="14" t="s">
        <v>15</v>
      </c>
      <c r="G11412" s="16">
        <v>1.3941300417813158</v>
      </c>
    </row>
    <row r="11413" spans="1:7" x14ac:dyDescent="0.3">
      <c r="A11413" s="13" t="s">
        <v>89</v>
      </c>
      <c r="B11413" s="14" t="s">
        <v>1</v>
      </c>
      <c r="C11413" s="14" t="s">
        <v>23</v>
      </c>
      <c r="D11413" s="14" t="s">
        <v>90</v>
      </c>
      <c r="E11413" s="15">
        <v>45474</v>
      </c>
      <c r="F11413" s="14" t="s">
        <v>15</v>
      </c>
      <c r="G11413" s="16">
        <v>1.4091475001165923</v>
      </c>
    </row>
    <row r="11414" spans="1:7" x14ac:dyDescent="0.3">
      <c r="A11414" s="13" t="s">
        <v>89</v>
      </c>
      <c r="B11414" s="14" t="s">
        <v>1</v>
      </c>
      <c r="C11414" s="14" t="s">
        <v>23</v>
      </c>
      <c r="D11414" s="14" t="s">
        <v>90</v>
      </c>
      <c r="E11414" s="15">
        <v>45475</v>
      </c>
      <c r="F11414" s="14" t="s">
        <v>15</v>
      </c>
      <c r="G11414" s="16">
        <v>1.4548209584518688</v>
      </c>
    </row>
    <row r="11415" spans="1:7" x14ac:dyDescent="0.3">
      <c r="A11415" s="13" t="s">
        <v>89</v>
      </c>
      <c r="B11415" s="14" t="s">
        <v>1</v>
      </c>
      <c r="C11415" s="14" t="s">
        <v>23</v>
      </c>
      <c r="D11415" s="14" t="s">
        <v>90</v>
      </c>
      <c r="E11415" s="15">
        <v>45476</v>
      </c>
      <c r="F11415" s="14" t="s">
        <v>15</v>
      </c>
      <c r="G11415" s="16">
        <v>1.4699424167871453</v>
      </c>
    </row>
    <row r="11416" spans="1:7" x14ac:dyDescent="0.3">
      <c r="A11416" s="13" t="s">
        <v>89</v>
      </c>
      <c r="B11416" s="14" t="s">
        <v>1</v>
      </c>
      <c r="C11416" s="14" t="s">
        <v>23</v>
      </c>
      <c r="D11416" s="14" t="s">
        <v>90</v>
      </c>
      <c r="E11416" s="15">
        <v>45477</v>
      </c>
      <c r="F11416" s="14" t="s">
        <v>15</v>
      </c>
      <c r="G11416" s="16">
        <v>1.4699424167871453</v>
      </c>
    </row>
    <row r="11417" spans="1:7" x14ac:dyDescent="0.3">
      <c r="A11417" s="13" t="s">
        <v>89</v>
      </c>
      <c r="B11417" s="14" t="s">
        <v>1</v>
      </c>
      <c r="C11417" s="14" t="s">
        <v>23</v>
      </c>
      <c r="D11417" s="14" t="s">
        <v>90</v>
      </c>
      <c r="E11417" s="15">
        <v>45478</v>
      </c>
      <c r="F11417" s="14" t="s">
        <v>15</v>
      </c>
      <c r="G11417" s="16">
        <v>1.4851958751224219</v>
      </c>
    </row>
    <row r="11418" spans="1:7" x14ac:dyDescent="0.3">
      <c r="A11418" s="13" t="s">
        <v>89</v>
      </c>
      <c r="B11418" s="14" t="s">
        <v>1</v>
      </c>
      <c r="C11418" s="14" t="s">
        <v>23</v>
      </c>
      <c r="D11418" s="14" t="s">
        <v>90</v>
      </c>
      <c r="E11418" s="15">
        <v>45479</v>
      </c>
      <c r="F11418" s="14" t="s">
        <v>15</v>
      </c>
      <c r="G11418" s="16">
        <v>1.4851958751224219</v>
      </c>
    </row>
    <row r="11419" spans="1:7" x14ac:dyDescent="0.3">
      <c r="A11419" s="13" t="s">
        <v>89</v>
      </c>
      <c r="B11419" s="14" t="s">
        <v>1</v>
      </c>
      <c r="C11419" s="14" t="s">
        <v>23</v>
      </c>
      <c r="D11419" s="14" t="s">
        <v>90</v>
      </c>
      <c r="E11419" s="15">
        <v>45480</v>
      </c>
      <c r="F11419" s="14" t="s">
        <v>15</v>
      </c>
      <c r="G11419" s="16">
        <v>1.4851958751224219</v>
      </c>
    </row>
    <row r="11420" spans="1:7" x14ac:dyDescent="0.3">
      <c r="A11420" s="13" t="s">
        <v>89</v>
      </c>
      <c r="B11420" s="14" t="s">
        <v>1</v>
      </c>
      <c r="C11420" s="14" t="s">
        <v>23</v>
      </c>
      <c r="D11420" s="14" t="s">
        <v>90</v>
      </c>
      <c r="E11420" s="15">
        <v>45481</v>
      </c>
      <c r="F11420" s="14" t="s">
        <v>15</v>
      </c>
      <c r="G11420" s="16">
        <v>1.5405213334576986</v>
      </c>
    </row>
    <row r="11421" spans="1:7" x14ac:dyDescent="0.3">
      <c r="A11421" s="13" t="s">
        <v>89</v>
      </c>
      <c r="B11421" s="14" t="s">
        <v>1</v>
      </c>
      <c r="C11421" s="14" t="s">
        <v>23</v>
      </c>
      <c r="D11421" s="14" t="s">
        <v>90</v>
      </c>
      <c r="E11421" s="15">
        <v>45482</v>
      </c>
      <c r="F11421" s="14" t="s">
        <v>15</v>
      </c>
      <c r="G11421" s="16">
        <v>1.586726791792975</v>
      </c>
    </row>
    <row r="11422" spans="1:7" x14ac:dyDescent="0.3">
      <c r="A11422" s="13" t="s">
        <v>89</v>
      </c>
      <c r="B11422" s="14" t="s">
        <v>1</v>
      </c>
      <c r="C11422" s="14" t="s">
        <v>23</v>
      </c>
      <c r="D11422" s="14" t="s">
        <v>90</v>
      </c>
      <c r="E11422" s="15">
        <v>45483</v>
      </c>
      <c r="F11422" s="14" t="s">
        <v>15</v>
      </c>
      <c r="G11422" s="16">
        <v>1.6030762501282516</v>
      </c>
    </row>
    <row r="11423" spans="1:7" x14ac:dyDescent="0.3">
      <c r="A11423" s="13" t="s">
        <v>89</v>
      </c>
      <c r="B11423" s="14" t="s">
        <v>1</v>
      </c>
      <c r="C11423" s="14" t="s">
        <v>23</v>
      </c>
      <c r="D11423" s="14" t="s">
        <v>90</v>
      </c>
      <c r="E11423" s="15">
        <v>45484</v>
      </c>
      <c r="F11423" s="14" t="s">
        <v>15</v>
      </c>
      <c r="G11423" s="16">
        <v>1.6185137084635279</v>
      </c>
    </row>
    <row r="11424" spans="1:7" x14ac:dyDescent="0.3">
      <c r="A11424" s="13" t="s">
        <v>89</v>
      </c>
      <c r="B11424" s="14" t="s">
        <v>1</v>
      </c>
      <c r="C11424" s="14" t="s">
        <v>23</v>
      </c>
      <c r="D11424" s="14" t="s">
        <v>90</v>
      </c>
      <c r="E11424" s="15">
        <v>45485</v>
      </c>
      <c r="F11424" s="14" t="s">
        <v>15</v>
      </c>
      <c r="G11424" s="16">
        <v>1.6345671667988046</v>
      </c>
    </row>
    <row r="11425" spans="1:7" x14ac:dyDescent="0.3">
      <c r="A11425" s="13" t="s">
        <v>89</v>
      </c>
      <c r="B11425" s="14" t="s">
        <v>1</v>
      </c>
      <c r="C11425" s="14" t="s">
        <v>23</v>
      </c>
      <c r="D11425" s="14" t="s">
        <v>90</v>
      </c>
      <c r="E11425" s="15">
        <v>45486</v>
      </c>
      <c r="F11425" s="14" t="s">
        <v>15</v>
      </c>
      <c r="G11425" s="16">
        <v>1.6345671667988046</v>
      </c>
    </row>
    <row r="11426" spans="1:7" x14ac:dyDescent="0.3">
      <c r="A11426" s="13" t="s">
        <v>89</v>
      </c>
      <c r="B11426" s="14" t="s">
        <v>1</v>
      </c>
      <c r="C11426" s="14" t="s">
        <v>23</v>
      </c>
      <c r="D11426" s="14" t="s">
        <v>90</v>
      </c>
      <c r="E11426" s="15">
        <v>45487</v>
      </c>
      <c r="F11426" s="14" t="s">
        <v>15</v>
      </c>
      <c r="G11426" s="16">
        <v>1.6345671667988046</v>
      </c>
    </row>
    <row r="11427" spans="1:7" x14ac:dyDescent="0.3">
      <c r="A11427" s="13" t="s">
        <v>89</v>
      </c>
      <c r="B11427" s="14" t="s">
        <v>1</v>
      </c>
      <c r="C11427" s="14" t="s">
        <v>23</v>
      </c>
      <c r="D11427" s="14" t="s">
        <v>90</v>
      </c>
      <c r="E11427" s="15">
        <v>45488</v>
      </c>
      <c r="F11427" s="14" t="s">
        <v>15</v>
      </c>
      <c r="G11427" s="16">
        <v>1.649496625134081</v>
      </c>
    </row>
    <row r="11428" spans="1:7" x14ac:dyDescent="0.3">
      <c r="A11428" s="13" t="s">
        <v>89</v>
      </c>
      <c r="B11428" s="14" t="s">
        <v>1</v>
      </c>
      <c r="C11428" s="14" t="s">
        <v>23</v>
      </c>
      <c r="D11428" s="14" t="s">
        <v>90</v>
      </c>
      <c r="E11428" s="15">
        <v>45489</v>
      </c>
      <c r="F11428" s="14" t="s">
        <v>15</v>
      </c>
      <c r="G11428" s="16">
        <v>1.6945940834693578</v>
      </c>
    </row>
    <row r="11429" spans="1:7" x14ac:dyDescent="0.3">
      <c r="A11429" s="13" t="s">
        <v>89</v>
      </c>
      <c r="B11429" s="14" t="s">
        <v>1</v>
      </c>
      <c r="C11429" s="14" t="s">
        <v>23</v>
      </c>
      <c r="D11429" s="14" t="s">
        <v>90</v>
      </c>
      <c r="E11429" s="15">
        <v>45490</v>
      </c>
      <c r="F11429" s="14" t="s">
        <v>15</v>
      </c>
      <c r="G11429" s="16">
        <v>1.7095835418046343</v>
      </c>
    </row>
    <row r="11430" spans="1:7" x14ac:dyDescent="0.3">
      <c r="A11430" s="13" t="s">
        <v>89</v>
      </c>
      <c r="B11430" s="14" t="s">
        <v>1</v>
      </c>
      <c r="C11430" s="14" t="s">
        <v>23</v>
      </c>
      <c r="D11430" s="14" t="s">
        <v>90</v>
      </c>
      <c r="E11430" s="15">
        <v>45491</v>
      </c>
      <c r="F11430" s="14" t="s">
        <v>15</v>
      </c>
      <c r="G11430" s="16">
        <v>1.7245730001399109</v>
      </c>
    </row>
    <row r="11431" spans="1:7" x14ac:dyDescent="0.3">
      <c r="A11431" s="13" t="s">
        <v>89</v>
      </c>
      <c r="B11431" s="14" t="s">
        <v>1</v>
      </c>
      <c r="C11431" s="14" t="s">
        <v>23</v>
      </c>
      <c r="D11431" s="14" t="s">
        <v>90</v>
      </c>
      <c r="E11431" s="15">
        <v>45492</v>
      </c>
      <c r="F11431" s="14" t="s">
        <v>15</v>
      </c>
      <c r="G11431" s="16">
        <v>1.7395384584751874</v>
      </c>
    </row>
    <row r="11432" spans="1:7" x14ac:dyDescent="0.3">
      <c r="A11432" s="13" t="s">
        <v>89</v>
      </c>
      <c r="B11432" s="14" t="s">
        <v>1</v>
      </c>
      <c r="C11432" s="14" t="s">
        <v>23</v>
      </c>
      <c r="D11432" s="14" t="s">
        <v>90</v>
      </c>
      <c r="E11432" s="15">
        <v>45493</v>
      </c>
      <c r="F11432" s="14" t="s">
        <v>15</v>
      </c>
      <c r="G11432" s="16">
        <v>1.7395384584751874</v>
      </c>
    </row>
    <row r="11433" spans="1:7" x14ac:dyDescent="0.3">
      <c r="A11433" s="13" t="s">
        <v>89</v>
      </c>
      <c r="B11433" s="14" t="s">
        <v>1</v>
      </c>
      <c r="C11433" s="14" t="s">
        <v>23</v>
      </c>
      <c r="D11433" s="14" t="s">
        <v>90</v>
      </c>
      <c r="E11433" s="15">
        <v>45494</v>
      </c>
      <c r="F11433" s="14" t="s">
        <v>15</v>
      </c>
      <c r="G11433" s="16">
        <v>1.7395384584751874</v>
      </c>
    </row>
    <row r="11434" spans="1:7" x14ac:dyDescent="0.3">
      <c r="A11434" s="13" t="s">
        <v>89</v>
      </c>
      <c r="B11434" s="14" t="s">
        <v>1</v>
      </c>
      <c r="C11434" s="14" t="s">
        <v>23</v>
      </c>
      <c r="D11434" s="14" t="s">
        <v>90</v>
      </c>
      <c r="E11434" s="15">
        <v>45495</v>
      </c>
      <c r="F11434" s="14" t="s">
        <v>15</v>
      </c>
      <c r="G11434" s="16">
        <v>1.7544359168104642</v>
      </c>
    </row>
    <row r="11435" spans="1:7" x14ac:dyDescent="0.3">
      <c r="A11435" s="13" t="s">
        <v>89</v>
      </c>
      <c r="B11435" s="14" t="s">
        <v>1</v>
      </c>
      <c r="C11435" s="14" t="s">
        <v>23</v>
      </c>
      <c r="D11435" s="14" t="s">
        <v>90</v>
      </c>
      <c r="E11435" s="15">
        <v>45496</v>
      </c>
      <c r="F11435" s="14" t="s">
        <v>15</v>
      </c>
      <c r="G11435" s="16">
        <v>1.7987933751457408</v>
      </c>
    </row>
    <row r="11436" spans="1:7" x14ac:dyDescent="0.3">
      <c r="A11436" s="13" t="s">
        <v>89</v>
      </c>
      <c r="B11436" s="14" t="s">
        <v>1</v>
      </c>
      <c r="C11436" s="14" t="s">
        <v>23</v>
      </c>
      <c r="D11436" s="14" t="s">
        <v>90</v>
      </c>
      <c r="E11436" s="15">
        <v>45497</v>
      </c>
      <c r="F11436" s="14" t="s">
        <v>15</v>
      </c>
      <c r="G11436" s="16">
        <v>1.8154708334810172</v>
      </c>
    </row>
    <row r="11437" spans="1:7" x14ac:dyDescent="0.3">
      <c r="A11437" s="13" t="s">
        <v>89</v>
      </c>
      <c r="B11437" s="14" t="s">
        <v>1</v>
      </c>
      <c r="C11437" s="14" t="s">
        <v>23</v>
      </c>
      <c r="D11437" s="14" t="s">
        <v>90</v>
      </c>
      <c r="E11437" s="15">
        <v>45498</v>
      </c>
      <c r="F11437" s="14" t="s">
        <v>15</v>
      </c>
      <c r="G11437" s="16">
        <v>1.8297282918162938</v>
      </c>
    </row>
    <row r="11438" spans="1:7" x14ac:dyDescent="0.3">
      <c r="A11438" s="13" t="s">
        <v>89</v>
      </c>
      <c r="B11438" s="14" t="s">
        <v>1</v>
      </c>
      <c r="C11438" s="14" t="s">
        <v>23</v>
      </c>
      <c r="D11438" s="14" t="s">
        <v>90</v>
      </c>
      <c r="E11438" s="15">
        <v>45499</v>
      </c>
      <c r="F11438" s="14" t="s">
        <v>15</v>
      </c>
      <c r="G11438" s="16">
        <v>1.8440417501515705</v>
      </c>
    </row>
    <row r="11439" spans="1:7" x14ac:dyDescent="0.3">
      <c r="A11439" s="13" t="s">
        <v>89</v>
      </c>
      <c r="B11439" s="14" t="s">
        <v>1</v>
      </c>
      <c r="C11439" s="14" t="s">
        <v>23</v>
      </c>
      <c r="D11439" s="14" t="s">
        <v>90</v>
      </c>
      <c r="E11439" s="15">
        <v>45500</v>
      </c>
      <c r="F11439" s="14" t="s">
        <v>15</v>
      </c>
      <c r="G11439" s="16">
        <v>1.8440417501515705</v>
      </c>
    </row>
    <row r="11440" spans="1:7" x14ac:dyDescent="0.3">
      <c r="A11440" s="13" t="s">
        <v>89</v>
      </c>
      <c r="B11440" s="14" t="s">
        <v>1</v>
      </c>
      <c r="C11440" s="14" t="s">
        <v>23</v>
      </c>
      <c r="D11440" s="14" t="s">
        <v>90</v>
      </c>
      <c r="E11440" s="15">
        <v>45501</v>
      </c>
      <c r="F11440" s="14" t="s">
        <v>15</v>
      </c>
      <c r="G11440" s="16">
        <v>1.8440417501515705</v>
      </c>
    </row>
    <row r="11441" spans="1:7" x14ac:dyDescent="0.3">
      <c r="A11441" s="13" t="s">
        <v>89</v>
      </c>
      <c r="B11441" s="14" t="s">
        <v>1</v>
      </c>
      <c r="C11441" s="14" t="s">
        <v>23</v>
      </c>
      <c r="D11441" s="14" t="s">
        <v>90</v>
      </c>
      <c r="E11441" s="15">
        <v>45502</v>
      </c>
      <c r="F11441" s="14" t="s">
        <v>15</v>
      </c>
      <c r="G11441" s="16">
        <v>1.8583752084868468</v>
      </c>
    </row>
    <row r="11442" spans="1:7" x14ac:dyDescent="0.3">
      <c r="A11442" s="13" t="s">
        <v>89</v>
      </c>
      <c r="B11442" s="14" t="s">
        <v>1</v>
      </c>
      <c r="C11442" s="14" t="s">
        <v>23</v>
      </c>
      <c r="D11442" s="14" t="s">
        <v>90</v>
      </c>
      <c r="E11442" s="15">
        <v>45503</v>
      </c>
      <c r="F11442" s="14" t="s">
        <v>15</v>
      </c>
      <c r="G11442" s="16">
        <v>1.9013286668221234</v>
      </c>
    </row>
    <row r="11443" spans="1:7" x14ac:dyDescent="0.3">
      <c r="A11443" s="13" t="s">
        <v>89</v>
      </c>
      <c r="B11443" s="14" t="s">
        <v>1</v>
      </c>
      <c r="C11443" s="14" t="s">
        <v>23</v>
      </c>
      <c r="D11443" s="14" t="s">
        <v>90</v>
      </c>
      <c r="E11443" s="15">
        <v>45504</v>
      </c>
      <c r="F11443" s="14" t="s">
        <v>15</v>
      </c>
      <c r="G11443" s="16">
        <v>1.9170021251573999</v>
      </c>
    </row>
    <row r="11444" spans="1:7" x14ac:dyDescent="0.3">
      <c r="A11444" s="13" t="s">
        <v>89</v>
      </c>
      <c r="B11444" s="14" t="s">
        <v>1</v>
      </c>
      <c r="C11444" s="14" t="s">
        <v>23</v>
      </c>
      <c r="D11444" s="14" t="s">
        <v>90</v>
      </c>
      <c r="E11444" s="15">
        <v>45505</v>
      </c>
      <c r="F11444" s="14" t="s">
        <v>15</v>
      </c>
      <c r="G11444" s="16">
        <v>1.9234075834926763</v>
      </c>
    </row>
    <row r="11445" spans="1:7" x14ac:dyDescent="0.3">
      <c r="A11445" s="13" t="s">
        <v>89</v>
      </c>
      <c r="B11445" s="14" t="s">
        <v>1</v>
      </c>
      <c r="C11445" s="14" t="s">
        <v>23</v>
      </c>
      <c r="D11445" s="14" t="s">
        <v>90</v>
      </c>
      <c r="E11445" s="15">
        <v>45506</v>
      </c>
      <c r="F11445" s="14" t="s">
        <v>15</v>
      </c>
      <c r="G11445" s="16">
        <v>1.9298290418279529</v>
      </c>
    </row>
    <row r="11446" spans="1:7" x14ac:dyDescent="0.3">
      <c r="A11446" s="13" t="s">
        <v>89</v>
      </c>
      <c r="B11446" s="14" t="s">
        <v>1</v>
      </c>
      <c r="C11446" s="14" t="s">
        <v>23</v>
      </c>
      <c r="D11446" s="14" t="s">
        <v>90</v>
      </c>
      <c r="E11446" s="15">
        <v>45507</v>
      </c>
      <c r="F11446" s="14" t="s">
        <v>15</v>
      </c>
      <c r="G11446" s="16">
        <v>1.9298290418279529</v>
      </c>
    </row>
    <row r="11447" spans="1:7" x14ac:dyDescent="0.3">
      <c r="A11447" s="13" t="s">
        <v>89</v>
      </c>
      <c r="B11447" s="14" t="s">
        <v>1</v>
      </c>
      <c r="C11447" s="14" t="s">
        <v>23</v>
      </c>
      <c r="D11447" s="14" t="s">
        <v>90</v>
      </c>
      <c r="E11447" s="15">
        <v>45508</v>
      </c>
      <c r="F11447" s="14" t="s">
        <v>15</v>
      </c>
      <c r="G11447" s="16">
        <v>1.9298290418279529</v>
      </c>
    </row>
    <row r="11448" spans="1:7" x14ac:dyDescent="0.3">
      <c r="A11448" s="13" t="s">
        <v>89</v>
      </c>
      <c r="B11448" s="14" t="s">
        <v>1</v>
      </c>
      <c r="C11448" s="14" t="s">
        <v>23</v>
      </c>
      <c r="D11448" s="14" t="s">
        <v>90</v>
      </c>
      <c r="E11448" s="15">
        <v>45509</v>
      </c>
      <c r="F11448" s="14" t="s">
        <v>15</v>
      </c>
      <c r="G11448" s="16">
        <v>1.9298290418279529</v>
      </c>
    </row>
    <row r="11449" spans="1:7" x14ac:dyDescent="0.3">
      <c r="A11449" s="13" t="s">
        <v>89</v>
      </c>
      <c r="B11449" s="14" t="s">
        <v>1</v>
      </c>
      <c r="C11449" s="14" t="s">
        <v>23</v>
      </c>
      <c r="D11449" s="14" t="s">
        <v>90</v>
      </c>
      <c r="E11449" s="15">
        <v>45510</v>
      </c>
      <c r="F11449" s="14" t="s">
        <v>15</v>
      </c>
      <c r="G11449" s="16">
        <v>1.9434985001632292</v>
      </c>
    </row>
    <row r="11450" spans="1:7" x14ac:dyDescent="0.3">
      <c r="A11450" s="13" t="s">
        <v>89</v>
      </c>
      <c r="B11450" s="14" t="s">
        <v>1</v>
      </c>
      <c r="C11450" s="14" t="s">
        <v>23</v>
      </c>
      <c r="D11450" s="14" t="s">
        <v>90</v>
      </c>
      <c r="E11450" s="15">
        <v>45511</v>
      </c>
      <c r="F11450" s="14" t="s">
        <v>15</v>
      </c>
      <c r="G11450" s="16">
        <v>2.016623958498506</v>
      </c>
    </row>
    <row r="11451" spans="1:7" x14ac:dyDescent="0.3">
      <c r="A11451" s="13" t="s">
        <v>89</v>
      </c>
      <c r="B11451" s="14" t="s">
        <v>1</v>
      </c>
      <c r="C11451" s="14" t="s">
        <v>23</v>
      </c>
      <c r="D11451" s="14" t="s">
        <v>90</v>
      </c>
      <c r="E11451" s="15">
        <v>45512</v>
      </c>
      <c r="F11451" s="14" t="s">
        <v>15</v>
      </c>
      <c r="G11451" s="16">
        <v>2.0256534168337823</v>
      </c>
    </row>
    <row r="11452" spans="1:7" x14ac:dyDescent="0.3">
      <c r="A11452" s="13" t="s">
        <v>89</v>
      </c>
      <c r="B11452" s="14" t="s">
        <v>1</v>
      </c>
      <c r="C11452" s="14" t="s">
        <v>23</v>
      </c>
      <c r="D11452" s="14" t="s">
        <v>90</v>
      </c>
      <c r="E11452" s="15">
        <v>45513</v>
      </c>
      <c r="F11452" s="14" t="s">
        <v>15</v>
      </c>
      <c r="G11452" s="16">
        <v>2.0391388751690589</v>
      </c>
    </row>
    <row r="11453" spans="1:7" x14ac:dyDescent="0.3">
      <c r="A11453" s="13" t="s">
        <v>89</v>
      </c>
      <c r="B11453" s="14" t="s">
        <v>1</v>
      </c>
      <c r="C11453" s="14" t="s">
        <v>23</v>
      </c>
      <c r="D11453" s="14" t="s">
        <v>90</v>
      </c>
      <c r="E11453" s="15">
        <v>45514</v>
      </c>
      <c r="F11453" s="14" t="s">
        <v>15</v>
      </c>
      <c r="G11453" s="16">
        <v>2.0391388751690589</v>
      </c>
    </row>
    <row r="11454" spans="1:7" x14ac:dyDescent="0.3">
      <c r="A11454" s="13" t="s">
        <v>89</v>
      </c>
      <c r="B11454" s="14" t="s">
        <v>1</v>
      </c>
      <c r="C11454" s="14" t="s">
        <v>23</v>
      </c>
      <c r="D11454" s="14" t="s">
        <v>90</v>
      </c>
      <c r="E11454" s="15">
        <v>45515</v>
      </c>
      <c r="F11454" s="14" t="s">
        <v>15</v>
      </c>
      <c r="G11454" s="16">
        <v>2.0391388751690589</v>
      </c>
    </row>
    <row r="11455" spans="1:7" x14ac:dyDescent="0.3">
      <c r="A11455" s="13" t="s">
        <v>89</v>
      </c>
      <c r="B11455" s="14" t="s">
        <v>1</v>
      </c>
      <c r="C11455" s="14" t="s">
        <v>23</v>
      </c>
      <c r="D11455" s="14" t="s">
        <v>90</v>
      </c>
      <c r="E11455" s="15">
        <v>45516</v>
      </c>
      <c r="F11455" s="14" t="s">
        <v>15</v>
      </c>
      <c r="G11455" s="16">
        <v>2.0534803335043352</v>
      </c>
    </row>
    <row r="11456" spans="1:7" x14ac:dyDescent="0.3">
      <c r="A11456" s="13" t="s">
        <v>89</v>
      </c>
      <c r="B11456" s="14" t="s">
        <v>1</v>
      </c>
      <c r="C11456" s="14" t="s">
        <v>23</v>
      </c>
      <c r="D11456" s="14" t="s">
        <v>90</v>
      </c>
      <c r="E11456" s="15">
        <v>45517</v>
      </c>
      <c r="F11456" s="14" t="s">
        <v>15</v>
      </c>
      <c r="G11456" s="16">
        <v>2.0967497918396121</v>
      </c>
    </row>
    <row r="11457" spans="1:7" x14ac:dyDescent="0.3">
      <c r="A11457" s="13" t="s">
        <v>89</v>
      </c>
      <c r="B11457" s="14" t="s">
        <v>1</v>
      </c>
      <c r="C11457" s="14" t="s">
        <v>23</v>
      </c>
      <c r="D11457" s="14" t="s">
        <v>90</v>
      </c>
      <c r="E11457" s="15">
        <v>45518</v>
      </c>
      <c r="F11457" s="14" t="s">
        <v>15</v>
      </c>
      <c r="G11457" s="16">
        <v>2.1109872501748885</v>
      </c>
    </row>
    <row r="11458" spans="1:7" x14ac:dyDescent="0.3">
      <c r="A11458" s="13" t="s">
        <v>89</v>
      </c>
      <c r="B11458" s="14" t="s">
        <v>1</v>
      </c>
      <c r="C11458" s="14" t="s">
        <v>23</v>
      </c>
      <c r="D11458" s="14" t="s">
        <v>90</v>
      </c>
      <c r="E11458" s="15">
        <v>45519</v>
      </c>
      <c r="F11458" s="14" t="s">
        <v>15</v>
      </c>
      <c r="G11458" s="16">
        <v>2.1199927085101646</v>
      </c>
    </row>
    <row r="11459" spans="1:7" x14ac:dyDescent="0.3">
      <c r="A11459" s="13" t="s">
        <v>89</v>
      </c>
      <c r="B11459" s="14" t="s">
        <v>1</v>
      </c>
      <c r="C11459" s="14" t="s">
        <v>23</v>
      </c>
      <c r="D11459" s="14" t="s">
        <v>90</v>
      </c>
      <c r="E11459" s="15">
        <v>45520</v>
      </c>
      <c r="F11459" s="14" t="s">
        <v>15</v>
      </c>
      <c r="G11459" s="16">
        <v>2.1345181668454414</v>
      </c>
    </row>
    <row r="11460" spans="1:7" x14ac:dyDescent="0.3">
      <c r="A11460" s="13" t="s">
        <v>89</v>
      </c>
      <c r="B11460" s="14" t="s">
        <v>1</v>
      </c>
      <c r="C11460" s="14" t="s">
        <v>23</v>
      </c>
      <c r="D11460" s="14" t="s">
        <v>90</v>
      </c>
      <c r="E11460" s="15">
        <v>45521</v>
      </c>
      <c r="F11460" s="14" t="s">
        <v>15</v>
      </c>
      <c r="G11460" s="16">
        <v>2.1345181668454414</v>
      </c>
    </row>
    <row r="11461" spans="1:7" x14ac:dyDescent="0.3">
      <c r="A11461" s="13" t="s">
        <v>89</v>
      </c>
      <c r="B11461" s="14" t="s">
        <v>1</v>
      </c>
      <c r="C11461" s="14" t="s">
        <v>23</v>
      </c>
      <c r="D11461" s="14" t="s">
        <v>90</v>
      </c>
      <c r="E11461" s="15">
        <v>45522</v>
      </c>
      <c r="F11461" s="14" t="s">
        <v>15</v>
      </c>
      <c r="G11461" s="16">
        <v>2.1345181668454414</v>
      </c>
    </row>
    <row r="11462" spans="1:7" x14ac:dyDescent="0.3">
      <c r="A11462" s="13" t="s">
        <v>89</v>
      </c>
      <c r="B11462" s="14" t="s">
        <v>1</v>
      </c>
      <c r="C11462" s="14" t="s">
        <v>23</v>
      </c>
      <c r="D11462" s="14" t="s">
        <v>90</v>
      </c>
      <c r="E11462" s="15">
        <v>45523</v>
      </c>
      <c r="F11462" s="14" t="s">
        <v>15</v>
      </c>
      <c r="G11462" s="16">
        <v>2.1490676251807179</v>
      </c>
    </row>
    <row r="11463" spans="1:7" x14ac:dyDescent="0.3">
      <c r="A11463" s="13" t="s">
        <v>89</v>
      </c>
      <c r="B11463" s="14" t="s">
        <v>1</v>
      </c>
      <c r="C11463" s="14" t="s">
        <v>23</v>
      </c>
      <c r="D11463" s="14" t="s">
        <v>90</v>
      </c>
      <c r="E11463" s="15">
        <v>45524</v>
      </c>
      <c r="F11463" s="14" t="s">
        <v>15</v>
      </c>
      <c r="G11463" s="16">
        <v>2.1933410835159948</v>
      </c>
    </row>
    <row r="11464" spans="1:7" x14ac:dyDescent="0.3">
      <c r="A11464" s="13" t="s">
        <v>89</v>
      </c>
      <c r="B11464" s="14" t="s">
        <v>1</v>
      </c>
      <c r="C11464" s="14" t="s">
        <v>23</v>
      </c>
      <c r="D11464" s="14" t="s">
        <v>90</v>
      </c>
      <c r="E11464" s="15">
        <v>45525</v>
      </c>
      <c r="F11464" s="14" t="s">
        <v>15</v>
      </c>
      <c r="G11464" s="16">
        <v>2.2034505418512711</v>
      </c>
    </row>
    <row r="11465" spans="1:7" x14ac:dyDescent="0.3">
      <c r="A11465" s="13" t="s">
        <v>89</v>
      </c>
      <c r="B11465" s="14" t="s">
        <v>1</v>
      </c>
      <c r="C11465" s="14" t="s">
        <v>23</v>
      </c>
      <c r="D11465" s="14" t="s">
        <v>90</v>
      </c>
      <c r="E11465" s="15">
        <v>45526</v>
      </c>
      <c r="F11465" s="14" t="s">
        <v>15</v>
      </c>
      <c r="G11465" s="16">
        <v>2.2180040001865478</v>
      </c>
    </row>
    <row r="11466" spans="1:7" x14ac:dyDescent="0.3">
      <c r="A11466" s="13" t="s">
        <v>89</v>
      </c>
      <c r="B11466" s="14" t="s">
        <v>1</v>
      </c>
      <c r="C11466" s="14" t="s">
        <v>23</v>
      </c>
      <c r="D11466" s="14" t="s">
        <v>90</v>
      </c>
      <c r="E11466" s="15">
        <v>45527</v>
      </c>
      <c r="F11466" s="14" t="s">
        <v>15</v>
      </c>
      <c r="G11466" s="16">
        <v>2.2325054585218242</v>
      </c>
    </row>
    <row r="11467" spans="1:7" x14ac:dyDescent="0.3">
      <c r="A11467" s="13" t="s">
        <v>89</v>
      </c>
      <c r="B11467" s="14" t="s">
        <v>1</v>
      </c>
      <c r="C11467" s="14" t="s">
        <v>23</v>
      </c>
      <c r="D11467" s="14" t="s">
        <v>90</v>
      </c>
      <c r="E11467" s="15">
        <v>45528</v>
      </c>
      <c r="F11467" s="14" t="s">
        <v>15</v>
      </c>
      <c r="G11467" s="16">
        <v>2.2325054585218242</v>
      </c>
    </row>
    <row r="11468" spans="1:7" x14ac:dyDescent="0.3">
      <c r="A11468" s="13" t="s">
        <v>89</v>
      </c>
      <c r="B11468" s="14" t="s">
        <v>1</v>
      </c>
      <c r="C11468" s="14" t="s">
        <v>23</v>
      </c>
      <c r="D11468" s="14" t="s">
        <v>90</v>
      </c>
      <c r="E11468" s="15">
        <v>45529</v>
      </c>
      <c r="F11468" s="14" t="s">
        <v>15</v>
      </c>
      <c r="G11468" s="16">
        <v>2.2325054585218242</v>
      </c>
    </row>
    <row r="11469" spans="1:7" x14ac:dyDescent="0.3">
      <c r="A11469" s="13" t="s">
        <v>89</v>
      </c>
      <c r="B11469" s="14" t="s">
        <v>1</v>
      </c>
      <c r="C11469" s="14" t="s">
        <v>23</v>
      </c>
      <c r="D11469" s="14" t="s">
        <v>90</v>
      </c>
      <c r="E11469" s="15">
        <v>45530</v>
      </c>
      <c r="F11469" s="14" t="s">
        <v>15</v>
      </c>
      <c r="G11469" s="16">
        <v>2.2474069168571003</v>
      </c>
    </row>
    <row r="11470" spans="1:7" x14ac:dyDescent="0.3">
      <c r="A11470" s="13" t="s">
        <v>89</v>
      </c>
      <c r="B11470" s="14" t="s">
        <v>1</v>
      </c>
      <c r="C11470" s="14" t="s">
        <v>23</v>
      </c>
      <c r="D11470" s="14" t="s">
        <v>90</v>
      </c>
      <c r="E11470" s="15">
        <v>45531</v>
      </c>
      <c r="F11470" s="14" t="s">
        <v>15</v>
      </c>
      <c r="G11470" s="16">
        <v>2.2911563751923771</v>
      </c>
    </row>
    <row r="11471" spans="1:7" x14ac:dyDescent="0.3">
      <c r="A11471" s="13" t="s">
        <v>89</v>
      </c>
      <c r="B11471" s="14" t="s">
        <v>1</v>
      </c>
      <c r="C11471" s="14" t="s">
        <v>23</v>
      </c>
      <c r="D11471" s="14" t="s">
        <v>90</v>
      </c>
      <c r="E11471" s="15">
        <v>45532</v>
      </c>
      <c r="F11471" s="14" t="s">
        <v>15</v>
      </c>
      <c r="G11471" s="16">
        <v>2.3063098335276537</v>
      </c>
    </row>
    <row r="11472" spans="1:7" x14ac:dyDescent="0.3">
      <c r="A11472" s="13" t="s">
        <v>89</v>
      </c>
      <c r="B11472" s="14" t="s">
        <v>1</v>
      </c>
      <c r="C11472" s="14" t="s">
        <v>23</v>
      </c>
      <c r="D11472" s="14" t="s">
        <v>90</v>
      </c>
      <c r="E11472" s="15">
        <v>45533</v>
      </c>
      <c r="F11472" s="14" t="s">
        <v>15</v>
      </c>
      <c r="G11472" s="16">
        <v>2.32049529186293</v>
      </c>
    </row>
    <row r="11473" spans="1:7" x14ac:dyDescent="0.3">
      <c r="A11473" s="13" t="s">
        <v>89</v>
      </c>
      <c r="B11473" s="14" t="s">
        <v>1</v>
      </c>
      <c r="C11473" s="14" t="s">
        <v>23</v>
      </c>
      <c r="D11473" s="14" t="s">
        <v>90</v>
      </c>
      <c r="E11473" s="15">
        <v>45534</v>
      </c>
      <c r="F11473" s="14" t="s">
        <v>15</v>
      </c>
      <c r="G11473" s="16">
        <v>2.3350047501982067</v>
      </c>
    </row>
    <row r="11474" spans="1:7" x14ac:dyDescent="0.3">
      <c r="A11474" s="13" t="s">
        <v>89</v>
      </c>
      <c r="B11474" s="14" t="s">
        <v>1</v>
      </c>
      <c r="C11474" s="14" t="s">
        <v>23</v>
      </c>
      <c r="D11474" s="14" t="s">
        <v>90</v>
      </c>
      <c r="E11474" s="15">
        <v>45535</v>
      </c>
      <c r="F11474" s="14" t="s">
        <v>15</v>
      </c>
      <c r="G11474" s="16">
        <v>2.3350047501982067</v>
      </c>
    </row>
    <row r="11475" spans="1:7" x14ac:dyDescent="0.3">
      <c r="A11475" s="13" t="s">
        <v>89</v>
      </c>
      <c r="B11475" s="14" t="s">
        <v>1</v>
      </c>
      <c r="C11475" s="14" t="s">
        <v>23</v>
      </c>
      <c r="D11475" s="14" t="s">
        <v>90</v>
      </c>
      <c r="E11475" s="15">
        <v>45536</v>
      </c>
      <c r="F11475" s="14" t="s">
        <v>15</v>
      </c>
      <c r="G11475" s="16">
        <v>2.3350047501982067</v>
      </c>
    </row>
    <row r="11476" spans="1:7" x14ac:dyDescent="0.3">
      <c r="A11476" s="13" t="s">
        <v>89</v>
      </c>
      <c r="B11476" s="14" t="s">
        <v>1</v>
      </c>
      <c r="C11476" s="14" t="s">
        <v>23</v>
      </c>
      <c r="D11476" s="14" t="s">
        <v>90</v>
      </c>
      <c r="E11476" s="15">
        <v>45537</v>
      </c>
      <c r="F11476" s="14" t="s">
        <v>15</v>
      </c>
      <c r="G11476" s="16">
        <v>2.3350047501982067</v>
      </c>
    </row>
    <row r="11477" spans="1:7" x14ac:dyDescent="0.3">
      <c r="A11477" s="13" t="s">
        <v>89</v>
      </c>
      <c r="B11477" s="14" t="s">
        <v>1</v>
      </c>
      <c r="C11477" s="14" t="s">
        <v>23</v>
      </c>
      <c r="D11477" s="14" t="s">
        <v>90</v>
      </c>
      <c r="E11477" s="15">
        <v>45538</v>
      </c>
      <c r="F11477" s="14" t="s">
        <v>15</v>
      </c>
      <c r="G11477" s="16">
        <v>2.3497382085334828</v>
      </c>
    </row>
    <row r="11478" spans="1:7" x14ac:dyDescent="0.3">
      <c r="A11478" s="13" t="s">
        <v>89</v>
      </c>
      <c r="B11478" s="14" t="s">
        <v>1</v>
      </c>
      <c r="C11478" s="14" t="s">
        <v>23</v>
      </c>
      <c r="D11478" s="14" t="s">
        <v>90</v>
      </c>
      <c r="E11478" s="15">
        <v>45539</v>
      </c>
      <c r="F11478" s="14" t="s">
        <v>15</v>
      </c>
      <c r="G11478" s="16">
        <v>2.3991156668687594</v>
      </c>
    </row>
    <row r="11479" spans="1:7" x14ac:dyDescent="0.3">
      <c r="A11479" s="13" t="s">
        <v>89</v>
      </c>
      <c r="B11479" s="14" t="s">
        <v>1</v>
      </c>
      <c r="C11479" s="14" t="s">
        <v>23</v>
      </c>
      <c r="D11479" s="14" t="s">
        <v>90</v>
      </c>
      <c r="E11479" s="15">
        <v>45540</v>
      </c>
      <c r="F11479" s="14" t="s">
        <v>15</v>
      </c>
      <c r="G11479" s="16">
        <v>2.4138611252040363</v>
      </c>
    </row>
    <row r="11480" spans="1:7" x14ac:dyDescent="0.3">
      <c r="A11480" s="13" t="s">
        <v>89</v>
      </c>
      <c r="B11480" s="14" t="s">
        <v>1</v>
      </c>
      <c r="C11480" s="14" t="s">
        <v>23</v>
      </c>
      <c r="D11480" s="14" t="s">
        <v>90</v>
      </c>
      <c r="E11480" s="15">
        <v>45541</v>
      </c>
      <c r="F11480" s="14" t="s">
        <v>15</v>
      </c>
      <c r="G11480" s="16">
        <v>2.4290545835393127</v>
      </c>
    </row>
    <row r="11481" spans="1:7" x14ac:dyDescent="0.3">
      <c r="A11481" s="13" t="s">
        <v>89</v>
      </c>
      <c r="B11481" s="14" t="s">
        <v>1</v>
      </c>
      <c r="C11481" s="14" t="s">
        <v>23</v>
      </c>
      <c r="D11481" s="14" t="s">
        <v>90</v>
      </c>
      <c r="E11481" s="15">
        <v>45542</v>
      </c>
      <c r="F11481" s="14" t="s">
        <v>15</v>
      </c>
      <c r="G11481" s="16">
        <v>2.4290545835393127</v>
      </c>
    </row>
    <row r="11482" spans="1:7" x14ac:dyDescent="0.3">
      <c r="A11482" s="13" t="s">
        <v>89</v>
      </c>
      <c r="B11482" s="14" t="s">
        <v>1</v>
      </c>
      <c r="C11482" s="14" t="s">
        <v>23</v>
      </c>
      <c r="D11482" s="14" t="s">
        <v>90</v>
      </c>
      <c r="E11482" s="15">
        <v>45543</v>
      </c>
      <c r="F11482" s="14" t="s">
        <v>15</v>
      </c>
      <c r="G11482" s="16">
        <v>2.4290545835393127</v>
      </c>
    </row>
    <row r="11483" spans="1:7" x14ac:dyDescent="0.3">
      <c r="A11483" s="13" t="s">
        <v>89</v>
      </c>
      <c r="B11483" s="14" t="s">
        <v>1</v>
      </c>
      <c r="C11483" s="14" t="s">
        <v>23</v>
      </c>
      <c r="D11483" s="14" t="s">
        <v>90</v>
      </c>
      <c r="E11483" s="15">
        <v>45544</v>
      </c>
      <c r="F11483" s="14" t="s">
        <v>15</v>
      </c>
      <c r="G11483" s="16">
        <v>2.4713640418745895</v>
      </c>
    </row>
    <row r="11484" spans="1:7" x14ac:dyDescent="0.3">
      <c r="A11484" s="13" t="s">
        <v>89</v>
      </c>
      <c r="B11484" s="14" t="s">
        <v>1</v>
      </c>
      <c r="C11484" s="14" t="s">
        <v>23</v>
      </c>
      <c r="D11484" s="14" t="s">
        <v>90</v>
      </c>
      <c r="E11484" s="15">
        <v>45545</v>
      </c>
      <c r="F11484" s="14" t="s">
        <v>15</v>
      </c>
      <c r="G11484" s="16">
        <v>2.5118175002098657</v>
      </c>
    </row>
    <row r="11485" spans="1:7" x14ac:dyDescent="0.3">
      <c r="A11485" s="13" t="s">
        <v>89</v>
      </c>
      <c r="B11485" s="14" t="s">
        <v>1</v>
      </c>
      <c r="C11485" s="14" t="s">
        <v>23</v>
      </c>
      <c r="D11485" s="14" t="s">
        <v>90</v>
      </c>
      <c r="E11485" s="15">
        <v>45546</v>
      </c>
      <c r="F11485" s="14" t="s">
        <v>15</v>
      </c>
      <c r="G11485" s="16">
        <v>2.5248669585451426</v>
      </c>
    </row>
    <row r="11486" spans="1:7" x14ac:dyDescent="0.3">
      <c r="A11486" s="13" t="s">
        <v>89</v>
      </c>
      <c r="B11486" s="14" t="s">
        <v>1</v>
      </c>
      <c r="C11486" s="14" t="s">
        <v>23</v>
      </c>
      <c r="D11486" s="14" t="s">
        <v>90</v>
      </c>
      <c r="E11486" s="15">
        <v>45547</v>
      </c>
      <c r="F11486" s="14" t="s">
        <v>15</v>
      </c>
      <c r="G11486" s="16">
        <v>2.5396924168804191</v>
      </c>
    </row>
    <row r="11487" spans="1:7" x14ac:dyDescent="0.3">
      <c r="A11487" s="13" t="s">
        <v>89</v>
      </c>
      <c r="B11487" s="14" t="s">
        <v>1</v>
      </c>
      <c r="C11487" s="14" t="s">
        <v>23</v>
      </c>
      <c r="D11487" s="14" t="s">
        <v>90</v>
      </c>
      <c r="E11487" s="15">
        <v>45548</v>
      </c>
      <c r="F11487" s="14" t="s">
        <v>15</v>
      </c>
      <c r="G11487" s="16">
        <v>2.5544498752156954</v>
      </c>
    </row>
    <row r="11488" spans="1:7" x14ac:dyDescent="0.3">
      <c r="A11488" s="13" t="s">
        <v>89</v>
      </c>
      <c r="B11488" s="14" t="s">
        <v>1</v>
      </c>
      <c r="C11488" s="14" t="s">
        <v>23</v>
      </c>
      <c r="D11488" s="14" t="s">
        <v>90</v>
      </c>
      <c r="E11488" s="15">
        <v>45549</v>
      </c>
      <c r="F11488" s="14" t="s">
        <v>15</v>
      </c>
      <c r="G11488" s="16">
        <v>2.5544498752156954</v>
      </c>
    </row>
    <row r="11489" spans="1:7" x14ac:dyDescent="0.3">
      <c r="A11489" s="13" t="s">
        <v>89</v>
      </c>
      <c r="B11489" s="14" t="s">
        <v>1</v>
      </c>
      <c r="C11489" s="14" t="s">
        <v>23</v>
      </c>
      <c r="D11489" s="14" t="s">
        <v>90</v>
      </c>
      <c r="E11489" s="15">
        <v>45550</v>
      </c>
      <c r="F11489" s="14" t="s">
        <v>15</v>
      </c>
      <c r="G11489" s="16">
        <v>2.5544498752156954</v>
      </c>
    </row>
    <row r="11490" spans="1:7" x14ac:dyDescent="0.3">
      <c r="A11490" s="13" t="s">
        <v>89</v>
      </c>
      <c r="B11490" s="14" t="s">
        <v>1</v>
      </c>
      <c r="C11490" s="14" t="s">
        <v>23</v>
      </c>
      <c r="D11490" s="14" t="s">
        <v>90</v>
      </c>
      <c r="E11490" s="15">
        <v>45551</v>
      </c>
      <c r="F11490" s="14" t="s">
        <v>15</v>
      </c>
      <c r="G11490" s="16">
        <v>2.5693473335509722</v>
      </c>
    </row>
    <row r="11491" spans="1:7" x14ac:dyDescent="0.3">
      <c r="A11491" s="13" t="s">
        <v>89</v>
      </c>
      <c r="B11491" s="14" t="s">
        <v>1</v>
      </c>
      <c r="C11491" s="14" t="s">
        <v>23</v>
      </c>
      <c r="D11491" s="14" t="s">
        <v>90</v>
      </c>
      <c r="E11491" s="15">
        <v>45552</v>
      </c>
      <c r="F11491" s="14" t="s">
        <v>15</v>
      </c>
      <c r="G11491" s="16">
        <v>2.614960791886249</v>
      </c>
    </row>
    <row r="11492" spans="1:7" x14ac:dyDescent="0.3">
      <c r="A11492" s="13" t="s">
        <v>89</v>
      </c>
      <c r="B11492" s="14" t="s">
        <v>1</v>
      </c>
      <c r="C11492" s="14" t="s">
        <v>23</v>
      </c>
      <c r="D11492" s="14" t="s">
        <v>90</v>
      </c>
      <c r="E11492" s="15">
        <v>45553</v>
      </c>
      <c r="F11492" s="14" t="s">
        <v>15</v>
      </c>
      <c r="G11492" s="16">
        <v>2.6301742502215255</v>
      </c>
    </row>
    <row r="11493" spans="1:7" x14ac:dyDescent="0.3">
      <c r="A11493" s="13" t="s">
        <v>89</v>
      </c>
      <c r="B11493" s="14" t="s">
        <v>1</v>
      </c>
      <c r="C11493" s="14" t="s">
        <v>23</v>
      </c>
      <c r="D11493" s="14" t="s">
        <v>90</v>
      </c>
      <c r="E11493" s="15">
        <v>45554</v>
      </c>
      <c r="F11493" s="14" t="s">
        <v>15</v>
      </c>
      <c r="G11493" s="16">
        <v>2.6447637085568023</v>
      </c>
    </row>
    <row r="11494" spans="1:7" x14ac:dyDescent="0.3">
      <c r="A11494" s="13" t="s">
        <v>89</v>
      </c>
      <c r="B11494" s="14" t="s">
        <v>1</v>
      </c>
      <c r="C11494" s="14" t="s">
        <v>23</v>
      </c>
      <c r="D11494" s="14" t="s">
        <v>90</v>
      </c>
      <c r="E11494" s="15">
        <v>45555</v>
      </c>
      <c r="F11494" s="14" t="s">
        <v>15</v>
      </c>
      <c r="G11494" s="16">
        <v>2.6603331668920784</v>
      </c>
    </row>
    <row r="11495" spans="1:7" x14ac:dyDescent="0.3">
      <c r="A11495" s="13" t="s">
        <v>89</v>
      </c>
      <c r="B11495" s="14" t="s">
        <v>1</v>
      </c>
      <c r="C11495" s="14" t="s">
        <v>23</v>
      </c>
      <c r="D11495" s="14" t="s">
        <v>90</v>
      </c>
      <c r="E11495" s="15">
        <v>45556</v>
      </c>
      <c r="F11495" s="14" t="s">
        <v>15</v>
      </c>
      <c r="G11495" s="16">
        <v>2.6603331668920784</v>
      </c>
    </row>
    <row r="11496" spans="1:7" x14ac:dyDescent="0.3">
      <c r="A11496" s="13" t="s">
        <v>89</v>
      </c>
      <c r="B11496" s="14" t="s">
        <v>1</v>
      </c>
      <c r="C11496" s="14" t="s">
        <v>23</v>
      </c>
      <c r="D11496" s="14" t="s">
        <v>90</v>
      </c>
      <c r="E11496" s="15">
        <v>45557</v>
      </c>
      <c r="F11496" s="14" t="s">
        <v>15</v>
      </c>
      <c r="G11496" s="16">
        <v>2.6603331668920784</v>
      </c>
    </row>
    <row r="11497" spans="1:7" x14ac:dyDescent="0.3">
      <c r="A11497" s="13" t="s">
        <v>89</v>
      </c>
      <c r="B11497" s="14" t="s">
        <v>1</v>
      </c>
      <c r="C11497" s="14" t="s">
        <v>23</v>
      </c>
      <c r="D11497" s="14" t="s">
        <v>90</v>
      </c>
      <c r="E11497" s="15">
        <v>45558</v>
      </c>
      <c r="F11497" s="14" t="s">
        <v>15</v>
      </c>
      <c r="G11497" s="16">
        <v>2.6758746252273551</v>
      </c>
    </row>
    <row r="11498" spans="1:7" x14ac:dyDescent="0.3">
      <c r="A11498" s="13" t="s">
        <v>89</v>
      </c>
      <c r="B11498" s="14" t="s">
        <v>1</v>
      </c>
      <c r="C11498" s="14" t="s">
        <v>23</v>
      </c>
      <c r="D11498" s="14" t="s">
        <v>90</v>
      </c>
      <c r="E11498" s="15">
        <v>45559</v>
      </c>
      <c r="F11498" s="14" t="s">
        <v>15</v>
      </c>
      <c r="G11498" s="16">
        <v>2.7343680835626318</v>
      </c>
    </row>
    <row r="11499" spans="1:7" x14ac:dyDescent="0.3">
      <c r="A11499" s="13" t="s">
        <v>89</v>
      </c>
      <c r="B11499" s="14" t="s">
        <v>1</v>
      </c>
      <c r="C11499" s="14" t="s">
        <v>23</v>
      </c>
      <c r="D11499" s="14" t="s">
        <v>90</v>
      </c>
      <c r="E11499" s="15">
        <v>45560</v>
      </c>
      <c r="F11499" s="14" t="s">
        <v>15</v>
      </c>
      <c r="G11499" s="16">
        <v>2.7500935418979084</v>
      </c>
    </row>
    <row r="11500" spans="1:7" x14ac:dyDescent="0.3">
      <c r="A11500" s="13" t="s">
        <v>89</v>
      </c>
      <c r="B11500" s="14" t="s">
        <v>1</v>
      </c>
      <c r="C11500" s="14" t="s">
        <v>23</v>
      </c>
      <c r="D11500" s="14" t="s">
        <v>90</v>
      </c>
      <c r="E11500" s="15">
        <v>45561</v>
      </c>
      <c r="F11500" s="14" t="s">
        <v>15</v>
      </c>
      <c r="G11500" s="16">
        <v>2.765771000233185</v>
      </c>
    </row>
    <row r="11501" spans="1:7" x14ac:dyDescent="0.3">
      <c r="A11501" s="13" t="s">
        <v>89</v>
      </c>
      <c r="B11501" s="14" t="s">
        <v>1</v>
      </c>
      <c r="C11501" s="14" t="s">
        <v>23</v>
      </c>
      <c r="D11501" s="14" t="s">
        <v>90</v>
      </c>
      <c r="E11501" s="15">
        <v>45562</v>
      </c>
      <c r="F11501" s="14" t="s">
        <v>15</v>
      </c>
      <c r="G11501" s="16">
        <v>2.7841444585684614</v>
      </c>
    </row>
    <row r="11502" spans="1:7" x14ac:dyDescent="0.3">
      <c r="A11502" s="13" t="s">
        <v>89</v>
      </c>
      <c r="B11502" s="14" t="s">
        <v>1</v>
      </c>
      <c r="C11502" s="14" t="s">
        <v>23</v>
      </c>
      <c r="D11502" s="14" t="s">
        <v>90</v>
      </c>
      <c r="E11502" s="15">
        <v>45563</v>
      </c>
      <c r="F11502" s="14" t="s">
        <v>15</v>
      </c>
      <c r="G11502" s="16">
        <v>2.7841444585684614</v>
      </c>
    </row>
    <row r="11503" spans="1:7" x14ac:dyDescent="0.3">
      <c r="A11503" s="13" t="s">
        <v>89</v>
      </c>
      <c r="B11503" s="14" t="s">
        <v>1</v>
      </c>
      <c r="C11503" s="14" t="s">
        <v>23</v>
      </c>
      <c r="D11503" s="14" t="s">
        <v>90</v>
      </c>
      <c r="E11503" s="15">
        <v>45564</v>
      </c>
      <c r="F11503" s="14" t="s">
        <v>15</v>
      </c>
      <c r="G11503" s="16">
        <v>2.7841444585684614</v>
      </c>
    </row>
    <row r="11504" spans="1:7" x14ac:dyDescent="0.3">
      <c r="A11504" s="13" t="s">
        <v>89</v>
      </c>
      <c r="B11504" s="14" t="s">
        <v>1</v>
      </c>
      <c r="C11504" s="14" t="s">
        <v>23</v>
      </c>
      <c r="D11504" s="14" t="s">
        <v>90</v>
      </c>
      <c r="E11504" s="15">
        <v>45565</v>
      </c>
      <c r="F11504" s="14" t="s">
        <v>15</v>
      </c>
      <c r="G11504" s="16">
        <v>2.7997699169037378</v>
      </c>
    </row>
    <row r="11505" spans="1:7" x14ac:dyDescent="0.3">
      <c r="A11505" s="13" t="s">
        <v>89</v>
      </c>
      <c r="B11505" s="14" t="s">
        <v>1</v>
      </c>
      <c r="C11505" s="14" t="s">
        <v>23</v>
      </c>
      <c r="D11505" s="14" t="s">
        <v>90</v>
      </c>
      <c r="E11505" s="15">
        <v>45566</v>
      </c>
      <c r="F11505" s="14" t="s">
        <v>15</v>
      </c>
      <c r="G11505" s="16">
        <v>2.8464953752390145</v>
      </c>
    </row>
    <row r="11506" spans="1:7" x14ac:dyDescent="0.3">
      <c r="A11506" s="13" t="s">
        <v>89</v>
      </c>
      <c r="B11506" s="14" t="s">
        <v>1</v>
      </c>
      <c r="C11506" s="14" t="s">
        <v>23</v>
      </c>
      <c r="D11506" s="14" t="s">
        <v>90</v>
      </c>
      <c r="E11506" s="15">
        <v>45567</v>
      </c>
      <c r="F11506" s="14" t="s">
        <v>15</v>
      </c>
      <c r="G11506" s="16">
        <v>2.8618848335742912</v>
      </c>
    </row>
    <row r="11507" spans="1:7" x14ac:dyDescent="0.3">
      <c r="A11507" s="13" t="s">
        <v>89</v>
      </c>
      <c r="B11507" s="14" t="s">
        <v>1</v>
      </c>
      <c r="C11507" s="14" t="s">
        <v>23</v>
      </c>
      <c r="D11507" s="14" t="s">
        <v>90</v>
      </c>
      <c r="E11507" s="15">
        <v>45568</v>
      </c>
      <c r="F11507" s="14" t="s">
        <v>15</v>
      </c>
      <c r="G11507" s="16">
        <v>2.8682382919095675</v>
      </c>
    </row>
    <row r="11508" spans="1:7" x14ac:dyDescent="0.3">
      <c r="A11508" s="13" t="s">
        <v>89</v>
      </c>
      <c r="B11508" s="14" t="s">
        <v>1</v>
      </c>
      <c r="C11508" s="14" t="s">
        <v>23</v>
      </c>
      <c r="D11508" s="14" t="s">
        <v>90</v>
      </c>
      <c r="E11508" s="15">
        <v>45569</v>
      </c>
      <c r="F11508" s="14" t="s">
        <v>15</v>
      </c>
      <c r="G11508" s="16">
        <v>2.8841517502448442</v>
      </c>
    </row>
    <row r="11509" spans="1:7" x14ac:dyDescent="0.3">
      <c r="A11509" s="13" t="s">
        <v>89</v>
      </c>
      <c r="B11509" s="14" t="s">
        <v>1</v>
      </c>
      <c r="C11509" s="14" t="s">
        <v>23</v>
      </c>
      <c r="D11509" s="14" t="s">
        <v>90</v>
      </c>
      <c r="E11509" s="15">
        <v>45570</v>
      </c>
      <c r="F11509" s="14" t="s">
        <v>15</v>
      </c>
      <c r="G11509" s="16">
        <v>2.8841517502448442</v>
      </c>
    </row>
    <row r="11510" spans="1:7" x14ac:dyDescent="0.3">
      <c r="A11510" s="13" t="s">
        <v>89</v>
      </c>
      <c r="B11510" s="14" t="s">
        <v>1</v>
      </c>
      <c r="C11510" s="14" t="s">
        <v>23</v>
      </c>
      <c r="D11510" s="14" t="s">
        <v>90</v>
      </c>
      <c r="E11510" s="15">
        <v>45571</v>
      </c>
      <c r="F11510" s="14" t="s">
        <v>15</v>
      </c>
      <c r="G11510" s="16">
        <v>2.8841517502448442</v>
      </c>
    </row>
    <row r="11511" spans="1:7" x14ac:dyDescent="0.3">
      <c r="A11511" s="13" t="s">
        <v>89</v>
      </c>
      <c r="B11511" s="14" t="s">
        <v>1</v>
      </c>
      <c r="C11511" s="14" t="s">
        <v>23</v>
      </c>
      <c r="D11511" s="14" t="s">
        <v>90</v>
      </c>
      <c r="E11511" s="15">
        <v>45572</v>
      </c>
      <c r="F11511" s="14" t="s">
        <v>15</v>
      </c>
      <c r="G11511" s="16">
        <v>2.9229492085801208</v>
      </c>
    </row>
    <row r="11512" spans="1:7" x14ac:dyDescent="0.3">
      <c r="A11512" s="13" t="s">
        <v>89</v>
      </c>
      <c r="B11512" s="14" t="s">
        <v>1</v>
      </c>
      <c r="C11512" s="14" t="s">
        <v>23</v>
      </c>
      <c r="D11512" s="14" t="s">
        <v>90</v>
      </c>
      <c r="E11512" s="15">
        <v>45573</v>
      </c>
      <c r="F11512" s="14" t="s">
        <v>15</v>
      </c>
      <c r="G11512" s="16">
        <v>2.9730826669153974</v>
      </c>
    </row>
    <row r="11513" spans="1:7" x14ac:dyDescent="0.3">
      <c r="A11513" s="13" t="s">
        <v>89</v>
      </c>
      <c r="B11513" s="14" t="s">
        <v>1</v>
      </c>
      <c r="C11513" s="14" t="s">
        <v>23</v>
      </c>
      <c r="D11513" s="14" t="s">
        <v>90</v>
      </c>
      <c r="E11513" s="15">
        <v>45574</v>
      </c>
      <c r="F11513" s="14" t="s">
        <v>15</v>
      </c>
      <c r="G11513" s="16">
        <v>2.9891401252506737</v>
      </c>
    </row>
    <row r="11514" spans="1:7" x14ac:dyDescent="0.3">
      <c r="A11514" s="13" t="s">
        <v>89</v>
      </c>
      <c r="B11514" s="14" t="s">
        <v>1</v>
      </c>
      <c r="C11514" s="14" t="s">
        <v>23</v>
      </c>
      <c r="D11514" s="14" t="s">
        <v>90</v>
      </c>
      <c r="E11514" s="15">
        <v>45575</v>
      </c>
      <c r="F11514" s="14" t="s">
        <v>15</v>
      </c>
      <c r="G11514" s="16">
        <v>3.00519358358595</v>
      </c>
    </row>
    <row r="11515" spans="1:7" x14ac:dyDescent="0.3">
      <c r="A11515" s="13" t="s">
        <v>89</v>
      </c>
      <c r="B11515" s="14" t="s">
        <v>1</v>
      </c>
      <c r="C11515" s="14" t="s">
        <v>23</v>
      </c>
      <c r="D11515" s="14" t="s">
        <v>90</v>
      </c>
      <c r="E11515" s="15">
        <v>45576</v>
      </c>
      <c r="F11515" s="14" t="s">
        <v>15</v>
      </c>
      <c r="G11515" s="16">
        <v>3.0210950419212268</v>
      </c>
    </row>
    <row r="11516" spans="1:7" x14ac:dyDescent="0.3">
      <c r="A11516" s="13" t="s">
        <v>89</v>
      </c>
      <c r="B11516" s="14" t="s">
        <v>1</v>
      </c>
      <c r="C11516" s="14" t="s">
        <v>23</v>
      </c>
      <c r="D11516" s="14" t="s">
        <v>90</v>
      </c>
      <c r="E11516" s="15">
        <v>45577</v>
      </c>
      <c r="F11516" s="14" t="s">
        <v>15</v>
      </c>
      <c r="G11516" s="16">
        <v>3.0210950419212268</v>
      </c>
    </row>
    <row r="11517" spans="1:7" x14ac:dyDescent="0.3">
      <c r="A11517" s="13" t="s">
        <v>89</v>
      </c>
      <c r="B11517" s="14" t="s">
        <v>1</v>
      </c>
      <c r="C11517" s="14" t="s">
        <v>23</v>
      </c>
      <c r="D11517" s="14" t="s">
        <v>90</v>
      </c>
      <c r="E11517" s="15">
        <v>45578</v>
      </c>
      <c r="F11517" s="14" t="s">
        <v>15</v>
      </c>
      <c r="G11517" s="16">
        <v>3.0210950419212268</v>
      </c>
    </row>
    <row r="11518" spans="1:7" x14ac:dyDescent="0.3">
      <c r="A11518" s="13" t="s">
        <v>89</v>
      </c>
      <c r="B11518" s="14" t="s">
        <v>1</v>
      </c>
      <c r="C11518" s="14" t="s">
        <v>23</v>
      </c>
      <c r="D11518" s="14" t="s">
        <v>90</v>
      </c>
      <c r="E11518" s="15">
        <v>45579</v>
      </c>
      <c r="F11518" s="14" t="s">
        <v>15</v>
      </c>
      <c r="G11518" s="16">
        <v>3.0210950419212268</v>
      </c>
    </row>
    <row r="11519" spans="1:7" x14ac:dyDescent="0.3">
      <c r="A11519" s="13" t="s">
        <v>89</v>
      </c>
      <c r="B11519" s="14" t="s">
        <v>1</v>
      </c>
      <c r="C11519" s="14" t="s">
        <v>23</v>
      </c>
      <c r="D11519" s="14" t="s">
        <v>90</v>
      </c>
      <c r="E11519" s="15">
        <v>45580</v>
      </c>
      <c r="F11519" s="14" t="s">
        <v>15</v>
      </c>
      <c r="G11519" s="16">
        <v>3.037084500256503</v>
      </c>
    </row>
    <row r="11520" spans="1:7" x14ac:dyDescent="0.3">
      <c r="A11520" s="13" t="s">
        <v>89</v>
      </c>
      <c r="B11520" s="14" t="s">
        <v>1</v>
      </c>
      <c r="C11520" s="14" t="s">
        <v>23</v>
      </c>
      <c r="D11520" s="14" t="s">
        <v>90</v>
      </c>
      <c r="E11520" s="15">
        <v>45581</v>
      </c>
      <c r="F11520" s="14" t="s">
        <v>15</v>
      </c>
      <c r="G11520" s="16">
        <v>3.1009379585917793</v>
      </c>
    </row>
    <row r="11521" spans="1:7" x14ac:dyDescent="0.3">
      <c r="A11521" s="13" t="s">
        <v>89</v>
      </c>
      <c r="B11521" s="14" t="s">
        <v>1</v>
      </c>
      <c r="C11521" s="14" t="s">
        <v>23</v>
      </c>
      <c r="D11521" s="14" t="s">
        <v>90</v>
      </c>
      <c r="E11521" s="15">
        <v>45582</v>
      </c>
      <c r="F11521" s="14" t="s">
        <v>15</v>
      </c>
      <c r="G11521" s="16">
        <v>3.1166674169270561</v>
      </c>
    </row>
    <row r="11522" spans="1:7" x14ac:dyDescent="0.3">
      <c r="A11522" s="13" t="s">
        <v>89</v>
      </c>
      <c r="B11522" s="14" t="s">
        <v>1</v>
      </c>
      <c r="C11522" s="14" t="s">
        <v>23</v>
      </c>
      <c r="D11522" s="14" t="s">
        <v>90</v>
      </c>
      <c r="E11522" s="15">
        <v>45583</v>
      </c>
      <c r="F11522" s="14" t="s">
        <v>15</v>
      </c>
      <c r="G11522" s="16">
        <v>3.132464875262333</v>
      </c>
    </row>
    <row r="11523" spans="1:7" x14ac:dyDescent="0.3">
      <c r="A11523" s="13" t="s">
        <v>89</v>
      </c>
      <c r="B11523" s="14" t="s">
        <v>1</v>
      </c>
      <c r="C11523" s="14" t="s">
        <v>23</v>
      </c>
      <c r="D11523" s="14" t="s">
        <v>90</v>
      </c>
      <c r="E11523" s="15">
        <v>45584</v>
      </c>
      <c r="F11523" s="14" t="s">
        <v>15</v>
      </c>
      <c r="G11523" s="16">
        <v>3.132464875262333</v>
      </c>
    </row>
    <row r="11524" spans="1:7" x14ac:dyDescent="0.3">
      <c r="A11524" s="13" t="s">
        <v>89</v>
      </c>
      <c r="B11524" s="14" t="s">
        <v>1</v>
      </c>
      <c r="C11524" s="14" t="s">
        <v>23</v>
      </c>
      <c r="D11524" s="14" t="s">
        <v>90</v>
      </c>
      <c r="E11524" s="15">
        <v>45585</v>
      </c>
      <c r="F11524" s="14" t="s">
        <v>15</v>
      </c>
      <c r="G11524" s="16">
        <v>3.132464875262333</v>
      </c>
    </row>
    <row r="11525" spans="1:7" x14ac:dyDescent="0.3">
      <c r="A11525" s="13" t="s">
        <v>89</v>
      </c>
      <c r="B11525" s="14" t="s">
        <v>1</v>
      </c>
      <c r="C11525" s="14" t="s">
        <v>23</v>
      </c>
      <c r="D11525" s="14" t="s">
        <v>90</v>
      </c>
      <c r="E11525" s="15">
        <v>45586</v>
      </c>
      <c r="F11525" s="14" t="s">
        <v>15</v>
      </c>
      <c r="G11525" s="16">
        <v>3.1472983335976092</v>
      </c>
    </row>
    <row r="11526" spans="1:7" x14ac:dyDescent="0.3">
      <c r="A11526" s="13" t="s">
        <v>89</v>
      </c>
      <c r="B11526" s="14" t="s">
        <v>1</v>
      </c>
      <c r="C11526" s="14" t="s">
        <v>23</v>
      </c>
      <c r="D11526" s="14" t="s">
        <v>90</v>
      </c>
      <c r="E11526" s="15">
        <v>45587</v>
      </c>
      <c r="F11526" s="14" t="s">
        <v>15</v>
      </c>
      <c r="G11526" s="16">
        <v>3.1946317919328862</v>
      </c>
    </row>
    <row r="11527" spans="1:7" x14ac:dyDescent="0.3">
      <c r="A11527" s="13" t="s">
        <v>89</v>
      </c>
      <c r="B11527" s="14" t="s">
        <v>1</v>
      </c>
      <c r="C11527" s="14" t="s">
        <v>23</v>
      </c>
      <c r="D11527" s="14" t="s">
        <v>90</v>
      </c>
      <c r="E11527" s="15">
        <v>45588</v>
      </c>
      <c r="F11527" s="14" t="s">
        <v>15</v>
      </c>
      <c r="G11527" s="16">
        <v>3.2104732502681625</v>
      </c>
    </row>
    <row r="11528" spans="1:7" x14ac:dyDescent="0.3">
      <c r="A11528" s="13" t="s">
        <v>89</v>
      </c>
      <c r="B11528" s="14" t="s">
        <v>1</v>
      </c>
      <c r="C11528" s="14" t="s">
        <v>23</v>
      </c>
      <c r="D11528" s="14" t="s">
        <v>90</v>
      </c>
      <c r="E11528" s="15">
        <v>45589</v>
      </c>
      <c r="F11528" s="14" t="s">
        <v>15</v>
      </c>
      <c r="G11528" s="16">
        <v>3.2259867086034393</v>
      </c>
    </row>
    <row r="11529" spans="1:7" x14ac:dyDescent="0.3">
      <c r="A11529" s="13" t="s">
        <v>89</v>
      </c>
      <c r="B11529" s="14" t="s">
        <v>1</v>
      </c>
      <c r="C11529" s="14" t="s">
        <v>23</v>
      </c>
      <c r="D11529" s="14" t="s">
        <v>90</v>
      </c>
      <c r="E11529" s="15">
        <v>45590</v>
      </c>
      <c r="F11529" s="14" t="s">
        <v>15</v>
      </c>
      <c r="G11529" s="16">
        <v>3.2415961669387157</v>
      </c>
    </row>
    <row r="11530" spans="1:7" x14ac:dyDescent="0.3">
      <c r="A11530" s="13" t="s">
        <v>89</v>
      </c>
      <c r="B11530" s="14" t="s">
        <v>1</v>
      </c>
      <c r="C11530" s="14" t="s">
        <v>23</v>
      </c>
      <c r="D11530" s="14" t="s">
        <v>90</v>
      </c>
      <c r="E11530" s="15">
        <v>45591</v>
      </c>
      <c r="F11530" s="14" t="s">
        <v>15</v>
      </c>
      <c r="G11530" s="16">
        <v>3.2415961669387157</v>
      </c>
    </row>
    <row r="11531" spans="1:7" x14ac:dyDescent="0.3">
      <c r="A11531" s="13" t="s">
        <v>89</v>
      </c>
      <c r="B11531" s="14" t="s">
        <v>1</v>
      </c>
      <c r="C11531" s="14" t="s">
        <v>23</v>
      </c>
      <c r="D11531" s="14" t="s">
        <v>90</v>
      </c>
      <c r="E11531" s="15">
        <v>45592</v>
      </c>
      <c r="F11531" s="14" t="s">
        <v>15</v>
      </c>
      <c r="G11531" s="16">
        <v>3.2415961669387157</v>
      </c>
    </row>
    <row r="11532" spans="1:7" x14ac:dyDescent="0.3">
      <c r="A11532" s="13" t="s">
        <v>89</v>
      </c>
      <c r="B11532" s="14" t="s">
        <v>1</v>
      </c>
      <c r="C11532" s="14" t="s">
        <v>23</v>
      </c>
      <c r="D11532" s="14" t="s">
        <v>90</v>
      </c>
      <c r="E11532" s="15">
        <v>45593</v>
      </c>
      <c r="F11532" s="14" t="s">
        <v>15</v>
      </c>
      <c r="G11532" s="16">
        <v>3.2415961669387157</v>
      </c>
    </row>
    <row r="11533" spans="1:7" x14ac:dyDescent="0.3">
      <c r="A11533" s="13" t="s">
        <v>89</v>
      </c>
      <c r="B11533" s="14" t="s">
        <v>1</v>
      </c>
      <c r="C11533" s="14" t="s">
        <v>23</v>
      </c>
      <c r="D11533" s="14" t="s">
        <v>90</v>
      </c>
      <c r="E11533" s="15">
        <v>45594</v>
      </c>
      <c r="F11533" s="14" t="s">
        <v>15</v>
      </c>
      <c r="G11533" s="16">
        <v>3.2600816252739921</v>
      </c>
    </row>
    <row r="11534" spans="1:7" x14ac:dyDescent="0.3">
      <c r="A11534" s="13" t="s">
        <v>89</v>
      </c>
      <c r="B11534" s="14" t="s">
        <v>1</v>
      </c>
      <c r="C11534" s="14" t="s">
        <v>23</v>
      </c>
      <c r="D11534" s="14" t="s">
        <v>90</v>
      </c>
      <c r="E11534" s="15">
        <v>45595</v>
      </c>
      <c r="F11534" s="14" t="s">
        <v>15</v>
      </c>
      <c r="G11534" s="16">
        <v>3.3212350836092686</v>
      </c>
    </row>
    <row r="11535" spans="1:7" x14ac:dyDescent="0.3">
      <c r="A11535" s="13" t="s">
        <v>89</v>
      </c>
      <c r="B11535" s="14" t="s">
        <v>1</v>
      </c>
      <c r="C11535" s="14" t="s">
        <v>23</v>
      </c>
      <c r="D11535" s="14" t="s">
        <v>90</v>
      </c>
      <c r="E11535" s="15">
        <v>45596</v>
      </c>
      <c r="F11535" s="14" t="s">
        <v>15</v>
      </c>
      <c r="G11535" s="16">
        <v>3.3244845419445452</v>
      </c>
    </row>
    <row r="11536" spans="1:7" x14ac:dyDescent="0.3">
      <c r="A11536" s="13" t="s">
        <v>89</v>
      </c>
      <c r="B11536" s="14" t="s">
        <v>1</v>
      </c>
      <c r="C11536" s="14" t="s">
        <v>23</v>
      </c>
      <c r="D11536" s="14" t="s">
        <v>90</v>
      </c>
      <c r="E11536" s="15">
        <v>45597</v>
      </c>
      <c r="F11536" s="14" t="s">
        <v>15</v>
      </c>
      <c r="G11536" s="16">
        <v>3.339334000279822</v>
      </c>
    </row>
    <row r="11537" spans="1:7" x14ac:dyDescent="0.3">
      <c r="A11537" s="13" t="s">
        <v>89</v>
      </c>
      <c r="B11537" s="14" t="s">
        <v>1</v>
      </c>
      <c r="C11537" s="14" t="s">
        <v>23</v>
      </c>
      <c r="D11537" s="14" t="s">
        <v>90</v>
      </c>
      <c r="E11537" s="15">
        <v>45598</v>
      </c>
      <c r="F11537" s="14" t="s">
        <v>15</v>
      </c>
      <c r="G11537" s="16">
        <v>3.339334000279822</v>
      </c>
    </row>
    <row r="11538" spans="1:7" x14ac:dyDescent="0.3">
      <c r="A11538" s="13" t="s">
        <v>89</v>
      </c>
      <c r="B11538" s="14" t="s">
        <v>1</v>
      </c>
      <c r="C11538" s="14" t="s">
        <v>23</v>
      </c>
      <c r="D11538" s="14" t="s">
        <v>90</v>
      </c>
      <c r="E11538" s="15">
        <v>45599</v>
      </c>
      <c r="F11538" s="14" t="s">
        <v>15</v>
      </c>
      <c r="G11538" s="16">
        <v>3.339334000279822</v>
      </c>
    </row>
    <row r="11539" spans="1:7" x14ac:dyDescent="0.3">
      <c r="A11539" s="13" t="s">
        <v>89</v>
      </c>
      <c r="B11539" s="14" t="s">
        <v>1</v>
      </c>
      <c r="C11539" s="14" t="s">
        <v>23</v>
      </c>
      <c r="D11539" s="14" t="s">
        <v>90</v>
      </c>
      <c r="E11539" s="15">
        <v>45600</v>
      </c>
      <c r="F11539" s="14" t="s">
        <v>15</v>
      </c>
      <c r="G11539" s="16">
        <v>3.3460354586150984</v>
      </c>
    </row>
    <row r="11540" spans="1:7" x14ac:dyDescent="0.3">
      <c r="A11540" s="13" t="s">
        <v>89</v>
      </c>
      <c r="B11540" s="14" t="s">
        <v>1</v>
      </c>
      <c r="C11540" s="14" t="s">
        <v>23</v>
      </c>
      <c r="D11540" s="14" t="s">
        <v>90</v>
      </c>
      <c r="E11540" s="15">
        <v>45601</v>
      </c>
      <c r="F11540" s="14" t="s">
        <v>15</v>
      </c>
      <c r="G11540" s="16">
        <v>3.3934289169503749</v>
      </c>
    </row>
    <row r="11541" spans="1:7" x14ac:dyDescent="0.3">
      <c r="A11541" s="13" t="s">
        <v>89</v>
      </c>
      <c r="B11541" s="14" t="s">
        <v>1</v>
      </c>
      <c r="C11541" s="14" t="s">
        <v>23</v>
      </c>
      <c r="D11541" s="14" t="s">
        <v>90</v>
      </c>
      <c r="E11541" s="15">
        <v>45602</v>
      </c>
      <c r="F11541" s="14" t="s">
        <v>15</v>
      </c>
      <c r="G11541" s="16">
        <v>3.4091023752856513</v>
      </c>
    </row>
    <row r="11542" spans="1:7" x14ac:dyDescent="0.3">
      <c r="A11542" s="13" t="s">
        <v>89</v>
      </c>
      <c r="B11542" s="14" t="s">
        <v>1</v>
      </c>
      <c r="C11542" s="14" t="s">
        <v>23</v>
      </c>
      <c r="D11542" s="14" t="s">
        <v>90</v>
      </c>
      <c r="E11542" s="15">
        <v>45603</v>
      </c>
      <c r="F11542" s="14" t="s">
        <v>15</v>
      </c>
      <c r="G11542" s="16">
        <v>3.4263238336209279</v>
      </c>
    </row>
    <row r="11543" spans="1:7" x14ac:dyDescent="0.3">
      <c r="A11543" s="13" t="s">
        <v>89</v>
      </c>
      <c r="B11543" s="14" t="s">
        <v>1</v>
      </c>
      <c r="C11543" s="14" t="s">
        <v>23</v>
      </c>
      <c r="D11543" s="14" t="s">
        <v>90</v>
      </c>
      <c r="E11543" s="15">
        <v>45604</v>
      </c>
      <c r="F11543" s="14" t="s">
        <v>15</v>
      </c>
      <c r="G11543" s="16">
        <v>3.4425652919562046</v>
      </c>
    </row>
    <row r="11544" spans="1:7" x14ac:dyDescent="0.3">
      <c r="A11544" s="13" t="s">
        <v>89</v>
      </c>
      <c r="B11544" s="14" t="s">
        <v>1</v>
      </c>
      <c r="C11544" s="14" t="s">
        <v>23</v>
      </c>
      <c r="D11544" s="14" t="s">
        <v>90</v>
      </c>
      <c r="E11544" s="15">
        <v>45605</v>
      </c>
      <c r="F11544" s="14" t="s">
        <v>15</v>
      </c>
      <c r="G11544" s="16">
        <v>3.4425652919562046</v>
      </c>
    </row>
    <row r="11545" spans="1:7" x14ac:dyDescent="0.3">
      <c r="A11545" s="13" t="s">
        <v>89</v>
      </c>
      <c r="B11545" s="14" t="s">
        <v>1</v>
      </c>
      <c r="C11545" s="14" t="s">
        <v>23</v>
      </c>
      <c r="D11545" s="14" t="s">
        <v>90</v>
      </c>
      <c r="E11545" s="15">
        <v>45606</v>
      </c>
      <c r="F11545" s="14" t="s">
        <v>15</v>
      </c>
      <c r="G11545" s="16">
        <v>3.4425652919562046</v>
      </c>
    </row>
    <row r="11546" spans="1:7" x14ac:dyDescent="0.3">
      <c r="A11546" s="13" t="s">
        <v>89</v>
      </c>
      <c r="B11546" s="14" t="s">
        <v>1</v>
      </c>
      <c r="C11546" s="14" t="s">
        <v>23</v>
      </c>
      <c r="D11546" s="14" t="s">
        <v>90</v>
      </c>
      <c r="E11546" s="15">
        <v>45607</v>
      </c>
      <c r="F11546" s="14" t="s">
        <v>15</v>
      </c>
      <c r="G11546" s="16">
        <v>3.4425652919562046</v>
      </c>
    </row>
    <row r="11547" spans="1:7" x14ac:dyDescent="0.3">
      <c r="A11547" s="13" t="s">
        <v>89</v>
      </c>
      <c r="B11547" s="14" t="s">
        <v>1</v>
      </c>
      <c r="C11547" s="14" t="s">
        <v>23</v>
      </c>
      <c r="D11547" s="14" t="s">
        <v>90</v>
      </c>
      <c r="E11547" s="15">
        <v>45608</v>
      </c>
      <c r="F11547" s="14" t="s">
        <v>15</v>
      </c>
      <c r="G11547" s="16">
        <v>3.4576907502914809</v>
      </c>
    </row>
    <row r="11548" spans="1:7" x14ac:dyDescent="0.3">
      <c r="A11548" s="13" t="s">
        <v>89</v>
      </c>
      <c r="B11548" s="14" t="s">
        <v>1</v>
      </c>
      <c r="C11548" s="14" t="s">
        <v>23</v>
      </c>
      <c r="D11548" s="14" t="s">
        <v>90</v>
      </c>
      <c r="E11548" s="15">
        <v>45609</v>
      </c>
      <c r="F11548" s="14" t="s">
        <v>15</v>
      </c>
      <c r="G11548" s="16">
        <v>3.5327562086267572</v>
      </c>
    </row>
    <row r="11549" spans="1:7" x14ac:dyDescent="0.3">
      <c r="A11549" s="13" t="s">
        <v>89</v>
      </c>
      <c r="B11549" s="14" t="s">
        <v>1</v>
      </c>
      <c r="C11549" s="14" t="s">
        <v>23</v>
      </c>
      <c r="D11549" s="14" t="s">
        <v>90</v>
      </c>
      <c r="E11549" s="15">
        <v>45610</v>
      </c>
      <c r="F11549" s="14" t="s">
        <v>15</v>
      </c>
      <c r="G11549" s="16">
        <v>3.5480296669620337</v>
      </c>
    </row>
    <row r="11550" spans="1:7" x14ac:dyDescent="0.3">
      <c r="A11550" s="13" t="s">
        <v>89</v>
      </c>
      <c r="B11550" s="14" t="s">
        <v>1</v>
      </c>
      <c r="C11550" s="14" t="s">
        <v>23</v>
      </c>
      <c r="D11550" s="14" t="s">
        <v>90</v>
      </c>
      <c r="E11550" s="15">
        <v>45611</v>
      </c>
      <c r="F11550" s="14" t="s">
        <v>15</v>
      </c>
      <c r="G11550" s="16">
        <v>3.5633231252973099</v>
      </c>
    </row>
    <row r="11551" spans="1:7" x14ac:dyDescent="0.3">
      <c r="A11551" s="13" t="s">
        <v>89</v>
      </c>
      <c r="B11551" s="14" t="s">
        <v>1</v>
      </c>
      <c r="C11551" s="14" t="s">
        <v>23</v>
      </c>
      <c r="D11551" s="14" t="s">
        <v>90</v>
      </c>
      <c r="E11551" s="15">
        <v>45612</v>
      </c>
      <c r="F11551" s="14" t="s">
        <v>15</v>
      </c>
      <c r="G11551" s="16">
        <v>3.5633231252973099</v>
      </c>
    </row>
    <row r="11552" spans="1:7" x14ac:dyDescent="0.3">
      <c r="A11552" s="13" t="s">
        <v>89</v>
      </c>
      <c r="B11552" s="14" t="s">
        <v>1</v>
      </c>
      <c r="C11552" s="14" t="s">
        <v>23</v>
      </c>
      <c r="D11552" s="14" t="s">
        <v>90</v>
      </c>
      <c r="E11552" s="15">
        <v>45613</v>
      </c>
      <c r="F11552" s="14" t="s">
        <v>15</v>
      </c>
      <c r="G11552" s="16">
        <v>3.5633231252973099</v>
      </c>
    </row>
    <row r="11553" spans="1:7" x14ac:dyDescent="0.3">
      <c r="A11553" s="13" t="s">
        <v>89</v>
      </c>
      <c r="B11553" s="14" t="s">
        <v>1</v>
      </c>
      <c r="C11553" s="14" t="s">
        <v>23</v>
      </c>
      <c r="D11553" s="14" t="s">
        <v>90</v>
      </c>
      <c r="E11553" s="15">
        <v>45614</v>
      </c>
      <c r="F11553" s="14" t="s">
        <v>15</v>
      </c>
      <c r="G11553" s="16">
        <v>3.5786285836325864</v>
      </c>
    </row>
    <row r="11554" spans="1:7" x14ac:dyDescent="0.3">
      <c r="A11554" s="13" t="s">
        <v>89</v>
      </c>
      <c r="B11554" s="14" t="s">
        <v>1</v>
      </c>
      <c r="C11554" s="14" t="s">
        <v>23</v>
      </c>
      <c r="D11554" s="14" t="s">
        <v>90</v>
      </c>
      <c r="E11554" s="15">
        <v>45615</v>
      </c>
      <c r="F11554" s="14" t="s">
        <v>15</v>
      </c>
      <c r="G11554" s="16">
        <v>3.6239020419678627</v>
      </c>
    </row>
    <row r="11555" spans="1:7" x14ac:dyDescent="0.3">
      <c r="A11555" s="13" t="s">
        <v>89</v>
      </c>
      <c r="B11555" s="14" t="s">
        <v>1</v>
      </c>
      <c r="C11555" s="14" t="s">
        <v>23</v>
      </c>
      <c r="D11555" s="14" t="s">
        <v>90</v>
      </c>
      <c r="E11555" s="15">
        <v>45616</v>
      </c>
      <c r="F11555" s="14" t="s">
        <v>15</v>
      </c>
      <c r="G11555" s="16">
        <v>3.6394155003031394</v>
      </c>
    </row>
    <row r="11556" spans="1:7" x14ac:dyDescent="0.3">
      <c r="A11556" s="13" t="s">
        <v>89</v>
      </c>
      <c r="B11556" s="14" t="s">
        <v>1</v>
      </c>
      <c r="C11556" s="14" t="s">
        <v>23</v>
      </c>
      <c r="D11556" s="14" t="s">
        <v>90</v>
      </c>
      <c r="E11556" s="15">
        <v>45617</v>
      </c>
      <c r="F11556" s="14" t="s">
        <v>15</v>
      </c>
      <c r="G11556" s="16">
        <v>3.655216958638416</v>
      </c>
    </row>
    <row r="11557" spans="1:7" x14ac:dyDescent="0.3">
      <c r="A11557" s="13" t="s">
        <v>89</v>
      </c>
      <c r="B11557" s="14" t="s">
        <v>1</v>
      </c>
      <c r="C11557" s="14" t="s">
        <v>23</v>
      </c>
      <c r="D11557" s="14" t="s">
        <v>90</v>
      </c>
      <c r="E11557" s="15">
        <v>45618</v>
      </c>
      <c r="F11557" s="14" t="s">
        <v>15</v>
      </c>
      <c r="G11557" s="16">
        <v>3.6706864169736924</v>
      </c>
    </row>
    <row r="11558" spans="1:7" x14ac:dyDescent="0.3">
      <c r="A11558" s="13" t="s">
        <v>89</v>
      </c>
      <c r="B11558" s="14" t="s">
        <v>1</v>
      </c>
      <c r="C11558" s="14" t="s">
        <v>23</v>
      </c>
      <c r="D11558" s="14" t="s">
        <v>90</v>
      </c>
      <c r="E11558" s="15">
        <v>45619</v>
      </c>
      <c r="F11558" s="14" t="s">
        <v>15</v>
      </c>
      <c r="G11558" s="16">
        <v>3.6706864169736924</v>
      </c>
    </row>
    <row r="11559" spans="1:7" x14ac:dyDescent="0.3">
      <c r="A11559" s="13" t="s">
        <v>89</v>
      </c>
      <c r="B11559" s="14" t="s">
        <v>1</v>
      </c>
      <c r="C11559" s="14" t="s">
        <v>23</v>
      </c>
      <c r="D11559" s="14" t="s">
        <v>90</v>
      </c>
      <c r="E11559" s="15">
        <v>45620</v>
      </c>
      <c r="F11559" s="14" t="s">
        <v>15</v>
      </c>
      <c r="G11559" s="16">
        <v>3.6706864169736924</v>
      </c>
    </row>
    <row r="11560" spans="1:7" x14ac:dyDescent="0.3">
      <c r="A11560" s="13" t="s">
        <v>89</v>
      </c>
      <c r="B11560" s="14" t="s">
        <v>1</v>
      </c>
      <c r="C11560" s="14" t="s">
        <v>23</v>
      </c>
      <c r="D11560" s="14" t="s">
        <v>90</v>
      </c>
      <c r="E11560" s="15">
        <v>45621</v>
      </c>
      <c r="F11560" s="14" t="s">
        <v>15</v>
      </c>
      <c r="G11560" s="16">
        <v>3.6860798753089687</v>
      </c>
    </row>
    <row r="11561" spans="1:7" x14ac:dyDescent="0.3">
      <c r="A11561" s="13" t="s">
        <v>89</v>
      </c>
      <c r="B11561" s="14" t="s">
        <v>1</v>
      </c>
      <c r="C11561" s="14" t="s">
        <v>23</v>
      </c>
      <c r="D11561" s="14" t="s">
        <v>90</v>
      </c>
      <c r="E11561" s="15">
        <v>45622</v>
      </c>
      <c r="F11561" s="14" t="s">
        <v>15</v>
      </c>
      <c r="G11561" s="16">
        <v>3.732077333644245</v>
      </c>
    </row>
    <row r="11562" spans="1:7" x14ac:dyDescent="0.3">
      <c r="A11562" s="13" t="s">
        <v>89</v>
      </c>
      <c r="B11562" s="14" t="s">
        <v>1</v>
      </c>
      <c r="C11562" s="14" t="s">
        <v>23</v>
      </c>
      <c r="D11562" s="14" t="s">
        <v>90</v>
      </c>
      <c r="E11562" s="15">
        <v>45623</v>
      </c>
      <c r="F11562" s="14" t="s">
        <v>15</v>
      </c>
      <c r="G11562" s="16">
        <v>3.7475187919795214</v>
      </c>
    </row>
    <row r="11563" spans="1:7" x14ac:dyDescent="0.3">
      <c r="A11563" s="13" t="s">
        <v>89</v>
      </c>
      <c r="B11563" s="14" t="s">
        <v>1</v>
      </c>
      <c r="C11563" s="14" t="s">
        <v>23</v>
      </c>
      <c r="D11563" s="14" t="s">
        <v>90</v>
      </c>
      <c r="E11563" s="15">
        <v>45624</v>
      </c>
      <c r="F11563" s="14" t="s">
        <v>15</v>
      </c>
      <c r="G11563" s="16">
        <v>3.7475187919795214</v>
      </c>
    </row>
    <row r="11564" spans="1:7" x14ac:dyDescent="0.3">
      <c r="A11564" s="13" t="s">
        <v>89</v>
      </c>
      <c r="B11564" s="14" t="s">
        <v>1</v>
      </c>
      <c r="C11564" s="14" t="s">
        <v>23</v>
      </c>
      <c r="D11564" s="14" t="s">
        <v>90</v>
      </c>
      <c r="E11564" s="15">
        <v>45625</v>
      </c>
      <c r="F11564" s="14" t="s">
        <v>15</v>
      </c>
      <c r="G11564" s="16">
        <v>3.7671402503147982</v>
      </c>
    </row>
    <row r="11565" spans="1:7" x14ac:dyDescent="0.3">
      <c r="A11565" s="13" t="s">
        <v>89</v>
      </c>
      <c r="B11565" s="14" t="s">
        <v>1</v>
      </c>
      <c r="C11565" s="14" t="s">
        <v>23</v>
      </c>
      <c r="D11565" s="14" t="s">
        <v>90</v>
      </c>
      <c r="E11565" s="15">
        <v>45626</v>
      </c>
      <c r="F11565" s="14" t="s">
        <v>15</v>
      </c>
      <c r="G11565" s="16">
        <v>3.7671402503147982</v>
      </c>
    </row>
    <row r="11566" spans="1:7" x14ac:dyDescent="0.3">
      <c r="A11566" s="13" t="s">
        <v>89</v>
      </c>
      <c r="B11566" s="14" t="s">
        <v>1</v>
      </c>
      <c r="C11566" s="14" t="s">
        <v>23</v>
      </c>
      <c r="D11566" s="14" t="s">
        <v>90</v>
      </c>
      <c r="E11566" s="15">
        <v>45627</v>
      </c>
      <c r="F11566" s="14" t="s">
        <v>15</v>
      </c>
      <c r="G11566" s="16">
        <v>3.7671402503147982</v>
      </c>
    </row>
    <row r="11567" spans="1:7" x14ac:dyDescent="0.3">
      <c r="A11567" s="13" t="s">
        <v>89</v>
      </c>
      <c r="B11567" s="14" t="s">
        <v>1</v>
      </c>
      <c r="C11567" s="14" t="s">
        <v>23</v>
      </c>
      <c r="D11567" s="14" t="s">
        <v>90</v>
      </c>
      <c r="E11567" s="15">
        <v>45628</v>
      </c>
      <c r="F11567" s="14" t="s">
        <v>15</v>
      </c>
      <c r="G11567" s="16">
        <v>3.7977817086500747</v>
      </c>
    </row>
    <row r="11568" spans="1:7" x14ac:dyDescent="0.3">
      <c r="A11568" s="13" t="s">
        <v>89</v>
      </c>
      <c r="B11568" s="14" t="s">
        <v>1</v>
      </c>
      <c r="C11568" s="14" t="s">
        <v>23</v>
      </c>
      <c r="D11568" s="14" t="s">
        <v>90</v>
      </c>
      <c r="E11568" s="15">
        <v>45629</v>
      </c>
      <c r="F11568" s="14" t="s">
        <v>15</v>
      </c>
      <c r="G11568" s="16">
        <v>3.8316471669853511</v>
      </c>
    </row>
    <row r="11569" spans="1:7" x14ac:dyDescent="0.3">
      <c r="A11569" s="13" t="s">
        <v>89</v>
      </c>
      <c r="B11569" s="14" t="s">
        <v>1</v>
      </c>
      <c r="C11569" s="14" t="s">
        <v>23</v>
      </c>
      <c r="D11569" s="14" t="s">
        <v>90</v>
      </c>
      <c r="E11569" s="15">
        <v>45630</v>
      </c>
      <c r="F11569" s="14" t="s">
        <v>15</v>
      </c>
      <c r="G11569" s="16">
        <v>3.8452006253206279</v>
      </c>
    </row>
    <row r="11570" spans="1:7" x14ac:dyDescent="0.3">
      <c r="A11570" s="13" t="s">
        <v>89</v>
      </c>
      <c r="B11570" s="14" t="s">
        <v>1</v>
      </c>
      <c r="C11570" s="14" t="s">
        <v>23</v>
      </c>
      <c r="D11570" s="14" t="s">
        <v>90</v>
      </c>
      <c r="E11570" s="15">
        <v>45631</v>
      </c>
      <c r="F11570" s="14" t="s">
        <v>15</v>
      </c>
      <c r="G11570" s="16">
        <v>3.8606940836559041</v>
      </c>
    </row>
    <row r="11571" spans="1:7" x14ac:dyDescent="0.3">
      <c r="A11571" s="13" t="s">
        <v>89</v>
      </c>
      <c r="B11571" s="14" t="s">
        <v>1</v>
      </c>
      <c r="C11571" s="14" t="s">
        <v>23</v>
      </c>
      <c r="D11571" s="14" t="s">
        <v>90</v>
      </c>
      <c r="E11571" s="15">
        <v>45632</v>
      </c>
      <c r="F11571" s="14" t="s">
        <v>15</v>
      </c>
      <c r="G11571" s="16">
        <v>3.8761195419911805</v>
      </c>
    </row>
    <row r="11572" spans="1:7" x14ac:dyDescent="0.3">
      <c r="A11572" s="13" t="s">
        <v>89</v>
      </c>
      <c r="B11572" s="14" t="s">
        <v>1</v>
      </c>
      <c r="C11572" s="14" t="s">
        <v>23</v>
      </c>
      <c r="D11572" s="14" t="s">
        <v>90</v>
      </c>
      <c r="E11572" s="15">
        <v>45633</v>
      </c>
      <c r="F11572" s="14" t="s">
        <v>15</v>
      </c>
      <c r="G11572" s="16">
        <v>3.8761195419911805</v>
      </c>
    </row>
    <row r="11573" spans="1:7" x14ac:dyDescent="0.3">
      <c r="A11573" s="13" t="s">
        <v>89</v>
      </c>
      <c r="B11573" s="14" t="s">
        <v>1</v>
      </c>
      <c r="C11573" s="14" t="s">
        <v>23</v>
      </c>
      <c r="D11573" s="14" t="s">
        <v>90</v>
      </c>
      <c r="E11573" s="15">
        <v>45634</v>
      </c>
      <c r="F11573" s="14" t="s">
        <v>15</v>
      </c>
      <c r="G11573" s="16">
        <v>3.8761195419911805</v>
      </c>
    </row>
    <row r="11574" spans="1:7" x14ac:dyDescent="0.3">
      <c r="A11574" s="13" t="s">
        <v>89</v>
      </c>
      <c r="B11574" s="14" t="s">
        <v>1</v>
      </c>
      <c r="C11574" s="14" t="s">
        <v>23</v>
      </c>
      <c r="D11574" s="14" t="s">
        <v>90</v>
      </c>
      <c r="E11574" s="15">
        <v>45635</v>
      </c>
      <c r="F11574" s="14" t="s">
        <v>15</v>
      </c>
      <c r="G11574" s="16">
        <v>3.898669000326457</v>
      </c>
    </row>
    <row r="11575" spans="1:7" x14ac:dyDescent="0.3">
      <c r="A11575" s="13" t="s">
        <v>89</v>
      </c>
      <c r="B11575" s="14" t="s">
        <v>1</v>
      </c>
      <c r="C11575" s="14" t="s">
        <v>23</v>
      </c>
      <c r="D11575" s="14" t="s">
        <v>90</v>
      </c>
      <c r="E11575" s="15">
        <v>45636</v>
      </c>
      <c r="F11575" s="14" t="s">
        <v>15</v>
      </c>
      <c r="G11575" s="16">
        <v>3.944490458661734</v>
      </c>
    </row>
    <row r="11576" spans="1:7" x14ac:dyDescent="0.3">
      <c r="A11576" s="13" t="s">
        <v>89</v>
      </c>
      <c r="B11576" s="14" t="s">
        <v>1</v>
      </c>
      <c r="C11576" s="14" t="s">
        <v>23</v>
      </c>
      <c r="D11576" s="14" t="s">
        <v>90</v>
      </c>
      <c r="E11576" s="15">
        <v>45637</v>
      </c>
      <c r="F11576" s="14" t="s">
        <v>15</v>
      </c>
      <c r="G11576" s="16">
        <v>3.9598719169970109</v>
      </c>
    </row>
    <row r="11577" spans="1:7" x14ac:dyDescent="0.3">
      <c r="A11577" s="13" t="s">
        <v>89</v>
      </c>
      <c r="B11577" s="14" t="s">
        <v>1</v>
      </c>
      <c r="C11577" s="14" t="s">
        <v>23</v>
      </c>
      <c r="D11577" s="14" t="s">
        <v>90</v>
      </c>
      <c r="E11577" s="15">
        <v>45638</v>
      </c>
      <c r="F11577" s="14" t="s">
        <v>15</v>
      </c>
      <c r="G11577" s="16">
        <v>3.9752893753322875</v>
      </c>
    </row>
    <row r="11578" spans="1:7" x14ac:dyDescent="0.3">
      <c r="A11578" s="13" t="s">
        <v>89</v>
      </c>
      <c r="B11578" s="14" t="s">
        <v>1</v>
      </c>
      <c r="C11578" s="14" t="s">
        <v>23</v>
      </c>
      <c r="D11578" s="14" t="s">
        <v>90</v>
      </c>
      <c r="E11578" s="15">
        <v>45639</v>
      </c>
      <c r="F11578" s="14" t="s">
        <v>15</v>
      </c>
      <c r="G11578" s="16">
        <v>3.9906948336675638</v>
      </c>
    </row>
    <row r="11579" spans="1:7" x14ac:dyDescent="0.3">
      <c r="A11579" s="13" t="s">
        <v>89</v>
      </c>
      <c r="B11579" s="14" t="s">
        <v>1</v>
      </c>
      <c r="C11579" s="14" t="s">
        <v>23</v>
      </c>
      <c r="D11579" s="14" t="s">
        <v>90</v>
      </c>
      <c r="E11579" s="15">
        <v>45640</v>
      </c>
      <c r="F11579" s="14" t="s">
        <v>15</v>
      </c>
      <c r="G11579" s="16">
        <v>3.9906948336675638</v>
      </c>
    </row>
    <row r="11580" spans="1:7" x14ac:dyDescent="0.3">
      <c r="A11580" s="13" t="s">
        <v>89</v>
      </c>
      <c r="B11580" s="14" t="s">
        <v>1</v>
      </c>
      <c r="C11580" s="14" t="s">
        <v>23</v>
      </c>
      <c r="D11580" s="14" t="s">
        <v>90</v>
      </c>
      <c r="E11580" s="15">
        <v>45641</v>
      </c>
      <c r="F11580" s="14" t="s">
        <v>15</v>
      </c>
      <c r="G11580" s="16">
        <v>3.9906948336675638</v>
      </c>
    </row>
    <row r="11581" spans="1:7" x14ac:dyDescent="0.3">
      <c r="A11581" s="13" t="s">
        <v>89</v>
      </c>
      <c r="B11581" s="14" t="s">
        <v>1</v>
      </c>
      <c r="C11581" s="14" t="s">
        <v>23</v>
      </c>
      <c r="D11581" s="14" t="s">
        <v>90</v>
      </c>
      <c r="E11581" s="15">
        <v>45642</v>
      </c>
      <c r="F11581" s="14" t="s">
        <v>15</v>
      </c>
      <c r="G11581" s="16">
        <v>4.0062042920028409</v>
      </c>
    </row>
    <row r="11582" spans="1:7" x14ac:dyDescent="0.3">
      <c r="A11582" s="13" t="s">
        <v>89</v>
      </c>
      <c r="B11582" s="14" t="s">
        <v>1</v>
      </c>
      <c r="C11582" s="14" t="s">
        <v>23</v>
      </c>
      <c r="D11582" s="14" t="s">
        <v>90</v>
      </c>
      <c r="E11582" s="15">
        <v>45643</v>
      </c>
      <c r="F11582" s="14" t="s">
        <v>15</v>
      </c>
      <c r="G11582" s="16">
        <v>4.0521137503381173</v>
      </c>
    </row>
    <row r="11583" spans="1:7" x14ac:dyDescent="0.3">
      <c r="A11583" s="13" t="s">
        <v>89</v>
      </c>
      <c r="B11583" s="14" t="s">
        <v>1</v>
      </c>
      <c r="C11583" s="14" t="s">
        <v>23</v>
      </c>
      <c r="D11583" s="14" t="s">
        <v>90</v>
      </c>
      <c r="E11583" s="15">
        <v>45644</v>
      </c>
      <c r="F11583" s="14" t="s">
        <v>15</v>
      </c>
      <c r="G11583" s="16">
        <v>4.0678792086733937</v>
      </c>
    </row>
    <row r="11584" spans="1:7" x14ac:dyDescent="0.3">
      <c r="A11584" s="13" t="s">
        <v>89</v>
      </c>
      <c r="B11584" s="14" t="s">
        <v>1</v>
      </c>
      <c r="C11584" s="14" t="s">
        <v>23</v>
      </c>
      <c r="D11584" s="14" t="s">
        <v>90</v>
      </c>
      <c r="E11584" s="15">
        <v>45645</v>
      </c>
      <c r="F11584" s="14" t="s">
        <v>15</v>
      </c>
      <c r="G11584" s="16">
        <v>4.0826486670086695</v>
      </c>
    </row>
    <row r="11585" spans="1:7" x14ac:dyDescent="0.3">
      <c r="A11585" s="13" t="s">
        <v>89</v>
      </c>
      <c r="B11585" s="14" t="s">
        <v>1</v>
      </c>
      <c r="C11585" s="14" t="s">
        <v>23</v>
      </c>
      <c r="D11585" s="14" t="s">
        <v>90</v>
      </c>
      <c r="E11585" s="15">
        <v>45646</v>
      </c>
      <c r="F11585" s="14" t="s">
        <v>15</v>
      </c>
      <c r="G11585" s="16">
        <v>4.0973581253439466</v>
      </c>
    </row>
    <row r="11586" spans="1:7" x14ac:dyDescent="0.3">
      <c r="A11586" s="13" t="s">
        <v>89</v>
      </c>
      <c r="B11586" s="14" t="s">
        <v>1</v>
      </c>
      <c r="C11586" s="14" t="s">
        <v>23</v>
      </c>
      <c r="D11586" s="14" t="s">
        <v>90</v>
      </c>
      <c r="E11586" s="15">
        <v>45647</v>
      </c>
      <c r="F11586" s="14" t="s">
        <v>15</v>
      </c>
      <c r="G11586" s="16">
        <v>4.0973581253439466</v>
      </c>
    </row>
    <row r="11587" spans="1:7" x14ac:dyDescent="0.3">
      <c r="A11587" s="13" t="s">
        <v>89</v>
      </c>
      <c r="B11587" s="14" t="s">
        <v>1</v>
      </c>
      <c r="C11587" s="14" t="s">
        <v>23</v>
      </c>
      <c r="D11587" s="14" t="s">
        <v>90</v>
      </c>
      <c r="E11587" s="15">
        <v>45648</v>
      </c>
      <c r="F11587" s="14" t="s">
        <v>15</v>
      </c>
      <c r="G11587" s="16">
        <v>4.0973581253439466</v>
      </c>
    </row>
    <row r="11588" spans="1:7" x14ac:dyDescent="0.3">
      <c r="A11588" s="13" t="s">
        <v>89</v>
      </c>
      <c r="B11588" s="14" t="s">
        <v>1</v>
      </c>
      <c r="C11588" s="14" t="s">
        <v>23</v>
      </c>
      <c r="D11588" s="14" t="s">
        <v>90</v>
      </c>
      <c r="E11588" s="15">
        <v>45649</v>
      </c>
      <c r="F11588" s="14" t="s">
        <v>15</v>
      </c>
      <c r="G11588" s="16">
        <v>4.0745995836792233</v>
      </c>
    </row>
    <row r="11589" spans="1:7" x14ac:dyDescent="0.3">
      <c r="A11589" s="13" t="s">
        <v>89</v>
      </c>
      <c r="B11589" s="14" t="s">
        <v>1</v>
      </c>
      <c r="C11589" s="14" t="s">
        <v>23</v>
      </c>
      <c r="D11589" s="14" t="s">
        <v>90</v>
      </c>
      <c r="E11589" s="15">
        <v>45650</v>
      </c>
      <c r="F11589" s="14" t="s">
        <v>15</v>
      </c>
      <c r="G11589" s="16">
        <v>4.1159770420144994</v>
      </c>
    </row>
    <row r="11590" spans="1:7" x14ac:dyDescent="0.3">
      <c r="A11590" s="13" t="s">
        <v>89</v>
      </c>
      <c r="B11590" s="14" t="s">
        <v>1</v>
      </c>
      <c r="C11590" s="14" t="s">
        <v>23</v>
      </c>
      <c r="D11590" s="14" t="s">
        <v>90</v>
      </c>
      <c r="E11590" s="15">
        <v>45651</v>
      </c>
      <c r="F11590" s="14" t="s">
        <v>15</v>
      </c>
      <c r="G11590" s="16">
        <v>4.1159770420144994</v>
      </c>
    </row>
    <row r="11591" spans="1:7" x14ac:dyDescent="0.3">
      <c r="A11591" s="13" t="s">
        <v>89</v>
      </c>
      <c r="B11591" s="14" t="s">
        <v>1</v>
      </c>
      <c r="C11591" s="14" t="s">
        <v>23</v>
      </c>
      <c r="D11591" s="14" t="s">
        <v>90</v>
      </c>
      <c r="E11591" s="15">
        <v>45652</v>
      </c>
      <c r="F11591" s="14" t="s">
        <v>15</v>
      </c>
      <c r="G11591" s="16">
        <v>4.1159770420144994</v>
      </c>
    </row>
    <row r="11592" spans="1:7" x14ac:dyDescent="0.3">
      <c r="A11592" s="13" t="s">
        <v>89</v>
      </c>
      <c r="B11592" s="14" t="s">
        <v>1</v>
      </c>
      <c r="C11592" s="14" t="s">
        <v>23</v>
      </c>
      <c r="D11592" s="14" t="s">
        <v>90</v>
      </c>
      <c r="E11592" s="15">
        <v>45653</v>
      </c>
      <c r="F11592" s="14" t="s">
        <v>15</v>
      </c>
      <c r="G11592" s="16">
        <v>4.1159770420144994</v>
      </c>
    </row>
    <row r="11593" spans="1:7" x14ac:dyDescent="0.3">
      <c r="A11593" s="13" t="s">
        <v>89</v>
      </c>
      <c r="B11593" s="14" t="s">
        <v>1</v>
      </c>
      <c r="C11593" s="14" t="s">
        <v>23</v>
      </c>
      <c r="D11593" s="14" t="s">
        <v>90</v>
      </c>
      <c r="E11593" s="15">
        <v>45654</v>
      </c>
      <c r="F11593" s="14" t="s">
        <v>15</v>
      </c>
      <c r="G11593" s="16">
        <v>4.1159770420144994</v>
      </c>
    </row>
    <row r="11594" spans="1:7" x14ac:dyDescent="0.3">
      <c r="A11594" s="13" t="s">
        <v>89</v>
      </c>
      <c r="B11594" s="14" t="s">
        <v>1</v>
      </c>
      <c r="C11594" s="14" t="s">
        <v>23</v>
      </c>
      <c r="D11594" s="14" t="s">
        <v>90</v>
      </c>
      <c r="E11594" s="15">
        <v>45655</v>
      </c>
      <c r="F11594" s="14" t="s">
        <v>15</v>
      </c>
      <c r="G11594" s="16">
        <v>4.1159770420144994</v>
      </c>
    </row>
    <row r="11595" spans="1:7" x14ac:dyDescent="0.3">
      <c r="A11595" s="13" t="s">
        <v>89</v>
      </c>
      <c r="B11595" s="14" t="s">
        <v>1</v>
      </c>
      <c r="C11595" s="14" t="s">
        <v>23</v>
      </c>
      <c r="D11595" s="14" t="s">
        <v>90</v>
      </c>
      <c r="E11595" s="15">
        <v>45656</v>
      </c>
      <c r="F11595" s="14" t="s">
        <v>15</v>
      </c>
      <c r="G11595" s="16">
        <v>4.1316465003497758</v>
      </c>
    </row>
    <row r="11596" spans="1:7" x14ac:dyDescent="0.3">
      <c r="A11596" s="13" t="s">
        <v>89</v>
      </c>
      <c r="B11596" s="14" t="s">
        <v>1</v>
      </c>
      <c r="C11596" s="14" t="s">
        <v>23</v>
      </c>
      <c r="D11596" s="14" t="s">
        <v>90</v>
      </c>
      <c r="E11596" s="15">
        <v>45657</v>
      </c>
      <c r="F11596" s="14" t="s">
        <v>15</v>
      </c>
      <c r="G11596" s="16">
        <v>4.2290079586850524</v>
      </c>
    </row>
    <row r="11597" spans="1:7" x14ac:dyDescent="0.3">
      <c r="A11597" s="13" t="s">
        <v>89</v>
      </c>
      <c r="B11597" s="14" t="s">
        <v>1</v>
      </c>
      <c r="C11597" s="14" t="s">
        <v>23</v>
      </c>
      <c r="D11597" s="14" t="s">
        <v>90</v>
      </c>
      <c r="E11597" s="15">
        <v>45658</v>
      </c>
      <c r="F11597" s="14" t="s">
        <v>15</v>
      </c>
      <c r="G11597" s="16">
        <v>4.2290079586850524</v>
      </c>
    </row>
    <row r="11598" spans="1:7" x14ac:dyDescent="0.3">
      <c r="A11598" s="13" t="s">
        <v>89</v>
      </c>
      <c r="B11598" s="14" t="s">
        <v>1</v>
      </c>
      <c r="C11598" s="14" t="s">
        <v>23</v>
      </c>
      <c r="D11598" s="14" t="s">
        <v>90</v>
      </c>
      <c r="E11598" s="15">
        <v>45659</v>
      </c>
      <c r="F11598" s="14" t="s">
        <v>15</v>
      </c>
      <c r="G11598" s="16">
        <v>4.2432534170203287</v>
      </c>
    </row>
    <row r="11599" spans="1:7" x14ac:dyDescent="0.3">
      <c r="A11599" s="13" t="s">
        <v>89</v>
      </c>
      <c r="B11599" s="14" t="s">
        <v>1</v>
      </c>
      <c r="C11599" s="14" t="s">
        <v>23</v>
      </c>
      <c r="D11599" s="14" t="s">
        <v>90</v>
      </c>
      <c r="E11599" s="15">
        <v>45660</v>
      </c>
      <c r="F11599" s="14" t="s">
        <v>15</v>
      </c>
      <c r="G11599" s="16">
        <v>4.2649908753556049</v>
      </c>
    </row>
    <row r="11600" spans="1:7" x14ac:dyDescent="0.3">
      <c r="A11600" s="13" t="s">
        <v>89</v>
      </c>
      <c r="B11600" s="14" t="s">
        <v>1</v>
      </c>
      <c r="C11600" s="14" t="s">
        <v>23</v>
      </c>
      <c r="D11600" s="14" t="s">
        <v>90</v>
      </c>
      <c r="E11600" s="15">
        <v>45661</v>
      </c>
      <c r="F11600" s="14" t="s">
        <v>15</v>
      </c>
      <c r="G11600" s="16">
        <v>4.2649908753556049</v>
      </c>
    </row>
    <row r="11601" spans="1:7" x14ac:dyDescent="0.3">
      <c r="A11601" s="13" t="s">
        <v>89</v>
      </c>
      <c r="B11601" s="14" t="s">
        <v>1</v>
      </c>
      <c r="C11601" s="14" t="s">
        <v>23</v>
      </c>
      <c r="D11601" s="14" t="s">
        <v>90</v>
      </c>
      <c r="E11601" s="15">
        <v>45662</v>
      </c>
      <c r="F11601" s="14" t="s">
        <v>15</v>
      </c>
      <c r="G11601" s="16">
        <v>4.2649908753556049</v>
      </c>
    </row>
    <row r="11602" spans="1:7" x14ac:dyDescent="0.3">
      <c r="A11602" s="13" t="s">
        <v>89</v>
      </c>
      <c r="B11602" s="14" t="s">
        <v>1</v>
      </c>
      <c r="C11602" s="14" t="s">
        <v>23</v>
      </c>
      <c r="D11602" s="14" t="s">
        <v>90</v>
      </c>
      <c r="E11602" s="15">
        <v>45663</v>
      </c>
      <c r="F11602" s="14" t="s">
        <v>15</v>
      </c>
      <c r="G11602" s="16">
        <v>4.280576333690882</v>
      </c>
    </row>
    <row r="11603" spans="1:7" x14ac:dyDescent="0.3">
      <c r="A11603" s="13" t="s">
        <v>89</v>
      </c>
      <c r="B11603" s="14" t="s">
        <v>1</v>
      </c>
      <c r="C11603" s="14" t="s">
        <v>23</v>
      </c>
      <c r="D11603" s="14" t="s">
        <v>90</v>
      </c>
      <c r="E11603" s="15">
        <v>45664</v>
      </c>
      <c r="F11603" s="14" t="s">
        <v>15</v>
      </c>
      <c r="G11603" s="16">
        <v>4.3285577920261584</v>
      </c>
    </row>
    <row r="11604" spans="1:7" x14ac:dyDescent="0.3">
      <c r="A11604" s="13" t="s">
        <v>89</v>
      </c>
      <c r="B11604" s="14" t="s">
        <v>1</v>
      </c>
      <c r="C11604" s="14" t="s">
        <v>23</v>
      </c>
      <c r="D11604" s="14" t="s">
        <v>90</v>
      </c>
      <c r="E11604" s="15">
        <v>45665</v>
      </c>
      <c r="F11604" s="14" t="s">
        <v>15</v>
      </c>
      <c r="G11604" s="16">
        <v>4.3459552503614356</v>
      </c>
    </row>
    <row r="11605" spans="1:7" x14ac:dyDescent="0.3">
      <c r="A11605" s="13" t="s">
        <v>89</v>
      </c>
      <c r="B11605" s="14" t="s">
        <v>1</v>
      </c>
      <c r="C11605" s="14" t="s">
        <v>23</v>
      </c>
      <c r="D11605" s="14" t="s">
        <v>90</v>
      </c>
      <c r="E11605" s="15">
        <v>45666</v>
      </c>
      <c r="F11605" s="14" t="s">
        <v>15</v>
      </c>
      <c r="G11605" s="16">
        <v>4.3459552503614356</v>
      </c>
    </row>
    <row r="11606" spans="1:7" x14ac:dyDescent="0.3">
      <c r="A11606" s="13" t="s">
        <v>89</v>
      </c>
      <c r="B11606" s="14" t="s">
        <v>1</v>
      </c>
      <c r="C11606" s="14" t="s">
        <v>23</v>
      </c>
      <c r="D11606" s="14" t="s">
        <v>90</v>
      </c>
      <c r="E11606" s="15">
        <v>45667</v>
      </c>
      <c r="F11606" s="14" t="s">
        <v>15</v>
      </c>
      <c r="G11606" s="16">
        <v>4.3671127086967116</v>
      </c>
    </row>
    <row r="11607" spans="1:7" x14ac:dyDescent="0.3">
      <c r="A11607" s="13" t="s">
        <v>89</v>
      </c>
      <c r="B11607" s="14" t="s">
        <v>1</v>
      </c>
      <c r="C11607" s="14" t="s">
        <v>23</v>
      </c>
      <c r="D11607" s="14" t="s">
        <v>90</v>
      </c>
      <c r="E11607" s="15">
        <v>45668</v>
      </c>
      <c r="F11607" s="14" t="s">
        <v>15</v>
      </c>
      <c r="G11607" s="16">
        <v>4.3671127086967116</v>
      </c>
    </row>
    <row r="11608" spans="1:7" x14ac:dyDescent="0.3">
      <c r="A11608" s="13" t="s">
        <v>89</v>
      </c>
      <c r="B11608" s="14" t="s">
        <v>1</v>
      </c>
      <c r="C11608" s="14" t="s">
        <v>23</v>
      </c>
      <c r="D11608" s="14" t="s">
        <v>90</v>
      </c>
      <c r="E11608" s="15">
        <v>45669</v>
      </c>
      <c r="F11608" s="14" t="s">
        <v>15</v>
      </c>
      <c r="G11608" s="16">
        <v>4.3671127086967116</v>
      </c>
    </row>
    <row r="11609" spans="1:7" x14ac:dyDescent="0.3">
      <c r="A11609" s="13" t="s">
        <v>89</v>
      </c>
      <c r="B11609" s="14" t="s">
        <v>1</v>
      </c>
      <c r="C11609" s="14" t="s">
        <v>23</v>
      </c>
      <c r="D11609" s="14" t="s">
        <v>90</v>
      </c>
      <c r="E11609" s="15">
        <v>45670</v>
      </c>
      <c r="F11609" s="14" t="s">
        <v>15</v>
      </c>
      <c r="G11609" s="16">
        <v>4.4006621670319888</v>
      </c>
    </row>
    <row r="11610" spans="1:7" x14ac:dyDescent="0.3">
      <c r="A11610" s="13" t="s">
        <v>89</v>
      </c>
      <c r="B11610" s="14" t="s">
        <v>1</v>
      </c>
      <c r="C11610" s="14" t="s">
        <v>23</v>
      </c>
      <c r="D11610" s="14" t="s">
        <v>90</v>
      </c>
      <c r="E11610" s="15">
        <v>45671</v>
      </c>
      <c r="F11610" s="14" t="s">
        <v>15</v>
      </c>
      <c r="G11610" s="16">
        <v>4.4427236253672646</v>
      </c>
    </row>
    <row r="11611" spans="1:7" x14ac:dyDescent="0.3">
      <c r="A11611" s="13" t="s">
        <v>89</v>
      </c>
      <c r="B11611" s="14" t="s">
        <v>1</v>
      </c>
      <c r="C11611" s="14" t="s">
        <v>23</v>
      </c>
      <c r="D11611" s="14" t="s">
        <v>90</v>
      </c>
      <c r="E11611" s="15">
        <v>45672</v>
      </c>
      <c r="F11611" s="14" t="s">
        <v>15</v>
      </c>
      <c r="G11611" s="16">
        <v>4.4585370837025415</v>
      </c>
    </row>
    <row r="11612" spans="1:7" x14ac:dyDescent="0.3">
      <c r="A11612" s="13" t="s">
        <v>89</v>
      </c>
      <c r="B11612" s="14" t="s">
        <v>1</v>
      </c>
      <c r="C11612" s="14" t="s">
        <v>23</v>
      </c>
      <c r="D11612" s="14" t="s">
        <v>90</v>
      </c>
      <c r="E11612" s="15">
        <v>45673</v>
      </c>
      <c r="F11612" s="14" t="s">
        <v>15</v>
      </c>
      <c r="G11612" s="16">
        <v>4.4743505420378185</v>
      </c>
    </row>
    <row r="11613" spans="1:7" x14ac:dyDescent="0.3">
      <c r="A11613" s="13" t="s">
        <v>89</v>
      </c>
      <c r="B11613" s="14" t="s">
        <v>1</v>
      </c>
      <c r="C11613" s="14" t="s">
        <v>23</v>
      </c>
      <c r="D11613" s="14" t="s">
        <v>90</v>
      </c>
      <c r="E11613" s="15">
        <v>45674</v>
      </c>
      <c r="F11613" s="14" t="s">
        <v>15</v>
      </c>
      <c r="G11613" s="16">
        <v>4.4815920003730954</v>
      </c>
    </row>
    <row r="11614" spans="1:7" x14ac:dyDescent="0.3">
      <c r="A11614" s="13" t="s">
        <v>89</v>
      </c>
      <c r="B11614" s="14" t="s">
        <v>1</v>
      </c>
      <c r="C11614" s="14" t="s">
        <v>23</v>
      </c>
      <c r="D11614" s="14" t="s">
        <v>90</v>
      </c>
      <c r="E11614" s="15">
        <v>45675</v>
      </c>
      <c r="F11614" s="14" t="s">
        <v>15</v>
      </c>
      <c r="G11614" s="16">
        <v>4.4815920003730954</v>
      </c>
    </row>
    <row r="11615" spans="1:7" x14ac:dyDescent="0.3">
      <c r="A11615" s="13" t="s">
        <v>89</v>
      </c>
      <c r="B11615" s="14" t="s">
        <v>1</v>
      </c>
      <c r="C11615" s="14" t="s">
        <v>23</v>
      </c>
      <c r="D11615" s="14" t="s">
        <v>90</v>
      </c>
      <c r="E11615" s="15">
        <v>45676</v>
      </c>
      <c r="F11615" s="14" t="s">
        <v>15</v>
      </c>
      <c r="G11615" s="16">
        <v>4.4815920003730954</v>
      </c>
    </row>
    <row r="11616" spans="1:7" x14ac:dyDescent="0.3">
      <c r="A11616" s="13" t="s">
        <v>89</v>
      </c>
      <c r="B11616" s="14" t="s">
        <v>1</v>
      </c>
      <c r="C11616" s="14" t="s">
        <v>23</v>
      </c>
      <c r="D11616" s="14" t="s">
        <v>90</v>
      </c>
      <c r="E11616" s="15">
        <v>45677</v>
      </c>
      <c r="F11616" s="14" t="s">
        <v>15</v>
      </c>
      <c r="G11616" s="16">
        <v>4.4815920003730954</v>
      </c>
    </row>
    <row r="11617" spans="1:7" x14ac:dyDescent="0.3">
      <c r="A11617" s="13" t="s">
        <v>89</v>
      </c>
      <c r="B11617" s="14" t="s">
        <v>1</v>
      </c>
      <c r="C11617" s="14" t="s">
        <v>23</v>
      </c>
      <c r="D11617" s="14" t="s">
        <v>90</v>
      </c>
      <c r="E11617" s="15">
        <v>45678</v>
      </c>
      <c r="F11617" s="14" t="s">
        <v>15</v>
      </c>
      <c r="G11617" s="16">
        <v>4.498305458708372</v>
      </c>
    </row>
    <row r="11618" spans="1:7" x14ac:dyDescent="0.3">
      <c r="A11618" s="13" t="s">
        <v>89</v>
      </c>
      <c r="B11618" s="14" t="s">
        <v>1</v>
      </c>
      <c r="C11618" s="14" t="s">
        <v>23</v>
      </c>
      <c r="D11618" s="14" t="s">
        <v>90</v>
      </c>
      <c r="E11618" s="15">
        <v>45679</v>
      </c>
      <c r="F11618" s="14" t="s">
        <v>15</v>
      </c>
      <c r="G11618" s="16">
        <v>4.5572549170436485</v>
      </c>
    </row>
    <row r="11619" spans="1:7" x14ac:dyDescent="0.3">
      <c r="A11619" s="13" t="s">
        <v>89</v>
      </c>
      <c r="B11619" s="14" t="s">
        <v>1</v>
      </c>
      <c r="C11619" s="14" t="s">
        <v>23</v>
      </c>
      <c r="D11619" s="14" t="s">
        <v>90</v>
      </c>
      <c r="E11619" s="15">
        <v>45680</v>
      </c>
      <c r="F11619" s="14" t="s">
        <v>15</v>
      </c>
      <c r="G11619" s="16">
        <v>4.5720523753789246</v>
      </c>
    </row>
    <row r="11620" spans="1:7" x14ac:dyDescent="0.3">
      <c r="A11620" s="13" t="s">
        <v>89</v>
      </c>
      <c r="B11620" s="14" t="s">
        <v>1</v>
      </c>
      <c r="C11620" s="14" t="s">
        <v>23</v>
      </c>
      <c r="D11620" s="14" t="s">
        <v>90</v>
      </c>
      <c r="E11620" s="15">
        <v>45681</v>
      </c>
      <c r="F11620" s="14" t="s">
        <v>15</v>
      </c>
      <c r="G11620" s="16">
        <v>4.5868978337142012</v>
      </c>
    </row>
    <row r="11621" spans="1:7" x14ac:dyDescent="0.3">
      <c r="A11621" s="13" t="s">
        <v>89</v>
      </c>
      <c r="B11621" s="14" t="s">
        <v>1</v>
      </c>
      <c r="C11621" s="14" t="s">
        <v>23</v>
      </c>
      <c r="D11621" s="14" t="s">
        <v>90</v>
      </c>
      <c r="E11621" s="15">
        <v>45682</v>
      </c>
      <c r="F11621" s="14" t="s">
        <v>15</v>
      </c>
      <c r="G11621" s="16">
        <v>4.5868978337142012</v>
      </c>
    </row>
    <row r="11622" spans="1:7" x14ac:dyDescent="0.3">
      <c r="A11622" s="13" t="s">
        <v>89</v>
      </c>
      <c r="B11622" s="14" t="s">
        <v>1</v>
      </c>
      <c r="C11622" s="14" t="s">
        <v>23</v>
      </c>
      <c r="D11622" s="14" t="s">
        <v>90</v>
      </c>
      <c r="E11622" s="15">
        <v>45683</v>
      </c>
      <c r="F11622" s="14" t="s">
        <v>15</v>
      </c>
      <c r="G11622" s="16">
        <v>4.5868978337142012</v>
      </c>
    </row>
    <row r="11623" spans="1:7" x14ac:dyDescent="0.3">
      <c r="A11623" s="13" t="s">
        <v>89</v>
      </c>
      <c r="B11623" s="14" t="s">
        <v>1</v>
      </c>
      <c r="C11623" s="14" t="s">
        <v>23</v>
      </c>
      <c r="D11623" s="14" t="s">
        <v>90</v>
      </c>
      <c r="E11623" s="15">
        <v>45684</v>
      </c>
      <c r="F11623" s="14" t="s">
        <v>15</v>
      </c>
      <c r="G11623" s="16">
        <v>4.6033112920494776</v>
      </c>
    </row>
    <row r="11624" spans="1:7" x14ac:dyDescent="0.3">
      <c r="A11624" s="13" t="s">
        <v>89</v>
      </c>
      <c r="B11624" s="14" t="s">
        <v>1</v>
      </c>
      <c r="C11624" s="14" t="s">
        <v>23</v>
      </c>
      <c r="D11624" s="14" t="s">
        <v>90</v>
      </c>
      <c r="E11624" s="15">
        <v>45685</v>
      </c>
      <c r="F11624" s="14" t="s">
        <v>15</v>
      </c>
      <c r="G11624" s="16">
        <v>4.6480167503847545</v>
      </c>
    </row>
    <row r="11625" spans="1:7" x14ac:dyDescent="0.3">
      <c r="A11625" s="13" t="s">
        <v>89</v>
      </c>
      <c r="B11625" s="14" t="s">
        <v>1</v>
      </c>
      <c r="C11625" s="14" t="s">
        <v>23</v>
      </c>
      <c r="D11625" s="14" t="s">
        <v>90</v>
      </c>
      <c r="E11625" s="15">
        <v>45686</v>
      </c>
      <c r="F11625" s="14" t="s">
        <v>15</v>
      </c>
      <c r="G11625" s="16">
        <v>4.6629702087200311</v>
      </c>
    </row>
    <row r="11626" spans="1:7" x14ac:dyDescent="0.3">
      <c r="A11626" s="13" t="s">
        <v>89</v>
      </c>
      <c r="B11626" s="14" t="s">
        <v>1</v>
      </c>
      <c r="C11626" s="14" t="s">
        <v>23</v>
      </c>
      <c r="D11626" s="14" t="s">
        <v>90</v>
      </c>
      <c r="E11626" s="15">
        <v>45687</v>
      </c>
      <c r="F11626" s="14" t="s">
        <v>15</v>
      </c>
      <c r="G11626" s="16">
        <v>4.6787796670553075</v>
      </c>
    </row>
    <row r="11627" spans="1:7" x14ac:dyDescent="0.3">
      <c r="A11627" s="13" t="s">
        <v>89</v>
      </c>
      <c r="B11627" s="14" t="s">
        <v>1</v>
      </c>
      <c r="C11627" s="14" t="s">
        <v>23</v>
      </c>
      <c r="D11627" s="14" t="s">
        <v>90</v>
      </c>
      <c r="E11627" s="15">
        <v>45688</v>
      </c>
      <c r="F11627" s="14" t="s">
        <v>15</v>
      </c>
      <c r="G11627" s="16">
        <v>4.6936131253905842</v>
      </c>
    </row>
    <row r="11628" spans="1:7" x14ac:dyDescent="0.3">
      <c r="A11628" s="13" t="s">
        <v>89</v>
      </c>
      <c r="B11628" s="14" t="s">
        <v>1</v>
      </c>
      <c r="C11628" s="14" t="s">
        <v>23</v>
      </c>
      <c r="D11628" s="14" t="s">
        <v>90</v>
      </c>
      <c r="E11628" s="15">
        <v>45689</v>
      </c>
      <c r="F11628" s="14" t="s">
        <v>15</v>
      </c>
      <c r="G11628" s="16">
        <v>4.6936131253905842</v>
      </c>
    </row>
    <row r="11629" spans="1:7" x14ac:dyDescent="0.3">
      <c r="A11629" s="13" t="s">
        <v>89</v>
      </c>
      <c r="B11629" s="14" t="s">
        <v>1</v>
      </c>
      <c r="C11629" s="14" t="s">
        <v>23</v>
      </c>
      <c r="D11629" s="14" t="s">
        <v>90</v>
      </c>
      <c r="E11629" s="15">
        <v>45690</v>
      </c>
      <c r="F11629" s="14" t="s">
        <v>15</v>
      </c>
      <c r="G11629" s="16">
        <v>4.6936131253905842</v>
      </c>
    </row>
    <row r="11630" spans="1:7" x14ac:dyDescent="0.3">
      <c r="A11630" s="13" t="s">
        <v>89</v>
      </c>
      <c r="B11630" s="14" t="s">
        <v>1</v>
      </c>
      <c r="C11630" s="14" t="s">
        <v>23</v>
      </c>
      <c r="D11630" s="14" t="s">
        <v>90</v>
      </c>
      <c r="E11630" s="15">
        <v>45691</v>
      </c>
      <c r="F11630" s="14" t="s">
        <v>15</v>
      </c>
      <c r="G11630" s="16">
        <v>4.6936131253905842</v>
      </c>
    </row>
    <row r="11631" spans="1:7" x14ac:dyDescent="0.3">
      <c r="A11631" s="13" t="s">
        <v>89</v>
      </c>
      <c r="B11631" s="14" t="s">
        <v>1</v>
      </c>
      <c r="C11631" s="14" t="s">
        <v>23</v>
      </c>
      <c r="D11631" s="14" t="s">
        <v>90</v>
      </c>
      <c r="E11631" s="15">
        <v>45692</v>
      </c>
      <c r="F11631" s="14" t="s">
        <v>15</v>
      </c>
      <c r="G11631" s="16">
        <v>4.707354583725861</v>
      </c>
    </row>
    <row r="11632" spans="1:7" x14ac:dyDescent="0.3">
      <c r="A11632" s="13" t="s">
        <v>89</v>
      </c>
      <c r="B11632" s="14" t="s">
        <v>1</v>
      </c>
      <c r="C11632" s="14" t="s">
        <v>23</v>
      </c>
      <c r="D11632" s="14" t="s">
        <v>90</v>
      </c>
      <c r="E11632" s="15">
        <v>45693</v>
      </c>
      <c r="F11632" s="14" t="s">
        <v>15</v>
      </c>
      <c r="G11632" s="16">
        <v>4.757468042061137</v>
      </c>
    </row>
    <row r="11633" spans="1:7" x14ac:dyDescent="0.3">
      <c r="A11633" s="13" t="s">
        <v>89</v>
      </c>
      <c r="B11633" s="14" t="s">
        <v>1</v>
      </c>
      <c r="C11633" s="14" t="s">
        <v>23</v>
      </c>
      <c r="D11633" s="14" t="s">
        <v>90</v>
      </c>
      <c r="E11633" s="15">
        <v>45694</v>
      </c>
      <c r="F11633" s="14" t="s">
        <v>15</v>
      </c>
      <c r="G11633" s="16">
        <v>4.7725095003964135</v>
      </c>
    </row>
    <row r="11634" spans="1:7" x14ac:dyDescent="0.3">
      <c r="A11634" s="13" t="s">
        <v>89</v>
      </c>
      <c r="B11634" s="14" t="s">
        <v>1</v>
      </c>
      <c r="C11634" s="14" t="s">
        <v>23</v>
      </c>
      <c r="D11634" s="14" t="s">
        <v>90</v>
      </c>
      <c r="E11634" s="15">
        <v>45695</v>
      </c>
      <c r="F11634" s="14" t="s">
        <v>15</v>
      </c>
      <c r="G11634" s="16">
        <v>4.7876269587316909</v>
      </c>
    </row>
    <row r="11635" spans="1:7" x14ac:dyDescent="0.3">
      <c r="A11635" s="13" t="s">
        <v>89</v>
      </c>
      <c r="B11635" s="14" t="s">
        <v>1</v>
      </c>
      <c r="C11635" s="14" t="s">
        <v>23</v>
      </c>
      <c r="D11635" s="14" t="s">
        <v>90</v>
      </c>
      <c r="E11635" s="15">
        <v>45696</v>
      </c>
      <c r="F11635" s="14" t="s">
        <v>15</v>
      </c>
      <c r="G11635" s="16">
        <v>4.7876269587316909</v>
      </c>
    </row>
    <row r="11636" spans="1:7" x14ac:dyDescent="0.3">
      <c r="A11636" s="13" t="s">
        <v>89</v>
      </c>
      <c r="B11636" s="14" t="s">
        <v>1</v>
      </c>
      <c r="C11636" s="14" t="s">
        <v>23</v>
      </c>
      <c r="D11636" s="14" t="s">
        <v>90</v>
      </c>
      <c r="E11636" s="15">
        <v>45697</v>
      </c>
      <c r="F11636" s="14" t="s">
        <v>15</v>
      </c>
      <c r="G11636" s="16">
        <v>4.7876269587316909</v>
      </c>
    </row>
    <row r="11637" spans="1:7" x14ac:dyDescent="0.3">
      <c r="A11637" s="13" t="s">
        <v>89</v>
      </c>
      <c r="B11637" s="14" t="s">
        <v>1</v>
      </c>
      <c r="C11637" s="14" t="s">
        <v>23</v>
      </c>
      <c r="D11637" s="14" t="s">
        <v>90</v>
      </c>
      <c r="E11637" s="15">
        <v>45698</v>
      </c>
      <c r="F11637" s="14" t="s">
        <v>15</v>
      </c>
      <c r="G11637" s="16">
        <v>4.8112324170669671</v>
      </c>
    </row>
    <row r="11638" spans="1:7" x14ac:dyDescent="0.3">
      <c r="A11638" s="13" t="s">
        <v>89</v>
      </c>
      <c r="B11638" s="14" t="s">
        <v>1</v>
      </c>
      <c r="C11638" s="14" t="s">
        <v>23</v>
      </c>
      <c r="D11638" s="14" t="s">
        <v>90</v>
      </c>
      <c r="E11638" s="15">
        <v>45699</v>
      </c>
      <c r="F11638" s="14" t="s">
        <v>15</v>
      </c>
      <c r="G11638" s="16">
        <v>4.8562458754022435</v>
      </c>
    </row>
    <row r="11639" spans="1:7" x14ac:dyDescent="0.3">
      <c r="A11639" s="13" t="s">
        <v>89</v>
      </c>
      <c r="B11639" s="14" t="s">
        <v>1</v>
      </c>
      <c r="C11639" s="14" t="s">
        <v>23</v>
      </c>
      <c r="D11639" s="14" t="s">
        <v>90</v>
      </c>
      <c r="E11639" s="15">
        <v>45700</v>
      </c>
      <c r="F11639" s="14" t="s">
        <v>15</v>
      </c>
      <c r="G11639" s="16">
        <v>4.8712073337375204</v>
      </c>
    </row>
    <row r="11640" spans="1:7" x14ac:dyDescent="0.3">
      <c r="A11640" s="13" t="s">
        <v>89</v>
      </c>
      <c r="B11640" s="14" t="s">
        <v>1</v>
      </c>
      <c r="C11640" s="14" t="s">
        <v>23</v>
      </c>
      <c r="D11640" s="14" t="s">
        <v>90</v>
      </c>
      <c r="E11640" s="15">
        <v>45701</v>
      </c>
      <c r="F11640" s="14" t="s">
        <v>15</v>
      </c>
      <c r="G11640" s="16">
        <v>4.8877327920727964</v>
      </c>
    </row>
    <row r="11641" spans="1:7" x14ac:dyDescent="0.3">
      <c r="A11641" s="13" t="s">
        <v>89</v>
      </c>
      <c r="B11641" s="14" t="s">
        <v>1</v>
      </c>
      <c r="C11641" s="14" t="s">
        <v>23</v>
      </c>
      <c r="D11641" s="14" t="s">
        <v>90</v>
      </c>
      <c r="E11641" s="15">
        <v>45702</v>
      </c>
      <c r="F11641" s="14" t="s">
        <v>15</v>
      </c>
      <c r="G11641" s="16">
        <v>4.9025542504080732</v>
      </c>
    </row>
    <row r="11642" spans="1:7" x14ac:dyDescent="0.3">
      <c r="A11642" s="13" t="s">
        <v>89</v>
      </c>
      <c r="B11642" s="14" t="s">
        <v>1</v>
      </c>
      <c r="C11642" s="14" t="s">
        <v>23</v>
      </c>
      <c r="D11642" s="14" t="s">
        <v>90</v>
      </c>
      <c r="E11642" s="15">
        <v>45703</v>
      </c>
      <c r="F11642" s="14" t="s">
        <v>15</v>
      </c>
      <c r="G11642" s="16">
        <v>4.9025542504080732</v>
      </c>
    </row>
    <row r="11643" spans="1:7" x14ac:dyDescent="0.3">
      <c r="A11643" s="13" t="s">
        <v>89</v>
      </c>
      <c r="B11643" s="14" t="s">
        <v>1</v>
      </c>
      <c r="C11643" s="14" t="s">
        <v>23</v>
      </c>
      <c r="D11643" s="14" t="s">
        <v>90</v>
      </c>
      <c r="E11643" s="15">
        <v>45704</v>
      </c>
      <c r="F11643" s="14" t="s">
        <v>15</v>
      </c>
      <c r="G11643" s="16">
        <v>4.9025542504080732</v>
      </c>
    </row>
    <row r="11644" spans="1:7" x14ac:dyDescent="0.3">
      <c r="A11644" s="13" t="s">
        <v>89</v>
      </c>
      <c r="B11644" s="14" t="s">
        <v>1</v>
      </c>
      <c r="C11644" s="14" t="s">
        <v>23</v>
      </c>
      <c r="D11644" s="14" t="s">
        <v>90</v>
      </c>
      <c r="E11644" s="15">
        <v>45705</v>
      </c>
      <c r="F11644" s="14" t="s">
        <v>15</v>
      </c>
      <c r="G11644" s="16">
        <v>4.9025542504080732</v>
      </c>
    </row>
    <row r="11645" spans="1:7" x14ac:dyDescent="0.3">
      <c r="A11645" s="13" t="s">
        <v>89</v>
      </c>
      <c r="B11645" s="14" t="s">
        <v>1</v>
      </c>
      <c r="C11645" s="14" t="s">
        <v>23</v>
      </c>
      <c r="D11645" s="14" t="s">
        <v>90</v>
      </c>
      <c r="E11645" s="15">
        <v>45706</v>
      </c>
      <c r="F11645" s="14" t="s">
        <v>15</v>
      </c>
      <c r="G11645" s="16">
        <v>4.9175677087433494</v>
      </c>
    </row>
    <row r="11646" spans="1:7" x14ac:dyDescent="0.3">
      <c r="A11646" s="13" t="s">
        <v>89</v>
      </c>
      <c r="B11646" s="14" t="s">
        <v>1</v>
      </c>
      <c r="C11646" s="14" t="s">
        <v>23</v>
      </c>
      <c r="D11646" s="14" t="s">
        <v>90</v>
      </c>
      <c r="E11646" s="15">
        <v>45707</v>
      </c>
      <c r="F11646" s="14" t="s">
        <v>15</v>
      </c>
      <c r="G11646" s="16">
        <v>4.9771851670786269</v>
      </c>
    </row>
    <row r="11647" spans="1:7" x14ac:dyDescent="0.3">
      <c r="A11647" s="13" t="s">
        <v>89</v>
      </c>
      <c r="B11647" s="14" t="s">
        <v>1</v>
      </c>
      <c r="C11647" s="14" t="s">
        <v>23</v>
      </c>
      <c r="D11647" s="14" t="s">
        <v>90</v>
      </c>
      <c r="E11647" s="15">
        <v>45708</v>
      </c>
      <c r="F11647" s="14" t="s">
        <v>15</v>
      </c>
      <c r="G11647" s="16">
        <v>4.9921026254139029</v>
      </c>
    </row>
    <row r="11648" spans="1:7" x14ac:dyDescent="0.3">
      <c r="A11648" s="13" t="s">
        <v>89</v>
      </c>
      <c r="B11648" s="14" t="s">
        <v>1</v>
      </c>
      <c r="C11648" s="14" t="s">
        <v>23</v>
      </c>
      <c r="D11648" s="14" t="s">
        <v>90</v>
      </c>
      <c r="E11648" s="15">
        <v>45709</v>
      </c>
      <c r="F11648" s="14" t="s">
        <v>15</v>
      </c>
      <c r="G11648" s="16">
        <v>5.0009520837491799</v>
      </c>
    </row>
    <row r="11649" spans="1:7" x14ac:dyDescent="0.3">
      <c r="A11649" s="13" t="s">
        <v>89</v>
      </c>
      <c r="B11649" s="14" t="s">
        <v>1</v>
      </c>
      <c r="C11649" s="14" t="s">
        <v>23</v>
      </c>
      <c r="D11649" s="14" t="s">
        <v>90</v>
      </c>
      <c r="E11649" s="15">
        <v>45710</v>
      </c>
      <c r="F11649" s="14" t="s">
        <v>15</v>
      </c>
      <c r="G11649" s="16">
        <v>5.0009520837491799</v>
      </c>
    </row>
    <row r="11650" spans="1:7" x14ac:dyDescent="0.3">
      <c r="A11650" s="13" t="s">
        <v>89</v>
      </c>
      <c r="B11650" s="14" t="s">
        <v>1</v>
      </c>
      <c r="C11650" s="14" t="s">
        <v>23</v>
      </c>
      <c r="D11650" s="14" t="s">
        <v>90</v>
      </c>
      <c r="E11650" s="15">
        <v>45711</v>
      </c>
      <c r="F11650" s="14" t="s">
        <v>15</v>
      </c>
      <c r="G11650" s="16">
        <v>5.0009520837491799</v>
      </c>
    </row>
    <row r="11651" spans="1:7" x14ac:dyDescent="0.3">
      <c r="A11651" s="13" t="s">
        <v>89</v>
      </c>
      <c r="B11651" s="14" t="s">
        <v>1</v>
      </c>
      <c r="C11651" s="14" t="s">
        <v>23</v>
      </c>
      <c r="D11651" s="14" t="s">
        <v>90</v>
      </c>
      <c r="E11651" s="15">
        <v>45712</v>
      </c>
      <c r="F11651" s="14" t="s">
        <v>15</v>
      </c>
      <c r="G11651" s="16">
        <v>5.0128575420844568</v>
      </c>
    </row>
    <row r="11652" spans="1:7" x14ac:dyDescent="0.3">
      <c r="A11652" s="13" t="s">
        <v>89</v>
      </c>
      <c r="B11652" s="14" t="s">
        <v>1</v>
      </c>
      <c r="C11652" s="14" t="s">
        <v>23</v>
      </c>
      <c r="D11652" s="14" t="s">
        <v>90</v>
      </c>
      <c r="E11652" s="15">
        <v>45713</v>
      </c>
      <c r="F11652" s="14" t="s">
        <v>15</v>
      </c>
      <c r="G11652" s="16">
        <v>5.0576390004197336</v>
      </c>
    </row>
    <row r="11653" spans="1:7" x14ac:dyDescent="0.3">
      <c r="A11653" s="13" t="s">
        <v>89</v>
      </c>
      <c r="B11653" s="14" t="s">
        <v>1</v>
      </c>
      <c r="C11653" s="14" t="s">
        <v>23</v>
      </c>
      <c r="D11653" s="14" t="s">
        <v>90</v>
      </c>
      <c r="E11653" s="15">
        <v>45714</v>
      </c>
      <c r="F11653" s="14" t="s">
        <v>15</v>
      </c>
      <c r="G11653" s="16">
        <v>5.0701324587550092</v>
      </c>
    </row>
    <row r="11654" spans="1:7" x14ac:dyDescent="0.3">
      <c r="A11654" s="13" t="s">
        <v>89</v>
      </c>
      <c r="B11654" s="14" t="s">
        <v>1</v>
      </c>
      <c r="C11654" s="14" t="s">
        <v>23</v>
      </c>
      <c r="D11654" s="14" t="s">
        <v>90</v>
      </c>
      <c r="E11654" s="15">
        <v>45715</v>
      </c>
      <c r="F11654" s="14" t="s">
        <v>15</v>
      </c>
      <c r="G11654" s="16">
        <v>5.0853939170902853</v>
      </c>
    </row>
    <row r="11655" spans="1:7" x14ac:dyDescent="0.3">
      <c r="A11655" s="13" t="s">
        <v>89</v>
      </c>
      <c r="B11655" s="14" t="s">
        <v>1</v>
      </c>
      <c r="C11655" s="14" t="s">
        <v>23</v>
      </c>
      <c r="D11655" s="14" t="s">
        <v>90</v>
      </c>
      <c r="E11655" s="15">
        <v>45716</v>
      </c>
      <c r="F11655" s="14" t="s">
        <v>15</v>
      </c>
      <c r="G11655" s="16">
        <v>5.1004153754255626</v>
      </c>
    </row>
    <row r="11656" spans="1:7" x14ac:dyDescent="0.3">
      <c r="A11656" s="13" t="s">
        <v>89</v>
      </c>
      <c r="B11656" s="14" t="s">
        <v>1</v>
      </c>
      <c r="C11656" s="14" t="s">
        <v>23</v>
      </c>
      <c r="D11656" s="14" t="s">
        <v>90</v>
      </c>
      <c r="E11656" s="15">
        <v>45717</v>
      </c>
      <c r="F11656" s="14" t="s">
        <v>15</v>
      </c>
      <c r="G11656" s="16">
        <v>5.1004153754255626</v>
      </c>
    </row>
    <row r="11657" spans="1:7" x14ac:dyDescent="0.3">
      <c r="A11657" s="13" t="s">
        <v>89</v>
      </c>
      <c r="B11657" s="14" t="s">
        <v>1</v>
      </c>
      <c r="C11657" s="14" t="s">
        <v>23</v>
      </c>
      <c r="D11657" s="14" t="s">
        <v>90</v>
      </c>
      <c r="E11657" s="15">
        <v>45718</v>
      </c>
      <c r="F11657" s="14" t="s">
        <v>15</v>
      </c>
      <c r="G11657" s="16">
        <v>5.1004153754255626</v>
      </c>
    </row>
    <row r="11658" spans="1:7" x14ac:dyDescent="0.3">
      <c r="A11658" s="13" t="s">
        <v>89</v>
      </c>
      <c r="B11658" s="14" t="s">
        <v>1</v>
      </c>
      <c r="C11658" s="14" t="s">
        <v>23</v>
      </c>
      <c r="D11658" s="14" t="s">
        <v>90</v>
      </c>
      <c r="E11658" s="15">
        <v>45719</v>
      </c>
      <c r="F11658" s="14" t="s">
        <v>15</v>
      </c>
      <c r="G11658" s="16">
        <v>5.136304833760839</v>
      </c>
    </row>
    <row r="11659" spans="1:7" x14ac:dyDescent="0.3">
      <c r="A11659" s="13" t="s">
        <v>89</v>
      </c>
      <c r="B11659" s="14" t="s">
        <v>1</v>
      </c>
      <c r="C11659" s="14" t="s">
        <v>23</v>
      </c>
      <c r="D11659" s="14" t="s">
        <v>90</v>
      </c>
      <c r="E11659" s="15">
        <v>45720</v>
      </c>
      <c r="F11659" s="14" t="s">
        <v>15</v>
      </c>
      <c r="G11659" s="16">
        <v>5.1812542920961162</v>
      </c>
    </row>
    <row r="11660" spans="1:7" x14ac:dyDescent="0.3">
      <c r="A11660" s="13" t="s">
        <v>89</v>
      </c>
      <c r="B11660" s="14" t="s">
        <v>1</v>
      </c>
      <c r="C11660" s="14" t="s">
        <v>23</v>
      </c>
      <c r="D11660" s="14" t="s">
        <v>90</v>
      </c>
      <c r="E11660" s="15">
        <v>45721</v>
      </c>
      <c r="F11660" s="14" t="s">
        <v>15</v>
      </c>
      <c r="G11660" s="16">
        <v>5.1965757504313927</v>
      </c>
    </row>
    <row r="11661" spans="1:7" x14ac:dyDescent="0.3">
      <c r="A11661" s="13" t="s">
        <v>89</v>
      </c>
      <c r="B11661" s="14" t="s">
        <v>1</v>
      </c>
      <c r="C11661" s="14" t="s">
        <v>23</v>
      </c>
      <c r="D11661" s="14" t="s">
        <v>90</v>
      </c>
      <c r="E11661" s="15">
        <v>45722</v>
      </c>
      <c r="F11661" s="14" t="s">
        <v>15</v>
      </c>
      <c r="G11661" s="16">
        <v>5.2122692087666689</v>
      </c>
    </row>
    <row r="11662" spans="1:7" x14ac:dyDescent="0.3">
      <c r="A11662" s="13" t="s">
        <v>89</v>
      </c>
      <c r="B11662" s="14" t="s">
        <v>1</v>
      </c>
      <c r="C11662" s="14" t="s">
        <v>23</v>
      </c>
      <c r="D11662" s="14" t="s">
        <v>90</v>
      </c>
      <c r="E11662" s="15">
        <v>45723</v>
      </c>
      <c r="F11662" s="14" t="s">
        <v>15</v>
      </c>
      <c r="G11662" s="16">
        <v>5.2273706671019458</v>
      </c>
    </row>
    <row r="11663" spans="1:7" x14ac:dyDescent="0.3">
      <c r="A11663" s="13" t="s">
        <v>89</v>
      </c>
      <c r="B11663" s="14" t="s">
        <v>1</v>
      </c>
      <c r="C11663" s="14" t="s">
        <v>23</v>
      </c>
      <c r="D11663" s="14" t="s">
        <v>90</v>
      </c>
      <c r="E11663" s="15">
        <v>45724</v>
      </c>
      <c r="F11663" s="14" t="s">
        <v>15</v>
      </c>
      <c r="G11663" s="16">
        <v>5.2273706671019458</v>
      </c>
    </row>
    <row r="11664" spans="1:7" x14ac:dyDescent="0.3">
      <c r="A11664" s="13" t="s">
        <v>89</v>
      </c>
      <c r="B11664" s="14" t="s">
        <v>1</v>
      </c>
      <c r="C11664" s="14" t="s">
        <v>23</v>
      </c>
      <c r="D11664" s="14" t="s">
        <v>90</v>
      </c>
      <c r="E11664" s="15">
        <v>45725</v>
      </c>
      <c r="F11664" s="14" t="s">
        <v>15</v>
      </c>
      <c r="G11664" s="16">
        <v>5.2273706671019458</v>
      </c>
    </row>
    <row r="11665" spans="1:7" x14ac:dyDescent="0.3">
      <c r="A11665" s="13" t="s">
        <v>89</v>
      </c>
      <c r="B11665" s="14" t="s">
        <v>1</v>
      </c>
      <c r="C11665" s="14" t="s">
        <v>23</v>
      </c>
      <c r="D11665" s="14" t="s">
        <v>90</v>
      </c>
      <c r="E11665" s="15">
        <v>45726</v>
      </c>
      <c r="F11665" s="14" t="s">
        <v>15</v>
      </c>
      <c r="G11665" s="16">
        <v>5.2507921254372221</v>
      </c>
    </row>
    <row r="11666" spans="1:7" x14ac:dyDescent="0.3">
      <c r="A11666" s="13" t="s">
        <v>89</v>
      </c>
      <c r="B11666" s="14" t="s">
        <v>1</v>
      </c>
      <c r="C11666" s="14" t="s">
        <v>23</v>
      </c>
      <c r="D11666" s="14" t="s">
        <v>90</v>
      </c>
      <c r="E11666" s="15">
        <v>45727</v>
      </c>
      <c r="F11666" s="14" t="s">
        <v>15</v>
      </c>
      <c r="G11666" s="16">
        <v>5.2956655837724993</v>
      </c>
    </row>
    <row r="11667" spans="1:7" x14ac:dyDescent="0.3">
      <c r="A11667" s="13" t="s">
        <v>89</v>
      </c>
      <c r="B11667" s="14" t="s">
        <v>1</v>
      </c>
      <c r="C11667" s="14" t="s">
        <v>23</v>
      </c>
      <c r="D11667" s="14" t="s">
        <v>90</v>
      </c>
      <c r="E11667" s="15">
        <v>45728</v>
      </c>
      <c r="F11667" s="14" t="s">
        <v>15</v>
      </c>
      <c r="G11667" s="16">
        <v>5.3120630421077752</v>
      </c>
    </row>
    <row r="11668" spans="1:7" x14ac:dyDescent="0.3">
      <c r="A11668" s="13" t="s">
        <v>89</v>
      </c>
      <c r="B11668" s="14" t="s">
        <v>1</v>
      </c>
      <c r="C11668" s="14" t="s">
        <v>23</v>
      </c>
      <c r="D11668" s="14" t="s">
        <v>90</v>
      </c>
      <c r="E11668" s="15">
        <v>45729</v>
      </c>
      <c r="F11668" s="14" t="s">
        <v>15</v>
      </c>
      <c r="G11668" s="16">
        <v>5.3251925004430518</v>
      </c>
    </row>
    <row r="11669" spans="1:7" x14ac:dyDescent="0.3">
      <c r="A11669" s="13" t="s">
        <v>89</v>
      </c>
      <c r="B11669" s="14" t="s">
        <v>1</v>
      </c>
      <c r="C11669" s="14" t="s">
        <v>23</v>
      </c>
      <c r="D11669" s="14" t="s">
        <v>90</v>
      </c>
      <c r="E11669" s="15">
        <v>45730</v>
      </c>
      <c r="F11669" s="14" t="s">
        <v>15</v>
      </c>
      <c r="G11669" s="16">
        <v>5.2403259587783282</v>
      </c>
    </row>
    <row r="11670" spans="1:7" x14ac:dyDescent="0.3">
      <c r="A11670" s="13" t="s">
        <v>89</v>
      </c>
      <c r="B11670" s="14" t="s">
        <v>1</v>
      </c>
      <c r="C11670" s="14" t="s">
        <v>23</v>
      </c>
      <c r="D11670" s="14" t="s">
        <v>90</v>
      </c>
      <c r="E11670" s="15">
        <v>45731</v>
      </c>
      <c r="F11670" s="14" t="s">
        <v>15</v>
      </c>
      <c r="G11670" s="16">
        <v>5.2403259587783282</v>
      </c>
    </row>
    <row r="11671" spans="1:7" x14ac:dyDescent="0.3">
      <c r="A11671" s="13" t="s">
        <v>89</v>
      </c>
      <c r="B11671" s="14" t="s">
        <v>1</v>
      </c>
      <c r="C11671" s="14" t="s">
        <v>23</v>
      </c>
      <c r="D11671" s="14" t="s">
        <v>90</v>
      </c>
      <c r="E11671" s="15">
        <v>45732</v>
      </c>
      <c r="F11671" s="14" t="s">
        <v>15</v>
      </c>
      <c r="G11671" s="16">
        <v>5.2403259587783282</v>
      </c>
    </row>
    <row r="11672" spans="1:7" x14ac:dyDescent="0.3">
      <c r="A11672" s="13" t="s">
        <v>89</v>
      </c>
      <c r="B11672" s="14" t="s">
        <v>1</v>
      </c>
      <c r="C11672" s="14" t="s">
        <v>23</v>
      </c>
      <c r="D11672" s="14" t="s">
        <v>90</v>
      </c>
      <c r="E11672" s="15">
        <v>45733</v>
      </c>
      <c r="F11672" s="14" t="s">
        <v>15</v>
      </c>
      <c r="G11672" s="16">
        <v>5.2403259587783282</v>
      </c>
    </row>
    <row r="11673" spans="1:7" x14ac:dyDescent="0.3">
      <c r="A11673" s="13" t="s">
        <v>89</v>
      </c>
      <c r="B11673" s="14" t="s">
        <v>1</v>
      </c>
      <c r="C11673" s="14" t="s">
        <v>23</v>
      </c>
      <c r="D11673" s="14" t="s">
        <v>90</v>
      </c>
      <c r="E11673" s="15">
        <v>45734</v>
      </c>
      <c r="F11673" s="14" t="s">
        <v>15</v>
      </c>
      <c r="G11673" s="16">
        <v>5.2535274171136042</v>
      </c>
    </row>
    <row r="11674" spans="1:7" x14ac:dyDescent="0.3">
      <c r="A11674" s="13" t="s">
        <v>89</v>
      </c>
      <c r="B11674" s="14" t="s">
        <v>1</v>
      </c>
      <c r="C11674" s="14" t="s">
        <v>23</v>
      </c>
      <c r="D11674" s="14" t="s">
        <v>90</v>
      </c>
      <c r="E11674" s="15">
        <v>45735</v>
      </c>
      <c r="F11674" s="14" t="s">
        <v>15</v>
      </c>
      <c r="G11674" s="16">
        <v>5.3065968754488804</v>
      </c>
    </row>
    <row r="11675" spans="1:7" x14ac:dyDescent="0.3">
      <c r="A11675" s="13" t="s">
        <v>89</v>
      </c>
      <c r="B11675" s="14" t="s">
        <v>1</v>
      </c>
      <c r="C11675" s="14" t="s">
        <v>23</v>
      </c>
      <c r="D11675" s="14" t="s">
        <v>90</v>
      </c>
      <c r="E11675" s="15">
        <v>45736</v>
      </c>
      <c r="F11675" s="14" t="s">
        <v>15</v>
      </c>
      <c r="G11675" s="16">
        <v>5.3217783337841578</v>
      </c>
    </row>
    <row r="11676" spans="1:7" x14ac:dyDescent="0.3">
      <c r="A11676" s="13" t="s">
        <v>89</v>
      </c>
      <c r="B11676" s="14" t="s">
        <v>1</v>
      </c>
      <c r="C11676" s="14" t="s">
        <v>23</v>
      </c>
      <c r="D11676" s="14" t="s">
        <v>90</v>
      </c>
      <c r="E11676" s="15">
        <v>45737</v>
      </c>
      <c r="F11676" s="14" t="s">
        <v>15</v>
      </c>
      <c r="G11676" s="16">
        <v>5.3359717921194338</v>
      </c>
    </row>
    <row r="11677" spans="1:7" x14ac:dyDescent="0.3">
      <c r="A11677" s="13" t="s">
        <v>89</v>
      </c>
      <c r="B11677" s="14" t="s">
        <v>1</v>
      </c>
      <c r="C11677" s="14" t="s">
        <v>23</v>
      </c>
      <c r="D11677" s="14" t="s">
        <v>90</v>
      </c>
      <c r="E11677" s="15">
        <v>45738</v>
      </c>
      <c r="F11677" s="14" t="s">
        <v>15</v>
      </c>
      <c r="G11677" s="16">
        <v>5.3359717921194338</v>
      </c>
    </row>
    <row r="11678" spans="1:7" x14ac:dyDescent="0.3">
      <c r="A11678" s="13" t="s">
        <v>89</v>
      </c>
      <c r="B11678" s="14" t="s">
        <v>1</v>
      </c>
      <c r="C11678" s="14" t="s">
        <v>23</v>
      </c>
      <c r="D11678" s="14" t="s">
        <v>90</v>
      </c>
      <c r="E11678" s="15">
        <v>45739</v>
      </c>
      <c r="F11678" s="14" t="s">
        <v>15</v>
      </c>
      <c r="G11678" s="16">
        <v>5.3359717921194338</v>
      </c>
    </row>
    <row r="11679" spans="1:7" x14ac:dyDescent="0.3">
      <c r="A11679" s="13" t="s">
        <v>89</v>
      </c>
      <c r="B11679" s="14" t="s">
        <v>1</v>
      </c>
      <c r="C11679" s="14" t="s">
        <v>23</v>
      </c>
      <c r="D11679" s="14" t="s">
        <v>90</v>
      </c>
      <c r="E11679" s="15">
        <v>45740</v>
      </c>
      <c r="F11679" s="14" t="s">
        <v>15</v>
      </c>
      <c r="G11679" s="16">
        <v>5.3512092504547102</v>
      </c>
    </row>
    <row r="11680" spans="1:7" x14ac:dyDescent="0.3">
      <c r="A11680" s="13" t="s">
        <v>89</v>
      </c>
      <c r="B11680" s="14" t="s">
        <v>1</v>
      </c>
      <c r="C11680" s="14" t="s">
        <v>23</v>
      </c>
      <c r="D11680" s="14" t="s">
        <v>90</v>
      </c>
      <c r="E11680" s="15">
        <v>45741</v>
      </c>
      <c r="F11680" s="14" t="s">
        <v>15</v>
      </c>
      <c r="G11680" s="16">
        <v>5.3969747087899869</v>
      </c>
    </row>
    <row r="11681" spans="1:7" x14ac:dyDescent="0.3">
      <c r="A11681" s="13" t="s">
        <v>89</v>
      </c>
      <c r="B11681" s="14" t="s">
        <v>1</v>
      </c>
      <c r="C11681" s="14" t="s">
        <v>23</v>
      </c>
      <c r="D11681" s="14" t="s">
        <v>90</v>
      </c>
      <c r="E11681" s="15">
        <v>45742</v>
      </c>
      <c r="F11681" s="14" t="s">
        <v>15</v>
      </c>
      <c r="G11681" s="16">
        <v>5.4121841671252628</v>
      </c>
    </row>
    <row r="11682" spans="1:7" x14ac:dyDescent="0.3">
      <c r="A11682" s="13" t="s">
        <v>89</v>
      </c>
      <c r="B11682" s="14" t="s">
        <v>1</v>
      </c>
      <c r="C11682" s="14" t="s">
        <v>23</v>
      </c>
      <c r="D11682" s="14" t="s">
        <v>90</v>
      </c>
      <c r="E11682" s="15">
        <v>45743</v>
      </c>
      <c r="F11682" s="14" t="s">
        <v>15</v>
      </c>
      <c r="G11682" s="16">
        <v>5.4276016254605395</v>
      </c>
    </row>
    <row r="11683" spans="1:7" x14ac:dyDescent="0.3">
      <c r="A11683" s="13" t="s">
        <v>89</v>
      </c>
      <c r="B11683" s="14" t="s">
        <v>1</v>
      </c>
      <c r="C11683" s="14" t="s">
        <v>23</v>
      </c>
      <c r="D11683" s="14" t="s">
        <v>90</v>
      </c>
      <c r="E11683" s="15">
        <v>45744</v>
      </c>
      <c r="F11683" s="14" t="s">
        <v>15</v>
      </c>
      <c r="G11683" s="16">
        <v>5.4427790837958163</v>
      </c>
    </row>
    <row r="11684" spans="1:7" x14ac:dyDescent="0.3">
      <c r="A11684" s="13" t="s">
        <v>89</v>
      </c>
      <c r="B11684" s="14" t="s">
        <v>1</v>
      </c>
      <c r="C11684" s="14" t="s">
        <v>23</v>
      </c>
      <c r="D11684" s="14" t="s">
        <v>90</v>
      </c>
      <c r="E11684" s="15">
        <v>45745</v>
      </c>
      <c r="F11684" s="14" t="s">
        <v>15</v>
      </c>
      <c r="G11684" s="16">
        <v>5.4427790837958163</v>
      </c>
    </row>
    <row r="11685" spans="1:7" x14ac:dyDescent="0.3">
      <c r="A11685" s="13" t="s">
        <v>89</v>
      </c>
      <c r="B11685" s="14" t="s">
        <v>1</v>
      </c>
      <c r="C11685" s="14" t="s">
        <v>23</v>
      </c>
      <c r="D11685" s="14" t="s">
        <v>90</v>
      </c>
      <c r="E11685" s="15">
        <v>45746</v>
      </c>
      <c r="F11685" s="14" t="s">
        <v>15</v>
      </c>
      <c r="G11685" s="16">
        <v>5.4427790837958163</v>
      </c>
    </row>
    <row r="11686" spans="1:7" x14ac:dyDescent="0.3">
      <c r="A11686" s="13" t="s">
        <v>89</v>
      </c>
      <c r="B11686" s="14" t="s">
        <v>1</v>
      </c>
      <c r="C11686" s="14" t="s">
        <v>23</v>
      </c>
      <c r="D11686" s="14" t="s">
        <v>90</v>
      </c>
      <c r="E11686" s="15">
        <v>45747</v>
      </c>
      <c r="F11686" s="14" t="s">
        <v>15</v>
      </c>
      <c r="G11686" s="16">
        <v>5.4578445421310926</v>
      </c>
    </row>
    <row r="11687" spans="1:7" x14ac:dyDescent="0.3">
      <c r="A11687" s="13" t="s">
        <v>91</v>
      </c>
      <c r="B11687" s="14" t="s">
        <v>1</v>
      </c>
      <c r="C11687" s="14" t="s">
        <v>59</v>
      </c>
      <c r="D11687" s="14" t="s">
        <v>92</v>
      </c>
      <c r="E11687" s="15">
        <v>45383</v>
      </c>
      <c r="F11687" s="14" t="s">
        <v>28</v>
      </c>
      <c r="G11687" s="16">
        <v>0</v>
      </c>
    </row>
    <row r="11688" spans="1:7" x14ac:dyDescent="0.3">
      <c r="A11688" s="13" t="s">
        <v>91</v>
      </c>
      <c r="B11688" s="14" t="s">
        <v>1</v>
      </c>
      <c r="C11688" s="14" t="s">
        <v>59</v>
      </c>
      <c r="D11688" s="14" t="s">
        <v>92</v>
      </c>
      <c r="E11688" s="15">
        <v>45384</v>
      </c>
      <c r="F11688" s="14" t="s">
        <v>28</v>
      </c>
      <c r="G11688" s="16">
        <v>0</v>
      </c>
    </row>
    <row r="11689" spans="1:7" x14ac:dyDescent="0.3">
      <c r="A11689" s="13" t="s">
        <v>91</v>
      </c>
      <c r="B11689" s="14" t="s">
        <v>1</v>
      </c>
      <c r="C11689" s="14" t="s">
        <v>59</v>
      </c>
      <c r="D11689" s="14" t="s">
        <v>92</v>
      </c>
      <c r="E11689" s="15">
        <v>45385</v>
      </c>
      <c r="F11689" s="14" t="s">
        <v>28</v>
      </c>
      <c r="G11689" s="16">
        <v>0</v>
      </c>
    </row>
    <row r="11690" spans="1:7" x14ac:dyDescent="0.3">
      <c r="A11690" s="13" t="s">
        <v>91</v>
      </c>
      <c r="B11690" s="14" t="s">
        <v>1</v>
      </c>
      <c r="C11690" s="14" t="s">
        <v>59</v>
      </c>
      <c r="D11690" s="14" t="s">
        <v>92</v>
      </c>
      <c r="E11690" s="15">
        <v>45386</v>
      </c>
      <c r="F11690" s="14" t="s">
        <v>28</v>
      </c>
      <c r="G11690" s="16">
        <v>0</v>
      </c>
    </row>
    <row r="11691" spans="1:7" x14ac:dyDescent="0.3">
      <c r="A11691" s="13" t="s">
        <v>91</v>
      </c>
      <c r="B11691" s="14" t="s">
        <v>1</v>
      </c>
      <c r="C11691" s="14" t="s">
        <v>59</v>
      </c>
      <c r="D11691" s="14" t="s">
        <v>92</v>
      </c>
      <c r="E11691" s="15">
        <v>45387</v>
      </c>
      <c r="F11691" s="14" t="s">
        <v>28</v>
      </c>
      <c r="G11691" s="16">
        <v>0</v>
      </c>
    </row>
    <row r="11692" spans="1:7" x14ac:dyDescent="0.3">
      <c r="A11692" s="13" t="s">
        <v>91</v>
      </c>
      <c r="B11692" s="14" t="s">
        <v>1</v>
      </c>
      <c r="C11692" s="14" t="s">
        <v>59</v>
      </c>
      <c r="D11692" s="14" t="s">
        <v>92</v>
      </c>
      <c r="E11692" s="15">
        <v>45388</v>
      </c>
      <c r="F11692" s="14" t="s">
        <v>28</v>
      </c>
      <c r="G11692" s="16">
        <v>0</v>
      </c>
    </row>
    <row r="11693" spans="1:7" x14ac:dyDescent="0.3">
      <c r="A11693" s="13" t="s">
        <v>91</v>
      </c>
      <c r="B11693" s="14" t="s">
        <v>1</v>
      </c>
      <c r="C11693" s="14" t="s">
        <v>59</v>
      </c>
      <c r="D11693" s="14" t="s">
        <v>92</v>
      </c>
      <c r="E11693" s="15">
        <v>45389</v>
      </c>
      <c r="F11693" s="14" t="s">
        <v>28</v>
      </c>
      <c r="G11693" s="16">
        <v>0</v>
      </c>
    </row>
    <row r="11694" spans="1:7" x14ac:dyDescent="0.3">
      <c r="A11694" s="13" t="s">
        <v>91</v>
      </c>
      <c r="B11694" s="14" t="s">
        <v>1</v>
      </c>
      <c r="C11694" s="14" t="s">
        <v>59</v>
      </c>
      <c r="D11694" s="14" t="s">
        <v>92</v>
      </c>
      <c r="E11694" s="15">
        <v>45390</v>
      </c>
      <c r="F11694" s="14" t="s">
        <v>28</v>
      </c>
      <c r="G11694" s="16">
        <v>0</v>
      </c>
    </row>
    <row r="11695" spans="1:7" x14ac:dyDescent="0.3">
      <c r="A11695" s="13" t="s">
        <v>91</v>
      </c>
      <c r="B11695" s="14" t="s">
        <v>1</v>
      </c>
      <c r="C11695" s="14" t="s">
        <v>59</v>
      </c>
      <c r="D11695" s="14" t="s">
        <v>92</v>
      </c>
      <c r="E11695" s="15">
        <v>45391</v>
      </c>
      <c r="F11695" s="14" t="s">
        <v>28</v>
      </c>
      <c r="G11695" s="16">
        <v>0</v>
      </c>
    </row>
    <row r="11696" spans="1:7" x14ac:dyDescent="0.3">
      <c r="A11696" s="13" t="s">
        <v>91</v>
      </c>
      <c r="B11696" s="14" t="s">
        <v>1</v>
      </c>
      <c r="C11696" s="14" t="s">
        <v>59</v>
      </c>
      <c r="D11696" s="14" t="s">
        <v>92</v>
      </c>
      <c r="E11696" s="15">
        <v>45392</v>
      </c>
      <c r="F11696" s="14" t="s">
        <v>28</v>
      </c>
      <c r="G11696" s="16">
        <v>0</v>
      </c>
    </row>
    <row r="11697" spans="1:7" x14ac:dyDescent="0.3">
      <c r="A11697" s="13" t="s">
        <v>91</v>
      </c>
      <c r="B11697" s="14" t="s">
        <v>1</v>
      </c>
      <c r="C11697" s="14" t="s">
        <v>59</v>
      </c>
      <c r="D11697" s="14" t="s">
        <v>92</v>
      </c>
      <c r="E11697" s="15">
        <v>45393</v>
      </c>
      <c r="F11697" s="14" t="s">
        <v>28</v>
      </c>
      <c r="G11697" s="16">
        <v>0</v>
      </c>
    </row>
    <row r="11698" spans="1:7" x14ac:dyDescent="0.3">
      <c r="A11698" s="13" t="s">
        <v>91</v>
      </c>
      <c r="B11698" s="14" t="s">
        <v>1</v>
      </c>
      <c r="C11698" s="14" t="s">
        <v>59</v>
      </c>
      <c r="D11698" s="14" t="s">
        <v>92</v>
      </c>
      <c r="E11698" s="15">
        <v>45394</v>
      </c>
      <c r="F11698" s="14" t="s">
        <v>28</v>
      </c>
      <c r="G11698" s="16">
        <v>0</v>
      </c>
    </row>
    <row r="11699" spans="1:7" x14ac:dyDescent="0.3">
      <c r="A11699" s="13" t="s">
        <v>91</v>
      </c>
      <c r="B11699" s="14" t="s">
        <v>1</v>
      </c>
      <c r="C11699" s="14" t="s">
        <v>59</v>
      </c>
      <c r="D11699" s="14" t="s">
        <v>92</v>
      </c>
      <c r="E11699" s="15">
        <v>45395</v>
      </c>
      <c r="F11699" s="14" t="s">
        <v>28</v>
      </c>
      <c r="G11699" s="16">
        <v>0</v>
      </c>
    </row>
    <row r="11700" spans="1:7" x14ac:dyDescent="0.3">
      <c r="A11700" s="13" t="s">
        <v>91</v>
      </c>
      <c r="B11700" s="14" t="s">
        <v>1</v>
      </c>
      <c r="C11700" s="14" t="s">
        <v>59</v>
      </c>
      <c r="D11700" s="14" t="s">
        <v>92</v>
      </c>
      <c r="E11700" s="15">
        <v>45396</v>
      </c>
      <c r="F11700" s="14" t="s">
        <v>28</v>
      </c>
      <c r="G11700" s="16">
        <v>0</v>
      </c>
    </row>
    <row r="11701" spans="1:7" x14ac:dyDescent="0.3">
      <c r="A11701" s="13" t="s">
        <v>91</v>
      </c>
      <c r="B11701" s="14" t="s">
        <v>1</v>
      </c>
      <c r="C11701" s="14" t="s">
        <v>59</v>
      </c>
      <c r="D11701" s="14" t="s">
        <v>92</v>
      </c>
      <c r="E11701" s="15">
        <v>45397</v>
      </c>
      <c r="F11701" s="14" t="s">
        <v>28</v>
      </c>
      <c r="G11701" s="16">
        <v>0</v>
      </c>
    </row>
    <row r="11702" spans="1:7" x14ac:dyDescent="0.3">
      <c r="A11702" s="13" t="s">
        <v>91</v>
      </c>
      <c r="B11702" s="14" t="s">
        <v>1</v>
      </c>
      <c r="C11702" s="14" t="s">
        <v>59</v>
      </c>
      <c r="D11702" s="14" t="s">
        <v>92</v>
      </c>
      <c r="E11702" s="15">
        <v>45398</v>
      </c>
      <c r="F11702" s="14" t="s">
        <v>28</v>
      </c>
      <c r="G11702" s="16">
        <v>0</v>
      </c>
    </row>
    <row r="11703" spans="1:7" x14ac:dyDescent="0.3">
      <c r="A11703" s="13" t="s">
        <v>91</v>
      </c>
      <c r="B11703" s="14" t="s">
        <v>1</v>
      </c>
      <c r="C11703" s="14" t="s">
        <v>59</v>
      </c>
      <c r="D11703" s="14" t="s">
        <v>92</v>
      </c>
      <c r="E11703" s="15">
        <v>45399</v>
      </c>
      <c r="F11703" s="14" t="s">
        <v>28</v>
      </c>
      <c r="G11703" s="16">
        <v>0</v>
      </c>
    </row>
    <row r="11704" spans="1:7" x14ac:dyDescent="0.3">
      <c r="A11704" s="13" t="s">
        <v>91</v>
      </c>
      <c r="B11704" s="14" t="s">
        <v>1</v>
      </c>
      <c r="C11704" s="14" t="s">
        <v>59</v>
      </c>
      <c r="D11704" s="14" t="s">
        <v>92</v>
      </c>
      <c r="E11704" s="15">
        <v>45400</v>
      </c>
      <c r="F11704" s="14" t="s">
        <v>28</v>
      </c>
      <c r="G11704" s="16">
        <v>0</v>
      </c>
    </row>
    <row r="11705" spans="1:7" x14ac:dyDescent="0.3">
      <c r="A11705" s="13" t="s">
        <v>91</v>
      </c>
      <c r="B11705" s="14" t="s">
        <v>1</v>
      </c>
      <c r="C11705" s="14" t="s">
        <v>59</v>
      </c>
      <c r="D11705" s="14" t="s">
        <v>92</v>
      </c>
      <c r="E11705" s="15">
        <v>45401</v>
      </c>
      <c r="F11705" s="14" t="s">
        <v>28</v>
      </c>
      <c r="G11705" s="16">
        <v>0</v>
      </c>
    </row>
    <row r="11706" spans="1:7" x14ac:dyDescent="0.3">
      <c r="A11706" s="13" t="s">
        <v>91</v>
      </c>
      <c r="B11706" s="14" t="s">
        <v>1</v>
      </c>
      <c r="C11706" s="14" t="s">
        <v>59</v>
      </c>
      <c r="D11706" s="14" t="s">
        <v>92</v>
      </c>
      <c r="E11706" s="15">
        <v>45402</v>
      </c>
      <c r="F11706" s="14" t="s">
        <v>28</v>
      </c>
      <c r="G11706" s="16">
        <v>0</v>
      </c>
    </row>
    <row r="11707" spans="1:7" x14ac:dyDescent="0.3">
      <c r="A11707" s="13" t="s">
        <v>91</v>
      </c>
      <c r="B11707" s="14" t="s">
        <v>1</v>
      </c>
      <c r="C11707" s="14" t="s">
        <v>59</v>
      </c>
      <c r="D11707" s="14" t="s">
        <v>92</v>
      </c>
      <c r="E11707" s="15">
        <v>45403</v>
      </c>
      <c r="F11707" s="14" t="s">
        <v>28</v>
      </c>
      <c r="G11707" s="16">
        <v>0</v>
      </c>
    </row>
    <row r="11708" spans="1:7" x14ac:dyDescent="0.3">
      <c r="A11708" s="13" t="s">
        <v>91</v>
      </c>
      <c r="B11708" s="14" t="s">
        <v>1</v>
      </c>
      <c r="C11708" s="14" t="s">
        <v>59</v>
      </c>
      <c r="D11708" s="14" t="s">
        <v>92</v>
      </c>
      <c r="E11708" s="15">
        <v>45404</v>
      </c>
      <c r="F11708" s="14" t="s">
        <v>28</v>
      </c>
      <c r="G11708" s="16">
        <v>0</v>
      </c>
    </row>
    <row r="11709" spans="1:7" x14ac:dyDescent="0.3">
      <c r="A11709" s="13" t="s">
        <v>91</v>
      </c>
      <c r="B11709" s="14" t="s">
        <v>1</v>
      </c>
      <c r="C11709" s="14" t="s">
        <v>59</v>
      </c>
      <c r="D11709" s="14" t="s">
        <v>92</v>
      </c>
      <c r="E11709" s="15">
        <v>45405</v>
      </c>
      <c r="F11709" s="14" t="s">
        <v>28</v>
      </c>
      <c r="G11709" s="16">
        <v>0</v>
      </c>
    </row>
    <row r="11710" spans="1:7" x14ac:dyDescent="0.3">
      <c r="A11710" s="13" t="s">
        <v>91</v>
      </c>
      <c r="B11710" s="14" t="s">
        <v>1</v>
      </c>
      <c r="C11710" s="14" t="s">
        <v>59</v>
      </c>
      <c r="D11710" s="14" t="s">
        <v>92</v>
      </c>
      <c r="E11710" s="15">
        <v>45406</v>
      </c>
      <c r="F11710" s="14" t="s">
        <v>28</v>
      </c>
      <c r="G11710" s="16">
        <v>0</v>
      </c>
    </row>
    <row r="11711" spans="1:7" x14ac:dyDescent="0.3">
      <c r="A11711" s="13" t="s">
        <v>91</v>
      </c>
      <c r="B11711" s="14" t="s">
        <v>1</v>
      </c>
      <c r="C11711" s="14" t="s">
        <v>59</v>
      </c>
      <c r="D11711" s="14" t="s">
        <v>92</v>
      </c>
      <c r="E11711" s="15">
        <v>45407</v>
      </c>
      <c r="F11711" s="14" t="s">
        <v>28</v>
      </c>
      <c r="G11711" s="16">
        <v>0</v>
      </c>
    </row>
    <row r="11712" spans="1:7" x14ac:dyDescent="0.3">
      <c r="A11712" s="13" t="s">
        <v>91</v>
      </c>
      <c r="B11712" s="14" t="s">
        <v>1</v>
      </c>
      <c r="C11712" s="14" t="s">
        <v>59</v>
      </c>
      <c r="D11712" s="14" t="s">
        <v>92</v>
      </c>
      <c r="E11712" s="15">
        <v>45408</v>
      </c>
      <c r="F11712" s="14" t="s">
        <v>28</v>
      </c>
      <c r="G11712" s="16">
        <v>0</v>
      </c>
    </row>
    <row r="11713" spans="1:7" x14ac:dyDescent="0.3">
      <c r="A11713" s="13" t="s">
        <v>91</v>
      </c>
      <c r="B11713" s="14" t="s">
        <v>1</v>
      </c>
      <c r="C11713" s="14" t="s">
        <v>59</v>
      </c>
      <c r="D11713" s="14" t="s">
        <v>92</v>
      </c>
      <c r="E11713" s="15">
        <v>45409</v>
      </c>
      <c r="F11713" s="14" t="s">
        <v>28</v>
      </c>
      <c r="G11713" s="16">
        <v>0</v>
      </c>
    </row>
    <row r="11714" spans="1:7" x14ac:dyDescent="0.3">
      <c r="A11714" s="13" t="s">
        <v>91</v>
      </c>
      <c r="B11714" s="14" t="s">
        <v>1</v>
      </c>
      <c r="C11714" s="14" t="s">
        <v>59</v>
      </c>
      <c r="D11714" s="14" t="s">
        <v>92</v>
      </c>
      <c r="E11714" s="15">
        <v>45410</v>
      </c>
      <c r="F11714" s="14" t="s">
        <v>28</v>
      </c>
      <c r="G11714" s="16">
        <v>0</v>
      </c>
    </row>
    <row r="11715" spans="1:7" x14ac:dyDescent="0.3">
      <c r="A11715" s="13" t="s">
        <v>91</v>
      </c>
      <c r="B11715" s="14" t="s">
        <v>1</v>
      </c>
      <c r="C11715" s="14" t="s">
        <v>59</v>
      </c>
      <c r="D11715" s="14" t="s">
        <v>92</v>
      </c>
      <c r="E11715" s="15">
        <v>45411</v>
      </c>
      <c r="F11715" s="14" t="s">
        <v>28</v>
      </c>
      <c r="G11715" s="16">
        <v>0</v>
      </c>
    </row>
    <row r="11716" spans="1:7" x14ac:dyDescent="0.3">
      <c r="A11716" s="13" t="s">
        <v>91</v>
      </c>
      <c r="B11716" s="14" t="s">
        <v>1</v>
      </c>
      <c r="C11716" s="14" t="s">
        <v>59</v>
      </c>
      <c r="D11716" s="14" t="s">
        <v>92</v>
      </c>
      <c r="E11716" s="15">
        <v>45412</v>
      </c>
      <c r="F11716" s="14" t="s">
        <v>28</v>
      </c>
      <c r="G11716" s="16">
        <v>0</v>
      </c>
    </row>
    <row r="11717" spans="1:7" x14ac:dyDescent="0.3">
      <c r="A11717" s="13" t="s">
        <v>91</v>
      </c>
      <c r="B11717" s="14" t="s">
        <v>1</v>
      </c>
      <c r="C11717" s="14" t="s">
        <v>59</v>
      </c>
      <c r="D11717" s="14" t="s">
        <v>92</v>
      </c>
      <c r="E11717" s="15">
        <v>45413</v>
      </c>
      <c r="F11717" s="14" t="s">
        <v>28</v>
      </c>
      <c r="G11717" s="16">
        <v>0</v>
      </c>
    </row>
    <row r="11718" spans="1:7" x14ac:dyDescent="0.3">
      <c r="A11718" s="13" t="s">
        <v>91</v>
      </c>
      <c r="B11718" s="14" t="s">
        <v>1</v>
      </c>
      <c r="C11718" s="14" t="s">
        <v>59</v>
      </c>
      <c r="D11718" s="14" t="s">
        <v>92</v>
      </c>
      <c r="E11718" s="15">
        <v>45414</v>
      </c>
      <c r="F11718" s="14" t="s">
        <v>28</v>
      </c>
      <c r="G11718" s="16">
        <v>0</v>
      </c>
    </row>
    <row r="11719" spans="1:7" x14ac:dyDescent="0.3">
      <c r="A11719" s="13" t="s">
        <v>91</v>
      </c>
      <c r="B11719" s="14" t="s">
        <v>1</v>
      </c>
      <c r="C11719" s="14" t="s">
        <v>59</v>
      </c>
      <c r="D11719" s="14" t="s">
        <v>92</v>
      </c>
      <c r="E11719" s="15">
        <v>45415</v>
      </c>
      <c r="F11719" s="14" t="s">
        <v>28</v>
      </c>
      <c r="G11719" s="16">
        <v>0</v>
      </c>
    </row>
    <row r="11720" spans="1:7" x14ac:dyDescent="0.3">
      <c r="A11720" s="13" t="s">
        <v>91</v>
      </c>
      <c r="B11720" s="14" t="s">
        <v>1</v>
      </c>
      <c r="C11720" s="14" t="s">
        <v>59</v>
      </c>
      <c r="D11720" s="14" t="s">
        <v>92</v>
      </c>
      <c r="E11720" s="15">
        <v>45416</v>
      </c>
      <c r="F11720" s="14" t="s">
        <v>28</v>
      </c>
      <c r="G11720" s="16">
        <v>0</v>
      </c>
    </row>
    <row r="11721" spans="1:7" x14ac:dyDescent="0.3">
      <c r="A11721" s="13" t="s">
        <v>91</v>
      </c>
      <c r="B11721" s="14" t="s">
        <v>1</v>
      </c>
      <c r="C11721" s="14" t="s">
        <v>59</v>
      </c>
      <c r="D11721" s="14" t="s">
        <v>92</v>
      </c>
      <c r="E11721" s="15">
        <v>45417</v>
      </c>
      <c r="F11721" s="14" t="s">
        <v>28</v>
      </c>
      <c r="G11721" s="16">
        <v>0</v>
      </c>
    </row>
    <row r="11722" spans="1:7" x14ac:dyDescent="0.3">
      <c r="A11722" s="13" t="s">
        <v>91</v>
      </c>
      <c r="B11722" s="14" t="s">
        <v>1</v>
      </c>
      <c r="C11722" s="14" t="s">
        <v>59</v>
      </c>
      <c r="D11722" s="14" t="s">
        <v>92</v>
      </c>
      <c r="E11722" s="15">
        <v>45418</v>
      </c>
      <c r="F11722" s="14" t="s">
        <v>28</v>
      </c>
      <c r="G11722" s="16">
        <v>0</v>
      </c>
    </row>
    <row r="11723" spans="1:7" x14ac:dyDescent="0.3">
      <c r="A11723" s="13" t="s">
        <v>91</v>
      </c>
      <c r="B11723" s="14" t="s">
        <v>1</v>
      </c>
      <c r="C11723" s="14" t="s">
        <v>59</v>
      </c>
      <c r="D11723" s="14" t="s">
        <v>92</v>
      </c>
      <c r="E11723" s="15">
        <v>45419</v>
      </c>
      <c r="F11723" s="14" t="s">
        <v>28</v>
      </c>
      <c r="G11723" s="16">
        <v>0</v>
      </c>
    </row>
    <row r="11724" spans="1:7" x14ac:dyDescent="0.3">
      <c r="A11724" s="13" t="s">
        <v>91</v>
      </c>
      <c r="B11724" s="14" t="s">
        <v>1</v>
      </c>
      <c r="C11724" s="14" t="s">
        <v>59</v>
      </c>
      <c r="D11724" s="14" t="s">
        <v>92</v>
      </c>
      <c r="E11724" s="15">
        <v>45420</v>
      </c>
      <c r="F11724" s="14" t="s">
        <v>28</v>
      </c>
      <c r="G11724" s="16">
        <v>0</v>
      </c>
    </row>
    <row r="11725" spans="1:7" x14ac:dyDescent="0.3">
      <c r="A11725" s="13" t="s">
        <v>91</v>
      </c>
      <c r="B11725" s="14" t="s">
        <v>1</v>
      </c>
      <c r="C11725" s="14" t="s">
        <v>59</v>
      </c>
      <c r="D11725" s="14" t="s">
        <v>92</v>
      </c>
      <c r="E11725" s="15">
        <v>45421</v>
      </c>
      <c r="F11725" s="14" t="s">
        <v>28</v>
      </c>
      <c r="G11725" s="16">
        <v>0</v>
      </c>
    </row>
    <row r="11726" spans="1:7" x14ac:dyDescent="0.3">
      <c r="A11726" s="13" t="s">
        <v>91</v>
      </c>
      <c r="B11726" s="14" t="s">
        <v>1</v>
      </c>
      <c r="C11726" s="14" t="s">
        <v>59</v>
      </c>
      <c r="D11726" s="14" t="s">
        <v>92</v>
      </c>
      <c r="E11726" s="15">
        <v>45422</v>
      </c>
      <c r="F11726" s="14" t="s">
        <v>28</v>
      </c>
      <c r="G11726" s="16">
        <v>0</v>
      </c>
    </row>
    <row r="11727" spans="1:7" x14ac:dyDescent="0.3">
      <c r="A11727" s="13" t="s">
        <v>91</v>
      </c>
      <c r="B11727" s="14" t="s">
        <v>1</v>
      </c>
      <c r="C11727" s="14" t="s">
        <v>59</v>
      </c>
      <c r="D11727" s="14" t="s">
        <v>92</v>
      </c>
      <c r="E11727" s="15">
        <v>45423</v>
      </c>
      <c r="F11727" s="14" t="s">
        <v>28</v>
      </c>
      <c r="G11727" s="16">
        <v>0</v>
      </c>
    </row>
    <row r="11728" spans="1:7" x14ac:dyDescent="0.3">
      <c r="A11728" s="13" t="s">
        <v>91</v>
      </c>
      <c r="B11728" s="14" t="s">
        <v>1</v>
      </c>
      <c r="C11728" s="14" t="s">
        <v>59</v>
      </c>
      <c r="D11728" s="14" t="s">
        <v>92</v>
      </c>
      <c r="E11728" s="15">
        <v>45424</v>
      </c>
      <c r="F11728" s="14" t="s">
        <v>28</v>
      </c>
      <c r="G11728" s="16">
        <v>0</v>
      </c>
    </row>
    <row r="11729" spans="1:7" x14ac:dyDescent="0.3">
      <c r="A11729" s="13" t="s">
        <v>91</v>
      </c>
      <c r="B11729" s="14" t="s">
        <v>1</v>
      </c>
      <c r="C11729" s="14" t="s">
        <v>59</v>
      </c>
      <c r="D11729" s="14" t="s">
        <v>92</v>
      </c>
      <c r="E11729" s="15">
        <v>45425</v>
      </c>
      <c r="F11729" s="14" t="s">
        <v>28</v>
      </c>
      <c r="G11729" s="16">
        <v>0</v>
      </c>
    </row>
    <row r="11730" spans="1:7" x14ac:dyDescent="0.3">
      <c r="A11730" s="13" t="s">
        <v>91</v>
      </c>
      <c r="B11730" s="14" t="s">
        <v>1</v>
      </c>
      <c r="C11730" s="14" t="s">
        <v>59</v>
      </c>
      <c r="D11730" s="14" t="s">
        <v>92</v>
      </c>
      <c r="E11730" s="15">
        <v>45426</v>
      </c>
      <c r="F11730" s="14" t="s">
        <v>28</v>
      </c>
      <c r="G11730" s="16">
        <v>0</v>
      </c>
    </row>
    <row r="11731" spans="1:7" x14ac:dyDescent="0.3">
      <c r="A11731" s="13" t="s">
        <v>91</v>
      </c>
      <c r="B11731" s="14" t="s">
        <v>1</v>
      </c>
      <c r="C11731" s="14" t="s">
        <v>59</v>
      </c>
      <c r="D11731" s="14" t="s">
        <v>92</v>
      </c>
      <c r="E11731" s="15">
        <v>45427</v>
      </c>
      <c r="F11731" s="14" t="s">
        <v>28</v>
      </c>
      <c r="G11731" s="16">
        <v>0</v>
      </c>
    </row>
    <row r="11732" spans="1:7" x14ac:dyDescent="0.3">
      <c r="A11732" s="13" t="s">
        <v>91</v>
      </c>
      <c r="B11732" s="14" t="s">
        <v>1</v>
      </c>
      <c r="C11732" s="14" t="s">
        <v>59</v>
      </c>
      <c r="D11732" s="14" t="s">
        <v>92</v>
      </c>
      <c r="E11732" s="15">
        <v>45428</v>
      </c>
      <c r="F11732" s="14" t="s">
        <v>28</v>
      </c>
      <c r="G11732" s="16">
        <v>0</v>
      </c>
    </row>
    <row r="11733" spans="1:7" x14ac:dyDescent="0.3">
      <c r="A11733" s="13" t="s">
        <v>91</v>
      </c>
      <c r="B11733" s="14" t="s">
        <v>1</v>
      </c>
      <c r="C11733" s="14" t="s">
        <v>59</v>
      </c>
      <c r="D11733" s="14" t="s">
        <v>92</v>
      </c>
      <c r="E11733" s="15">
        <v>45429</v>
      </c>
      <c r="F11733" s="14" t="s">
        <v>28</v>
      </c>
      <c r="G11733" s="16">
        <v>1.0187192122208456E-2</v>
      </c>
    </row>
    <row r="11734" spans="1:7" x14ac:dyDescent="0.3">
      <c r="A11734" s="13" t="s">
        <v>91</v>
      </c>
      <c r="B11734" s="14" t="s">
        <v>1</v>
      </c>
      <c r="C11734" s="14" t="s">
        <v>59</v>
      </c>
      <c r="D11734" s="14" t="s">
        <v>92</v>
      </c>
      <c r="E11734" s="15">
        <v>45430</v>
      </c>
      <c r="F11734" s="14" t="s">
        <v>28</v>
      </c>
      <c r="G11734" s="16">
        <v>1.0187192122208456E-2</v>
      </c>
    </row>
    <row r="11735" spans="1:7" x14ac:dyDescent="0.3">
      <c r="A11735" s="13" t="s">
        <v>91</v>
      </c>
      <c r="B11735" s="14" t="s">
        <v>1</v>
      </c>
      <c r="C11735" s="14" t="s">
        <v>59</v>
      </c>
      <c r="D11735" s="14" t="s">
        <v>92</v>
      </c>
      <c r="E11735" s="15">
        <v>45431</v>
      </c>
      <c r="F11735" s="14" t="s">
        <v>28</v>
      </c>
      <c r="G11735" s="16">
        <v>1.0187192122208456E-2</v>
      </c>
    </row>
    <row r="11736" spans="1:7" x14ac:dyDescent="0.3">
      <c r="A11736" s="13" t="s">
        <v>91</v>
      </c>
      <c r="B11736" s="14" t="s">
        <v>1</v>
      </c>
      <c r="C11736" s="14" t="s">
        <v>59</v>
      </c>
      <c r="D11736" s="14" t="s">
        <v>92</v>
      </c>
      <c r="E11736" s="15">
        <v>45432</v>
      </c>
      <c r="F11736" s="14" t="s">
        <v>28</v>
      </c>
      <c r="G11736" s="16">
        <v>1.0187192122208456E-2</v>
      </c>
    </row>
    <row r="11737" spans="1:7" x14ac:dyDescent="0.3">
      <c r="A11737" s="13" t="s">
        <v>91</v>
      </c>
      <c r="B11737" s="14" t="s">
        <v>1</v>
      </c>
      <c r="C11737" s="14" t="s">
        <v>59</v>
      </c>
      <c r="D11737" s="14" t="s">
        <v>92</v>
      </c>
      <c r="E11737" s="15">
        <v>45433</v>
      </c>
      <c r="F11737" s="14" t="s">
        <v>28</v>
      </c>
      <c r="G11737" s="16">
        <v>4.6424322402966837E-3</v>
      </c>
    </row>
    <row r="11738" spans="1:7" x14ac:dyDescent="0.3">
      <c r="A11738" s="13" t="s">
        <v>91</v>
      </c>
      <c r="B11738" s="14" t="s">
        <v>1</v>
      </c>
      <c r="C11738" s="14" t="s">
        <v>59</v>
      </c>
      <c r="D11738" s="14" t="s">
        <v>92</v>
      </c>
      <c r="E11738" s="15">
        <v>45434</v>
      </c>
      <c r="F11738" s="14" t="s">
        <v>28</v>
      </c>
      <c r="G11738" s="16">
        <v>0</v>
      </c>
    </row>
    <row r="11739" spans="1:7" x14ac:dyDescent="0.3">
      <c r="A11739" s="13" t="s">
        <v>91</v>
      </c>
      <c r="B11739" s="14" t="s">
        <v>1</v>
      </c>
      <c r="C11739" s="14" t="s">
        <v>59</v>
      </c>
      <c r="D11739" s="14" t="s">
        <v>92</v>
      </c>
      <c r="E11739" s="15">
        <v>45435</v>
      </c>
      <c r="F11739" s="14" t="s">
        <v>28</v>
      </c>
      <c r="G11739" s="16">
        <v>0</v>
      </c>
    </row>
    <row r="11740" spans="1:7" x14ac:dyDescent="0.3">
      <c r="A11740" s="13" t="s">
        <v>91</v>
      </c>
      <c r="B11740" s="14" t="s">
        <v>1</v>
      </c>
      <c r="C11740" s="14" t="s">
        <v>59</v>
      </c>
      <c r="D11740" s="14" t="s">
        <v>92</v>
      </c>
      <c r="E11740" s="15">
        <v>45436</v>
      </c>
      <c r="F11740" s="14" t="s">
        <v>28</v>
      </c>
      <c r="G11740" s="16">
        <v>0</v>
      </c>
    </row>
    <row r="11741" spans="1:7" x14ac:dyDescent="0.3">
      <c r="A11741" s="13" t="s">
        <v>91</v>
      </c>
      <c r="B11741" s="14" t="s">
        <v>1</v>
      </c>
      <c r="C11741" s="14" t="s">
        <v>59</v>
      </c>
      <c r="D11741" s="14" t="s">
        <v>92</v>
      </c>
      <c r="E11741" s="15">
        <v>45437</v>
      </c>
      <c r="F11741" s="14" t="s">
        <v>28</v>
      </c>
      <c r="G11741" s="16">
        <v>0</v>
      </c>
    </row>
    <row r="11742" spans="1:7" x14ac:dyDescent="0.3">
      <c r="A11742" s="13" t="s">
        <v>91</v>
      </c>
      <c r="B11742" s="14" t="s">
        <v>1</v>
      </c>
      <c r="C11742" s="14" t="s">
        <v>59</v>
      </c>
      <c r="D11742" s="14" t="s">
        <v>92</v>
      </c>
      <c r="E11742" s="15">
        <v>45438</v>
      </c>
      <c r="F11742" s="14" t="s">
        <v>28</v>
      </c>
      <c r="G11742" s="16">
        <v>0</v>
      </c>
    </row>
    <row r="11743" spans="1:7" x14ac:dyDescent="0.3">
      <c r="A11743" s="13" t="s">
        <v>91</v>
      </c>
      <c r="B11743" s="14" t="s">
        <v>1</v>
      </c>
      <c r="C11743" s="14" t="s">
        <v>59</v>
      </c>
      <c r="D11743" s="14" t="s">
        <v>92</v>
      </c>
      <c r="E11743" s="15">
        <v>45439</v>
      </c>
      <c r="F11743" s="14" t="s">
        <v>28</v>
      </c>
      <c r="G11743" s="16">
        <v>0</v>
      </c>
    </row>
    <row r="11744" spans="1:7" x14ac:dyDescent="0.3">
      <c r="A11744" s="13" t="s">
        <v>91</v>
      </c>
      <c r="B11744" s="14" t="s">
        <v>1</v>
      </c>
      <c r="C11744" s="14" t="s">
        <v>59</v>
      </c>
      <c r="D11744" s="14" t="s">
        <v>92</v>
      </c>
      <c r="E11744" s="15">
        <v>45440</v>
      </c>
      <c r="F11744" s="14" t="s">
        <v>28</v>
      </c>
      <c r="G11744" s="16">
        <v>0</v>
      </c>
    </row>
    <row r="11745" spans="1:7" x14ac:dyDescent="0.3">
      <c r="A11745" s="13" t="s">
        <v>91</v>
      </c>
      <c r="B11745" s="14" t="s">
        <v>1</v>
      </c>
      <c r="C11745" s="14" t="s">
        <v>59</v>
      </c>
      <c r="D11745" s="14" t="s">
        <v>92</v>
      </c>
      <c r="E11745" s="15">
        <v>45441</v>
      </c>
      <c r="F11745" s="14" t="s">
        <v>28</v>
      </c>
      <c r="G11745" s="16">
        <v>0</v>
      </c>
    </row>
    <row r="11746" spans="1:7" x14ac:dyDescent="0.3">
      <c r="A11746" s="13" t="s">
        <v>91</v>
      </c>
      <c r="B11746" s="14" t="s">
        <v>1</v>
      </c>
      <c r="C11746" s="14" t="s">
        <v>59</v>
      </c>
      <c r="D11746" s="14" t="s">
        <v>92</v>
      </c>
      <c r="E11746" s="15">
        <v>45442</v>
      </c>
      <c r="F11746" s="14" t="s">
        <v>28</v>
      </c>
      <c r="G11746" s="16">
        <v>0</v>
      </c>
    </row>
    <row r="11747" spans="1:7" x14ac:dyDescent="0.3">
      <c r="A11747" s="13" t="s">
        <v>91</v>
      </c>
      <c r="B11747" s="14" t="s">
        <v>1</v>
      </c>
      <c r="C11747" s="14" t="s">
        <v>59</v>
      </c>
      <c r="D11747" s="14" t="s">
        <v>92</v>
      </c>
      <c r="E11747" s="15">
        <v>45443</v>
      </c>
      <c r="F11747" s="14" t="s">
        <v>28</v>
      </c>
      <c r="G11747" s="16">
        <v>0</v>
      </c>
    </row>
    <row r="11748" spans="1:7" x14ac:dyDescent="0.3">
      <c r="A11748" s="13" t="s">
        <v>91</v>
      </c>
      <c r="B11748" s="14" t="s">
        <v>1</v>
      </c>
      <c r="C11748" s="14" t="s">
        <v>59</v>
      </c>
      <c r="D11748" s="14" t="s">
        <v>92</v>
      </c>
      <c r="E11748" s="15">
        <v>45444</v>
      </c>
      <c r="F11748" s="14" t="s">
        <v>28</v>
      </c>
      <c r="G11748" s="16">
        <v>0</v>
      </c>
    </row>
    <row r="11749" spans="1:7" x14ac:dyDescent="0.3">
      <c r="A11749" s="13" t="s">
        <v>91</v>
      </c>
      <c r="B11749" s="14" t="s">
        <v>1</v>
      </c>
      <c r="C11749" s="14" t="s">
        <v>59</v>
      </c>
      <c r="D11749" s="14" t="s">
        <v>92</v>
      </c>
      <c r="E11749" s="15">
        <v>45445</v>
      </c>
      <c r="F11749" s="14" t="s">
        <v>28</v>
      </c>
      <c r="G11749" s="16">
        <v>0</v>
      </c>
    </row>
    <row r="11750" spans="1:7" x14ac:dyDescent="0.3">
      <c r="A11750" s="13" t="s">
        <v>91</v>
      </c>
      <c r="B11750" s="14" t="s">
        <v>1</v>
      </c>
      <c r="C11750" s="14" t="s">
        <v>59</v>
      </c>
      <c r="D11750" s="14" t="s">
        <v>92</v>
      </c>
      <c r="E11750" s="15">
        <v>45446</v>
      </c>
      <c r="F11750" s="14" t="s">
        <v>28</v>
      </c>
      <c r="G11750" s="16">
        <v>0</v>
      </c>
    </row>
    <row r="11751" spans="1:7" x14ac:dyDescent="0.3">
      <c r="A11751" s="13" t="s">
        <v>91</v>
      </c>
      <c r="B11751" s="14" t="s">
        <v>1</v>
      </c>
      <c r="C11751" s="14" t="s">
        <v>59</v>
      </c>
      <c r="D11751" s="14" t="s">
        <v>92</v>
      </c>
      <c r="E11751" s="15">
        <v>45447</v>
      </c>
      <c r="F11751" s="14" t="s">
        <v>28</v>
      </c>
      <c r="G11751" s="16">
        <v>0</v>
      </c>
    </row>
    <row r="11752" spans="1:7" x14ac:dyDescent="0.3">
      <c r="A11752" s="13" t="s">
        <v>91</v>
      </c>
      <c r="B11752" s="14" t="s">
        <v>1</v>
      </c>
      <c r="C11752" s="14" t="s">
        <v>59</v>
      </c>
      <c r="D11752" s="14" t="s">
        <v>92</v>
      </c>
      <c r="E11752" s="15">
        <v>45448</v>
      </c>
      <c r="F11752" s="14" t="s">
        <v>28</v>
      </c>
      <c r="G11752" s="16">
        <v>0</v>
      </c>
    </row>
    <row r="11753" spans="1:7" x14ac:dyDescent="0.3">
      <c r="A11753" s="13" t="s">
        <v>91</v>
      </c>
      <c r="B11753" s="14" t="s">
        <v>1</v>
      </c>
      <c r="C11753" s="14" t="s">
        <v>59</v>
      </c>
      <c r="D11753" s="14" t="s">
        <v>92</v>
      </c>
      <c r="E11753" s="15">
        <v>45449</v>
      </c>
      <c r="F11753" s="14" t="s">
        <v>28</v>
      </c>
      <c r="G11753" s="16">
        <v>0</v>
      </c>
    </row>
    <row r="11754" spans="1:7" x14ac:dyDescent="0.3">
      <c r="A11754" s="13" t="s">
        <v>91</v>
      </c>
      <c r="B11754" s="14" t="s">
        <v>1</v>
      </c>
      <c r="C11754" s="14" t="s">
        <v>59</v>
      </c>
      <c r="D11754" s="14" t="s">
        <v>92</v>
      </c>
      <c r="E11754" s="15">
        <v>45450</v>
      </c>
      <c r="F11754" s="14" t="s">
        <v>28</v>
      </c>
      <c r="G11754" s="16">
        <v>0</v>
      </c>
    </row>
    <row r="11755" spans="1:7" x14ac:dyDescent="0.3">
      <c r="A11755" s="13" t="s">
        <v>91</v>
      </c>
      <c r="B11755" s="14" t="s">
        <v>1</v>
      </c>
      <c r="C11755" s="14" t="s">
        <v>59</v>
      </c>
      <c r="D11755" s="14" t="s">
        <v>92</v>
      </c>
      <c r="E11755" s="15">
        <v>45451</v>
      </c>
      <c r="F11755" s="14" t="s">
        <v>28</v>
      </c>
      <c r="G11755" s="16">
        <v>0</v>
      </c>
    </row>
    <row r="11756" spans="1:7" x14ac:dyDescent="0.3">
      <c r="A11756" s="13" t="s">
        <v>91</v>
      </c>
      <c r="B11756" s="14" t="s">
        <v>1</v>
      </c>
      <c r="C11756" s="14" t="s">
        <v>59</v>
      </c>
      <c r="D11756" s="14" t="s">
        <v>92</v>
      </c>
      <c r="E11756" s="15">
        <v>45452</v>
      </c>
      <c r="F11756" s="14" t="s">
        <v>28</v>
      </c>
      <c r="G11756" s="16">
        <v>0</v>
      </c>
    </row>
    <row r="11757" spans="1:7" x14ac:dyDescent="0.3">
      <c r="A11757" s="13" t="s">
        <v>91</v>
      </c>
      <c r="B11757" s="14" t="s">
        <v>1</v>
      </c>
      <c r="C11757" s="14" t="s">
        <v>59</v>
      </c>
      <c r="D11757" s="14" t="s">
        <v>92</v>
      </c>
      <c r="E11757" s="15">
        <v>45453</v>
      </c>
      <c r="F11757" s="14" t="s">
        <v>28</v>
      </c>
      <c r="G11757" s="16">
        <v>0</v>
      </c>
    </row>
    <row r="11758" spans="1:7" x14ac:dyDescent="0.3">
      <c r="A11758" s="13" t="s">
        <v>91</v>
      </c>
      <c r="B11758" s="14" t="s">
        <v>1</v>
      </c>
      <c r="C11758" s="14" t="s">
        <v>59</v>
      </c>
      <c r="D11758" s="14" t="s">
        <v>92</v>
      </c>
      <c r="E11758" s="15">
        <v>45454</v>
      </c>
      <c r="F11758" s="14" t="s">
        <v>28</v>
      </c>
      <c r="G11758" s="16">
        <v>0</v>
      </c>
    </row>
    <row r="11759" spans="1:7" x14ac:dyDescent="0.3">
      <c r="A11759" s="13" t="s">
        <v>91</v>
      </c>
      <c r="B11759" s="14" t="s">
        <v>1</v>
      </c>
      <c r="C11759" s="14" t="s">
        <v>59</v>
      </c>
      <c r="D11759" s="14" t="s">
        <v>92</v>
      </c>
      <c r="E11759" s="15">
        <v>45455</v>
      </c>
      <c r="F11759" s="14" t="s">
        <v>28</v>
      </c>
      <c r="G11759" s="16">
        <v>0</v>
      </c>
    </row>
    <row r="11760" spans="1:7" x14ac:dyDescent="0.3">
      <c r="A11760" s="13" t="s">
        <v>91</v>
      </c>
      <c r="B11760" s="14" t="s">
        <v>1</v>
      </c>
      <c r="C11760" s="14" t="s">
        <v>59</v>
      </c>
      <c r="D11760" s="14" t="s">
        <v>92</v>
      </c>
      <c r="E11760" s="15">
        <v>45456</v>
      </c>
      <c r="F11760" s="14" t="s">
        <v>28</v>
      </c>
      <c r="G11760" s="16">
        <v>0</v>
      </c>
    </row>
    <row r="11761" spans="1:7" x14ac:dyDescent="0.3">
      <c r="A11761" s="13" t="s">
        <v>91</v>
      </c>
      <c r="B11761" s="14" t="s">
        <v>1</v>
      </c>
      <c r="C11761" s="14" t="s">
        <v>59</v>
      </c>
      <c r="D11761" s="14" t="s">
        <v>92</v>
      </c>
      <c r="E11761" s="15">
        <v>45457</v>
      </c>
      <c r="F11761" s="14" t="s">
        <v>28</v>
      </c>
      <c r="G11761" s="16">
        <v>0</v>
      </c>
    </row>
    <row r="11762" spans="1:7" x14ac:dyDescent="0.3">
      <c r="A11762" s="13" t="s">
        <v>91</v>
      </c>
      <c r="B11762" s="14" t="s">
        <v>1</v>
      </c>
      <c r="C11762" s="14" t="s">
        <v>59</v>
      </c>
      <c r="D11762" s="14" t="s">
        <v>92</v>
      </c>
      <c r="E11762" s="15">
        <v>45458</v>
      </c>
      <c r="F11762" s="14" t="s">
        <v>28</v>
      </c>
      <c r="G11762" s="16">
        <v>0</v>
      </c>
    </row>
    <row r="11763" spans="1:7" x14ac:dyDescent="0.3">
      <c r="A11763" s="13" t="s">
        <v>91</v>
      </c>
      <c r="B11763" s="14" t="s">
        <v>1</v>
      </c>
      <c r="C11763" s="14" t="s">
        <v>59</v>
      </c>
      <c r="D11763" s="14" t="s">
        <v>92</v>
      </c>
      <c r="E11763" s="15">
        <v>45459</v>
      </c>
      <c r="F11763" s="14" t="s">
        <v>28</v>
      </c>
      <c r="G11763" s="16">
        <v>0</v>
      </c>
    </row>
    <row r="11764" spans="1:7" x14ac:dyDescent="0.3">
      <c r="A11764" s="13" t="s">
        <v>91</v>
      </c>
      <c r="B11764" s="14" t="s">
        <v>1</v>
      </c>
      <c r="C11764" s="14" t="s">
        <v>59</v>
      </c>
      <c r="D11764" s="14" t="s">
        <v>92</v>
      </c>
      <c r="E11764" s="15">
        <v>45460</v>
      </c>
      <c r="F11764" s="14" t="s">
        <v>28</v>
      </c>
      <c r="G11764" s="16">
        <v>0</v>
      </c>
    </row>
    <row r="11765" spans="1:7" x14ac:dyDescent="0.3">
      <c r="A11765" s="13" t="s">
        <v>91</v>
      </c>
      <c r="B11765" s="14" t="s">
        <v>1</v>
      </c>
      <c r="C11765" s="14" t="s">
        <v>59</v>
      </c>
      <c r="D11765" s="14" t="s">
        <v>92</v>
      </c>
      <c r="E11765" s="15">
        <v>45461</v>
      </c>
      <c r="F11765" s="14" t="s">
        <v>28</v>
      </c>
      <c r="G11765" s="16">
        <v>0</v>
      </c>
    </row>
    <row r="11766" spans="1:7" x14ac:dyDescent="0.3">
      <c r="A11766" s="13" t="s">
        <v>91</v>
      </c>
      <c r="B11766" s="14" t="s">
        <v>1</v>
      </c>
      <c r="C11766" s="14" t="s">
        <v>59</v>
      </c>
      <c r="D11766" s="14" t="s">
        <v>92</v>
      </c>
      <c r="E11766" s="15">
        <v>45462</v>
      </c>
      <c r="F11766" s="14" t="s">
        <v>28</v>
      </c>
      <c r="G11766" s="16">
        <v>0</v>
      </c>
    </row>
    <row r="11767" spans="1:7" x14ac:dyDescent="0.3">
      <c r="A11767" s="13" t="s">
        <v>91</v>
      </c>
      <c r="B11767" s="14" t="s">
        <v>1</v>
      </c>
      <c r="C11767" s="14" t="s">
        <v>59</v>
      </c>
      <c r="D11767" s="14" t="s">
        <v>92</v>
      </c>
      <c r="E11767" s="15">
        <v>45463</v>
      </c>
      <c r="F11767" s="14" t="s">
        <v>28</v>
      </c>
      <c r="G11767" s="16">
        <v>0</v>
      </c>
    </row>
    <row r="11768" spans="1:7" x14ac:dyDescent="0.3">
      <c r="A11768" s="13" t="s">
        <v>91</v>
      </c>
      <c r="B11768" s="14" t="s">
        <v>1</v>
      </c>
      <c r="C11768" s="14" t="s">
        <v>59</v>
      </c>
      <c r="D11768" s="14" t="s">
        <v>92</v>
      </c>
      <c r="E11768" s="15">
        <v>45464</v>
      </c>
      <c r="F11768" s="14" t="s">
        <v>28</v>
      </c>
      <c r="G11768" s="16">
        <v>0</v>
      </c>
    </row>
    <row r="11769" spans="1:7" x14ac:dyDescent="0.3">
      <c r="A11769" s="13" t="s">
        <v>91</v>
      </c>
      <c r="B11769" s="14" t="s">
        <v>1</v>
      </c>
      <c r="C11769" s="14" t="s">
        <v>59</v>
      </c>
      <c r="D11769" s="14" t="s">
        <v>92</v>
      </c>
      <c r="E11769" s="15">
        <v>45465</v>
      </c>
      <c r="F11769" s="14" t="s">
        <v>28</v>
      </c>
      <c r="G11769" s="16">
        <v>0</v>
      </c>
    </row>
    <row r="11770" spans="1:7" x14ac:dyDescent="0.3">
      <c r="A11770" s="13" t="s">
        <v>91</v>
      </c>
      <c r="B11770" s="14" t="s">
        <v>1</v>
      </c>
      <c r="C11770" s="14" t="s">
        <v>59</v>
      </c>
      <c r="D11770" s="14" t="s">
        <v>92</v>
      </c>
      <c r="E11770" s="15">
        <v>45466</v>
      </c>
      <c r="F11770" s="14" t="s">
        <v>28</v>
      </c>
      <c r="G11770" s="16">
        <v>0</v>
      </c>
    </row>
    <row r="11771" spans="1:7" x14ac:dyDescent="0.3">
      <c r="A11771" s="13" t="s">
        <v>91</v>
      </c>
      <c r="B11771" s="14" t="s">
        <v>1</v>
      </c>
      <c r="C11771" s="14" t="s">
        <v>59</v>
      </c>
      <c r="D11771" s="14" t="s">
        <v>92</v>
      </c>
      <c r="E11771" s="15">
        <v>45467</v>
      </c>
      <c r="F11771" s="14" t="s">
        <v>28</v>
      </c>
      <c r="G11771" s="16">
        <v>0</v>
      </c>
    </row>
    <row r="11772" spans="1:7" x14ac:dyDescent="0.3">
      <c r="A11772" s="13" t="s">
        <v>91</v>
      </c>
      <c r="B11772" s="14" t="s">
        <v>1</v>
      </c>
      <c r="C11772" s="14" t="s">
        <v>59</v>
      </c>
      <c r="D11772" s="14" t="s">
        <v>92</v>
      </c>
      <c r="E11772" s="15">
        <v>45468</v>
      </c>
      <c r="F11772" s="14" t="s">
        <v>28</v>
      </c>
      <c r="G11772" s="16">
        <v>0</v>
      </c>
    </row>
    <row r="11773" spans="1:7" x14ac:dyDescent="0.3">
      <c r="A11773" s="13" t="s">
        <v>91</v>
      </c>
      <c r="B11773" s="14" t="s">
        <v>1</v>
      </c>
      <c r="C11773" s="14" t="s">
        <v>59</v>
      </c>
      <c r="D11773" s="14" t="s">
        <v>92</v>
      </c>
      <c r="E11773" s="15">
        <v>45469</v>
      </c>
      <c r="F11773" s="14" t="s">
        <v>28</v>
      </c>
      <c r="G11773" s="16">
        <v>0</v>
      </c>
    </row>
    <row r="11774" spans="1:7" x14ac:dyDescent="0.3">
      <c r="A11774" s="13" t="s">
        <v>91</v>
      </c>
      <c r="B11774" s="14" t="s">
        <v>1</v>
      </c>
      <c r="C11774" s="14" t="s">
        <v>59</v>
      </c>
      <c r="D11774" s="14" t="s">
        <v>92</v>
      </c>
      <c r="E11774" s="15">
        <v>45470</v>
      </c>
      <c r="F11774" s="14" t="s">
        <v>28</v>
      </c>
      <c r="G11774" s="16">
        <v>0</v>
      </c>
    </row>
    <row r="11775" spans="1:7" x14ac:dyDescent="0.3">
      <c r="A11775" s="13" t="s">
        <v>91</v>
      </c>
      <c r="B11775" s="14" t="s">
        <v>1</v>
      </c>
      <c r="C11775" s="14" t="s">
        <v>59</v>
      </c>
      <c r="D11775" s="14" t="s">
        <v>92</v>
      </c>
      <c r="E11775" s="15">
        <v>45471</v>
      </c>
      <c r="F11775" s="14" t="s">
        <v>28</v>
      </c>
      <c r="G11775" s="16">
        <v>0</v>
      </c>
    </row>
    <row r="11776" spans="1:7" x14ac:dyDescent="0.3">
      <c r="A11776" s="13" t="s">
        <v>91</v>
      </c>
      <c r="B11776" s="14" t="s">
        <v>1</v>
      </c>
      <c r="C11776" s="14" t="s">
        <v>59</v>
      </c>
      <c r="D11776" s="14" t="s">
        <v>92</v>
      </c>
      <c r="E11776" s="15">
        <v>45472</v>
      </c>
      <c r="F11776" s="14" t="s">
        <v>28</v>
      </c>
      <c r="G11776" s="16">
        <v>0</v>
      </c>
    </row>
    <row r="11777" spans="1:7" x14ac:dyDescent="0.3">
      <c r="A11777" s="13" t="s">
        <v>91</v>
      </c>
      <c r="B11777" s="14" t="s">
        <v>1</v>
      </c>
      <c r="C11777" s="14" t="s">
        <v>59</v>
      </c>
      <c r="D11777" s="14" t="s">
        <v>92</v>
      </c>
      <c r="E11777" s="15">
        <v>45473</v>
      </c>
      <c r="F11777" s="14" t="s">
        <v>28</v>
      </c>
      <c r="G11777" s="16">
        <v>0</v>
      </c>
    </row>
    <row r="11778" spans="1:7" x14ac:dyDescent="0.3">
      <c r="A11778" s="13" t="s">
        <v>91</v>
      </c>
      <c r="B11778" s="14" t="s">
        <v>1</v>
      </c>
      <c r="C11778" s="14" t="s">
        <v>59</v>
      </c>
      <c r="D11778" s="14" t="s">
        <v>92</v>
      </c>
      <c r="E11778" s="15">
        <v>45474</v>
      </c>
      <c r="F11778" s="14" t="s">
        <v>28</v>
      </c>
      <c r="G11778" s="16">
        <v>0</v>
      </c>
    </row>
    <row r="11779" spans="1:7" x14ac:dyDescent="0.3">
      <c r="A11779" s="13" t="s">
        <v>91</v>
      </c>
      <c r="B11779" s="14" t="s">
        <v>1</v>
      </c>
      <c r="C11779" s="14" t="s">
        <v>59</v>
      </c>
      <c r="D11779" s="14" t="s">
        <v>92</v>
      </c>
      <c r="E11779" s="15">
        <v>45475</v>
      </c>
      <c r="F11779" s="14" t="s">
        <v>28</v>
      </c>
      <c r="G11779" s="16">
        <v>0</v>
      </c>
    </row>
    <row r="11780" spans="1:7" x14ac:dyDescent="0.3">
      <c r="A11780" s="13" t="s">
        <v>91</v>
      </c>
      <c r="B11780" s="14" t="s">
        <v>1</v>
      </c>
      <c r="C11780" s="14" t="s">
        <v>59</v>
      </c>
      <c r="D11780" s="14" t="s">
        <v>92</v>
      </c>
      <c r="E11780" s="15">
        <v>45476</v>
      </c>
      <c r="F11780" s="14" t="s">
        <v>28</v>
      </c>
      <c r="G11780" s="16">
        <v>0</v>
      </c>
    </row>
    <row r="11781" spans="1:7" x14ac:dyDescent="0.3">
      <c r="A11781" s="13" t="s">
        <v>91</v>
      </c>
      <c r="B11781" s="14" t="s">
        <v>1</v>
      </c>
      <c r="C11781" s="14" t="s">
        <v>59</v>
      </c>
      <c r="D11781" s="14" t="s">
        <v>92</v>
      </c>
      <c r="E11781" s="15">
        <v>45477</v>
      </c>
      <c r="F11781" s="14" t="s">
        <v>28</v>
      </c>
      <c r="G11781" s="16">
        <v>0</v>
      </c>
    </row>
    <row r="11782" spans="1:7" x14ac:dyDescent="0.3">
      <c r="A11782" s="13" t="s">
        <v>91</v>
      </c>
      <c r="B11782" s="14" t="s">
        <v>1</v>
      </c>
      <c r="C11782" s="14" t="s">
        <v>59</v>
      </c>
      <c r="D11782" s="14" t="s">
        <v>92</v>
      </c>
      <c r="E11782" s="15">
        <v>45478</v>
      </c>
      <c r="F11782" s="14" t="s">
        <v>28</v>
      </c>
      <c r="G11782" s="16">
        <v>0</v>
      </c>
    </row>
    <row r="11783" spans="1:7" x14ac:dyDescent="0.3">
      <c r="A11783" s="13" t="s">
        <v>91</v>
      </c>
      <c r="B11783" s="14" t="s">
        <v>1</v>
      </c>
      <c r="C11783" s="14" t="s">
        <v>59</v>
      </c>
      <c r="D11783" s="14" t="s">
        <v>92</v>
      </c>
      <c r="E11783" s="15">
        <v>45479</v>
      </c>
      <c r="F11783" s="14" t="s">
        <v>28</v>
      </c>
      <c r="G11783" s="16">
        <v>0</v>
      </c>
    </row>
    <row r="11784" spans="1:7" x14ac:dyDescent="0.3">
      <c r="A11784" s="13" t="s">
        <v>91</v>
      </c>
      <c r="B11784" s="14" t="s">
        <v>1</v>
      </c>
      <c r="C11784" s="14" t="s">
        <v>59</v>
      </c>
      <c r="D11784" s="14" t="s">
        <v>92</v>
      </c>
      <c r="E11784" s="15">
        <v>45480</v>
      </c>
      <c r="F11784" s="14" t="s">
        <v>28</v>
      </c>
      <c r="G11784" s="16">
        <v>0</v>
      </c>
    </row>
    <row r="11785" spans="1:7" x14ac:dyDescent="0.3">
      <c r="A11785" s="13" t="s">
        <v>91</v>
      </c>
      <c r="B11785" s="14" t="s">
        <v>1</v>
      </c>
      <c r="C11785" s="14" t="s">
        <v>59</v>
      </c>
      <c r="D11785" s="14" t="s">
        <v>92</v>
      </c>
      <c r="E11785" s="15">
        <v>45481</v>
      </c>
      <c r="F11785" s="14" t="s">
        <v>28</v>
      </c>
      <c r="G11785" s="16">
        <v>0</v>
      </c>
    </row>
    <row r="11786" spans="1:7" x14ac:dyDescent="0.3">
      <c r="A11786" s="13" t="s">
        <v>91</v>
      </c>
      <c r="B11786" s="14" t="s">
        <v>1</v>
      </c>
      <c r="C11786" s="14" t="s">
        <v>59</v>
      </c>
      <c r="D11786" s="14" t="s">
        <v>92</v>
      </c>
      <c r="E11786" s="15">
        <v>45482</v>
      </c>
      <c r="F11786" s="14" t="s">
        <v>28</v>
      </c>
      <c r="G11786" s="16">
        <v>0</v>
      </c>
    </row>
    <row r="11787" spans="1:7" x14ac:dyDescent="0.3">
      <c r="A11787" s="13" t="s">
        <v>91</v>
      </c>
      <c r="B11787" s="14" t="s">
        <v>1</v>
      </c>
      <c r="C11787" s="14" t="s">
        <v>59</v>
      </c>
      <c r="D11787" s="14" t="s">
        <v>92</v>
      </c>
      <c r="E11787" s="15">
        <v>45483</v>
      </c>
      <c r="F11787" s="14" t="s">
        <v>28</v>
      </c>
      <c r="G11787" s="16">
        <v>0</v>
      </c>
    </row>
    <row r="11788" spans="1:7" x14ac:dyDescent="0.3">
      <c r="A11788" s="13" t="s">
        <v>91</v>
      </c>
      <c r="B11788" s="14" t="s">
        <v>1</v>
      </c>
      <c r="C11788" s="14" t="s">
        <v>59</v>
      </c>
      <c r="D11788" s="14" t="s">
        <v>92</v>
      </c>
      <c r="E11788" s="15">
        <v>45484</v>
      </c>
      <c r="F11788" s="14" t="s">
        <v>28</v>
      </c>
      <c r="G11788" s="16">
        <v>0</v>
      </c>
    </row>
    <row r="11789" spans="1:7" x14ac:dyDescent="0.3">
      <c r="A11789" s="13" t="s">
        <v>91</v>
      </c>
      <c r="B11789" s="14" t="s">
        <v>1</v>
      </c>
      <c r="C11789" s="14" t="s">
        <v>59</v>
      </c>
      <c r="D11789" s="14" t="s">
        <v>92</v>
      </c>
      <c r="E11789" s="15">
        <v>45485</v>
      </c>
      <c r="F11789" s="14" t="s">
        <v>28</v>
      </c>
      <c r="G11789" s="16">
        <v>0</v>
      </c>
    </row>
    <row r="11790" spans="1:7" x14ac:dyDescent="0.3">
      <c r="A11790" s="13" t="s">
        <v>91</v>
      </c>
      <c r="B11790" s="14" t="s">
        <v>1</v>
      </c>
      <c r="C11790" s="14" t="s">
        <v>59</v>
      </c>
      <c r="D11790" s="14" t="s">
        <v>92</v>
      </c>
      <c r="E11790" s="15">
        <v>45486</v>
      </c>
      <c r="F11790" s="14" t="s">
        <v>28</v>
      </c>
      <c r="G11790" s="16">
        <v>0</v>
      </c>
    </row>
    <row r="11791" spans="1:7" x14ac:dyDescent="0.3">
      <c r="A11791" s="13" t="s">
        <v>91</v>
      </c>
      <c r="B11791" s="14" t="s">
        <v>1</v>
      </c>
      <c r="C11791" s="14" t="s">
        <v>59</v>
      </c>
      <c r="D11791" s="14" t="s">
        <v>92</v>
      </c>
      <c r="E11791" s="15">
        <v>45487</v>
      </c>
      <c r="F11791" s="14" t="s">
        <v>28</v>
      </c>
      <c r="G11791" s="16">
        <v>0</v>
      </c>
    </row>
    <row r="11792" spans="1:7" x14ac:dyDescent="0.3">
      <c r="A11792" s="13" t="s">
        <v>91</v>
      </c>
      <c r="B11792" s="14" t="s">
        <v>1</v>
      </c>
      <c r="C11792" s="14" t="s">
        <v>59</v>
      </c>
      <c r="D11792" s="14" t="s">
        <v>92</v>
      </c>
      <c r="E11792" s="15">
        <v>45488</v>
      </c>
      <c r="F11792" s="14" t="s">
        <v>28</v>
      </c>
      <c r="G11792" s="16">
        <v>0</v>
      </c>
    </row>
    <row r="11793" spans="1:7" x14ac:dyDescent="0.3">
      <c r="A11793" s="13" t="s">
        <v>91</v>
      </c>
      <c r="B11793" s="14" t="s">
        <v>1</v>
      </c>
      <c r="C11793" s="14" t="s">
        <v>59</v>
      </c>
      <c r="D11793" s="14" t="s">
        <v>92</v>
      </c>
      <c r="E11793" s="15">
        <v>45489</v>
      </c>
      <c r="F11793" s="14" t="s">
        <v>28</v>
      </c>
      <c r="G11793" s="16">
        <v>0</v>
      </c>
    </row>
    <row r="11794" spans="1:7" x14ac:dyDescent="0.3">
      <c r="A11794" s="13" t="s">
        <v>91</v>
      </c>
      <c r="B11794" s="14" t="s">
        <v>1</v>
      </c>
      <c r="C11794" s="14" t="s">
        <v>59</v>
      </c>
      <c r="D11794" s="14" t="s">
        <v>92</v>
      </c>
      <c r="E11794" s="15">
        <v>45490</v>
      </c>
      <c r="F11794" s="14" t="s">
        <v>28</v>
      </c>
      <c r="G11794" s="16">
        <v>0</v>
      </c>
    </row>
    <row r="11795" spans="1:7" x14ac:dyDescent="0.3">
      <c r="A11795" s="13" t="s">
        <v>91</v>
      </c>
      <c r="B11795" s="14" t="s">
        <v>1</v>
      </c>
      <c r="C11795" s="14" t="s">
        <v>59</v>
      </c>
      <c r="D11795" s="14" t="s">
        <v>92</v>
      </c>
      <c r="E11795" s="15">
        <v>45491</v>
      </c>
      <c r="F11795" s="14" t="s">
        <v>28</v>
      </c>
      <c r="G11795" s="16">
        <v>0</v>
      </c>
    </row>
    <row r="11796" spans="1:7" x14ac:dyDescent="0.3">
      <c r="A11796" s="13" t="s">
        <v>91</v>
      </c>
      <c r="B11796" s="14" t="s">
        <v>1</v>
      </c>
      <c r="C11796" s="14" t="s">
        <v>59</v>
      </c>
      <c r="D11796" s="14" t="s">
        <v>92</v>
      </c>
      <c r="E11796" s="15">
        <v>45492</v>
      </c>
      <c r="F11796" s="14" t="s">
        <v>28</v>
      </c>
      <c r="G11796" s="16">
        <v>0</v>
      </c>
    </row>
    <row r="11797" spans="1:7" x14ac:dyDescent="0.3">
      <c r="A11797" s="13" t="s">
        <v>91</v>
      </c>
      <c r="B11797" s="14" t="s">
        <v>1</v>
      </c>
      <c r="C11797" s="14" t="s">
        <v>59</v>
      </c>
      <c r="D11797" s="14" t="s">
        <v>92</v>
      </c>
      <c r="E11797" s="15">
        <v>45493</v>
      </c>
      <c r="F11797" s="14" t="s">
        <v>28</v>
      </c>
      <c r="G11797" s="16">
        <v>0</v>
      </c>
    </row>
    <row r="11798" spans="1:7" x14ac:dyDescent="0.3">
      <c r="A11798" s="13" t="s">
        <v>91</v>
      </c>
      <c r="B11798" s="14" t="s">
        <v>1</v>
      </c>
      <c r="C11798" s="14" t="s">
        <v>59</v>
      </c>
      <c r="D11798" s="14" t="s">
        <v>92</v>
      </c>
      <c r="E11798" s="15">
        <v>45494</v>
      </c>
      <c r="F11798" s="14" t="s">
        <v>28</v>
      </c>
      <c r="G11798" s="16">
        <v>0</v>
      </c>
    </row>
    <row r="11799" spans="1:7" x14ac:dyDescent="0.3">
      <c r="A11799" s="13" t="s">
        <v>91</v>
      </c>
      <c r="B11799" s="14" t="s">
        <v>1</v>
      </c>
      <c r="C11799" s="14" t="s">
        <v>59</v>
      </c>
      <c r="D11799" s="14" t="s">
        <v>92</v>
      </c>
      <c r="E11799" s="15">
        <v>45495</v>
      </c>
      <c r="F11799" s="14" t="s">
        <v>28</v>
      </c>
      <c r="G11799" s="16">
        <v>0</v>
      </c>
    </row>
    <row r="11800" spans="1:7" x14ac:dyDescent="0.3">
      <c r="A11800" s="13" t="s">
        <v>91</v>
      </c>
      <c r="B11800" s="14" t="s">
        <v>1</v>
      </c>
      <c r="C11800" s="14" t="s">
        <v>59</v>
      </c>
      <c r="D11800" s="14" t="s">
        <v>92</v>
      </c>
      <c r="E11800" s="15">
        <v>45496</v>
      </c>
      <c r="F11800" s="14" t="s">
        <v>28</v>
      </c>
      <c r="G11800" s="16">
        <v>0</v>
      </c>
    </row>
    <row r="11801" spans="1:7" x14ac:dyDescent="0.3">
      <c r="A11801" s="13" t="s">
        <v>91</v>
      </c>
      <c r="B11801" s="14" t="s">
        <v>1</v>
      </c>
      <c r="C11801" s="14" t="s">
        <v>59</v>
      </c>
      <c r="D11801" s="14" t="s">
        <v>92</v>
      </c>
      <c r="E11801" s="15">
        <v>45497</v>
      </c>
      <c r="F11801" s="14" t="s">
        <v>28</v>
      </c>
      <c r="G11801" s="16">
        <v>0</v>
      </c>
    </row>
    <row r="11802" spans="1:7" x14ac:dyDescent="0.3">
      <c r="A11802" s="13" t="s">
        <v>91</v>
      </c>
      <c r="B11802" s="14" t="s">
        <v>1</v>
      </c>
      <c r="C11802" s="14" t="s">
        <v>59</v>
      </c>
      <c r="D11802" s="14" t="s">
        <v>92</v>
      </c>
      <c r="E11802" s="15">
        <v>45498</v>
      </c>
      <c r="F11802" s="14" t="s">
        <v>28</v>
      </c>
      <c r="G11802" s="16">
        <v>0</v>
      </c>
    </row>
    <row r="11803" spans="1:7" x14ac:dyDescent="0.3">
      <c r="A11803" s="13" t="s">
        <v>91</v>
      </c>
      <c r="B11803" s="14" t="s">
        <v>1</v>
      </c>
      <c r="C11803" s="14" t="s">
        <v>59</v>
      </c>
      <c r="D11803" s="14" t="s">
        <v>92</v>
      </c>
      <c r="E11803" s="15">
        <v>45499</v>
      </c>
      <c r="F11803" s="14" t="s">
        <v>28</v>
      </c>
      <c r="G11803" s="16">
        <v>0</v>
      </c>
    </row>
    <row r="11804" spans="1:7" x14ac:dyDescent="0.3">
      <c r="A11804" s="13" t="s">
        <v>91</v>
      </c>
      <c r="B11804" s="14" t="s">
        <v>1</v>
      </c>
      <c r="C11804" s="14" t="s">
        <v>59</v>
      </c>
      <c r="D11804" s="14" t="s">
        <v>92</v>
      </c>
      <c r="E11804" s="15">
        <v>45500</v>
      </c>
      <c r="F11804" s="14" t="s">
        <v>28</v>
      </c>
      <c r="G11804" s="16">
        <v>0</v>
      </c>
    </row>
    <row r="11805" spans="1:7" x14ac:dyDescent="0.3">
      <c r="A11805" s="13" t="s">
        <v>91</v>
      </c>
      <c r="B11805" s="14" t="s">
        <v>1</v>
      </c>
      <c r="C11805" s="14" t="s">
        <v>59</v>
      </c>
      <c r="D11805" s="14" t="s">
        <v>92</v>
      </c>
      <c r="E11805" s="15">
        <v>45501</v>
      </c>
      <c r="F11805" s="14" t="s">
        <v>28</v>
      </c>
      <c r="G11805" s="16">
        <v>0</v>
      </c>
    </row>
    <row r="11806" spans="1:7" x14ac:dyDescent="0.3">
      <c r="A11806" s="13" t="s">
        <v>91</v>
      </c>
      <c r="B11806" s="14" t="s">
        <v>1</v>
      </c>
      <c r="C11806" s="14" t="s">
        <v>59</v>
      </c>
      <c r="D11806" s="14" t="s">
        <v>92</v>
      </c>
      <c r="E11806" s="15">
        <v>45502</v>
      </c>
      <c r="F11806" s="14" t="s">
        <v>28</v>
      </c>
      <c r="G11806" s="16">
        <v>0</v>
      </c>
    </row>
    <row r="11807" spans="1:7" x14ac:dyDescent="0.3">
      <c r="A11807" s="13" t="s">
        <v>91</v>
      </c>
      <c r="B11807" s="14" t="s">
        <v>1</v>
      </c>
      <c r="C11807" s="14" t="s">
        <v>59</v>
      </c>
      <c r="D11807" s="14" t="s">
        <v>92</v>
      </c>
      <c r="E11807" s="15">
        <v>45503</v>
      </c>
      <c r="F11807" s="14" t="s">
        <v>28</v>
      </c>
      <c r="G11807" s="16">
        <v>0</v>
      </c>
    </row>
    <row r="11808" spans="1:7" x14ac:dyDescent="0.3">
      <c r="A11808" s="13" t="s">
        <v>91</v>
      </c>
      <c r="B11808" s="14" t="s">
        <v>1</v>
      </c>
      <c r="C11808" s="14" t="s">
        <v>59</v>
      </c>
      <c r="D11808" s="14" t="s">
        <v>92</v>
      </c>
      <c r="E11808" s="15">
        <v>45504</v>
      </c>
      <c r="F11808" s="14" t="s">
        <v>28</v>
      </c>
      <c r="G11808" s="16">
        <v>0</v>
      </c>
    </row>
    <row r="11809" spans="1:7" x14ac:dyDescent="0.3">
      <c r="A11809" s="13" t="s">
        <v>91</v>
      </c>
      <c r="B11809" s="14" t="s">
        <v>1</v>
      </c>
      <c r="C11809" s="14" t="s">
        <v>59</v>
      </c>
      <c r="D11809" s="14" t="s">
        <v>92</v>
      </c>
      <c r="E11809" s="15">
        <v>45505</v>
      </c>
      <c r="F11809" s="14" t="s">
        <v>28</v>
      </c>
      <c r="G11809" s="16">
        <v>0</v>
      </c>
    </row>
    <row r="11810" spans="1:7" x14ac:dyDescent="0.3">
      <c r="A11810" s="13" t="s">
        <v>91</v>
      </c>
      <c r="B11810" s="14" t="s">
        <v>1</v>
      </c>
      <c r="C11810" s="14" t="s">
        <v>59</v>
      </c>
      <c r="D11810" s="14" t="s">
        <v>92</v>
      </c>
      <c r="E11810" s="15">
        <v>45506</v>
      </c>
      <c r="F11810" s="14" t="s">
        <v>28</v>
      </c>
      <c r="G11810" s="16">
        <v>0</v>
      </c>
    </row>
    <row r="11811" spans="1:7" x14ac:dyDescent="0.3">
      <c r="A11811" s="13" t="s">
        <v>91</v>
      </c>
      <c r="B11811" s="14" t="s">
        <v>1</v>
      </c>
      <c r="C11811" s="14" t="s">
        <v>59</v>
      </c>
      <c r="D11811" s="14" t="s">
        <v>92</v>
      </c>
      <c r="E11811" s="15">
        <v>45507</v>
      </c>
      <c r="F11811" s="14" t="s">
        <v>28</v>
      </c>
      <c r="G11811" s="16">
        <v>0</v>
      </c>
    </row>
    <row r="11812" spans="1:7" x14ac:dyDescent="0.3">
      <c r="A11812" s="13" t="s">
        <v>91</v>
      </c>
      <c r="B11812" s="14" t="s">
        <v>1</v>
      </c>
      <c r="C11812" s="14" t="s">
        <v>59</v>
      </c>
      <c r="D11812" s="14" t="s">
        <v>92</v>
      </c>
      <c r="E11812" s="15">
        <v>45508</v>
      </c>
      <c r="F11812" s="14" t="s">
        <v>28</v>
      </c>
      <c r="G11812" s="16">
        <v>0</v>
      </c>
    </row>
    <row r="11813" spans="1:7" x14ac:dyDescent="0.3">
      <c r="A11813" s="13" t="s">
        <v>91</v>
      </c>
      <c r="B11813" s="14" t="s">
        <v>1</v>
      </c>
      <c r="C11813" s="14" t="s">
        <v>59</v>
      </c>
      <c r="D11813" s="14" t="s">
        <v>92</v>
      </c>
      <c r="E11813" s="15">
        <v>45509</v>
      </c>
      <c r="F11813" s="14" t="s">
        <v>28</v>
      </c>
      <c r="G11813" s="16">
        <v>0</v>
      </c>
    </row>
    <row r="11814" spans="1:7" x14ac:dyDescent="0.3">
      <c r="A11814" s="13" t="s">
        <v>91</v>
      </c>
      <c r="B11814" s="14" t="s">
        <v>1</v>
      </c>
      <c r="C11814" s="14" t="s">
        <v>59</v>
      </c>
      <c r="D11814" s="14" t="s">
        <v>92</v>
      </c>
      <c r="E11814" s="15">
        <v>45510</v>
      </c>
      <c r="F11814" s="14" t="s">
        <v>28</v>
      </c>
      <c r="G11814" s="16">
        <v>0</v>
      </c>
    </row>
    <row r="11815" spans="1:7" x14ac:dyDescent="0.3">
      <c r="A11815" s="13" t="s">
        <v>91</v>
      </c>
      <c r="B11815" s="14" t="s">
        <v>1</v>
      </c>
      <c r="C11815" s="14" t="s">
        <v>59</v>
      </c>
      <c r="D11815" s="14" t="s">
        <v>92</v>
      </c>
      <c r="E11815" s="15">
        <v>45511</v>
      </c>
      <c r="F11815" s="14" t="s">
        <v>28</v>
      </c>
      <c r="G11815" s="16">
        <v>0</v>
      </c>
    </row>
    <row r="11816" spans="1:7" x14ac:dyDescent="0.3">
      <c r="A11816" s="13" t="s">
        <v>91</v>
      </c>
      <c r="B11816" s="14" t="s">
        <v>1</v>
      </c>
      <c r="C11816" s="14" t="s">
        <v>59</v>
      </c>
      <c r="D11816" s="14" t="s">
        <v>92</v>
      </c>
      <c r="E11816" s="15">
        <v>45512</v>
      </c>
      <c r="F11816" s="14" t="s">
        <v>28</v>
      </c>
      <c r="G11816" s="16">
        <v>0</v>
      </c>
    </row>
    <row r="11817" spans="1:7" x14ac:dyDescent="0.3">
      <c r="A11817" s="13" t="s">
        <v>91</v>
      </c>
      <c r="B11817" s="14" t="s">
        <v>1</v>
      </c>
      <c r="C11817" s="14" t="s">
        <v>59</v>
      </c>
      <c r="D11817" s="14" t="s">
        <v>92</v>
      </c>
      <c r="E11817" s="15">
        <v>45513</v>
      </c>
      <c r="F11817" s="14" t="s">
        <v>28</v>
      </c>
      <c r="G11817" s="16">
        <v>0</v>
      </c>
    </row>
    <row r="11818" spans="1:7" x14ac:dyDescent="0.3">
      <c r="A11818" s="13" t="s">
        <v>91</v>
      </c>
      <c r="B11818" s="14" t="s">
        <v>1</v>
      </c>
      <c r="C11818" s="14" t="s">
        <v>59</v>
      </c>
      <c r="D11818" s="14" t="s">
        <v>92</v>
      </c>
      <c r="E11818" s="15">
        <v>45514</v>
      </c>
      <c r="F11818" s="14" t="s">
        <v>28</v>
      </c>
      <c r="G11818" s="16">
        <v>0</v>
      </c>
    </row>
    <row r="11819" spans="1:7" x14ac:dyDescent="0.3">
      <c r="A11819" s="13" t="s">
        <v>91</v>
      </c>
      <c r="B11819" s="14" t="s">
        <v>1</v>
      </c>
      <c r="C11819" s="14" t="s">
        <v>59</v>
      </c>
      <c r="D11819" s="14" t="s">
        <v>92</v>
      </c>
      <c r="E11819" s="15">
        <v>45515</v>
      </c>
      <c r="F11819" s="14" t="s">
        <v>28</v>
      </c>
      <c r="G11819" s="16">
        <v>0</v>
      </c>
    </row>
    <row r="11820" spans="1:7" x14ac:dyDescent="0.3">
      <c r="A11820" s="13" t="s">
        <v>91</v>
      </c>
      <c r="B11820" s="14" t="s">
        <v>1</v>
      </c>
      <c r="C11820" s="14" t="s">
        <v>59</v>
      </c>
      <c r="D11820" s="14" t="s">
        <v>92</v>
      </c>
      <c r="E11820" s="15">
        <v>45516</v>
      </c>
      <c r="F11820" s="14" t="s">
        <v>28</v>
      </c>
      <c r="G11820" s="16">
        <v>0</v>
      </c>
    </row>
    <row r="11821" spans="1:7" x14ac:dyDescent="0.3">
      <c r="A11821" s="13" t="s">
        <v>91</v>
      </c>
      <c r="B11821" s="14" t="s">
        <v>1</v>
      </c>
      <c r="C11821" s="14" t="s">
        <v>59</v>
      </c>
      <c r="D11821" s="14" t="s">
        <v>92</v>
      </c>
      <c r="E11821" s="15">
        <v>45517</v>
      </c>
      <c r="F11821" s="14" t="s">
        <v>28</v>
      </c>
      <c r="G11821" s="16">
        <v>0</v>
      </c>
    </row>
    <row r="11822" spans="1:7" x14ac:dyDescent="0.3">
      <c r="A11822" s="13" t="s">
        <v>91</v>
      </c>
      <c r="B11822" s="14" t="s">
        <v>1</v>
      </c>
      <c r="C11822" s="14" t="s">
        <v>59</v>
      </c>
      <c r="D11822" s="14" t="s">
        <v>92</v>
      </c>
      <c r="E11822" s="15">
        <v>45518</v>
      </c>
      <c r="F11822" s="14" t="s">
        <v>28</v>
      </c>
      <c r="G11822" s="16">
        <v>0</v>
      </c>
    </row>
    <row r="11823" spans="1:7" x14ac:dyDescent="0.3">
      <c r="A11823" s="13" t="s">
        <v>91</v>
      </c>
      <c r="B11823" s="14" t="s">
        <v>1</v>
      </c>
      <c r="C11823" s="14" t="s">
        <v>59</v>
      </c>
      <c r="D11823" s="14" t="s">
        <v>92</v>
      </c>
      <c r="E11823" s="15">
        <v>45519</v>
      </c>
      <c r="F11823" s="14" t="s">
        <v>28</v>
      </c>
      <c r="G11823" s="16">
        <v>0</v>
      </c>
    </row>
    <row r="11824" spans="1:7" x14ac:dyDescent="0.3">
      <c r="A11824" s="13" t="s">
        <v>91</v>
      </c>
      <c r="B11824" s="14" t="s">
        <v>1</v>
      </c>
      <c r="C11824" s="14" t="s">
        <v>59</v>
      </c>
      <c r="D11824" s="14" t="s">
        <v>92</v>
      </c>
      <c r="E11824" s="15">
        <v>45520</v>
      </c>
      <c r="F11824" s="14" t="s">
        <v>28</v>
      </c>
      <c r="G11824" s="16">
        <v>0</v>
      </c>
    </row>
    <row r="11825" spans="1:7" x14ac:dyDescent="0.3">
      <c r="A11825" s="13" t="s">
        <v>91</v>
      </c>
      <c r="B11825" s="14" t="s">
        <v>1</v>
      </c>
      <c r="C11825" s="14" t="s">
        <v>59</v>
      </c>
      <c r="D11825" s="14" t="s">
        <v>92</v>
      </c>
      <c r="E11825" s="15">
        <v>45521</v>
      </c>
      <c r="F11825" s="14" t="s">
        <v>28</v>
      </c>
      <c r="G11825" s="16">
        <v>0</v>
      </c>
    </row>
    <row r="11826" spans="1:7" x14ac:dyDescent="0.3">
      <c r="A11826" s="13" t="s">
        <v>91</v>
      </c>
      <c r="B11826" s="14" t="s">
        <v>1</v>
      </c>
      <c r="C11826" s="14" t="s">
        <v>59</v>
      </c>
      <c r="D11826" s="14" t="s">
        <v>92</v>
      </c>
      <c r="E11826" s="15">
        <v>45522</v>
      </c>
      <c r="F11826" s="14" t="s">
        <v>28</v>
      </c>
      <c r="G11826" s="16">
        <v>0</v>
      </c>
    </row>
    <row r="11827" spans="1:7" x14ac:dyDescent="0.3">
      <c r="A11827" s="13" t="s">
        <v>91</v>
      </c>
      <c r="B11827" s="14" t="s">
        <v>1</v>
      </c>
      <c r="C11827" s="14" t="s">
        <v>59</v>
      </c>
      <c r="D11827" s="14" t="s">
        <v>92</v>
      </c>
      <c r="E11827" s="15">
        <v>45523</v>
      </c>
      <c r="F11827" s="14" t="s">
        <v>28</v>
      </c>
      <c r="G11827" s="16">
        <v>0</v>
      </c>
    </row>
    <row r="11828" spans="1:7" x14ac:dyDescent="0.3">
      <c r="A11828" s="13" t="s">
        <v>91</v>
      </c>
      <c r="B11828" s="14" t="s">
        <v>1</v>
      </c>
      <c r="C11828" s="14" t="s">
        <v>59</v>
      </c>
      <c r="D11828" s="14" t="s">
        <v>92</v>
      </c>
      <c r="E11828" s="15">
        <v>45524</v>
      </c>
      <c r="F11828" s="14" t="s">
        <v>28</v>
      </c>
      <c r="G11828" s="16">
        <v>0</v>
      </c>
    </row>
    <row r="11829" spans="1:7" x14ac:dyDescent="0.3">
      <c r="A11829" s="13" t="s">
        <v>91</v>
      </c>
      <c r="B11829" s="14" t="s">
        <v>1</v>
      </c>
      <c r="C11829" s="14" t="s">
        <v>59</v>
      </c>
      <c r="D11829" s="14" t="s">
        <v>92</v>
      </c>
      <c r="E11829" s="15">
        <v>45525</v>
      </c>
      <c r="F11829" s="14" t="s">
        <v>28</v>
      </c>
      <c r="G11829" s="16">
        <v>0</v>
      </c>
    </row>
    <row r="11830" spans="1:7" x14ac:dyDescent="0.3">
      <c r="A11830" s="13" t="s">
        <v>91</v>
      </c>
      <c r="B11830" s="14" t="s">
        <v>1</v>
      </c>
      <c r="C11830" s="14" t="s">
        <v>59</v>
      </c>
      <c r="D11830" s="14" t="s">
        <v>92</v>
      </c>
      <c r="E11830" s="15">
        <v>45526</v>
      </c>
      <c r="F11830" s="14" t="s">
        <v>28</v>
      </c>
      <c r="G11830" s="16">
        <v>0</v>
      </c>
    </row>
    <row r="11831" spans="1:7" x14ac:dyDescent="0.3">
      <c r="A11831" s="13" t="s">
        <v>91</v>
      </c>
      <c r="B11831" s="14" t="s">
        <v>1</v>
      </c>
      <c r="C11831" s="14" t="s">
        <v>59</v>
      </c>
      <c r="D11831" s="14" t="s">
        <v>92</v>
      </c>
      <c r="E11831" s="15">
        <v>45527</v>
      </c>
      <c r="F11831" s="14" t="s">
        <v>28</v>
      </c>
      <c r="G11831" s="16">
        <v>0</v>
      </c>
    </row>
    <row r="11832" spans="1:7" x14ac:dyDescent="0.3">
      <c r="A11832" s="13" t="s">
        <v>91</v>
      </c>
      <c r="B11832" s="14" t="s">
        <v>1</v>
      </c>
      <c r="C11832" s="14" t="s">
        <v>59</v>
      </c>
      <c r="D11832" s="14" t="s">
        <v>92</v>
      </c>
      <c r="E11832" s="15">
        <v>45528</v>
      </c>
      <c r="F11832" s="14" t="s">
        <v>28</v>
      </c>
      <c r="G11832" s="16">
        <v>0</v>
      </c>
    </row>
    <row r="11833" spans="1:7" x14ac:dyDescent="0.3">
      <c r="A11833" s="13" t="s">
        <v>91</v>
      </c>
      <c r="B11833" s="14" t="s">
        <v>1</v>
      </c>
      <c r="C11833" s="14" t="s">
        <v>59</v>
      </c>
      <c r="D11833" s="14" t="s">
        <v>92</v>
      </c>
      <c r="E11833" s="15">
        <v>45529</v>
      </c>
      <c r="F11833" s="14" t="s">
        <v>28</v>
      </c>
      <c r="G11833" s="16">
        <v>0</v>
      </c>
    </row>
    <row r="11834" spans="1:7" x14ac:dyDescent="0.3">
      <c r="A11834" s="13" t="s">
        <v>91</v>
      </c>
      <c r="B11834" s="14" t="s">
        <v>1</v>
      </c>
      <c r="C11834" s="14" t="s">
        <v>59</v>
      </c>
      <c r="D11834" s="14" t="s">
        <v>92</v>
      </c>
      <c r="E11834" s="15">
        <v>45530</v>
      </c>
      <c r="F11834" s="14" t="s">
        <v>28</v>
      </c>
      <c r="G11834" s="16">
        <v>0</v>
      </c>
    </row>
    <row r="11835" spans="1:7" x14ac:dyDescent="0.3">
      <c r="A11835" s="13" t="s">
        <v>91</v>
      </c>
      <c r="B11835" s="14" t="s">
        <v>1</v>
      </c>
      <c r="C11835" s="14" t="s">
        <v>59</v>
      </c>
      <c r="D11835" s="14" t="s">
        <v>92</v>
      </c>
      <c r="E11835" s="15">
        <v>45531</v>
      </c>
      <c r="F11835" s="14" t="s">
        <v>28</v>
      </c>
      <c r="G11835" s="16">
        <v>0</v>
      </c>
    </row>
    <row r="11836" spans="1:7" x14ac:dyDescent="0.3">
      <c r="A11836" s="13" t="s">
        <v>91</v>
      </c>
      <c r="B11836" s="14" t="s">
        <v>1</v>
      </c>
      <c r="C11836" s="14" t="s">
        <v>59</v>
      </c>
      <c r="D11836" s="14" t="s">
        <v>92</v>
      </c>
      <c r="E11836" s="15">
        <v>45532</v>
      </c>
      <c r="F11836" s="14" t="s">
        <v>28</v>
      </c>
      <c r="G11836" s="16">
        <v>0</v>
      </c>
    </row>
    <row r="11837" spans="1:7" x14ac:dyDescent="0.3">
      <c r="A11837" s="13" t="s">
        <v>91</v>
      </c>
      <c r="B11837" s="14" t="s">
        <v>1</v>
      </c>
      <c r="C11837" s="14" t="s">
        <v>59</v>
      </c>
      <c r="D11837" s="14" t="s">
        <v>92</v>
      </c>
      <c r="E11837" s="15">
        <v>45533</v>
      </c>
      <c r="F11837" s="14" t="s">
        <v>28</v>
      </c>
      <c r="G11837" s="16">
        <v>0</v>
      </c>
    </row>
    <row r="11838" spans="1:7" x14ac:dyDescent="0.3">
      <c r="A11838" s="13" t="s">
        <v>91</v>
      </c>
      <c r="B11838" s="14" t="s">
        <v>1</v>
      </c>
      <c r="C11838" s="14" t="s">
        <v>59</v>
      </c>
      <c r="D11838" s="14" t="s">
        <v>92</v>
      </c>
      <c r="E11838" s="15">
        <v>45534</v>
      </c>
      <c r="F11838" s="14" t="s">
        <v>28</v>
      </c>
      <c r="G11838" s="16">
        <v>0</v>
      </c>
    </row>
    <row r="11839" spans="1:7" x14ac:dyDescent="0.3">
      <c r="A11839" s="13" t="s">
        <v>91</v>
      </c>
      <c r="B11839" s="14" t="s">
        <v>1</v>
      </c>
      <c r="C11839" s="14" t="s">
        <v>59</v>
      </c>
      <c r="D11839" s="14" t="s">
        <v>92</v>
      </c>
      <c r="E11839" s="15">
        <v>45535</v>
      </c>
      <c r="F11839" s="14" t="s">
        <v>28</v>
      </c>
      <c r="G11839" s="16">
        <v>0</v>
      </c>
    </row>
    <row r="11840" spans="1:7" x14ac:dyDescent="0.3">
      <c r="A11840" s="13" t="s">
        <v>91</v>
      </c>
      <c r="B11840" s="14" t="s">
        <v>1</v>
      </c>
      <c r="C11840" s="14" t="s">
        <v>59</v>
      </c>
      <c r="D11840" s="14" t="s">
        <v>92</v>
      </c>
      <c r="E11840" s="15">
        <v>45536</v>
      </c>
      <c r="F11840" s="14" t="s">
        <v>28</v>
      </c>
      <c r="G11840" s="16">
        <v>0</v>
      </c>
    </row>
    <row r="11841" spans="1:7" x14ac:dyDescent="0.3">
      <c r="A11841" s="13" t="s">
        <v>91</v>
      </c>
      <c r="B11841" s="14" t="s">
        <v>1</v>
      </c>
      <c r="C11841" s="14" t="s">
        <v>59</v>
      </c>
      <c r="D11841" s="14" t="s">
        <v>92</v>
      </c>
      <c r="E11841" s="15">
        <v>45537</v>
      </c>
      <c r="F11841" s="14" t="s">
        <v>28</v>
      </c>
      <c r="G11841" s="16">
        <v>0</v>
      </c>
    </row>
    <row r="11842" spans="1:7" x14ac:dyDescent="0.3">
      <c r="A11842" s="13" t="s">
        <v>91</v>
      </c>
      <c r="B11842" s="14" t="s">
        <v>1</v>
      </c>
      <c r="C11842" s="14" t="s">
        <v>59</v>
      </c>
      <c r="D11842" s="14" t="s">
        <v>92</v>
      </c>
      <c r="E11842" s="15">
        <v>45538</v>
      </c>
      <c r="F11842" s="14" t="s">
        <v>28</v>
      </c>
      <c r="G11842" s="16">
        <v>0</v>
      </c>
    </row>
    <row r="11843" spans="1:7" x14ac:dyDescent="0.3">
      <c r="A11843" s="13" t="s">
        <v>91</v>
      </c>
      <c r="B11843" s="14" t="s">
        <v>1</v>
      </c>
      <c r="C11843" s="14" t="s">
        <v>59</v>
      </c>
      <c r="D11843" s="14" t="s">
        <v>92</v>
      </c>
      <c r="E11843" s="15">
        <v>45539</v>
      </c>
      <c r="F11843" s="14" t="s">
        <v>28</v>
      </c>
      <c r="G11843" s="16">
        <v>0</v>
      </c>
    </row>
    <row r="11844" spans="1:7" x14ac:dyDescent="0.3">
      <c r="A11844" s="13" t="s">
        <v>91</v>
      </c>
      <c r="B11844" s="14" t="s">
        <v>1</v>
      </c>
      <c r="C11844" s="14" t="s">
        <v>59</v>
      </c>
      <c r="D11844" s="14" t="s">
        <v>92</v>
      </c>
      <c r="E11844" s="15">
        <v>45540</v>
      </c>
      <c r="F11844" s="14" t="s">
        <v>28</v>
      </c>
      <c r="G11844" s="16">
        <v>0</v>
      </c>
    </row>
    <row r="11845" spans="1:7" x14ac:dyDescent="0.3">
      <c r="A11845" s="13" t="s">
        <v>91</v>
      </c>
      <c r="B11845" s="14" t="s">
        <v>1</v>
      </c>
      <c r="C11845" s="14" t="s">
        <v>59</v>
      </c>
      <c r="D11845" s="14" t="s">
        <v>92</v>
      </c>
      <c r="E11845" s="15">
        <v>45541</v>
      </c>
      <c r="F11845" s="14" t="s">
        <v>28</v>
      </c>
      <c r="G11845" s="16">
        <v>0</v>
      </c>
    </row>
    <row r="11846" spans="1:7" x14ac:dyDescent="0.3">
      <c r="A11846" s="13" t="s">
        <v>91</v>
      </c>
      <c r="B11846" s="14" t="s">
        <v>1</v>
      </c>
      <c r="C11846" s="14" t="s">
        <v>59</v>
      </c>
      <c r="D11846" s="14" t="s">
        <v>92</v>
      </c>
      <c r="E11846" s="15">
        <v>45542</v>
      </c>
      <c r="F11846" s="14" t="s">
        <v>28</v>
      </c>
      <c r="G11846" s="16">
        <v>0</v>
      </c>
    </row>
    <row r="11847" spans="1:7" x14ac:dyDescent="0.3">
      <c r="A11847" s="13" t="s">
        <v>91</v>
      </c>
      <c r="B11847" s="14" t="s">
        <v>1</v>
      </c>
      <c r="C11847" s="14" t="s">
        <v>59</v>
      </c>
      <c r="D11847" s="14" t="s">
        <v>92</v>
      </c>
      <c r="E11847" s="15">
        <v>45543</v>
      </c>
      <c r="F11847" s="14" t="s">
        <v>28</v>
      </c>
      <c r="G11847" s="16">
        <v>0</v>
      </c>
    </row>
    <row r="11848" spans="1:7" x14ac:dyDescent="0.3">
      <c r="A11848" s="13" t="s">
        <v>91</v>
      </c>
      <c r="B11848" s="14" t="s">
        <v>1</v>
      </c>
      <c r="C11848" s="14" t="s">
        <v>59</v>
      </c>
      <c r="D11848" s="14" t="s">
        <v>92</v>
      </c>
      <c r="E11848" s="15">
        <v>45544</v>
      </c>
      <c r="F11848" s="14" t="s">
        <v>28</v>
      </c>
      <c r="G11848" s="16">
        <v>0</v>
      </c>
    </row>
    <row r="11849" spans="1:7" x14ac:dyDescent="0.3">
      <c r="A11849" s="13" t="s">
        <v>91</v>
      </c>
      <c r="B11849" s="14" t="s">
        <v>1</v>
      </c>
      <c r="C11849" s="14" t="s">
        <v>59</v>
      </c>
      <c r="D11849" s="14" t="s">
        <v>92</v>
      </c>
      <c r="E11849" s="15">
        <v>45545</v>
      </c>
      <c r="F11849" s="14" t="s">
        <v>28</v>
      </c>
      <c r="G11849" s="16">
        <v>0</v>
      </c>
    </row>
    <row r="11850" spans="1:7" x14ac:dyDescent="0.3">
      <c r="A11850" s="13" t="s">
        <v>91</v>
      </c>
      <c r="B11850" s="14" t="s">
        <v>1</v>
      </c>
      <c r="C11850" s="14" t="s">
        <v>59</v>
      </c>
      <c r="D11850" s="14" t="s">
        <v>92</v>
      </c>
      <c r="E11850" s="15">
        <v>45546</v>
      </c>
      <c r="F11850" s="14" t="s">
        <v>28</v>
      </c>
      <c r="G11850" s="16">
        <v>0</v>
      </c>
    </row>
    <row r="11851" spans="1:7" x14ac:dyDescent="0.3">
      <c r="A11851" s="13" t="s">
        <v>91</v>
      </c>
      <c r="B11851" s="14" t="s">
        <v>1</v>
      </c>
      <c r="C11851" s="14" t="s">
        <v>59</v>
      </c>
      <c r="D11851" s="14" t="s">
        <v>92</v>
      </c>
      <c r="E11851" s="15">
        <v>45547</v>
      </c>
      <c r="F11851" s="14" t="s">
        <v>28</v>
      </c>
      <c r="G11851" s="16">
        <v>0</v>
      </c>
    </row>
    <row r="11852" spans="1:7" x14ac:dyDescent="0.3">
      <c r="A11852" s="13" t="s">
        <v>91</v>
      </c>
      <c r="B11852" s="14" t="s">
        <v>1</v>
      </c>
      <c r="C11852" s="14" t="s">
        <v>59</v>
      </c>
      <c r="D11852" s="14" t="s">
        <v>92</v>
      </c>
      <c r="E11852" s="15">
        <v>45548</v>
      </c>
      <c r="F11852" s="14" t="s">
        <v>28</v>
      </c>
      <c r="G11852" s="16">
        <v>0</v>
      </c>
    </row>
    <row r="11853" spans="1:7" x14ac:dyDescent="0.3">
      <c r="A11853" s="13" t="s">
        <v>91</v>
      </c>
      <c r="B11853" s="14" t="s">
        <v>1</v>
      </c>
      <c r="C11853" s="14" t="s">
        <v>59</v>
      </c>
      <c r="D11853" s="14" t="s">
        <v>92</v>
      </c>
      <c r="E11853" s="15">
        <v>45549</v>
      </c>
      <c r="F11853" s="14" t="s">
        <v>28</v>
      </c>
      <c r="G11853" s="16">
        <v>0</v>
      </c>
    </row>
    <row r="11854" spans="1:7" x14ac:dyDescent="0.3">
      <c r="A11854" s="13" t="s">
        <v>91</v>
      </c>
      <c r="B11854" s="14" t="s">
        <v>1</v>
      </c>
      <c r="C11854" s="14" t="s">
        <v>59</v>
      </c>
      <c r="D11854" s="14" t="s">
        <v>92</v>
      </c>
      <c r="E11854" s="15">
        <v>45550</v>
      </c>
      <c r="F11854" s="14" t="s">
        <v>28</v>
      </c>
      <c r="G11854" s="16">
        <v>0</v>
      </c>
    </row>
    <row r="11855" spans="1:7" x14ac:dyDescent="0.3">
      <c r="A11855" s="13" t="s">
        <v>91</v>
      </c>
      <c r="B11855" s="14" t="s">
        <v>1</v>
      </c>
      <c r="C11855" s="14" t="s">
        <v>59</v>
      </c>
      <c r="D11855" s="14" t="s">
        <v>92</v>
      </c>
      <c r="E11855" s="15">
        <v>45551</v>
      </c>
      <c r="F11855" s="14" t="s">
        <v>28</v>
      </c>
      <c r="G11855" s="16">
        <v>0</v>
      </c>
    </row>
    <row r="11856" spans="1:7" x14ac:dyDescent="0.3">
      <c r="A11856" s="13" t="s">
        <v>91</v>
      </c>
      <c r="B11856" s="14" t="s">
        <v>1</v>
      </c>
      <c r="C11856" s="14" t="s">
        <v>59</v>
      </c>
      <c r="D11856" s="14" t="s">
        <v>92</v>
      </c>
      <c r="E11856" s="15">
        <v>45552</v>
      </c>
      <c r="F11856" s="14" t="s">
        <v>28</v>
      </c>
      <c r="G11856" s="16">
        <v>0</v>
      </c>
    </row>
    <row r="11857" spans="1:7" x14ac:dyDescent="0.3">
      <c r="A11857" s="13" t="s">
        <v>91</v>
      </c>
      <c r="B11857" s="14" t="s">
        <v>1</v>
      </c>
      <c r="C11857" s="14" t="s">
        <v>59</v>
      </c>
      <c r="D11857" s="14" t="s">
        <v>92</v>
      </c>
      <c r="E11857" s="15">
        <v>45553</v>
      </c>
      <c r="F11857" s="14" t="s">
        <v>28</v>
      </c>
      <c r="G11857" s="16">
        <v>0</v>
      </c>
    </row>
    <row r="11858" spans="1:7" x14ac:dyDescent="0.3">
      <c r="A11858" s="13" t="s">
        <v>91</v>
      </c>
      <c r="B11858" s="14" t="s">
        <v>1</v>
      </c>
      <c r="C11858" s="14" t="s">
        <v>59</v>
      </c>
      <c r="D11858" s="14" t="s">
        <v>92</v>
      </c>
      <c r="E11858" s="15">
        <v>45554</v>
      </c>
      <c r="F11858" s="14" t="s">
        <v>28</v>
      </c>
      <c r="G11858" s="16">
        <v>0</v>
      </c>
    </row>
    <row r="11859" spans="1:7" x14ac:dyDescent="0.3">
      <c r="A11859" s="13" t="s">
        <v>91</v>
      </c>
      <c r="B11859" s="14" t="s">
        <v>1</v>
      </c>
      <c r="C11859" s="14" t="s">
        <v>59</v>
      </c>
      <c r="D11859" s="14" t="s">
        <v>92</v>
      </c>
      <c r="E11859" s="15">
        <v>45555</v>
      </c>
      <c r="F11859" s="14" t="s">
        <v>28</v>
      </c>
      <c r="G11859" s="16">
        <v>0</v>
      </c>
    </row>
    <row r="11860" spans="1:7" x14ac:dyDescent="0.3">
      <c r="A11860" s="13" t="s">
        <v>91</v>
      </c>
      <c r="B11860" s="14" t="s">
        <v>1</v>
      </c>
      <c r="C11860" s="14" t="s">
        <v>59</v>
      </c>
      <c r="D11860" s="14" t="s">
        <v>92</v>
      </c>
      <c r="E11860" s="15">
        <v>45556</v>
      </c>
      <c r="F11860" s="14" t="s">
        <v>28</v>
      </c>
      <c r="G11860" s="16">
        <v>0</v>
      </c>
    </row>
    <row r="11861" spans="1:7" x14ac:dyDescent="0.3">
      <c r="A11861" s="13" t="s">
        <v>91</v>
      </c>
      <c r="B11861" s="14" t="s">
        <v>1</v>
      </c>
      <c r="C11861" s="14" t="s">
        <v>59</v>
      </c>
      <c r="D11861" s="14" t="s">
        <v>92</v>
      </c>
      <c r="E11861" s="15">
        <v>45557</v>
      </c>
      <c r="F11861" s="14" t="s">
        <v>28</v>
      </c>
      <c r="G11861" s="16">
        <v>0</v>
      </c>
    </row>
    <row r="11862" spans="1:7" x14ac:dyDescent="0.3">
      <c r="A11862" s="13" t="s">
        <v>91</v>
      </c>
      <c r="B11862" s="14" t="s">
        <v>1</v>
      </c>
      <c r="C11862" s="14" t="s">
        <v>59</v>
      </c>
      <c r="D11862" s="14" t="s">
        <v>92</v>
      </c>
      <c r="E11862" s="15">
        <v>45558</v>
      </c>
      <c r="F11862" s="14" t="s">
        <v>28</v>
      </c>
      <c r="G11862" s="16">
        <v>0</v>
      </c>
    </row>
    <row r="11863" spans="1:7" x14ac:dyDescent="0.3">
      <c r="A11863" s="13" t="s">
        <v>91</v>
      </c>
      <c r="B11863" s="14" t="s">
        <v>1</v>
      </c>
      <c r="C11863" s="14" t="s">
        <v>59</v>
      </c>
      <c r="D11863" s="14" t="s">
        <v>92</v>
      </c>
      <c r="E11863" s="15">
        <v>45559</v>
      </c>
      <c r="F11863" s="14" t="s">
        <v>28</v>
      </c>
      <c r="G11863" s="16">
        <v>0</v>
      </c>
    </row>
    <row r="11864" spans="1:7" x14ac:dyDescent="0.3">
      <c r="A11864" s="13" t="s">
        <v>91</v>
      </c>
      <c r="B11864" s="14" t="s">
        <v>1</v>
      </c>
      <c r="C11864" s="14" t="s">
        <v>59</v>
      </c>
      <c r="D11864" s="14" t="s">
        <v>92</v>
      </c>
      <c r="E11864" s="15">
        <v>45560</v>
      </c>
      <c r="F11864" s="14" t="s">
        <v>28</v>
      </c>
      <c r="G11864" s="16">
        <v>0</v>
      </c>
    </row>
    <row r="11865" spans="1:7" x14ac:dyDescent="0.3">
      <c r="A11865" s="13" t="s">
        <v>91</v>
      </c>
      <c r="B11865" s="14" t="s">
        <v>1</v>
      </c>
      <c r="C11865" s="14" t="s">
        <v>59</v>
      </c>
      <c r="D11865" s="14" t="s">
        <v>92</v>
      </c>
      <c r="E11865" s="15">
        <v>45561</v>
      </c>
      <c r="F11865" s="14" t="s">
        <v>28</v>
      </c>
      <c r="G11865" s="16">
        <v>0</v>
      </c>
    </row>
    <row r="11866" spans="1:7" x14ac:dyDescent="0.3">
      <c r="A11866" s="13" t="s">
        <v>91</v>
      </c>
      <c r="B11866" s="14" t="s">
        <v>1</v>
      </c>
      <c r="C11866" s="14" t="s">
        <v>59</v>
      </c>
      <c r="D11866" s="14" t="s">
        <v>92</v>
      </c>
      <c r="E11866" s="15">
        <v>45562</v>
      </c>
      <c r="F11866" s="14" t="s">
        <v>28</v>
      </c>
      <c r="G11866" s="16">
        <v>0</v>
      </c>
    </row>
    <row r="11867" spans="1:7" x14ac:dyDescent="0.3">
      <c r="A11867" s="13" t="s">
        <v>91</v>
      </c>
      <c r="B11867" s="14" t="s">
        <v>1</v>
      </c>
      <c r="C11867" s="14" t="s">
        <v>59</v>
      </c>
      <c r="D11867" s="14" t="s">
        <v>92</v>
      </c>
      <c r="E11867" s="15">
        <v>45563</v>
      </c>
      <c r="F11867" s="14" t="s">
        <v>28</v>
      </c>
      <c r="G11867" s="16">
        <v>0</v>
      </c>
    </row>
    <row r="11868" spans="1:7" x14ac:dyDescent="0.3">
      <c r="A11868" s="13" t="s">
        <v>91</v>
      </c>
      <c r="B11868" s="14" t="s">
        <v>1</v>
      </c>
      <c r="C11868" s="14" t="s">
        <v>59</v>
      </c>
      <c r="D11868" s="14" t="s">
        <v>92</v>
      </c>
      <c r="E11868" s="15">
        <v>45564</v>
      </c>
      <c r="F11868" s="14" t="s">
        <v>28</v>
      </c>
      <c r="G11868" s="16">
        <v>0</v>
      </c>
    </row>
    <row r="11869" spans="1:7" x14ac:dyDescent="0.3">
      <c r="A11869" s="13" t="s">
        <v>91</v>
      </c>
      <c r="B11869" s="14" t="s">
        <v>1</v>
      </c>
      <c r="C11869" s="14" t="s">
        <v>59</v>
      </c>
      <c r="D11869" s="14" t="s">
        <v>92</v>
      </c>
      <c r="E11869" s="15">
        <v>45565</v>
      </c>
      <c r="F11869" s="14" t="s">
        <v>28</v>
      </c>
      <c r="G11869" s="16">
        <v>0</v>
      </c>
    </row>
    <row r="11870" spans="1:7" x14ac:dyDescent="0.3">
      <c r="A11870" s="13" t="s">
        <v>91</v>
      </c>
      <c r="B11870" s="14" t="s">
        <v>1</v>
      </c>
      <c r="C11870" s="14" t="s">
        <v>59</v>
      </c>
      <c r="D11870" s="14" t="s">
        <v>92</v>
      </c>
      <c r="E11870" s="15">
        <v>45566</v>
      </c>
      <c r="F11870" s="14" t="s">
        <v>28</v>
      </c>
      <c r="G11870" s="16">
        <v>0</v>
      </c>
    </row>
    <row r="11871" spans="1:7" x14ac:dyDescent="0.3">
      <c r="A11871" s="13" t="s">
        <v>91</v>
      </c>
      <c r="B11871" s="14" t="s">
        <v>1</v>
      </c>
      <c r="C11871" s="14" t="s">
        <v>59</v>
      </c>
      <c r="D11871" s="14" t="s">
        <v>92</v>
      </c>
      <c r="E11871" s="15">
        <v>45567</v>
      </c>
      <c r="F11871" s="14" t="s">
        <v>28</v>
      </c>
      <c r="G11871" s="16">
        <v>0</v>
      </c>
    </row>
    <row r="11872" spans="1:7" x14ac:dyDescent="0.3">
      <c r="A11872" s="13" t="s">
        <v>91</v>
      </c>
      <c r="B11872" s="14" t="s">
        <v>1</v>
      </c>
      <c r="C11872" s="14" t="s">
        <v>59</v>
      </c>
      <c r="D11872" s="14" t="s">
        <v>92</v>
      </c>
      <c r="E11872" s="15">
        <v>45568</v>
      </c>
      <c r="F11872" s="14" t="s">
        <v>28</v>
      </c>
      <c r="G11872" s="16">
        <v>0</v>
      </c>
    </row>
    <row r="11873" spans="1:7" x14ac:dyDescent="0.3">
      <c r="A11873" s="13" t="s">
        <v>91</v>
      </c>
      <c r="B11873" s="14" t="s">
        <v>1</v>
      </c>
      <c r="C11873" s="14" t="s">
        <v>59</v>
      </c>
      <c r="D11873" s="14" t="s">
        <v>92</v>
      </c>
      <c r="E11873" s="15">
        <v>45569</v>
      </c>
      <c r="F11873" s="14" t="s">
        <v>28</v>
      </c>
      <c r="G11873" s="16">
        <v>0</v>
      </c>
    </row>
    <row r="11874" spans="1:7" x14ac:dyDescent="0.3">
      <c r="A11874" s="13" t="s">
        <v>91</v>
      </c>
      <c r="B11874" s="14" t="s">
        <v>1</v>
      </c>
      <c r="C11874" s="14" t="s">
        <v>59</v>
      </c>
      <c r="D11874" s="14" t="s">
        <v>92</v>
      </c>
      <c r="E11874" s="15">
        <v>45570</v>
      </c>
      <c r="F11874" s="14" t="s">
        <v>28</v>
      </c>
      <c r="G11874" s="16">
        <v>0</v>
      </c>
    </row>
    <row r="11875" spans="1:7" x14ac:dyDescent="0.3">
      <c r="A11875" s="13" t="s">
        <v>91</v>
      </c>
      <c r="B11875" s="14" t="s">
        <v>1</v>
      </c>
      <c r="C11875" s="14" t="s">
        <v>59</v>
      </c>
      <c r="D11875" s="14" t="s">
        <v>92</v>
      </c>
      <c r="E11875" s="15">
        <v>45571</v>
      </c>
      <c r="F11875" s="14" t="s">
        <v>28</v>
      </c>
      <c r="G11875" s="16">
        <v>0</v>
      </c>
    </row>
    <row r="11876" spans="1:7" x14ac:dyDescent="0.3">
      <c r="A11876" s="13" t="s">
        <v>91</v>
      </c>
      <c r="B11876" s="14" t="s">
        <v>1</v>
      </c>
      <c r="C11876" s="14" t="s">
        <v>59</v>
      </c>
      <c r="D11876" s="14" t="s">
        <v>92</v>
      </c>
      <c r="E11876" s="15">
        <v>45572</v>
      </c>
      <c r="F11876" s="14" t="s">
        <v>28</v>
      </c>
      <c r="G11876" s="16">
        <v>0</v>
      </c>
    </row>
    <row r="11877" spans="1:7" x14ac:dyDescent="0.3">
      <c r="A11877" s="13" t="s">
        <v>91</v>
      </c>
      <c r="B11877" s="14" t="s">
        <v>1</v>
      </c>
      <c r="C11877" s="14" t="s">
        <v>59</v>
      </c>
      <c r="D11877" s="14" t="s">
        <v>92</v>
      </c>
      <c r="E11877" s="15">
        <v>45573</v>
      </c>
      <c r="F11877" s="14" t="s">
        <v>28</v>
      </c>
      <c r="G11877" s="16">
        <v>0</v>
      </c>
    </row>
    <row r="11878" spans="1:7" x14ac:dyDescent="0.3">
      <c r="A11878" s="13" t="s">
        <v>91</v>
      </c>
      <c r="B11878" s="14" t="s">
        <v>1</v>
      </c>
      <c r="C11878" s="14" t="s">
        <v>59</v>
      </c>
      <c r="D11878" s="14" t="s">
        <v>92</v>
      </c>
      <c r="E11878" s="15">
        <v>45574</v>
      </c>
      <c r="F11878" s="14" t="s">
        <v>28</v>
      </c>
      <c r="G11878" s="16">
        <v>0</v>
      </c>
    </row>
    <row r="11879" spans="1:7" x14ac:dyDescent="0.3">
      <c r="A11879" s="13" t="s">
        <v>91</v>
      </c>
      <c r="B11879" s="14" t="s">
        <v>1</v>
      </c>
      <c r="C11879" s="14" t="s">
        <v>59</v>
      </c>
      <c r="D11879" s="14" t="s">
        <v>92</v>
      </c>
      <c r="E11879" s="15">
        <v>45575</v>
      </c>
      <c r="F11879" s="14" t="s">
        <v>28</v>
      </c>
      <c r="G11879" s="16">
        <v>0</v>
      </c>
    </row>
    <row r="11880" spans="1:7" x14ac:dyDescent="0.3">
      <c r="A11880" s="13" t="s">
        <v>91</v>
      </c>
      <c r="B11880" s="14" t="s">
        <v>1</v>
      </c>
      <c r="C11880" s="14" t="s">
        <v>59</v>
      </c>
      <c r="D11880" s="14" t="s">
        <v>92</v>
      </c>
      <c r="E11880" s="15">
        <v>45576</v>
      </c>
      <c r="F11880" s="14" t="s">
        <v>28</v>
      </c>
      <c r="G11880" s="16">
        <v>0</v>
      </c>
    </row>
    <row r="11881" spans="1:7" x14ac:dyDescent="0.3">
      <c r="A11881" s="13" t="s">
        <v>91</v>
      </c>
      <c r="B11881" s="14" t="s">
        <v>1</v>
      </c>
      <c r="C11881" s="14" t="s">
        <v>59</v>
      </c>
      <c r="D11881" s="14" t="s">
        <v>92</v>
      </c>
      <c r="E11881" s="15">
        <v>45577</v>
      </c>
      <c r="F11881" s="14" t="s">
        <v>28</v>
      </c>
      <c r="G11881" s="16">
        <v>0</v>
      </c>
    </row>
    <row r="11882" spans="1:7" x14ac:dyDescent="0.3">
      <c r="A11882" s="13" t="s">
        <v>91</v>
      </c>
      <c r="B11882" s="14" t="s">
        <v>1</v>
      </c>
      <c r="C11882" s="14" t="s">
        <v>59</v>
      </c>
      <c r="D11882" s="14" t="s">
        <v>92</v>
      </c>
      <c r="E11882" s="15">
        <v>45578</v>
      </c>
      <c r="F11882" s="14" t="s">
        <v>28</v>
      </c>
      <c r="G11882" s="16">
        <v>0</v>
      </c>
    </row>
    <row r="11883" spans="1:7" x14ac:dyDescent="0.3">
      <c r="A11883" s="13" t="s">
        <v>91</v>
      </c>
      <c r="B11883" s="14" t="s">
        <v>1</v>
      </c>
      <c r="C11883" s="14" t="s">
        <v>59</v>
      </c>
      <c r="D11883" s="14" t="s">
        <v>92</v>
      </c>
      <c r="E11883" s="15">
        <v>45579</v>
      </c>
      <c r="F11883" s="14" t="s">
        <v>28</v>
      </c>
      <c r="G11883" s="16">
        <v>0</v>
      </c>
    </row>
    <row r="11884" spans="1:7" x14ac:dyDescent="0.3">
      <c r="A11884" s="13" t="s">
        <v>91</v>
      </c>
      <c r="B11884" s="14" t="s">
        <v>1</v>
      </c>
      <c r="C11884" s="14" t="s">
        <v>59</v>
      </c>
      <c r="D11884" s="14" t="s">
        <v>92</v>
      </c>
      <c r="E11884" s="15">
        <v>45580</v>
      </c>
      <c r="F11884" s="14" t="s">
        <v>28</v>
      </c>
      <c r="G11884" s="16">
        <v>0</v>
      </c>
    </row>
    <row r="11885" spans="1:7" x14ac:dyDescent="0.3">
      <c r="A11885" s="13" t="s">
        <v>91</v>
      </c>
      <c r="B11885" s="14" t="s">
        <v>1</v>
      </c>
      <c r="C11885" s="14" t="s">
        <v>59</v>
      </c>
      <c r="D11885" s="14" t="s">
        <v>92</v>
      </c>
      <c r="E11885" s="15">
        <v>45581</v>
      </c>
      <c r="F11885" s="14" t="s">
        <v>28</v>
      </c>
      <c r="G11885" s="16">
        <v>0</v>
      </c>
    </row>
    <row r="11886" spans="1:7" x14ac:dyDescent="0.3">
      <c r="A11886" s="13" t="s">
        <v>91</v>
      </c>
      <c r="B11886" s="14" t="s">
        <v>1</v>
      </c>
      <c r="C11886" s="14" t="s">
        <v>59</v>
      </c>
      <c r="D11886" s="14" t="s">
        <v>92</v>
      </c>
      <c r="E11886" s="15">
        <v>45582</v>
      </c>
      <c r="F11886" s="14" t="s">
        <v>28</v>
      </c>
      <c r="G11886" s="16">
        <v>0</v>
      </c>
    </row>
    <row r="11887" spans="1:7" x14ac:dyDescent="0.3">
      <c r="A11887" s="13" t="s">
        <v>91</v>
      </c>
      <c r="B11887" s="14" t="s">
        <v>1</v>
      </c>
      <c r="C11887" s="14" t="s">
        <v>59</v>
      </c>
      <c r="D11887" s="14" t="s">
        <v>92</v>
      </c>
      <c r="E11887" s="15">
        <v>45583</v>
      </c>
      <c r="F11887" s="14" t="s">
        <v>28</v>
      </c>
      <c r="G11887" s="16">
        <v>0</v>
      </c>
    </row>
    <row r="11888" spans="1:7" x14ac:dyDescent="0.3">
      <c r="A11888" s="13" t="s">
        <v>91</v>
      </c>
      <c r="B11888" s="14" t="s">
        <v>1</v>
      </c>
      <c r="C11888" s="14" t="s">
        <v>59</v>
      </c>
      <c r="D11888" s="14" t="s">
        <v>92</v>
      </c>
      <c r="E11888" s="15">
        <v>45584</v>
      </c>
      <c r="F11888" s="14" t="s">
        <v>28</v>
      </c>
      <c r="G11888" s="16">
        <v>0</v>
      </c>
    </row>
    <row r="11889" spans="1:7" x14ac:dyDescent="0.3">
      <c r="A11889" s="13" t="s">
        <v>91</v>
      </c>
      <c r="B11889" s="14" t="s">
        <v>1</v>
      </c>
      <c r="C11889" s="14" t="s">
        <v>59</v>
      </c>
      <c r="D11889" s="14" t="s">
        <v>92</v>
      </c>
      <c r="E11889" s="15">
        <v>45585</v>
      </c>
      <c r="F11889" s="14" t="s">
        <v>28</v>
      </c>
      <c r="G11889" s="16">
        <v>0</v>
      </c>
    </row>
    <row r="11890" spans="1:7" x14ac:dyDescent="0.3">
      <c r="A11890" s="13" t="s">
        <v>91</v>
      </c>
      <c r="B11890" s="14" t="s">
        <v>1</v>
      </c>
      <c r="C11890" s="14" t="s">
        <v>59</v>
      </c>
      <c r="D11890" s="14" t="s">
        <v>92</v>
      </c>
      <c r="E11890" s="15">
        <v>45586</v>
      </c>
      <c r="F11890" s="14" t="s">
        <v>28</v>
      </c>
      <c r="G11890" s="16">
        <v>0</v>
      </c>
    </row>
    <row r="11891" spans="1:7" x14ac:dyDescent="0.3">
      <c r="A11891" s="13" t="s">
        <v>91</v>
      </c>
      <c r="B11891" s="14" t="s">
        <v>1</v>
      </c>
      <c r="C11891" s="14" t="s">
        <v>59</v>
      </c>
      <c r="D11891" s="14" t="s">
        <v>92</v>
      </c>
      <c r="E11891" s="15">
        <v>45587</v>
      </c>
      <c r="F11891" s="14" t="s">
        <v>28</v>
      </c>
      <c r="G11891" s="16">
        <v>0</v>
      </c>
    </row>
    <row r="11892" spans="1:7" x14ac:dyDescent="0.3">
      <c r="A11892" s="13" t="s">
        <v>91</v>
      </c>
      <c r="B11892" s="14" t="s">
        <v>1</v>
      </c>
      <c r="C11892" s="14" t="s">
        <v>59</v>
      </c>
      <c r="D11892" s="14" t="s">
        <v>92</v>
      </c>
      <c r="E11892" s="15">
        <v>45588</v>
      </c>
      <c r="F11892" s="14" t="s">
        <v>28</v>
      </c>
      <c r="G11892" s="16">
        <v>0</v>
      </c>
    </row>
    <row r="11893" spans="1:7" x14ac:dyDescent="0.3">
      <c r="A11893" s="13" t="s">
        <v>91</v>
      </c>
      <c r="B11893" s="14" t="s">
        <v>1</v>
      </c>
      <c r="C11893" s="14" t="s">
        <v>59</v>
      </c>
      <c r="D11893" s="14" t="s">
        <v>92</v>
      </c>
      <c r="E11893" s="15">
        <v>45589</v>
      </c>
      <c r="F11893" s="14" t="s">
        <v>28</v>
      </c>
      <c r="G11893" s="16">
        <v>0</v>
      </c>
    </row>
    <row r="11894" spans="1:7" x14ac:dyDescent="0.3">
      <c r="A11894" s="13" t="s">
        <v>91</v>
      </c>
      <c r="B11894" s="14" t="s">
        <v>1</v>
      </c>
      <c r="C11894" s="14" t="s">
        <v>59</v>
      </c>
      <c r="D11894" s="14" t="s">
        <v>92</v>
      </c>
      <c r="E11894" s="15">
        <v>45590</v>
      </c>
      <c r="F11894" s="14" t="s">
        <v>28</v>
      </c>
      <c r="G11894" s="16">
        <v>0</v>
      </c>
    </row>
    <row r="11895" spans="1:7" x14ac:dyDescent="0.3">
      <c r="A11895" s="13" t="s">
        <v>91</v>
      </c>
      <c r="B11895" s="14" t="s">
        <v>1</v>
      </c>
      <c r="C11895" s="14" t="s">
        <v>59</v>
      </c>
      <c r="D11895" s="14" t="s">
        <v>92</v>
      </c>
      <c r="E11895" s="15">
        <v>45591</v>
      </c>
      <c r="F11895" s="14" t="s">
        <v>28</v>
      </c>
      <c r="G11895" s="16">
        <v>0</v>
      </c>
    </row>
    <row r="11896" spans="1:7" x14ac:dyDescent="0.3">
      <c r="A11896" s="13" t="s">
        <v>91</v>
      </c>
      <c r="B11896" s="14" t="s">
        <v>1</v>
      </c>
      <c r="C11896" s="14" t="s">
        <v>59</v>
      </c>
      <c r="D11896" s="14" t="s">
        <v>92</v>
      </c>
      <c r="E11896" s="15">
        <v>45592</v>
      </c>
      <c r="F11896" s="14" t="s">
        <v>28</v>
      </c>
      <c r="G11896" s="16">
        <v>0</v>
      </c>
    </row>
    <row r="11897" spans="1:7" x14ac:dyDescent="0.3">
      <c r="A11897" s="13" t="s">
        <v>91</v>
      </c>
      <c r="B11897" s="14" t="s">
        <v>1</v>
      </c>
      <c r="C11897" s="14" t="s">
        <v>59</v>
      </c>
      <c r="D11897" s="14" t="s">
        <v>92</v>
      </c>
      <c r="E11897" s="15">
        <v>45593</v>
      </c>
      <c r="F11897" s="14" t="s">
        <v>28</v>
      </c>
      <c r="G11897" s="16">
        <v>0</v>
      </c>
    </row>
    <row r="11898" spans="1:7" x14ac:dyDescent="0.3">
      <c r="A11898" s="13" t="s">
        <v>91</v>
      </c>
      <c r="B11898" s="14" t="s">
        <v>1</v>
      </c>
      <c r="C11898" s="14" t="s">
        <v>59</v>
      </c>
      <c r="D11898" s="14" t="s">
        <v>92</v>
      </c>
      <c r="E11898" s="15">
        <v>45594</v>
      </c>
      <c r="F11898" s="14" t="s">
        <v>28</v>
      </c>
      <c r="G11898" s="16">
        <v>0</v>
      </c>
    </row>
    <row r="11899" spans="1:7" x14ac:dyDescent="0.3">
      <c r="A11899" s="13" t="s">
        <v>91</v>
      </c>
      <c r="B11899" s="14" t="s">
        <v>1</v>
      </c>
      <c r="C11899" s="14" t="s">
        <v>59</v>
      </c>
      <c r="D11899" s="14" t="s">
        <v>92</v>
      </c>
      <c r="E11899" s="15">
        <v>45595</v>
      </c>
      <c r="F11899" s="14" t="s">
        <v>28</v>
      </c>
      <c r="G11899" s="16">
        <v>0</v>
      </c>
    </row>
    <row r="11900" spans="1:7" x14ac:dyDescent="0.3">
      <c r="A11900" s="13" t="s">
        <v>91</v>
      </c>
      <c r="B11900" s="14" t="s">
        <v>1</v>
      </c>
      <c r="C11900" s="14" t="s">
        <v>59</v>
      </c>
      <c r="D11900" s="14" t="s">
        <v>92</v>
      </c>
      <c r="E11900" s="15">
        <v>45596</v>
      </c>
      <c r="F11900" s="14" t="s">
        <v>28</v>
      </c>
      <c r="G11900" s="16">
        <v>0</v>
      </c>
    </row>
    <row r="11901" spans="1:7" x14ac:dyDescent="0.3">
      <c r="A11901" s="13" t="s">
        <v>91</v>
      </c>
      <c r="B11901" s="14" t="s">
        <v>1</v>
      </c>
      <c r="C11901" s="14" t="s">
        <v>59</v>
      </c>
      <c r="D11901" s="14" t="s">
        <v>92</v>
      </c>
      <c r="E11901" s="15">
        <v>45597</v>
      </c>
      <c r="F11901" s="14" t="s">
        <v>28</v>
      </c>
      <c r="G11901" s="16">
        <v>0</v>
      </c>
    </row>
    <row r="11902" spans="1:7" x14ac:dyDescent="0.3">
      <c r="A11902" s="13" t="s">
        <v>91</v>
      </c>
      <c r="B11902" s="14" t="s">
        <v>1</v>
      </c>
      <c r="C11902" s="14" t="s">
        <v>59</v>
      </c>
      <c r="D11902" s="14" t="s">
        <v>92</v>
      </c>
      <c r="E11902" s="15">
        <v>45598</v>
      </c>
      <c r="F11902" s="14" t="s">
        <v>28</v>
      </c>
      <c r="G11902" s="16">
        <v>0</v>
      </c>
    </row>
    <row r="11903" spans="1:7" x14ac:dyDescent="0.3">
      <c r="A11903" s="13" t="s">
        <v>91</v>
      </c>
      <c r="B11903" s="14" t="s">
        <v>1</v>
      </c>
      <c r="C11903" s="14" t="s">
        <v>59</v>
      </c>
      <c r="D11903" s="14" t="s">
        <v>92</v>
      </c>
      <c r="E11903" s="15">
        <v>45599</v>
      </c>
      <c r="F11903" s="14" t="s">
        <v>28</v>
      </c>
      <c r="G11903" s="16">
        <v>0</v>
      </c>
    </row>
    <row r="11904" spans="1:7" x14ac:dyDescent="0.3">
      <c r="A11904" s="13" t="s">
        <v>91</v>
      </c>
      <c r="B11904" s="14" t="s">
        <v>1</v>
      </c>
      <c r="C11904" s="14" t="s">
        <v>59</v>
      </c>
      <c r="D11904" s="14" t="s">
        <v>92</v>
      </c>
      <c r="E11904" s="15">
        <v>45600</v>
      </c>
      <c r="F11904" s="14" t="s">
        <v>28</v>
      </c>
      <c r="G11904" s="16">
        <v>0</v>
      </c>
    </row>
    <row r="11905" spans="1:7" x14ac:dyDescent="0.3">
      <c r="A11905" s="13" t="s">
        <v>91</v>
      </c>
      <c r="B11905" s="14" t="s">
        <v>1</v>
      </c>
      <c r="C11905" s="14" t="s">
        <v>59</v>
      </c>
      <c r="D11905" s="14" t="s">
        <v>92</v>
      </c>
      <c r="E11905" s="15">
        <v>45601</v>
      </c>
      <c r="F11905" s="14" t="s">
        <v>28</v>
      </c>
      <c r="G11905" s="16">
        <v>0</v>
      </c>
    </row>
    <row r="11906" spans="1:7" x14ac:dyDescent="0.3">
      <c r="A11906" s="13" t="s">
        <v>91</v>
      </c>
      <c r="B11906" s="14" t="s">
        <v>1</v>
      </c>
      <c r="C11906" s="14" t="s">
        <v>59</v>
      </c>
      <c r="D11906" s="14" t="s">
        <v>92</v>
      </c>
      <c r="E11906" s="15">
        <v>45602</v>
      </c>
      <c r="F11906" s="14" t="s">
        <v>28</v>
      </c>
      <c r="G11906" s="16">
        <v>0</v>
      </c>
    </row>
    <row r="11907" spans="1:7" x14ac:dyDescent="0.3">
      <c r="A11907" s="13" t="s">
        <v>91</v>
      </c>
      <c r="B11907" s="14" t="s">
        <v>1</v>
      </c>
      <c r="C11907" s="14" t="s">
        <v>59</v>
      </c>
      <c r="D11907" s="14" t="s">
        <v>92</v>
      </c>
      <c r="E11907" s="15">
        <v>45603</v>
      </c>
      <c r="F11907" s="14" t="s">
        <v>28</v>
      </c>
      <c r="G11907" s="16">
        <v>0</v>
      </c>
    </row>
    <row r="11908" spans="1:7" x14ac:dyDescent="0.3">
      <c r="A11908" s="13" t="s">
        <v>91</v>
      </c>
      <c r="B11908" s="14" t="s">
        <v>1</v>
      </c>
      <c r="C11908" s="14" t="s">
        <v>59</v>
      </c>
      <c r="D11908" s="14" t="s">
        <v>92</v>
      </c>
      <c r="E11908" s="15">
        <v>45604</v>
      </c>
      <c r="F11908" s="14" t="s">
        <v>28</v>
      </c>
      <c r="G11908" s="16">
        <v>0</v>
      </c>
    </row>
    <row r="11909" spans="1:7" x14ac:dyDescent="0.3">
      <c r="A11909" s="13" t="s">
        <v>91</v>
      </c>
      <c r="B11909" s="14" t="s">
        <v>1</v>
      </c>
      <c r="C11909" s="14" t="s">
        <v>59</v>
      </c>
      <c r="D11909" s="14" t="s">
        <v>92</v>
      </c>
      <c r="E11909" s="15">
        <v>45605</v>
      </c>
      <c r="F11909" s="14" t="s">
        <v>28</v>
      </c>
      <c r="G11909" s="16">
        <v>0</v>
      </c>
    </row>
    <row r="11910" spans="1:7" x14ac:dyDescent="0.3">
      <c r="A11910" s="13" t="s">
        <v>91</v>
      </c>
      <c r="B11910" s="14" t="s">
        <v>1</v>
      </c>
      <c r="C11910" s="14" t="s">
        <v>59</v>
      </c>
      <c r="D11910" s="14" t="s">
        <v>92</v>
      </c>
      <c r="E11910" s="15">
        <v>45606</v>
      </c>
      <c r="F11910" s="14" t="s">
        <v>28</v>
      </c>
      <c r="G11910" s="16">
        <v>0</v>
      </c>
    </row>
    <row r="11911" spans="1:7" x14ac:dyDescent="0.3">
      <c r="A11911" s="13" t="s">
        <v>91</v>
      </c>
      <c r="B11911" s="14" t="s">
        <v>1</v>
      </c>
      <c r="C11911" s="14" t="s">
        <v>59</v>
      </c>
      <c r="D11911" s="14" t="s">
        <v>92</v>
      </c>
      <c r="E11911" s="15">
        <v>45607</v>
      </c>
      <c r="F11911" s="14" t="s">
        <v>28</v>
      </c>
      <c r="G11911" s="16">
        <v>0</v>
      </c>
    </row>
    <row r="11912" spans="1:7" x14ac:dyDescent="0.3">
      <c r="A11912" s="13" t="s">
        <v>91</v>
      </c>
      <c r="B11912" s="14" t="s">
        <v>1</v>
      </c>
      <c r="C11912" s="14" t="s">
        <v>59</v>
      </c>
      <c r="D11912" s="14" t="s">
        <v>92</v>
      </c>
      <c r="E11912" s="15">
        <v>45608</v>
      </c>
      <c r="F11912" s="14" t="s">
        <v>28</v>
      </c>
      <c r="G11912" s="16">
        <v>0</v>
      </c>
    </row>
    <row r="11913" spans="1:7" x14ac:dyDescent="0.3">
      <c r="A11913" s="13" t="s">
        <v>91</v>
      </c>
      <c r="B11913" s="14" t="s">
        <v>1</v>
      </c>
      <c r="C11913" s="14" t="s">
        <v>59</v>
      </c>
      <c r="D11913" s="14" t="s">
        <v>92</v>
      </c>
      <c r="E11913" s="15">
        <v>45609</v>
      </c>
      <c r="F11913" s="14" t="s">
        <v>28</v>
      </c>
      <c r="G11913" s="16">
        <v>0</v>
      </c>
    </row>
    <row r="11914" spans="1:7" x14ac:dyDescent="0.3">
      <c r="A11914" s="13" t="s">
        <v>91</v>
      </c>
      <c r="B11914" s="14" t="s">
        <v>1</v>
      </c>
      <c r="C11914" s="14" t="s">
        <v>59</v>
      </c>
      <c r="D11914" s="14" t="s">
        <v>92</v>
      </c>
      <c r="E11914" s="15">
        <v>45610</v>
      </c>
      <c r="F11914" s="14" t="s">
        <v>28</v>
      </c>
      <c r="G11914" s="16">
        <v>0</v>
      </c>
    </row>
    <row r="11915" spans="1:7" x14ac:dyDescent="0.3">
      <c r="A11915" s="13" t="s">
        <v>91</v>
      </c>
      <c r="B11915" s="14" t="s">
        <v>1</v>
      </c>
      <c r="C11915" s="14" t="s">
        <v>59</v>
      </c>
      <c r="D11915" s="14" t="s">
        <v>92</v>
      </c>
      <c r="E11915" s="15">
        <v>45611</v>
      </c>
      <c r="F11915" s="14" t="s">
        <v>28</v>
      </c>
      <c r="G11915" s="16">
        <v>0</v>
      </c>
    </row>
    <row r="11916" spans="1:7" x14ac:dyDescent="0.3">
      <c r="A11916" s="13" t="s">
        <v>91</v>
      </c>
      <c r="B11916" s="14" t="s">
        <v>1</v>
      </c>
      <c r="C11916" s="14" t="s">
        <v>59</v>
      </c>
      <c r="D11916" s="14" t="s">
        <v>92</v>
      </c>
      <c r="E11916" s="15">
        <v>45612</v>
      </c>
      <c r="F11916" s="14" t="s">
        <v>28</v>
      </c>
      <c r="G11916" s="16">
        <v>0</v>
      </c>
    </row>
    <row r="11917" spans="1:7" x14ac:dyDescent="0.3">
      <c r="A11917" s="13" t="s">
        <v>91</v>
      </c>
      <c r="B11917" s="14" t="s">
        <v>1</v>
      </c>
      <c r="C11917" s="14" t="s">
        <v>59</v>
      </c>
      <c r="D11917" s="14" t="s">
        <v>92</v>
      </c>
      <c r="E11917" s="15">
        <v>45613</v>
      </c>
      <c r="F11917" s="14" t="s">
        <v>28</v>
      </c>
      <c r="G11917" s="16">
        <v>0</v>
      </c>
    </row>
    <row r="11918" spans="1:7" x14ac:dyDescent="0.3">
      <c r="A11918" s="13" t="s">
        <v>91</v>
      </c>
      <c r="B11918" s="14" t="s">
        <v>1</v>
      </c>
      <c r="C11918" s="14" t="s">
        <v>59</v>
      </c>
      <c r="D11918" s="14" t="s">
        <v>92</v>
      </c>
      <c r="E11918" s="15">
        <v>45614</v>
      </c>
      <c r="F11918" s="14" t="s">
        <v>28</v>
      </c>
      <c r="G11918" s="16">
        <v>0</v>
      </c>
    </row>
    <row r="11919" spans="1:7" x14ac:dyDescent="0.3">
      <c r="A11919" s="13" t="s">
        <v>91</v>
      </c>
      <c r="B11919" s="14" t="s">
        <v>1</v>
      </c>
      <c r="C11919" s="14" t="s">
        <v>59</v>
      </c>
      <c r="D11919" s="14" t="s">
        <v>92</v>
      </c>
      <c r="E11919" s="15">
        <v>45615</v>
      </c>
      <c r="F11919" s="14" t="s">
        <v>28</v>
      </c>
      <c r="G11919" s="16">
        <v>0</v>
      </c>
    </row>
    <row r="11920" spans="1:7" x14ac:dyDescent="0.3">
      <c r="A11920" s="13" t="s">
        <v>91</v>
      </c>
      <c r="B11920" s="14" t="s">
        <v>1</v>
      </c>
      <c r="C11920" s="14" t="s">
        <v>59</v>
      </c>
      <c r="D11920" s="14" t="s">
        <v>92</v>
      </c>
      <c r="E11920" s="15">
        <v>45616</v>
      </c>
      <c r="F11920" s="14" t="s">
        <v>28</v>
      </c>
      <c r="G11920" s="16">
        <v>0</v>
      </c>
    </row>
    <row r="11921" spans="1:7" x14ac:dyDescent="0.3">
      <c r="A11921" s="13" t="s">
        <v>91</v>
      </c>
      <c r="B11921" s="14" t="s">
        <v>1</v>
      </c>
      <c r="C11921" s="14" t="s">
        <v>59</v>
      </c>
      <c r="D11921" s="14" t="s">
        <v>92</v>
      </c>
      <c r="E11921" s="15">
        <v>45617</v>
      </c>
      <c r="F11921" s="14" t="s">
        <v>28</v>
      </c>
      <c r="G11921" s="16">
        <v>0</v>
      </c>
    </row>
    <row r="11922" spans="1:7" x14ac:dyDescent="0.3">
      <c r="A11922" s="13" t="s">
        <v>91</v>
      </c>
      <c r="B11922" s="14" t="s">
        <v>1</v>
      </c>
      <c r="C11922" s="14" t="s">
        <v>59</v>
      </c>
      <c r="D11922" s="14" t="s">
        <v>92</v>
      </c>
      <c r="E11922" s="15">
        <v>45618</v>
      </c>
      <c r="F11922" s="14" t="s">
        <v>28</v>
      </c>
      <c r="G11922" s="16">
        <v>0</v>
      </c>
    </row>
    <row r="11923" spans="1:7" x14ac:dyDescent="0.3">
      <c r="A11923" s="13" t="s">
        <v>91</v>
      </c>
      <c r="B11923" s="14" t="s">
        <v>1</v>
      </c>
      <c r="C11923" s="14" t="s">
        <v>59</v>
      </c>
      <c r="D11923" s="14" t="s">
        <v>92</v>
      </c>
      <c r="E11923" s="15">
        <v>45619</v>
      </c>
      <c r="F11923" s="14" t="s">
        <v>28</v>
      </c>
      <c r="G11923" s="16">
        <v>0</v>
      </c>
    </row>
    <row r="11924" spans="1:7" x14ac:dyDescent="0.3">
      <c r="A11924" s="13" t="s">
        <v>91</v>
      </c>
      <c r="B11924" s="14" t="s">
        <v>1</v>
      </c>
      <c r="C11924" s="14" t="s">
        <v>59</v>
      </c>
      <c r="D11924" s="14" t="s">
        <v>92</v>
      </c>
      <c r="E11924" s="15">
        <v>45620</v>
      </c>
      <c r="F11924" s="14" t="s">
        <v>28</v>
      </c>
      <c r="G11924" s="16">
        <v>0</v>
      </c>
    </row>
    <row r="11925" spans="1:7" x14ac:dyDescent="0.3">
      <c r="A11925" s="13" t="s">
        <v>91</v>
      </c>
      <c r="B11925" s="14" t="s">
        <v>1</v>
      </c>
      <c r="C11925" s="14" t="s">
        <v>59</v>
      </c>
      <c r="D11925" s="14" t="s">
        <v>92</v>
      </c>
      <c r="E11925" s="15">
        <v>45621</v>
      </c>
      <c r="F11925" s="14" t="s">
        <v>28</v>
      </c>
      <c r="G11925" s="16">
        <v>0</v>
      </c>
    </row>
    <row r="11926" spans="1:7" x14ac:dyDescent="0.3">
      <c r="A11926" s="13" t="s">
        <v>91</v>
      </c>
      <c r="B11926" s="14" t="s">
        <v>1</v>
      </c>
      <c r="C11926" s="14" t="s">
        <v>59</v>
      </c>
      <c r="D11926" s="14" t="s">
        <v>92</v>
      </c>
      <c r="E11926" s="15">
        <v>45622</v>
      </c>
      <c r="F11926" s="14" t="s">
        <v>28</v>
      </c>
      <c r="G11926" s="16">
        <v>0</v>
      </c>
    </row>
    <row r="11927" spans="1:7" x14ac:dyDescent="0.3">
      <c r="A11927" s="13" t="s">
        <v>91</v>
      </c>
      <c r="B11927" s="14" t="s">
        <v>1</v>
      </c>
      <c r="C11927" s="14" t="s">
        <v>59</v>
      </c>
      <c r="D11927" s="14" t="s">
        <v>92</v>
      </c>
      <c r="E11927" s="15">
        <v>45623</v>
      </c>
      <c r="F11927" s="14" t="s">
        <v>28</v>
      </c>
      <c r="G11927" s="16">
        <v>0</v>
      </c>
    </row>
    <row r="11928" spans="1:7" x14ac:dyDescent="0.3">
      <c r="A11928" s="13" t="s">
        <v>91</v>
      </c>
      <c r="B11928" s="14" t="s">
        <v>1</v>
      </c>
      <c r="C11928" s="14" t="s">
        <v>59</v>
      </c>
      <c r="D11928" s="14" t="s">
        <v>92</v>
      </c>
      <c r="E11928" s="15">
        <v>45624</v>
      </c>
      <c r="F11928" s="14" t="s">
        <v>28</v>
      </c>
      <c r="G11928" s="16">
        <v>0</v>
      </c>
    </row>
    <row r="11929" spans="1:7" x14ac:dyDescent="0.3">
      <c r="A11929" s="13" t="s">
        <v>91</v>
      </c>
      <c r="B11929" s="14" t="s">
        <v>1</v>
      </c>
      <c r="C11929" s="14" t="s">
        <v>59</v>
      </c>
      <c r="D11929" s="14" t="s">
        <v>92</v>
      </c>
      <c r="E11929" s="15">
        <v>45625</v>
      </c>
      <c r="F11929" s="14" t="s">
        <v>28</v>
      </c>
      <c r="G11929" s="16">
        <v>0</v>
      </c>
    </row>
    <row r="11930" spans="1:7" x14ac:dyDescent="0.3">
      <c r="A11930" s="13" t="s">
        <v>91</v>
      </c>
      <c r="B11930" s="14" t="s">
        <v>1</v>
      </c>
      <c r="C11930" s="14" t="s">
        <v>59</v>
      </c>
      <c r="D11930" s="14" t="s">
        <v>92</v>
      </c>
      <c r="E11930" s="15">
        <v>45626</v>
      </c>
      <c r="F11930" s="14" t="s">
        <v>28</v>
      </c>
      <c r="G11930" s="16">
        <v>0</v>
      </c>
    </row>
    <row r="11931" spans="1:7" x14ac:dyDescent="0.3">
      <c r="A11931" s="13" t="s">
        <v>91</v>
      </c>
      <c r="B11931" s="14" t="s">
        <v>1</v>
      </c>
      <c r="C11931" s="14" t="s">
        <v>59</v>
      </c>
      <c r="D11931" s="14" t="s">
        <v>92</v>
      </c>
      <c r="E11931" s="15">
        <v>45627</v>
      </c>
      <c r="F11931" s="14" t="s">
        <v>28</v>
      </c>
      <c r="G11931" s="16">
        <v>0</v>
      </c>
    </row>
    <row r="11932" spans="1:7" x14ac:dyDescent="0.3">
      <c r="A11932" s="13" t="s">
        <v>91</v>
      </c>
      <c r="B11932" s="14" t="s">
        <v>1</v>
      </c>
      <c r="C11932" s="14" t="s">
        <v>59</v>
      </c>
      <c r="D11932" s="14" t="s">
        <v>92</v>
      </c>
      <c r="E11932" s="15">
        <v>45628</v>
      </c>
      <c r="F11932" s="14" t="s">
        <v>28</v>
      </c>
      <c r="G11932" s="16">
        <v>0</v>
      </c>
    </row>
    <row r="11933" spans="1:7" x14ac:dyDescent="0.3">
      <c r="A11933" s="13" t="s">
        <v>91</v>
      </c>
      <c r="B11933" s="14" t="s">
        <v>1</v>
      </c>
      <c r="C11933" s="14" t="s">
        <v>59</v>
      </c>
      <c r="D11933" s="14" t="s">
        <v>92</v>
      </c>
      <c r="E11933" s="15">
        <v>45629</v>
      </c>
      <c r="F11933" s="14" t="s">
        <v>28</v>
      </c>
      <c r="G11933" s="16">
        <v>0</v>
      </c>
    </row>
    <row r="11934" spans="1:7" x14ac:dyDescent="0.3">
      <c r="A11934" s="13" t="s">
        <v>91</v>
      </c>
      <c r="B11934" s="14" t="s">
        <v>1</v>
      </c>
      <c r="C11934" s="14" t="s">
        <v>59</v>
      </c>
      <c r="D11934" s="14" t="s">
        <v>92</v>
      </c>
      <c r="E11934" s="15">
        <v>45630</v>
      </c>
      <c r="F11934" s="14" t="s">
        <v>28</v>
      </c>
      <c r="G11934" s="16">
        <v>0</v>
      </c>
    </row>
    <row r="11935" spans="1:7" x14ac:dyDescent="0.3">
      <c r="A11935" s="13" t="s">
        <v>91</v>
      </c>
      <c r="B11935" s="14" t="s">
        <v>1</v>
      </c>
      <c r="C11935" s="14" t="s">
        <v>59</v>
      </c>
      <c r="D11935" s="14" t="s">
        <v>92</v>
      </c>
      <c r="E11935" s="15">
        <v>45631</v>
      </c>
      <c r="F11935" s="14" t="s">
        <v>28</v>
      </c>
      <c r="G11935" s="16">
        <v>0</v>
      </c>
    </row>
    <row r="11936" spans="1:7" x14ac:dyDescent="0.3">
      <c r="A11936" s="13" t="s">
        <v>91</v>
      </c>
      <c r="B11936" s="14" t="s">
        <v>1</v>
      </c>
      <c r="C11936" s="14" t="s">
        <v>59</v>
      </c>
      <c r="D11936" s="14" t="s">
        <v>92</v>
      </c>
      <c r="E11936" s="15">
        <v>45632</v>
      </c>
      <c r="F11936" s="14" t="s">
        <v>28</v>
      </c>
      <c r="G11936" s="16">
        <v>0</v>
      </c>
    </row>
    <row r="11937" spans="1:7" x14ac:dyDescent="0.3">
      <c r="A11937" s="13" t="s">
        <v>91</v>
      </c>
      <c r="B11937" s="14" t="s">
        <v>1</v>
      </c>
      <c r="C11937" s="14" t="s">
        <v>59</v>
      </c>
      <c r="D11937" s="14" t="s">
        <v>92</v>
      </c>
      <c r="E11937" s="15">
        <v>45633</v>
      </c>
      <c r="F11937" s="14" t="s">
        <v>28</v>
      </c>
      <c r="G11937" s="16">
        <v>0</v>
      </c>
    </row>
    <row r="11938" spans="1:7" x14ac:dyDescent="0.3">
      <c r="A11938" s="13" t="s">
        <v>91</v>
      </c>
      <c r="B11938" s="14" t="s">
        <v>1</v>
      </c>
      <c r="C11938" s="14" t="s">
        <v>59</v>
      </c>
      <c r="D11938" s="14" t="s">
        <v>92</v>
      </c>
      <c r="E11938" s="15">
        <v>45634</v>
      </c>
      <c r="F11938" s="14" t="s">
        <v>28</v>
      </c>
      <c r="G11938" s="16">
        <v>0</v>
      </c>
    </row>
    <row r="11939" spans="1:7" x14ac:dyDescent="0.3">
      <c r="A11939" s="13" t="s">
        <v>91</v>
      </c>
      <c r="B11939" s="14" t="s">
        <v>1</v>
      </c>
      <c r="C11939" s="14" t="s">
        <v>59</v>
      </c>
      <c r="D11939" s="14" t="s">
        <v>92</v>
      </c>
      <c r="E11939" s="15">
        <v>45635</v>
      </c>
      <c r="F11939" s="14" t="s">
        <v>28</v>
      </c>
      <c r="G11939" s="16">
        <v>0</v>
      </c>
    </row>
    <row r="11940" spans="1:7" x14ac:dyDescent="0.3">
      <c r="A11940" s="13" t="s">
        <v>91</v>
      </c>
      <c r="B11940" s="14" t="s">
        <v>1</v>
      </c>
      <c r="C11940" s="14" t="s">
        <v>59</v>
      </c>
      <c r="D11940" s="14" t="s">
        <v>92</v>
      </c>
      <c r="E11940" s="15">
        <v>45636</v>
      </c>
      <c r="F11940" s="14" t="s">
        <v>28</v>
      </c>
      <c r="G11940" s="16">
        <v>0</v>
      </c>
    </row>
    <row r="11941" spans="1:7" x14ac:dyDescent="0.3">
      <c r="A11941" s="13" t="s">
        <v>91</v>
      </c>
      <c r="B11941" s="14" t="s">
        <v>1</v>
      </c>
      <c r="C11941" s="14" t="s">
        <v>59</v>
      </c>
      <c r="D11941" s="14" t="s">
        <v>92</v>
      </c>
      <c r="E11941" s="15">
        <v>45637</v>
      </c>
      <c r="F11941" s="14" t="s">
        <v>28</v>
      </c>
      <c r="G11941" s="16">
        <v>0</v>
      </c>
    </row>
    <row r="11942" spans="1:7" x14ac:dyDescent="0.3">
      <c r="A11942" s="13" t="s">
        <v>91</v>
      </c>
      <c r="B11942" s="14" t="s">
        <v>1</v>
      </c>
      <c r="C11942" s="14" t="s">
        <v>59</v>
      </c>
      <c r="D11942" s="14" t="s">
        <v>92</v>
      </c>
      <c r="E11942" s="15">
        <v>45638</v>
      </c>
      <c r="F11942" s="14" t="s">
        <v>28</v>
      </c>
      <c r="G11942" s="16">
        <v>0</v>
      </c>
    </row>
    <row r="11943" spans="1:7" x14ac:dyDescent="0.3">
      <c r="A11943" s="13" t="s">
        <v>91</v>
      </c>
      <c r="B11943" s="14" t="s">
        <v>1</v>
      </c>
      <c r="C11943" s="14" t="s">
        <v>59</v>
      </c>
      <c r="D11943" s="14" t="s">
        <v>92</v>
      </c>
      <c r="E11943" s="15">
        <v>45639</v>
      </c>
      <c r="F11943" s="14" t="s">
        <v>28</v>
      </c>
      <c r="G11943" s="16">
        <v>0</v>
      </c>
    </row>
    <row r="11944" spans="1:7" x14ac:dyDescent="0.3">
      <c r="A11944" s="13" t="s">
        <v>91</v>
      </c>
      <c r="B11944" s="14" t="s">
        <v>1</v>
      </c>
      <c r="C11944" s="14" t="s">
        <v>59</v>
      </c>
      <c r="D11944" s="14" t="s">
        <v>92</v>
      </c>
      <c r="E11944" s="15">
        <v>45640</v>
      </c>
      <c r="F11944" s="14" t="s">
        <v>28</v>
      </c>
      <c r="G11944" s="16">
        <v>0</v>
      </c>
    </row>
    <row r="11945" spans="1:7" x14ac:dyDescent="0.3">
      <c r="A11945" s="13" t="s">
        <v>91</v>
      </c>
      <c r="B11945" s="14" t="s">
        <v>1</v>
      </c>
      <c r="C11945" s="14" t="s">
        <v>59</v>
      </c>
      <c r="D11945" s="14" t="s">
        <v>92</v>
      </c>
      <c r="E11945" s="15">
        <v>45641</v>
      </c>
      <c r="F11945" s="14" t="s">
        <v>28</v>
      </c>
      <c r="G11945" s="16">
        <v>0</v>
      </c>
    </row>
    <row r="11946" spans="1:7" x14ac:dyDescent="0.3">
      <c r="A11946" s="13" t="s">
        <v>91</v>
      </c>
      <c r="B11946" s="14" t="s">
        <v>1</v>
      </c>
      <c r="C11946" s="14" t="s">
        <v>59</v>
      </c>
      <c r="D11946" s="14" t="s">
        <v>92</v>
      </c>
      <c r="E11946" s="15">
        <v>45642</v>
      </c>
      <c r="F11946" s="14" t="s">
        <v>28</v>
      </c>
      <c r="G11946" s="16">
        <v>0</v>
      </c>
    </row>
    <row r="11947" spans="1:7" x14ac:dyDescent="0.3">
      <c r="A11947" s="13" t="s">
        <v>91</v>
      </c>
      <c r="B11947" s="14" t="s">
        <v>1</v>
      </c>
      <c r="C11947" s="14" t="s">
        <v>59</v>
      </c>
      <c r="D11947" s="14" t="s">
        <v>92</v>
      </c>
      <c r="E11947" s="15">
        <v>45643</v>
      </c>
      <c r="F11947" s="14" t="s">
        <v>28</v>
      </c>
      <c r="G11947" s="16">
        <v>0</v>
      </c>
    </row>
    <row r="11948" spans="1:7" x14ac:dyDescent="0.3">
      <c r="A11948" s="13" t="s">
        <v>91</v>
      </c>
      <c r="B11948" s="14" t="s">
        <v>1</v>
      </c>
      <c r="C11948" s="14" t="s">
        <v>59</v>
      </c>
      <c r="D11948" s="14" t="s">
        <v>92</v>
      </c>
      <c r="E11948" s="15">
        <v>45644</v>
      </c>
      <c r="F11948" s="14" t="s">
        <v>28</v>
      </c>
      <c r="G11948" s="16">
        <v>0</v>
      </c>
    </row>
    <row r="11949" spans="1:7" x14ac:dyDescent="0.3">
      <c r="A11949" s="13" t="s">
        <v>91</v>
      </c>
      <c r="B11949" s="14" t="s">
        <v>1</v>
      </c>
      <c r="C11949" s="14" t="s">
        <v>59</v>
      </c>
      <c r="D11949" s="14" t="s">
        <v>92</v>
      </c>
      <c r="E11949" s="15">
        <v>45645</v>
      </c>
      <c r="F11949" s="14" t="s">
        <v>28</v>
      </c>
      <c r="G11949" s="16">
        <v>0</v>
      </c>
    </row>
    <row r="11950" spans="1:7" x14ac:dyDescent="0.3">
      <c r="A11950" s="13" t="s">
        <v>91</v>
      </c>
      <c r="B11950" s="14" t="s">
        <v>1</v>
      </c>
      <c r="C11950" s="14" t="s">
        <v>59</v>
      </c>
      <c r="D11950" s="14" t="s">
        <v>92</v>
      </c>
      <c r="E11950" s="15">
        <v>45646</v>
      </c>
      <c r="F11950" s="14" t="s">
        <v>28</v>
      </c>
      <c r="G11950" s="16">
        <v>0</v>
      </c>
    </row>
    <row r="11951" spans="1:7" x14ac:dyDescent="0.3">
      <c r="A11951" s="13" t="s">
        <v>91</v>
      </c>
      <c r="B11951" s="14" t="s">
        <v>1</v>
      </c>
      <c r="C11951" s="14" t="s">
        <v>59</v>
      </c>
      <c r="D11951" s="14" t="s">
        <v>92</v>
      </c>
      <c r="E11951" s="15">
        <v>45647</v>
      </c>
      <c r="F11951" s="14" t="s">
        <v>28</v>
      </c>
      <c r="G11951" s="16">
        <v>0</v>
      </c>
    </row>
    <row r="11952" spans="1:7" x14ac:dyDescent="0.3">
      <c r="A11952" s="13" t="s">
        <v>91</v>
      </c>
      <c r="B11952" s="14" t="s">
        <v>1</v>
      </c>
      <c r="C11952" s="14" t="s">
        <v>59</v>
      </c>
      <c r="D11952" s="14" t="s">
        <v>92</v>
      </c>
      <c r="E11952" s="15">
        <v>45648</v>
      </c>
      <c r="F11952" s="14" t="s">
        <v>28</v>
      </c>
      <c r="G11952" s="16">
        <v>0</v>
      </c>
    </row>
    <row r="11953" spans="1:7" x14ac:dyDescent="0.3">
      <c r="A11953" s="13" t="s">
        <v>91</v>
      </c>
      <c r="B11953" s="14" t="s">
        <v>1</v>
      </c>
      <c r="C11953" s="14" t="s">
        <v>59</v>
      </c>
      <c r="D11953" s="14" t="s">
        <v>92</v>
      </c>
      <c r="E11953" s="15">
        <v>45649</v>
      </c>
      <c r="F11953" s="14" t="s">
        <v>28</v>
      </c>
      <c r="G11953" s="16">
        <v>0</v>
      </c>
    </row>
    <row r="11954" spans="1:7" x14ac:dyDescent="0.3">
      <c r="A11954" s="13" t="s">
        <v>91</v>
      </c>
      <c r="B11954" s="14" t="s">
        <v>1</v>
      </c>
      <c r="C11954" s="14" t="s">
        <v>59</v>
      </c>
      <c r="D11954" s="14" t="s">
        <v>92</v>
      </c>
      <c r="E11954" s="15">
        <v>45650</v>
      </c>
      <c r="F11954" s="14" t="s">
        <v>28</v>
      </c>
      <c r="G11954" s="16">
        <v>0</v>
      </c>
    </row>
    <row r="11955" spans="1:7" x14ac:dyDescent="0.3">
      <c r="A11955" s="13" t="s">
        <v>91</v>
      </c>
      <c r="B11955" s="14" t="s">
        <v>1</v>
      </c>
      <c r="C11955" s="14" t="s">
        <v>59</v>
      </c>
      <c r="D11955" s="14" t="s">
        <v>92</v>
      </c>
      <c r="E11955" s="15">
        <v>45651</v>
      </c>
      <c r="F11955" s="14" t="s">
        <v>28</v>
      </c>
      <c r="G11955" s="16">
        <v>0</v>
      </c>
    </row>
    <row r="11956" spans="1:7" x14ac:dyDescent="0.3">
      <c r="A11956" s="13" t="s">
        <v>91</v>
      </c>
      <c r="B11956" s="14" t="s">
        <v>1</v>
      </c>
      <c r="C11956" s="14" t="s">
        <v>59</v>
      </c>
      <c r="D11956" s="14" t="s">
        <v>92</v>
      </c>
      <c r="E11956" s="15">
        <v>45652</v>
      </c>
      <c r="F11956" s="14" t="s">
        <v>28</v>
      </c>
      <c r="G11956" s="16">
        <v>0</v>
      </c>
    </row>
    <row r="11957" spans="1:7" x14ac:dyDescent="0.3">
      <c r="A11957" s="13" t="s">
        <v>91</v>
      </c>
      <c r="B11957" s="14" t="s">
        <v>1</v>
      </c>
      <c r="C11957" s="14" t="s">
        <v>59</v>
      </c>
      <c r="D11957" s="14" t="s">
        <v>92</v>
      </c>
      <c r="E11957" s="15">
        <v>45653</v>
      </c>
      <c r="F11957" s="14" t="s">
        <v>28</v>
      </c>
      <c r="G11957" s="16">
        <v>0</v>
      </c>
    </row>
    <row r="11958" spans="1:7" x14ac:dyDescent="0.3">
      <c r="A11958" s="13" t="s">
        <v>91</v>
      </c>
      <c r="B11958" s="14" t="s">
        <v>1</v>
      </c>
      <c r="C11958" s="14" t="s">
        <v>59</v>
      </c>
      <c r="D11958" s="14" t="s">
        <v>92</v>
      </c>
      <c r="E11958" s="15">
        <v>45654</v>
      </c>
      <c r="F11958" s="14" t="s">
        <v>28</v>
      </c>
      <c r="G11958" s="16">
        <v>0</v>
      </c>
    </row>
    <row r="11959" spans="1:7" x14ac:dyDescent="0.3">
      <c r="A11959" s="13" t="s">
        <v>91</v>
      </c>
      <c r="B11959" s="14" t="s">
        <v>1</v>
      </c>
      <c r="C11959" s="14" t="s">
        <v>59</v>
      </c>
      <c r="D11959" s="14" t="s">
        <v>92</v>
      </c>
      <c r="E11959" s="15">
        <v>45655</v>
      </c>
      <c r="F11959" s="14" t="s">
        <v>28</v>
      </c>
      <c r="G11959" s="16">
        <v>0</v>
      </c>
    </row>
    <row r="11960" spans="1:7" x14ac:dyDescent="0.3">
      <c r="A11960" s="13" t="s">
        <v>91</v>
      </c>
      <c r="B11960" s="14" t="s">
        <v>1</v>
      </c>
      <c r="C11960" s="14" t="s">
        <v>59</v>
      </c>
      <c r="D11960" s="14" t="s">
        <v>92</v>
      </c>
      <c r="E11960" s="15">
        <v>45656</v>
      </c>
      <c r="F11960" s="14" t="s">
        <v>28</v>
      </c>
      <c r="G11960" s="16">
        <v>0</v>
      </c>
    </row>
    <row r="11961" spans="1:7" x14ac:dyDescent="0.3">
      <c r="A11961" s="13" t="s">
        <v>91</v>
      </c>
      <c r="B11961" s="14" t="s">
        <v>1</v>
      </c>
      <c r="C11961" s="14" t="s">
        <v>59</v>
      </c>
      <c r="D11961" s="14" t="s">
        <v>92</v>
      </c>
      <c r="E11961" s="15">
        <v>45657</v>
      </c>
      <c r="F11961" s="14" t="s">
        <v>28</v>
      </c>
      <c r="G11961" s="16">
        <v>0</v>
      </c>
    </row>
    <row r="11962" spans="1:7" x14ac:dyDescent="0.3">
      <c r="A11962" s="13" t="s">
        <v>91</v>
      </c>
      <c r="B11962" s="14" t="s">
        <v>1</v>
      </c>
      <c r="C11962" s="14" t="s">
        <v>59</v>
      </c>
      <c r="D11962" s="14" t="s">
        <v>92</v>
      </c>
      <c r="E11962" s="15">
        <v>45658</v>
      </c>
      <c r="F11962" s="14" t="s">
        <v>28</v>
      </c>
      <c r="G11962" s="16">
        <v>0</v>
      </c>
    </row>
    <row r="11963" spans="1:7" x14ac:dyDescent="0.3">
      <c r="A11963" s="13" t="s">
        <v>91</v>
      </c>
      <c r="B11963" s="14" t="s">
        <v>1</v>
      </c>
      <c r="C11963" s="14" t="s">
        <v>59</v>
      </c>
      <c r="D11963" s="14" t="s">
        <v>92</v>
      </c>
      <c r="E11963" s="15">
        <v>45659</v>
      </c>
      <c r="F11963" s="14" t="s">
        <v>28</v>
      </c>
      <c r="G11963" s="16">
        <v>0</v>
      </c>
    </row>
    <row r="11964" spans="1:7" x14ac:dyDescent="0.3">
      <c r="A11964" s="13" t="s">
        <v>91</v>
      </c>
      <c r="B11964" s="14" t="s">
        <v>1</v>
      </c>
      <c r="C11964" s="14" t="s">
        <v>59</v>
      </c>
      <c r="D11964" s="14" t="s">
        <v>92</v>
      </c>
      <c r="E11964" s="15">
        <v>45660</v>
      </c>
      <c r="F11964" s="14" t="s">
        <v>28</v>
      </c>
      <c r="G11964" s="16">
        <v>0</v>
      </c>
    </row>
    <row r="11965" spans="1:7" x14ac:dyDescent="0.3">
      <c r="A11965" s="13" t="s">
        <v>91</v>
      </c>
      <c r="B11965" s="14" t="s">
        <v>1</v>
      </c>
      <c r="C11965" s="14" t="s">
        <v>59</v>
      </c>
      <c r="D11965" s="14" t="s">
        <v>92</v>
      </c>
      <c r="E11965" s="15">
        <v>45661</v>
      </c>
      <c r="F11965" s="14" t="s">
        <v>28</v>
      </c>
      <c r="G11965" s="16">
        <v>0</v>
      </c>
    </row>
    <row r="11966" spans="1:7" x14ac:dyDescent="0.3">
      <c r="A11966" s="13" t="s">
        <v>91</v>
      </c>
      <c r="B11966" s="14" t="s">
        <v>1</v>
      </c>
      <c r="C11966" s="14" t="s">
        <v>59</v>
      </c>
      <c r="D11966" s="14" t="s">
        <v>92</v>
      </c>
      <c r="E11966" s="15">
        <v>45662</v>
      </c>
      <c r="F11966" s="14" t="s">
        <v>28</v>
      </c>
      <c r="G11966" s="16">
        <v>0</v>
      </c>
    </row>
    <row r="11967" spans="1:7" x14ac:dyDescent="0.3">
      <c r="A11967" s="13" t="s">
        <v>91</v>
      </c>
      <c r="B11967" s="14" t="s">
        <v>1</v>
      </c>
      <c r="C11967" s="14" t="s">
        <v>59</v>
      </c>
      <c r="D11967" s="14" t="s">
        <v>92</v>
      </c>
      <c r="E11967" s="15">
        <v>45663</v>
      </c>
      <c r="F11967" s="14" t="s">
        <v>28</v>
      </c>
      <c r="G11967" s="16">
        <v>0</v>
      </c>
    </row>
    <row r="11968" spans="1:7" x14ac:dyDescent="0.3">
      <c r="A11968" s="13" t="s">
        <v>91</v>
      </c>
      <c r="B11968" s="14" t="s">
        <v>1</v>
      </c>
      <c r="C11968" s="14" t="s">
        <v>59</v>
      </c>
      <c r="D11968" s="14" t="s">
        <v>92</v>
      </c>
      <c r="E11968" s="15">
        <v>45664</v>
      </c>
      <c r="F11968" s="14" t="s">
        <v>28</v>
      </c>
      <c r="G11968" s="16">
        <v>0</v>
      </c>
    </row>
    <row r="11969" spans="1:7" x14ac:dyDescent="0.3">
      <c r="A11969" s="13" t="s">
        <v>91</v>
      </c>
      <c r="B11969" s="14" t="s">
        <v>1</v>
      </c>
      <c r="C11969" s="14" t="s">
        <v>59</v>
      </c>
      <c r="D11969" s="14" t="s">
        <v>92</v>
      </c>
      <c r="E11969" s="15">
        <v>45665</v>
      </c>
      <c r="F11969" s="14" t="s">
        <v>28</v>
      </c>
      <c r="G11969" s="16">
        <v>0</v>
      </c>
    </row>
    <row r="11970" spans="1:7" x14ac:dyDescent="0.3">
      <c r="A11970" s="13" t="s">
        <v>91</v>
      </c>
      <c r="B11970" s="14" t="s">
        <v>1</v>
      </c>
      <c r="C11970" s="14" t="s">
        <v>59</v>
      </c>
      <c r="D11970" s="14" t="s">
        <v>92</v>
      </c>
      <c r="E11970" s="15">
        <v>45666</v>
      </c>
      <c r="F11970" s="14" t="s">
        <v>28</v>
      </c>
      <c r="G11970" s="16">
        <v>0</v>
      </c>
    </row>
    <row r="11971" spans="1:7" x14ac:dyDescent="0.3">
      <c r="A11971" s="13" t="s">
        <v>91</v>
      </c>
      <c r="B11971" s="14" t="s">
        <v>1</v>
      </c>
      <c r="C11971" s="14" t="s">
        <v>59</v>
      </c>
      <c r="D11971" s="14" t="s">
        <v>92</v>
      </c>
      <c r="E11971" s="15">
        <v>45667</v>
      </c>
      <c r="F11971" s="14" t="s">
        <v>28</v>
      </c>
      <c r="G11971" s="16">
        <v>0</v>
      </c>
    </row>
    <row r="11972" spans="1:7" x14ac:dyDescent="0.3">
      <c r="A11972" s="13" t="s">
        <v>91</v>
      </c>
      <c r="B11972" s="14" t="s">
        <v>1</v>
      </c>
      <c r="C11972" s="14" t="s">
        <v>59</v>
      </c>
      <c r="D11972" s="14" t="s">
        <v>92</v>
      </c>
      <c r="E11972" s="15">
        <v>45668</v>
      </c>
      <c r="F11972" s="14" t="s">
        <v>28</v>
      </c>
      <c r="G11972" s="16">
        <v>0</v>
      </c>
    </row>
    <row r="11973" spans="1:7" x14ac:dyDescent="0.3">
      <c r="A11973" s="13" t="s">
        <v>91</v>
      </c>
      <c r="B11973" s="14" t="s">
        <v>1</v>
      </c>
      <c r="C11973" s="14" t="s">
        <v>59</v>
      </c>
      <c r="D11973" s="14" t="s">
        <v>92</v>
      </c>
      <c r="E11973" s="15">
        <v>45669</v>
      </c>
      <c r="F11973" s="14" t="s">
        <v>28</v>
      </c>
      <c r="G11973" s="16">
        <v>0</v>
      </c>
    </row>
    <row r="11974" spans="1:7" x14ac:dyDescent="0.3">
      <c r="A11974" s="13" t="s">
        <v>91</v>
      </c>
      <c r="B11974" s="14" t="s">
        <v>1</v>
      </c>
      <c r="C11974" s="14" t="s">
        <v>59</v>
      </c>
      <c r="D11974" s="14" t="s">
        <v>92</v>
      </c>
      <c r="E11974" s="15">
        <v>45670</v>
      </c>
      <c r="F11974" s="14" t="s">
        <v>28</v>
      </c>
      <c r="G11974" s="16">
        <v>0</v>
      </c>
    </row>
    <row r="11975" spans="1:7" x14ac:dyDescent="0.3">
      <c r="A11975" s="13" t="s">
        <v>91</v>
      </c>
      <c r="B11975" s="14" t="s">
        <v>1</v>
      </c>
      <c r="C11975" s="14" t="s">
        <v>59</v>
      </c>
      <c r="D11975" s="14" t="s">
        <v>92</v>
      </c>
      <c r="E11975" s="15">
        <v>45671</v>
      </c>
      <c r="F11975" s="14" t="s">
        <v>28</v>
      </c>
      <c r="G11975" s="16">
        <v>0</v>
      </c>
    </row>
    <row r="11976" spans="1:7" x14ac:dyDescent="0.3">
      <c r="A11976" s="13" t="s">
        <v>91</v>
      </c>
      <c r="B11976" s="14" t="s">
        <v>1</v>
      </c>
      <c r="C11976" s="14" t="s">
        <v>59</v>
      </c>
      <c r="D11976" s="14" t="s">
        <v>92</v>
      </c>
      <c r="E11976" s="15">
        <v>45672</v>
      </c>
      <c r="F11976" s="14" t="s">
        <v>28</v>
      </c>
      <c r="G11976" s="16">
        <v>0</v>
      </c>
    </row>
    <row r="11977" spans="1:7" x14ac:dyDescent="0.3">
      <c r="A11977" s="13" t="s">
        <v>91</v>
      </c>
      <c r="B11977" s="14" t="s">
        <v>1</v>
      </c>
      <c r="C11977" s="14" t="s">
        <v>59</v>
      </c>
      <c r="D11977" s="14" t="s">
        <v>92</v>
      </c>
      <c r="E11977" s="15">
        <v>45673</v>
      </c>
      <c r="F11977" s="14" t="s">
        <v>28</v>
      </c>
      <c r="G11977" s="16">
        <v>0</v>
      </c>
    </row>
    <row r="11978" spans="1:7" x14ac:dyDescent="0.3">
      <c r="A11978" s="13" t="s">
        <v>91</v>
      </c>
      <c r="B11978" s="14" t="s">
        <v>1</v>
      </c>
      <c r="C11978" s="14" t="s">
        <v>59</v>
      </c>
      <c r="D11978" s="14" t="s">
        <v>92</v>
      </c>
      <c r="E11978" s="15">
        <v>45674</v>
      </c>
      <c r="F11978" s="14" t="s">
        <v>28</v>
      </c>
      <c r="G11978" s="16">
        <v>0</v>
      </c>
    </row>
    <row r="11979" spans="1:7" x14ac:dyDescent="0.3">
      <c r="A11979" s="13" t="s">
        <v>91</v>
      </c>
      <c r="B11979" s="14" t="s">
        <v>1</v>
      </c>
      <c r="C11979" s="14" t="s">
        <v>59</v>
      </c>
      <c r="D11979" s="14" t="s">
        <v>92</v>
      </c>
      <c r="E11979" s="15">
        <v>45675</v>
      </c>
      <c r="F11979" s="14" t="s">
        <v>28</v>
      </c>
      <c r="G11979" s="16">
        <v>0</v>
      </c>
    </row>
    <row r="11980" spans="1:7" x14ac:dyDescent="0.3">
      <c r="A11980" s="13" t="s">
        <v>91</v>
      </c>
      <c r="B11980" s="14" t="s">
        <v>1</v>
      </c>
      <c r="C11980" s="14" t="s">
        <v>59</v>
      </c>
      <c r="D11980" s="14" t="s">
        <v>92</v>
      </c>
      <c r="E11980" s="15">
        <v>45676</v>
      </c>
      <c r="F11980" s="14" t="s">
        <v>28</v>
      </c>
      <c r="G11980" s="16">
        <v>0</v>
      </c>
    </row>
    <row r="11981" spans="1:7" x14ac:dyDescent="0.3">
      <c r="A11981" s="13" t="s">
        <v>91</v>
      </c>
      <c r="B11981" s="14" t="s">
        <v>1</v>
      </c>
      <c r="C11981" s="14" t="s">
        <v>59</v>
      </c>
      <c r="D11981" s="14" t="s">
        <v>92</v>
      </c>
      <c r="E11981" s="15">
        <v>45677</v>
      </c>
      <c r="F11981" s="14" t="s">
        <v>28</v>
      </c>
      <c r="G11981" s="16">
        <v>0</v>
      </c>
    </row>
    <row r="11982" spans="1:7" x14ac:dyDescent="0.3">
      <c r="A11982" s="13" t="s">
        <v>91</v>
      </c>
      <c r="B11982" s="14" t="s">
        <v>1</v>
      </c>
      <c r="C11982" s="14" t="s">
        <v>59</v>
      </c>
      <c r="D11982" s="14" t="s">
        <v>92</v>
      </c>
      <c r="E11982" s="15">
        <v>45678</v>
      </c>
      <c r="F11982" s="14" t="s">
        <v>28</v>
      </c>
      <c r="G11982" s="16">
        <v>0</v>
      </c>
    </row>
    <row r="11983" spans="1:7" x14ac:dyDescent="0.3">
      <c r="A11983" s="13" t="s">
        <v>91</v>
      </c>
      <c r="B11983" s="14" t="s">
        <v>1</v>
      </c>
      <c r="C11983" s="14" t="s">
        <v>59</v>
      </c>
      <c r="D11983" s="14" t="s">
        <v>92</v>
      </c>
      <c r="E11983" s="15">
        <v>45679</v>
      </c>
      <c r="F11983" s="14" t="s">
        <v>28</v>
      </c>
      <c r="G11983" s="16">
        <v>0</v>
      </c>
    </row>
    <row r="11984" spans="1:7" x14ac:dyDescent="0.3">
      <c r="A11984" s="13" t="s">
        <v>91</v>
      </c>
      <c r="B11984" s="14" t="s">
        <v>1</v>
      </c>
      <c r="C11984" s="14" t="s">
        <v>59</v>
      </c>
      <c r="D11984" s="14" t="s">
        <v>92</v>
      </c>
      <c r="E11984" s="15">
        <v>45680</v>
      </c>
      <c r="F11984" s="14" t="s">
        <v>28</v>
      </c>
      <c r="G11984" s="16">
        <v>0</v>
      </c>
    </row>
    <row r="11985" spans="1:7" x14ac:dyDescent="0.3">
      <c r="A11985" s="13" t="s">
        <v>91</v>
      </c>
      <c r="B11985" s="14" t="s">
        <v>1</v>
      </c>
      <c r="C11985" s="14" t="s">
        <v>59</v>
      </c>
      <c r="D11985" s="14" t="s">
        <v>92</v>
      </c>
      <c r="E11985" s="15">
        <v>45681</v>
      </c>
      <c r="F11985" s="14" t="s">
        <v>28</v>
      </c>
      <c r="G11985" s="16">
        <v>0</v>
      </c>
    </row>
    <row r="11986" spans="1:7" x14ac:dyDescent="0.3">
      <c r="A11986" s="13" t="s">
        <v>91</v>
      </c>
      <c r="B11986" s="14" t="s">
        <v>1</v>
      </c>
      <c r="C11986" s="14" t="s">
        <v>59</v>
      </c>
      <c r="D11986" s="14" t="s">
        <v>92</v>
      </c>
      <c r="E11986" s="15">
        <v>45682</v>
      </c>
      <c r="F11986" s="14" t="s">
        <v>28</v>
      </c>
      <c r="G11986" s="16">
        <v>0</v>
      </c>
    </row>
    <row r="11987" spans="1:7" x14ac:dyDescent="0.3">
      <c r="A11987" s="13" t="s">
        <v>91</v>
      </c>
      <c r="B11987" s="14" t="s">
        <v>1</v>
      </c>
      <c r="C11987" s="14" t="s">
        <v>59</v>
      </c>
      <c r="D11987" s="14" t="s">
        <v>92</v>
      </c>
      <c r="E11987" s="15">
        <v>45683</v>
      </c>
      <c r="F11987" s="14" t="s">
        <v>28</v>
      </c>
      <c r="G11987" s="16">
        <v>0</v>
      </c>
    </row>
    <row r="11988" spans="1:7" x14ac:dyDescent="0.3">
      <c r="A11988" s="13" t="s">
        <v>91</v>
      </c>
      <c r="B11988" s="14" t="s">
        <v>1</v>
      </c>
      <c r="C11988" s="14" t="s">
        <v>59</v>
      </c>
      <c r="D11988" s="14" t="s">
        <v>92</v>
      </c>
      <c r="E11988" s="15">
        <v>45684</v>
      </c>
      <c r="F11988" s="14" t="s">
        <v>28</v>
      </c>
      <c r="G11988" s="16">
        <v>0</v>
      </c>
    </row>
    <row r="11989" spans="1:7" x14ac:dyDescent="0.3">
      <c r="A11989" s="13" t="s">
        <v>91</v>
      </c>
      <c r="B11989" s="14" t="s">
        <v>1</v>
      </c>
      <c r="C11989" s="14" t="s">
        <v>59</v>
      </c>
      <c r="D11989" s="14" t="s">
        <v>92</v>
      </c>
      <c r="E11989" s="15">
        <v>45685</v>
      </c>
      <c r="F11989" s="14" t="s">
        <v>28</v>
      </c>
      <c r="G11989" s="16">
        <v>0</v>
      </c>
    </row>
    <row r="11990" spans="1:7" x14ac:dyDescent="0.3">
      <c r="A11990" s="13" t="s">
        <v>91</v>
      </c>
      <c r="B11990" s="14" t="s">
        <v>1</v>
      </c>
      <c r="C11990" s="14" t="s">
        <v>59</v>
      </c>
      <c r="D11990" s="14" t="s">
        <v>92</v>
      </c>
      <c r="E11990" s="15">
        <v>45686</v>
      </c>
      <c r="F11990" s="14" t="s">
        <v>28</v>
      </c>
      <c r="G11990" s="16">
        <v>0</v>
      </c>
    </row>
    <row r="11991" spans="1:7" x14ac:dyDescent="0.3">
      <c r="A11991" s="13" t="s">
        <v>91</v>
      </c>
      <c r="B11991" s="14" t="s">
        <v>1</v>
      </c>
      <c r="C11991" s="14" t="s">
        <v>59</v>
      </c>
      <c r="D11991" s="14" t="s">
        <v>92</v>
      </c>
      <c r="E11991" s="15">
        <v>45687</v>
      </c>
      <c r="F11991" s="14" t="s">
        <v>28</v>
      </c>
      <c r="G11991" s="16">
        <v>0</v>
      </c>
    </row>
    <row r="11992" spans="1:7" x14ac:dyDescent="0.3">
      <c r="A11992" s="13" t="s">
        <v>91</v>
      </c>
      <c r="B11992" s="14" t="s">
        <v>1</v>
      </c>
      <c r="C11992" s="14" t="s">
        <v>59</v>
      </c>
      <c r="D11992" s="14" t="s">
        <v>92</v>
      </c>
      <c r="E11992" s="15">
        <v>45688</v>
      </c>
      <c r="F11992" s="14" t="s">
        <v>28</v>
      </c>
      <c r="G11992" s="16">
        <v>0</v>
      </c>
    </row>
    <row r="11993" spans="1:7" x14ac:dyDescent="0.3">
      <c r="A11993" s="13" t="s">
        <v>91</v>
      </c>
      <c r="B11993" s="14" t="s">
        <v>1</v>
      </c>
      <c r="C11993" s="14" t="s">
        <v>59</v>
      </c>
      <c r="D11993" s="14" t="s">
        <v>92</v>
      </c>
      <c r="E11993" s="15">
        <v>45689</v>
      </c>
      <c r="F11993" s="14" t="s">
        <v>28</v>
      </c>
      <c r="G11993" s="16">
        <v>0</v>
      </c>
    </row>
    <row r="11994" spans="1:7" x14ac:dyDescent="0.3">
      <c r="A11994" s="13" t="s">
        <v>91</v>
      </c>
      <c r="B11994" s="14" t="s">
        <v>1</v>
      </c>
      <c r="C11994" s="14" t="s">
        <v>59</v>
      </c>
      <c r="D11994" s="14" t="s">
        <v>92</v>
      </c>
      <c r="E11994" s="15">
        <v>45690</v>
      </c>
      <c r="F11994" s="14" t="s">
        <v>28</v>
      </c>
      <c r="G11994" s="16">
        <v>0</v>
      </c>
    </row>
    <row r="11995" spans="1:7" x14ac:dyDescent="0.3">
      <c r="A11995" s="13" t="s">
        <v>91</v>
      </c>
      <c r="B11995" s="14" t="s">
        <v>1</v>
      </c>
      <c r="C11995" s="14" t="s">
        <v>59</v>
      </c>
      <c r="D11995" s="14" t="s">
        <v>92</v>
      </c>
      <c r="E11995" s="15">
        <v>45691</v>
      </c>
      <c r="F11995" s="14" t="s">
        <v>28</v>
      </c>
      <c r="G11995" s="16">
        <v>0</v>
      </c>
    </row>
    <row r="11996" spans="1:7" x14ac:dyDescent="0.3">
      <c r="A11996" s="13" t="s">
        <v>91</v>
      </c>
      <c r="B11996" s="14" t="s">
        <v>1</v>
      </c>
      <c r="C11996" s="14" t="s">
        <v>59</v>
      </c>
      <c r="D11996" s="14" t="s">
        <v>92</v>
      </c>
      <c r="E11996" s="15">
        <v>45692</v>
      </c>
      <c r="F11996" s="14" t="s">
        <v>28</v>
      </c>
      <c r="G11996" s="16">
        <v>0</v>
      </c>
    </row>
    <row r="11997" spans="1:7" x14ac:dyDescent="0.3">
      <c r="A11997" s="13" t="s">
        <v>91</v>
      </c>
      <c r="B11997" s="14" t="s">
        <v>1</v>
      </c>
      <c r="C11997" s="14" t="s">
        <v>59</v>
      </c>
      <c r="D11997" s="14" t="s">
        <v>92</v>
      </c>
      <c r="E11997" s="15">
        <v>45693</v>
      </c>
      <c r="F11997" s="14" t="s">
        <v>28</v>
      </c>
      <c r="G11997" s="16">
        <v>0</v>
      </c>
    </row>
    <row r="11998" spans="1:7" x14ac:dyDescent="0.3">
      <c r="A11998" s="13" t="s">
        <v>91</v>
      </c>
      <c r="B11998" s="14" t="s">
        <v>1</v>
      </c>
      <c r="C11998" s="14" t="s">
        <v>59</v>
      </c>
      <c r="D11998" s="14" t="s">
        <v>92</v>
      </c>
      <c r="E11998" s="15">
        <v>45694</v>
      </c>
      <c r="F11998" s="14" t="s">
        <v>28</v>
      </c>
      <c r="G11998" s="16">
        <v>0</v>
      </c>
    </row>
    <row r="11999" spans="1:7" x14ac:dyDescent="0.3">
      <c r="A11999" s="13" t="s">
        <v>91</v>
      </c>
      <c r="B11999" s="14" t="s">
        <v>1</v>
      </c>
      <c r="C11999" s="14" t="s">
        <v>59</v>
      </c>
      <c r="D11999" s="14" t="s">
        <v>92</v>
      </c>
      <c r="E11999" s="15">
        <v>45695</v>
      </c>
      <c r="F11999" s="14" t="s">
        <v>28</v>
      </c>
      <c r="G11999" s="16">
        <v>0</v>
      </c>
    </row>
    <row r="12000" spans="1:7" x14ac:dyDescent="0.3">
      <c r="A12000" s="13" t="s">
        <v>91</v>
      </c>
      <c r="B12000" s="14" t="s">
        <v>1</v>
      </c>
      <c r="C12000" s="14" t="s">
        <v>59</v>
      </c>
      <c r="D12000" s="14" t="s">
        <v>92</v>
      </c>
      <c r="E12000" s="15">
        <v>45696</v>
      </c>
      <c r="F12000" s="14" t="s">
        <v>28</v>
      </c>
      <c r="G12000" s="16">
        <v>0</v>
      </c>
    </row>
    <row r="12001" spans="1:7" x14ac:dyDescent="0.3">
      <c r="A12001" s="13" t="s">
        <v>91</v>
      </c>
      <c r="B12001" s="14" t="s">
        <v>1</v>
      </c>
      <c r="C12001" s="14" t="s">
        <v>59</v>
      </c>
      <c r="D12001" s="14" t="s">
        <v>92</v>
      </c>
      <c r="E12001" s="15">
        <v>45697</v>
      </c>
      <c r="F12001" s="14" t="s">
        <v>28</v>
      </c>
      <c r="G12001" s="16">
        <v>0</v>
      </c>
    </row>
    <row r="12002" spans="1:7" x14ac:dyDescent="0.3">
      <c r="A12002" s="13" t="s">
        <v>91</v>
      </c>
      <c r="B12002" s="14" t="s">
        <v>1</v>
      </c>
      <c r="C12002" s="14" t="s">
        <v>59</v>
      </c>
      <c r="D12002" s="14" t="s">
        <v>92</v>
      </c>
      <c r="E12002" s="15">
        <v>45698</v>
      </c>
      <c r="F12002" s="14" t="s">
        <v>28</v>
      </c>
      <c r="G12002" s="16">
        <v>0</v>
      </c>
    </row>
    <row r="12003" spans="1:7" x14ac:dyDescent="0.3">
      <c r="A12003" s="13" t="s">
        <v>91</v>
      </c>
      <c r="B12003" s="14" t="s">
        <v>1</v>
      </c>
      <c r="C12003" s="14" t="s">
        <v>59</v>
      </c>
      <c r="D12003" s="14" t="s">
        <v>92</v>
      </c>
      <c r="E12003" s="15">
        <v>45699</v>
      </c>
      <c r="F12003" s="14" t="s">
        <v>28</v>
      </c>
      <c r="G12003" s="16">
        <v>0</v>
      </c>
    </row>
    <row r="12004" spans="1:7" x14ac:dyDescent="0.3">
      <c r="A12004" s="13" t="s">
        <v>91</v>
      </c>
      <c r="B12004" s="14" t="s">
        <v>1</v>
      </c>
      <c r="C12004" s="14" t="s">
        <v>59</v>
      </c>
      <c r="D12004" s="14" t="s">
        <v>92</v>
      </c>
      <c r="E12004" s="15">
        <v>45700</v>
      </c>
      <c r="F12004" s="14" t="s">
        <v>28</v>
      </c>
      <c r="G12004" s="16">
        <v>0</v>
      </c>
    </row>
    <row r="12005" spans="1:7" x14ac:dyDescent="0.3">
      <c r="A12005" s="13" t="s">
        <v>91</v>
      </c>
      <c r="B12005" s="14" t="s">
        <v>1</v>
      </c>
      <c r="C12005" s="14" t="s">
        <v>59</v>
      </c>
      <c r="D12005" s="14" t="s">
        <v>92</v>
      </c>
      <c r="E12005" s="15">
        <v>45701</v>
      </c>
      <c r="F12005" s="14" t="s">
        <v>28</v>
      </c>
      <c r="G12005" s="16">
        <v>0</v>
      </c>
    </row>
    <row r="12006" spans="1:7" x14ac:dyDescent="0.3">
      <c r="A12006" s="13" t="s">
        <v>91</v>
      </c>
      <c r="B12006" s="14" t="s">
        <v>1</v>
      </c>
      <c r="C12006" s="14" t="s">
        <v>59</v>
      </c>
      <c r="D12006" s="14" t="s">
        <v>92</v>
      </c>
      <c r="E12006" s="15">
        <v>45702</v>
      </c>
      <c r="F12006" s="14" t="s">
        <v>28</v>
      </c>
      <c r="G12006" s="16">
        <v>0</v>
      </c>
    </row>
    <row r="12007" spans="1:7" x14ac:dyDescent="0.3">
      <c r="A12007" s="13" t="s">
        <v>91</v>
      </c>
      <c r="B12007" s="14" t="s">
        <v>1</v>
      </c>
      <c r="C12007" s="14" t="s">
        <v>59</v>
      </c>
      <c r="D12007" s="14" t="s">
        <v>92</v>
      </c>
      <c r="E12007" s="15">
        <v>45703</v>
      </c>
      <c r="F12007" s="14" t="s">
        <v>28</v>
      </c>
      <c r="G12007" s="16">
        <v>0</v>
      </c>
    </row>
    <row r="12008" spans="1:7" x14ac:dyDescent="0.3">
      <c r="A12008" s="13" t="s">
        <v>91</v>
      </c>
      <c r="B12008" s="14" t="s">
        <v>1</v>
      </c>
      <c r="C12008" s="14" t="s">
        <v>59</v>
      </c>
      <c r="D12008" s="14" t="s">
        <v>92</v>
      </c>
      <c r="E12008" s="15">
        <v>45704</v>
      </c>
      <c r="F12008" s="14" t="s">
        <v>28</v>
      </c>
      <c r="G12008" s="16">
        <v>0</v>
      </c>
    </row>
    <row r="12009" spans="1:7" x14ac:dyDescent="0.3">
      <c r="A12009" s="13" t="s">
        <v>91</v>
      </c>
      <c r="B12009" s="14" t="s">
        <v>1</v>
      </c>
      <c r="C12009" s="14" t="s">
        <v>59</v>
      </c>
      <c r="D12009" s="14" t="s">
        <v>92</v>
      </c>
      <c r="E12009" s="15">
        <v>45705</v>
      </c>
      <c r="F12009" s="14" t="s">
        <v>28</v>
      </c>
      <c r="G12009" s="16">
        <v>0</v>
      </c>
    </row>
    <row r="12010" spans="1:7" x14ac:dyDescent="0.3">
      <c r="A12010" s="13" t="s">
        <v>91</v>
      </c>
      <c r="B12010" s="14" t="s">
        <v>1</v>
      </c>
      <c r="C12010" s="14" t="s">
        <v>59</v>
      </c>
      <c r="D12010" s="14" t="s">
        <v>92</v>
      </c>
      <c r="E12010" s="15">
        <v>45706</v>
      </c>
      <c r="F12010" s="14" t="s">
        <v>28</v>
      </c>
      <c r="G12010" s="16">
        <v>0</v>
      </c>
    </row>
    <row r="12011" spans="1:7" x14ac:dyDescent="0.3">
      <c r="A12011" s="13" t="s">
        <v>91</v>
      </c>
      <c r="B12011" s="14" t="s">
        <v>1</v>
      </c>
      <c r="C12011" s="14" t="s">
        <v>59</v>
      </c>
      <c r="D12011" s="14" t="s">
        <v>92</v>
      </c>
      <c r="E12011" s="15">
        <v>45707</v>
      </c>
      <c r="F12011" s="14" t="s">
        <v>28</v>
      </c>
      <c r="G12011" s="16">
        <v>0</v>
      </c>
    </row>
    <row r="12012" spans="1:7" x14ac:dyDescent="0.3">
      <c r="A12012" s="13" t="s">
        <v>91</v>
      </c>
      <c r="B12012" s="14" t="s">
        <v>1</v>
      </c>
      <c r="C12012" s="14" t="s">
        <v>59</v>
      </c>
      <c r="D12012" s="14" t="s">
        <v>92</v>
      </c>
      <c r="E12012" s="15">
        <v>45708</v>
      </c>
      <c r="F12012" s="14" t="s">
        <v>28</v>
      </c>
      <c r="G12012" s="16">
        <v>0</v>
      </c>
    </row>
    <row r="12013" spans="1:7" x14ac:dyDescent="0.3">
      <c r="A12013" s="13" t="s">
        <v>91</v>
      </c>
      <c r="B12013" s="14" t="s">
        <v>1</v>
      </c>
      <c r="C12013" s="14" t="s">
        <v>59</v>
      </c>
      <c r="D12013" s="14" t="s">
        <v>92</v>
      </c>
      <c r="E12013" s="15">
        <v>45709</v>
      </c>
      <c r="F12013" s="14" t="s">
        <v>28</v>
      </c>
      <c r="G12013" s="16">
        <v>0</v>
      </c>
    </row>
    <row r="12014" spans="1:7" x14ac:dyDescent="0.3">
      <c r="A12014" s="13" t="s">
        <v>91</v>
      </c>
      <c r="B12014" s="14" t="s">
        <v>1</v>
      </c>
      <c r="C12014" s="14" t="s">
        <v>59</v>
      </c>
      <c r="D12014" s="14" t="s">
        <v>92</v>
      </c>
      <c r="E12014" s="15">
        <v>45710</v>
      </c>
      <c r="F12014" s="14" t="s">
        <v>28</v>
      </c>
      <c r="G12014" s="16">
        <v>0</v>
      </c>
    </row>
    <row r="12015" spans="1:7" x14ac:dyDescent="0.3">
      <c r="A12015" s="13" t="s">
        <v>91</v>
      </c>
      <c r="B12015" s="14" t="s">
        <v>1</v>
      </c>
      <c r="C12015" s="14" t="s">
        <v>59</v>
      </c>
      <c r="D12015" s="14" t="s">
        <v>92</v>
      </c>
      <c r="E12015" s="15">
        <v>45711</v>
      </c>
      <c r="F12015" s="14" t="s">
        <v>28</v>
      </c>
      <c r="G12015" s="16">
        <v>0</v>
      </c>
    </row>
    <row r="12016" spans="1:7" x14ac:dyDescent="0.3">
      <c r="A12016" s="13" t="s">
        <v>91</v>
      </c>
      <c r="B12016" s="14" t="s">
        <v>1</v>
      </c>
      <c r="C12016" s="14" t="s">
        <v>59</v>
      </c>
      <c r="D12016" s="14" t="s">
        <v>92</v>
      </c>
      <c r="E12016" s="15">
        <v>45712</v>
      </c>
      <c r="F12016" s="14" t="s">
        <v>28</v>
      </c>
      <c r="G12016" s="16">
        <v>0</v>
      </c>
    </row>
    <row r="12017" spans="1:7" x14ac:dyDescent="0.3">
      <c r="A12017" s="13" t="s">
        <v>91</v>
      </c>
      <c r="B12017" s="14" t="s">
        <v>1</v>
      </c>
      <c r="C12017" s="14" t="s">
        <v>59</v>
      </c>
      <c r="D12017" s="14" t="s">
        <v>92</v>
      </c>
      <c r="E12017" s="15">
        <v>45713</v>
      </c>
      <c r="F12017" s="14" t="s">
        <v>28</v>
      </c>
      <c r="G12017" s="16">
        <v>0</v>
      </c>
    </row>
    <row r="12018" spans="1:7" x14ac:dyDescent="0.3">
      <c r="A12018" s="13" t="s">
        <v>91</v>
      </c>
      <c r="B12018" s="14" t="s">
        <v>1</v>
      </c>
      <c r="C12018" s="14" t="s">
        <v>59</v>
      </c>
      <c r="D12018" s="14" t="s">
        <v>92</v>
      </c>
      <c r="E12018" s="15">
        <v>45714</v>
      </c>
      <c r="F12018" s="14" t="s">
        <v>28</v>
      </c>
      <c r="G12018" s="16">
        <v>0</v>
      </c>
    </row>
    <row r="12019" spans="1:7" x14ac:dyDescent="0.3">
      <c r="A12019" s="13" t="s">
        <v>91</v>
      </c>
      <c r="B12019" s="14" t="s">
        <v>1</v>
      </c>
      <c r="C12019" s="14" t="s">
        <v>59</v>
      </c>
      <c r="D12019" s="14" t="s">
        <v>92</v>
      </c>
      <c r="E12019" s="15">
        <v>45715</v>
      </c>
      <c r="F12019" s="14" t="s">
        <v>28</v>
      </c>
      <c r="G12019" s="16">
        <v>0</v>
      </c>
    </row>
    <row r="12020" spans="1:7" x14ac:dyDescent="0.3">
      <c r="A12020" s="13" t="s">
        <v>91</v>
      </c>
      <c r="B12020" s="14" t="s">
        <v>1</v>
      </c>
      <c r="C12020" s="14" t="s">
        <v>59</v>
      </c>
      <c r="D12020" s="14" t="s">
        <v>92</v>
      </c>
      <c r="E12020" s="15">
        <v>45716</v>
      </c>
      <c r="F12020" s="14" t="s">
        <v>28</v>
      </c>
      <c r="G12020" s="16">
        <v>0</v>
      </c>
    </row>
    <row r="12021" spans="1:7" x14ac:dyDescent="0.3">
      <c r="A12021" s="13" t="s">
        <v>91</v>
      </c>
      <c r="B12021" s="14" t="s">
        <v>1</v>
      </c>
      <c r="C12021" s="14" t="s">
        <v>59</v>
      </c>
      <c r="D12021" s="14" t="s">
        <v>92</v>
      </c>
      <c r="E12021" s="15">
        <v>45717</v>
      </c>
      <c r="F12021" s="14" t="s">
        <v>28</v>
      </c>
      <c r="G12021" s="16">
        <v>0</v>
      </c>
    </row>
    <row r="12022" spans="1:7" x14ac:dyDescent="0.3">
      <c r="A12022" s="13" t="s">
        <v>91</v>
      </c>
      <c r="B12022" s="14" t="s">
        <v>1</v>
      </c>
      <c r="C12022" s="14" t="s">
        <v>59</v>
      </c>
      <c r="D12022" s="14" t="s">
        <v>92</v>
      </c>
      <c r="E12022" s="15">
        <v>45718</v>
      </c>
      <c r="F12022" s="14" t="s">
        <v>28</v>
      </c>
      <c r="G12022" s="16">
        <v>0</v>
      </c>
    </row>
    <row r="12023" spans="1:7" x14ac:dyDescent="0.3">
      <c r="A12023" s="13" t="s">
        <v>91</v>
      </c>
      <c r="B12023" s="14" t="s">
        <v>1</v>
      </c>
      <c r="C12023" s="14" t="s">
        <v>59</v>
      </c>
      <c r="D12023" s="14" t="s">
        <v>92</v>
      </c>
      <c r="E12023" s="15">
        <v>45719</v>
      </c>
      <c r="F12023" s="14" t="s">
        <v>28</v>
      </c>
      <c r="G12023" s="16">
        <v>0</v>
      </c>
    </row>
    <row r="12024" spans="1:7" x14ac:dyDescent="0.3">
      <c r="A12024" s="13" t="s">
        <v>91</v>
      </c>
      <c r="B12024" s="14" t="s">
        <v>1</v>
      </c>
      <c r="C12024" s="14" t="s">
        <v>59</v>
      </c>
      <c r="D12024" s="14" t="s">
        <v>92</v>
      </c>
      <c r="E12024" s="15">
        <v>45720</v>
      </c>
      <c r="F12024" s="14" t="s">
        <v>28</v>
      </c>
      <c r="G12024" s="16">
        <v>0</v>
      </c>
    </row>
    <row r="12025" spans="1:7" x14ac:dyDescent="0.3">
      <c r="A12025" s="13" t="s">
        <v>91</v>
      </c>
      <c r="B12025" s="14" t="s">
        <v>1</v>
      </c>
      <c r="C12025" s="14" t="s">
        <v>59</v>
      </c>
      <c r="D12025" s="14" t="s">
        <v>92</v>
      </c>
      <c r="E12025" s="15">
        <v>45721</v>
      </c>
      <c r="F12025" s="14" t="s">
        <v>28</v>
      </c>
      <c r="G12025" s="16">
        <v>0</v>
      </c>
    </row>
    <row r="12026" spans="1:7" x14ac:dyDescent="0.3">
      <c r="A12026" s="13" t="s">
        <v>91</v>
      </c>
      <c r="B12026" s="14" t="s">
        <v>1</v>
      </c>
      <c r="C12026" s="14" t="s">
        <v>59</v>
      </c>
      <c r="D12026" s="14" t="s">
        <v>92</v>
      </c>
      <c r="E12026" s="15">
        <v>45722</v>
      </c>
      <c r="F12026" s="14" t="s">
        <v>28</v>
      </c>
      <c r="G12026" s="16">
        <v>0</v>
      </c>
    </row>
    <row r="12027" spans="1:7" x14ac:dyDescent="0.3">
      <c r="A12027" s="13" t="s">
        <v>91</v>
      </c>
      <c r="B12027" s="14" t="s">
        <v>1</v>
      </c>
      <c r="C12027" s="14" t="s">
        <v>59</v>
      </c>
      <c r="D12027" s="14" t="s">
        <v>92</v>
      </c>
      <c r="E12027" s="15">
        <v>45723</v>
      </c>
      <c r="F12027" s="14" t="s">
        <v>28</v>
      </c>
      <c r="G12027" s="16">
        <v>0</v>
      </c>
    </row>
    <row r="12028" spans="1:7" x14ac:dyDescent="0.3">
      <c r="A12028" s="13" t="s">
        <v>91</v>
      </c>
      <c r="B12028" s="14" t="s">
        <v>1</v>
      </c>
      <c r="C12028" s="14" t="s">
        <v>59</v>
      </c>
      <c r="D12028" s="14" t="s">
        <v>92</v>
      </c>
      <c r="E12028" s="15">
        <v>45724</v>
      </c>
      <c r="F12028" s="14" t="s">
        <v>28</v>
      </c>
      <c r="G12028" s="16">
        <v>0</v>
      </c>
    </row>
    <row r="12029" spans="1:7" x14ac:dyDescent="0.3">
      <c r="A12029" s="13" t="s">
        <v>91</v>
      </c>
      <c r="B12029" s="14" t="s">
        <v>1</v>
      </c>
      <c r="C12029" s="14" t="s">
        <v>59</v>
      </c>
      <c r="D12029" s="14" t="s">
        <v>92</v>
      </c>
      <c r="E12029" s="15">
        <v>45725</v>
      </c>
      <c r="F12029" s="14" t="s">
        <v>28</v>
      </c>
      <c r="G12029" s="16">
        <v>0</v>
      </c>
    </row>
    <row r="12030" spans="1:7" x14ac:dyDescent="0.3">
      <c r="A12030" s="13" t="s">
        <v>91</v>
      </c>
      <c r="B12030" s="14" t="s">
        <v>1</v>
      </c>
      <c r="C12030" s="14" t="s">
        <v>59</v>
      </c>
      <c r="D12030" s="14" t="s">
        <v>92</v>
      </c>
      <c r="E12030" s="15">
        <v>45726</v>
      </c>
      <c r="F12030" s="14" t="s">
        <v>28</v>
      </c>
      <c r="G12030" s="16">
        <v>0</v>
      </c>
    </row>
    <row r="12031" spans="1:7" x14ac:dyDescent="0.3">
      <c r="A12031" s="13" t="s">
        <v>91</v>
      </c>
      <c r="B12031" s="14" t="s">
        <v>1</v>
      </c>
      <c r="C12031" s="14" t="s">
        <v>59</v>
      </c>
      <c r="D12031" s="14" t="s">
        <v>92</v>
      </c>
      <c r="E12031" s="15">
        <v>45727</v>
      </c>
      <c r="F12031" s="14" t="s">
        <v>28</v>
      </c>
      <c r="G12031" s="16">
        <v>0</v>
      </c>
    </row>
    <row r="12032" spans="1:7" x14ac:dyDescent="0.3">
      <c r="A12032" s="13" t="s">
        <v>91</v>
      </c>
      <c r="B12032" s="14" t="s">
        <v>1</v>
      </c>
      <c r="C12032" s="14" t="s">
        <v>59</v>
      </c>
      <c r="D12032" s="14" t="s">
        <v>92</v>
      </c>
      <c r="E12032" s="15">
        <v>45728</v>
      </c>
      <c r="F12032" s="14" t="s">
        <v>28</v>
      </c>
      <c r="G12032" s="16">
        <v>0</v>
      </c>
    </row>
    <row r="12033" spans="1:7" x14ac:dyDescent="0.3">
      <c r="A12033" s="13" t="s">
        <v>91</v>
      </c>
      <c r="B12033" s="14" t="s">
        <v>1</v>
      </c>
      <c r="C12033" s="14" t="s">
        <v>59</v>
      </c>
      <c r="D12033" s="14" t="s">
        <v>92</v>
      </c>
      <c r="E12033" s="15">
        <v>45729</v>
      </c>
      <c r="F12033" s="14" t="s">
        <v>28</v>
      </c>
      <c r="G12033" s="16">
        <v>0</v>
      </c>
    </row>
    <row r="12034" spans="1:7" x14ac:dyDescent="0.3">
      <c r="A12034" s="13" t="s">
        <v>91</v>
      </c>
      <c r="B12034" s="14" t="s">
        <v>1</v>
      </c>
      <c r="C12034" s="14" t="s">
        <v>59</v>
      </c>
      <c r="D12034" s="14" t="s">
        <v>92</v>
      </c>
      <c r="E12034" s="15">
        <v>45730</v>
      </c>
      <c r="F12034" s="14" t="s">
        <v>28</v>
      </c>
      <c r="G12034" s="16">
        <v>0</v>
      </c>
    </row>
    <row r="12035" spans="1:7" x14ac:dyDescent="0.3">
      <c r="A12035" s="13" t="s">
        <v>91</v>
      </c>
      <c r="B12035" s="14" t="s">
        <v>1</v>
      </c>
      <c r="C12035" s="14" t="s">
        <v>59</v>
      </c>
      <c r="D12035" s="14" t="s">
        <v>92</v>
      </c>
      <c r="E12035" s="15">
        <v>45731</v>
      </c>
      <c r="F12035" s="14" t="s">
        <v>28</v>
      </c>
      <c r="G12035" s="16">
        <v>0</v>
      </c>
    </row>
    <row r="12036" spans="1:7" x14ac:dyDescent="0.3">
      <c r="A12036" s="13" t="s">
        <v>91</v>
      </c>
      <c r="B12036" s="14" t="s">
        <v>1</v>
      </c>
      <c r="C12036" s="14" t="s">
        <v>59</v>
      </c>
      <c r="D12036" s="14" t="s">
        <v>92</v>
      </c>
      <c r="E12036" s="15">
        <v>45732</v>
      </c>
      <c r="F12036" s="14" t="s">
        <v>28</v>
      </c>
      <c r="G12036" s="16">
        <v>0</v>
      </c>
    </row>
    <row r="12037" spans="1:7" x14ac:dyDescent="0.3">
      <c r="A12037" s="13" t="s">
        <v>91</v>
      </c>
      <c r="B12037" s="14" t="s">
        <v>1</v>
      </c>
      <c r="C12037" s="14" t="s">
        <v>59</v>
      </c>
      <c r="D12037" s="14" t="s">
        <v>92</v>
      </c>
      <c r="E12037" s="15">
        <v>45733</v>
      </c>
      <c r="F12037" s="14" t="s">
        <v>28</v>
      </c>
      <c r="G12037" s="16">
        <v>0</v>
      </c>
    </row>
    <row r="12038" spans="1:7" x14ac:dyDescent="0.3">
      <c r="A12038" s="13" t="s">
        <v>91</v>
      </c>
      <c r="B12038" s="14" t="s">
        <v>1</v>
      </c>
      <c r="C12038" s="14" t="s">
        <v>59</v>
      </c>
      <c r="D12038" s="14" t="s">
        <v>92</v>
      </c>
      <c r="E12038" s="15">
        <v>45734</v>
      </c>
      <c r="F12038" s="14" t="s">
        <v>28</v>
      </c>
      <c r="G12038" s="16">
        <v>0</v>
      </c>
    </row>
    <row r="12039" spans="1:7" x14ac:dyDescent="0.3">
      <c r="A12039" s="13" t="s">
        <v>91</v>
      </c>
      <c r="B12039" s="14" t="s">
        <v>1</v>
      </c>
      <c r="C12039" s="14" t="s">
        <v>59</v>
      </c>
      <c r="D12039" s="14" t="s">
        <v>92</v>
      </c>
      <c r="E12039" s="15">
        <v>45735</v>
      </c>
      <c r="F12039" s="14" t="s">
        <v>28</v>
      </c>
      <c r="G12039" s="16">
        <v>0</v>
      </c>
    </row>
    <row r="12040" spans="1:7" x14ac:dyDescent="0.3">
      <c r="A12040" s="13" t="s">
        <v>91</v>
      </c>
      <c r="B12040" s="14" t="s">
        <v>1</v>
      </c>
      <c r="C12040" s="14" t="s">
        <v>59</v>
      </c>
      <c r="D12040" s="14" t="s">
        <v>92</v>
      </c>
      <c r="E12040" s="15">
        <v>45736</v>
      </c>
      <c r="F12040" s="14" t="s">
        <v>28</v>
      </c>
      <c r="G12040" s="16">
        <v>0</v>
      </c>
    </row>
    <row r="12041" spans="1:7" x14ac:dyDescent="0.3">
      <c r="A12041" s="13" t="s">
        <v>91</v>
      </c>
      <c r="B12041" s="14" t="s">
        <v>1</v>
      </c>
      <c r="C12041" s="14" t="s">
        <v>59</v>
      </c>
      <c r="D12041" s="14" t="s">
        <v>92</v>
      </c>
      <c r="E12041" s="15">
        <v>45737</v>
      </c>
      <c r="F12041" s="14" t="s">
        <v>28</v>
      </c>
      <c r="G12041" s="16">
        <v>0</v>
      </c>
    </row>
    <row r="12042" spans="1:7" x14ac:dyDescent="0.3">
      <c r="A12042" s="13" t="s">
        <v>91</v>
      </c>
      <c r="B12042" s="14" t="s">
        <v>1</v>
      </c>
      <c r="C12042" s="14" t="s">
        <v>59</v>
      </c>
      <c r="D12042" s="14" t="s">
        <v>92</v>
      </c>
      <c r="E12042" s="15">
        <v>45738</v>
      </c>
      <c r="F12042" s="14" t="s">
        <v>28</v>
      </c>
      <c r="G12042" s="16">
        <v>0</v>
      </c>
    </row>
    <row r="12043" spans="1:7" x14ac:dyDescent="0.3">
      <c r="A12043" s="13" t="s">
        <v>91</v>
      </c>
      <c r="B12043" s="14" t="s">
        <v>1</v>
      </c>
      <c r="C12043" s="14" t="s">
        <v>59</v>
      </c>
      <c r="D12043" s="14" t="s">
        <v>92</v>
      </c>
      <c r="E12043" s="15">
        <v>45739</v>
      </c>
      <c r="F12043" s="14" t="s">
        <v>28</v>
      </c>
      <c r="G12043" s="16">
        <v>0</v>
      </c>
    </row>
    <row r="12044" spans="1:7" x14ac:dyDescent="0.3">
      <c r="A12044" s="13" t="s">
        <v>91</v>
      </c>
      <c r="B12044" s="14" t="s">
        <v>1</v>
      </c>
      <c r="C12044" s="14" t="s">
        <v>59</v>
      </c>
      <c r="D12044" s="14" t="s">
        <v>92</v>
      </c>
      <c r="E12044" s="15">
        <v>45740</v>
      </c>
      <c r="F12044" s="14" t="s">
        <v>28</v>
      </c>
      <c r="G12044" s="16">
        <v>0</v>
      </c>
    </row>
    <row r="12045" spans="1:7" x14ac:dyDescent="0.3">
      <c r="A12045" s="13" t="s">
        <v>91</v>
      </c>
      <c r="B12045" s="14" t="s">
        <v>1</v>
      </c>
      <c r="C12045" s="14" t="s">
        <v>59</v>
      </c>
      <c r="D12045" s="14" t="s">
        <v>92</v>
      </c>
      <c r="E12045" s="15">
        <v>45741</v>
      </c>
      <c r="F12045" s="14" t="s">
        <v>28</v>
      </c>
      <c r="G12045" s="16">
        <v>0</v>
      </c>
    </row>
    <row r="12046" spans="1:7" x14ac:dyDescent="0.3">
      <c r="A12046" s="13" t="s">
        <v>91</v>
      </c>
      <c r="B12046" s="14" t="s">
        <v>1</v>
      </c>
      <c r="C12046" s="14" t="s">
        <v>59</v>
      </c>
      <c r="D12046" s="14" t="s">
        <v>92</v>
      </c>
      <c r="E12046" s="15">
        <v>45742</v>
      </c>
      <c r="F12046" s="14" t="s">
        <v>28</v>
      </c>
      <c r="G12046" s="16">
        <v>0</v>
      </c>
    </row>
    <row r="12047" spans="1:7" x14ac:dyDescent="0.3">
      <c r="A12047" s="13" t="s">
        <v>91</v>
      </c>
      <c r="B12047" s="14" t="s">
        <v>1</v>
      </c>
      <c r="C12047" s="14" t="s">
        <v>59</v>
      </c>
      <c r="D12047" s="14" t="s">
        <v>92</v>
      </c>
      <c r="E12047" s="15">
        <v>45743</v>
      </c>
      <c r="F12047" s="14" t="s">
        <v>28</v>
      </c>
      <c r="G12047" s="16">
        <v>0</v>
      </c>
    </row>
    <row r="12048" spans="1:7" x14ac:dyDescent="0.3">
      <c r="A12048" s="13" t="s">
        <v>91</v>
      </c>
      <c r="B12048" s="14" t="s">
        <v>1</v>
      </c>
      <c r="C12048" s="14" t="s">
        <v>59</v>
      </c>
      <c r="D12048" s="14" t="s">
        <v>92</v>
      </c>
      <c r="E12048" s="15">
        <v>45744</v>
      </c>
      <c r="F12048" s="14" t="s">
        <v>28</v>
      </c>
      <c r="G12048" s="16">
        <v>0</v>
      </c>
    </row>
    <row r="12049" spans="1:7" x14ac:dyDescent="0.3">
      <c r="A12049" s="13" t="s">
        <v>91</v>
      </c>
      <c r="B12049" s="14" t="s">
        <v>1</v>
      </c>
      <c r="C12049" s="14" t="s">
        <v>59</v>
      </c>
      <c r="D12049" s="14" t="s">
        <v>92</v>
      </c>
      <c r="E12049" s="15">
        <v>45745</v>
      </c>
      <c r="F12049" s="14" t="s">
        <v>28</v>
      </c>
      <c r="G12049" s="16">
        <v>0</v>
      </c>
    </row>
    <row r="12050" spans="1:7" x14ac:dyDescent="0.3">
      <c r="A12050" s="13" t="s">
        <v>91</v>
      </c>
      <c r="B12050" s="14" t="s">
        <v>1</v>
      </c>
      <c r="C12050" s="14" t="s">
        <v>59</v>
      </c>
      <c r="D12050" s="14" t="s">
        <v>92</v>
      </c>
      <c r="E12050" s="15">
        <v>45746</v>
      </c>
      <c r="F12050" s="14" t="s">
        <v>28</v>
      </c>
      <c r="G12050" s="16">
        <v>0</v>
      </c>
    </row>
    <row r="12051" spans="1:7" x14ac:dyDescent="0.3">
      <c r="A12051" s="13" t="s">
        <v>91</v>
      </c>
      <c r="B12051" s="14" t="s">
        <v>1</v>
      </c>
      <c r="C12051" s="14" t="s">
        <v>59</v>
      </c>
      <c r="D12051" s="14" t="s">
        <v>92</v>
      </c>
      <c r="E12051" s="15">
        <v>45747</v>
      </c>
      <c r="F12051" s="14" t="s">
        <v>28</v>
      </c>
      <c r="G12051" s="16">
        <v>0</v>
      </c>
    </row>
    <row r="12052" spans="1:7" x14ac:dyDescent="0.3">
      <c r="A12052" s="13" t="s">
        <v>93</v>
      </c>
      <c r="B12052" s="14" t="s">
        <v>1</v>
      </c>
      <c r="C12052" s="14" t="s">
        <v>13</v>
      </c>
      <c r="D12052" s="14" t="s">
        <v>94</v>
      </c>
      <c r="E12052" s="15">
        <v>45383</v>
      </c>
      <c r="F12052" s="14" t="s">
        <v>15</v>
      </c>
      <c r="G12052" s="16">
        <v>0</v>
      </c>
    </row>
    <row r="12053" spans="1:7" x14ac:dyDescent="0.3">
      <c r="A12053" s="13" t="s">
        <v>93</v>
      </c>
      <c r="B12053" s="14" t="s">
        <v>1</v>
      </c>
      <c r="C12053" s="14" t="s">
        <v>13</v>
      </c>
      <c r="D12053" s="14" t="s">
        <v>94</v>
      </c>
      <c r="E12053" s="15">
        <v>45384</v>
      </c>
      <c r="F12053" s="14" t="s">
        <v>15</v>
      </c>
      <c r="G12053" s="16">
        <v>0</v>
      </c>
    </row>
    <row r="12054" spans="1:7" x14ac:dyDescent="0.3">
      <c r="A12054" s="13" t="s">
        <v>93</v>
      </c>
      <c r="B12054" s="14" t="s">
        <v>1</v>
      </c>
      <c r="C12054" s="14" t="s">
        <v>13</v>
      </c>
      <c r="D12054" s="14" t="s">
        <v>94</v>
      </c>
      <c r="E12054" s="15">
        <v>45385</v>
      </c>
      <c r="F12054" s="14" t="s">
        <v>15</v>
      </c>
      <c r="G12054" s="16">
        <v>2.3003165799110971E-2</v>
      </c>
    </row>
    <row r="12055" spans="1:7" x14ac:dyDescent="0.3">
      <c r="A12055" s="13" t="s">
        <v>93</v>
      </c>
      <c r="B12055" s="14" t="s">
        <v>1</v>
      </c>
      <c r="C12055" s="14" t="s">
        <v>13</v>
      </c>
      <c r="D12055" s="14" t="s">
        <v>94</v>
      </c>
      <c r="E12055" s="15">
        <v>45386</v>
      </c>
      <c r="F12055" s="14" t="s">
        <v>15</v>
      </c>
      <c r="G12055" s="16">
        <v>3.4006331598221938E-2</v>
      </c>
    </row>
    <row r="12056" spans="1:7" x14ac:dyDescent="0.3">
      <c r="A12056" s="13" t="s">
        <v>93</v>
      </c>
      <c r="B12056" s="14" t="s">
        <v>1</v>
      </c>
      <c r="C12056" s="14" t="s">
        <v>13</v>
      </c>
      <c r="D12056" s="14" t="s">
        <v>94</v>
      </c>
      <c r="E12056" s="15">
        <v>45387</v>
      </c>
      <c r="F12056" s="14" t="s">
        <v>15</v>
      </c>
      <c r="G12056" s="16">
        <v>4.8009497397332915E-2</v>
      </c>
    </row>
    <row r="12057" spans="1:7" x14ac:dyDescent="0.3">
      <c r="A12057" s="13" t="s">
        <v>93</v>
      </c>
      <c r="B12057" s="14" t="s">
        <v>1</v>
      </c>
      <c r="C12057" s="14" t="s">
        <v>13</v>
      </c>
      <c r="D12057" s="14" t="s">
        <v>94</v>
      </c>
      <c r="E12057" s="15">
        <v>45388</v>
      </c>
      <c r="F12057" s="14" t="s">
        <v>15</v>
      </c>
      <c r="G12057" s="16">
        <v>4.8009497397332915E-2</v>
      </c>
    </row>
    <row r="12058" spans="1:7" x14ac:dyDescent="0.3">
      <c r="A12058" s="13" t="s">
        <v>93</v>
      </c>
      <c r="B12058" s="14" t="s">
        <v>1</v>
      </c>
      <c r="C12058" s="14" t="s">
        <v>13</v>
      </c>
      <c r="D12058" s="14" t="s">
        <v>94</v>
      </c>
      <c r="E12058" s="15">
        <v>45389</v>
      </c>
      <c r="F12058" s="14" t="s">
        <v>15</v>
      </c>
      <c r="G12058" s="16">
        <v>4.8009497397332915E-2</v>
      </c>
    </row>
    <row r="12059" spans="1:7" x14ac:dyDescent="0.3">
      <c r="A12059" s="13" t="s">
        <v>93</v>
      </c>
      <c r="B12059" s="14" t="s">
        <v>1</v>
      </c>
      <c r="C12059" s="14" t="s">
        <v>13</v>
      </c>
      <c r="D12059" s="14" t="s">
        <v>94</v>
      </c>
      <c r="E12059" s="15">
        <v>45390</v>
      </c>
      <c r="F12059" s="14" t="s">
        <v>15</v>
      </c>
      <c r="G12059" s="16">
        <v>5.8012663196443881E-2</v>
      </c>
    </row>
    <row r="12060" spans="1:7" x14ac:dyDescent="0.3">
      <c r="A12060" s="13" t="s">
        <v>93</v>
      </c>
      <c r="B12060" s="14" t="s">
        <v>1</v>
      </c>
      <c r="C12060" s="14" t="s">
        <v>13</v>
      </c>
      <c r="D12060" s="14" t="s">
        <v>94</v>
      </c>
      <c r="E12060" s="15">
        <v>45391</v>
      </c>
      <c r="F12060" s="14" t="s">
        <v>15</v>
      </c>
      <c r="G12060" s="16">
        <v>7.3015828995554852E-2</v>
      </c>
    </row>
    <row r="12061" spans="1:7" x14ac:dyDescent="0.3">
      <c r="A12061" s="13" t="s">
        <v>93</v>
      </c>
      <c r="B12061" s="14" t="s">
        <v>1</v>
      </c>
      <c r="C12061" s="14" t="s">
        <v>13</v>
      </c>
      <c r="D12061" s="14" t="s">
        <v>94</v>
      </c>
      <c r="E12061" s="15">
        <v>45392</v>
      </c>
      <c r="F12061" s="14" t="s">
        <v>15</v>
      </c>
      <c r="G12061" s="16">
        <v>7.8018994794665814E-2</v>
      </c>
    </row>
    <row r="12062" spans="1:7" x14ac:dyDescent="0.3">
      <c r="A12062" s="13" t="s">
        <v>93</v>
      </c>
      <c r="B12062" s="14" t="s">
        <v>1</v>
      </c>
      <c r="C12062" s="14" t="s">
        <v>13</v>
      </c>
      <c r="D12062" s="14" t="s">
        <v>94</v>
      </c>
      <c r="E12062" s="15">
        <v>45393</v>
      </c>
      <c r="F12062" s="14" t="s">
        <v>15</v>
      </c>
      <c r="G12062" s="16">
        <v>8.3022160593776789E-2</v>
      </c>
    </row>
    <row r="12063" spans="1:7" x14ac:dyDescent="0.3">
      <c r="A12063" s="13" t="s">
        <v>93</v>
      </c>
      <c r="B12063" s="14" t="s">
        <v>1</v>
      </c>
      <c r="C12063" s="14" t="s">
        <v>13</v>
      </c>
      <c r="D12063" s="14" t="s">
        <v>94</v>
      </c>
      <c r="E12063" s="15">
        <v>45394</v>
      </c>
      <c r="F12063" s="14" t="s">
        <v>15</v>
      </c>
      <c r="G12063" s="16">
        <v>8.8025326392887751E-2</v>
      </c>
    </row>
    <row r="12064" spans="1:7" x14ac:dyDescent="0.3">
      <c r="A12064" s="13" t="s">
        <v>93</v>
      </c>
      <c r="B12064" s="14" t="s">
        <v>1</v>
      </c>
      <c r="C12064" s="14" t="s">
        <v>13</v>
      </c>
      <c r="D12064" s="14" t="s">
        <v>94</v>
      </c>
      <c r="E12064" s="15">
        <v>45395</v>
      </c>
      <c r="F12064" s="14" t="s">
        <v>15</v>
      </c>
      <c r="G12064" s="16">
        <v>8.8025326392887751E-2</v>
      </c>
    </row>
    <row r="12065" spans="1:7" x14ac:dyDescent="0.3">
      <c r="A12065" s="13" t="s">
        <v>93</v>
      </c>
      <c r="B12065" s="14" t="s">
        <v>1</v>
      </c>
      <c r="C12065" s="14" t="s">
        <v>13</v>
      </c>
      <c r="D12065" s="14" t="s">
        <v>94</v>
      </c>
      <c r="E12065" s="15">
        <v>45396</v>
      </c>
      <c r="F12065" s="14" t="s">
        <v>15</v>
      </c>
      <c r="G12065" s="16">
        <v>8.8025326392887751E-2</v>
      </c>
    </row>
    <row r="12066" spans="1:7" x14ac:dyDescent="0.3">
      <c r="A12066" s="13" t="s">
        <v>93</v>
      </c>
      <c r="B12066" s="14" t="s">
        <v>1</v>
      </c>
      <c r="C12066" s="14" t="s">
        <v>13</v>
      </c>
      <c r="D12066" s="14" t="s">
        <v>94</v>
      </c>
      <c r="E12066" s="15">
        <v>45397</v>
      </c>
      <c r="F12066" s="14" t="s">
        <v>15</v>
      </c>
      <c r="G12066" s="16">
        <v>9.3028492191998713E-2</v>
      </c>
    </row>
    <row r="12067" spans="1:7" x14ac:dyDescent="0.3">
      <c r="A12067" s="13" t="s">
        <v>93</v>
      </c>
      <c r="B12067" s="14" t="s">
        <v>1</v>
      </c>
      <c r="C12067" s="14" t="s">
        <v>13</v>
      </c>
      <c r="D12067" s="14" t="s">
        <v>94</v>
      </c>
      <c r="E12067" s="15">
        <v>45398</v>
      </c>
      <c r="F12067" s="14" t="s">
        <v>15</v>
      </c>
      <c r="G12067" s="16">
        <v>0.10803165799110967</v>
      </c>
    </row>
    <row r="12068" spans="1:7" x14ac:dyDescent="0.3">
      <c r="A12068" s="13" t="s">
        <v>93</v>
      </c>
      <c r="B12068" s="14" t="s">
        <v>1</v>
      </c>
      <c r="C12068" s="14" t="s">
        <v>13</v>
      </c>
      <c r="D12068" s="14" t="s">
        <v>94</v>
      </c>
      <c r="E12068" s="15">
        <v>45399</v>
      </c>
      <c r="F12068" s="14" t="s">
        <v>15</v>
      </c>
      <c r="G12068" s="16">
        <v>0.11303482379022065</v>
      </c>
    </row>
    <row r="12069" spans="1:7" x14ac:dyDescent="0.3">
      <c r="A12069" s="13" t="s">
        <v>93</v>
      </c>
      <c r="B12069" s="14" t="s">
        <v>1</v>
      </c>
      <c r="C12069" s="14" t="s">
        <v>13</v>
      </c>
      <c r="D12069" s="14" t="s">
        <v>94</v>
      </c>
      <c r="E12069" s="15">
        <v>45400</v>
      </c>
      <c r="F12069" s="14" t="s">
        <v>15</v>
      </c>
      <c r="G12069" s="16">
        <v>0.11703798958933162</v>
      </c>
    </row>
    <row r="12070" spans="1:7" x14ac:dyDescent="0.3">
      <c r="A12070" s="13" t="s">
        <v>93</v>
      </c>
      <c r="B12070" s="14" t="s">
        <v>1</v>
      </c>
      <c r="C12070" s="14" t="s">
        <v>13</v>
      </c>
      <c r="D12070" s="14" t="s">
        <v>94</v>
      </c>
      <c r="E12070" s="15">
        <v>45401</v>
      </c>
      <c r="F12070" s="14" t="s">
        <v>15</v>
      </c>
      <c r="G12070" s="16">
        <v>0.1220411553884426</v>
      </c>
    </row>
    <row r="12071" spans="1:7" x14ac:dyDescent="0.3">
      <c r="A12071" s="13" t="s">
        <v>93</v>
      </c>
      <c r="B12071" s="14" t="s">
        <v>1</v>
      </c>
      <c r="C12071" s="14" t="s">
        <v>13</v>
      </c>
      <c r="D12071" s="14" t="s">
        <v>94</v>
      </c>
      <c r="E12071" s="15">
        <v>45402</v>
      </c>
      <c r="F12071" s="14" t="s">
        <v>15</v>
      </c>
      <c r="G12071" s="16">
        <v>0.1220411553884426</v>
      </c>
    </row>
    <row r="12072" spans="1:7" x14ac:dyDescent="0.3">
      <c r="A12072" s="13" t="s">
        <v>93</v>
      </c>
      <c r="B12072" s="14" t="s">
        <v>1</v>
      </c>
      <c r="C12072" s="14" t="s">
        <v>13</v>
      </c>
      <c r="D12072" s="14" t="s">
        <v>94</v>
      </c>
      <c r="E12072" s="15">
        <v>45403</v>
      </c>
      <c r="F12072" s="14" t="s">
        <v>15</v>
      </c>
      <c r="G12072" s="16">
        <v>0.1220411553884426</v>
      </c>
    </row>
    <row r="12073" spans="1:7" x14ac:dyDescent="0.3">
      <c r="A12073" s="13" t="s">
        <v>93</v>
      </c>
      <c r="B12073" s="14" t="s">
        <v>1</v>
      </c>
      <c r="C12073" s="14" t="s">
        <v>13</v>
      </c>
      <c r="D12073" s="14" t="s">
        <v>94</v>
      </c>
      <c r="E12073" s="15">
        <v>45404</v>
      </c>
      <c r="F12073" s="14" t="s">
        <v>15</v>
      </c>
      <c r="G12073" s="16">
        <v>0.12704432118755357</v>
      </c>
    </row>
    <row r="12074" spans="1:7" x14ac:dyDescent="0.3">
      <c r="A12074" s="13" t="s">
        <v>93</v>
      </c>
      <c r="B12074" s="14" t="s">
        <v>1</v>
      </c>
      <c r="C12074" s="14" t="s">
        <v>13</v>
      </c>
      <c r="D12074" s="14" t="s">
        <v>94</v>
      </c>
      <c r="E12074" s="15">
        <v>45405</v>
      </c>
      <c r="F12074" s="14" t="s">
        <v>15</v>
      </c>
      <c r="G12074" s="16">
        <v>0.14104748698666453</v>
      </c>
    </row>
    <row r="12075" spans="1:7" x14ac:dyDescent="0.3">
      <c r="A12075" s="13" t="s">
        <v>93</v>
      </c>
      <c r="B12075" s="14" t="s">
        <v>1</v>
      </c>
      <c r="C12075" s="14" t="s">
        <v>13</v>
      </c>
      <c r="D12075" s="14" t="s">
        <v>94</v>
      </c>
      <c r="E12075" s="15">
        <v>45406</v>
      </c>
      <c r="F12075" s="14" t="s">
        <v>15</v>
      </c>
      <c r="G12075" s="16">
        <v>0.1460506527857755</v>
      </c>
    </row>
    <row r="12076" spans="1:7" x14ac:dyDescent="0.3">
      <c r="A12076" s="13" t="s">
        <v>93</v>
      </c>
      <c r="B12076" s="14" t="s">
        <v>1</v>
      </c>
      <c r="C12076" s="14" t="s">
        <v>13</v>
      </c>
      <c r="D12076" s="14" t="s">
        <v>94</v>
      </c>
      <c r="E12076" s="15">
        <v>45407</v>
      </c>
      <c r="F12076" s="14" t="s">
        <v>15</v>
      </c>
      <c r="G12076" s="16">
        <v>0.15105381858488648</v>
      </c>
    </row>
    <row r="12077" spans="1:7" x14ac:dyDescent="0.3">
      <c r="A12077" s="13" t="s">
        <v>93</v>
      </c>
      <c r="B12077" s="14" t="s">
        <v>1</v>
      </c>
      <c r="C12077" s="14" t="s">
        <v>13</v>
      </c>
      <c r="D12077" s="14" t="s">
        <v>94</v>
      </c>
      <c r="E12077" s="15">
        <v>45408</v>
      </c>
      <c r="F12077" s="14" t="s">
        <v>15</v>
      </c>
      <c r="G12077" s="16">
        <v>0.15605698438399745</v>
      </c>
    </row>
    <row r="12078" spans="1:7" x14ac:dyDescent="0.3">
      <c r="A12078" s="13" t="s">
        <v>93</v>
      </c>
      <c r="B12078" s="14" t="s">
        <v>1</v>
      </c>
      <c r="C12078" s="14" t="s">
        <v>13</v>
      </c>
      <c r="D12078" s="14" t="s">
        <v>94</v>
      </c>
      <c r="E12078" s="15">
        <v>45409</v>
      </c>
      <c r="F12078" s="14" t="s">
        <v>15</v>
      </c>
      <c r="G12078" s="16">
        <v>0.15605698438399745</v>
      </c>
    </row>
    <row r="12079" spans="1:7" x14ac:dyDescent="0.3">
      <c r="A12079" s="13" t="s">
        <v>93</v>
      </c>
      <c r="B12079" s="14" t="s">
        <v>1</v>
      </c>
      <c r="C12079" s="14" t="s">
        <v>13</v>
      </c>
      <c r="D12079" s="14" t="s">
        <v>94</v>
      </c>
      <c r="E12079" s="15">
        <v>45410</v>
      </c>
      <c r="F12079" s="14" t="s">
        <v>15</v>
      </c>
      <c r="G12079" s="16">
        <v>0.15605698438399745</v>
      </c>
    </row>
    <row r="12080" spans="1:7" x14ac:dyDescent="0.3">
      <c r="A12080" s="13" t="s">
        <v>93</v>
      </c>
      <c r="B12080" s="14" t="s">
        <v>1</v>
      </c>
      <c r="C12080" s="14" t="s">
        <v>13</v>
      </c>
      <c r="D12080" s="14" t="s">
        <v>94</v>
      </c>
      <c r="E12080" s="15">
        <v>45411</v>
      </c>
      <c r="F12080" s="14" t="s">
        <v>15</v>
      </c>
      <c r="G12080" s="16">
        <v>0.16106015018310843</v>
      </c>
    </row>
    <row r="12081" spans="1:7" x14ac:dyDescent="0.3">
      <c r="A12081" s="13" t="s">
        <v>93</v>
      </c>
      <c r="B12081" s="14" t="s">
        <v>1</v>
      </c>
      <c r="C12081" s="14" t="s">
        <v>13</v>
      </c>
      <c r="D12081" s="14" t="s">
        <v>94</v>
      </c>
      <c r="E12081" s="15">
        <v>45412</v>
      </c>
      <c r="F12081" s="14" t="s">
        <v>15</v>
      </c>
      <c r="G12081" s="16">
        <v>0.17506331598221941</v>
      </c>
    </row>
    <row r="12082" spans="1:7" x14ac:dyDescent="0.3">
      <c r="A12082" s="13" t="s">
        <v>93</v>
      </c>
      <c r="B12082" s="14" t="s">
        <v>1</v>
      </c>
      <c r="C12082" s="14" t="s">
        <v>13</v>
      </c>
      <c r="D12082" s="14" t="s">
        <v>94</v>
      </c>
      <c r="E12082" s="15">
        <v>45413</v>
      </c>
      <c r="F12082" s="14" t="s">
        <v>15</v>
      </c>
      <c r="G12082" s="16">
        <v>0.17506331598221941</v>
      </c>
    </row>
    <row r="12083" spans="1:7" x14ac:dyDescent="0.3">
      <c r="A12083" s="13" t="s">
        <v>93</v>
      </c>
      <c r="B12083" s="14" t="s">
        <v>1</v>
      </c>
      <c r="C12083" s="14" t="s">
        <v>13</v>
      </c>
      <c r="D12083" s="14" t="s">
        <v>94</v>
      </c>
      <c r="E12083" s="15">
        <v>45414</v>
      </c>
      <c r="F12083" s="14" t="s">
        <v>15</v>
      </c>
      <c r="G12083" s="16">
        <v>0.18006648178133039</v>
      </c>
    </row>
    <row r="12084" spans="1:7" x14ac:dyDescent="0.3">
      <c r="A12084" s="13" t="s">
        <v>93</v>
      </c>
      <c r="B12084" s="14" t="s">
        <v>1</v>
      </c>
      <c r="C12084" s="14" t="s">
        <v>13</v>
      </c>
      <c r="D12084" s="14" t="s">
        <v>94</v>
      </c>
      <c r="E12084" s="15">
        <v>45415</v>
      </c>
      <c r="F12084" s="14" t="s">
        <v>15</v>
      </c>
      <c r="G12084" s="16">
        <v>0.19606964758044135</v>
      </c>
    </row>
    <row r="12085" spans="1:7" x14ac:dyDescent="0.3">
      <c r="A12085" s="13" t="s">
        <v>93</v>
      </c>
      <c r="B12085" s="14" t="s">
        <v>1</v>
      </c>
      <c r="C12085" s="14" t="s">
        <v>13</v>
      </c>
      <c r="D12085" s="14" t="s">
        <v>94</v>
      </c>
      <c r="E12085" s="15">
        <v>45416</v>
      </c>
      <c r="F12085" s="14" t="s">
        <v>15</v>
      </c>
      <c r="G12085" s="16">
        <v>0.19606964758044135</v>
      </c>
    </row>
    <row r="12086" spans="1:7" x14ac:dyDescent="0.3">
      <c r="A12086" s="13" t="s">
        <v>93</v>
      </c>
      <c r="B12086" s="14" t="s">
        <v>1</v>
      </c>
      <c r="C12086" s="14" t="s">
        <v>13</v>
      </c>
      <c r="D12086" s="14" t="s">
        <v>94</v>
      </c>
      <c r="E12086" s="15">
        <v>45417</v>
      </c>
      <c r="F12086" s="14" t="s">
        <v>15</v>
      </c>
      <c r="G12086" s="16">
        <v>0.19606964758044135</v>
      </c>
    </row>
    <row r="12087" spans="1:7" x14ac:dyDescent="0.3">
      <c r="A12087" s="13" t="s">
        <v>93</v>
      </c>
      <c r="B12087" s="14" t="s">
        <v>1</v>
      </c>
      <c r="C12087" s="14" t="s">
        <v>13</v>
      </c>
      <c r="D12087" s="14" t="s">
        <v>94</v>
      </c>
      <c r="E12087" s="15">
        <v>45418</v>
      </c>
      <c r="F12087" s="14" t="s">
        <v>15</v>
      </c>
      <c r="G12087" s="16">
        <v>0.19606964758044135</v>
      </c>
    </row>
    <row r="12088" spans="1:7" x14ac:dyDescent="0.3">
      <c r="A12088" s="13" t="s">
        <v>93</v>
      </c>
      <c r="B12088" s="14" t="s">
        <v>1</v>
      </c>
      <c r="C12088" s="14" t="s">
        <v>13</v>
      </c>
      <c r="D12088" s="14" t="s">
        <v>94</v>
      </c>
      <c r="E12088" s="15">
        <v>45419</v>
      </c>
      <c r="F12088" s="14" t="s">
        <v>15</v>
      </c>
      <c r="G12088" s="16">
        <v>0.2010728133795523</v>
      </c>
    </row>
    <row r="12089" spans="1:7" x14ac:dyDescent="0.3">
      <c r="A12089" s="13" t="s">
        <v>93</v>
      </c>
      <c r="B12089" s="14" t="s">
        <v>1</v>
      </c>
      <c r="C12089" s="14" t="s">
        <v>13</v>
      </c>
      <c r="D12089" s="14" t="s">
        <v>94</v>
      </c>
      <c r="E12089" s="15">
        <v>45420</v>
      </c>
      <c r="F12089" s="14" t="s">
        <v>15</v>
      </c>
      <c r="G12089" s="16">
        <v>0.22107597917866326</v>
      </c>
    </row>
    <row r="12090" spans="1:7" x14ac:dyDescent="0.3">
      <c r="A12090" s="13" t="s">
        <v>93</v>
      </c>
      <c r="B12090" s="14" t="s">
        <v>1</v>
      </c>
      <c r="C12090" s="14" t="s">
        <v>13</v>
      </c>
      <c r="D12090" s="14" t="s">
        <v>94</v>
      </c>
      <c r="E12090" s="15">
        <v>45421</v>
      </c>
      <c r="F12090" s="14" t="s">
        <v>15</v>
      </c>
      <c r="G12090" s="16">
        <v>0.22107597917866326</v>
      </c>
    </row>
    <row r="12091" spans="1:7" x14ac:dyDescent="0.3">
      <c r="A12091" s="13" t="s">
        <v>93</v>
      </c>
      <c r="B12091" s="14" t="s">
        <v>1</v>
      </c>
      <c r="C12091" s="14" t="s">
        <v>13</v>
      </c>
      <c r="D12091" s="14" t="s">
        <v>94</v>
      </c>
      <c r="E12091" s="15">
        <v>45422</v>
      </c>
      <c r="F12091" s="14" t="s">
        <v>15</v>
      </c>
      <c r="G12091" s="16">
        <v>0.22607914497777423</v>
      </c>
    </row>
    <row r="12092" spans="1:7" x14ac:dyDescent="0.3">
      <c r="A12092" s="13" t="s">
        <v>93</v>
      </c>
      <c r="B12092" s="14" t="s">
        <v>1</v>
      </c>
      <c r="C12092" s="14" t="s">
        <v>13</v>
      </c>
      <c r="D12092" s="14" t="s">
        <v>94</v>
      </c>
      <c r="E12092" s="15">
        <v>45423</v>
      </c>
      <c r="F12092" s="14" t="s">
        <v>15</v>
      </c>
      <c r="G12092" s="16">
        <v>0.22607914497777423</v>
      </c>
    </row>
    <row r="12093" spans="1:7" x14ac:dyDescent="0.3">
      <c r="A12093" s="13" t="s">
        <v>93</v>
      </c>
      <c r="B12093" s="14" t="s">
        <v>1</v>
      </c>
      <c r="C12093" s="14" t="s">
        <v>13</v>
      </c>
      <c r="D12093" s="14" t="s">
        <v>94</v>
      </c>
      <c r="E12093" s="15">
        <v>45424</v>
      </c>
      <c r="F12093" s="14" t="s">
        <v>15</v>
      </c>
      <c r="G12093" s="16">
        <v>0.22607914497777423</v>
      </c>
    </row>
    <row r="12094" spans="1:7" x14ac:dyDescent="0.3">
      <c r="A12094" s="13" t="s">
        <v>93</v>
      </c>
      <c r="B12094" s="14" t="s">
        <v>1</v>
      </c>
      <c r="C12094" s="14" t="s">
        <v>13</v>
      </c>
      <c r="D12094" s="14" t="s">
        <v>94</v>
      </c>
      <c r="E12094" s="15">
        <v>45425</v>
      </c>
      <c r="F12094" s="14" t="s">
        <v>15</v>
      </c>
      <c r="G12094" s="16">
        <v>0.23608231077688518</v>
      </c>
    </row>
    <row r="12095" spans="1:7" x14ac:dyDescent="0.3">
      <c r="A12095" s="13" t="s">
        <v>93</v>
      </c>
      <c r="B12095" s="14" t="s">
        <v>1</v>
      </c>
      <c r="C12095" s="14" t="s">
        <v>13</v>
      </c>
      <c r="D12095" s="14" t="s">
        <v>94</v>
      </c>
      <c r="E12095" s="15">
        <v>45426</v>
      </c>
      <c r="F12095" s="14" t="s">
        <v>15</v>
      </c>
      <c r="G12095" s="16">
        <v>0.25608547657599617</v>
      </c>
    </row>
    <row r="12096" spans="1:7" x14ac:dyDescent="0.3">
      <c r="A12096" s="13" t="s">
        <v>93</v>
      </c>
      <c r="B12096" s="14" t="s">
        <v>1</v>
      </c>
      <c r="C12096" s="14" t="s">
        <v>13</v>
      </c>
      <c r="D12096" s="14" t="s">
        <v>94</v>
      </c>
      <c r="E12096" s="15">
        <v>45427</v>
      </c>
      <c r="F12096" s="14" t="s">
        <v>15</v>
      </c>
      <c r="G12096" s="16">
        <v>0.26108864237510715</v>
      </c>
    </row>
    <row r="12097" spans="1:7" x14ac:dyDescent="0.3">
      <c r="A12097" s="13" t="s">
        <v>93</v>
      </c>
      <c r="B12097" s="14" t="s">
        <v>1</v>
      </c>
      <c r="C12097" s="14" t="s">
        <v>13</v>
      </c>
      <c r="D12097" s="14" t="s">
        <v>94</v>
      </c>
      <c r="E12097" s="15">
        <v>45428</v>
      </c>
      <c r="F12097" s="14" t="s">
        <v>15</v>
      </c>
      <c r="G12097" s="16">
        <v>0.26609180817421813</v>
      </c>
    </row>
    <row r="12098" spans="1:7" x14ac:dyDescent="0.3">
      <c r="A12098" s="13" t="s">
        <v>93</v>
      </c>
      <c r="B12098" s="14" t="s">
        <v>1</v>
      </c>
      <c r="C12098" s="14" t="s">
        <v>13</v>
      </c>
      <c r="D12098" s="14" t="s">
        <v>94</v>
      </c>
      <c r="E12098" s="15">
        <v>45429</v>
      </c>
      <c r="F12098" s="14" t="s">
        <v>15</v>
      </c>
      <c r="G12098" s="16">
        <v>0.28709497397332906</v>
      </c>
    </row>
    <row r="12099" spans="1:7" x14ac:dyDescent="0.3">
      <c r="A12099" s="13" t="s">
        <v>93</v>
      </c>
      <c r="B12099" s="14" t="s">
        <v>1</v>
      </c>
      <c r="C12099" s="14" t="s">
        <v>13</v>
      </c>
      <c r="D12099" s="14" t="s">
        <v>94</v>
      </c>
      <c r="E12099" s="15">
        <v>45430</v>
      </c>
      <c r="F12099" s="14" t="s">
        <v>15</v>
      </c>
      <c r="G12099" s="16">
        <v>0.28709497397332906</v>
      </c>
    </row>
    <row r="12100" spans="1:7" x14ac:dyDescent="0.3">
      <c r="A12100" s="13" t="s">
        <v>93</v>
      </c>
      <c r="B12100" s="14" t="s">
        <v>1</v>
      </c>
      <c r="C12100" s="14" t="s">
        <v>13</v>
      </c>
      <c r="D12100" s="14" t="s">
        <v>94</v>
      </c>
      <c r="E12100" s="15">
        <v>45431</v>
      </c>
      <c r="F12100" s="14" t="s">
        <v>15</v>
      </c>
      <c r="G12100" s="16">
        <v>0.28709497397332906</v>
      </c>
    </row>
    <row r="12101" spans="1:7" x14ac:dyDescent="0.3">
      <c r="A12101" s="13" t="s">
        <v>93</v>
      </c>
      <c r="B12101" s="14" t="s">
        <v>1</v>
      </c>
      <c r="C12101" s="14" t="s">
        <v>13</v>
      </c>
      <c r="D12101" s="14" t="s">
        <v>94</v>
      </c>
      <c r="E12101" s="15">
        <v>45432</v>
      </c>
      <c r="F12101" s="14" t="s">
        <v>15</v>
      </c>
      <c r="G12101" s="16">
        <v>0.28709497397332906</v>
      </c>
    </row>
    <row r="12102" spans="1:7" x14ac:dyDescent="0.3">
      <c r="A12102" s="13" t="s">
        <v>93</v>
      </c>
      <c r="B12102" s="14" t="s">
        <v>1</v>
      </c>
      <c r="C12102" s="14" t="s">
        <v>13</v>
      </c>
      <c r="D12102" s="14" t="s">
        <v>94</v>
      </c>
      <c r="E12102" s="15">
        <v>45433</v>
      </c>
      <c r="F12102" s="14" t="s">
        <v>15</v>
      </c>
      <c r="G12102" s="16">
        <v>0.29209813977244004</v>
      </c>
    </row>
    <row r="12103" spans="1:7" x14ac:dyDescent="0.3">
      <c r="A12103" s="13" t="s">
        <v>93</v>
      </c>
      <c r="B12103" s="14" t="s">
        <v>1</v>
      </c>
      <c r="C12103" s="14" t="s">
        <v>13</v>
      </c>
      <c r="D12103" s="14" t="s">
        <v>94</v>
      </c>
      <c r="E12103" s="15">
        <v>45434</v>
      </c>
      <c r="F12103" s="14" t="s">
        <v>15</v>
      </c>
      <c r="G12103" s="16">
        <v>0.31210130557155102</v>
      </c>
    </row>
    <row r="12104" spans="1:7" x14ac:dyDescent="0.3">
      <c r="A12104" s="13" t="s">
        <v>93</v>
      </c>
      <c r="B12104" s="14" t="s">
        <v>1</v>
      </c>
      <c r="C12104" s="14" t="s">
        <v>13</v>
      </c>
      <c r="D12104" s="14" t="s">
        <v>94</v>
      </c>
      <c r="E12104" s="15">
        <v>45435</v>
      </c>
      <c r="F12104" s="14" t="s">
        <v>15</v>
      </c>
      <c r="G12104" s="16">
        <v>0.34310447137066197</v>
      </c>
    </row>
    <row r="12105" spans="1:7" x14ac:dyDescent="0.3">
      <c r="A12105" s="13" t="s">
        <v>93</v>
      </c>
      <c r="B12105" s="14" t="s">
        <v>1</v>
      </c>
      <c r="C12105" s="14" t="s">
        <v>13</v>
      </c>
      <c r="D12105" s="14" t="s">
        <v>94</v>
      </c>
      <c r="E12105" s="15">
        <v>45436</v>
      </c>
      <c r="F12105" s="14" t="s">
        <v>15</v>
      </c>
      <c r="G12105" s="16">
        <v>0.34810763716977294</v>
      </c>
    </row>
    <row r="12106" spans="1:7" x14ac:dyDescent="0.3">
      <c r="A12106" s="13" t="s">
        <v>93</v>
      </c>
      <c r="B12106" s="14" t="s">
        <v>1</v>
      </c>
      <c r="C12106" s="14" t="s">
        <v>13</v>
      </c>
      <c r="D12106" s="14" t="s">
        <v>94</v>
      </c>
      <c r="E12106" s="15">
        <v>45437</v>
      </c>
      <c r="F12106" s="14" t="s">
        <v>15</v>
      </c>
      <c r="G12106" s="16">
        <v>0.34810763716977294</v>
      </c>
    </row>
    <row r="12107" spans="1:7" x14ac:dyDescent="0.3">
      <c r="A12107" s="13" t="s">
        <v>93</v>
      </c>
      <c r="B12107" s="14" t="s">
        <v>1</v>
      </c>
      <c r="C12107" s="14" t="s">
        <v>13</v>
      </c>
      <c r="D12107" s="14" t="s">
        <v>94</v>
      </c>
      <c r="E12107" s="15">
        <v>45438</v>
      </c>
      <c r="F12107" s="14" t="s">
        <v>15</v>
      </c>
      <c r="G12107" s="16">
        <v>0.34810763716977294</v>
      </c>
    </row>
    <row r="12108" spans="1:7" x14ac:dyDescent="0.3">
      <c r="A12108" s="13" t="s">
        <v>93</v>
      </c>
      <c r="B12108" s="14" t="s">
        <v>1</v>
      </c>
      <c r="C12108" s="14" t="s">
        <v>13</v>
      </c>
      <c r="D12108" s="14" t="s">
        <v>94</v>
      </c>
      <c r="E12108" s="15">
        <v>45439</v>
      </c>
      <c r="F12108" s="14" t="s">
        <v>15</v>
      </c>
      <c r="G12108" s="16">
        <v>0.35311080296888392</v>
      </c>
    </row>
    <row r="12109" spans="1:7" x14ac:dyDescent="0.3">
      <c r="A12109" s="13" t="s">
        <v>93</v>
      </c>
      <c r="B12109" s="14" t="s">
        <v>1</v>
      </c>
      <c r="C12109" s="14" t="s">
        <v>13</v>
      </c>
      <c r="D12109" s="14" t="s">
        <v>94</v>
      </c>
      <c r="E12109" s="15">
        <v>45440</v>
      </c>
      <c r="F12109" s="14" t="s">
        <v>15</v>
      </c>
      <c r="G12109" s="16">
        <v>0.3681139687679949</v>
      </c>
    </row>
    <row r="12110" spans="1:7" x14ac:dyDescent="0.3">
      <c r="A12110" s="13" t="s">
        <v>93</v>
      </c>
      <c r="B12110" s="14" t="s">
        <v>1</v>
      </c>
      <c r="C12110" s="14" t="s">
        <v>13</v>
      </c>
      <c r="D12110" s="14" t="s">
        <v>94</v>
      </c>
      <c r="E12110" s="15">
        <v>45441</v>
      </c>
      <c r="F12110" s="14" t="s">
        <v>15</v>
      </c>
      <c r="G12110" s="16">
        <v>0.37411713456710582</v>
      </c>
    </row>
    <row r="12111" spans="1:7" x14ac:dyDescent="0.3">
      <c r="A12111" s="13" t="s">
        <v>93</v>
      </c>
      <c r="B12111" s="14" t="s">
        <v>1</v>
      </c>
      <c r="C12111" s="14" t="s">
        <v>13</v>
      </c>
      <c r="D12111" s="14" t="s">
        <v>94</v>
      </c>
      <c r="E12111" s="15">
        <v>45442</v>
      </c>
      <c r="F12111" s="14" t="s">
        <v>15</v>
      </c>
      <c r="G12111" s="16">
        <v>0.3791203003662168</v>
      </c>
    </row>
    <row r="12112" spans="1:7" x14ac:dyDescent="0.3">
      <c r="A12112" s="13" t="s">
        <v>93</v>
      </c>
      <c r="B12112" s="14" t="s">
        <v>1</v>
      </c>
      <c r="C12112" s="14" t="s">
        <v>13</v>
      </c>
      <c r="D12112" s="14" t="s">
        <v>94</v>
      </c>
      <c r="E12112" s="15">
        <v>45443</v>
      </c>
      <c r="F12112" s="14" t="s">
        <v>15</v>
      </c>
      <c r="G12112" s="16">
        <v>0.38412346616532778</v>
      </c>
    </row>
    <row r="12113" spans="1:7" x14ac:dyDescent="0.3">
      <c r="A12113" s="13" t="s">
        <v>93</v>
      </c>
      <c r="B12113" s="14" t="s">
        <v>1</v>
      </c>
      <c r="C12113" s="14" t="s">
        <v>13</v>
      </c>
      <c r="D12113" s="14" t="s">
        <v>94</v>
      </c>
      <c r="E12113" s="15">
        <v>45444</v>
      </c>
      <c r="F12113" s="14" t="s">
        <v>15</v>
      </c>
      <c r="G12113" s="16">
        <v>0.38412346616532778</v>
      </c>
    </row>
    <row r="12114" spans="1:7" x14ac:dyDescent="0.3">
      <c r="A12114" s="13" t="s">
        <v>93</v>
      </c>
      <c r="B12114" s="14" t="s">
        <v>1</v>
      </c>
      <c r="C12114" s="14" t="s">
        <v>13</v>
      </c>
      <c r="D12114" s="14" t="s">
        <v>94</v>
      </c>
      <c r="E12114" s="15">
        <v>45445</v>
      </c>
      <c r="F12114" s="14" t="s">
        <v>15</v>
      </c>
      <c r="G12114" s="16">
        <v>0.38412346616532778</v>
      </c>
    </row>
    <row r="12115" spans="1:7" x14ac:dyDescent="0.3">
      <c r="A12115" s="13" t="s">
        <v>93</v>
      </c>
      <c r="B12115" s="14" t="s">
        <v>1</v>
      </c>
      <c r="C12115" s="14" t="s">
        <v>13</v>
      </c>
      <c r="D12115" s="14" t="s">
        <v>94</v>
      </c>
      <c r="E12115" s="15">
        <v>45446</v>
      </c>
      <c r="F12115" s="14" t="s">
        <v>15</v>
      </c>
      <c r="G12115" s="16">
        <v>0.38412346616532778</v>
      </c>
    </row>
    <row r="12116" spans="1:7" x14ac:dyDescent="0.3">
      <c r="A12116" s="13" t="s">
        <v>93</v>
      </c>
      <c r="B12116" s="14" t="s">
        <v>1</v>
      </c>
      <c r="C12116" s="14" t="s">
        <v>13</v>
      </c>
      <c r="D12116" s="14" t="s">
        <v>94</v>
      </c>
      <c r="E12116" s="15">
        <v>45447</v>
      </c>
      <c r="F12116" s="14" t="s">
        <v>15</v>
      </c>
      <c r="G12116" s="16">
        <v>0.38912663196443875</v>
      </c>
    </row>
    <row r="12117" spans="1:7" x14ac:dyDescent="0.3">
      <c r="A12117" s="13" t="s">
        <v>93</v>
      </c>
      <c r="B12117" s="14" t="s">
        <v>1</v>
      </c>
      <c r="C12117" s="14" t="s">
        <v>13</v>
      </c>
      <c r="D12117" s="14" t="s">
        <v>94</v>
      </c>
      <c r="E12117" s="15">
        <v>45448</v>
      </c>
      <c r="F12117" s="14" t="s">
        <v>15</v>
      </c>
      <c r="G12117" s="16">
        <v>0.41112979776354974</v>
      </c>
    </row>
    <row r="12118" spans="1:7" x14ac:dyDescent="0.3">
      <c r="A12118" s="13" t="s">
        <v>93</v>
      </c>
      <c r="B12118" s="14" t="s">
        <v>1</v>
      </c>
      <c r="C12118" s="14" t="s">
        <v>13</v>
      </c>
      <c r="D12118" s="14" t="s">
        <v>94</v>
      </c>
      <c r="E12118" s="15">
        <v>45449</v>
      </c>
      <c r="F12118" s="14" t="s">
        <v>15</v>
      </c>
      <c r="G12118" s="16">
        <v>0.41513296356266072</v>
      </c>
    </row>
    <row r="12119" spans="1:7" x14ac:dyDescent="0.3">
      <c r="A12119" s="13" t="s">
        <v>93</v>
      </c>
      <c r="B12119" s="14" t="s">
        <v>1</v>
      </c>
      <c r="C12119" s="14" t="s">
        <v>13</v>
      </c>
      <c r="D12119" s="14" t="s">
        <v>94</v>
      </c>
      <c r="E12119" s="15">
        <v>45450</v>
      </c>
      <c r="F12119" s="14" t="s">
        <v>15</v>
      </c>
      <c r="G12119" s="16">
        <v>0.41913612936177164</v>
      </c>
    </row>
    <row r="12120" spans="1:7" x14ac:dyDescent="0.3">
      <c r="A12120" s="13" t="s">
        <v>93</v>
      </c>
      <c r="B12120" s="14" t="s">
        <v>1</v>
      </c>
      <c r="C12120" s="14" t="s">
        <v>13</v>
      </c>
      <c r="D12120" s="14" t="s">
        <v>94</v>
      </c>
      <c r="E12120" s="15">
        <v>45451</v>
      </c>
      <c r="F12120" s="14" t="s">
        <v>15</v>
      </c>
      <c r="G12120" s="16">
        <v>0.41913612936177164</v>
      </c>
    </row>
    <row r="12121" spans="1:7" x14ac:dyDescent="0.3">
      <c r="A12121" s="13" t="s">
        <v>93</v>
      </c>
      <c r="B12121" s="14" t="s">
        <v>1</v>
      </c>
      <c r="C12121" s="14" t="s">
        <v>13</v>
      </c>
      <c r="D12121" s="14" t="s">
        <v>94</v>
      </c>
      <c r="E12121" s="15">
        <v>45452</v>
      </c>
      <c r="F12121" s="14" t="s">
        <v>15</v>
      </c>
      <c r="G12121" s="16">
        <v>0.41913612936177164</v>
      </c>
    </row>
    <row r="12122" spans="1:7" x14ac:dyDescent="0.3">
      <c r="A12122" s="13" t="s">
        <v>93</v>
      </c>
      <c r="B12122" s="14" t="s">
        <v>1</v>
      </c>
      <c r="C12122" s="14" t="s">
        <v>13</v>
      </c>
      <c r="D12122" s="14" t="s">
        <v>94</v>
      </c>
      <c r="E12122" s="15">
        <v>45453</v>
      </c>
      <c r="F12122" s="14" t="s">
        <v>15</v>
      </c>
      <c r="G12122" s="16">
        <v>0.42413929516088256</v>
      </c>
    </row>
    <row r="12123" spans="1:7" x14ac:dyDescent="0.3">
      <c r="A12123" s="13" t="s">
        <v>93</v>
      </c>
      <c r="B12123" s="14" t="s">
        <v>1</v>
      </c>
      <c r="C12123" s="14" t="s">
        <v>13</v>
      </c>
      <c r="D12123" s="14" t="s">
        <v>94</v>
      </c>
      <c r="E12123" s="15">
        <v>45454</v>
      </c>
      <c r="F12123" s="14" t="s">
        <v>15</v>
      </c>
      <c r="G12123" s="16">
        <v>0.4381424609599936</v>
      </c>
    </row>
    <row r="12124" spans="1:7" x14ac:dyDescent="0.3">
      <c r="A12124" s="13" t="s">
        <v>93</v>
      </c>
      <c r="B12124" s="14" t="s">
        <v>1</v>
      </c>
      <c r="C12124" s="14" t="s">
        <v>13</v>
      </c>
      <c r="D12124" s="14" t="s">
        <v>94</v>
      </c>
      <c r="E12124" s="15">
        <v>45455</v>
      </c>
      <c r="F12124" s="14" t="s">
        <v>15</v>
      </c>
      <c r="G12124" s="16">
        <v>0.44214562675910452</v>
      </c>
    </row>
    <row r="12125" spans="1:7" x14ac:dyDescent="0.3">
      <c r="A12125" s="13" t="s">
        <v>93</v>
      </c>
      <c r="B12125" s="14" t="s">
        <v>1</v>
      </c>
      <c r="C12125" s="14" t="s">
        <v>13</v>
      </c>
      <c r="D12125" s="14" t="s">
        <v>94</v>
      </c>
      <c r="E12125" s="15">
        <v>45456</v>
      </c>
      <c r="F12125" s="14" t="s">
        <v>15</v>
      </c>
      <c r="G12125" s="16">
        <v>0.44614879255821549</v>
      </c>
    </row>
    <row r="12126" spans="1:7" x14ac:dyDescent="0.3">
      <c r="A12126" s="13" t="s">
        <v>93</v>
      </c>
      <c r="B12126" s="14" t="s">
        <v>1</v>
      </c>
      <c r="C12126" s="14" t="s">
        <v>13</v>
      </c>
      <c r="D12126" s="14" t="s">
        <v>94</v>
      </c>
      <c r="E12126" s="15">
        <v>45457</v>
      </c>
      <c r="F12126" s="14" t="s">
        <v>15</v>
      </c>
      <c r="G12126" s="16">
        <v>0.4891519583573265</v>
      </c>
    </row>
    <row r="12127" spans="1:7" x14ac:dyDescent="0.3">
      <c r="A12127" s="13" t="s">
        <v>93</v>
      </c>
      <c r="B12127" s="14" t="s">
        <v>1</v>
      </c>
      <c r="C12127" s="14" t="s">
        <v>13</v>
      </c>
      <c r="D12127" s="14" t="s">
        <v>94</v>
      </c>
      <c r="E12127" s="15">
        <v>45458</v>
      </c>
      <c r="F12127" s="14" t="s">
        <v>15</v>
      </c>
      <c r="G12127" s="16">
        <v>0.4891519583573265</v>
      </c>
    </row>
    <row r="12128" spans="1:7" x14ac:dyDescent="0.3">
      <c r="A12128" s="13" t="s">
        <v>93</v>
      </c>
      <c r="B12128" s="14" t="s">
        <v>1</v>
      </c>
      <c r="C12128" s="14" t="s">
        <v>13</v>
      </c>
      <c r="D12128" s="14" t="s">
        <v>94</v>
      </c>
      <c r="E12128" s="15">
        <v>45459</v>
      </c>
      <c r="F12128" s="14" t="s">
        <v>15</v>
      </c>
      <c r="G12128" s="16">
        <v>0.4891519583573265</v>
      </c>
    </row>
    <row r="12129" spans="1:7" x14ac:dyDescent="0.3">
      <c r="A12129" s="13" t="s">
        <v>93</v>
      </c>
      <c r="B12129" s="14" t="s">
        <v>1</v>
      </c>
      <c r="C12129" s="14" t="s">
        <v>13</v>
      </c>
      <c r="D12129" s="14" t="s">
        <v>94</v>
      </c>
      <c r="E12129" s="15">
        <v>45460</v>
      </c>
      <c r="F12129" s="14" t="s">
        <v>15</v>
      </c>
      <c r="G12129" s="16">
        <v>0.49315512415643747</v>
      </c>
    </row>
    <row r="12130" spans="1:7" x14ac:dyDescent="0.3">
      <c r="A12130" s="13" t="s">
        <v>93</v>
      </c>
      <c r="B12130" s="14" t="s">
        <v>1</v>
      </c>
      <c r="C12130" s="14" t="s">
        <v>13</v>
      </c>
      <c r="D12130" s="14" t="s">
        <v>94</v>
      </c>
      <c r="E12130" s="15">
        <v>45461</v>
      </c>
      <c r="F12130" s="14" t="s">
        <v>15</v>
      </c>
      <c r="G12130" s="16">
        <v>0.50615828995554835</v>
      </c>
    </row>
    <row r="12131" spans="1:7" x14ac:dyDescent="0.3">
      <c r="A12131" s="13" t="s">
        <v>93</v>
      </c>
      <c r="B12131" s="14" t="s">
        <v>1</v>
      </c>
      <c r="C12131" s="14" t="s">
        <v>13</v>
      </c>
      <c r="D12131" s="14" t="s">
        <v>94</v>
      </c>
      <c r="E12131" s="15">
        <v>45462</v>
      </c>
      <c r="F12131" s="14" t="s">
        <v>15</v>
      </c>
      <c r="G12131" s="16">
        <v>0.51016145575465932</v>
      </c>
    </row>
    <row r="12132" spans="1:7" x14ac:dyDescent="0.3">
      <c r="A12132" s="13" t="s">
        <v>93</v>
      </c>
      <c r="B12132" s="14" t="s">
        <v>1</v>
      </c>
      <c r="C12132" s="14" t="s">
        <v>13</v>
      </c>
      <c r="D12132" s="14" t="s">
        <v>94</v>
      </c>
      <c r="E12132" s="15">
        <v>45463</v>
      </c>
      <c r="F12132" s="14" t="s">
        <v>15</v>
      </c>
      <c r="G12132" s="16">
        <v>0.5141646215537703</v>
      </c>
    </row>
    <row r="12133" spans="1:7" x14ac:dyDescent="0.3">
      <c r="A12133" s="13" t="s">
        <v>93</v>
      </c>
      <c r="B12133" s="14" t="s">
        <v>1</v>
      </c>
      <c r="C12133" s="14" t="s">
        <v>13</v>
      </c>
      <c r="D12133" s="14" t="s">
        <v>94</v>
      </c>
      <c r="E12133" s="15">
        <v>45464</v>
      </c>
      <c r="F12133" s="14" t="s">
        <v>15</v>
      </c>
      <c r="G12133" s="16">
        <v>0.51816778735288127</v>
      </c>
    </row>
    <row r="12134" spans="1:7" x14ac:dyDescent="0.3">
      <c r="A12134" s="13" t="s">
        <v>93</v>
      </c>
      <c r="B12134" s="14" t="s">
        <v>1</v>
      </c>
      <c r="C12134" s="14" t="s">
        <v>13</v>
      </c>
      <c r="D12134" s="14" t="s">
        <v>94</v>
      </c>
      <c r="E12134" s="15">
        <v>45465</v>
      </c>
      <c r="F12134" s="14" t="s">
        <v>15</v>
      </c>
      <c r="G12134" s="16">
        <v>0.51816778735288127</v>
      </c>
    </row>
    <row r="12135" spans="1:7" x14ac:dyDescent="0.3">
      <c r="A12135" s="13" t="s">
        <v>93</v>
      </c>
      <c r="B12135" s="14" t="s">
        <v>1</v>
      </c>
      <c r="C12135" s="14" t="s">
        <v>13</v>
      </c>
      <c r="D12135" s="14" t="s">
        <v>94</v>
      </c>
      <c r="E12135" s="15">
        <v>45466</v>
      </c>
      <c r="F12135" s="14" t="s">
        <v>15</v>
      </c>
      <c r="G12135" s="16">
        <v>0.51816778735288127</v>
      </c>
    </row>
    <row r="12136" spans="1:7" x14ac:dyDescent="0.3">
      <c r="A12136" s="13" t="s">
        <v>93</v>
      </c>
      <c r="B12136" s="14" t="s">
        <v>1</v>
      </c>
      <c r="C12136" s="14" t="s">
        <v>13</v>
      </c>
      <c r="D12136" s="14" t="s">
        <v>94</v>
      </c>
      <c r="E12136" s="15">
        <v>45467</v>
      </c>
      <c r="F12136" s="14" t="s">
        <v>15</v>
      </c>
      <c r="G12136" s="16">
        <v>0.53017095315199225</v>
      </c>
    </row>
    <row r="12137" spans="1:7" x14ac:dyDescent="0.3">
      <c r="A12137" s="13" t="s">
        <v>93</v>
      </c>
      <c r="B12137" s="14" t="s">
        <v>1</v>
      </c>
      <c r="C12137" s="14" t="s">
        <v>13</v>
      </c>
      <c r="D12137" s="14" t="s">
        <v>94</v>
      </c>
      <c r="E12137" s="15">
        <v>45468</v>
      </c>
      <c r="F12137" s="14" t="s">
        <v>15</v>
      </c>
      <c r="G12137" s="16">
        <v>0.54317411895110312</v>
      </c>
    </row>
    <row r="12138" spans="1:7" x14ac:dyDescent="0.3">
      <c r="A12138" s="13" t="s">
        <v>93</v>
      </c>
      <c r="B12138" s="14" t="s">
        <v>1</v>
      </c>
      <c r="C12138" s="14" t="s">
        <v>13</v>
      </c>
      <c r="D12138" s="14" t="s">
        <v>94</v>
      </c>
      <c r="E12138" s="15">
        <v>45469</v>
      </c>
      <c r="F12138" s="14" t="s">
        <v>15</v>
      </c>
      <c r="G12138" s="16">
        <v>0.5471772847502141</v>
      </c>
    </row>
    <row r="12139" spans="1:7" x14ac:dyDescent="0.3">
      <c r="A12139" s="13" t="s">
        <v>93</v>
      </c>
      <c r="B12139" s="14" t="s">
        <v>1</v>
      </c>
      <c r="C12139" s="14" t="s">
        <v>13</v>
      </c>
      <c r="D12139" s="14" t="s">
        <v>94</v>
      </c>
      <c r="E12139" s="15">
        <v>45470</v>
      </c>
      <c r="F12139" s="14" t="s">
        <v>15</v>
      </c>
      <c r="G12139" s="16">
        <v>0.55118045054932507</v>
      </c>
    </row>
    <row r="12140" spans="1:7" x14ac:dyDescent="0.3">
      <c r="A12140" s="13" t="s">
        <v>93</v>
      </c>
      <c r="B12140" s="14" t="s">
        <v>1</v>
      </c>
      <c r="C12140" s="14" t="s">
        <v>13</v>
      </c>
      <c r="D12140" s="14" t="s">
        <v>94</v>
      </c>
      <c r="E12140" s="15">
        <v>45471</v>
      </c>
      <c r="F12140" s="14" t="s">
        <v>15</v>
      </c>
      <c r="G12140" s="16">
        <v>0.55418361634843605</v>
      </c>
    </row>
    <row r="12141" spans="1:7" x14ac:dyDescent="0.3">
      <c r="A12141" s="13" t="s">
        <v>93</v>
      </c>
      <c r="B12141" s="14" t="s">
        <v>1</v>
      </c>
      <c r="C12141" s="14" t="s">
        <v>13</v>
      </c>
      <c r="D12141" s="14" t="s">
        <v>94</v>
      </c>
      <c r="E12141" s="15">
        <v>45472</v>
      </c>
      <c r="F12141" s="14" t="s">
        <v>15</v>
      </c>
      <c r="G12141" s="16">
        <v>0.55418361634843605</v>
      </c>
    </row>
    <row r="12142" spans="1:7" x14ac:dyDescent="0.3">
      <c r="A12142" s="13" t="s">
        <v>93</v>
      </c>
      <c r="B12142" s="14" t="s">
        <v>1</v>
      </c>
      <c r="C12142" s="14" t="s">
        <v>13</v>
      </c>
      <c r="D12142" s="14" t="s">
        <v>94</v>
      </c>
      <c r="E12142" s="15">
        <v>45473</v>
      </c>
      <c r="F12142" s="14" t="s">
        <v>15</v>
      </c>
      <c r="G12142" s="16">
        <v>0.55418361634843605</v>
      </c>
    </row>
    <row r="12143" spans="1:7" x14ac:dyDescent="0.3">
      <c r="A12143" s="13" t="s">
        <v>93</v>
      </c>
      <c r="B12143" s="14" t="s">
        <v>1</v>
      </c>
      <c r="C12143" s="14" t="s">
        <v>13</v>
      </c>
      <c r="D12143" s="14" t="s">
        <v>94</v>
      </c>
      <c r="E12143" s="15">
        <v>45474</v>
      </c>
      <c r="F12143" s="14" t="s">
        <v>15</v>
      </c>
      <c r="G12143" s="16">
        <v>0.55818678214754702</v>
      </c>
    </row>
    <row r="12144" spans="1:7" x14ac:dyDescent="0.3">
      <c r="A12144" s="13" t="s">
        <v>93</v>
      </c>
      <c r="B12144" s="14" t="s">
        <v>1</v>
      </c>
      <c r="C12144" s="14" t="s">
        <v>13</v>
      </c>
      <c r="D12144" s="14" t="s">
        <v>94</v>
      </c>
      <c r="E12144" s="15">
        <v>45475</v>
      </c>
      <c r="F12144" s="14" t="s">
        <v>15</v>
      </c>
      <c r="G12144" s="16">
        <v>0.5781899479466579</v>
      </c>
    </row>
    <row r="12145" spans="1:7" x14ac:dyDescent="0.3">
      <c r="A12145" s="13" t="s">
        <v>93</v>
      </c>
      <c r="B12145" s="14" t="s">
        <v>1</v>
      </c>
      <c r="C12145" s="14" t="s">
        <v>13</v>
      </c>
      <c r="D12145" s="14" t="s">
        <v>94</v>
      </c>
      <c r="E12145" s="15">
        <v>45476</v>
      </c>
      <c r="F12145" s="14" t="s">
        <v>15</v>
      </c>
      <c r="G12145" s="16">
        <v>0.58219311374576888</v>
      </c>
    </row>
    <row r="12146" spans="1:7" x14ac:dyDescent="0.3">
      <c r="A12146" s="13" t="s">
        <v>93</v>
      </c>
      <c r="B12146" s="14" t="s">
        <v>1</v>
      </c>
      <c r="C12146" s="14" t="s">
        <v>13</v>
      </c>
      <c r="D12146" s="14" t="s">
        <v>94</v>
      </c>
      <c r="E12146" s="15">
        <v>45477</v>
      </c>
      <c r="F12146" s="14" t="s">
        <v>15</v>
      </c>
      <c r="G12146" s="16">
        <v>0.58719627954487985</v>
      </c>
    </row>
    <row r="12147" spans="1:7" x14ac:dyDescent="0.3">
      <c r="A12147" s="13" t="s">
        <v>93</v>
      </c>
      <c r="B12147" s="14" t="s">
        <v>1</v>
      </c>
      <c r="C12147" s="14" t="s">
        <v>13</v>
      </c>
      <c r="D12147" s="14" t="s">
        <v>94</v>
      </c>
      <c r="E12147" s="15">
        <v>45478</v>
      </c>
      <c r="F12147" s="14" t="s">
        <v>15</v>
      </c>
      <c r="G12147" s="16">
        <v>0.59219944534399072</v>
      </c>
    </row>
    <row r="12148" spans="1:7" x14ac:dyDescent="0.3">
      <c r="A12148" s="13" t="s">
        <v>93</v>
      </c>
      <c r="B12148" s="14" t="s">
        <v>1</v>
      </c>
      <c r="C12148" s="14" t="s">
        <v>13</v>
      </c>
      <c r="D12148" s="14" t="s">
        <v>94</v>
      </c>
      <c r="E12148" s="15">
        <v>45479</v>
      </c>
      <c r="F12148" s="14" t="s">
        <v>15</v>
      </c>
      <c r="G12148" s="16">
        <v>0.59219944534399072</v>
      </c>
    </row>
    <row r="12149" spans="1:7" x14ac:dyDescent="0.3">
      <c r="A12149" s="13" t="s">
        <v>93</v>
      </c>
      <c r="B12149" s="14" t="s">
        <v>1</v>
      </c>
      <c r="C12149" s="14" t="s">
        <v>13</v>
      </c>
      <c r="D12149" s="14" t="s">
        <v>94</v>
      </c>
      <c r="E12149" s="15">
        <v>45480</v>
      </c>
      <c r="F12149" s="14" t="s">
        <v>15</v>
      </c>
      <c r="G12149" s="16">
        <v>0.59219944534399072</v>
      </c>
    </row>
    <row r="12150" spans="1:7" x14ac:dyDescent="0.3">
      <c r="A12150" s="13" t="s">
        <v>93</v>
      </c>
      <c r="B12150" s="14" t="s">
        <v>1</v>
      </c>
      <c r="C12150" s="14" t="s">
        <v>13</v>
      </c>
      <c r="D12150" s="14" t="s">
        <v>94</v>
      </c>
      <c r="E12150" s="15">
        <v>45481</v>
      </c>
      <c r="F12150" s="14" t="s">
        <v>15</v>
      </c>
      <c r="G12150" s="16">
        <v>0.59720261114310169</v>
      </c>
    </row>
    <row r="12151" spans="1:7" x14ac:dyDescent="0.3">
      <c r="A12151" s="13" t="s">
        <v>93</v>
      </c>
      <c r="B12151" s="14" t="s">
        <v>1</v>
      </c>
      <c r="C12151" s="14" t="s">
        <v>13</v>
      </c>
      <c r="D12151" s="14" t="s">
        <v>94</v>
      </c>
      <c r="E12151" s="15">
        <v>45482</v>
      </c>
      <c r="F12151" s="14" t="s">
        <v>15</v>
      </c>
      <c r="G12151" s="16">
        <v>0.61020577694221267</v>
      </c>
    </row>
    <row r="12152" spans="1:7" x14ac:dyDescent="0.3">
      <c r="A12152" s="13" t="s">
        <v>93</v>
      </c>
      <c r="B12152" s="14" t="s">
        <v>1</v>
      </c>
      <c r="C12152" s="14" t="s">
        <v>13</v>
      </c>
      <c r="D12152" s="14" t="s">
        <v>94</v>
      </c>
      <c r="E12152" s="15">
        <v>45483</v>
      </c>
      <c r="F12152" s="14" t="s">
        <v>15</v>
      </c>
      <c r="G12152" s="16">
        <v>0.61920894274132354</v>
      </c>
    </row>
    <row r="12153" spans="1:7" x14ac:dyDescent="0.3">
      <c r="A12153" s="13" t="s">
        <v>93</v>
      </c>
      <c r="B12153" s="14" t="s">
        <v>1</v>
      </c>
      <c r="C12153" s="14" t="s">
        <v>13</v>
      </c>
      <c r="D12153" s="14" t="s">
        <v>94</v>
      </c>
      <c r="E12153" s="15">
        <v>45484</v>
      </c>
      <c r="F12153" s="14" t="s">
        <v>15</v>
      </c>
      <c r="G12153" s="16">
        <v>0.62421210854043452</v>
      </c>
    </row>
    <row r="12154" spans="1:7" x14ac:dyDescent="0.3">
      <c r="A12154" s="13" t="s">
        <v>93</v>
      </c>
      <c r="B12154" s="14" t="s">
        <v>1</v>
      </c>
      <c r="C12154" s="14" t="s">
        <v>13</v>
      </c>
      <c r="D12154" s="14" t="s">
        <v>94</v>
      </c>
      <c r="E12154" s="15">
        <v>45485</v>
      </c>
      <c r="F12154" s="14" t="s">
        <v>15</v>
      </c>
      <c r="G12154" s="16">
        <v>0.6382152743395455</v>
      </c>
    </row>
    <row r="12155" spans="1:7" x14ac:dyDescent="0.3">
      <c r="A12155" s="13" t="s">
        <v>93</v>
      </c>
      <c r="B12155" s="14" t="s">
        <v>1</v>
      </c>
      <c r="C12155" s="14" t="s">
        <v>13</v>
      </c>
      <c r="D12155" s="14" t="s">
        <v>94</v>
      </c>
      <c r="E12155" s="15">
        <v>45486</v>
      </c>
      <c r="F12155" s="14" t="s">
        <v>15</v>
      </c>
      <c r="G12155" s="16">
        <v>0.6382152743395455</v>
      </c>
    </row>
    <row r="12156" spans="1:7" x14ac:dyDescent="0.3">
      <c r="A12156" s="13" t="s">
        <v>93</v>
      </c>
      <c r="B12156" s="14" t="s">
        <v>1</v>
      </c>
      <c r="C12156" s="14" t="s">
        <v>13</v>
      </c>
      <c r="D12156" s="14" t="s">
        <v>94</v>
      </c>
      <c r="E12156" s="15">
        <v>45487</v>
      </c>
      <c r="F12156" s="14" t="s">
        <v>15</v>
      </c>
      <c r="G12156" s="16">
        <v>0.6382152743395455</v>
      </c>
    </row>
    <row r="12157" spans="1:7" x14ac:dyDescent="0.3">
      <c r="A12157" s="13" t="s">
        <v>93</v>
      </c>
      <c r="B12157" s="14" t="s">
        <v>1</v>
      </c>
      <c r="C12157" s="14" t="s">
        <v>13</v>
      </c>
      <c r="D12157" s="14" t="s">
        <v>94</v>
      </c>
      <c r="E12157" s="15">
        <v>45488</v>
      </c>
      <c r="F12157" s="14" t="s">
        <v>15</v>
      </c>
      <c r="G12157" s="16">
        <v>0.64321844013865648</v>
      </c>
    </row>
    <row r="12158" spans="1:7" x14ac:dyDescent="0.3">
      <c r="A12158" s="13" t="s">
        <v>93</v>
      </c>
      <c r="B12158" s="14" t="s">
        <v>1</v>
      </c>
      <c r="C12158" s="14" t="s">
        <v>13</v>
      </c>
      <c r="D12158" s="14" t="s">
        <v>94</v>
      </c>
      <c r="E12158" s="15">
        <v>45489</v>
      </c>
      <c r="F12158" s="14" t="s">
        <v>15</v>
      </c>
      <c r="G12158" s="16">
        <v>0.65622160593776735</v>
      </c>
    </row>
    <row r="12159" spans="1:7" x14ac:dyDescent="0.3">
      <c r="A12159" s="13" t="s">
        <v>93</v>
      </c>
      <c r="B12159" s="14" t="s">
        <v>1</v>
      </c>
      <c r="C12159" s="14" t="s">
        <v>13</v>
      </c>
      <c r="D12159" s="14" t="s">
        <v>94</v>
      </c>
      <c r="E12159" s="15">
        <v>45490</v>
      </c>
      <c r="F12159" s="14" t="s">
        <v>15</v>
      </c>
      <c r="G12159" s="16">
        <v>0.66122477173687833</v>
      </c>
    </row>
    <row r="12160" spans="1:7" x14ac:dyDescent="0.3">
      <c r="A12160" s="13" t="s">
        <v>93</v>
      </c>
      <c r="B12160" s="14" t="s">
        <v>1</v>
      </c>
      <c r="C12160" s="14" t="s">
        <v>13</v>
      </c>
      <c r="D12160" s="14" t="s">
        <v>94</v>
      </c>
      <c r="E12160" s="15">
        <v>45491</v>
      </c>
      <c r="F12160" s="14" t="s">
        <v>15</v>
      </c>
      <c r="G12160" s="16">
        <v>0.66622793753598919</v>
      </c>
    </row>
    <row r="12161" spans="1:7" x14ac:dyDescent="0.3">
      <c r="A12161" s="13" t="s">
        <v>93</v>
      </c>
      <c r="B12161" s="14" t="s">
        <v>1</v>
      </c>
      <c r="C12161" s="14" t="s">
        <v>13</v>
      </c>
      <c r="D12161" s="14" t="s">
        <v>94</v>
      </c>
      <c r="E12161" s="15">
        <v>45492</v>
      </c>
      <c r="F12161" s="14" t="s">
        <v>15</v>
      </c>
      <c r="G12161" s="16">
        <v>0.67123110333510017</v>
      </c>
    </row>
    <row r="12162" spans="1:7" x14ac:dyDescent="0.3">
      <c r="A12162" s="13" t="s">
        <v>93</v>
      </c>
      <c r="B12162" s="14" t="s">
        <v>1</v>
      </c>
      <c r="C12162" s="14" t="s">
        <v>13</v>
      </c>
      <c r="D12162" s="14" t="s">
        <v>94</v>
      </c>
      <c r="E12162" s="15">
        <v>45493</v>
      </c>
      <c r="F12162" s="14" t="s">
        <v>15</v>
      </c>
      <c r="G12162" s="16">
        <v>0.67123110333510017</v>
      </c>
    </row>
    <row r="12163" spans="1:7" x14ac:dyDescent="0.3">
      <c r="A12163" s="13" t="s">
        <v>93</v>
      </c>
      <c r="B12163" s="14" t="s">
        <v>1</v>
      </c>
      <c r="C12163" s="14" t="s">
        <v>13</v>
      </c>
      <c r="D12163" s="14" t="s">
        <v>94</v>
      </c>
      <c r="E12163" s="15">
        <v>45494</v>
      </c>
      <c r="F12163" s="14" t="s">
        <v>15</v>
      </c>
      <c r="G12163" s="16">
        <v>0.67123110333510017</v>
      </c>
    </row>
    <row r="12164" spans="1:7" x14ac:dyDescent="0.3">
      <c r="A12164" s="13" t="s">
        <v>93</v>
      </c>
      <c r="B12164" s="14" t="s">
        <v>1</v>
      </c>
      <c r="C12164" s="14" t="s">
        <v>13</v>
      </c>
      <c r="D12164" s="14" t="s">
        <v>94</v>
      </c>
      <c r="E12164" s="15">
        <v>45495</v>
      </c>
      <c r="F12164" s="14" t="s">
        <v>15</v>
      </c>
      <c r="G12164" s="16">
        <v>0.67523426913421114</v>
      </c>
    </row>
    <row r="12165" spans="1:7" x14ac:dyDescent="0.3">
      <c r="A12165" s="13" t="s">
        <v>93</v>
      </c>
      <c r="B12165" s="14" t="s">
        <v>1</v>
      </c>
      <c r="C12165" s="14" t="s">
        <v>13</v>
      </c>
      <c r="D12165" s="14" t="s">
        <v>94</v>
      </c>
      <c r="E12165" s="15">
        <v>45496</v>
      </c>
      <c r="F12165" s="14" t="s">
        <v>15</v>
      </c>
      <c r="G12165" s="16">
        <v>0.68823743493332201</v>
      </c>
    </row>
    <row r="12166" spans="1:7" x14ac:dyDescent="0.3">
      <c r="A12166" s="13" t="s">
        <v>93</v>
      </c>
      <c r="B12166" s="14" t="s">
        <v>1</v>
      </c>
      <c r="C12166" s="14" t="s">
        <v>13</v>
      </c>
      <c r="D12166" s="14" t="s">
        <v>94</v>
      </c>
      <c r="E12166" s="15">
        <v>45497</v>
      </c>
      <c r="F12166" s="14" t="s">
        <v>15</v>
      </c>
      <c r="G12166" s="16">
        <v>0.69324060073243299</v>
      </c>
    </row>
    <row r="12167" spans="1:7" x14ac:dyDescent="0.3">
      <c r="A12167" s="13" t="s">
        <v>93</v>
      </c>
      <c r="B12167" s="14" t="s">
        <v>1</v>
      </c>
      <c r="C12167" s="14" t="s">
        <v>13</v>
      </c>
      <c r="D12167" s="14" t="s">
        <v>94</v>
      </c>
      <c r="E12167" s="15">
        <v>45498</v>
      </c>
      <c r="F12167" s="14" t="s">
        <v>15</v>
      </c>
      <c r="G12167" s="16">
        <v>0.69824376653154396</v>
      </c>
    </row>
    <row r="12168" spans="1:7" x14ac:dyDescent="0.3">
      <c r="A12168" s="13" t="s">
        <v>93</v>
      </c>
      <c r="B12168" s="14" t="s">
        <v>1</v>
      </c>
      <c r="C12168" s="14" t="s">
        <v>13</v>
      </c>
      <c r="D12168" s="14" t="s">
        <v>94</v>
      </c>
      <c r="E12168" s="15">
        <v>45499</v>
      </c>
      <c r="F12168" s="14" t="s">
        <v>15</v>
      </c>
      <c r="G12168" s="16">
        <v>0.70324693233065483</v>
      </c>
    </row>
    <row r="12169" spans="1:7" x14ac:dyDescent="0.3">
      <c r="A12169" s="13" t="s">
        <v>93</v>
      </c>
      <c r="B12169" s="14" t="s">
        <v>1</v>
      </c>
      <c r="C12169" s="14" t="s">
        <v>13</v>
      </c>
      <c r="D12169" s="14" t="s">
        <v>94</v>
      </c>
      <c r="E12169" s="15">
        <v>45500</v>
      </c>
      <c r="F12169" s="14" t="s">
        <v>15</v>
      </c>
      <c r="G12169" s="16">
        <v>0.70324693233065483</v>
      </c>
    </row>
    <row r="12170" spans="1:7" x14ac:dyDescent="0.3">
      <c r="A12170" s="13" t="s">
        <v>93</v>
      </c>
      <c r="B12170" s="14" t="s">
        <v>1</v>
      </c>
      <c r="C12170" s="14" t="s">
        <v>13</v>
      </c>
      <c r="D12170" s="14" t="s">
        <v>94</v>
      </c>
      <c r="E12170" s="15">
        <v>45501</v>
      </c>
      <c r="F12170" s="14" t="s">
        <v>15</v>
      </c>
      <c r="G12170" s="16">
        <v>0.70324693233065483</v>
      </c>
    </row>
    <row r="12171" spans="1:7" x14ac:dyDescent="0.3">
      <c r="A12171" s="13" t="s">
        <v>93</v>
      </c>
      <c r="B12171" s="14" t="s">
        <v>1</v>
      </c>
      <c r="C12171" s="14" t="s">
        <v>13</v>
      </c>
      <c r="D12171" s="14" t="s">
        <v>94</v>
      </c>
      <c r="E12171" s="15">
        <v>45502</v>
      </c>
      <c r="F12171" s="14" t="s">
        <v>15</v>
      </c>
      <c r="G12171" s="16">
        <v>0.7082500981297658</v>
      </c>
    </row>
    <row r="12172" spans="1:7" x14ac:dyDescent="0.3">
      <c r="A12172" s="13" t="s">
        <v>93</v>
      </c>
      <c r="B12172" s="14" t="s">
        <v>1</v>
      </c>
      <c r="C12172" s="14" t="s">
        <v>13</v>
      </c>
      <c r="D12172" s="14" t="s">
        <v>94</v>
      </c>
      <c r="E12172" s="15">
        <v>45503</v>
      </c>
      <c r="F12172" s="14" t="s">
        <v>15</v>
      </c>
      <c r="G12172" s="16">
        <v>0.72125326392887668</v>
      </c>
    </row>
    <row r="12173" spans="1:7" x14ac:dyDescent="0.3">
      <c r="A12173" s="13" t="s">
        <v>93</v>
      </c>
      <c r="B12173" s="14" t="s">
        <v>1</v>
      </c>
      <c r="C12173" s="14" t="s">
        <v>13</v>
      </c>
      <c r="D12173" s="14" t="s">
        <v>94</v>
      </c>
      <c r="E12173" s="15">
        <v>45504</v>
      </c>
      <c r="F12173" s="14" t="s">
        <v>15</v>
      </c>
      <c r="G12173" s="16">
        <v>0.72725642972798776</v>
      </c>
    </row>
    <row r="12174" spans="1:7" x14ac:dyDescent="0.3">
      <c r="A12174" s="13" t="s">
        <v>93</v>
      </c>
      <c r="B12174" s="14" t="s">
        <v>1</v>
      </c>
      <c r="C12174" s="14" t="s">
        <v>13</v>
      </c>
      <c r="D12174" s="14" t="s">
        <v>94</v>
      </c>
      <c r="E12174" s="15">
        <v>45505</v>
      </c>
      <c r="F12174" s="14" t="s">
        <v>15</v>
      </c>
      <c r="G12174" s="16">
        <v>0.72725642972798776</v>
      </c>
    </row>
    <row r="12175" spans="1:7" x14ac:dyDescent="0.3">
      <c r="A12175" s="13" t="s">
        <v>93</v>
      </c>
      <c r="B12175" s="14" t="s">
        <v>1</v>
      </c>
      <c r="C12175" s="14" t="s">
        <v>13</v>
      </c>
      <c r="D12175" s="14" t="s">
        <v>94</v>
      </c>
      <c r="E12175" s="15">
        <v>45506</v>
      </c>
      <c r="F12175" s="14" t="s">
        <v>15</v>
      </c>
      <c r="G12175" s="16">
        <v>0.73225959552709863</v>
      </c>
    </row>
    <row r="12176" spans="1:7" x14ac:dyDescent="0.3">
      <c r="A12176" s="13" t="s">
        <v>93</v>
      </c>
      <c r="B12176" s="14" t="s">
        <v>1</v>
      </c>
      <c r="C12176" s="14" t="s">
        <v>13</v>
      </c>
      <c r="D12176" s="14" t="s">
        <v>94</v>
      </c>
      <c r="E12176" s="15">
        <v>45507</v>
      </c>
      <c r="F12176" s="14" t="s">
        <v>15</v>
      </c>
      <c r="G12176" s="16">
        <v>0.73225959552709863</v>
      </c>
    </row>
    <row r="12177" spans="1:7" x14ac:dyDescent="0.3">
      <c r="A12177" s="13" t="s">
        <v>93</v>
      </c>
      <c r="B12177" s="14" t="s">
        <v>1</v>
      </c>
      <c r="C12177" s="14" t="s">
        <v>13</v>
      </c>
      <c r="D12177" s="14" t="s">
        <v>94</v>
      </c>
      <c r="E12177" s="15">
        <v>45508</v>
      </c>
      <c r="F12177" s="14" t="s">
        <v>15</v>
      </c>
      <c r="G12177" s="16">
        <v>0.73225959552709863</v>
      </c>
    </row>
    <row r="12178" spans="1:7" x14ac:dyDescent="0.3">
      <c r="A12178" s="13" t="s">
        <v>93</v>
      </c>
      <c r="B12178" s="14" t="s">
        <v>1</v>
      </c>
      <c r="C12178" s="14" t="s">
        <v>13</v>
      </c>
      <c r="D12178" s="14" t="s">
        <v>94</v>
      </c>
      <c r="E12178" s="15">
        <v>45509</v>
      </c>
      <c r="F12178" s="14" t="s">
        <v>15</v>
      </c>
      <c r="G12178" s="16">
        <v>0.73225959552709863</v>
      </c>
    </row>
    <row r="12179" spans="1:7" x14ac:dyDescent="0.3">
      <c r="A12179" s="13" t="s">
        <v>93</v>
      </c>
      <c r="B12179" s="14" t="s">
        <v>1</v>
      </c>
      <c r="C12179" s="14" t="s">
        <v>13</v>
      </c>
      <c r="D12179" s="14" t="s">
        <v>94</v>
      </c>
      <c r="E12179" s="15">
        <v>45510</v>
      </c>
      <c r="F12179" s="14" t="s">
        <v>15</v>
      </c>
      <c r="G12179" s="16">
        <v>0.76326276132620963</v>
      </c>
    </row>
    <row r="12180" spans="1:7" x14ac:dyDescent="0.3">
      <c r="A12180" s="13" t="s">
        <v>93</v>
      </c>
      <c r="B12180" s="14" t="s">
        <v>1</v>
      </c>
      <c r="C12180" s="14" t="s">
        <v>13</v>
      </c>
      <c r="D12180" s="14" t="s">
        <v>94</v>
      </c>
      <c r="E12180" s="15">
        <v>45511</v>
      </c>
      <c r="F12180" s="14" t="s">
        <v>15</v>
      </c>
      <c r="G12180" s="16">
        <v>0.78726592712532062</v>
      </c>
    </row>
    <row r="12181" spans="1:7" x14ac:dyDescent="0.3">
      <c r="A12181" s="13" t="s">
        <v>93</v>
      </c>
      <c r="B12181" s="14" t="s">
        <v>1</v>
      </c>
      <c r="C12181" s="14" t="s">
        <v>13</v>
      </c>
      <c r="D12181" s="14" t="s">
        <v>94</v>
      </c>
      <c r="E12181" s="15">
        <v>45512</v>
      </c>
      <c r="F12181" s="14" t="s">
        <v>15</v>
      </c>
      <c r="G12181" s="16">
        <v>0.79226909292443159</v>
      </c>
    </row>
    <row r="12182" spans="1:7" x14ac:dyDescent="0.3">
      <c r="A12182" s="13" t="s">
        <v>93</v>
      </c>
      <c r="B12182" s="14" t="s">
        <v>1</v>
      </c>
      <c r="C12182" s="14" t="s">
        <v>13</v>
      </c>
      <c r="D12182" s="14" t="s">
        <v>94</v>
      </c>
      <c r="E12182" s="15">
        <v>45513</v>
      </c>
      <c r="F12182" s="14" t="s">
        <v>15</v>
      </c>
      <c r="G12182" s="16">
        <v>0.79727225872354246</v>
      </c>
    </row>
    <row r="12183" spans="1:7" x14ac:dyDescent="0.3">
      <c r="A12183" s="13" t="s">
        <v>93</v>
      </c>
      <c r="B12183" s="14" t="s">
        <v>1</v>
      </c>
      <c r="C12183" s="14" t="s">
        <v>13</v>
      </c>
      <c r="D12183" s="14" t="s">
        <v>94</v>
      </c>
      <c r="E12183" s="15">
        <v>45514</v>
      </c>
      <c r="F12183" s="14" t="s">
        <v>15</v>
      </c>
      <c r="G12183" s="16">
        <v>0.79727225872354246</v>
      </c>
    </row>
    <row r="12184" spans="1:7" x14ac:dyDescent="0.3">
      <c r="A12184" s="13" t="s">
        <v>93</v>
      </c>
      <c r="B12184" s="14" t="s">
        <v>1</v>
      </c>
      <c r="C12184" s="14" t="s">
        <v>13</v>
      </c>
      <c r="D12184" s="14" t="s">
        <v>94</v>
      </c>
      <c r="E12184" s="15">
        <v>45515</v>
      </c>
      <c r="F12184" s="14" t="s">
        <v>15</v>
      </c>
      <c r="G12184" s="16">
        <v>0.79727225872354246</v>
      </c>
    </row>
    <row r="12185" spans="1:7" x14ac:dyDescent="0.3">
      <c r="A12185" s="13" t="s">
        <v>93</v>
      </c>
      <c r="B12185" s="14" t="s">
        <v>1</v>
      </c>
      <c r="C12185" s="14" t="s">
        <v>13</v>
      </c>
      <c r="D12185" s="14" t="s">
        <v>94</v>
      </c>
      <c r="E12185" s="15">
        <v>45516</v>
      </c>
      <c r="F12185" s="14" t="s">
        <v>15</v>
      </c>
      <c r="G12185" s="16">
        <v>0.80227542452265355</v>
      </c>
    </row>
    <row r="12186" spans="1:7" x14ac:dyDescent="0.3">
      <c r="A12186" s="13" t="s">
        <v>93</v>
      </c>
      <c r="B12186" s="14" t="s">
        <v>1</v>
      </c>
      <c r="C12186" s="14" t="s">
        <v>13</v>
      </c>
      <c r="D12186" s="14" t="s">
        <v>94</v>
      </c>
      <c r="E12186" s="15">
        <v>45517</v>
      </c>
      <c r="F12186" s="14" t="s">
        <v>15</v>
      </c>
      <c r="G12186" s="16">
        <v>0.81527859032176442</v>
      </c>
    </row>
    <row r="12187" spans="1:7" x14ac:dyDescent="0.3">
      <c r="A12187" s="13" t="s">
        <v>93</v>
      </c>
      <c r="B12187" s="14" t="s">
        <v>1</v>
      </c>
      <c r="C12187" s="14" t="s">
        <v>13</v>
      </c>
      <c r="D12187" s="14" t="s">
        <v>94</v>
      </c>
      <c r="E12187" s="15">
        <v>45518</v>
      </c>
      <c r="F12187" s="14" t="s">
        <v>15</v>
      </c>
      <c r="G12187" s="16">
        <v>0.82028175612087539</v>
      </c>
    </row>
    <row r="12188" spans="1:7" x14ac:dyDescent="0.3">
      <c r="A12188" s="13" t="s">
        <v>93</v>
      </c>
      <c r="B12188" s="14" t="s">
        <v>1</v>
      </c>
      <c r="C12188" s="14" t="s">
        <v>13</v>
      </c>
      <c r="D12188" s="14" t="s">
        <v>94</v>
      </c>
      <c r="E12188" s="15">
        <v>45519</v>
      </c>
      <c r="F12188" s="14" t="s">
        <v>15</v>
      </c>
      <c r="G12188" s="16">
        <v>0.82528492191998626</v>
      </c>
    </row>
    <row r="12189" spans="1:7" x14ac:dyDescent="0.3">
      <c r="A12189" s="13" t="s">
        <v>93</v>
      </c>
      <c r="B12189" s="14" t="s">
        <v>1</v>
      </c>
      <c r="C12189" s="14" t="s">
        <v>13</v>
      </c>
      <c r="D12189" s="14" t="s">
        <v>94</v>
      </c>
      <c r="E12189" s="15">
        <v>45520</v>
      </c>
      <c r="F12189" s="14" t="s">
        <v>15</v>
      </c>
      <c r="G12189" s="16">
        <v>0.83028808771909723</v>
      </c>
    </row>
    <row r="12190" spans="1:7" x14ac:dyDescent="0.3">
      <c r="A12190" s="13" t="s">
        <v>93</v>
      </c>
      <c r="B12190" s="14" t="s">
        <v>1</v>
      </c>
      <c r="C12190" s="14" t="s">
        <v>13</v>
      </c>
      <c r="D12190" s="14" t="s">
        <v>94</v>
      </c>
      <c r="E12190" s="15">
        <v>45521</v>
      </c>
      <c r="F12190" s="14" t="s">
        <v>15</v>
      </c>
      <c r="G12190" s="16">
        <v>0.83028808771909723</v>
      </c>
    </row>
    <row r="12191" spans="1:7" x14ac:dyDescent="0.3">
      <c r="A12191" s="13" t="s">
        <v>93</v>
      </c>
      <c r="B12191" s="14" t="s">
        <v>1</v>
      </c>
      <c r="C12191" s="14" t="s">
        <v>13</v>
      </c>
      <c r="D12191" s="14" t="s">
        <v>94</v>
      </c>
      <c r="E12191" s="15">
        <v>45522</v>
      </c>
      <c r="F12191" s="14" t="s">
        <v>15</v>
      </c>
      <c r="G12191" s="16">
        <v>0.83028808771909723</v>
      </c>
    </row>
    <row r="12192" spans="1:7" x14ac:dyDescent="0.3">
      <c r="A12192" s="13" t="s">
        <v>93</v>
      </c>
      <c r="B12192" s="14" t="s">
        <v>1</v>
      </c>
      <c r="C12192" s="14" t="s">
        <v>13</v>
      </c>
      <c r="D12192" s="14" t="s">
        <v>94</v>
      </c>
      <c r="E12192" s="15">
        <v>45523</v>
      </c>
      <c r="F12192" s="14" t="s">
        <v>15</v>
      </c>
      <c r="G12192" s="16">
        <v>0.83529125351820821</v>
      </c>
    </row>
    <row r="12193" spans="1:7" x14ac:dyDescent="0.3">
      <c r="A12193" s="13" t="s">
        <v>93</v>
      </c>
      <c r="B12193" s="14" t="s">
        <v>1</v>
      </c>
      <c r="C12193" s="14" t="s">
        <v>13</v>
      </c>
      <c r="D12193" s="14" t="s">
        <v>94</v>
      </c>
      <c r="E12193" s="15">
        <v>45524</v>
      </c>
      <c r="F12193" s="14" t="s">
        <v>15</v>
      </c>
      <c r="G12193" s="16">
        <v>0.84829441931731908</v>
      </c>
    </row>
    <row r="12194" spans="1:7" x14ac:dyDescent="0.3">
      <c r="A12194" s="13" t="s">
        <v>93</v>
      </c>
      <c r="B12194" s="14" t="s">
        <v>1</v>
      </c>
      <c r="C12194" s="14" t="s">
        <v>13</v>
      </c>
      <c r="D12194" s="14" t="s">
        <v>94</v>
      </c>
      <c r="E12194" s="15">
        <v>45525</v>
      </c>
      <c r="F12194" s="14" t="s">
        <v>15</v>
      </c>
      <c r="G12194" s="16">
        <v>0.85229758511643006</v>
      </c>
    </row>
    <row r="12195" spans="1:7" x14ac:dyDescent="0.3">
      <c r="A12195" s="13" t="s">
        <v>93</v>
      </c>
      <c r="B12195" s="14" t="s">
        <v>1</v>
      </c>
      <c r="C12195" s="14" t="s">
        <v>13</v>
      </c>
      <c r="D12195" s="14" t="s">
        <v>94</v>
      </c>
      <c r="E12195" s="15">
        <v>45526</v>
      </c>
      <c r="F12195" s="14" t="s">
        <v>15</v>
      </c>
      <c r="G12195" s="16">
        <v>0.88330075091554094</v>
      </c>
    </row>
    <row r="12196" spans="1:7" x14ac:dyDescent="0.3">
      <c r="A12196" s="13" t="s">
        <v>93</v>
      </c>
      <c r="B12196" s="14" t="s">
        <v>1</v>
      </c>
      <c r="C12196" s="14" t="s">
        <v>13</v>
      </c>
      <c r="D12196" s="14" t="s">
        <v>94</v>
      </c>
      <c r="E12196" s="15">
        <v>45527</v>
      </c>
      <c r="F12196" s="14" t="s">
        <v>15</v>
      </c>
      <c r="G12196" s="16">
        <v>0.89330391671465192</v>
      </c>
    </row>
    <row r="12197" spans="1:7" x14ac:dyDescent="0.3">
      <c r="A12197" s="13" t="s">
        <v>93</v>
      </c>
      <c r="B12197" s="14" t="s">
        <v>1</v>
      </c>
      <c r="C12197" s="14" t="s">
        <v>13</v>
      </c>
      <c r="D12197" s="14" t="s">
        <v>94</v>
      </c>
      <c r="E12197" s="15">
        <v>45528</v>
      </c>
      <c r="F12197" s="14" t="s">
        <v>15</v>
      </c>
      <c r="G12197" s="16">
        <v>0.89330391671465192</v>
      </c>
    </row>
    <row r="12198" spans="1:7" x14ac:dyDescent="0.3">
      <c r="A12198" s="13" t="s">
        <v>93</v>
      </c>
      <c r="B12198" s="14" t="s">
        <v>1</v>
      </c>
      <c r="C12198" s="14" t="s">
        <v>13</v>
      </c>
      <c r="D12198" s="14" t="s">
        <v>94</v>
      </c>
      <c r="E12198" s="15">
        <v>45529</v>
      </c>
      <c r="F12198" s="14" t="s">
        <v>15</v>
      </c>
      <c r="G12198" s="16">
        <v>0.89330391671465192</v>
      </c>
    </row>
    <row r="12199" spans="1:7" x14ac:dyDescent="0.3">
      <c r="A12199" s="13" t="s">
        <v>93</v>
      </c>
      <c r="B12199" s="14" t="s">
        <v>1</v>
      </c>
      <c r="C12199" s="14" t="s">
        <v>13</v>
      </c>
      <c r="D12199" s="14" t="s">
        <v>94</v>
      </c>
      <c r="E12199" s="15">
        <v>45530</v>
      </c>
      <c r="F12199" s="14" t="s">
        <v>15</v>
      </c>
      <c r="G12199" s="16">
        <v>0.8983070825137629</v>
      </c>
    </row>
    <row r="12200" spans="1:7" x14ac:dyDescent="0.3">
      <c r="A12200" s="13" t="s">
        <v>93</v>
      </c>
      <c r="B12200" s="14" t="s">
        <v>1</v>
      </c>
      <c r="C12200" s="14" t="s">
        <v>13</v>
      </c>
      <c r="D12200" s="14" t="s">
        <v>94</v>
      </c>
      <c r="E12200" s="15">
        <v>45531</v>
      </c>
      <c r="F12200" s="14" t="s">
        <v>15</v>
      </c>
      <c r="G12200" s="16">
        <v>0.91131024831287388</v>
      </c>
    </row>
    <row r="12201" spans="1:7" x14ac:dyDescent="0.3">
      <c r="A12201" s="13" t="s">
        <v>93</v>
      </c>
      <c r="B12201" s="14" t="s">
        <v>1</v>
      </c>
      <c r="C12201" s="14" t="s">
        <v>13</v>
      </c>
      <c r="D12201" s="14" t="s">
        <v>94</v>
      </c>
      <c r="E12201" s="15">
        <v>45532</v>
      </c>
      <c r="F12201" s="14" t="s">
        <v>15</v>
      </c>
      <c r="G12201" s="16">
        <v>0.91831341411198475</v>
      </c>
    </row>
    <row r="12202" spans="1:7" x14ac:dyDescent="0.3">
      <c r="A12202" s="13" t="s">
        <v>93</v>
      </c>
      <c r="B12202" s="14" t="s">
        <v>1</v>
      </c>
      <c r="C12202" s="14" t="s">
        <v>13</v>
      </c>
      <c r="D12202" s="14" t="s">
        <v>94</v>
      </c>
      <c r="E12202" s="15">
        <v>45533</v>
      </c>
      <c r="F12202" s="14" t="s">
        <v>15</v>
      </c>
      <c r="G12202" s="16">
        <v>0.92331657991109561</v>
      </c>
    </row>
    <row r="12203" spans="1:7" x14ac:dyDescent="0.3">
      <c r="A12203" s="13" t="s">
        <v>93</v>
      </c>
      <c r="B12203" s="14" t="s">
        <v>1</v>
      </c>
      <c r="C12203" s="14" t="s">
        <v>13</v>
      </c>
      <c r="D12203" s="14" t="s">
        <v>94</v>
      </c>
      <c r="E12203" s="15">
        <v>45534</v>
      </c>
      <c r="F12203" s="14" t="s">
        <v>15</v>
      </c>
      <c r="G12203" s="16">
        <v>0.92831974571020659</v>
      </c>
    </row>
    <row r="12204" spans="1:7" x14ac:dyDescent="0.3">
      <c r="A12204" s="13" t="s">
        <v>93</v>
      </c>
      <c r="B12204" s="14" t="s">
        <v>1</v>
      </c>
      <c r="C12204" s="14" t="s">
        <v>13</v>
      </c>
      <c r="D12204" s="14" t="s">
        <v>94</v>
      </c>
      <c r="E12204" s="15">
        <v>45535</v>
      </c>
      <c r="F12204" s="14" t="s">
        <v>15</v>
      </c>
      <c r="G12204" s="16">
        <v>0.92831974571020659</v>
      </c>
    </row>
    <row r="12205" spans="1:7" x14ac:dyDescent="0.3">
      <c r="A12205" s="13" t="s">
        <v>93</v>
      </c>
      <c r="B12205" s="14" t="s">
        <v>1</v>
      </c>
      <c r="C12205" s="14" t="s">
        <v>13</v>
      </c>
      <c r="D12205" s="14" t="s">
        <v>94</v>
      </c>
      <c r="E12205" s="15">
        <v>45536</v>
      </c>
      <c r="F12205" s="14" t="s">
        <v>15</v>
      </c>
      <c r="G12205" s="16">
        <v>0.92831974571020659</v>
      </c>
    </row>
    <row r="12206" spans="1:7" x14ac:dyDescent="0.3">
      <c r="A12206" s="13" t="s">
        <v>93</v>
      </c>
      <c r="B12206" s="14" t="s">
        <v>1</v>
      </c>
      <c r="C12206" s="14" t="s">
        <v>13</v>
      </c>
      <c r="D12206" s="14" t="s">
        <v>94</v>
      </c>
      <c r="E12206" s="15">
        <v>45537</v>
      </c>
      <c r="F12206" s="14" t="s">
        <v>15</v>
      </c>
      <c r="G12206" s="16">
        <v>0.93332291150931757</v>
      </c>
    </row>
    <row r="12207" spans="1:7" x14ac:dyDescent="0.3">
      <c r="A12207" s="13" t="s">
        <v>93</v>
      </c>
      <c r="B12207" s="14" t="s">
        <v>1</v>
      </c>
      <c r="C12207" s="14" t="s">
        <v>13</v>
      </c>
      <c r="D12207" s="14" t="s">
        <v>94</v>
      </c>
      <c r="E12207" s="15">
        <v>45538</v>
      </c>
      <c r="F12207" s="14" t="s">
        <v>15</v>
      </c>
      <c r="G12207" s="16">
        <v>0.95432607730842844</v>
      </c>
    </row>
    <row r="12208" spans="1:7" x14ac:dyDescent="0.3">
      <c r="A12208" s="13" t="s">
        <v>93</v>
      </c>
      <c r="B12208" s="14" t="s">
        <v>1</v>
      </c>
      <c r="C12208" s="14" t="s">
        <v>13</v>
      </c>
      <c r="D12208" s="14" t="s">
        <v>94</v>
      </c>
      <c r="E12208" s="15">
        <v>45539</v>
      </c>
      <c r="F12208" s="14" t="s">
        <v>15</v>
      </c>
      <c r="G12208" s="16">
        <v>0.95832924310753942</v>
      </c>
    </row>
    <row r="12209" spans="1:7" x14ac:dyDescent="0.3">
      <c r="A12209" s="13" t="s">
        <v>93</v>
      </c>
      <c r="B12209" s="14" t="s">
        <v>1</v>
      </c>
      <c r="C12209" s="14" t="s">
        <v>13</v>
      </c>
      <c r="D12209" s="14" t="s">
        <v>94</v>
      </c>
      <c r="E12209" s="15">
        <v>45540</v>
      </c>
      <c r="F12209" s="14" t="s">
        <v>15</v>
      </c>
      <c r="G12209" s="16">
        <v>0.9683324089066504</v>
      </c>
    </row>
    <row r="12210" spans="1:7" x14ac:dyDescent="0.3">
      <c r="A12210" s="13" t="s">
        <v>93</v>
      </c>
      <c r="B12210" s="14" t="s">
        <v>1</v>
      </c>
      <c r="C12210" s="14" t="s">
        <v>13</v>
      </c>
      <c r="D12210" s="14" t="s">
        <v>94</v>
      </c>
      <c r="E12210" s="15">
        <v>45541</v>
      </c>
      <c r="F12210" s="14" t="s">
        <v>15</v>
      </c>
      <c r="G12210" s="16">
        <v>0.97333557470576137</v>
      </c>
    </row>
    <row r="12211" spans="1:7" x14ac:dyDescent="0.3">
      <c r="A12211" s="13" t="s">
        <v>93</v>
      </c>
      <c r="B12211" s="14" t="s">
        <v>1</v>
      </c>
      <c r="C12211" s="14" t="s">
        <v>13</v>
      </c>
      <c r="D12211" s="14" t="s">
        <v>94</v>
      </c>
      <c r="E12211" s="15">
        <v>45542</v>
      </c>
      <c r="F12211" s="14" t="s">
        <v>15</v>
      </c>
      <c r="G12211" s="16">
        <v>0.97333557470576137</v>
      </c>
    </row>
    <row r="12212" spans="1:7" x14ac:dyDescent="0.3">
      <c r="A12212" s="13" t="s">
        <v>93</v>
      </c>
      <c r="B12212" s="14" t="s">
        <v>1</v>
      </c>
      <c r="C12212" s="14" t="s">
        <v>13</v>
      </c>
      <c r="D12212" s="14" t="s">
        <v>94</v>
      </c>
      <c r="E12212" s="15">
        <v>45543</v>
      </c>
      <c r="F12212" s="14" t="s">
        <v>15</v>
      </c>
      <c r="G12212" s="16">
        <v>0.97333557470576137</v>
      </c>
    </row>
    <row r="12213" spans="1:7" x14ac:dyDescent="0.3">
      <c r="A12213" s="13" t="s">
        <v>93</v>
      </c>
      <c r="B12213" s="14" t="s">
        <v>1</v>
      </c>
      <c r="C12213" s="14" t="s">
        <v>13</v>
      </c>
      <c r="D12213" s="14" t="s">
        <v>94</v>
      </c>
      <c r="E12213" s="15">
        <v>45544</v>
      </c>
      <c r="F12213" s="14" t="s">
        <v>15</v>
      </c>
      <c r="G12213" s="16">
        <v>0.97833874050487224</v>
      </c>
    </row>
    <row r="12214" spans="1:7" x14ac:dyDescent="0.3">
      <c r="A12214" s="13" t="s">
        <v>93</v>
      </c>
      <c r="B12214" s="14" t="s">
        <v>1</v>
      </c>
      <c r="C12214" s="14" t="s">
        <v>13</v>
      </c>
      <c r="D12214" s="14" t="s">
        <v>94</v>
      </c>
      <c r="E12214" s="15">
        <v>45545</v>
      </c>
      <c r="F12214" s="14" t="s">
        <v>15</v>
      </c>
      <c r="G12214" s="16">
        <v>0.99234190630398322</v>
      </c>
    </row>
    <row r="12215" spans="1:7" x14ac:dyDescent="0.3">
      <c r="A12215" s="13" t="s">
        <v>93</v>
      </c>
      <c r="B12215" s="14" t="s">
        <v>1</v>
      </c>
      <c r="C12215" s="14" t="s">
        <v>13</v>
      </c>
      <c r="D12215" s="14" t="s">
        <v>94</v>
      </c>
      <c r="E12215" s="15">
        <v>45546</v>
      </c>
      <c r="F12215" s="14" t="s">
        <v>15</v>
      </c>
      <c r="G12215" s="16">
        <v>0.99734507210309409</v>
      </c>
    </row>
    <row r="12216" spans="1:7" x14ac:dyDescent="0.3">
      <c r="A12216" s="13" t="s">
        <v>93</v>
      </c>
      <c r="B12216" s="14" t="s">
        <v>1</v>
      </c>
      <c r="C12216" s="14" t="s">
        <v>13</v>
      </c>
      <c r="D12216" s="14" t="s">
        <v>94</v>
      </c>
      <c r="E12216" s="15">
        <v>45547</v>
      </c>
      <c r="F12216" s="14" t="s">
        <v>15</v>
      </c>
      <c r="G12216" s="16">
        <v>1.0023482379022051</v>
      </c>
    </row>
    <row r="12217" spans="1:7" x14ac:dyDescent="0.3">
      <c r="A12217" s="13" t="s">
        <v>93</v>
      </c>
      <c r="B12217" s="14" t="s">
        <v>1</v>
      </c>
      <c r="C12217" s="14" t="s">
        <v>13</v>
      </c>
      <c r="D12217" s="14" t="s">
        <v>94</v>
      </c>
      <c r="E12217" s="15">
        <v>45548</v>
      </c>
      <c r="F12217" s="14" t="s">
        <v>15</v>
      </c>
      <c r="G12217" s="16">
        <v>1.032351403701316</v>
      </c>
    </row>
    <row r="12218" spans="1:7" x14ac:dyDescent="0.3">
      <c r="A12218" s="13" t="s">
        <v>93</v>
      </c>
      <c r="B12218" s="14" t="s">
        <v>1</v>
      </c>
      <c r="C12218" s="14" t="s">
        <v>13</v>
      </c>
      <c r="D12218" s="14" t="s">
        <v>94</v>
      </c>
      <c r="E12218" s="15">
        <v>45549</v>
      </c>
      <c r="F12218" s="14" t="s">
        <v>15</v>
      </c>
      <c r="G12218" s="16">
        <v>1.032351403701316</v>
      </c>
    </row>
    <row r="12219" spans="1:7" x14ac:dyDescent="0.3">
      <c r="A12219" s="13" t="s">
        <v>93</v>
      </c>
      <c r="B12219" s="14" t="s">
        <v>1</v>
      </c>
      <c r="C12219" s="14" t="s">
        <v>13</v>
      </c>
      <c r="D12219" s="14" t="s">
        <v>94</v>
      </c>
      <c r="E12219" s="15">
        <v>45550</v>
      </c>
      <c r="F12219" s="14" t="s">
        <v>15</v>
      </c>
      <c r="G12219" s="16">
        <v>1.032351403701316</v>
      </c>
    </row>
    <row r="12220" spans="1:7" x14ac:dyDescent="0.3">
      <c r="A12220" s="13" t="s">
        <v>93</v>
      </c>
      <c r="B12220" s="14" t="s">
        <v>1</v>
      </c>
      <c r="C12220" s="14" t="s">
        <v>13</v>
      </c>
      <c r="D12220" s="14" t="s">
        <v>94</v>
      </c>
      <c r="E12220" s="15">
        <v>45551</v>
      </c>
      <c r="F12220" s="14" t="s">
        <v>15</v>
      </c>
      <c r="G12220" s="16">
        <v>1.0373545695004269</v>
      </c>
    </row>
    <row r="12221" spans="1:7" x14ac:dyDescent="0.3">
      <c r="A12221" s="13" t="s">
        <v>93</v>
      </c>
      <c r="B12221" s="14" t="s">
        <v>1</v>
      </c>
      <c r="C12221" s="14" t="s">
        <v>13</v>
      </c>
      <c r="D12221" s="14" t="s">
        <v>94</v>
      </c>
      <c r="E12221" s="15">
        <v>45552</v>
      </c>
      <c r="F12221" s="14" t="s">
        <v>15</v>
      </c>
      <c r="G12221" s="16">
        <v>1.0593577352995378</v>
      </c>
    </row>
    <row r="12222" spans="1:7" x14ac:dyDescent="0.3">
      <c r="A12222" s="13" t="s">
        <v>93</v>
      </c>
      <c r="B12222" s="14" t="s">
        <v>1</v>
      </c>
      <c r="C12222" s="14" t="s">
        <v>13</v>
      </c>
      <c r="D12222" s="14" t="s">
        <v>94</v>
      </c>
      <c r="E12222" s="15">
        <v>45553</v>
      </c>
      <c r="F12222" s="14" t="s">
        <v>15</v>
      </c>
      <c r="G12222" s="16">
        <v>1.0643609010986488</v>
      </c>
    </row>
    <row r="12223" spans="1:7" x14ac:dyDescent="0.3">
      <c r="A12223" s="13" t="s">
        <v>93</v>
      </c>
      <c r="B12223" s="14" t="s">
        <v>1</v>
      </c>
      <c r="C12223" s="14" t="s">
        <v>13</v>
      </c>
      <c r="D12223" s="14" t="s">
        <v>94</v>
      </c>
      <c r="E12223" s="15">
        <v>45554</v>
      </c>
      <c r="F12223" s="14" t="s">
        <v>15</v>
      </c>
      <c r="G12223" s="16">
        <v>1.0683640668977596</v>
      </c>
    </row>
    <row r="12224" spans="1:7" x14ac:dyDescent="0.3">
      <c r="A12224" s="13" t="s">
        <v>93</v>
      </c>
      <c r="B12224" s="14" t="s">
        <v>1</v>
      </c>
      <c r="C12224" s="14" t="s">
        <v>13</v>
      </c>
      <c r="D12224" s="14" t="s">
        <v>94</v>
      </c>
      <c r="E12224" s="15">
        <v>45555</v>
      </c>
      <c r="F12224" s="14" t="s">
        <v>15</v>
      </c>
      <c r="G12224" s="16">
        <v>1.0743672326968707</v>
      </c>
    </row>
    <row r="12225" spans="1:7" x14ac:dyDescent="0.3">
      <c r="A12225" s="13" t="s">
        <v>93</v>
      </c>
      <c r="B12225" s="14" t="s">
        <v>1</v>
      </c>
      <c r="C12225" s="14" t="s">
        <v>13</v>
      </c>
      <c r="D12225" s="14" t="s">
        <v>94</v>
      </c>
      <c r="E12225" s="15">
        <v>45556</v>
      </c>
      <c r="F12225" s="14" t="s">
        <v>15</v>
      </c>
      <c r="G12225" s="16">
        <v>1.0743672326968707</v>
      </c>
    </row>
    <row r="12226" spans="1:7" x14ac:dyDescent="0.3">
      <c r="A12226" s="13" t="s">
        <v>93</v>
      </c>
      <c r="B12226" s="14" t="s">
        <v>1</v>
      </c>
      <c r="C12226" s="14" t="s">
        <v>13</v>
      </c>
      <c r="D12226" s="14" t="s">
        <v>94</v>
      </c>
      <c r="E12226" s="15">
        <v>45557</v>
      </c>
      <c r="F12226" s="14" t="s">
        <v>15</v>
      </c>
      <c r="G12226" s="16">
        <v>1.0743672326968707</v>
      </c>
    </row>
    <row r="12227" spans="1:7" x14ac:dyDescent="0.3">
      <c r="A12227" s="13" t="s">
        <v>93</v>
      </c>
      <c r="B12227" s="14" t="s">
        <v>1</v>
      </c>
      <c r="C12227" s="14" t="s">
        <v>13</v>
      </c>
      <c r="D12227" s="14" t="s">
        <v>94</v>
      </c>
      <c r="E12227" s="15">
        <v>45558</v>
      </c>
      <c r="F12227" s="14" t="s">
        <v>15</v>
      </c>
      <c r="G12227" s="16">
        <v>1.0783703984959816</v>
      </c>
    </row>
    <row r="12228" spans="1:7" x14ac:dyDescent="0.3">
      <c r="A12228" s="13" t="s">
        <v>93</v>
      </c>
      <c r="B12228" s="14" t="s">
        <v>1</v>
      </c>
      <c r="C12228" s="14" t="s">
        <v>13</v>
      </c>
      <c r="D12228" s="14" t="s">
        <v>94</v>
      </c>
      <c r="E12228" s="15">
        <v>45559</v>
      </c>
      <c r="F12228" s="14" t="s">
        <v>15</v>
      </c>
      <c r="G12228" s="16">
        <v>1.0913735642950926</v>
      </c>
    </row>
    <row r="12229" spans="1:7" x14ac:dyDescent="0.3">
      <c r="A12229" s="13" t="s">
        <v>93</v>
      </c>
      <c r="B12229" s="14" t="s">
        <v>1</v>
      </c>
      <c r="C12229" s="14" t="s">
        <v>13</v>
      </c>
      <c r="D12229" s="14" t="s">
        <v>94</v>
      </c>
      <c r="E12229" s="15">
        <v>45560</v>
      </c>
      <c r="F12229" s="14" t="s">
        <v>15</v>
      </c>
      <c r="G12229" s="16">
        <v>1.0953767300942034</v>
      </c>
    </row>
    <row r="12230" spans="1:7" x14ac:dyDescent="0.3">
      <c r="A12230" s="13" t="s">
        <v>93</v>
      </c>
      <c r="B12230" s="14" t="s">
        <v>1</v>
      </c>
      <c r="C12230" s="14" t="s">
        <v>13</v>
      </c>
      <c r="D12230" s="14" t="s">
        <v>94</v>
      </c>
      <c r="E12230" s="15">
        <v>45561</v>
      </c>
      <c r="F12230" s="14" t="s">
        <v>15</v>
      </c>
      <c r="G12230" s="16">
        <v>1.0993798958933145</v>
      </c>
    </row>
    <row r="12231" spans="1:7" x14ac:dyDescent="0.3">
      <c r="A12231" s="13" t="s">
        <v>93</v>
      </c>
      <c r="B12231" s="14" t="s">
        <v>1</v>
      </c>
      <c r="C12231" s="14" t="s">
        <v>13</v>
      </c>
      <c r="D12231" s="14" t="s">
        <v>94</v>
      </c>
      <c r="E12231" s="15">
        <v>45562</v>
      </c>
      <c r="F12231" s="14" t="s">
        <v>15</v>
      </c>
      <c r="G12231" s="16">
        <v>1.1063830616924253</v>
      </c>
    </row>
    <row r="12232" spans="1:7" x14ac:dyDescent="0.3">
      <c r="A12232" s="13" t="s">
        <v>93</v>
      </c>
      <c r="B12232" s="14" t="s">
        <v>1</v>
      </c>
      <c r="C12232" s="14" t="s">
        <v>13</v>
      </c>
      <c r="D12232" s="14" t="s">
        <v>94</v>
      </c>
      <c r="E12232" s="15">
        <v>45563</v>
      </c>
      <c r="F12232" s="14" t="s">
        <v>15</v>
      </c>
      <c r="G12232" s="16">
        <v>1.1063830616924253</v>
      </c>
    </row>
    <row r="12233" spans="1:7" x14ac:dyDescent="0.3">
      <c r="A12233" s="13" t="s">
        <v>93</v>
      </c>
      <c r="B12233" s="14" t="s">
        <v>1</v>
      </c>
      <c r="C12233" s="14" t="s">
        <v>13</v>
      </c>
      <c r="D12233" s="14" t="s">
        <v>94</v>
      </c>
      <c r="E12233" s="15">
        <v>45564</v>
      </c>
      <c r="F12233" s="14" t="s">
        <v>15</v>
      </c>
      <c r="G12233" s="16">
        <v>1.1063830616924253</v>
      </c>
    </row>
    <row r="12234" spans="1:7" x14ac:dyDescent="0.3">
      <c r="A12234" s="13" t="s">
        <v>93</v>
      </c>
      <c r="B12234" s="14" t="s">
        <v>1</v>
      </c>
      <c r="C12234" s="14" t="s">
        <v>13</v>
      </c>
      <c r="D12234" s="14" t="s">
        <v>94</v>
      </c>
      <c r="E12234" s="15">
        <v>45565</v>
      </c>
      <c r="F12234" s="14" t="s">
        <v>15</v>
      </c>
      <c r="G12234" s="16">
        <v>1.1113862274915363</v>
      </c>
    </row>
    <row r="12235" spans="1:7" x14ac:dyDescent="0.3">
      <c r="A12235" s="13" t="s">
        <v>93</v>
      </c>
      <c r="B12235" s="14" t="s">
        <v>1</v>
      </c>
      <c r="C12235" s="14" t="s">
        <v>13</v>
      </c>
      <c r="D12235" s="14" t="s">
        <v>94</v>
      </c>
      <c r="E12235" s="15">
        <v>45566</v>
      </c>
      <c r="F12235" s="14" t="s">
        <v>15</v>
      </c>
      <c r="G12235" s="16">
        <v>1.1243893932906472</v>
      </c>
    </row>
    <row r="12236" spans="1:7" x14ac:dyDescent="0.3">
      <c r="A12236" s="13" t="s">
        <v>93</v>
      </c>
      <c r="B12236" s="14" t="s">
        <v>1</v>
      </c>
      <c r="C12236" s="14" t="s">
        <v>13</v>
      </c>
      <c r="D12236" s="14" t="s">
        <v>94</v>
      </c>
      <c r="E12236" s="15">
        <v>45567</v>
      </c>
      <c r="F12236" s="14" t="s">
        <v>15</v>
      </c>
      <c r="G12236" s="16">
        <v>1.1453925590897582</v>
      </c>
    </row>
    <row r="12237" spans="1:7" x14ac:dyDescent="0.3">
      <c r="A12237" s="13" t="s">
        <v>93</v>
      </c>
      <c r="B12237" s="14" t="s">
        <v>1</v>
      </c>
      <c r="C12237" s="14" t="s">
        <v>13</v>
      </c>
      <c r="D12237" s="14" t="s">
        <v>94</v>
      </c>
      <c r="E12237" s="15">
        <v>45568</v>
      </c>
      <c r="F12237" s="14" t="s">
        <v>15</v>
      </c>
      <c r="G12237" s="16">
        <v>1.150395724888869</v>
      </c>
    </row>
    <row r="12238" spans="1:7" x14ac:dyDescent="0.3">
      <c r="A12238" s="13" t="s">
        <v>93</v>
      </c>
      <c r="B12238" s="14" t="s">
        <v>1</v>
      </c>
      <c r="C12238" s="14" t="s">
        <v>13</v>
      </c>
      <c r="D12238" s="14" t="s">
        <v>94</v>
      </c>
      <c r="E12238" s="15">
        <v>45569</v>
      </c>
      <c r="F12238" s="14" t="s">
        <v>15</v>
      </c>
      <c r="G12238" s="16">
        <v>1.1603988906879801</v>
      </c>
    </row>
    <row r="12239" spans="1:7" x14ac:dyDescent="0.3">
      <c r="A12239" s="13" t="s">
        <v>93</v>
      </c>
      <c r="B12239" s="14" t="s">
        <v>1</v>
      </c>
      <c r="C12239" s="14" t="s">
        <v>13</v>
      </c>
      <c r="D12239" s="14" t="s">
        <v>94</v>
      </c>
      <c r="E12239" s="15">
        <v>45570</v>
      </c>
      <c r="F12239" s="14" t="s">
        <v>15</v>
      </c>
      <c r="G12239" s="16">
        <v>1.1603988906879801</v>
      </c>
    </row>
    <row r="12240" spans="1:7" x14ac:dyDescent="0.3">
      <c r="A12240" s="13" t="s">
        <v>93</v>
      </c>
      <c r="B12240" s="14" t="s">
        <v>1</v>
      </c>
      <c r="C12240" s="14" t="s">
        <v>13</v>
      </c>
      <c r="D12240" s="14" t="s">
        <v>94</v>
      </c>
      <c r="E12240" s="15">
        <v>45571</v>
      </c>
      <c r="F12240" s="14" t="s">
        <v>15</v>
      </c>
      <c r="G12240" s="16">
        <v>1.1603988906879801</v>
      </c>
    </row>
    <row r="12241" spans="1:7" x14ac:dyDescent="0.3">
      <c r="A12241" s="13" t="s">
        <v>93</v>
      </c>
      <c r="B12241" s="14" t="s">
        <v>1</v>
      </c>
      <c r="C12241" s="14" t="s">
        <v>13</v>
      </c>
      <c r="D12241" s="14" t="s">
        <v>94</v>
      </c>
      <c r="E12241" s="15">
        <v>45572</v>
      </c>
      <c r="F12241" s="14" t="s">
        <v>15</v>
      </c>
      <c r="G12241" s="16">
        <v>1.1654020564870911</v>
      </c>
    </row>
    <row r="12242" spans="1:7" x14ac:dyDescent="0.3">
      <c r="A12242" s="13" t="s">
        <v>93</v>
      </c>
      <c r="B12242" s="14" t="s">
        <v>1</v>
      </c>
      <c r="C12242" s="14" t="s">
        <v>13</v>
      </c>
      <c r="D12242" s="14" t="s">
        <v>94</v>
      </c>
      <c r="E12242" s="15">
        <v>45573</v>
      </c>
      <c r="F12242" s="14" t="s">
        <v>15</v>
      </c>
      <c r="G12242" s="16">
        <v>1.178405222286202</v>
      </c>
    </row>
    <row r="12243" spans="1:7" x14ac:dyDescent="0.3">
      <c r="A12243" s="13" t="s">
        <v>93</v>
      </c>
      <c r="B12243" s="14" t="s">
        <v>1</v>
      </c>
      <c r="C12243" s="14" t="s">
        <v>13</v>
      </c>
      <c r="D12243" s="14" t="s">
        <v>94</v>
      </c>
      <c r="E12243" s="15">
        <v>45574</v>
      </c>
      <c r="F12243" s="14" t="s">
        <v>15</v>
      </c>
      <c r="G12243" s="16">
        <v>1.1834083880853128</v>
      </c>
    </row>
    <row r="12244" spans="1:7" x14ac:dyDescent="0.3">
      <c r="A12244" s="13" t="s">
        <v>93</v>
      </c>
      <c r="B12244" s="14" t="s">
        <v>1</v>
      </c>
      <c r="C12244" s="14" t="s">
        <v>13</v>
      </c>
      <c r="D12244" s="14" t="s">
        <v>94</v>
      </c>
      <c r="E12244" s="15">
        <v>45575</v>
      </c>
      <c r="F12244" s="14" t="s">
        <v>15</v>
      </c>
      <c r="G12244" s="16">
        <v>1.1884115538844238</v>
      </c>
    </row>
    <row r="12245" spans="1:7" x14ac:dyDescent="0.3">
      <c r="A12245" s="13" t="s">
        <v>93</v>
      </c>
      <c r="B12245" s="14" t="s">
        <v>1</v>
      </c>
      <c r="C12245" s="14" t="s">
        <v>13</v>
      </c>
      <c r="D12245" s="14" t="s">
        <v>94</v>
      </c>
      <c r="E12245" s="15">
        <v>45576</v>
      </c>
      <c r="F12245" s="14" t="s">
        <v>15</v>
      </c>
      <c r="G12245" s="16">
        <v>1.1934147196835347</v>
      </c>
    </row>
    <row r="12246" spans="1:7" x14ac:dyDescent="0.3">
      <c r="A12246" s="13" t="s">
        <v>93</v>
      </c>
      <c r="B12246" s="14" t="s">
        <v>1</v>
      </c>
      <c r="C12246" s="14" t="s">
        <v>13</v>
      </c>
      <c r="D12246" s="14" t="s">
        <v>94</v>
      </c>
      <c r="E12246" s="15">
        <v>45577</v>
      </c>
      <c r="F12246" s="14" t="s">
        <v>15</v>
      </c>
      <c r="G12246" s="16">
        <v>1.1934147196835347</v>
      </c>
    </row>
    <row r="12247" spans="1:7" x14ac:dyDescent="0.3">
      <c r="A12247" s="13" t="s">
        <v>93</v>
      </c>
      <c r="B12247" s="14" t="s">
        <v>1</v>
      </c>
      <c r="C12247" s="14" t="s">
        <v>13</v>
      </c>
      <c r="D12247" s="14" t="s">
        <v>94</v>
      </c>
      <c r="E12247" s="15">
        <v>45578</v>
      </c>
      <c r="F12247" s="14" t="s">
        <v>15</v>
      </c>
      <c r="G12247" s="16">
        <v>1.1934147196835347</v>
      </c>
    </row>
    <row r="12248" spans="1:7" x14ac:dyDescent="0.3">
      <c r="A12248" s="13" t="s">
        <v>93</v>
      </c>
      <c r="B12248" s="14" t="s">
        <v>1</v>
      </c>
      <c r="C12248" s="14" t="s">
        <v>13</v>
      </c>
      <c r="D12248" s="14" t="s">
        <v>94</v>
      </c>
      <c r="E12248" s="15">
        <v>45579</v>
      </c>
      <c r="F12248" s="14" t="s">
        <v>15</v>
      </c>
      <c r="G12248" s="16">
        <v>1.1984178854826457</v>
      </c>
    </row>
    <row r="12249" spans="1:7" x14ac:dyDescent="0.3">
      <c r="A12249" s="13" t="s">
        <v>93</v>
      </c>
      <c r="B12249" s="14" t="s">
        <v>1</v>
      </c>
      <c r="C12249" s="14" t="s">
        <v>13</v>
      </c>
      <c r="D12249" s="14" t="s">
        <v>94</v>
      </c>
      <c r="E12249" s="15">
        <v>45580</v>
      </c>
      <c r="F12249" s="14" t="s">
        <v>15</v>
      </c>
      <c r="G12249" s="16">
        <v>1.2114210512817567</v>
      </c>
    </row>
    <row r="12250" spans="1:7" x14ac:dyDescent="0.3">
      <c r="A12250" s="13" t="s">
        <v>93</v>
      </c>
      <c r="B12250" s="14" t="s">
        <v>1</v>
      </c>
      <c r="C12250" s="14" t="s">
        <v>13</v>
      </c>
      <c r="D12250" s="14" t="s">
        <v>94</v>
      </c>
      <c r="E12250" s="15">
        <v>45581</v>
      </c>
      <c r="F12250" s="14" t="s">
        <v>15</v>
      </c>
      <c r="G12250" s="16">
        <v>1.2164242170808675</v>
      </c>
    </row>
    <row r="12251" spans="1:7" x14ac:dyDescent="0.3">
      <c r="A12251" s="13" t="s">
        <v>93</v>
      </c>
      <c r="B12251" s="14" t="s">
        <v>1</v>
      </c>
      <c r="C12251" s="14" t="s">
        <v>13</v>
      </c>
      <c r="D12251" s="14" t="s">
        <v>94</v>
      </c>
      <c r="E12251" s="15">
        <v>45582</v>
      </c>
      <c r="F12251" s="14" t="s">
        <v>15</v>
      </c>
      <c r="G12251" s="16">
        <v>1.2214273828799784</v>
      </c>
    </row>
    <row r="12252" spans="1:7" x14ac:dyDescent="0.3">
      <c r="A12252" s="13" t="s">
        <v>93</v>
      </c>
      <c r="B12252" s="14" t="s">
        <v>1</v>
      </c>
      <c r="C12252" s="14" t="s">
        <v>13</v>
      </c>
      <c r="D12252" s="14" t="s">
        <v>94</v>
      </c>
      <c r="E12252" s="15">
        <v>45583</v>
      </c>
      <c r="F12252" s="14" t="s">
        <v>15</v>
      </c>
      <c r="G12252" s="16">
        <v>1.2264305486790894</v>
      </c>
    </row>
    <row r="12253" spans="1:7" x14ac:dyDescent="0.3">
      <c r="A12253" s="13" t="s">
        <v>93</v>
      </c>
      <c r="B12253" s="14" t="s">
        <v>1</v>
      </c>
      <c r="C12253" s="14" t="s">
        <v>13</v>
      </c>
      <c r="D12253" s="14" t="s">
        <v>94</v>
      </c>
      <c r="E12253" s="15">
        <v>45584</v>
      </c>
      <c r="F12253" s="14" t="s">
        <v>15</v>
      </c>
      <c r="G12253" s="16">
        <v>1.2264305486790894</v>
      </c>
    </row>
    <row r="12254" spans="1:7" x14ac:dyDescent="0.3">
      <c r="A12254" s="13" t="s">
        <v>93</v>
      </c>
      <c r="B12254" s="14" t="s">
        <v>1</v>
      </c>
      <c r="C12254" s="14" t="s">
        <v>13</v>
      </c>
      <c r="D12254" s="14" t="s">
        <v>94</v>
      </c>
      <c r="E12254" s="15">
        <v>45585</v>
      </c>
      <c r="F12254" s="14" t="s">
        <v>15</v>
      </c>
      <c r="G12254" s="16">
        <v>1.2264305486790894</v>
      </c>
    </row>
    <row r="12255" spans="1:7" x14ac:dyDescent="0.3">
      <c r="A12255" s="13" t="s">
        <v>93</v>
      </c>
      <c r="B12255" s="14" t="s">
        <v>1</v>
      </c>
      <c r="C12255" s="14" t="s">
        <v>13</v>
      </c>
      <c r="D12255" s="14" t="s">
        <v>94</v>
      </c>
      <c r="E12255" s="15">
        <v>45586</v>
      </c>
      <c r="F12255" s="14" t="s">
        <v>15</v>
      </c>
      <c r="G12255" s="16">
        <v>1.2304337144782003</v>
      </c>
    </row>
    <row r="12256" spans="1:7" x14ac:dyDescent="0.3">
      <c r="A12256" s="13" t="s">
        <v>93</v>
      </c>
      <c r="B12256" s="14" t="s">
        <v>1</v>
      </c>
      <c r="C12256" s="14" t="s">
        <v>13</v>
      </c>
      <c r="D12256" s="14" t="s">
        <v>94</v>
      </c>
      <c r="E12256" s="15">
        <v>45587</v>
      </c>
      <c r="F12256" s="14" t="s">
        <v>15</v>
      </c>
      <c r="G12256" s="16">
        <v>1.2434368802773113</v>
      </c>
    </row>
    <row r="12257" spans="1:7" x14ac:dyDescent="0.3">
      <c r="A12257" s="13" t="s">
        <v>93</v>
      </c>
      <c r="B12257" s="14" t="s">
        <v>1</v>
      </c>
      <c r="C12257" s="14" t="s">
        <v>13</v>
      </c>
      <c r="D12257" s="14" t="s">
        <v>94</v>
      </c>
      <c r="E12257" s="15">
        <v>45588</v>
      </c>
      <c r="F12257" s="14" t="s">
        <v>15</v>
      </c>
      <c r="G12257" s="16">
        <v>1.2484400460764222</v>
      </c>
    </row>
    <row r="12258" spans="1:7" x14ac:dyDescent="0.3">
      <c r="A12258" s="13" t="s">
        <v>93</v>
      </c>
      <c r="B12258" s="14" t="s">
        <v>1</v>
      </c>
      <c r="C12258" s="14" t="s">
        <v>13</v>
      </c>
      <c r="D12258" s="14" t="s">
        <v>94</v>
      </c>
      <c r="E12258" s="15">
        <v>45589</v>
      </c>
      <c r="F12258" s="14" t="s">
        <v>15</v>
      </c>
      <c r="G12258" s="16">
        <v>1.2534432118755332</v>
      </c>
    </row>
    <row r="12259" spans="1:7" x14ac:dyDescent="0.3">
      <c r="A12259" s="13" t="s">
        <v>93</v>
      </c>
      <c r="B12259" s="14" t="s">
        <v>1</v>
      </c>
      <c r="C12259" s="14" t="s">
        <v>13</v>
      </c>
      <c r="D12259" s="14" t="s">
        <v>94</v>
      </c>
      <c r="E12259" s="15">
        <v>45590</v>
      </c>
      <c r="F12259" s="14" t="s">
        <v>15</v>
      </c>
      <c r="G12259" s="16">
        <v>1.2584463776746442</v>
      </c>
    </row>
    <row r="12260" spans="1:7" x14ac:dyDescent="0.3">
      <c r="A12260" s="13" t="s">
        <v>93</v>
      </c>
      <c r="B12260" s="14" t="s">
        <v>1</v>
      </c>
      <c r="C12260" s="14" t="s">
        <v>13</v>
      </c>
      <c r="D12260" s="14" t="s">
        <v>94</v>
      </c>
      <c r="E12260" s="15">
        <v>45591</v>
      </c>
      <c r="F12260" s="14" t="s">
        <v>15</v>
      </c>
      <c r="G12260" s="16">
        <v>1.2584463776746442</v>
      </c>
    </row>
    <row r="12261" spans="1:7" x14ac:dyDescent="0.3">
      <c r="A12261" s="13" t="s">
        <v>93</v>
      </c>
      <c r="B12261" s="14" t="s">
        <v>1</v>
      </c>
      <c r="C12261" s="14" t="s">
        <v>13</v>
      </c>
      <c r="D12261" s="14" t="s">
        <v>94</v>
      </c>
      <c r="E12261" s="15">
        <v>45592</v>
      </c>
      <c r="F12261" s="14" t="s">
        <v>15</v>
      </c>
      <c r="G12261" s="16">
        <v>1.2584463776746442</v>
      </c>
    </row>
    <row r="12262" spans="1:7" x14ac:dyDescent="0.3">
      <c r="A12262" s="13" t="s">
        <v>93</v>
      </c>
      <c r="B12262" s="14" t="s">
        <v>1</v>
      </c>
      <c r="C12262" s="14" t="s">
        <v>13</v>
      </c>
      <c r="D12262" s="14" t="s">
        <v>94</v>
      </c>
      <c r="E12262" s="15">
        <v>45593</v>
      </c>
      <c r="F12262" s="14" t="s">
        <v>15</v>
      </c>
      <c r="G12262" s="16">
        <v>1.2584463776746442</v>
      </c>
    </row>
    <row r="12263" spans="1:7" x14ac:dyDescent="0.3">
      <c r="A12263" s="13" t="s">
        <v>93</v>
      </c>
      <c r="B12263" s="14" t="s">
        <v>1</v>
      </c>
      <c r="C12263" s="14" t="s">
        <v>13</v>
      </c>
      <c r="D12263" s="14" t="s">
        <v>94</v>
      </c>
      <c r="E12263" s="15">
        <v>45594</v>
      </c>
      <c r="F12263" s="14" t="s">
        <v>15</v>
      </c>
      <c r="G12263" s="16">
        <v>1.264449543473755</v>
      </c>
    </row>
    <row r="12264" spans="1:7" x14ac:dyDescent="0.3">
      <c r="A12264" s="13" t="s">
        <v>93</v>
      </c>
      <c r="B12264" s="14" t="s">
        <v>1</v>
      </c>
      <c r="C12264" s="14" t="s">
        <v>13</v>
      </c>
      <c r="D12264" s="14" t="s">
        <v>94</v>
      </c>
      <c r="E12264" s="15">
        <v>45595</v>
      </c>
      <c r="F12264" s="14" t="s">
        <v>15</v>
      </c>
      <c r="G12264" s="16">
        <v>1.2824527092728659</v>
      </c>
    </row>
    <row r="12265" spans="1:7" x14ac:dyDescent="0.3">
      <c r="A12265" s="13" t="s">
        <v>93</v>
      </c>
      <c r="B12265" s="14" t="s">
        <v>1</v>
      </c>
      <c r="C12265" s="14" t="s">
        <v>13</v>
      </c>
      <c r="D12265" s="14" t="s">
        <v>94</v>
      </c>
      <c r="E12265" s="15">
        <v>45596</v>
      </c>
      <c r="F12265" s="14" t="s">
        <v>15</v>
      </c>
      <c r="G12265" s="16">
        <v>1.2874558750719769</v>
      </c>
    </row>
    <row r="12266" spans="1:7" x14ac:dyDescent="0.3">
      <c r="A12266" s="13" t="s">
        <v>93</v>
      </c>
      <c r="B12266" s="14" t="s">
        <v>1</v>
      </c>
      <c r="C12266" s="14" t="s">
        <v>13</v>
      </c>
      <c r="D12266" s="14" t="s">
        <v>94</v>
      </c>
      <c r="E12266" s="15">
        <v>45597</v>
      </c>
      <c r="F12266" s="14" t="s">
        <v>15</v>
      </c>
      <c r="G12266" s="16">
        <v>1.2924590408710879</v>
      </c>
    </row>
    <row r="12267" spans="1:7" x14ac:dyDescent="0.3">
      <c r="A12267" s="13" t="s">
        <v>93</v>
      </c>
      <c r="B12267" s="14" t="s">
        <v>1</v>
      </c>
      <c r="C12267" s="14" t="s">
        <v>13</v>
      </c>
      <c r="D12267" s="14" t="s">
        <v>94</v>
      </c>
      <c r="E12267" s="15">
        <v>45598</v>
      </c>
      <c r="F12267" s="14" t="s">
        <v>15</v>
      </c>
      <c r="G12267" s="16">
        <v>1.2924590408710879</v>
      </c>
    </row>
    <row r="12268" spans="1:7" x14ac:dyDescent="0.3">
      <c r="A12268" s="13" t="s">
        <v>93</v>
      </c>
      <c r="B12268" s="14" t="s">
        <v>1</v>
      </c>
      <c r="C12268" s="14" t="s">
        <v>13</v>
      </c>
      <c r="D12268" s="14" t="s">
        <v>94</v>
      </c>
      <c r="E12268" s="15">
        <v>45599</v>
      </c>
      <c r="F12268" s="14" t="s">
        <v>15</v>
      </c>
      <c r="G12268" s="16">
        <v>1.2924590408710879</v>
      </c>
    </row>
    <row r="12269" spans="1:7" x14ac:dyDescent="0.3">
      <c r="A12269" s="13" t="s">
        <v>93</v>
      </c>
      <c r="B12269" s="14" t="s">
        <v>1</v>
      </c>
      <c r="C12269" s="14" t="s">
        <v>13</v>
      </c>
      <c r="D12269" s="14" t="s">
        <v>94</v>
      </c>
      <c r="E12269" s="15">
        <v>45600</v>
      </c>
      <c r="F12269" s="14" t="s">
        <v>15</v>
      </c>
      <c r="G12269" s="16">
        <v>1.3014622066701989</v>
      </c>
    </row>
    <row r="12270" spans="1:7" x14ac:dyDescent="0.3">
      <c r="A12270" s="13" t="s">
        <v>93</v>
      </c>
      <c r="B12270" s="14" t="s">
        <v>1</v>
      </c>
      <c r="C12270" s="14" t="s">
        <v>13</v>
      </c>
      <c r="D12270" s="14" t="s">
        <v>94</v>
      </c>
      <c r="E12270" s="15">
        <v>45601</v>
      </c>
      <c r="F12270" s="14" t="s">
        <v>15</v>
      </c>
      <c r="G12270" s="16">
        <v>1.3144653724693098</v>
      </c>
    </row>
    <row r="12271" spans="1:7" x14ac:dyDescent="0.3">
      <c r="A12271" s="13" t="s">
        <v>93</v>
      </c>
      <c r="B12271" s="14" t="s">
        <v>1</v>
      </c>
      <c r="C12271" s="14" t="s">
        <v>13</v>
      </c>
      <c r="D12271" s="14" t="s">
        <v>94</v>
      </c>
      <c r="E12271" s="15">
        <v>45602</v>
      </c>
      <c r="F12271" s="14" t="s">
        <v>15</v>
      </c>
      <c r="G12271" s="16">
        <v>1.3244685382684209</v>
      </c>
    </row>
    <row r="12272" spans="1:7" x14ac:dyDescent="0.3">
      <c r="A12272" s="13" t="s">
        <v>93</v>
      </c>
      <c r="B12272" s="14" t="s">
        <v>1</v>
      </c>
      <c r="C12272" s="14" t="s">
        <v>13</v>
      </c>
      <c r="D12272" s="14" t="s">
        <v>94</v>
      </c>
      <c r="E12272" s="15">
        <v>45603</v>
      </c>
      <c r="F12272" s="14" t="s">
        <v>15</v>
      </c>
      <c r="G12272" s="16">
        <v>1.3294717040675317</v>
      </c>
    </row>
    <row r="12273" spans="1:7" x14ac:dyDescent="0.3">
      <c r="A12273" s="13" t="s">
        <v>93</v>
      </c>
      <c r="B12273" s="14" t="s">
        <v>1</v>
      </c>
      <c r="C12273" s="14" t="s">
        <v>13</v>
      </c>
      <c r="D12273" s="14" t="s">
        <v>94</v>
      </c>
      <c r="E12273" s="15">
        <v>45604</v>
      </c>
      <c r="F12273" s="14" t="s">
        <v>15</v>
      </c>
      <c r="G12273" s="16">
        <v>1.3344748698666427</v>
      </c>
    </row>
    <row r="12274" spans="1:7" x14ac:dyDescent="0.3">
      <c r="A12274" s="13" t="s">
        <v>93</v>
      </c>
      <c r="B12274" s="14" t="s">
        <v>1</v>
      </c>
      <c r="C12274" s="14" t="s">
        <v>13</v>
      </c>
      <c r="D12274" s="14" t="s">
        <v>94</v>
      </c>
      <c r="E12274" s="15">
        <v>45605</v>
      </c>
      <c r="F12274" s="14" t="s">
        <v>15</v>
      </c>
      <c r="G12274" s="16">
        <v>1.3344748698666427</v>
      </c>
    </row>
    <row r="12275" spans="1:7" x14ac:dyDescent="0.3">
      <c r="A12275" s="13" t="s">
        <v>93</v>
      </c>
      <c r="B12275" s="14" t="s">
        <v>1</v>
      </c>
      <c r="C12275" s="14" t="s">
        <v>13</v>
      </c>
      <c r="D12275" s="14" t="s">
        <v>94</v>
      </c>
      <c r="E12275" s="15">
        <v>45606</v>
      </c>
      <c r="F12275" s="14" t="s">
        <v>15</v>
      </c>
      <c r="G12275" s="16">
        <v>1.3344748698666427</v>
      </c>
    </row>
    <row r="12276" spans="1:7" x14ac:dyDescent="0.3">
      <c r="A12276" s="13" t="s">
        <v>93</v>
      </c>
      <c r="B12276" s="14" t="s">
        <v>1</v>
      </c>
      <c r="C12276" s="14" t="s">
        <v>13</v>
      </c>
      <c r="D12276" s="14" t="s">
        <v>94</v>
      </c>
      <c r="E12276" s="15">
        <v>45607</v>
      </c>
      <c r="F12276" s="14" t="s">
        <v>15</v>
      </c>
      <c r="G12276" s="16">
        <v>1.3394780356657536</v>
      </c>
    </row>
    <row r="12277" spans="1:7" x14ac:dyDescent="0.3">
      <c r="A12277" s="13" t="s">
        <v>93</v>
      </c>
      <c r="B12277" s="14" t="s">
        <v>1</v>
      </c>
      <c r="C12277" s="14" t="s">
        <v>13</v>
      </c>
      <c r="D12277" s="14" t="s">
        <v>94</v>
      </c>
      <c r="E12277" s="15">
        <v>45608</v>
      </c>
      <c r="F12277" s="14" t="s">
        <v>15</v>
      </c>
      <c r="G12277" s="16">
        <v>1.3524812014648646</v>
      </c>
    </row>
    <row r="12278" spans="1:7" x14ac:dyDescent="0.3">
      <c r="A12278" s="13" t="s">
        <v>93</v>
      </c>
      <c r="B12278" s="14" t="s">
        <v>1</v>
      </c>
      <c r="C12278" s="14" t="s">
        <v>13</v>
      </c>
      <c r="D12278" s="14" t="s">
        <v>94</v>
      </c>
      <c r="E12278" s="15">
        <v>45609</v>
      </c>
      <c r="F12278" s="14" t="s">
        <v>15</v>
      </c>
      <c r="G12278" s="16">
        <v>1.3574843672639756</v>
      </c>
    </row>
    <row r="12279" spans="1:7" x14ac:dyDescent="0.3">
      <c r="A12279" s="13" t="s">
        <v>93</v>
      </c>
      <c r="B12279" s="14" t="s">
        <v>1</v>
      </c>
      <c r="C12279" s="14" t="s">
        <v>13</v>
      </c>
      <c r="D12279" s="14" t="s">
        <v>94</v>
      </c>
      <c r="E12279" s="15">
        <v>45610</v>
      </c>
      <c r="F12279" s="14" t="s">
        <v>15</v>
      </c>
      <c r="G12279" s="16">
        <v>1.3864875330630864</v>
      </c>
    </row>
    <row r="12280" spans="1:7" x14ac:dyDescent="0.3">
      <c r="A12280" s="13" t="s">
        <v>93</v>
      </c>
      <c r="B12280" s="14" t="s">
        <v>1</v>
      </c>
      <c r="C12280" s="14" t="s">
        <v>13</v>
      </c>
      <c r="D12280" s="14" t="s">
        <v>94</v>
      </c>
      <c r="E12280" s="15">
        <v>45611</v>
      </c>
      <c r="F12280" s="14" t="s">
        <v>15</v>
      </c>
      <c r="G12280" s="16">
        <v>1.4054906988621974</v>
      </c>
    </row>
    <row r="12281" spans="1:7" x14ac:dyDescent="0.3">
      <c r="A12281" s="13" t="s">
        <v>93</v>
      </c>
      <c r="B12281" s="14" t="s">
        <v>1</v>
      </c>
      <c r="C12281" s="14" t="s">
        <v>13</v>
      </c>
      <c r="D12281" s="14" t="s">
        <v>94</v>
      </c>
      <c r="E12281" s="15">
        <v>45612</v>
      </c>
      <c r="F12281" s="14" t="s">
        <v>15</v>
      </c>
      <c r="G12281" s="16">
        <v>1.4054906988621974</v>
      </c>
    </row>
    <row r="12282" spans="1:7" x14ac:dyDescent="0.3">
      <c r="A12282" s="13" t="s">
        <v>93</v>
      </c>
      <c r="B12282" s="14" t="s">
        <v>1</v>
      </c>
      <c r="C12282" s="14" t="s">
        <v>13</v>
      </c>
      <c r="D12282" s="14" t="s">
        <v>94</v>
      </c>
      <c r="E12282" s="15">
        <v>45613</v>
      </c>
      <c r="F12282" s="14" t="s">
        <v>15</v>
      </c>
      <c r="G12282" s="16">
        <v>1.4054906988621974</v>
      </c>
    </row>
    <row r="12283" spans="1:7" x14ac:dyDescent="0.3">
      <c r="A12283" s="13" t="s">
        <v>93</v>
      </c>
      <c r="B12283" s="14" t="s">
        <v>1</v>
      </c>
      <c r="C12283" s="14" t="s">
        <v>13</v>
      </c>
      <c r="D12283" s="14" t="s">
        <v>94</v>
      </c>
      <c r="E12283" s="15">
        <v>45614</v>
      </c>
      <c r="F12283" s="14" t="s">
        <v>15</v>
      </c>
      <c r="G12283" s="16">
        <v>1.4104938646613083</v>
      </c>
    </row>
    <row r="12284" spans="1:7" x14ac:dyDescent="0.3">
      <c r="A12284" s="13" t="s">
        <v>93</v>
      </c>
      <c r="B12284" s="14" t="s">
        <v>1</v>
      </c>
      <c r="C12284" s="14" t="s">
        <v>13</v>
      </c>
      <c r="D12284" s="14" t="s">
        <v>94</v>
      </c>
      <c r="E12284" s="15">
        <v>45615</v>
      </c>
      <c r="F12284" s="14" t="s">
        <v>15</v>
      </c>
      <c r="G12284" s="16">
        <v>1.4224970304604194</v>
      </c>
    </row>
    <row r="12285" spans="1:7" x14ac:dyDescent="0.3">
      <c r="A12285" s="13" t="s">
        <v>93</v>
      </c>
      <c r="B12285" s="14" t="s">
        <v>1</v>
      </c>
      <c r="C12285" s="14" t="s">
        <v>13</v>
      </c>
      <c r="D12285" s="14" t="s">
        <v>94</v>
      </c>
      <c r="E12285" s="15">
        <v>45616</v>
      </c>
      <c r="F12285" s="14" t="s">
        <v>15</v>
      </c>
      <c r="G12285" s="16">
        <v>1.4275001962595302</v>
      </c>
    </row>
    <row r="12286" spans="1:7" x14ac:dyDescent="0.3">
      <c r="A12286" s="13" t="s">
        <v>93</v>
      </c>
      <c r="B12286" s="14" t="s">
        <v>1</v>
      </c>
      <c r="C12286" s="14" t="s">
        <v>13</v>
      </c>
      <c r="D12286" s="14" t="s">
        <v>94</v>
      </c>
      <c r="E12286" s="15">
        <v>45617</v>
      </c>
      <c r="F12286" s="14" t="s">
        <v>15</v>
      </c>
      <c r="G12286" s="16">
        <v>1.4325033620586411</v>
      </c>
    </row>
    <row r="12287" spans="1:7" x14ac:dyDescent="0.3">
      <c r="A12287" s="13" t="s">
        <v>93</v>
      </c>
      <c r="B12287" s="14" t="s">
        <v>1</v>
      </c>
      <c r="C12287" s="14" t="s">
        <v>13</v>
      </c>
      <c r="D12287" s="14" t="s">
        <v>94</v>
      </c>
      <c r="E12287" s="15">
        <v>45618</v>
      </c>
      <c r="F12287" s="14" t="s">
        <v>15</v>
      </c>
      <c r="G12287" s="16">
        <v>1.4375065278577521</v>
      </c>
    </row>
    <row r="12288" spans="1:7" x14ac:dyDescent="0.3">
      <c r="A12288" s="13" t="s">
        <v>93</v>
      </c>
      <c r="B12288" s="14" t="s">
        <v>1</v>
      </c>
      <c r="C12288" s="14" t="s">
        <v>13</v>
      </c>
      <c r="D12288" s="14" t="s">
        <v>94</v>
      </c>
      <c r="E12288" s="15">
        <v>45619</v>
      </c>
      <c r="F12288" s="14" t="s">
        <v>15</v>
      </c>
      <c r="G12288" s="16">
        <v>1.4375065278577521</v>
      </c>
    </row>
    <row r="12289" spans="1:7" x14ac:dyDescent="0.3">
      <c r="A12289" s="13" t="s">
        <v>93</v>
      </c>
      <c r="B12289" s="14" t="s">
        <v>1</v>
      </c>
      <c r="C12289" s="14" t="s">
        <v>13</v>
      </c>
      <c r="D12289" s="14" t="s">
        <v>94</v>
      </c>
      <c r="E12289" s="15">
        <v>45620</v>
      </c>
      <c r="F12289" s="14" t="s">
        <v>15</v>
      </c>
      <c r="G12289" s="16">
        <v>1.4375065278577521</v>
      </c>
    </row>
    <row r="12290" spans="1:7" x14ac:dyDescent="0.3">
      <c r="A12290" s="13" t="s">
        <v>93</v>
      </c>
      <c r="B12290" s="14" t="s">
        <v>1</v>
      </c>
      <c r="C12290" s="14" t="s">
        <v>13</v>
      </c>
      <c r="D12290" s="14" t="s">
        <v>94</v>
      </c>
      <c r="E12290" s="15">
        <v>45621</v>
      </c>
      <c r="F12290" s="14" t="s">
        <v>15</v>
      </c>
      <c r="G12290" s="16">
        <v>1.4425096936568631</v>
      </c>
    </row>
    <row r="12291" spans="1:7" x14ac:dyDescent="0.3">
      <c r="A12291" s="13" t="s">
        <v>93</v>
      </c>
      <c r="B12291" s="14" t="s">
        <v>1</v>
      </c>
      <c r="C12291" s="14" t="s">
        <v>13</v>
      </c>
      <c r="D12291" s="14" t="s">
        <v>94</v>
      </c>
      <c r="E12291" s="15">
        <v>45622</v>
      </c>
      <c r="F12291" s="14" t="s">
        <v>15</v>
      </c>
      <c r="G12291" s="16">
        <v>1.4555128594559741</v>
      </c>
    </row>
    <row r="12292" spans="1:7" x14ac:dyDescent="0.3">
      <c r="A12292" s="13" t="s">
        <v>93</v>
      </c>
      <c r="B12292" s="14" t="s">
        <v>1</v>
      </c>
      <c r="C12292" s="14" t="s">
        <v>13</v>
      </c>
      <c r="D12292" s="14" t="s">
        <v>94</v>
      </c>
      <c r="E12292" s="15">
        <v>45623</v>
      </c>
      <c r="F12292" s="14" t="s">
        <v>15</v>
      </c>
      <c r="G12292" s="16">
        <v>1.4605160252550848</v>
      </c>
    </row>
    <row r="12293" spans="1:7" x14ac:dyDescent="0.3">
      <c r="A12293" s="13" t="s">
        <v>93</v>
      </c>
      <c r="B12293" s="14" t="s">
        <v>1</v>
      </c>
      <c r="C12293" s="14" t="s">
        <v>13</v>
      </c>
      <c r="D12293" s="14" t="s">
        <v>94</v>
      </c>
      <c r="E12293" s="15">
        <v>45624</v>
      </c>
      <c r="F12293" s="14" t="s">
        <v>15</v>
      </c>
      <c r="G12293" s="16">
        <v>1.4665191910541959</v>
      </c>
    </row>
    <row r="12294" spans="1:7" x14ac:dyDescent="0.3">
      <c r="A12294" s="13" t="s">
        <v>93</v>
      </c>
      <c r="B12294" s="14" t="s">
        <v>1</v>
      </c>
      <c r="C12294" s="14" t="s">
        <v>13</v>
      </c>
      <c r="D12294" s="14" t="s">
        <v>94</v>
      </c>
      <c r="E12294" s="15">
        <v>45625</v>
      </c>
      <c r="F12294" s="14" t="s">
        <v>15</v>
      </c>
      <c r="G12294" s="16">
        <v>1.4715223568533067</v>
      </c>
    </row>
    <row r="12295" spans="1:7" x14ac:dyDescent="0.3">
      <c r="A12295" s="13" t="s">
        <v>93</v>
      </c>
      <c r="B12295" s="14" t="s">
        <v>1</v>
      </c>
      <c r="C12295" s="14" t="s">
        <v>13</v>
      </c>
      <c r="D12295" s="14" t="s">
        <v>94</v>
      </c>
      <c r="E12295" s="15">
        <v>45626</v>
      </c>
      <c r="F12295" s="14" t="s">
        <v>15</v>
      </c>
      <c r="G12295" s="16">
        <v>1.4715223568533067</v>
      </c>
    </row>
    <row r="12296" spans="1:7" x14ac:dyDescent="0.3">
      <c r="A12296" s="13" t="s">
        <v>93</v>
      </c>
      <c r="B12296" s="14" t="s">
        <v>1</v>
      </c>
      <c r="C12296" s="14" t="s">
        <v>13</v>
      </c>
      <c r="D12296" s="14" t="s">
        <v>94</v>
      </c>
      <c r="E12296" s="15">
        <v>45627</v>
      </c>
      <c r="F12296" s="14" t="s">
        <v>15</v>
      </c>
      <c r="G12296" s="16">
        <v>1.4715223568533067</v>
      </c>
    </row>
    <row r="12297" spans="1:7" x14ac:dyDescent="0.3">
      <c r="A12297" s="13" t="s">
        <v>93</v>
      </c>
      <c r="B12297" s="14" t="s">
        <v>1</v>
      </c>
      <c r="C12297" s="14" t="s">
        <v>13</v>
      </c>
      <c r="D12297" s="14" t="s">
        <v>94</v>
      </c>
      <c r="E12297" s="15">
        <v>45628</v>
      </c>
      <c r="F12297" s="14" t="s">
        <v>15</v>
      </c>
      <c r="G12297" s="16">
        <v>1.4815255226524178</v>
      </c>
    </row>
    <row r="12298" spans="1:7" x14ac:dyDescent="0.3">
      <c r="A12298" s="13" t="s">
        <v>93</v>
      </c>
      <c r="B12298" s="14" t="s">
        <v>1</v>
      </c>
      <c r="C12298" s="14" t="s">
        <v>13</v>
      </c>
      <c r="D12298" s="14" t="s">
        <v>94</v>
      </c>
      <c r="E12298" s="15">
        <v>45629</v>
      </c>
      <c r="F12298" s="14" t="s">
        <v>15</v>
      </c>
      <c r="G12298" s="16">
        <v>1.4935286884515286</v>
      </c>
    </row>
    <row r="12299" spans="1:7" x14ac:dyDescent="0.3">
      <c r="A12299" s="13" t="s">
        <v>93</v>
      </c>
      <c r="B12299" s="14" t="s">
        <v>1</v>
      </c>
      <c r="C12299" s="14" t="s">
        <v>13</v>
      </c>
      <c r="D12299" s="14" t="s">
        <v>94</v>
      </c>
      <c r="E12299" s="15">
        <v>45630</v>
      </c>
      <c r="F12299" s="14" t="s">
        <v>15</v>
      </c>
      <c r="G12299" s="16">
        <v>1.5025318542506398</v>
      </c>
    </row>
    <row r="12300" spans="1:7" x14ac:dyDescent="0.3">
      <c r="A12300" s="13" t="s">
        <v>93</v>
      </c>
      <c r="B12300" s="14" t="s">
        <v>1</v>
      </c>
      <c r="C12300" s="14" t="s">
        <v>13</v>
      </c>
      <c r="D12300" s="14" t="s">
        <v>94</v>
      </c>
      <c r="E12300" s="15">
        <v>45631</v>
      </c>
      <c r="F12300" s="14" t="s">
        <v>15</v>
      </c>
      <c r="G12300" s="16">
        <v>1.5125350200497507</v>
      </c>
    </row>
    <row r="12301" spans="1:7" x14ac:dyDescent="0.3">
      <c r="A12301" s="13" t="s">
        <v>93</v>
      </c>
      <c r="B12301" s="14" t="s">
        <v>1</v>
      </c>
      <c r="C12301" s="14" t="s">
        <v>13</v>
      </c>
      <c r="D12301" s="14" t="s">
        <v>94</v>
      </c>
      <c r="E12301" s="15">
        <v>45632</v>
      </c>
      <c r="F12301" s="14" t="s">
        <v>15</v>
      </c>
      <c r="G12301" s="16">
        <v>1.5175381858488617</v>
      </c>
    </row>
    <row r="12302" spans="1:7" x14ac:dyDescent="0.3">
      <c r="A12302" s="13" t="s">
        <v>93</v>
      </c>
      <c r="B12302" s="14" t="s">
        <v>1</v>
      </c>
      <c r="C12302" s="14" t="s">
        <v>13</v>
      </c>
      <c r="D12302" s="14" t="s">
        <v>94</v>
      </c>
      <c r="E12302" s="15">
        <v>45633</v>
      </c>
      <c r="F12302" s="14" t="s">
        <v>15</v>
      </c>
      <c r="G12302" s="16">
        <v>1.5175381858488617</v>
      </c>
    </row>
    <row r="12303" spans="1:7" x14ac:dyDescent="0.3">
      <c r="A12303" s="13" t="s">
        <v>93</v>
      </c>
      <c r="B12303" s="14" t="s">
        <v>1</v>
      </c>
      <c r="C12303" s="14" t="s">
        <v>13</v>
      </c>
      <c r="D12303" s="14" t="s">
        <v>94</v>
      </c>
      <c r="E12303" s="15">
        <v>45634</v>
      </c>
      <c r="F12303" s="14" t="s">
        <v>15</v>
      </c>
      <c r="G12303" s="16">
        <v>1.5175381858488617</v>
      </c>
    </row>
    <row r="12304" spans="1:7" x14ac:dyDescent="0.3">
      <c r="A12304" s="13" t="s">
        <v>93</v>
      </c>
      <c r="B12304" s="14" t="s">
        <v>1</v>
      </c>
      <c r="C12304" s="14" t="s">
        <v>13</v>
      </c>
      <c r="D12304" s="14" t="s">
        <v>94</v>
      </c>
      <c r="E12304" s="15">
        <v>45635</v>
      </c>
      <c r="F12304" s="14" t="s">
        <v>15</v>
      </c>
      <c r="G12304" s="16">
        <v>1.5225413516479727</v>
      </c>
    </row>
    <row r="12305" spans="1:7" x14ac:dyDescent="0.3">
      <c r="A12305" s="13" t="s">
        <v>93</v>
      </c>
      <c r="B12305" s="14" t="s">
        <v>1</v>
      </c>
      <c r="C12305" s="14" t="s">
        <v>13</v>
      </c>
      <c r="D12305" s="14" t="s">
        <v>94</v>
      </c>
      <c r="E12305" s="15">
        <v>45636</v>
      </c>
      <c r="F12305" s="14" t="s">
        <v>15</v>
      </c>
      <c r="G12305" s="16">
        <v>1.5355445174470836</v>
      </c>
    </row>
    <row r="12306" spans="1:7" x14ac:dyDescent="0.3">
      <c r="A12306" s="13" t="s">
        <v>93</v>
      </c>
      <c r="B12306" s="14" t="s">
        <v>1</v>
      </c>
      <c r="C12306" s="14" t="s">
        <v>13</v>
      </c>
      <c r="D12306" s="14" t="s">
        <v>94</v>
      </c>
      <c r="E12306" s="15">
        <v>45637</v>
      </c>
      <c r="F12306" s="14" t="s">
        <v>15</v>
      </c>
      <c r="G12306" s="16">
        <v>1.5485476832461944</v>
      </c>
    </row>
    <row r="12307" spans="1:7" x14ac:dyDescent="0.3">
      <c r="A12307" s="13" t="s">
        <v>93</v>
      </c>
      <c r="B12307" s="14" t="s">
        <v>1</v>
      </c>
      <c r="C12307" s="14" t="s">
        <v>13</v>
      </c>
      <c r="D12307" s="14" t="s">
        <v>94</v>
      </c>
      <c r="E12307" s="15">
        <v>45638</v>
      </c>
      <c r="F12307" s="14" t="s">
        <v>15</v>
      </c>
      <c r="G12307" s="16">
        <v>1.5535508490453054</v>
      </c>
    </row>
    <row r="12308" spans="1:7" x14ac:dyDescent="0.3">
      <c r="A12308" s="13" t="s">
        <v>93</v>
      </c>
      <c r="B12308" s="14" t="s">
        <v>1</v>
      </c>
      <c r="C12308" s="14" t="s">
        <v>13</v>
      </c>
      <c r="D12308" s="14" t="s">
        <v>94</v>
      </c>
      <c r="E12308" s="15">
        <v>45639</v>
      </c>
      <c r="F12308" s="14" t="s">
        <v>15</v>
      </c>
      <c r="G12308" s="16">
        <v>1.5825540148444164</v>
      </c>
    </row>
    <row r="12309" spans="1:7" x14ac:dyDescent="0.3">
      <c r="A12309" s="13" t="s">
        <v>93</v>
      </c>
      <c r="B12309" s="14" t="s">
        <v>1</v>
      </c>
      <c r="C12309" s="14" t="s">
        <v>13</v>
      </c>
      <c r="D12309" s="14" t="s">
        <v>94</v>
      </c>
      <c r="E12309" s="15">
        <v>45640</v>
      </c>
      <c r="F12309" s="14" t="s">
        <v>15</v>
      </c>
      <c r="G12309" s="16">
        <v>1.5825540148444164</v>
      </c>
    </row>
    <row r="12310" spans="1:7" x14ac:dyDescent="0.3">
      <c r="A12310" s="13" t="s">
        <v>93</v>
      </c>
      <c r="B12310" s="14" t="s">
        <v>1</v>
      </c>
      <c r="C12310" s="14" t="s">
        <v>13</v>
      </c>
      <c r="D12310" s="14" t="s">
        <v>94</v>
      </c>
      <c r="E12310" s="15">
        <v>45641</v>
      </c>
      <c r="F12310" s="14" t="s">
        <v>15</v>
      </c>
      <c r="G12310" s="16">
        <v>1.5825540148444164</v>
      </c>
    </row>
    <row r="12311" spans="1:7" x14ac:dyDescent="0.3">
      <c r="A12311" s="13" t="s">
        <v>93</v>
      </c>
      <c r="B12311" s="14" t="s">
        <v>1</v>
      </c>
      <c r="C12311" s="14" t="s">
        <v>13</v>
      </c>
      <c r="D12311" s="14" t="s">
        <v>94</v>
      </c>
      <c r="E12311" s="15">
        <v>45642</v>
      </c>
      <c r="F12311" s="14" t="s">
        <v>15</v>
      </c>
      <c r="G12311" s="16">
        <v>1.5875571806435274</v>
      </c>
    </row>
    <row r="12312" spans="1:7" x14ac:dyDescent="0.3">
      <c r="A12312" s="13" t="s">
        <v>93</v>
      </c>
      <c r="B12312" s="14" t="s">
        <v>1</v>
      </c>
      <c r="C12312" s="14" t="s">
        <v>13</v>
      </c>
      <c r="D12312" s="14" t="s">
        <v>94</v>
      </c>
      <c r="E12312" s="15">
        <v>45643</v>
      </c>
      <c r="F12312" s="14" t="s">
        <v>15</v>
      </c>
      <c r="G12312" s="16">
        <v>1.6005603464426383</v>
      </c>
    </row>
    <row r="12313" spans="1:7" x14ac:dyDescent="0.3">
      <c r="A12313" s="13" t="s">
        <v>93</v>
      </c>
      <c r="B12313" s="14" t="s">
        <v>1</v>
      </c>
      <c r="C12313" s="14" t="s">
        <v>13</v>
      </c>
      <c r="D12313" s="14" t="s">
        <v>94</v>
      </c>
      <c r="E12313" s="15">
        <v>45644</v>
      </c>
      <c r="F12313" s="14" t="s">
        <v>15</v>
      </c>
      <c r="G12313" s="16">
        <v>1.6055635122417491</v>
      </c>
    </row>
    <row r="12314" spans="1:7" x14ac:dyDescent="0.3">
      <c r="A12314" s="13" t="s">
        <v>93</v>
      </c>
      <c r="B12314" s="14" t="s">
        <v>1</v>
      </c>
      <c r="C12314" s="14" t="s">
        <v>13</v>
      </c>
      <c r="D12314" s="14" t="s">
        <v>94</v>
      </c>
      <c r="E12314" s="15">
        <v>45645</v>
      </c>
      <c r="F12314" s="14" t="s">
        <v>15</v>
      </c>
      <c r="G12314" s="16">
        <v>1.6105666780408601</v>
      </c>
    </row>
    <row r="12315" spans="1:7" x14ac:dyDescent="0.3">
      <c r="A12315" s="13" t="s">
        <v>93</v>
      </c>
      <c r="B12315" s="14" t="s">
        <v>1</v>
      </c>
      <c r="C12315" s="14" t="s">
        <v>13</v>
      </c>
      <c r="D12315" s="14" t="s">
        <v>94</v>
      </c>
      <c r="E12315" s="15">
        <v>45646</v>
      </c>
      <c r="F12315" s="14" t="s">
        <v>15</v>
      </c>
      <c r="G12315" s="16">
        <v>1.615569843839971</v>
      </c>
    </row>
    <row r="12316" spans="1:7" x14ac:dyDescent="0.3">
      <c r="A12316" s="13" t="s">
        <v>93</v>
      </c>
      <c r="B12316" s="14" t="s">
        <v>1</v>
      </c>
      <c r="C12316" s="14" t="s">
        <v>13</v>
      </c>
      <c r="D12316" s="14" t="s">
        <v>94</v>
      </c>
      <c r="E12316" s="15">
        <v>45647</v>
      </c>
      <c r="F12316" s="14" t="s">
        <v>15</v>
      </c>
      <c r="G12316" s="16">
        <v>1.615569843839971</v>
      </c>
    </row>
    <row r="12317" spans="1:7" x14ac:dyDescent="0.3">
      <c r="A12317" s="13" t="s">
        <v>93</v>
      </c>
      <c r="B12317" s="14" t="s">
        <v>1</v>
      </c>
      <c r="C12317" s="14" t="s">
        <v>13</v>
      </c>
      <c r="D12317" s="14" t="s">
        <v>94</v>
      </c>
      <c r="E12317" s="15">
        <v>45648</v>
      </c>
      <c r="F12317" s="14" t="s">
        <v>15</v>
      </c>
      <c r="G12317" s="16">
        <v>1.615569843839971</v>
      </c>
    </row>
    <row r="12318" spans="1:7" x14ac:dyDescent="0.3">
      <c r="A12318" s="13" t="s">
        <v>93</v>
      </c>
      <c r="B12318" s="14" t="s">
        <v>1</v>
      </c>
      <c r="C12318" s="14" t="s">
        <v>13</v>
      </c>
      <c r="D12318" s="14" t="s">
        <v>94</v>
      </c>
      <c r="E12318" s="15">
        <v>45649</v>
      </c>
      <c r="F12318" s="14" t="s">
        <v>15</v>
      </c>
      <c r="G12318" s="16">
        <v>1.620573009639082</v>
      </c>
    </row>
    <row r="12319" spans="1:7" x14ac:dyDescent="0.3">
      <c r="A12319" s="13" t="s">
        <v>93</v>
      </c>
      <c r="B12319" s="14" t="s">
        <v>1</v>
      </c>
      <c r="C12319" s="14" t="s">
        <v>13</v>
      </c>
      <c r="D12319" s="14" t="s">
        <v>94</v>
      </c>
      <c r="E12319" s="15">
        <v>45650</v>
      </c>
      <c r="F12319" s="14" t="s">
        <v>15</v>
      </c>
      <c r="G12319" s="16">
        <v>1.633576175438193</v>
      </c>
    </row>
    <row r="12320" spans="1:7" x14ac:dyDescent="0.3">
      <c r="A12320" s="13" t="s">
        <v>93</v>
      </c>
      <c r="B12320" s="14" t="s">
        <v>1</v>
      </c>
      <c r="C12320" s="14" t="s">
        <v>13</v>
      </c>
      <c r="D12320" s="14" t="s">
        <v>94</v>
      </c>
      <c r="E12320" s="15">
        <v>45651</v>
      </c>
      <c r="F12320" s="14" t="s">
        <v>15</v>
      </c>
      <c r="G12320" s="16">
        <v>1.633576175438193</v>
      </c>
    </row>
    <row r="12321" spans="1:7" x14ac:dyDescent="0.3">
      <c r="A12321" s="13" t="s">
        <v>93</v>
      </c>
      <c r="B12321" s="14" t="s">
        <v>1</v>
      </c>
      <c r="C12321" s="14" t="s">
        <v>13</v>
      </c>
      <c r="D12321" s="14" t="s">
        <v>94</v>
      </c>
      <c r="E12321" s="15">
        <v>45652</v>
      </c>
      <c r="F12321" s="14" t="s">
        <v>15</v>
      </c>
      <c r="G12321" s="16">
        <v>1.633576175438193</v>
      </c>
    </row>
    <row r="12322" spans="1:7" x14ac:dyDescent="0.3">
      <c r="A12322" s="13" t="s">
        <v>93</v>
      </c>
      <c r="B12322" s="14" t="s">
        <v>1</v>
      </c>
      <c r="C12322" s="14" t="s">
        <v>13</v>
      </c>
      <c r="D12322" s="14" t="s">
        <v>94</v>
      </c>
      <c r="E12322" s="15">
        <v>45653</v>
      </c>
      <c r="F12322" s="14" t="s">
        <v>15</v>
      </c>
      <c r="G12322" s="16">
        <v>1.633576175438193</v>
      </c>
    </row>
    <row r="12323" spans="1:7" x14ac:dyDescent="0.3">
      <c r="A12323" s="13" t="s">
        <v>93</v>
      </c>
      <c r="B12323" s="14" t="s">
        <v>1</v>
      </c>
      <c r="C12323" s="14" t="s">
        <v>13</v>
      </c>
      <c r="D12323" s="14" t="s">
        <v>94</v>
      </c>
      <c r="E12323" s="15">
        <v>45654</v>
      </c>
      <c r="F12323" s="14" t="s">
        <v>15</v>
      </c>
      <c r="G12323" s="16">
        <v>1.633576175438193</v>
      </c>
    </row>
    <row r="12324" spans="1:7" x14ac:dyDescent="0.3">
      <c r="A12324" s="13" t="s">
        <v>93</v>
      </c>
      <c r="B12324" s="14" t="s">
        <v>1</v>
      </c>
      <c r="C12324" s="14" t="s">
        <v>13</v>
      </c>
      <c r="D12324" s="14" t="s">
        <v>94</v>
      </c>
      <c r="E12324" s="15">
        <v>45655</v>
      </c>
      <c r="F12324" s="14" t="s">
        <v>15</v>
      </c>
      <c r="G12324" s="16">
        <v>1.633576175438193</v>
      </c>
    </row>
    <row r="12325" spans="1:7" x14ac:dyDescent="0.3">
      <c r="A12325" s="13" t="s">
        <v>93</v>
      </c>
      <c r="B12325" s="14" t="s">
        <v>1</v>
      </c>
      <c r="C12325" s="14" t="s">
        <v>13</v>
      </c>
      <c r="D12325" s="14" t="s">
        <v>94</v>
      </c>
      <c r="E12325" s="15">
        <v>45656</v>
      </c>
      <c r="F12325" s="14" t="s">
        <v>15</v>
      </c>
      <c r="G12325" s="16">
        <v>1.638579341237304</v>
      </c>
    </row>
    <row r="12326" spans="1:7" x14ac:dyDescent="0.3">
      <c r="A12326" s="13" t="s">
        <v>93</v>
      </c>
      <c r="B12326" s="14" t="s">
        <v>1</v>
      </c>
      <c r="C12326" s="14" t="s">
        <v>13</v>
      </c>
      <c r="D12326" s="14" t="s">
        <v>94</v>
      </c>
      <c r="E12326" s="15">
        <v>45657</v>
      </c>
      <c r="F12326" s="14" t="s">
        <v>15</v>
      </c>
      <c r="G12326" s="16">
        <v>1.6655825070364147</v>
      </c>
    </row>
    <row r="12327" spans="1:7" x14ac:dyDescent="0.3">
      <c r="A12327" s="13" t="s">
        <v>93</v>
      </c>
      <c r="B12327" s="14" t="s">
        <v>1</v>
      </c>
      <c r="C12327" s="14" t="s">
        <v>13</v>
      </c>
      <c r="D12327" s="14" t="s">
        <v>94</v>
      </c>
      <c r="E12327" s="15">
        <v>45658</v>
      </c>
      <c r="F12327" s="14" t="s">
        <v>15</v>
      </c>
      <c r="G12327" s="16">
        <v>1.6655825070364147</v>
      </c>
    </row>
    <row r="12328" spans="1:7" x14ac:dyDescent="0.3">
      <c r="A12328" s="13" t="s">
        <v>93</v>
      </c>
      <c r="B12328" s="14" t="s">
        <v>1</v>
      </c>
      <c r="C12328" s="14" t="s">
        <v>13</v>
      </c>
      <c r="D12328" s="14" t="s">
        <v>94</v>
      </c>
      <c r="E12328" s="15">
        <v>45659</v>
      </c>
      <c r="F12328" s="14" t="s">
        <v>15</v>
      </c>
      <c r="G12328" s="16">
        <v>1.6655825070364147</v>
      </c>
    </row>
    <row r="12329" spans="1:7" x14ac:dyDescent="0.3">
      <c r="A12329" s="13" t="s">
        <v>93</v>
      </c>
      <c r="B12329" s="14" t="s">
        <v>1</v>
      </c>
      <c r="C12329" s="14" t="s">
        <v>13</v>
      </c>
      <c r="D12329" s="14" t="s">
        <v>94</v>
      </c>
      <c r="E12329" s="15">
        <v>45660</v>
      </c>
      <c r="F12329" s="14" t="s">
        <v>15</v>
      </c>
      <c r="G12329" s="16">
        <v>1.6705856728355257</v>
      </c>
    </row>
    <row r="12330" spans="1:7" x14ac:dyDescent="0.3">
      <c r="A12330" s="13" t="s">
        <v>93</v>
      </c>
      <c r="B12330" s="14" t="s">
        <v>1</v>
      </c>
      <c r="C12330" s="14" t="s">
        <v>13</v>
      </c>
      <c r="D12330" s="14" t="s">
        <v>94</v>
      </c>
      <c r="E12330" s="15">
        <v>45661</v>
      </c>
      <c r="F12330" s="14" t="s">
        <v>15</v>
      </c>
      <c r="G12330" s="16">
        <v>1.6705856728355257</v>
      </c>
    </row>
    <row r="12331" spans="1:7" x14ac:dyDescent="0.3">
      <c r="A12331" s="13" t="s">
        <v>93</v>
      </c>
      <c r="B12331" s="14" t="s">
        <v>1</v>
      </c>
      <c r="C12331" s="14" t="s">
        <v>13</v>
      </c>
      <c r="D12331" s="14" t="s">
        <v>94</v>
      </c>
      <c r="E12331" s="15">
        <v>45662</v>
      </c>
      <c r="F12331" s="14" t="s">
        <v>15</v>
      </c>
      <c r="G12331" s="16">
        <v>1.6705856728355257</v>
      </c>
    </row>
    <row r="12332" spans="1:7" x14ac:dyDescent="0.3">
      <c r="A12332" s="13" t="s">
        <v>93</v>
      </c>
      <c r="B12332" s="14" t="s">
        <v>1</v>
      </c>
      <c r="C12332" s="14" t="s">
        <v>13</v>
      </c>
      <c r="D12332" s="14" t="s">
        <v>94</v>
      </c>
      <c r="E12332" s="15">
        <v>45663</v>
      </c>
      <c r="F12332" s="14" t="s">
        <v>15</v>
      </c>
      <c r="G12332" s="16">
        <v>1.6905888386346368</v>
      </c>
    </row>
    <row r="12333" spans="1:7" x14ac:dyDescent="0.3">
      <c r="A12333" s="13" t="s">
        <v>93</v>
      </c>
      <c r="B12333" s="14" t="s">
        <v>1</v>
      </c>
      <c r="C12333" s="14" t="s">
        <v>13</v>
      </c>
      <c r="D12333" s="14" t="s">
        <v>94</v>
      </c>
      <c r="E12333" s="15">
        <v>45664</v>
      </c>
      <c r="F12333" s="14" t="s">
        <v>15</v>
      </c>
      <c r="G12333" s="16">
        <v>1.7135920044337478</v>
      </c>
    </row>
    <row r="12334" spans="1:7" x14ac:dyDescent="0.3">
      <c r="A12334" s="13" t="s">
        <v>93</v>
      </c>
      <c r="B12334" s="14" t="s">
        <v>1</v>
      </c>
      <c r="C12334" s="14" t="s">
        <v>13</v>
      </c>
      <c r="D12334" s="14" t="s">
        <v>94</v>
      </c>
      <c r="E12334" s="15">
        <v>45665</v>
      </c>
      <c r="F12334" s="14" t="s">
        <v>15</v>
      </c>
      <c r="G12334" s="16">
        <v>1.7185951702328588</v>
      </c>
    </row>
    <row r="12335" spans="1:7" x14ac:dyDescent="0.3">
      <c r="A12335" s="13" t="s">
        <v>93</v>
      </c>
      <c r="B12335" s="14" t="s">
        <v>1</v>
      </c>
      <c r="C12335" s="14" t="s">
        <v>13</v>
      </c>
      <c r="D12335" s="14" t="s">
        <v>94</v>
      </c>
      <c r="E12335" s="15">
        <v>45666</v>
      </c>
      <c r="F12335" s="14" t="s">
        <v>15</v>
      </c>
      <c r="G12335" s="16">
        <v>1.7235983360319698</v>
      </c>
    </row>
    <row r="12336" spans="1:7" x14ac:dyDescent="0.3">
      <c r="A12336" s="13" t="s">
        <v>93</v>
      </c>
      <c r="B12336" s="14" t="s">
        <v>1</v>
      </c>
      <c r="C12336" s="14" t="s">
        <v>13</v>
      </c>
      <c r="D12336" s="14" t="s">
        <v>94</v>
      </c>
      <c r="E12336" s="15">
        <v>45667</v>
      </c>
      <c r="F12336" s="14" t="s">
        <v>15</v>
      </c>
      <c r="G12336" s="16">
        <v>1.7286015018310805</v>
      </c>
    </row>
    <row r="12337" spans="1:7" x14ac:dyDescent="0.3">
      <c r="A12337" s="13" t="s">
        <v>93</v>
      </c>
      <c r="B12337" s="14" t="s">
        <v>1</v>
      </c>
      <c r="C12337" s="14" t="s">
        <v>13</v>
      </c>
      <c r="D12337" s="14" t="s">
        <v>94</v>
      </c>
      <c r="E12337" s="15">
        <v>45668</v>
      </c>
      <c r="F12337" s="14" t="s">
        <v>15</v>
      </c>
      <c r="G12337" s="16">
        <v>1.7286015018310805</v>
      </c>
    </row>
    <row r="12338" spans="1:7" x14ac:dyDescent="0.3">
      <c r="A12338" s="13" t="s">
        <v>93</v>
      </c>
      <c r="B12338" s="14" t="s">
        <v>1</v>
      </c>
      <c r="C12338" s="14" t="s">
        <v>13</v>
      </c>
      <c r="D12338" s="14" t="s">
        <v>94</v>
      </c>
      <c r="E12338" s="15">
        <v>45669</v>
      </c>
      <c r="F12338" s="14" t="s">
        <v>15</v>
      </c>
      <c r="G12338" s="16">
        <v>1.7286015018310805</v>
      </c>
    </row>
    <row r="12339" spans="1:7" x14ac:dyDescent="0.3">
      <c r="A12339" s="13" t="s">
        <v>93</v>
      </c>
      <c r="B12339" s="14" t="s">
        <v>1</v>
      </c>
      <c r="C12339" s="14" t="s">
        <v>13</v>
      </c>
      <c r="D12339" s="14" t="s">
        <v>94</v>
      </c>
      <c r="E12339" s="15">
        <v>45670</v>
      </c>
      <c r="F12339" s="14" t="s">
        <v>15</v>
      </c>
      <c r="G12339" s="16">
        <v>1.7336046676301915</v>
      </c>
    </row>
    <row r="12340" spans="1:7" x14ac:dyDescent="0.3">
      <c r="A12340" s="13" t="s">
        <v>93</v>
      </c>
      <c r="B12340" s="14" t="s">
        <v>1</v>
      </c>
      <c r="C12340" s="14" t="s">
        <v>13</v>
      </c>
      <c r="D12340" s="14" t="s">
        <v>94</v>
      </c>
      <c r="E12340" s="15">
        <v>45671</v>
      </c>
      <c r="F12340" s="14" t="s">
        <v>15</v>
      </c>
      <c r="G12340" s="16">
        <v>1.7466078334293027</v>
      </c>
    </row>
    <row r="12341" spans="1:7" x14ac:dyDescent="0.3">
      <c r="A12341" s="13" t="s">
        <v>93</v>
      </c>
      <c r="B12341" s="14" t="s">
        <v>1</v>
      </c>
      <c r="C12341" s="14" t="s">
        <v>13</v>
      </c>
      <c r="D12341" s="14" t="s">
        <v>94</v>
      </c>
      <c r="E12341" s="15">
        <v>45672</v>
      </c>
      <c r="F12341" s="14" t="s">
        <v>15</v>
      </c>
      <c r="G12341" s="16">
        <v>1.7516109992284137</v>
      </c>
    </row>
    <row r="12342" spans="1:7" x14ac:dyDescent="0.3">
      <c r="A12342" s="13" t="s">
        <v>93</v>
      </c>
      <c r="B12342" s="14" t="s">
        <v>1</v>
      </c>
      <c r="C12342" s="14" t="s">
        <v>13</v>
      </c>
      <c r="D12342" s="14" t="s">
        <v>94</v>
      </c>
      <c r="E12342" s="15">
        <v>45673</v>
      </c>
      <c r="F12342" s="14" t="s">
        <v>15</v>
      </c>
      <c r="G12342" s="16">
        <v>1.7566141650275244</v>
      </c>
    </row>
    <row r="12343" spans="1:7" x14ac:dyDescent="0.3">
      <c r="A12343" s="13" t="s">
        <v>93</v>
      </c>
      <c r="B12343" s="14" t="s">
        <v>1</v>
      </c>
      <c r="C12343" s="14" t="s">
        <v>13</v>
      </c>
      <c r="D12343" s="14" t="s">
        <v>94</v>
      </c>
      <c r="E12343" s="15">
        <v>45674</v>
      </c>
      <c r="F12343" s="14" t="s">
        <v>15</v>
      </c>
      <c r="G12343" s="16">
        <v>1.7606173308266357</v>
      </c>
    </row>
    <row r="12344" spans="1:7" x14ac:dyDescent="0.3">
      <c r="A12344" s="13" t="s">
        <v>93</v>
      </c>
      <c r="B12344" s="14" t="s">
        <v>1</v>
      </c>
      <c r="C12344" s="14" t="s">
        <v>13</v>
      </c>
      <c r="D12344" s="14" t="s">
        <v>94</v>
      </c>
      <c r="E12344" s="15">
        <v>45675</v>
      </c>
      <c r="F12344" s="14" t="s">
        <v>15</v>
      </c>
      <c r="G12344" s="16">
        <v>1.7606173308266357</v>
      </c>
    </row>
    <row r="12345" spans="1:7" x14ac:dyDescent="0.3">
      <c r="A12345" s="13" t="s">
        <v>93</v>
      </c>
      <c r="B12345" s="14" t="s">
        <v>1</v>
      </c>
      <c r="C12345" s="14" t="s">
        <v>13</v>
      </c>
      <c r="D12345" s="14" t="s">
        <v>94</v>
      </c>
      <c r="E12345" s="15">
        <v>45676</v>
      </c>
      <c r="F12345" s="14" t="s">
        <v>15</v>
      </c>
      <c r="G12345" s="16">
        <v>1.7606173308266357</v>
      </c>
    </row>
    <row r="12346" spans="1:7" x14ac:dyDescent="0.3">
      <c r="A12346" s="13" t="s">
        <v>93</v>
      </c>
      <c r="B12346" s="14" t="s">
        <v>1</v>
      </c>
      <c r="C12346" s="14" t="s">
        <v>13</v>
      </c>
      <c r="D12346" s="14" t="s">
        <v>94</v>
      </c>
      <c r="E12346" s="15">
        <v>45677</v>
      </c>
      <c r="F12346" s="14" t="s">
        <v>15</v>
      </c>
      <c r="G12346" s="16">
        <v>1.7656204966257465</v>
      </c>
    </row>
    <row r="12347" spans="1:7" x14ac:dyDescent="0.3">
      <c r="A12347" s="13" t="s">
        <v>93</v>
      </c>
      <c r="B12347" s="14" t="s">
        <v>1</v>
      </c>
      <c r="C12347" s="14" t="s">
        <v>13</v>
      </c>
      <c r="D12347" s="14" t="s">
        <v>94</v>
      </c>
      <c r="E12347" s="15">
        <v>45678</v>
      </c>
      <c r="F12347" s="14" t="s">
        <v>15</v>
      </c>
      <c r="G12347" s="16">
        <v>1.7786236624248577</v>
      </c>
    </row>
    <row r="12348" spans="1:7" x14ac:dyDescent="0.3">
      <c r="A12348" s="13" t="s">
        <v>93</v>
      </c>
      <c r="B12348" s="14" t="s">
        <v>1</v>
      </c>
      <c r="C12348" s="14" t="s">
        <v>13</v>
      </c>
      <c r="D12348" s="14" t="s">
        <v>94</v>
      </c>
      <c r="E12348" s="15">
        <v>45679</v>
      </c>
      <c r="F12348" s="14" t="s">
        <v>15</v>
      </c>
      <c r="G12348" s="16">
        <v>1.7836268282239687</v>
      </c>
    </row>
    <row r="12349" spans="1:7" x14ac:dyDescent="0.3">
      <c r="A12349" s="13" t="s">
        <v>93</v>
      </c>
      <c r="B12349" s="14" t="s">
        <v>1</v>
      </c>
      <c r="C12349" s="14" t="s">
        <v>13</v>
      </c>
      <c r="D12349" s="14" t="s">
        <v>94</v>
      </c>
      <c r="E12349" s="15">
        <v>45680</v>
      </c>
      <c r="F12349" s="14" t="s">
        <v>15</v>
      </c>
      <c r="G12349" s="16">
        <v>1.7886299940230797</v>
      </c>
    </row>
    <row r="12350" spans="1:7" x14ac:dyDescent="0.3">
      <c r="A12350" s="13" t="s">
        <v>93</v>
      </c>
      <c r="B12350" s="14" t="s">
        <v>1</v>
      </c>
      <c r="C12350" s="14" t="s">
        <v>13</v>
      </c>
      <c r="D12350" s="14" t="s">
        <v>94</v>
      </c>
      <c r="E12350" s="15">
        <v>45681</v>
      </c>
      <c r="F12350" s="14" t="s">
        <v>15</v>
      </c>
      <c r="G12350" s="16">
        <v>1.7936331598221904</v>
      </c>
    </row>
    <row r="12351" spans="1:7" x14ac:dyDescent="0.3">
      <c r="A12351" s="13" t="s">
        <v>93</v>
      </c>
      <c r="B12351" s="14" t="s">
        <v>1</v>
      </c>
      <c r="C12351" s="14" t="s">
        <v>13</v>
      </c>
      <c r="D12351" s="14" t="s">
        <v>94</v>
      </c>
      <c r="E12351" s="15">
        <v>45682</v>
      </c>
      <c r="F12351" s="14" t="s">
        <v>15</v>
      </c>
      <c r="G12351" s="16">
        <v>1.7936331598221904</v>
      </c>
    </row>
    <row r="12352" spans="1:7" x14ac:dyDescent="0.3">
      <c r="A12352" s="13" t="s">
        <v>93</v>
      </c>
      <c r="B12352" s="14" t="s">
        <v>1</v>
      </c>
      <c r="C12352" s="14" t="s">
        <v>13</v>
      </c>
      <c r="D12352" s="14" t="s">
        <v>94</v>
      </c>
      <c r="E12352" s="15">
        <v>45683</v>
      </c>
      <c r="F12352" s="14" t="s">
        <v>15</v>
      </c>
      <c r="G12352" s="16">
        <v>1.7936331598221904</v>
      </c>
    </row>
    <row r="12353" spans="1:7" x14ac:dyDescent="0.3">
      <c r="A12353" s="13" t="s">
        <v>93</v>
      </c>
      <c r="B12353" s="14" t="s">
        <v>1</v>
      </c>
      <c r="C12353" s="14" t="s">
        <v>13</v>
      </c>
      <c r="D12353" s="14" t="s">
        <v>94</v>
      </c>
      <c r="E12353" s="15">
        <v>45684</v>
      </c>
      <c r="F12353" s="14" t="s">
        <v>15</v>
      </c>
      <c r="G12353" s="16">
        <v>1.7986363256213014</v>
      </c>
    </row>
    <row r="12354" spans="1:7" x14ac:dyDescent="0.3">
      <c r="A12354" s="13" t="s">
        <v>93</v>
      </c>
      <c r="B12354" s="14" t="s">
        <v>1</v>
      </c>
      <c r="C12354" s="14" t="s">
        <v>13</v>
      </c>
      <c r="D12354" s="14" t="s">
        <v>94</v>
      </c>
      <c r="E12354" s="15">
        <v>45685</v>
      </c>
      <c r="F12354" s="14" t="s">
        <v>15</v>
      </c>
      <c r="G12354" s="16">
        <v>1.8116394914204126</v>
      </c>
    </row>
    <row r="12355" spans="1:7" x14ac:dyDescent="0.3">
      <c r="A12355" s="13" t="s">
        <v>93</v>
      </c>
      <c r="B12355" s="14" t="s">
        <v>1</v>
      </c>
      <c r="C12355" s="14" t="s">
        <v>13</v>
      </c>
      <c r="D12355" s="14" t="s">
        <v>94</v>
      </c>
      <c r="E12355" s="15">
        <v>45686</v>
      </c>
      <c r="F12355" s="14" t="s">
        <v>15</v>
      </c>
      <c r="G12355" s="16">
        <v>1.8166426572195236</v>
      </c>
    </row>
    <row r="12356" spans="1:7" x14ac:dyDescent="0.3">
      <c r="A12356" s="13" t="s">
        <v>93</v>
      </c>
      <c r="B12356" s="14" t="s">
        <v>1</v>
      </c>
      <c r="C12356" s="14" t="s">
        <v>13</v>
      </c>
      <c r="D12356" s="14" t="s">
        <v>94</v>
      </c>
      <c r="E12356" s="15">
        <v>45687</v>
      </c>
      <c r="F12356" s="14" t="s">
        <v>15</v>
      </c>
      <c r="G12356" s="16">
        <v>1.8216458230186343</v>
      </c>
    </row>
    <row r="12357" spans="1:7" x14ac:dyDescent="0.3">
      <c r="A12357" s="13" t="s">
        <v>93</v>
      </c>
      <c r="B12357" s="14" t="s">
        <v>1</v>
      </c>
      <c r="C12357" s="14" t="s">
        <v>13</v>
      </c>
      <c r="D12357" s="14" t="s">
        <v>94</v>
      </c>
      <c r="E12357" s="15">
        <v>45688</v>
      </c>
      <c r="F12357" s="14" t="s">
        <v>15</v>
      </c>
      <c r="G12357" s="16">
        <v>1.8266489888177453</v>
      </c>
    </row>
    <row r="12358" spans="1:7" x14ac:dyDescent="0.3">
      <c r="A12358" s="13" t="s">
        <v>93</v>
      </c>
      <c r="B12358" s="14" t="s">
        <v>1</v>
      </c>
      <c r="C12358" s="14" t="s">
        <v>13</v>
      </c>
      <c r="D12358" s="14" t="s">
        <v>94</v>
      </c>
      <c r="E12358" s="15">
        <v>45689</v>
      </c>
      <c r="F12358" s="14" t="s">
        <v>15</v>
      </c>
      <c r="G12358" s="16">
        <v>1.8266489888177453</v>
      </c>
    </row>
    <row r="12359" spans="1:7" x14ac:dyDescent="0.3">
      <c r="A12359" s="13" t="s">
        <v>93</v>
      </c>
      <c r="B12359" s="14" t="s">
        <v>1</v>
      </c>
      <c r="C12359" s="14" t="s">
        <v>13</v>
      </c>
      <c r="D12359" s="14" t="s">
        <v>94</v>
      </c>
      <c r="E12359" s="15">
        <v>45690</v>
      </c>
      <c r="F12359" s="14" t="s">
        <v>15</v>
      </c>
      <c r="G12359" s="16">
        <v>1.8266489888177453</v>
      </c>
    </row>
    <row r="12360" spans="1:7" x14ac:dyDescent="0.3">
      <c r="A12360" s="13" t="s">
        <v>93</v>
      </c>
      <c r="B12360" s="14" t="s">
        <v>1</v>
      </c>
      <c r="C12360" s="14" t="s">
        <v>13</v>
      </c>
      <c r="D12360" s="14" t="s">
        <v>94</v>
      </c>
      <c r="E12360" s="15">
        <v>45691</v>
      </c>
      <c r="F12360" s="14" t="s">
        <v>15</v>
      </c>
      <c r="G12360" s="16">
        <v>1.8266489888177453</v>
      </c>
    </row>
    <row r="12361" spans="1:7" x14ac:dyDescent="0.3">
      <c r="A12361" s="13" t="s">
        <v>93</v>
      </c>
      <c r="B12361" s="14" t="s">
        <v>1</v>
      </c>
      <c r="C12361" s="14" t="s">
        <v>13</v>
      </c>
      <c r="D12361" s="14" t="s">
        <v>94</v>
      </c>
      <c r="E12361" s="15">
        <v>45692</v>
      </c>
      <c r="F12361" s="14" t="s">
        <v>15</v>
      </c>
      <c r="G12361" s="16">
        <v>1.8306521546168564</v>
      </c>
    </row>
    <row r="12362" spans="1:7" x14ac:dyDescent="0.3">
      <c r="A12362" s="13" t="s">
        <v>93</v>
      </c>
      <c r="B12362" s="14" t="s">
        <v>1</v>
      </c>
      <c r="C12362" s="14" t="s">
        <v>13</v>
      </c>
      <c r="D12362" s="14" t="s">
        <v>94</v>
      </c>
      <c r="E12362" s="15">
        <v>45693</v>
      </c>
      <c r="F12362" s="14" t="s">
        <v>15</v>
      </c>
      <c r="G12362" s="16">
        <v>1.8966553204159673</v>
      </c>
    </row>
    <row r="12363" spans="1:7" x14ac:dyDescent="0.3">
      <c r="A12363" s="13" t="s">
        <v>93</v>
      </c>
      <c r="B12363" s="14" t="s">
        <v>1</v>
      </c>
      <c r="C12363" s="14" t="s">
        <v>13</v>
      </c>
      <c r="D12363" s="14" t="s">
        <v>94</v>
      </c>
      <c r="E12363" s="15">
        <v>45694</v>
      </c>
      <c r="F12363" s="14" t="s">
        <v>15</v>
      </c>
      <c r="G12363" s="16">
        <v>1.9016584862150783</v>
      </c>
    </row>
    <row r="12364" spans="1:7" x14ac:dyDescent="0.3">
      <c r="A12364" s="13" t="s">
        <v>93</v>
      </c>
      <c r="B12364" s="14" t="s">
        <v>1</v>
      </c>
      <c r="C12364" s="14" t="s">
        <v>13</v>
      </c>
      <c r="D12364" s="14" t="s">
        <v>94</v>
      </c>
      <c r="E12364" s="15">
        <v>45695</v>
      </c>
      <c r="F12364" s="14" t="s">
        <v>15</v>
      </c>
      <c r="G12364" s="16">
        <v>1.910661652014189</v>
      </c>
    </row>
    <row r="12365" spans="1:7" x14ac:dyDescent="0.3">
      <c r="A12365" s="13" t="s">
        <v>93</v>
      </c>
      <c r="B12365" s="14" t="s">
        <v>1</v>
      </c>
      <c r="C12365" s="14" t="s">
        <v>13</v>
      </c>
      <c r="D12365" s="14" t="s">
        <v>94</v>
      </c>
      <c r="E12365" s="15">
        <v>45696</v>
      </c>
      <c r="F12365" s="14" t="s">
        <v>15</v>
      </c>
      <c r="G12365" s="16">
        <v>1.910661652014189</v>
      </c>
    </row>
    <row r="12366" spans="1:7" x14ac:dyDescent="0.3">
      <c r="A12366" s="13" t="s">
        <v>93</v>
      </c>
      <c r="B12366" s="14" t="s">
        <v>1</v>
      </c>
      <c r="C12366" s="14" t="s">
        <v>13</v>
      </c>
      <c r="D12366" s="14" t="s">
        <v>94</v>
      </c>
      <c r="E12366" s="15">
        <v>45697</v>
      </c>
      <c r="F12366" s="14" t="s">
        <v>15</v>
      </c>
      <c r="G12366" s="16">
        <v>1.910661652014189</v>
      </c>
    </row>
    <row r="12367" spans="1:7" x14ac:dyDescent="0.3">
      <c r="A12367" s="13" t="s">
        <v>93</v>
      </c>
      <c r="B12367" s="14" t="s">
        <v>1</v>
      </c>
      <c r="C12367" s="14" t="s">
        <v>13</v>
      </c>
      <c r="D12367" s="14" t="s">
        <v>94</v>
      </c>
      <c r="E12367" s="15">
        <v>45698</v>
      </c>
      <c r="F12367" s="14" t="s">
        <v>15</v>
      </c>
      <c r="G12367" s="16">
        <v>1.9156648178133</v>
      </c>
    </row>
    <row r="12368" spans="1:7" x14ac:dyDescent="0.3">
      <c r="A12368" s="13" t="s">
        <v>93</v>
      </c>
      <c r="B12368" s="14" t="s">
        <v>1</v>
      </c>
      <c r="C12368" s="14" t="s">
        <v>13</v>
      </c>
      <c r="D12368" s="14" t="s">
        <v>94</v>
      </c>
      <c r="E12368" s="15">
        <v>45699</v>
      </c>
      <c r="F12368" s="14" t="s">
        <v>15</v>
      </c>
      <c r="G12368" s="16">
        <v>1.9296679836124109</v>
      </c>
    </row>
    <row r="12369" spans="1:7" x14ac:dyDescent="0.3">
      <c r="A12369" s="13" t="s">
        <v>93</v>
      </c>
      <c r="B12369" s="14" t="s">
        <v>1</v>
      </c>
      <c r="C12369" s="14" t="s">
        <v>13</v>
      </c>
      <c r="D12369" s="14" t="s">
        <v>94</v>
      </c>
      <c r="E12369" s="15">
        <v>45700</v>
      </c>
      <c r="F12369" s="14" t="s">
        <v>15</v>
      </c>
      <c r="G12369" s="16">
        <v>1.9346711494115219</v>
      </c>
    </row>
    <row r="12370" spans="1:7" x14ac:dyDescent="0.3">
      <c r="A12370" s="13" t="s">
        <v>93</v>
      </c>
      <c r="B12370" s="14" t="s">
        <v>1</v>
      </c>
      <c r="C12370" s="14" t="s">
        <v>13</v>
      </c>
      <c r="D12370" s="14" t="s">
        <v>94</v>
      </c>
      <c r="E12370" s="15">
        <v>45701</v>
      </c>
      <c r="F12370" s="14" t="s">
        <v>15</v>
      </c>
      <c r="G12370" s="16">
        <v>1.9396743152106328</v>
      </c>
    </row>
    <row r="12371" spans="1:7" x14ac:dyDescent="0.3">
      <c r="A12371" s="13" t="s">
        <v>93</v>
      </c>
      <c r="B12371" s="14" t="s">
        <v>1</v>
      </c>
      <c r="C12371" s="14" t="s">
        <v>13</v>
      </c>
      <c r="D12371" s="14" t="s">
        <v>94</v>
      </c>
      <c r="E12371" s="15">
        <v>45702</v>
      </c>
      <c r="F12371" s="14" t="s">
        <v>15</v>
      </c>
      <c r="G12371" s="16">
        <v>1.9446774810097438</v>
      </c>
    </row>
    <row r="12372" spans="1:7" x14ac:dyDescent="0.3">
      <c r="A12372" s="13" t="s">
        <v>93</v>
      </c>
      <c r="B12372" s="14" t="s">
        <v>1</v>
      </c>
      <c r="C12372" s="14" t="s">
        <v>13</v>
      </c>
      <c r="D12372" s="14" t="s">
        <v>94</v>
      </c>
      <c r="E12372" s="15">
        <v>45703</v>
      </c>
      <c r="F12372" s="14" t="s">
        <v>15</v>
      </c>
      <c r="G12372" s="16">
        <v>1.9446774810097438</v>
      </c>
    </row>
    <row r="12373" spans="1:7" x14ac:dyDescent="0.3">
      <c r="A12373" s="13" t="s">
        <v>93</v>
      </c>
      <c r="B12373" s="14" t="s">
        <v>1</v>
      </c>
      <c r="C12373" s="14" t="s">
        <v>13</v>
      </c>
      <c r="D12373" s="14" t="s">
        <v>94</v>
      </c>
      <c r="E12373" s="15">
        <v>45704</v>
      </c>
      <c r="F12373" s="14" t="s">
        <v>15</v>
      </c>
      <c r="G12373" s="16">
        <v>1.9446774810097438</v>
      </c>
    </row>
    <row r="12374" spans="1:7" x14ac:dyDescent="0.3">
      <c r="A12374" s="13" t="s">
        <v>93</v>
      </c>
      <c r="B12374" s="14" t="s">
        <v>1</v>
      </c>
      <c r="C12374" s="14" t="s">
        <v>13</v>
      </c>
      <c r="D12374" s="14" t="s">
        <v>94</v>
      </c>
      <c r="E12374" s="15">
        <v>45705</v>
      </c>
      <c r="F12374" s="14" t="s">
        <v>15</v>
      </c>
      <c r="G12374" s="16">
        <v>1.9496806468088548</v>
      </c>
    </row>
    <row r="12375" spans="1:7" x14ac:dyDescent="0.3">
      <c r="A12375" s="13" t="s">
        <v>93</v>
      </c>
      <c r="B12375" s="14" t="s">
        <v>1</v>
      </c>
      <c r="C12375" s="14" t="s">
        <v>13</v>
      </c>
      <c r="D12375" s="14" t="s">
        <v>94</v>
      </c>
      <c r="E12375" s="15">
        <v>45706</v>
      </c>
      <c r="F12375" s="14" t="s">
        <v>15</v>
      </c>
      <c r="G12375" s="16">
        <v>1.9636838126079657</v>
      </c>
    </row>
    <row r="12376" spans="1:7" x14ac:dyDescent="0.3">
      <c r="A12376" s="13" t="s">
        <v>93</v>
      </c>
      <c r="B12376" s="14" t="s">
        <v>1</v>
      </c>
      <c r="C12376" s="14" t="s">
        <v>13</v>
      </c>
      <c r="D12376" s="14" t="s">
        <v>94</v>
      </c>
      <c r="E12376" s="15">
        <v>45707</v>
      </c>
      <c r="F12376" s="14" t="s">
        <v>15</v>
      </c>
      <c r="G12376" s="16">
        <v>1.9676869784070767</v>
      </c>
    </row>
    <row r="12377" spans="1:7" x14ac:dyDescent="0.3">
      <c r="A12377" s="13" t="s">
        <v>93</v>
      </c>
      <c r="B12377" s="14" t="s">
        <v>1</v>
      </c>
      <c r="C12377" s="14" t="s">
        <v>13</v>
      </c>
      <c r="D12377" s="14" t="s">
        <v>94</v>
      </c>
      <c r="E12377" s="15">
        <v>45708</v>
      </c>
      <c r="F12377" s="14" t="s">
        <v>15</v>
      </c>
      <c r="G12377" s="16">
        <v>1.9726901442061877</v>
      </c>
    </row>
    <row r="12378" spans="1:7" x14ac:dyDescent="0.3">
      <c r="A12378" s="13" t="s">
        <v>93</v>
      </c>
      <c r="B12378" s="14" t="s">
        <v>1</v>
      </c>
      <c r="C12378" s="14" t="s">
        <v>13</v>
      </c>
      <c r="D12378" s="14" t="s">
        <v>94</v>
      </c>
      <c r="E12378" s="15">
        <v>45709</v>
      </c>
      <c r="F12378" s="14" t="s">
        <v>15</v>
      </c>
      <c r="G12378" s="16">
        <v>1.9766933100052988</v>
      </c>
    </row>
    <row r="12379" spans="1:7" x14ac:dyDescent="0.3">
      <c r="A12379" s="13" t="s">
        <v>93</v>
      </c>
      <c r="B12379" s="14" t="s">
        <v>1</v>
      </c>
      <c r="C12379" s="14" t="s">
        <v>13</v>
      </c>
      <c r="D12379" s="14" t="s">
        <v>94</v>
      </c>
      <c r="E12379" s="15">
        <v>45710</v>
      </c>
      <c r="F12379" s="14" t="s">
        <v>15</v>
      </c>
      <c r="G12379" s="16">
        <v>1.9766933100052988</v>
      </c>
    </row>
    <row r="12380" spans="1:7" x14ac:dyDescent="0.3">
      <c r="A12380" s="13" t="s">
        <v>93</v>
      </c>
      <c r="B12380" s="14" t="s">
        <v>1</v>
      </c>
      <c r="C12380" s="14" t="s">
        <v>13</v>
      </c>
      <c r="D12380" s="14" t="s">
        <v>94</v>
      </c>
      <c r="E12380" s="15">
        <v>45711</v>
      </c>
      <c r="F12380" s="14" t="s">
        <v>15</v>
      </c>
      <c r="G12380" s="16">
        <v>1.9766933100052988</v>
      </c>
    </row>
    <row r="12381" spans="1:7" x14ac:dyDescent="0.3">
      <c r="A12381" s="13" t="s">
        <v>93</v>
      </c>
      <c r="B12381" s="14" t="s">
        <v>1</v>
      </c>
      <c r="C12381" s="14" t="s">
        <v>13</v>
      </c>
      <c r="D12381" s="14" t="s">
        <v>94</v>
      </c>
      <c r="E12381" s="15">
        <v>45712</v>
      </c>
      <c r="F12381" s="14" t="s">
        <v>15</v>
      </c>
      <c r="G12381" s="16">
        <v>1.9966964758044099</v>
      </c>
    </row>
    <row r="12382" spans="1:7" x14ac:dyDescent="0.3">
      <c r="A12382" s="13" t="s">
        <v>93</v>
      </c>
      <c r="B12382" s="14" t="s">
        <v>1</v>
      </c>
      <c r="C12382" s="14" t="s">
        <v>13</v>
      </c>
      <c r="D12382" s="14" t="s">
        <v>94</v>
      </c>
      <c r="E12382" s="15">
        <v>45713</v>
      </c>
      <c r="F12382" s="14" t="s">
        <v>15</v>
      </c>
      <c r="G12382" s="16">
        <v>2.008699641603521</v>
      </c>
    </row>
    <row r="12383" spans="1:7" x14ac:dyDescent="0.3">
      <c r="A12383" s="13" t="s">
        <v>93</v>
      </c>
      <c r="B12383" s="14" t="s">
        <v>1</v>
      </c>
      <c r="C12383" s="14" t="s">
        <v>13</v>
      </c>
      <c r="D12383" s="14" t="s">
        <v>94</v>
      </c>
      <c r="E12383" s="15">
        <v>45714</v>
      </c>
      <c r="F12383" s="14" t="s">
        <v>15</v>
      </c>
      <c r="G12383" s="16">
        <v>2.0127028074026319</v>
      </c>
    </row>
    <row r="12384" spans="1:7" x14ac:dyDescent="0.3">
      <c r="A12384" s="13" t="s">
        <v>93</v>
      </c>
      <c r="B12384" s="14" t="s">
        <v>1</v>
      </c>
      <c r="C12384" s="14" t="s">
        <v>13</v>
      </c>
      <c r="D12384" s="14" t="s">
        <v>94</v>
      </c>
      <c r="E12384" s="15">
        <v>45715</v>
      </c>
      <c r="F12384" s="14" t="s">
        <v>15</v>
      </c>
      <c r="G12384" s="16">
        <v>2.0187059732017429</v>
      </c>
    </row>
    <row r="12385" spans="1:7" x14ac:dyDescent="0.3">
      <c r="A12385" s="13" t="s">
        <v>93</v>
      </c>
      <c r="B12385" s="14" t="s">
        <v>1</v>
      </c>
      <c r="C12385" s="14" t="s">
        <v>13</v>
      </c>
      <c r="D12385" s="14" t="s">
        <v>94</v>
      </c>
      <c r="E12385" s="15">
        <v>45716</v>
      </c>
      <c r="F12385" s="14" t="s">
        <v>15</v>
      </c>
      <c r="G12385" s="16">
        <v>2.0227091390008543</v>
      </c>
    </row>
    <row r="12386" spans="1:7" x14ac:dyDescent="0.3">
      <c r="A12386" s="13" t="s">
        <v>93</v>
      </c>
      <c r="B12386" s="14" t="s">
        <v>1</v>
      </c>
      <c r="C12386" s="14" t="s">
        <v>13</v>
      </c>
      <c r="D12386" s="14" t="s">
        <v>94</v>
      </c>
      <c r="E12386" s="15">
        <v>45717</v>
      </c>
      <c r="F12386" s="14" t="s">
        <v>15</v>
      </c>
      <c r="G12386" s="16">
        <v>2.0227091390008543</v>
      </c>
    </row>
    <row r="12387" spans="1:7" x14ac:dyDescent="0.3">
      <c r="A12387" s="13" t="s">
        <v>93</v>
      </c>
      <c r="B12387" s="14" t="s">
        <v>1</v>
      </c>
      <c r="C12387" s="14" t="s">
        <v>13</v>
      </c>
      <c r="D12387" s="14" t="s">
        <v>94</v>
      </c>
      <c r="E12387" s="15">
        <v>45718</v>
      </c>
      <c r="F12387" s="14" t="s">
        <v>15</v>
      </c>
      <c r="G12387" s="16">
        <v>2.0227091390008543</v>
      </c>
    </row>
    <row r="12388" spans="1:7" x14ac:dyDescent="0.3">
      <c r="A12388" s="13" t="s">
        <v>93</v>
      </c>
      <c r="B12388" s="14" t="s">
        <v>1</v>
      </c>
      <c r="C12388" s="14" t="s">
        <v>13</v>
      </c>
      <c r="D12388" s="14" t="s">
        <v>94</v>
      </c>
      <c r="E12388" s="15">
        <v>45719</v>
      </c>
      <c r="F12388" s="14" t="s">
        <v>15</v>
      </c>
      <c r="G12388" s="16">
        <v>2.0297123047999652</v>
      </c>
    </row>
    <row r="12389" spans="1:7" x14ac:dyDescent="0.3">
      <c r="A12389" s="13" t="s">
        <v>93</v>
      </c>
      <c r="B12389" s="14" t="s">
        <v>1</v>
      </c>
      <c r="C12389" s="14" t="s">
        <v>13</v>
      </c>
      <c r="D12389" s="14" t="s">
        <v>94</v>
      </c>
      <c r="E12389" s="15">
        <v>45720</v>
      </c>
      <c r="F12389" s="14" t="s">
        <v>15</v>
      </c>
      <c r="G12389" s="16">
        <v>2.0457154705990761</v>
      </c>
    </row>
    <row r="12390" spans="1:7" x14ac:dyDescent="0.3">
      <c r="A12390" s="13" t="s">
        <v>93</v>
      </c>
      <c r="B12390" s="14" t="s">
        <v>1</v>
      </c>
      <c r="C12390" s="14" t="s">
        <v>13</v>
      </c>
      <c r="D12390" s="14" t="s">
        <v>94</v>
      </c>
      <c r="E12390" s="15">
        <v>45721</v>
      </c>
      <c r="F12390" s="14" t="s">
        <v>15</v>
      </c>
      <c r="G12390" s="16">
        <v>2.0507186363981869</v>
      </c>
    </row>
    <row r="12391" spans="1:7" x14ac:dyDescent="0.3">
      <c r="A12391" s="13" t="s">
        <v>93</v>
      </c>
      <c r="B12391" s="14" t="s">
        <v>1</v>
      </c>
      <c r="C12391" s="14" t="s">
        <v>13</v>
      </c>
      <c r="D12391" s="14" t="s">
        <v>94</v>
      </c>
      <c r="E12391" s="15">
        <v>45722</v>
      </c>
      <c r="F12391" s="14" t="s">
        <v>15</v>
      </c>
      <c r="G12391" s="16">
        <v>2.0597218021972976</v>
      </c>
    </row>
    <row r="12392" spans="1:7" x14ac:dyDescent="0.3">
      <c r="A12392" s="13" t="s">
        <v>93</v>
      </c>
      <c r="B12392" s="14" t="s">
        <v>1</v>
      </c>
      <c r="C12392" s="14" t="s">
        <v>13</v>
      </c>
      <c r="D12392" s="14" t="s">
        <v>94</v>
      </c>
      <c r="E12392" s="15">
        <v>45723</v>
      </c>
      <c r="F12392" s="14" t="s">
        <v>15</v>
      </c>
      <c r="G12392" s="16">
        <v>2.0647249679964088</v>
      </c>
    </row>
    <row r="12393" spans="1:7" x14ac:dyDescent="0.3">
      <c r="A12393" s="13" t="s">
        <v>93</v>
      </c>
      <c r="B12393" s="14" t="s">
        <v>1</v>
      </c>
      <c r="C12393" s="14" t="s">
        <v>13</v>
      </c>
      <c r="D12393" s="14" t="s">
        <v>94</v>
      </c>
      <c r="E12393" s="15">
        <v>45724</v>
      </c>
      <c r="F12393" s="14" t="s">
        <v>15</v>
      </c>
      <c r="G12393" s="16">
        <v>2.0647249679964088</v>
      </c>
    </row>
    <row r="12394" spans="1:7" x14ac:dyDescent="0.3">
      <c r="A12394" s="13" t="s">
        <v>93</v>
      </c>
      <c r="B12394" s="14" t="s">
        <v>1</v>
      </c>
      <c r="C12394" s="14" t="s">
        <v>13</v>
      </c>
      <c r="D12394" s="14" t="s">
        <v>94</v>
      </c>
      <c r="E12394" s="15">
        <v>45725</v>
      </c>
      <c r="F12394" s="14" t="s">
        <v>15</v>
      </c>
      <c r="G12394" s="16">
        <v>2.0647249679964088</v>
      </c>
    </row>
    <row r="12395" spans="1:7" x14ac:dyDescent="0.3">
      <c r="A12395" s="13" t="s">
        <v>93</v>
      </c>
      <c r="B12395" s="14" t="s">
        <v>1</v>
      </c>
      <c r="C12395" s="14" t="s">
        <v>13</v>
      </c>
      <c r="D12395" s="14" t="s">
        <v>94</v>
      </c>
      <c r="E12395" s="15">
        <v>45726</v>
      </c>
      <c r="F12395" s="14" t="s">
        <v>15</v>
      </c>
      <c r="G12395" s="16">
        <v>2.0697281337955196</v>
      </c>
    </row>
    <row r="12396" spans="1:7" x14ac:dyDescent="0.3">
      <c r="A12396" s="13" t="s">
        <v>93</v>
      </c>
      <c r="B12396" s="14" t="s">
        <v>1</v>
      </c>
      <c r="C12396" s="14" t="s">
        <v>13</v>
      </c>
      <c r="D12396" s="14" t="s">
        <v>94</v>
      </c>
      <c r="E12396" s="15">
        <v>45727</v>
      </c>
      <c r="F12396" s="14" t="s">
        <v>15</v>
      </c>
      <c r="G12396" s="16">
        <v>2.0827312995946308</v>
      </c>
    </row>
    <row r="12397" spans="1:7" x14ac:dyDescent="0.3">
      <c r="A12397" s="13" t="s">
        <v>93</v>
      </c>
      <c r="B12397" s="14" t="s">
        <v>1</v>
      </c>
      <c r="C12397" s="14" t="s">
        <v>13</v>
      </c>
      <c r="D12397" s="14" t="s">
        <v>94</v>
      </c>
      <c r="E12397" s="15">
        <v>45728</v>
      </c>
      <c r="F12397" s="14" t="s">
        <v>15</v>
      </c>
      <c r="G12397" s="16">
        <v>2.0877344653937415</v>
      </c>
    </row>
    <row r="12398" spans="1:7" x14ac:dyDescent="0.3">
      <c r="A12398" s="13" t="s">
        <v>93</v>
      </c>
      <c r="B12398" s="14" t="s">
        <v>1</v>
      </c>
      <c r="C12398" s="14" t="s">
        <v>13</v>
      </c>
      <c r="D12398" s="14" t="s">
        <v>94</v>
      </c>
      <c r="E12398" s="15">
        <v>45729</v>
      </c>
      <c r="F12398" s="14" t="s">
        <v>15</v>
      </c>
      <c r="G12398" s="16">
        <v>2.0927376311928527</v>
      </c>
    </row>
    <row r="12399" spans="1:7" x14ac:dyDescent="0.3">
      <c r="A12399" s="13" t="s">
        <v>93</v>
      </c>
      <c r="B12399" s="14" t="s">
        <v>1</v>
      </c>
      <c r="C12399" s="14" t="s">
        <v>13</v>
      </c>
      <c r="D12399" s="14" t="s">
        <v>94</v>
      </c>
      <c r="E12399" s="15">
        <v>45730</v>
      </c>
      <c r="F12399" s="14" t="s">
        <v>15</v>
      </c>
      <c r="G12399" s="16">
        <v>2.1197407969919633</v>
      </c>
    </row>
    <row r="12400" spans="1:7" x14ac:dyDescent="0.3">
      <c r="A12400" s="13" t="s">
        <v>93</v>
      </c>
      <c r="B12400" s="14" t="s">
        <v>1</v>
      </c>
      <c r="C12400" s="14" t="s">
        <v>13</v>
      </c>
      <c r="D12400" s="14" t="s">
        <v>94</v>
      </c>
      <c r="E12400" s="15">
        <v>45731</v>
      </c>
      <c r="F12400" s="14" t="s">
        <v>15</v>
      </c>
      <c r="G12400" s="16">
        <v>2.1197407969919633</v>
      </c>
    </row>
    <row r="12401" spans="1:7" x14ac:dyDescent="0.3">
      <c r="A12401" s="13" t="s">
        <v>93</v>
      </c>
      <c r="B12401" s="14" t="s">
        <v>1</v>
      </c>
      <c r="C12401" s="14" t="s">
        <v>13</v>
      </c>
      <c r="D12401" s="14" t="s">
        <v>94</v>
      </c>
      <c r="E12401" s="15">
        <v>45732</v>
      </c>
      <c r="F12401" s="14" t="s">
        <v>15</v>
      </c>
      <c r="G12401" s="16">
        <v>2.1197407969919633</v>
      </c>
    </row>
    <row r="12402" spans="1:7" x14ac:dyDescent="0.3">
      <c r="A12402" s="13" t="s">
        <v>93</v>
      </c>
      <c r="B12402" s="14" t="s">
        <v>1</v>
      </c>
      <c r="C12402" s="14" t="s">
        <v>13</v>
      </c>
      <c r="D12402" s="14" t="s">
        <v>94</v>
      </c>
      <c r="E12402" s="15">
        <v>45733</v>
      </c>
      <c r="F12402" s="14" t="s">
        <v>15</v>
      </c>
      <c r="G12402" s="16">
        <v>2.1197407969919633</v>
      </c>
    </row>
    <row r="12403" spans="1:7" x14ac:dyDescent="0.3">
      <c r="A12403" s="13" t="s">
        <v>93</v>
      </c>
      <c r="B12403" s="14" t="s">
        <v>1</v>
      </c>
      <c r="C12403" s="14" t="s">
        <v>13</v>
      </c>
      <c r="D12403" s="14" t="s">
        <v>94</v>
      </c>
      <c r="E12403" s="15">
        <v>45734</v>
      </c>
      <c r="F12403" s="14" t="s">
        <v>15</v>
      </c>
      <c r="G12403" s="16">
        <v>2.1237439627910746</v>
      </c>
    </row>
    <row r="12404" spans="1:7" x14ac:dyDescent="0.3">
      <c r="A12404" s="13" t="s">
        <v>93</v>
      </c>
      <c r="B12404" s="14" t="s">
        <v>1</v>
      </c>
      <c r="C12404" s="14" t="s">
        <v>13</v>
      </c>
      <c r="D12404" s="14" t="s">
        <v>94</v>
      </c>
      <c r="E12404" s="15">
        <v>45735</v>
      </c>
      <c r="F12404" s="14" t="s">
        <v>15</v>
      </c>
      <c r="G12404" s="16">
        <v>2.1387471285901856</v>
      </c>
    </row>
    <row r="12405" spans="1:7" x14ac:dyDescent="0.3">
      <c r="A12405" s="13" t="s">
        <v>93</v>
      </c>
      <c r="B12405" s="14" t="s">
        <v>1</v>
      </c>
      <c r="C12405" s="14" t="s">
        <v>13</v>
      </c>
      <c r="D12405" s="14" t="s">
        <v>94</v>
      </c>
      <c r="E12405" s="15">
        <v>45736</v>
      </c>
      <c r="F12405" s="14" t="s">
        <v>15</v>
      </c>
      <c r="G12405" s="16">
        <v>2.1427502943892969</v>
      </c>
    </row>
    <row r="12406" spans="1:7" x14ac:dyDescent="0.3">
      <c r="A12406" s="13" t="s">
        <v>93</v>
      </c>
      <c r="B12406" s="14" t="s">
        <v>1</v>
      </c>
      <c r="C12406" s="14" t="s">
        <v>13</v>
      </c>
      <c r="D12406" s="14" t="s">
        <v>94</v>
      </c>
      <c r="E12406" s="15">
        <v>45737</v>
      </c>
      <c r="F12406" s="14" t="s">
        <v>15</v>
      </c>
      <c r="G12406" s="16">
        <v>2.1477534601884076</v>
      </c>
    </row>
    <row r="12407" spans="1:7" x14ac:dyDescent="0.3">
      <c r="A12407" s="13" t="s">
        <v>93</v>
      </c>
      <c r="B12407" s="14" t="s">
        <v>1</v>
      </c>
      <c r="C12407" s="14" t="s">
        <v>13</v>
      </c>
      <c r="D12407" s="14" t="s">
        <v>94</v>
      </c>
      <c r="E12407" s="15">
        <v>45738</v>
      </c>
      <c r="F12407" s="14" t="s">
        <v>15</v>
      </c>
      <c r="G12407" s="16">
        <v>2.1477534601884076</v>
      </c>
    </row>
    <row r="12408" spans="1:7" x14ac:dyDescent="0.3">
      <c r="A12408" s="13" t="s">
        <v>93</v>
      </c>
      <c r="B12408" s="14" t="s">
        <v>1</v>
      </c>
      <c r="C12408" s="14" t="s">
        <v>13</v>
      </c>
      <c r="D12408" s="14" t="s">
        <v>94</v>
      </c>
      <c r="E12408" s="15">
        <v>45739</v>
      </c>
      <c r="F12408" s="14" t="s">
        <v>15</v>
      </c>
      <c r="G12408" s="16">
        <v>2.1477534601884076</v>
      </c>
    </row>
    <row r="12409" spans="1:7" x14ac:dyDescent="0.3">
      <c r="A12409" s="13" t="s">
        <v>93</v>
      </c>
      <c r="B12409" s="14" t="s">
        <v>1</v>
      </c>
      <c r="C12409" s="14" t="s">
        <v>13</v>
      </c>
      <c r="D12409" s="14" t="s">
        <v>94</v>
      </c>
      <c r="E12409" s="15">
        <v>45740</v>
      </c>
      <c r="F12409" s="14" t="s">
        <v>15</v>
      </c>
      <c r="G12409" s="16">
        <v>2.1507566259875186</v>
      </c>
    </row>
    <row r="12410" spans="1:7" x14ac:dyDescent="0.3">
      <c r="A12410" s="13" t="s">
        <v>93</v>
      </c>
      <c r="B12410" s="14" t="s">
        <v>1</v>
      </c>
      <c r="C12410" s="14" t="s">
        <v>13</v>
      </c>
      <c r="D12410" s="14" t="s">
        <v>94</v>
      </c>
      <c r="E12410" s="15">
        <v>45741</v>
      </c>
      <c r="F12410" s="14" t="s">
        <v>15</v>
      </c>
      <c r="G12410" s="16">
        <v>2.1847597917866297</v>
      </c>
    </row>
    <row r="12411" spans="1:7" x14ac:dyDescent="0.3">
      <c r="A12411" s="13" t="s">
        <v>93</v>
      </c>
      <c r="B12411" s="14" t="s">
        <v>1</v>
      </c>
      <c r="C12411" s="14" t="s">
        <v>13</v>
      </c>
      <c r="D12411" s="14" t="s">
        <v>94</v>
      </c>
      <c r="E12411" s="15">
        <v>45742</v>
      </c>
      <c r="F12411" s="14" t="s">
        <v>15</v>
      </c>
      <c r="G12411" s="16">
        <v>2.1887629575857406</v>
      </c>
    </row>
    <row r="12412" spans="1:7" x14ac:dyDescent="0.3">
      <c r="A12412" s="13" t="s">
        <v>93</v>
      </c>
      <c r="B12412" s="14" t="s">
        <v>1</v>
      </c>
      <c r="C12412" s="14" t="s">
        <v>13</v>
      </c>
      <c r="D12412" s="14" t="s">
        <v>94</v>
      </c>
      <c r="E12412" s="15">
        <v>45743</v>
      </c>
      <c r="F12412" s="14" t="s">
        <v>15</v>
      </c>
      <c r="G12412" s="16">
        <v>2.1927661233848519</v>
      </c>
    </row>
    <row r="12413" spans="1:7" x14ac:dyDescent="0.3">
      <c r="A12413" s="13" t="s">
        <v>93</v>
      </c>
      <c r="B12413" s="14" t="s">
        <v>1</v>
      </c>
      <c r="C12413" s="14" t="s">
        <v>13</v>
      </c>
      <c r="D12413" s="14" t="s">
        <v>94</v>
      </c>
      <c r="E12413" s="15">
        <v>45744</v>
      </c>
      <c r="F12413" s="14" t="s">
        <v>15</v>
      </c>
      <c r="G12413" s="16">
        <v>2.1967692891839627</v>
      </c>
    </row>
    <row r="12414" spans="1:7" x14ac:dyDescent="0.3">
      <c r="A12414" s="13" t="s">
        <v>93</v>
      </c>
      <c r="B12414" s="14" t="s">
        <v>1</v>
      </c>
      <c r="C12414" s="14" t="s">
        <v>13</v>
      </c>
      <c r="D12414" s="14" t="s">
        <v>94</v>
      </c>
      <c r="E12414" s="15">
        <v>45745</v>
      </c>
      <c r="F12414" s="14" t="s">
        <v>15</v>
      </c>
      <c r="G12414" s="16">
        <v>2.1967692891839627</v>
      </c>
    </row>
    <row r="12415" spans="1:7" x14ac:dyDescent="0.3">
      <c r="A12415" s="13" t="s">
        <v>93</v>
      </c>
      <c r="B12415" s="14" t="s">
        <v>1</v>
      </c>
      <c r="C12415" s="14" t="s">
        <v>13</v>
      </c>
      <c r="D12415" s="14" t="s">
        <v>94</v>
      </c>
      <c r="E12415" s="15">
        <v>45746</v>
      </c>
      <c r="F12415" s="14" t="s">
        <v>15</v>
      </c>
      <c r="G12415" s="16">
        <v>2.1967692891839627</v>
      </c>
    </row>
    <row r="12416" spans="1:7" x14ac:dyDescent="0.3">
      <c r="A12416" s="13" t="s">
        <v>93</v>
      </c>
      <c r="B12416" s="14" t="s">
        <v>1</v>
      </c>
      <c r="C12416" s="14" t="s">
        <v>13</v>
      </c>
      <c r="D12416" s="14" t="s">
        <v>94</v>
      </c>
      <c r="E12416" s="15">
        <v>45747</v>
      </c>
      <c r="F12416" s="14" t="s">
        <v>15</v>
      </c>
      <c r="G12416" s="16">
        <v>2.2007724549830741</v>
      </c>
    </row>
    <row r="12417" spans="1:7" x14ac:dyDescent="0.3">
      <c r="A12417" s="13" t="s">
        <v>95</v>
      </c>
      <c r="B12417" s="14" t="s">
        <v>1</v>
      </c>
      <c r="C12417" s="14" t="s">
        <v>96</v>
      </c>
      <c r="D12417" s="14" t="s">
        <v>97</v>
      </c>
      <c r="E12417" s="15">
        <v>45383</v>
      </c>
      <c r="F12417" s="14" t="s">
        <v>61</v>
      </c>
      <c r="G12417" s="16">
        <v>0</v>
      </c>
    </row>
    <row r="12418" spans="1:7" x14ac:dyDescent="0.3">
      <c r="A12418" s="13" t="s">
        <v>95</v>
      </c>
      <c r="B12418" s="14" t="s">
        <v>1</v>
      </c>
      <c r="C12418" s="14" t="s">
        <v>96</v>
      </c>
      <c r="D12418" s="14" t="s">
        <v>97</v>
      </c>
      <c r="E12418" s="15">
        <v>45384</v>
      </c>
      <c r="F12418" s="14" t="s">
        <v>61</v>
      </c>
      <c r="G12418" s="16">
        <v>0</v>
      </c>
    </row>
    <row r="12419" spans="1:7" x14ac:dyDescent="0.3">
      <c r="A12419" s="13" t="s">
        <v>95</v>
      </c>
      <c r="B12419" s="14" t="s">
        <v>1</v>
      </c>
      <c r="C12419" s="14" t="s">
        <v>96</v>
      </c>
      <c r="D12419" s="14" t="s">
        <v>97</v>
      </c>
      <c r="E12419" s="15">
        <v>45385</v>
      </c>
      <c r="F12419" s="14" t="s">
        <v>61</v>
      </c>
      <c r="G12419" s="16">
        <v>0</v>
      </c>
    </row>
    <row r="12420" spans="1:7" x14ac:dyDescent="0.3">
      <c r="A12420" s="13" t="s">
        <v>95</v>
      </c>
      <c r="B12420" s="14" t="s">
        <v>1</v>
      </c>
      <c r="C12420" s="14" t="s">
        <v>96</v>
      </c>
      <c r="D12420" s="14" t="s">
        <v>97</v>
      </c>
      <c r="E12420" s="15">
        <v>45386</v>
      </c>
      <c r="F12420" s="14" t="s">
        <v>61</v>
      </c>
      <c r="G12420" s="16">
        <v>0</v>
      </c>
    </row>
    <row r="12421" spans="1:7" x14ac:dyDescent="0.3">
      <c r="A12421" s="13" t="s">
        <v>95</v>
      </c>
      <c r="B12421" s="14" t="s">
        <v>1</v>
      </c>
      <c r="C12421" s="14" t="s">
        <v>96</v>
      </c>
      <c r="D12421" s="14" t="s">
        <v>97</v>
      </c>
      <c r="E12421" s="15">
        <v>45387</v>
      </c>
      <c r="F12421" s="14" t="s">
        <v>61</v>
      </c>
      <c r="G12421" s="16">
        <v>0</v>
      </c>
    </row>
    <row r="12422" spans="1:7" x14ac:dyDescent="0.3">
      <c r="A12422" s="13" t="s">
        <v>95</v>
      </c>
      <c r="B12422" s="14" t="s">
        <v>1</v>
      </c>
      <c r="C12422" s="14" t="s">
        <v>96</v>
      </c>
      <c r="D12422" s="14" t="s">
        <v>97</v>
      </c>
      <c r="E12422" s="15">
        <v>45388</v>
      </c>
      <c r="F12422" s="14" t="s">
        <v>61</v>
      </c>
      <c r="G12422" s="16">
        <v>0</v>
      </c>
    </row>
    <row r="12423" spans="1:7" x14ac:dyDescent="0.3">
      <c r="A12423" s="13" t="s">
        <v>95</v>
      </c>
      <c r="B12423" s="14" t="s">
        <v>1</v>
      </c>
      <c r="C12423" s="14" t="s">
        <v>96</v>
      </c>
      <c r="D12423" s="14" t="s">
        <v>97</v>
      </c>
      <c r="E12423" s="15">
        <v>45389</v>
      </c>
      <c r="F12423" s="14" t="s">
        <v>61</v>
      </c>
      <c r="G12423" s="16">
        <v>0</v>
      </c>
    </row>
    <row r="12424" spans="1:7" x14ac:dyDescent="0.3">
      <c r="A12424" s="13" t="s">
        <v>95</v>
      </c>
      <c r="B12424" s="14" t="s">
        <v>1</v>
      </c>
      <c r="C12424" s="14" t="s">
        <v>96</v>
      </c>
      <c r="D12424" s="14" t="s">
        <v>97</v>
      </c>
      <c r="E12424" s="15">
        <v>45390</v>
      </c>
      <c r="F12424" s="14" t="s">
        <v>61</v>
      </c>
      <c r="G12424" s="16">
        <v>0</v>
      </c>
    </row>
    <row r="12425" spans="1:7" x14ac:dyDescent="0.3">
      <c r="A12425" s="13" t="s">
        <v>95</v>
      </c>
      <c r="B12425" s="14" t="s">
        <v>1</v>
      </c>
      <c r="C12425" s="14" t="s">
        <v>96</v>
      </c>
      <c r="D12425" s="14" t="s">
        <v>97</v>
      </c>
      <c r="E12425" s="15">
        <v>45391</v>
      </c>
      <c r="F12425" s="14" t="s">
        <v>61</v>
      </c>
      <c r="G12425" s="16">
        <v>0</v>
      </c>
    </row>
    <row r="12426" spans="1:7" x14ac:dyDescent="0.3">
      <c r="A12426" s="13" t="s">
        <v>95</v>
      </c>
      <c r="B12426" s="14" t="s">
        <v>1</v>
      </c>
      <c r="C12426" s="14" t="s">
        <v>96</v>
      </c>
      <c r="D12426" s="14" t="s">
        <v>97</v>
      </c>
      <c r="E12426" s="15">
        <v>45392</v>
      </c>
      <c r="F12426" s="14" t="s">
        <v>61</v>
      </c>
      <c r="G12426" s="16">
        <v>0</v>
      </c>
    </row>
    <row r="12427" spans="1:7" x14ac:dyDescent="0.3">
      <c r="A12427" s="13" t="s">
        <v>95</v>
      </c>
      <c r="B12427" s="14" t="s">
        <v>1</v>
      </c>
      <c r="C12427" s="14" t="s">
        <v>96</v>
      </c>
      <c r="D12427" s="14" t="s">
        <v>97</v>
      </c>
      <c r="E12427" s="15">
        <v>45393</v>
      </c>
      <c r="F12427" s="14" t="s">
        <v>61</v>
      </c>
      <c r="G12427" s="16">
        <v>0</v>
      </c>
    </row>
    <row r="12428" spans="1:7" x14ac:dyDescent="0.3">
      <c r="A12428" s="13" t="s">
        <v>95</v>
      </c>
      <c r="B12428" s="14" t="s">
        <v>1</v>
      </c>
      <c r="C12428" s="14" t="s">
        <v>96</v>
      </c>
      <c r="D12428" s="14" t="s">
        <v>97</v>
      </c>
      <c r="E12428" s="15">
        <v>45394</v>
      </c>
      <c r="F12428" s="14" t="s">
        <v>61</v>
      </c>
      <c r="G12428" s="16">
        <v>0</v>
      </c>
    </row>
    <row r="12429" spans="1:7" x14ac:dyDescent="0.3">
      <c r="A12429" s="13" t="s">
        <v>95</v>
      </c>
      <c r="B12429" s="14" t="s">
        <v>1</v>
      </c>
      <c r="C12429" s="14" t="s">
        <v>96</v>
      </c>
      <c r="D12429" s="14" t="s">
        <v>97</v>
      </c>
      <c r="E12429" s="15">
        <v>45395</v>
      </c>
      <c r="F12429" s="14" t="s">
        <v>61</v>
      </c>
      <c r="G12429" s="16">
        <v>0</v>
      </c>
    </row>
    <row r="12430" spans="1:7" x14ac:dyDescent="0.3">
      <c r="A12430" s="13" t="s">
        <v>95</v>
      </c>
      <c r="B12430" s="14" t="s">
        <v>1</v>
      </c>
      <c r="C12430" s="14" t="s">
        <v>96</v>
      </c>
      <c r="D12430" s="14" t="s">
        <v>97</v>
      </c>
      <c r="E12430" s="15">
        <v>45396</v>
      </c>
      <c r="F12430" s="14" t="s">
        <v>61</v>
      </c>
      <c r="G12430" s="16">
        <v>0</v>
      </c>
    </row>
    <row r="12431" spans="1:7" x14ac:dyDescent="0.3">
      <c r="A12431" s="13" t="s">
        <v>95</v>
      </c>
      <c r="B12431" s="14" t="s">
        <v>1</v>
      </c>
      <c r="C12431" s="14" t="s">
        <v>96</v>
      </c>
      <c r="D12431" s="14" t="s">
        <v>97</v>
      </c>
      <c r="E12431" s="15">
        <v>45397</v>
      </c>
      <c r="F12431" s="14" t="s">
        <v>61</v>
      </c>
      <c r="G12431" s="16">
        <v>0</v>
      </c>
    </row>
    <row r="12432" spans="1:7" x14ac:dyDescent="0.3">
      <c r="A12432" s="13" t="s">
        <v>95</v>
      </c>
      <c r="B12432" s="14" t="s">
        <v>1</v>
      </c>
      <c r="C12432" s="14" t="s">
        <v>96</v>
      </c>
      <c r="D12432" s="14" t="s">
        <v>97</v>
      </c>
      <c r="E12432" s="15">
        <v>45398</v>
      </c>
      <c r="F12432" s="14" t="s">
        <v>61</v>
      </c>
      <c r="G12432" s="16">
        <v>0</v>
      </c>
    </row>
    <row r="12433" spans="1:7" x14ac:dyDescent="0.3">
      <c r="A12433" s="13" t="s">
        <v>95</v>
      </c>
      <c r="B12433" s="14" t="s">
        <v>1</v>
      </c>
      <c r="C12433" s="14" t="s">
        <v>96</v>
      </c>
      <c r="D12433" s="14" t="s">
        <v>97</v>
      </c>
      <c r="E12433" s="15">
        <v>45399</v>
      </c>
      <c r="F12433" s="14" t="s">
        <v>61</v>
      </c>
      <c r="G12433" s="16">
        <v>0</v>
      </c>
    </row>
    <row r="12434" spans="1:7" x14ac:dyDescent="0.3">
      <c r="A12434" s="13" t="s">
        <v>95</v>
      </c>
      <c r="B12434" s="14" t="s">
        <v>1</v>
      </c>
      <c r="C12434" s="14" t="s">
        <v>96</v>
      </c>
      <c r="D12434" s="14" t="s">
        <v>97</v>
      </c>
      <c r="E12434" s="15">
        <v>45400</v>
      </c>
      <c r="F12434" s="14" t="s">
        <v>61</v>
      </c>
      <c r="G12434" s="16">
        <v>0</v>
      </c>
    </row>
    <row r="12435" spans="1:7" x14ac:dyDescent="0.3">
      <c r="A12435" s="13" t="s">
        <v>95</v>
      </c>
      <c r="B12435" s="14" t="s">
        <v>1</v>
      </c>
      <c r="C12435" s="14" t="s">
        <v>96</v>
      </c>
      <c r="D12435" s="14" t="s">
        <v>97</v>
      </c>
      <c r="E12435" s="15">
        <v>45401</v>
      </c>
      <c r="F12435" s="14" t="s">
        <v>61</v>
      </c>
      <c r="G12435" s="16">
        <v>0</v>
      </c>
    </row>
    <row r="12436" spans="1:7" x14ac:dyDescent="0.3">
      <c r="A12436" s="13" t="s">
        <v>95</v>
      </c>
      <c r="B12436" s="14" t="s">
        <v>1</v>
      </c>
      <c r="C12436" s="14" t="s">
        <v>96</v>
      </c>
      <c r="D12436" s="14" t="s">
        <v>97</v>
      </c>
      <c r="E12436" s="15">
        <v>45402</v>
      </c>
      <c r="F12436" s="14" t="s">
        <v>61</v>
      </c>
      <c r="G12436" s="16">
        <v>0</v>
      </c>
    </row>
    <row r="12437" spans="1:7" x14ac:dyDescent="0.3">
      <c r="A12437" s="13" t="s">
        <v>95</v>
      </c>
      <c r="B12437" s="14" t="s">
        <v>1</v>
      </c>
      <c r="C12437" s="14" t="s">
        <v>96</v>
      </c>
      <c r="D12437" s="14" t="s">
        <v>97</v>
      </c>
      <c r="E12437" s="15">
        <v>45403</v>
      </c>
      <c r="F12437" s="14" t="s">
        <v>61</v>
      </c>
      <c r="G12437" s="16">
        <v>0</v>
      </c>
    </row>
    <row r="12438" spans="1:7" x14ac:dyDescent="0.3">
      <c r="A12438" s="13" t="s">
        <v>95</v>
      </c>
      <c r="B12438" s="14" t="s">
        <v>1</v>
      </c>
      <c r="C12438" s="14" t="s">
        <v>96</v>
      </c>
      <c r="D12438" s="14" t="s">
        <v>97</v>
      </c>
      <c r="E12438" s="15">
        <v>45404</v>
      </c>
      <c r="F12438" s="14" t="s">
        <v>61</v>
      </c>
      <c r="G12438" s="16">
        <v>0</v>
      </c>
    </row>
    <row r="12439" spans="1:7" x14ac:dyDescent="0.3">
      <c r="A12439" s="13" t="s">
        <v>95</v>
      </c>
      <c r="B12439" s="14" t="s">
        <v>1</v>
      </c>
      <c r="C12439" s="14" t="s">
        <v>96</v>
      </c>
      <c r="D12439" s="14" t="s">
        <v>97</v>
      </c>
      <c r="E12439" s="15">
        <v>45405</v>
      </c>
      <c r="F12439" s="14" t="s">
        <v>61</v>
      </c>
      <c r="G12439" s="16">
        <v>0</v>
      </c>
    </row>
    <row r="12440" spans="1:7" x14ac:dyDescent="0.3">
      <c r="A12440" s="13" t="s">
        <v>95</v>
      </c>
      <c r="B12440" s="14" t="s">
        <v>1</v>
      </c>
      <c r="C12440" s="14" t="s">
        <v>96</v>
      </c>
      <c r="D12440" s="14" t="s">
        <v>97</v>
      </c>
      <c r="E12440" s="15">
        <v>45406</v>
      </c>
      <c r="F12440" s="14" t="s">
        <v>61</v>
      </c>
      <c r="G12440" s="16">
        <v>0</v>
      </c>
    </row>
    <row r="12441" spans="1:7" x14ac:dyDescent="0.3">
      <c r="A12441" s="13" t="s">
        <v>95</v>
      </c>
      <c r="B12441" s="14" t="s">
        <v>1</v>
      </c>
      <c r="C12441" s="14" t="s">
        <v>96</v>
      </c>
      <c r="D12441" s="14" t="s">
        <v>97</v>
      </c>
      <c r="E12441" s="15">
        <v>45407</v>
      </c>
      <c r="F12441" s="14" t="s">
        <v>61</v>
      </c>
      <c r="G12441" s="16">
        <v>0</v>
      </c>
    </row>
    <row r="12442" spans="1:7" x14ac:dyDescent="0.3">
      <c r="A12442" s="13" t="s">
        <v>95</v>
      </c>
      <c r="B12442" s="14" t="s">
        <v>1</v>
      </c>
      <c r="C12442" s="14" t="s">
        <v>96</v>
      </c>
      <c r="D12442" s="14" t="s">
        <v>97</v>
      </c>
      <c r="E12442" s="15">
        <v>45408</v>
      </c>
      <c r="F12442" s="14" t="s">
        <v>61</v>
      </c>
      <c r="G12442" s="16">
        <v>0</v>
      </c>
    </row>
    <row r="12443" spans="1:7" x14ac:dyDescent="0.3">
      <c r="A12443" s="13" t="s">
        <v>95</v>
      </c>
      <c r="B12443" s="14" t="s">
        <v>1</v>
      </c>
      <c r="C12443" s="14" t="s">
        <v>96</v>
      </c>
      <c r="D12443" s="14" t="s">
        <v>97</v>
      </c>
      <c r="E12443" s="15">
        <v>45409</v>
      </c>
      <c r="F12443" s="14" t="s">
        <v>61</v>
      </c>
      <c r="G12443" s="16">
        <v>0</v>
      </c>
    </row>
    <row r="12444" spans="1:7" x14ac:dyDescent="0.3">
      <c r="A12444" s="13" t="s">
        <v>95</v>
      </c>
      <c r="B12444" s="14" t="s">
        <v>1</v>
      </c>
      <c r="C12444" s="14" t="s">
        <v>96</v>
      </c>
      <c r="D12444" s="14" t="s">
        <v>97</v>
      </c>
      <c r="E12444" s="15">
        <v>45410</v>
      </c>
      <c r="F12444" s="14" t="s">
        <v>61</v>
      </c>
      <c r="G12444" s="16">
        <v>0</v>
      </c>
    </row>
    <row r="12445" spans="1:7" x14ac:dyDescent="0.3">
      <c r="A12445" s="13" t="s">
        <v>95</v>
      </c>
      <c r="B12445" s="14" t="s">
        <v>1</v>
      </c>
      <c r="C12445" s="14" t="s">
        <v>96</v>
      </c>
      <c r="D12445" s="14" t="s">
        <v>97</v>
      </c>
      <c r="E12445" s="15">
        <v>45411</v>
      </c>
      <c r="F12445" s="14" t="s">
        <v>61</v>
      </c>
      <c r="G12445" s="16">
        <v>0</v>
      </c>
    </row>
    <row r="12446" spans="1:7" x14ac:dyDescent="0.3">
      <c r="A12446" s="13" t="s">
        <v>95</v>
      </c>
      <c r="B12446" s="14" t="s">
        <v>1</v>
      </c>
      <c r="C12446" s="14" t="s">
        <v>96</v>
      </c>
      <c r="D12446" s="14" t="s">
        <v>97</v>
      </c>
      <c r="E12446" s="15">
        <v>45412</v>
      </c>
      <c r="F12446" s="14" t="s">
        <v>61</v>
      </c>
      <c r="G12446" s="16">
        <v>0</v>
      </c>
    </row>
    <row r="12447" spans="1:7" x14ac:dyDescent="0.3">
      <c r="A12447" s="13" t="s">
        <v>95</v>
      </c>
      <c r="B12447" s="14" t="s">
        <v>1</v>
      </c>
      <c r="C12447" s="14" t="s">
        <v>96</v>
      </c>
      <c r="D12447" s="14" t="s">
        <v>97</v>
      </c>
      <c r="E12447" s="15">
        <v>45413</v>
      </c>
      <c r="F12447" s="14" t="s">
        <v>61</v>
      </c>
      <c r="G12447" s="16">
        <v>0</v>
      </c>
    </row>
    <row r="12448" spans="1:7" x14ac:dyDescent="0.3">
      <c r="A12448" s="13" t="s">
        <v>95</v>
      </c>
      <c r="B12448" s="14" t="s">
        <v>1</v>
      </c>
      <c r="C12448" s="14" t="s">
        <v>96</v>
      </c>
      <c r="D12448" s="14" t="s">
        <v>97</v>
      </c>
      <c r="E12448" s="15">
        <v>45414</v>
      </c>
      <c r="F12448" s="14" t="s">
        <v>61</v>
      </c>
      <c r="G12448" s="16">
        <v>0</v>
      </c>
    </row>
    <row r="12449" spans="1:7" x14ac:dyDescent="0.3">
      <c r="A12449" s="13" t="s">
        <v>95</v>
      </c>
      <c r="B12449" s="14" t="s">
        <v>1</v>
      </c>
      <c r="C12449" s="14" t="s">
        <v>96</v>
      </c>
      <c r="D12449" s="14" t="s">
        <v>97</v>
      </c>
      <c r="E12449" s="15">
        <v>45415</v>
      </c>
      <c r="F12449" s="14" t="s">
        <v>61</v>
      </c>
      <c r="G12449" s="16">
        <v>0</v>
      </c>
    </row>
    <row r="12450" spans="1:7" x14ac:dyDescent="0.3">
      <c r="A12450" s="13" t="s">
        <v>95</v>
      </c>
      <c r="B12450" s="14" t="s">
        <v>1</v>
      </c>
      <c r="C12450" s="14" t="s">
        <v>96</v>
      </c>
      <c r="D12450" s="14" t="s">
        <v>97</v>
      </c>
      <c r="E12450" s="15">
        <v>45416</v>
      </c>
      <c r="F12450" s="14" t="s">
        <v>61</v>
      </c>
      <c r="G12450" s="16">
        <v>0</v>
      </c>
    </row>
    <row r="12451" spans="1:7" x14ac:dyDescent="0.3">
      <c r="A12451" s="13" t="s">
        <v>95</v>
      </c>
      <c r="B12451" s="14" t="s">
        <v>1</v>
      </c>
      <c r="C12451" s="14" t="s">
        <v>96</v>
      </c>
      <c r="D12451" s="14" t="s">
        <v>97</v>
      </c>
      <c r="E12451" s="15">
        <v>45417</v>
      </c>
      <c r="F12451" s="14" t="s">
        <v>61</v>
      </c>
      <c r="G12451" s="16">
        <v>0</v>
      </c>
    </row>
    <row r="12452" spans="1:7" x14ac:dyDescent="0.3">
      <c r="A12452" s="13" t="s">
        <v>95</v>
      </c>
      <c r="B12452" s="14" t="s">
        <v>1</v>
      </c>
      <c r="C12452" s="14" t="s">
        <v>96</v>
      </c>
      <c r="D12452" s="14" t="s">
        <v>97</v>
      </c>
      <c r="E12452" s="15">
        <v>45418</v>
      </c>
      <c r="F12452" s="14" t="s">
        <v>61</v>
      </c>
      <c r="G12452" s="16">
        <v>0</v>
      </c>
    </row>
    <row r="12453" spans="1:7" x14ac:dyDescent="0.3">
      <c r="A12453" s="13" t="s">
        <v>95</v>
      </c>
      <c r="B12453" s="14" t="s">
        <v>1</v>
      </c>
      <c r="C12453" s="14" t="s">
        <v>96</v>
      </c>
      <c r="D12453" s="14" t="s">
        <v>97</v>
      </c>
      <c r="E12453" s="15">
        <v>45419</v>
      </c>
      <c r="F12453" s="14" t="s">
        <v>61</v>
      </c>
      <c r="G12453" s="16">
        <v>0</v>
      </c>
    </row>
    <row r="12454" spans="1:7" x14ac:dyDescent="0.3">
      <c r="A12454" s="13" t="s">
        <v>95</v>
      </c>
      <c r="B12454" s="14" t="s">
        <v>1</v>
      </c>
      <c r="C12454" s="14" t="s">
        <v>96</v>
      </c>
      <c r="D12454" s="14" t="s">
        <v>97</v>
      </c>
      <c r="E12454" s="15">
        <v>45420</v>
      </c>
      <c r="F12454" s="14" t="s">
        <v>61</v>
      </c>
      <c r="G12454" s="16">
        <v>0</v>
      </c>
    </row>
    <row r="12455" spans="1:7" x14ac:dyDescent="0.3">
      <c r="A12455" s="13" t="s">
        <v>95</v>
      </c>
      <c r="B12455" s="14" t="s">
        <v>1</v>
      </c>
      <c r="C12455" s="14" t="s">
        <v>96</v>
      </c>
      <c r="D12455" s="14" t="s">
        <v>97</v>
      </c>
      <c r="E12455" s="15">
        <v>45421</v>
      </c>
      <c r="F12455" s="14" t="s">
        <v>61</v>
      </c>
      <c r="G12455" s="16">
        <v>0</v>
      </c>
    </row>
    <row r="12456" spans="1:7" x14ac:dyDescent="0.3">
      <c r="A12456" s="13" t="s">
        <v>95</v>
      </c>
      <c r="B12456" s="14" t="s">
        <v>1</v>
      </c>
      <c r="C12456" s="14" t="s">
        <v>96</v>
      </c>
      <c r="D12456" s="14" t="s">
        <v>97</v>
      </c>
      <c r="E12456" s="15">
        <v>45422</v>
      </c>
      <c r="F12456" s="14" t="s">
        <v>61</v>
      </c>
      <c r="G12456" s="16">
        <v>0</v>
      </c>
    </row>
    <row r="12457" spans="1:7" x14ac:dyDescent="0.3">
      <c r="A12457" s="13" t="s">
        <v>95</v>
      </c>
      <c r="B12457" s="14" t="s">
        <v>1</v>
      </c>
      <c r="C12457" s="14" t="s">
        <v>96</v>
      </c>
      <c r="D12457" s="14" t="s">
        <v>97</v>
      </c>
      <c r="E12457" s="15">
        <v>45423</v>
      </c>
      <c r="F12457" s="14" t="s">
        <v>61</v>
      </c>
      <c r="G12457" s="16">
        <v>0</v>
      </c>
    </row>
    <row r="12458" spans="1:7" x14ac:dyDescent="0.3">
      <c r="A12458" s="13" t="s">
        <v>95</v>
      </c>
      <c r="B12458" s="14" t="s">
        <v>1</v>
      </c>
      <c r="C12458" s="14" t="s">
        <v>96</v>
      </c>
      <c r="D12458" s="14" t="s">
        <v>97</v>
      </c>
      <c r="E12458" s="15">
        <v>45424</v>
      </c>
      <c r="F12458" s="14" t="s">
        <v>61</v>
      </c>
      <c r="G12458" s="16">
        <v>0</v>
      </c>
    </row>
    <row r="12459" spans="1:7" x14ac:dyDescent="0.3">
      <c r="A12459" s="13" t="s">
        <v>95</v>
      </c>
      <c r="B12459" s="14" t="s">
        <v>1</v>
      </c>
      <c r="C12459" s="14" t="s">
        <v>96</v>
      </c>
      <c r="D12459" s="14" t="s">
        <v>97</v>
      </c>
      <c r="E12459" s="15">
        <v>45425</v>
      </c>
      <c r="F12459" s="14" t="s">
        <v>61</v>
      </c>
      <c r="G12459" s="16">
        <v>0</v>
      </c>
    </row>
    <row r="12460" spans="1:7" x14ac:dyDescent="0.3">
      <c r="A12460" s="13" t="s">
        <v>95</v>
      </c>
      <c r="B12460" s="14" t="s">
        <v>1</v>
      </c>
      <c r="C12460" s="14" t="s">
        <v>96</v>
      </c>
      <c r="D12460" s="14" t="s">
        <v>97</v>
      </c>
      <c r="E12460" s="15">
        <v>45426</v>
      </c>
      <c r="F12460" s="14" t="s">
        <v>61</v>
      </c>
      <c r="G12460" s="16">
        <v>0</v>
      </c>
    </row>
    <row r="12461" spans="1:7" x14ac:dyDescent="0.3">
      <c r="A12461" s="13" t="s">
        <v>95</v>
      </c>
      <c r="B12461" s="14" t="s">
        <v>1</v>
      </c>
      <c r="C12461" s="14" t="s">
        <v>96</v>
      </c>
      <c r="D12461" s="14" t="s">
        <v>97</v>
      </c>
      <c r="E12461" s="15">
        <v>45427</v>
      </c>
      <c r="F12461" s="14" t="s">
        <v>61</v>
      </c>
      <c r="G12461" s="16">
        <v>0</v>
      </c>
    </row>
    <row r="12462" spans="1:7" x14ac:dyDescent="0.3">
      <c r="A12462" s="13" t="s">
        <v>95</v>
      </c>
      <c r="B12462" s="14" t="s">
        <v>1</v>
      </c>
      <c r="C12462" s="14" t="s">
        <v>96</v>
      </c>
      <c r="D12462" s="14" t="s">
        <v>97</v>
      </c>
      <c r="E12462" s="15">
        <v>45428</v>
      </c>
      <c r="F12462" s="14" t="s">
        <v>61</v>
      </c>
      <c r="G12462" s="16">
        <v>0</v>
      </c>
    </row>
    <row r="12463" spans="1:7" x14ac:dyDescent="0.3">
      <c r="A12463" s="13" t="s">
        <v>95</v>
      </c>
      <c r="B12463" s="14" t="s">
        <v>1</v>
      </c>
      <c r="C12463" s="14" t="s">
        <v>96</v>
      </c>
      <c r="D12463" s="14" t="s">
        <v>97</v>
      </c>
      <c r="E12463" s="15">
        <v>45429</v>
      </c>
      <c r="F12463" s="14" t="s">
        <v>61</v>
      </c>
      <c r="G12463" s="16">
        <v>0</v>
      </c>
    </row>
    <row r="12464" spans="1:7" x14ac:dyDescent="0.3">
      <c r="A12464" s="13" t="s">
        <v>95</v>
      </c>
      <c r="B12464" s="14" t="s">
        <v>1</v>
      </c>
      <c r="C12464" s="14" t="s">
        <v>96</v>
      </c>
      <c r="D12464" s="14" t="s">
        <v>97</v>
      </c>
      <c r="E12464" s="15">
        <v>45430</v>
      </c>
      <c r="F12464" s="14" t="s">
        <v>61</v>
      </c>
      <c r="G12464" s="16">
        <v>0</v>
      </c>
    </row>
    <row r="12465" spans="1:7" x14ac:dyDescent="0.3">
      <c r="A12465" s="13" t="s">
        <v>95</v>
      </c>
      <c r="B12465" s="14" t="s">
        <v>1</v>
      </c>
      <c r="C12465" s="14" t="s">
        <v>96</v>
      </c>
      <c r="D12465" s="14" t="s">
        <v>97</v>
      </c>
      <c r="E12465" s="15">
        <v>45431</v>
      </c>
      <c r="F12465" s="14" t="s">
        <v>61</v>
      </c>
      <c r="G12465" s="16">
        <v>0</v>
      </c>
    </row>
    <row r="12466" spans="1:7" x14ac:dyDescent="0.3">
      <c r="A12466" s="13" t="s">
        <v>95</v>
      </c>
      <c r="B12466" s="14" t="s">
        <v>1</v>
      </c>
      <c r="C12466" s="14" t="s">
        <v>96</v>
      </c>
      <c r="D12466" s="14" t="s">
        <v>97</v>
      </c>
      <c r="E12466" s="15">
        <v>45432</v>
      </c>
      <c r="F12466" s="14" t="s">
        <v>61</v>
      </c>
      <c r="G12466" s="16">
        <v>0</v>
      </c>
    </row>
    <row r="12467" spans="1:7" x14ac:dyDescent="0.3">
      <c r="A12467" s="13" t="s">
        <v>95</v>
      </c>
      <c r="B12467" s="14" t="s">
        <v>1</v>
      </c>
      <c r="C12467" s="14" t="s">
        <v>96</v>
      </c>
      <c r="D12467" s="14" t="s">
        <v>97</v>
      </c>
      <c r="E12467" s="15">
        <v>45433</v>
      </c>
      <c r="F12467" s="14" t="s">
        <v>61</v>
      </c>
      <c r="G12467" s="16">
        <v>0</v>
      </c>
    </row>
    <row r="12468" spans="1:7" x14ac:dyDescent="0.3">
      <c r="A12468" s="13" t="s">
        <v>95</v>
      </c>
      <c r="B12468" s="14" t="s">
        <v>1</v>
      </c>
      <c r="C12468" s="14" t="s">
        <v>96</v>
      </c>
      <c r="D12468" s="14" t="s">
        <v>97</v>
      </c>
      <c r="E12468" s="15">
        <v>45434</v>
      </c>
      <c r="F12468" s="14" t="s">
        <v>61</v>
      </c>
      <c r="G12468" s="16">
        <v>0</v>
      </c>
    </row>
    <row r="12469" spans="1:7" x14ac:dyDescent="0.3">
      <c r="A12469" s="13" t="s">
        <v>95</v>
      </c>
      <c r="B12469" s="14" t="s">
        <v>1</v>
      </c>
      <c r="C12469" s="14" t="s">
        <v>96</v>
      </c>
      <c r="D12469" s="14" t="s">
        <v>97</v>
      </c>
      <c r="E12469" s="15">
        <v>45435</v>
      </c>
      <c r="F12469" s="14" t="s">
        <v>61</v>
      </c>
      <c r="G12469" s="16">
        <v>0</v>
      </c>
    </row>
    <row r="12470" spans="1:7" x14ac:dyDescent="0.3">
      <c r="A12470" s="13" t="s">
        <v>95</v>
      </c>
      <c r="B12470" s="14" t="s">
        <v>1</v>
      </c>
      <c r="C12470" s="14" t="s">
        <v>96</v>
      </c>
      <c r="D12470" s="14" t="s">
        <v>97</v>
      </c>
      <c r="E12470" s="15">
        <v>45436</v>
      </c>
      <c r="F12470" s="14" t="s">
        <v>61</v>
      </c>
      <c r="G12470" s="16">
        <v>0</v>
      </c>
    </row>
    <row r="12471" spans="1:7" x14ac:dyDescent="0.3">
      <c r="A12471" s="13" t="s">
        <v>95</v>
      </c>
      <c r="B12471" s="14" t="s">
        <v>1</v>
      </c>
      <c r="C12471" s="14" t="s">
        <v>96</v>
      </c>
      <c r="D12471" s="14" t="s">
        <v>97</v>
      </c>
      <c r="E12471" s="15">
        <v>45437</v>
      </c>
      <c r="F12471" s="14" t="s">
        <v>61</v>
      </c>
      <c r="G12471" s="16">
        <v>0</v>
      </c>
    </row>
    <row r="12472" spans="1:7" x14ac:dyDescent="0.3">
      <c r="A12472" s="13" t="s">
        <v>95</v>
      </c>
      <c r="B12472" s="14" t="s">
        <v>1</v>
      </c>
      <c r="C12472" s="14" t="s">
        <v>96</v>
      </c>
      <c r="D12472" s="14" t="s">
        <v>97</v>
      </c>
      <c r="E12472" s="15">
        <v>45438</v>
      </c>
      <c r="F12472" s="14" t="s">
        <v>61</v>
      </c>
      <c r="G12472" s="16">
        <v>0</v>
      </c>
    </row>
    <row r="12473" spans="1:7" x14ac:dyDescent="0.3">
      <c r="A12473" s="13" t="s">
        <v>95</v>
      </c>
      <c r="B12473" s="14" t="s">
        <v>1</v>
      </c>
      <c r="C12473" s="14" t="s">
        <v>96</v>
      </c>
      <c r="D12473" s="14" t="s">
        <v>97</v>
      </c>
      <c r="E12473" s="15">
        <v>45439</v>
      </c>
      <c r="F12473" s="14" t="s">
        <v>61</v>
      </c>
      <c r="G12473" s="16">
        <v>0</v>
      </c>
    </row>
    <row r="12474" spans="1:7" x14ac:dyDescent="0.3">
      <c r="A12474" s="13" t="s">
        <v>95</v>
      </c>
      <c r="B12474" s="14" t="s">
        <v>1</v>
      </c>
      <c r="C12474" s="14" t="s">
        <v>96</v>
      </c>
      <c r="D12474" s="14" t="s">
        <v>97</v>
      </c>
      <c r="E12474" s="15">
        <v>45440</v>
      </c>
      <c r="F12474" s="14" t="s">
        <v>61</v>
      </c>
      <c r="G12474" s="16">
        <v>0</v>
      </c>
    </row>
    <row r="12475" spans="1:7" x14ac:dyDescent="0.3">
      <c r="A12475" s="13" t="s">
        <v>95</v>
      </c>
      <c r="B12475" s="14" t="s">
        <v>1</v>
      </c>
      <c r="C12475" s="14" t="s">
        <v>96</v>
      </c>
      <c r="D12475" s="14" t="s">
        <v>97</v>
      </c>
      <c r="E12475" s="15">
        <v>45441</v>
      </c>
      <c r="F12475" s="14" t="s">
        <v>61</v>
      </c>
      <c r="G12475" s="16">
        <v>0</v>
      </c>
    </row>
    <row r="12476" spans="1:7" x14ac:dyDescent="0.3">
      <c r="A12476" s="13" t="s">
        <v>95</v>
      </c>
      <c r="B12476" s="14" t="s">
        <v>1</v>
      </c>
      <c r="C12476" s="14" t="s">
        <v>96</v>
      </c>
      <c r="D12476" s="14" t="s">
        <v>97</v>
      </c>
      <c r="E12476" s="15">
        <v>45442</v>
      </c>
      <c r="F12476" s="14" t="s">
        <v>61</v>
      </c>
      <c r="G12476" s="16">
        <v>0</v>
      </c>
    </row>
    <row r="12477" spans="1:7" x14ac:dyDescent="0.3">
      <c r="A12477" s="13" t="s">
        <v>95</v>
      </c>
      <c r="B12477" s="14" t="s">
        <v>1</v>
      </c>
      <c r="C12477" s="14" t="s">
        <v>96</v>
      </c>
      <c r="D12477" s="14" t="s">
        <v>97</v>
      </c>
      <c r="E12477" s="15">
        <v>45443</v>
      </c>
      <c r="F12477" s="14" t="s">
        <v>61</v>
      </c>
      <c r="G12477" s="16">
        <v>0</v>
      </c>
    </row>
    <row r="12478" spans="1:7" x14ac:dyDescent="0.3">
      <c r="A12478" s="13" t="s">
        <v>95</v>
      </c>
      <c r="B12478" s="14" t="s">
        <v>1</v>
      </c>
      <c r="C12478" s="14" t="s">
        <v>96</v>
      </c>
      <c r="D12478" s="14" t="s">
        <v>97</v>
      </c>
      <c r="E12478" s="15">
        <v>45444</v>
      </c>
      <c r="F12478" s="14" t="s">
        <v>61</v>
      </c>
      <c r="G12478" s="16">
        <v>0</v>
      </c>
    </row>
    <row r="12479" spans="1:7" x14ac:dyDescent="0.3">
      <c r="A12479" s="13" t="s">
        <v>95</v>
      </c>
      <c r="B12479" s="14" t="s">
        <v>1</v>
      </c>
      <c r="C12479" s="14" t="s">
        <v>96</v>
      </c>
      <c r="D12479" s="14" t="s">
        <v>97</v>
      </c>
      <c r="E12479" s="15">
        <v>45445</v>
      </c>
      <c r="F12479" s="14" t="s">
        <v>61</v>
      </c>
      <c r="G12479" s="16">
        <v>0</v>
      </c>
    </row>
    <row r="12480" spans="1:7" x14ac:dyDescent="0.3">
      <c r="A12480" s="13" t="s">
        <v>95</v>
      </c>
      <c r="B12480" s="14" t="s">
        <v>1</v>
      </c>
      <c r="C12480" s="14" t="s">
        <v>96</v>
      </c>
      <c r="D12480" s="14" t="s">
        <v>97</v>
      </c>
      <c r="E12480" s="15">
        <v>45446</v>
      </c>
      <c r="F12480" s="14" t="s">
        <v>61</v>
      </c>
      <c r="G12480" s="16">
        <v>0</v>
      </c>
    </row>
    <row r="12481" spans="1:7" x14ac:dyDescent="0.3">
      <c r="A12481" s="13" t="s">
        <v>95</v>
      </c>
      <c r="B12481" s="14" t="s">
        <v>1</v>
      </c>
      <c r="C12481" s="14" t="s">
        <v>96</v>
      </c>
      <c r="D12481" s="14" t="s">
        <v>97</v>
      </c>
      <c r="E12481" s="15">
        <v>45447</v>
      </c>
      <c r="F12481" s="14" t="s">
        <v>61</v>
      </c>
      <c r="G12481" s="16">
        <v>0</v>
      </c>
    </row>
    <row r="12482" spans="1:7" x14ac:dyDescent="0.3">
      <c r="A12482" s="13" t="s">
        <v>95</v>
      </c>
      <c r="B12482" s="14" t="s">
        <v>1</v>
      </c>
      <c r="C12482" s="14" t="s">
        <v>96</v>
      </c>
      <c r="D12482" s="14" t="s">
        <v>97</v>
      </c>
      <c r="E12482" s="15">
        <v>45448</v>
      </c>
      <c r="F12482" s="14" t="s">
        <v>61</v>
      </c>
      <c r="G12482" s="16">
        <v>0</v>
      </c>
    </row>
    <row r="12483" spans="1:7" x14ac:dyDescent="0.3">
      <c r="A12483" s="13" t="s">
        <v>95</v>
      </c>
      <c r="B12483" s="14" t="s">
        <v>1</v>
      </c>
      <c r="C12483" s="14" t="s">
        <v>96</v>
      </c>
      <c r="D12483" s="14" t="s">
        <v>97</v>
      </c>
      <c r="E12483" s="15">
        <v>45449</v>
      </c>
      <c r="F12483" s="14" t="s">
        <v>61</v>
      </c>
      <c r="G12483" s="16">
        <v>0</v>
      </c>
    </row>
    <row r="12484" spans="1:7" x14ac:dyDescent="0.3">
      <c r="A12484" s="13" t="s">
        <v>95</v>
      </c>
      <c r="B12484" s="14" t="s">
        <v>1</v>
      </c>
      <c r="C12484" s="14" t="s">
        <v>96</v>
      </c>
      <c r="D12484" s="14" t="s">
        <v>97</v>
      </c>
      <c r="E12484" s="15">
        <v>45450</v>
      </c>
      <c r="F12484" s="14" t="s">
        <v>61</v>
      </c>
      <c r="G12484" s="16">
        <v>0</v>
      </c>
    </row>
    <row r="12485" spans="1:7" x14ac:dyDescent="0.3">
      <c r="A12485" s="13" t="s">
        <v>95</v>
      </c>
      <c r="B12485" s="14" t="s">
        <v>1</v>
      </c>
      <c r="C12485" s="14" t="s">
        <v>96</v>
      </c>
      <c r="D12485" s="14" t="s">
        <v>97</v>
      </c>
      <c r="E12485" s="15">
        <v>45451</v>
      </c>
      <c r="F12485" s="14" t="s">
        <v>61</v>
      </c>
      <c r="G12485" s="16">
        <v>0</v>
      </c>
    </row>
    <row r="12486" spans="1:7" x14ac:dyDescent="0.3">
      <c r="A12486" s="13" t="s">
        <v>95</v>
      </c>
      <c r="B12486" s="14" t="s">
        <v>1</v>
      </c>
      <c r="C12486" s="14" t="s">
        <v>96</v>
      </c>
      <c r="D12486" s="14" t="s">
        <v>97</v>
      </c>
      <c r="E12486" s="15">
        <v>45452</v>
      </c>
      <c r="F12486" s="14" t="s">
        <v>61</v>
      </c>
      <c r="G12486" s="16">
        <v>0</v>
      </c>
    </row>
    <row r="12487" spans="1:7" x14ac:dyDescent="0.3">
      <c r="A12487" s="13" t="s">
        <v>95</v>
      </c>
      <c r="B12487" s="14" t="s">
        <v>1</v>
      </c>
      <c r="C12487" s="14" t="s">
        <v>96</v>
      </c>
      <c r="D12487" s="14" t="s">
        <v>97</v>
      </c>
      <c r="E12487" s="15">
        <v>45453</v>
      </c>
      <c r="F12487" s="14" t="s">
        <v>61</v>
      </c>
      <c r="G12487" s="16">
        <v>0</v>
      </c>
    </row>
    <row r="12488" spans="1:7" x14ac:dyDescent="0.3">
      <c r="A12488" s="13" t="s">
        <v>95</v>
      </c>
      <c r="B12488" s="14" t="s">
        <v>1</v>
      </c>
      <c r="C12488" s="14" t="s">
        <v>96</v>
      </c>
      <c r="D12488" s="14" t="s">
        <v>97</v>
      </c>
      <c r="E12488" s="15">
        <v>45454</v>
      </c>
      <c r="F12488" s="14" t="s">
        <v>61</v>
      </c>
      <c r="G12488" s="16">
        <v>0</v>
      </c>
    </row>
    <row r="12489" spans="1:7" x14ac:dyDescent="0.3">
      <c r="A12489" s="13" t="s">
        <v>95</v>
      </c>
      <c r="B12489" s="14" t="s">
        <v>1</v>
      </c>
      <c r="C12489" s="14" t="s">
        <v>96</v>
      </c>
      <c r="D12489" s="14" t="s">
        <v>97</v>
      </c>
      <c r="E12489" s="15">
        <v>45455</v>
      </c>
      <c r="F12489" s="14" t="s">
        <v>61</v>
      </c>
      <c r="G12489" s="16">
        <v>0</v>
      </c>
    </row>
    <row r="12490" spans="1:7" x14ac:dyDescent="0.3">
      <c r="A12490" s="13" t="s">
        <v>95</v>
      </c>
      <c r="B12490" s="14" t="s">
        <v>1</v>
      </c>
      <c r="C12490" s="14" t="s">
        <v>96</v>
      </c>
      <c r="D12490" s="14" t="s">
        <v>97</v>
      </c>
      <c r="E12490" s="15">
        <v>45456</v>
      </c>
      <c r="F12490" s="14" t="s">
        <v>61</v>
      </c>
      <c r="G12490" s="16">
        <v>0</v>
      </c>
    </row>
    <row r="12491" spans="1:7" x14ac:dyDescent="0.3">
      <c r="A12491" s="13" t="s">
        <v>95</v>
      </c>
      <c r="B12491" s="14" t="s">
        <v>1</v>
      </c>
      <c r="C12491" s="14" t="s">
        <v>96</v>
      </c>
      <c r="D12491" s="14" t="s">
        <v>97</v>
      </c>
      <c r="E12491" s="15">
        <v>45457</v>
      </c>
      <c r="F12491" s="14" t="s">
        <v>61</v>
      </c>
      <c r="G12491" s="16">
        <v>0</v>
      </c>
    </row>
    <row r="12492" spans="1:7" x14ac:dyDescent="0.3">
      <c r="A12492" s="13" t="s">
        <v>95</v>
      </c>
      <c r="B12492" s="14" t="s">
        <v>1</v>
      </c>
      <c r="C12492" s="14" t="s">
        <v>96</v>
      </c>
      <c r="D12492" s="14" t="s">
        <v>97</v>
      </c>
      <c r="E12492" s="15">
        <v>45458</v>
      </c>
      <c r="F12492" s="14" t="s">
        <v>61</v>
      </c>
      <c r="G12492" s="16">
        <v>0</v>
      </c>
    </row>
    <row r="12493" spans="1:7" x14ac:dyDescent="0.3">
      <c r="A12493" s="13" t="s">
        <v>95</v>
      </c>
      <c r="B12493" s="14" t="s">
        <v>1</v>
      </c>
      <c r="C12493" s="14" t="s">
        <v>96</v>
      </c>
      <c r="D12493" s="14" t="s">
        <v>97</v>
      </c>
      <c r="E12493" s="15">
        <v>45459</v>
      </c>
      <c r="F12493" s="14" t="s">
        <v>61</v>
      </c>
      <c r="G12493" s="16">
        <v>0</v>
      </c>
    </row>
    <row r="12494" spans="1:7" x14ac:dyDescent="0.3">
      <c r="A12494" s="13" t="s">
        <v>95</v>
      </c>
      <c r="B12494" s="14" t="s">
        <v>1</v>
      </c>
      <c r="C12494" s="14" t="s">
        <v>96</v>
      </c>
      <c r="D12494" s="14" t="s">
        <v>97</v>
      </c>
      <c r="E12494" s="15">
        <v>45460</v>
      </c>
      <c r="F12494" s="14" t="s">
        <v>61</v>
      </c>
      <c r="G12494" s="16">
        <v>0</v>
      </c>
    </row>
    <row r="12495" spans="1:7" x14ac:dyDescent="0.3">
      <c r="A12495" s="13" t="s">
        <v>95</v>
      </c>
      <c r="B12495" s="14" t="s">
        <v>1</v>
      </c>
      <c r="C12495" s="14" t="s">
        <v>96</v>
      </c>
      <c r="D12495" s="14" t="s">
        <v>97</v>
      </c>
      <c r="E12495" s="15">
        <v>45461</v>
      </c>
      <c r="F12495" s="14" t="s">
        <v>61</v>
      </c>
      <c r="G12495" s="16">
        <v>0</v>
      </c>
    </row>
    <row r="12496" spans="1:7" x14ac:dyDescent="0.3">
      <c r="A12496" s="13" t="s">
        <v>95</v>
      </c>
      <c r="B12496" s="14" t="s">
        <v>1</v>
      </c>
      <c r="C12496" s="14" t="s">
        <v>96</v>
      </c>
      <c r="D12496" s="14" t="s">
        <v>97</v>
      </c>
      <c r="E12496" s="15">
        <v>45462</v>
      </c>
      <c r="F12496" s="14" t="s">
        <v>61</v>
      </c>
      <c r="G12496" s="16">
        <v>0</v>
      </c>
    </row>
    <row r="12497" spans="1:7" x14ac:dyDescent="0.3">
      <c r="A12497" s="13" t="s">
        <v>95</v>
      </c>
      <c r="B12497" s="14" t="s">
        <v>1</v>
      </c>
      <c r="C12497" s="14" t="s">
        <v>96</v>
      </c>
      <c r="D12497" s="14" t="s">
        <v>97</v>
      </c>
      <c r="E12497" s="15">
        <v>45463</v>
      </c>
      <c r="F12497" s="14" t="s">
        <v>61</v>
      </c>
      <c r="G12497" s="16">
        <v>0</v>
      </c>
    </row>
    <row r="12498" spans="1:7" x14ac:dyDescent="0.3">
      <c r="A12498" s="13" t="s">
        <v>95</v>
      </c>
      <c r="B12498" s="14" t="s">
        <v>1</v>
      </c>
      <c r="C12498" s="14" t="s">
        <v>96</v>
      </c>
      <c r="D12498" s="14" t="s">
        <v>97</v>
      </c>
      <c r="E12498" s="15">
        <v>45464</v>
      </c>
      <c r="F12498" s="14" t="s">
        <v>61</v>
      </c>
      <c r="G12498" s="16">
        <v>0</v>
      </c>
    </row>
    <row r="12499" spans="1:7" x14ac:dyDescent="0.3">
      <c r="A12499" s="13" t="s">
        <v>95</v>
      </c>
      <c r="B12499" s="14" t="s">
        <v>1</v>
      </c>
      <c r="C12499" s="14" t="s">
        <v>96</v>
      </c>
      <c r="D12499" s="14" t="s">
        <v>97</v>
      </c>
      <c r="E12499" s="15">
        <v>45465</v>
      </c>
      <c r="F12499" s="14" t="s">
        <v>61</v>
      </c>
      <c r="G12499" s="16">
        <v>0</v>
      </c>
    </row>
    <row r="12500" spans="1:7" x14ac:dyDescent="0.3">
      <c r="A12500" s="13" t="s">
        <v>95</v>
      </c>
      <c r="B12500" s="14" t="s">
        <v>1</v>
      </c>
      <c r="C12500" s="14" t="s">
        <v>96</v>
      </c>
      <c r="D12500" s="14" t="s">
        <v>97</v>
      </c>
      <c r="E12500" s="15">
        <v>45466</v>
      </c>
      <c r="F12500" s="14" t="s">
        <v>61</v>
      </c>
      <c r="G12500" s="16">
        <v>0</v>
      </c>
    </row>
    <row r="12501" spans="1:7" x14ac:dyDescent="0.3">
      <c r="A12501" s="13" t="s">
        <v>95</v>
      </c>
      <c r="B12501" s="14" t="s">
        <v>1</v>
      </c>
      <c r="C12501" s="14" t="s">
        <v>96</v>
      </c>
      <c r="D12501" s="14" t="s">
        <v>97</v>
      </c>
      <c r="E12501" s="15">
        <v>45467</v>
      </c>
      <c r="F12501" s="14" t="s">
        <v>61</v>
      </c>
      <c r="G12501" s="16">
        <v>0</v>
      </c>
    </row>
    <row r="12502" spans="1:7" x14ac:dyDescent="0.3">
      <c r="A12502" s="13" t="s">
        <v>95</v>
      </c>
      <c r="B12502" s="14" t="s">
        <v>1</v>
      </c>
      <c r="C12502" s="14" t="s">
        <v>96</v>
      </c>
      <c r="D12502" s="14" t="s">
        <v>97</v>
      </c>
      <c r="E12502" s="15">
        <v>45468</v>
      </c>
      <c r="F12502" s="14" t="s">
        <v>61</v>
      </c>
      <c r="G12502" s="16">
        <v>0</v>
      </c>
    </row>
    <row r="12503" spans="1:7" x14ac:dyDescent="0.3">
      <c r="A12503" s="13" t="s">
        <v>95</v>
      </c>
      <c r="B12503" s="14" t="s">
        <v>1</v>
      </c>
      <c r="C12503" s="14" t="s">
        <v>96</v>
      </c>
      <c r="D12503" s="14" t="s">
        <v>97</v>
      </c>
      <c r="E12503" s="15">
        <v>45469</v>
      </c>
      <c r="F12503" s="14" t="s">
        <v>61</v>
      </c>
      <c r="G12503" s="16">
        <v>0</v>
      </c>
    </row>
    <row r="12504" spans="1:7" x14ac:dyDescent="0.3">
      <c r="A12504" s="13" t="s">
        <v>95</v>
      </c>
      <c r="B12504" s="14" t="s">
        <v>1</v>
      </c>
      <c r="C12504" s="14" t="s">
        <v>96</v>
      </c>
      <c r="D12504" s="14" t="s">
        <v>97</v>
      </c>
      <c r="E12504" s="15">
        <v>45470</v>
      </c>
      <c r="F12504" s="14" t="s">
        <v>61</v>
      </c>
      <c r="G12504" s="16">
        <v>0</v>
      </c>
    </row>
    <row r="12505" spans="1:7" x14ac:dyDescent="0.3">
      <c r="A12505" s="13" t="s">
        <v>95</v>
      </c>
      <c r="B12505" s="14" t="s">
        <v>1</v>
      </c>
      <c r="C12505" s="14" t="s">
        <v>96</v>
      </c>
      <c r="D12505" s="14" t="s">
        <v>97</v>
      </c>
      <c r="E12505" s="15">
        <v>45471</v>
      </c>
      <c r="F12505" s="14" t="s">
        <v>61</v>
      </c>
      <c r="G12505" s="16">
        <v>0</v>
      </c>
    </row>
    <row r="12506" spans="1:7" x14ac:dyDescent="0.3">
      <c r="A12506" s="13" t="s">
        <v>95</v>
      </c>
      <c r="B12506" s="14" t="s">
        <v>1</v>
      </c>
      <c r="C12506" s="14" t="s">
        <v>96</v>
      </c>
      <c r="D12506" s="14" t="s">
        <v>97</v>
      </c>
      <c r="E12506" s="15">
        <v>45472</v>
      </c>
      <c r="F12506" s="14" t="s">
        <v>61</v>
      </c>
      <c r="G12506" s="16">
        <v>0</v>
      </c>
    </row>
    <row r="12507" spans="1:7" x14ac:dyDescent="0.3">
      <c r="A12507" s="13" t="s">
        <v>95</v>
      </c>
      <c r="B12507" s="14" t="s">
        <v>1</v>
      </c>
      <c r="C12507" s="14" t="s">
        <v>96</v>
      </c>
      <c r="D12507" s="14" t="s">
        <v>97</v>
      </c>
      <c r="E12507" s="15">
        <v>45473</v>
      </c>
      <c r="F12507" s="14" t="s">
        <v>61</v>
      </c>
      <c r="G12507" s="16">
        <v>0</v>
      </c>
    </row>
    <row r="12508" spans="1:7" x14ac:dyDescent="0.3">
      <c r="A12508" s="13" t="s">
        <v>95</v>
      </c>
      <c r="B12508" s="14" t="s">
        <v>1</v>
      </c>
      <c r="C12508" s="14" t="s">
        <v>96</v>
      </c>
      <c r="D12508" s="14" t="s">
        <v>97</v>
      </c>
      <c r="E12508" s="15">
        <v>45474</v>
      </c>
      <c r="F12508" s="14" t="s">
        <v>61</v>
      </c>
      <c r="G12508" s="16">
        <v>0</v>
      </c>
    </row>
    <row r="12509" spans="1:7" x14ac:dyDescent="0.3">
      <c r="A12509" s="13" t="s">
        <v>95</v>
      </c>
      <c r="B12509" s="14" t="s">
        <v>1</v>
      </c>
      <c r="C12509" s="14" t="s">
        <v>96</v>
      </c>
      <c r="D12509" s="14" t="s">
        <v>97</v>
      </c>
      <c r="E12509" s="15">
        <v>45475</v>
      </c>
      <c r="F12509" s="14" t="s">
        <v>61</v>
      </c>
      <c r="G12509" s="16">
        <v>0</v>
      </c>
    </row>
    <row r="12510" spans="1:7" x14ac:dyDescent="0.3">
      <c r="A12510" s="13" t="s">
        <v>95</v>
      </c>
      <c r="B12510" s="14" t="s">
        <v>1</v>
      </c>
      <c r="C12510" s="14" t="s">
        <v>96</v>
      </c>
      <c r="D12510" s="14" t="s">
        <v>97</v>
      </c>
      <c r="E12510" s="15">
        <v>45476</v>
      </c>
      <c r="F12510" s="14" t="s">
        <v>61</v>
      </c>
      <c r="G12510" s="16">
        <v>0</v>
      </c>
    </row>
    <row r="12511" spans="1:7" x14ac:dyDescent="0.3">
      <c r="A12511" s="13" t="s">
        <v>95</v>
      </c>
      <c r="B12511" s="14" t="s">
        <v>1</v>
      </c>
      <c r="C12511" s="14" t="s">
        <v>96</v>
      </c>
      <c r="D12511" s="14" t="s">
        <v>97</v>
      </c>
      <c r="E12511" s="15">
        <v>45477</v>
      </c>
      <c r="F12511" s="14" t="s">
        <v>61</v>
      </c>
      <c r="G12511" s="16">
        <v>0</v>
      </c>
    </row>
    <row r="12512" spans="1:7" x14ac:dyDescent="0.3">
      <c r="A12512" s="13" t="s">
        <v>95</v>
      </c>
      <c r="B12512" s="14" t="s">
        <v>1</v>
      </c>
      <c r="C12512" s="14" t="s">
        <v>96</v>
      </c>
      <c r="D12512" s="14" t="s">
        <v>97</v>
      </c>
      <c r="E12512" s="15">
        <v>45478</v>
      </c>
      <c r="F12512" s="14" t="s">
        <v>61</v>
      </c>
      <c r="G12512" s="16">
        <v>0</v>
      </c>
    </row>
    <row r="12513" spans="1:7" x14ac:dyDescent="0.3">
      <c r="A12513" s="13" t="s">
        <v>95</v>
      </c>
      <c r="B12513" s="14" t="s">
        <v>1</v>
      </c>
      <c r="C12513" s="14" t="s">
        <v>96</v>
      </c>
      <c r="D12513" s="14" t="s">
        <v>97</v>
      </c>
      <c r="E12513" s="15">
        <v>45479</v>
      </c>
      <c r="F12513" s="14" t="s">
        <v>61</v>
      </c>
      <c r="G12513" s="16">
        <v>0</v>
      </c>
    </row>
    <row r="12514" spans="1:7" x14ac:dyDescent="0.3">
      <c r="A12514" s="13" t="s">
        <v>95</v>
      </c>
      <c r="B12514" s="14" t="s">
        <v>1</v>
      </c>
      <c r="C12514" s="14" t="s">
        <v>96</v>
      </c>
      <c r="D12514" s="14" t="s">
        <v>97</v>
      </c>
      <c r="E12514" s="15">
        <v>45480</v>
      </c>
      <c r="F12514" s="14" t="s">
        <v>61</v>
      </c>
      <c r="G12514" s="16">
        <v>0</v>
      </c>
    </row>
    <row r="12515" spans="1:7" x14ac:dyDescent="0.3">
      <c r="A12515" s="13" t="s">
        <v>95</v>
      </c>
      <c r="B12515" s="14" t="s">
        <v>1</v>
      </c>
      <c r="C12515" s="14" t="s">
        <v>96</v>
      </c>
      <c r="D12515" s="14" t="s">
        <v>97</v>
      </c>
      <c r="E12515" s="15">
        <v>45481</v>
      </c>
      <c r="F12515" s="14" t="s">
        <v>61</v>
      </c>
      <c r="G12515" s="16">
        <v>0</v>
      </c>
    </row>
    <row r="12516" spans="1:7" x14ac:dyDescent="0.3">
      <c r="A12516" s="13" t="s">
        <v>95</v>
      </c>
      <c r="B12516" s="14" t="s">
        <v>1</v>
      </c>
      <c r="C12516" s="14" t="s">
        <v>96</v>
      </c>
      <c r="D12516" s="14" t="s">
        <v>97</v>
      </c>
      <c r="E12516" s="15">
        <v>45482</v>
      </c>
      <c r="F12516" s="14" t="s">
        <v>61</v>
      </c>
      <c r="G12516" s="16">
        <v>0</v>
      </c>
    </row>
    <row r="12517" spans="1:7" x14ac:dyDescent="0.3">
      <c r="A12517" s="13" t="s">
        <v>95</v>
      </c>
      <c r="B12517" s="14" t="s">
        <v>1</v>
      </c>
      <c r="C12517" s="14" t="s">
        <v>96</v>
      </c>
      <c r="D12517" s="14" t="s">
        <v>97</v>
      </c>
      <c r="E12517" s="15">
        <v>45483</v>
      </c>
      <c r="F12517" s="14" t="s">
        <v>61</v>
      </c>
      <c r="G12517" s="16">
        <v>0</v>
      </c>
    </row>
    <row r="12518" spans="1:7" x14ac:dyDescent="0.3">
      <c r="A12518" s="13" t="s">
        <v>95</v>
      </c>
      <c r="B12518" s="14" t="s">
        <v>1</v>
      </c>
      <c r="C12518" s="14" t="s">
        <v>96</v>
      </c>
      <c r="D12518" s="14" t="s">
        <v>97</v>
      </c>
      <c r="E12518" s="15">
        <v>45484</v>
      </c>
      <c r="F12518" s="14" t="s">
        <v>61</v>
      </c>
      <c r="G12518" s="16">
        <v>0</v>
      </c>
    </row>
    <row r="12519" spans="1:7" x14ac:dyDescent="0.3">
      <c r="A12519" s="13" t="s">
        <v>95</v>
      </c>
      <c r="B12519" s="14" t="s">
        <v>1</v>
      </c>
      <c r="C12519" s="14" t="s">
        <v>96</v>
      </c>
      <c r="D12519" s="14" t="s">
        <v>97</v>
      </c>
      <c r="E12519" s="15">
        <v>45485</v>
      </c>
      <c r="F12519" s="14" t="s">
        <v>61</v>
      </c>
      <c r="G12519" s="16">
        <v>0</v>
      </c>
    </row>
    <row r="12520" spans="1:7" x14ac:dyDescent="0.3">
      <c r="A12520" s="13" t="s">
        <v>95</v>
      </c>
      <c r="B12520" s="14" t="s">
        <v>1</v>
      </c>
      <c r="C12520" s="14" t="s">
        <v>96</v>
      </c>
      <c r="D12520" s="14" t="s">
        <v>97</v>
      </c>
      <c r="E12520" s="15">
        <v>45486</v>
      </c>
      <c r="F12520" s="14" t="s">
        <v>61</v>
      </c>
      <c r="G12520" s="16">
        <v>0</v>
      </c>
    </row>
    <row r="12521" spans="1:7" x14ac:dyDescent="0.3">
      <c r="A12521" s="13" t="s">
        <v>95</v>
      </c>
      <c r="B12521" s="14" t="s">
        <v>1</v>
      </c>
      <c r="C12521" s="14" t="s">
        <v>96</v>
      </c>
      <c r="D12521" s="14" t="s">
        <v>97</v>
      </c>
      <c r="E12521" s="15">
        <v>45487</v>
      </c>
      <c r="F12521" s="14" t="s">
        <v>61</v>
      </c>
      <c r="G12521" s="16">
        <v>0</v>
      </c>
    </row>
    <row r="12522" spans="1:7" x14ac:dyDescent="0.3">
      <c r="A12522" s="13" t="s">
        <v>95</v>
      </c>
      <c r="B12522" s="14" t="s">
        <v>1</v>
      </c>
      <c r="C12522" s="14" t="s">
        <v>96</v>
      </c>
      <c r="D12522" s="14" t="s">
        <v>97</v>
      </c>
      <c r="E12522" s="15">
        <v>45488</v>
      </c>
      <c r="F12522" s="14" t="s">
        <v>61</v>
      </c>
      <c r="G12522" s="16">
        <v>0</v>
      </c>
    </row>
    <row r="12523" spans="1:7" x14ac:dyDescent="0.3">
      <c r="A12523" s="13" t="s">
        <v>95</v>
      </c>
      <c r="B12523" s="14" t="s">
        <v>1</v>
      </c>
      <c r="C12523" s="14" t="s">
        <v>96</v>
      </c>
      <c r="D12523" s="14" t="s">
        <v>97</v>
      </c>
      <c r="E12523" s="15">
        <v>45489</v>
      </c>
      <c r="F12523" s="14" t="s">
        <v>61</v>
      </c>
      <c r="G12523" s="16">
        <v>0</v>
      </c>
    </row>
    <row r="12524" spans="1:7" x14ac:dyDescent="0.3">
      <c r="A12524" s="13" t="s">
        <v>95</v>
      </c>
      <c r="B12524" s="14" t="s">
        <v>1</v>
      </c>
      <c r="C12524" s="14" t="s">
        <v>96</v>
      </c>
      <c r="D12524" s="14" t="s">
        <v>97</v>
      </c>
      <c r="E12524" s="15">
        <v>45490</v>
      </c>
      <c r="F12524" s="14" t="s">
        <v>61</v>
      </c>
      <c r="G12524" s="16">
        <v>0</v>
      </c>
    </row>
    <row r="12525" spans="1:7" x14ac:dyDescent="0.3">
      <c r="A12525" s="13" t="s">
        <v>95</v>
      </c>
      <c r="B12525" s="14" t="s">
        <v>1</v>
      </c>
      <c r="C12525" s="14" t="s">
        <v>96</v>
      </c>
      <c r="D12525" s="14" t="s">
        <v>97</v>
      </c>
      <c r="E12525" s="15">
        <v>45491</v>
      </c>
      <c r="F12525" s="14" t="s">
        <v>61</v>
      </c>
      <c r="G12525" s="16">
        <v>0</v>
      </c>
    </row>
    <row r="12526" spans="1:7" x14ac:dyDescent="0.3">
      <c r="A12526" s="13" t="s">
        <v>95</v>
      </c>
      <c r="B12526" s="14" t="s">
        <v>1</v>
      </c>
      <c r="C12526" s="14" t="s">
        <v>96</v>
      </c>
      <c r="D12526" s="14" t="s">
        <v>97</v>
      </c>
      <c r="E12526" s="15">
        <v>45492</v>
      </c>
      <c r="F12526" s="14" t="s">
        <v>61</v>
      </c>
      <c r="G12526" s="16">
        <v>0</v>
      </c>
    </row>
    <row r="12527" spans="1:7" x14ac:dyDescent="0.3">
      <c r="A12527" s="13" t="s">
        <v>95</v>
      </c>
      <c r="B12527" s="14" t="s">
        <v>1</v>
      </c>
      <c r="C12527" s="14" t="s">
        <v>96</v>
      </c>
      <c r="D12527" s="14" t="s">
        <v>97</v>
      </c>
      <c r="E12527" s="15">
        <v>45493</v>
      </c>
      <c r="F12527" s="14" t="s">
        <v>61</v>
      </c>
      <c r="G12527" s="16">
        <v>0</v>
      </c>
    </row>
    <row r="12528" spans="1:7" x14ac:dyDescent="0.3">
      <c r="A12528" s="13" t="s">
        <v>95</v>
      </c>
      <c r="B12528" s="14" t="s">
        <v>1</v>
      </c>
      <c r="C12528" s="14" t="s">
        <v>96</v>
      </c>
      <c r="D12528" s="14" t="s">
        <v>97</v>
      </c>
      <c r="E12528" s="15">
        <v>45494</v>
      </c>
      <c r="F12528" s="14" t="s">
        <v>61</v>
      </c>
      <c r="G12528" s="16">
        <v>0</v>
      </c>
    </row>
    <row r="12529" spans="1:7" x14ac:dyDescent="0.3">
      <c r="A12529" s="13" t="s">
        <v>95</v>
      </c>
      <c r="B12529" s="14" t="s">
        <v>1</v>
      </c>
      <c r="C12529" s="14" t="s">
        <v>96</v>
      </c>
      <c r="D12529" s="14" t="s">
        <v>97</v>
      </c>
      <c r="E12529" s="15">
        <v>45495</v>
      </c>
      <c r="F12529" s="14" t="s">
        <v>61</v>
      </c>
      <c r="G12529" s="16">
        <v>0</v>
      </c>
    </row>
    <row r="12530" spans="1:7" x14ac:dyDescent="0.3">
      <c r="A12530" s="13" t="s">
        <v>95</v>
      </c>
      <c r="B12530" s="14" t="s">
        <v>1</v>
      </c>
      <c r="C12530" s="14" t="s">
        <v>96</v>
      </c>
      <c r="D12530" s="14" t="s">
        <v>97</v>
      </c>
      <c r="E12530" s="15">
        <v>45496</v>
      </c>
      <c r="F12530" s="14" t="s">
        <v>61</v>
      </c>
      <c r="G12530" s="16">
        <v>0</v>
      </c>
    </row>
    <row r="12531" spans="1:7" x14ac:dyDescent="0.3">
      <c r="A12531" s="13" t="s">
        <v>95</v>
      </c>
      <c r="B12531" s="14" t="s">
        <v>1</v>
      </c>
      <c r="C12531" s="14" t="s">
        <v>96</v>
      </c>
      <c r="D12531" s="14" t="s">
        <v>97</v>
      </c>
      <c r="E12531" s="15">
        <v>45497</v>
      </c>
      <c r="F12531" s="14" t="s">
        <v>61</v>
      </c>
      <c r="G12531" s="16">
        <v>0</v>
      </c>
    </row>
    <row r="12532" spans="1:7" x14ac:dyDescent="0.3">
      <c r="A12532" s="13" t="s">
        <v>95</v>
      </c>
      <c r="B12532" s="14" t="s">
        <v>1</v>
      </c>
      <c r="C12532" s="14" t="s">
        <v>96</v>
      </c>
      <c r="D12532" s="14" t="s">
        <v>97</v>
      </c>
      <c r="E12532" s="15">
        <v>45498</v>
      </c>
      <c r="F12532" s="14" t="s">
        <v>61</v>
      </c>
      <c r="G12532" s="16">
        <v>0</v>
      </c>
    </row>
    <row r="12533" spans="1:7" x14ac:dyDescent="0.3">
      <c r="A12533" s="13" t="s">
        <v>95</v>
      </c>
      <c r="B12533" s="14" t="s">
        <v>1</v>
      </c>
      <c r="C12533" s="14" t="s">
        <v>96</v>
      </c>
      <c r="D12533" s="14" t="s">
        <v>97</v>
      </c>
      <c r="E12533" s="15">
        <v>45499</v>
      </c>
      <c r="F12533" s="14" t="s">
        <v>61</v>
      </c>
      <c r="G12533" s="16">
        <v>0</v>
      </c>
    </row>
    <row r="12534" spans="1:7" x14ac:dyDescent="0.3">
      <c r="A12534" s="13" t="s">
        <v>95</v>
      </c>
      <c r="B12534" s="14" t="s">
        <v>1</v>
      </c>
      <c r="C12534" s="14" t="s">
        <v>96</v>
      </c>
      <c r="D12534" s="14" t="s">
        <v>97</v>
      </c>
      <c r="E12534" s="15">
        <v>45500</v>
      </c>
      <c r="F12534" s="14" t="s">
        <v>61</v>
      </c>
      <c r="G12534" s="16">
        <v>0</v>
      </c>
    </row>
    <row r="12535" spans="1:7" x14ac:dyDescent="0.3">
      <c r="A12535" s="13" t="s">
        <v>95</v>
      </c>
      <c r="B12535" s="14" t="s">
        <v>1</v>
      </c>
      <c r="C12535" s="14" t="s">
        <v>96</v>
      </c>
      <c r="D12535" s="14" t="s">
        <v>97</v>
      </c>
      <c r="E12535" s="15">
        <v>45501</v>
      </c>
      <c r="F12535" s="14" t="s">
        <v>61</v>
      </c>
      <c r="G12535" s="16">
        <v>0</v>
      </c>
    </row>
    <row r="12536" spans="1:7" x14ac:dyDescent="0.3">
      <c r="A12536" s="13" t="s">
        <v>95</v>
      </c>
      <c r="B12536" s="14" t="s">
        <v>1</v>
      </c>
      <c r="C12536" s="14" t="s">
        <v>96</v>
      </c>
      <c r="D12536" s="14" t="s">
        <v>97</v>
      </c>
      <c r="E12536" s="15">
        <v>45502</v>
      </c>
      <c r="F12536" s="14" t="s">
        <v>61</v>
      </c>
      <c r="G12536" s="16">
        <v>0</v>
      </c>
    </row>
    <row r="12537" spans="1:7" x14ac:dyDescent="0.3">
      <c r="A12537" s="13" t="s">
        <v>95</v>
      </c>
      <c r="B12537" s="14" t="s">
        <v>1</v>
      </c>
      <c r="C12537" s="14" t="s">
        <v>96</v>
      </c>
      <c r="D12537" s="14" t="s">
        <v>97</v>
      </c>
      <c r="E12537" s="15">
        <v>45503</v>
      </c>
      <c r="F12537" s="14" t="s">
        <v>61</v>
      </c>
      <c r="G12537" s="16">
        <v>0</v>
      </c>
    </row>
    <row r="12538" spans="1:7" x14ac:dyDescent="0.3">
      <c r="A12538" s="13" t="s">
        <v>95</v>
      </c>
      <c r="B12538" s="14" t="s">
        <v>1</v>
      </c>
      <c r="C12538" s="14" t="s">
        <v>96</v>
      </c>
      <c r="D12538" s="14" t="s">
        <v>97</v>
      </c>
      <c r="E12538" s="15">
        <v>45504</v>
      </c>
      <c r="F12538" s="14" t="s">
        <v>61</v>
      </c>
      <c r="G12538" s="16">
        <v>0</v>
      </c>
    </row>
    <row r="12539" spans="1:7" x14ac:dyDescent="0.3">
      <c r="A12539" s="13" t="s">
        <v>95</v>
      </c>
      <c r="B12539" s="14" t="s">
        <v>1</v>
      </c>
      <c r="C12539" s="14" t="s">
        <v>96</v>
      </c>
      <c r="D12539" s="14" t="s">
        <v>97</v>
      </c>
      <c r="E12539" s="15">
        <v>45505</v>
      </c>
      <c r="F12539" s="14" t="s">
        <v>61</v>
      </c>
      <c r="G12539" s="16">
        <v>0</v>
      </c>
    </row>
    <row r="12540" spans="1:7" x14ac:dyDescent="0.3">
      <c r="A12540" s="13" t="s">
        <v>95</v>
      </c>
      <c r="B12540" s="14" t="s">
        <v>1</v>
      </c>
      <c r="C12540" s="14" t="s">
        <v>96</v>
      </c>
      <c r="D12540" s="14" t="s">
        <v>97</v>
      </c>
      <c r="E12540" s="15">
        <v>45506</v>
      </c>
      <c r="F12540" s="14" t="s">
        <v>61</v>
      </c>
      <c r="G12540" s="16">
        <v>0</v>
      </c>
    </row>
    <row r="12541" spans="1:7" x14ac:dyDescent="0.3">
      <c r="A12541" s="13" t="s">
        <v>95</v>
      </c>
      <c r="B12541" s="14" t="s">
        <v>1</v>
      </c>
      <c r="C12541" s="14" t="s">
        <v>96</v>
      </c>
      <c r="D12541" s="14" t="s">
        <v>97</v>
      </c>
      <c r="E12541" s="15">
        <v>45507</v>
      </c>
      <c r="F12541" s="14" t="s">
        <v>61</v>
      </c>
      <c r="G12541" s="16">
        <v>0</v>
      </c>
    </row>
    <row r="12542" spans="1:7" x14ac:dyDescent="0.3">
      <c r="A12542" s="13" t="s">
        <v>95</v>
      </c>
      <c r="B12542" s="14" t="s">
        <v>1</v>
      </c>
      <c r="C12542" s="14" t="s">
        <v>96</v>
      </c>
      <c r="D12542" s="14" t="s">
        <v>97</v>
      </c>
      <c r="E12542" s="15">
        <v>45508</v>
      </c>
      <c r="F12542" s="14" t="s">
        <v>61</v>
      </c>
      <c r="G12542" s="16">
        <v>0</v>
      </c>
    </row>
    <row r="12543" spans="1:7" x14ac:dyDescent="0.3">
      <c r="A12543" s="13" t="s">
        <v>95</v>
      </c>
      <c r="B12543" s="14" t="s">
        <v>1</v>
      </c>
      <c r="C12543" s="14" t="s">
        <v>96</v>
      </c>
      <c r="D12543" s="14" t="s">
        <v>97</v>
      </c>
      <c r="E12543" s="15">
        <v>45509</v>
      </c>
      <c r="F12543" s="14" t="s">
        <v>61</v>
      </c>
      <c r="G12543" s="16">
        <v>0</v>
      </c>
    </row>
    <row r="12544" spans="1:7" x14ac:dyDescent="0.3">
      <c r="A12544" s="13" t="s">
        <v>95</v>
      </c>
      <c r="B12544" s="14" t="s">
        <v>1</v>
      </c>
      <c r="C12544" s="14" t="s">
        <v>96</v>
      </c>
      <c r="D12544" s="14" t="s">
        <v>97</v>
      </c>
      <c r="E12544" s="15">
        <v>45510</v>
      </c>
      <c r="F12544" s="14" t="s">
        <v>61</v>
      </c>
      <c r="G12544" s="16">
        <v>0</v>
      </c>
    </row>
    <row r="12545" spans="1:7" x14ac:dyDescent="0.3">
      <c r="A12545" s="13" t="s">
        <v>95</v>
      </c>
      <c r="B12545" s="14" t="s">
        <v>1</v>
      </c>
      <c r="C12545" s="14" t="s">
        <v>96</v>
      </c>
      <c r="D12545" s="14" t="s">
        <v>97</v>
      </c>
      <c r="E12545" s="15">
        <v>45511</v>
      </c>
      <c r="F12545" s="14" t="s">
        <v>61</v>
      </c>
      <c r="G12545" s="16">
        <v>0</v>
      </c>
    </row>
    <row r="12546" spans="1:7" x14ac:dyDescent="0.3">
      <c r="A12546" s="13" t="s">
        <v>95</v>
      </c>
      <c r="B12546" s="14" t="s">
        <v>1</v>
      </c>
      <c r="C12546" s="14" t="s">
        <v>96</v>
      </c>
      <c r="D12546" s="14" t="s">
        <v>97</v>
      </c>
      <c r="E12546" s="15">
        <v>45512</v>
      </c>
      <c r="F12546" s="14" t="s">
        <v>61</v>
      </c>
      <c r="G12546" s="16">
        <v>0</v>
      </c>
    </row>
    <row r="12547" spans="1:7" x14ac:dyDescent="0.3">
      <c r="A12547" s="13" t="s">
        <v>95</v>
      </c>
      <c r="B12547" s="14" t="s">
        <v>1</v>
      </c>
      <c r="C12547" s="14" t="s">
        <v>96</v>
      </c>
      <c r="D12547" s="14" t="s">
        <v>97</v>
      </c>
      <c r="E12547" s="15">
        <v>45513</v>
      </c>
      <c r="F12547" s="14" t="s">
        <v>61</v>
      </c>
      <c r="G12547" s="16">
        <v>0</v>
      </c>
    </row>
    <row r="12548" spans="1:7" x14ac:dyDescent="0.3">
      <c r="A12548" s="13" t="s">
        <v>95</v>
      </c>
      <c r="B12548" s="14" t="s">
        <v>1</v>
      </c>
      <c r="C12548" s="14" t="s">
        <v>96</v>
      </c>
      <c r="D12548" s="14" t="s">
        <v>97</v>
      </c>
      <c r="E12548" s="15">
        <v>45514</v>
      </c>
      <c r="F12548" s="14" t="s">
        <v>61</v>
      </c>
      <c r="G12548" s="16">
        <v>0</v>
      </c>
    </row>
    <row r="12549" spans="1:7" x14ac:dyDescent="0.3">
      <c r="A12549" s="13" t="s">
        <v>95</v>
      </c>
      <c r="B12549" s="14" t="s">
        <v>1</v>
      </c>
      <c r="C12549" s="14" t="s">
        <v>96</v>
      </c>
      <c r="D12549" s="14" t="s">
        <v>97</v>
      </c>
      <c r="E12549" s="15">
        <v>45515</v>
      </c>
      <c r="F12549" s="14" t="s">
        <v>61</v>
      </c>
      <c r="G12549" s="16">
        <v>0</v>
      </c>
    </row>
    <row r="12550" spans="1:7" x14ac:dyDescent="0.3">
      <c r="A12550" s="13" t="s">
        <v>95</v>
      </c>
      <c r="B12550" s="14" t="s">
        <v>1</v>
      </c>
      <c r="C12550" s="14" t="s">
        <v>96</v>
      </c>
      <c r="D12550" s="14" t="s">
        <v>97</v>
      </c>
      <c r="E12550" s="15">
        <v>45516</v>
      </c>
      <c r="F12550" s="14" t="s">
        <v>61</v>
      </c>
      <c r="G12550" s="16">
        <v>0</v>
      </c>
    </row>
    <row r="12551" spans="1:7" x14ac:dyDescent="0.3">
      <c r="A12551" s="13" t="s">
        <v>95</v>
      </c>
      <c r="B12551" s="14" t="s">
        <v>1</v>
      </c>
      <c r="C12551" s="14" t="s">
        <v>96</v>
      </c>
      <c r="D12551" s="14" t="s">
        <v>97</v>
      </c>
      <c r="E12551" s="15">
        <v>45517</v>
      </c>
      <c r="F12551" s="14" t="s">
        <v>61</v>
      </c>
      <c r="G12551" s="16">
        <v>0</v>
      </c>
    </row>
    <row r="12552" spans="1:7" x14ac:dyDescent="0.3">
      <c r="A12552" s="13" t="s">
        <v>95</v>
      </c>
      <c r="B12552" s="14" t="s">
        <v>1</v>
      </c>
      <c r="C12552" s="14" t="s">
        <v>96</v>
      </c>
      <c r="D12552" s="14" t="s">
        <v>97</v>
      </c>
      <c r="E12552" s="15">
        <v>45518</v>
      </c>
      <c r="F12552" s="14" t="s">
        <v>61</v>
      </c>
      <c r="G12552" s="16">
        <v>0</v>
      </c>
    </row>
    <row r="12553" spans="1:7" x14ac:dyDescent="0.3">
      <c r="A12553" s="13" t="s">
        <v>95</v>
      </c>
      <c r="B12553" s="14" t="s">
        <v>1</v>
      </c>
      <c r="C12553" s="14" t="s">
        <v>96</v>
      </c>
      <c r="D12553" s="14" t="s">
        <v>97</v>
      </c>
      <c r="E12553" s="15">
        <v>45519</v>
      </c>
      <c r="F12553" s="14" t="s">
        <v>61</v>
      </c>
      <c r="G12553" s="16">
        <v>0</v>
      </c>
    </row>
    <row r="12554" spans="1:7" x14ac:dyDescent="0.3">
      <c r="A12554" s="13" t="s">
        <v>95</v>
      </c>
      <c r="B12554" s="14" t="s">
        <v>1</v>
      </c>
      <c r="C12554" s="14" t="s">
        <v>96</v>
      </c>
      <c r="D12554" s="14" t="s">
        <v>97</v>
      </c>
      <c r="E12554" s="15">
        <v>45520</v>
      </c>
      <c r="F12554" s="14" t="s">
        <v>61</v>
      </c>
      <c r="G12554" s="16">
        <v>0</v>
      </c>
    </row>
    <row r="12555" spans="1:7" x14ac:dyDescent="0.3">
      <c r="A12555" s="13" t="s">
        <v>95</v>
      </c>
      <c r="B12555" s="14" t="s">
        <v>1</v>
      </c>
      <c r="C12555" s="14" t="s">
        <v>96</v>
      </c>
      <c r="D12555" s="14" t="s">
        <v>97</v>
      </c>
      <c r="E12555" s="15">
        <v>45521</v>
      </c>
      <c r="F12555" s="14" t="s">
        <v>61</v>
      </c>
      <c r="G12555" s="16">
        <v>0</v>
      </c>
    </row>
    <row r="12556" spans="1:7" x14ac:dyDescent="0.3">
      <c r="A12556" s="13" t="s">
        <v>95</v>
      </c>
      <c r="B12556" s="14" t="s">
        <v>1</v>
      </c>
      <c r="C12556" s="14" t="s">
        <v>96</v>
      </c>
      <c r="D12556" s="14" t="s">
        <v>97</v>
      </c>
      <c r="E12556" s="15">
        <v>45522</v>
      </c>
      <c r="F12556" s="14" t="s">
        <v>61</v>
      </c>
      <c r="G12556" s="16">
        <v>0</v>
      </c>
    </row>
    <row r="12557" spans="1:7" x14ac:dyDescent="0.3">
      <c r="A12557" s="13" t="s">
        <v>95</v>
      </c>
      <c r="B12557" s="14" t="s">
        <v>1</v>
      </c>
      <c r="C12557" s="14" t="s">
        <v>96</v>
      </c>
      <c r="D12557" s="14" t="s">
        <v>97</v>
      </c>
      <c r="E12557" s="15">
        <v>45523</v>
      </c>
      <c r="F12557" s="14" t="s">
        <v>61</v>
      </c>
      <c r="G12557" s="16">
        <v>0</v>
      </c>
    </row>
    <row r="12558" spans="1:7" x14ac:dyDescent="0.3">
      <c r="A12558" s="13" t="s">
        <v>95</v>
      </c>
      <c r="B12558" s="14" t="s">
        <v>1</v>
      </c>
      <c r="C12558" s="14" t="s">
        <v>96</v>
      </c>
      <c r="D12558" s="14" t="s">
        <v>97</v>
      </c>
      <c r="E12558" s="15">
        <v>45524</v>
      </c>
      <c r="F12558" s="14" t="s">
        <v>61</v>
      </c>
      <c r="G12558" s="16">
        <v>0</v>
      </c>
    </row>
    <row r="12559" spans="1:7" x14ac:dyDescent="0.3">
      <c r="A12559" s="13" t="s">
        <v>95</v>
      </c>
      <c r="B12559" s="14" t="s">
        <v>1</v>
      </c>
      <c r="C12559" s="14" t="s">
        <v>96</v>
      </c>
      <c r="D12559" s="14" t="s">
        <v>97</v>
      </c>
      <c r="E12559" s="15">
        <v>45525</v>
      </c>
      <c r="F12559" s="14" t="s">
        <v>61</v>
      </c>
      <c r="G12559" s="16">
        <v>0</v>
      </c>
    </row>
    <row r="12560" spans="1:7" x14ac:dyDescent="0.3">
      <c r="A12560" s="13" t="s">
        <v>95</v>
      </c>
      <c r="B12560" s="14" t="s">
        <v>1</v>
      </c>
      <c r="C12560" s="14" t="s">
        <v>96</v>
      </c>
      <c r="D12560" s="14" t="s">
        <v>97</v>
      </c>
      <c r="E12560" s="15">
        <v>45526</v>
      </c>
      <c r="F12560" s="14" t="s">
        <v>61</v>
      </c>
      <c r="G12560" s="16">
        <v>0</v>
      </c>
    </row>
    <row r="12561" spans="1:7" x14ac:dyDescent="0.3">
      <c r="A12561" s="13" t="s">
        <v>95</v>
      </c>
      <c r="B12561" s="14" t="s">
        <v>1</v>
      </c>
      <c r="C12561" s="14" t="s">
        <v>96</v>
      </c>
      <c r="D12561" s="14" t="s">
        <v>97</v>
      </c>
      <c r="E12561" s="15">
        <v>45527</v>
      </c>
      <c r="F12561" s="14" t="s">
        <v>61</v>
      </c>
      <c r="G12561" s="16">
        <v>0</v>
      </c>
    </row>
    <row r="12562" spans="1:7" x14ac:dyDescent="0.3">
      <c r="A12562" s="13" t="s">
        <v>95</v>
      </c>
      <c r="B12562" s="14" t="s">
        <v>1</v>
      </c>
      <c r="C12562" s="14" t="s">
        <v>96</v>
      </c>
      <c r="D12562" s="14" t="s">
        <v>97</v>
      </c>
      <c r="E12562" s="15">
        <v>45528</v>
      </c>
      <c r="F12562" s="14" t="s">
        <v>61</v>
      </c>
      <c r="G12562" s="16">
        <v>0</v>
      </c>
    </row>
    <row r="12563" spans="1:7" x14ac:dyDescent="0.3">
      <c r="A12563" s="13" t="s">
        <v>95</v>
      </c>
      <c r="B12563" s="14" t="s">
        <v>1</v>
      </c>
      <c r="C12563" s="14" t="s">
        <v>96</v>
      </c>
      <c r="D12563" s="14" t="s">
        <v>97</v>
      </c>
      <c r="E12563" s="15">
        <v>45529</v>
      </c>
      <c r="F12563" s="14" t="s">
        <v>61</v>
      </c>
      <c r="G12563" s="16">
        <v>0</v>
      </c>
    </row>
    <row r="12564" spans="1:7" x14ac:dyDescent="0.3">
      <c r="A12564" s="13" t="s">
        <v>95</v>
      </c>
      <c r="B12564" s="14" t="s">
        <v>1</v>
      </c>
      <c r="C12564" s="14" t="s">
        <v>96</v>
      </c>
      <c r="D12564" s="14" t="s">
        <v>97</v>
      </c>
      <c r="E12564" s="15">
        <v>45530</v>
      </c>
      <c r="F12564" s="14" t="s">
        <v>61</v>
      </c>
      <c r="G12564" s="16">
        <v>0</v>
      </c>
    </row>
    <row r="12565" spans="1:7" x14ac:dyDescent="0.3">
      <c r="A12565" s="13" t="s">
        <v>95</v>
      </c>
      <c r="B12565" s="14" t="s">
        <v>1</v>
      </c>
      <c r="C12565" s="14" t="s">
        <v>96</v>
      </c>
      <c r="D12565" s="14" t="s">
        <v>97</v>
      </c>
      <c r="E12565" s="15">
        <v>45531</v>
      </c>
      <c r="F12565" s="14" t="s">
        <v>61</v>
      </c>
      <c r="G12565" s="16">
        <v>0</v>
      </c>
    </row>
    <row r="12566" spans="1:7" x14ac:dyDescent="0.3">
      <c r="A12566" s="13" t="s">
        <v>95</v>
      </c>
      <c r="B12566" s="14" t="s">
        <v>1</v>
      </c>
      <c r="C12566" s="14" t="s">
        <v>96</v>
      </c>
      <c r="D12566" s="14" t="s">
        <v>97</v>
      </c>
      <c r="E12566" s="15">
        <v>45532</v>
      </c>
      <c r="F12566" s="14" t="s">
        <v>61</v>
      </c>
      <c r="G12566" s="16">
        <v>0</v>
      </c>
    </row>
    <row r="12567" spans="1:7" x14ac:dyDescent="0.3">
      <c r="A12567" s="13" t="s">
        <v>95</v>
      </c>
      <c r="B12567" s="14" t="s">
        <v>1</v>
      </c>
      <c r="C12567" s="14" t="s">
        <v>96</v>
      </c>
      <c r="D12567" s="14" t="s">
        <v>97</v>
      </c>
      <c r="E12567" s="15">
        <v>45533</v>
      </c>
      <c r="F12567" s="14" t="s">
        <v>61</v>
      </c>
      <c r="G12567" s="16">
        <v>0</v>
      </c>
    </row>
    <row r="12568" spans="1:7" x14ac:dyDescent="0.3">
      <c r="A12568" s="13" t="s">
        <v>95</v>
      </c>
      <c r="B12568" s="14" t="s">
        <v>1</v>
      </c>
      <c r="C12568" s="14" t="s">
        <v>96</v>
      </c>
      <c r="D12568" s="14" t="s">
        <v>97</v>
      </c>
      <c r="E12568" s="15">
        <v>45534</v>
      </c>
      <c r="F12568" s="14" t="s">
        <v>61</v>
      </c>
      <c r="G12568" s="16">
        <v>0</v>
      </c>
    </row>
    <row r="12569" spans="1:7" x14ac:dyDescent="0.3">
      <c r="A12569" s="13" t="s">
        <v>95</v>
      </c>
      <c r="B12569" s="14" t="s">
        <v>1</v>
      </c>
      <c r="C12569" s="14" t="s">
        <v>96</v>
      </c>
      <c r="D12569" s="14" t="s">
        <v>97</v>
      </c>
      <c r="E12569" s="15">
        <v>45535</v>
      </c>
      <c r="F12569" s="14" t="s">
        <v>61</v>
      </c>
      <c r="G12569" s="16">
        <v>0</v>
      </c>
    </row>
    <row r="12570" spans="1:7" x14ac:dyDescent="0.3">
      <c r="A12570" s="13" t="s">
        <v>95</v>
      </c>
      <c r="B12570" s="14" t="s">
        <v>1</v>
      </c>
      <c r="C12570" s="14" t="s">
        <v>96</v>
      </c>
      <c r="D12570" s="14" t="s">
        <v>97</v>
      </c>
      <c r="E12570" s="15">
        <v>45536</v>
      </c>
      <c r="F12570" s="14" t="s">
        <v>61</v>
      </c>
      <c r="G12570" s="16">
        <v>0</v>
      </c>
    </row>
    <row r="12571" spans="1:7" x14ac:dyDescent="0.3">
      <c r="A12571" s="13" t="s">
        <v>95</v>
      </c>
      <c r="B12571" s="14" t="s">
        <v>1</v>
      </c>
      <c r="C12571" s="14" t="s">
        <v>96</v>
      </c>
      <c r="D12571" s="14" t="s">
        <v>97</v>
      </c>
      <c r="E12571" s="15">
        <v>45537</v>
      </c>
      <c r="F12571" s="14" t="s">
        <v>61</v>
      </c>
      <c r="G12571" s="16">
        <v>0</v>
      </c>
    </row>
    <row r="12572" spans="1:7" x14ac:dyDescent="0.3">
      <c r="A12572" s="13" t="s">
        <v>95</v>
      </c>
      <c r="B12572" s="14" t="s">
        <v>1</v>
      </c>
      <c r="C12572" s="14" t="s">
        <v>96</v>
      </c>
      <c r="D12572" s="14" t="s">
        <v>97</v>
      </c>
      <c r="E12572" s="15">
        <v>45538</v>
      </c>
      <c r="F12572" s="14" t="s">
        <v>61</v>
      </c>
      <c r="G12572" s="16">
        <v>0</v>
      </c>
    </row>
    <row r="12573" spans="1:7" x14ac:dyDescent="0.3">
      <c r="A12573" s="13" t="s">
        <v>95</v>
      </c>
      <c r="B12573" s="14" t="s">
        <v>1</v>
      </c>
      <c r="C12573" s="14" t="s">
        <v>96</v>
      </c>
      <c r="D12573" s="14" t="s">
        <v>97</v>
      </c>
      <c r="E12573" s="15">
        <v>45539</v>
      </c>
      <c r="F12573" s="14" t="s">
        <v>61</v>
      </c>
      <c r="G12573" s="16">
        <v>0</v>
      </c>
    </row>
    <row r="12574" spans="1:7" x14ac:dyDescent="0.3">
      <c r="A12574" s="13" t="s">
        <v>95</v>
      </c>
      <c r="B12574" s="14" t="s">
        <v>1</v>
      </c>
      <c r="C12574" s="14" t="s">
        <v>96</v>
      </c>
      <c r="D12574" s="14" t="s">
        <v>97</v>
      </c>
      <c r="E12574" s="15">
        <v>45540</v>
      </c>
      <c r="F12574" s="14" t="s">
        <v>61</v>
      </c>
      <c r="G12574" s="16">
        <v>0</v>
      </c>
    </row>
    <row r="12575" spans="1:7" x14ac:dyDescent="0.3">
      <c r="A12575" s="13" t="s">
        <v>95</v>
      </c>
      <c r="B12575" s="14" t="s">
        <v>1</v>
      </c>
      <c r="C12575" s="14" t="s">
        <v>96</v>
      </c>
      <c r="D12575" s="14" t="s">
        <v>97</v>
      </c>
      <c r="E12575" s="15">
        <v>45541</v>
      </c>
      <c r="F12575" s="14" t="s">
        <v>61</v>
      </c>
      <c r="G12575" s="16">
        <v>0</v>
      </c>
    </row>
    <row r="12576" spans="1:7" x14ac:dyDescent="0.3">
      <c r="A12576" s="13" t="s">
        <v>95</v>
      </c>
      <c r="B12576" s="14" t="s">
        <v>1</v>
      </c>
      <c r="C12576" s="14" t="s">
        <v>96</v>
      </c>
      <c r="D12576" s="14" t="s">
        <v>97</v>
      </c>
      <c r="E12576" s="15">
        <v>45542</v>
      </c>
      <c r="F12576" s="14" t="s">
        <v>61</v>
      </c>
      <c r="G12576" s="16">
        <v>0</v>
      </c>
    </row>
    <row r="12577" spans="1:7" x14ac:dyDescent="0.3">
      <c r="A12577" s="13" t="s">
        <v>95</v>
      </c>
      <c r="B12577" s="14" t="s">
        <v>1</v>
      </c>
      <c r="C12577" s="14" t="s">
        <v>96</v>
      </c>
      <c r="D12577" s="14" t="s">
        <v>97</v>
      </c>
      <c r="E12577" s="15">
        <v>45543</v>
      </c>
      <c r="F12577" s="14" t="s">
        <v>61</v>
      </c>
      <c r="G12577" s="16">
        <v>0</v>
      </c>
    </row>
    <row r="12578" spans="1:7" x14ac:dyDescent="0.3">
      <c r="A12578" s="13" t="s">
        <v>95</v>
      </c>
      <c r="B12578" s="14" t="s">
        <v>1</v>
      </c>
      <c r="C12578" s="14" t="s">
        <v>96</v>
      </c>
      <c r="D12578" s="14" t="s">
        <v>97</v>
      </c>
      <c r="E12578" s="15">
        <v>45544</v>
      </c>
      <c r="F12578" s="14" t="s">
        <v>61</v>
      </c>
      <c r="G12578" s="16">
        <v>0</v>
      </c>
    </row>
    <row r="12579" spans="1:7" x14ac:dyDescent="0.3">
      <c r="A12579" s="13" t="s">
        <v>95</v>
      </c>
      <c r="B12579" s="14" t="s">
        <v>1</v>
      </c>
      <c r="C12579" s="14" t="s">
        <v>96</v>
      </c>
      <c r="D12579" s="14" t="s">
        <v>97</v>
      </c>
      <c r="E12579" s="15">
        <v>45545</v>
      </c>
      <c r="F12579" s="14" t="s">
        <v>61</v>
      </c>
      <c r="G12579" s="16">
        <v>0</v>
      </c>
    </row>
    <row r="12580" spans="1:7" x14ac:dyDescent="0.3">
      <c r="A12580" s="13" t="s">
        <v>95</v>
      </c>
      <c r="B12580" s="14" t="s">
        <v>1</v>
      </c>
      <c r="C12580" s="14" t="s">
        <v>96</v>
      </c>
      <c r="D12580" s="14" t="s">
        <v>97</v>
      </c>
      <c r="E12580" s="15">
        <v>45546</v>
      </c>
      <c r="F12580" s="14" t="s">
        <v>61</v>
      </c>
      <c r="G12580" s="16">
        <v>0</v>
      </c>
    </row>
    <row r="12581" spans="1:7" x14ac:dyDescent="0.3">
      <c r="A12581" s="13" t="s">
        <v>95</v>
      </c>
      <c r="B12581" s="14" t="s">
        <v>1</v>
      </c>
      <c r="C12581" s="14" t="s">
        <v>96</v>
      </c>
      <c r="D12581" s="14" t="s">
        <v>97</v>
      </c>
      <c r="E12581" s="15">
        <v>45547</v>
      </c>
      <c r="F12581" s="14" t="s">
        <v>61</v>
      </c>
      <c r="G12581" s="16">
        <v>0</v>
      </c>
    </row>
    <row r="12582" spans="1:7" x14ac:dyDescent="0.3">
      <c r="A12582" s="13" t="s">
        <v>95</v>
      </c>
      <c r="B12582" s="14" t="s">
        <v>1</v>
      </c>
      <c r="C12582" s="14" t="s">
        <v>96</v>
      </c>
      <c r="D12582" s="14" t="s">
        <v>97</v>
      </c>
      <c r="E12582" s="15">
        <v>45548</v>
      </c>
      <c r="F12582" s="14" t="s">
        <v>61</v>
      </c>
      <c r="G12582" s="16">
        <v>0</v>
      </c>
    </row>
    <row r="12583" spans="1:7" x14ac:dyDescent="0.3">
      <c r="A12583" s="13" t="s">
        <v>95</v>
      </c>
      <c r="B12583" s="14" t="s">
        <v>1</v>
      </c>
      <c r="C12583" s="14" t="s">
        <v>96</v>
      </c>
      <c r="D12583" s="14" t="s">
        <v>97</v>
      </c>
      <c r="E12583" s="15">
        <v>45549</v>
      </c>
      <c r="F12583" s="14" t="s">
        <v>61</v>
      </c>
      <c r="G12583" s="16">
        <v>0</v>
      </c>
    </row>
    <row r="12584" spans="1:7" x14ac:dyDescent="0.3">
      <c r="A12584" s="13" t="s">
        <v>95</v>
      </c>
      <c r="B12584" s="14" t="s">
        <v>1</v>
      </c>
      <c r="C12584" s="14" t="s">
        <v>96</v>
      </c>
      <c r="D12584" s="14" t="s">
        <v>97</v>
      </c>
      <c r="E12584" s="15">
        <v>45550</v>
      </c>
      <c r="F12584" s="14" t="s">
        <v>61</v>
      </c>
      <c r="G12584" s="16">
        <v>0</v>
      </c>
    </row>
    <row r="12585" spans="1:7" x14ac:dyDescent="0.3">
      <c r="A12585" s="13" t="s">
        <v>95</v>
      </c>
      <c r="B12585" s="14" t="s">
        <v>1</v>
      </c>
      <c r="C12585" s="14" t="s">
        <v>96</v>
      </c>
      <c r="D12585" s="14" t="s">
        <v>97</v>
      </c>
      <c r="E12585" s="15">
        <v>45551</v>
      </c>
      <c r="F12585" s="14" t="s">
        <v>61</v>
      </c>
      <c r="G12585" s="16">
        <v>0</v>
      </c>
    </row>
    <row r="12586" spans="1:7" x14ac:dyDescent="0.3">
      <c r="A12586" s="13" t="s">
        <v>95</v>
      </c>
      <c r="B12586" s="14" t="s">
        <v>1</v>
      </c>
      <c r="C12586" s="14" t="s">
        <v>96</v>
      </c>
      <c r="D12586" s="14" t="s">
        <v>97</v>
      </c>
      <c r="E12586" s="15">
        <v>45552</v>
      </c>
      <c r="F12586" s="14" t="s">
        <v>61</v>
      </c>
      <c r="G12586" s="16">
        <v>0</v>
      </c>
    </row>
    <row r="12587" spans="1:7" x14ac:dyDescent="0.3">
      <c r="A12587" s="13" t="s">
        <v>95</v>
      </c>
      <c r="B12587" s="14" t="s">
        <v>1</v>
      </c>
      <c r="C12587" s="14" t="s">
        <v>96</v>
      </c>
      <c r="D12587" s="14" t="s">
        <v>97</v>
      </c>
      <c r="E12587" s="15">
        <v>45553</v>
      </c>
      <c r="F12587" s="14" t="s">
        <v>61</v>
      </c>
      <c r="G12587" s="16">
        <v>0</v>
      </c>
    </row>
    <row r="12588" spans="1:7" x14ac:dyDescent="0.3">
      <c r="A12588" s="13" t="s">
        <v>95</v>
      </c>
      <c r="B12588" s="14" t="s">
        <v>1</v>
      </c>
      <c r="C12588" s="14" t="s">
        <v>96</v>
      </c>
      <c r="D12588" s="14" t="s">
        <v>97</v>
      </c>
      <c r="E12588" s="15">
        <v>45554</v>
      </c>
      <c r="F12588" s="14" t="s">
        <v>61</v>
      </c>
      <c r="G12588" s="16">
        <v>0</v>
      </c>
    </row>
    <row r="12589" spans="1:7" x14ac:dyDescent="0.3">
      <c r="A12589" s="13" t="s">
        <v>95</v>
      </c>
      <c r="B12589" s="14" t="s">
        <v>1</v>
      </c>
      <c r="C12589" s="14" t="s">
        <v>96</v>
      </c>
      <c r="D12589" s="14" t="s">
        <v>97</v>
      </c>
      <c r="E12589" s="15">
        <v>45555</v>
      </c>
      <c r="F12589" s="14" t="s">
        <v>61</v>
      </c>
      <c r="G12589" s="16">
        <v>0</v>
      </c>
    </row>
    <row r="12590" spans="1:7" x14ac:dyDescent="0.3">
      <c r="A12590" s="13" t="s">
        <v>95</v>
      </c>
      <c r="B12590" s="14" t="s">
        <v>1</v>
      </c>
      <c r="C12590" s="14" t="s">
        <v>96</v>
      </c>
      <c r="D12590" s="14" t="s">
        <v>97</v>
      </c>
      <c r="E12590" s="15">
        <v>45556</v>
      </c>
      <c r="F12590" s="14" t="s">
        <v>61</v>
      </c>
      <c r="G12590" s="16">
        <v>0</v>
      </c>
    </row>
    <row r="12591" spans="1:7" x14ac:dyDescent="0.3">
      <c r="A12591" s="13" t="s">
        <v>95</v>
      </c>
      <c r="B12591" s="14" t="s">
        <v>1</v>
      </c>
      <c r="C12591" s="14" t="s">
        <v>96</v>
      </c>
      <c r="D12591" s="14" t="s">
        <v>97</v>
      </c>
      <c r="E12591" s="15">
        <v>45557</v>
      </c>
      <c r="F12591" s="14" t="s">
        <v>61</v>
      </c>
      <c r="G12591" s="16">
        <v>0</v>
      </c>
    </row>
    <row r="12592" spans="1:7" x14ac:dyDescent="0.3">
      <c r="A12592" s="13" t="s">
        <v>95</v>
      </c>
      <c r="B12592" s="14" t="s">
        <v>1</v>
      </c>
      <c r="C12592" s="14" t="s">
        <v>96</v>
      </c>
      <c r="D12592" s="14" t="s">
        <v>97</v>
      </c>
      <c r="E12592" s="15">
        <v>45558</v>
      </c>
      <c r="F12592" s="14" t="s">
        <v>61</v>
      </c>
      <c r="G12592" s="16">
        <v>0</v>
      </c>
    </row>
    <row r="12593" spans="1:7" x14ac:dyDescent="0.3">
      <c r="A12593" s="13" t="s">
        <v>95</v>
      </c>
      <c r="B12593" s="14" t="s">
        <v>1</v>
      </c>
      <c r="C12593" s="14" t="s">
        <v>96</v>
      </c>
      <c r="D12593" s="14" t="s">
        <v>97</v>
      </c>
      <c r="E12593" s="15">
        <v>45559</v>
      </c>
      <c r="F12593" s="14" t="s">
        <v>61</v>
      </c>
      <c r="G12593" s="16">
        <v>0</v>
      </c>
    </row>
    <row r="12594" spans="1:7" x14ac:dyDescent="0.3">
      <c r="A12594" s="13" t="s">
        <v>95</v>
      </c>
      <c r="B12594" s="14" t="s">
        <v>1</v>
      </c>
      <c r="C12594" s="14" t="s">
        <v>96</v>
      </c>
      <c r="D12594" s="14" t="s">
        <v>97</v>
      </c>
      <c r="E12594" s="15">
        <v>45560</v>
      </c>
      <c r="F12594" s="14" t="s">
        <v>61</v>
      </c>
      <c r="G12594" s="16">
        <v>0</v>
      </c>
    </row>
    <row r="12595" spans="1:7" x14ac:dyDescent="0.3">
      <c r="A12595" s="13" t="s">
        <v>95</v>
      </c>
      <c r="B12595" s="14" t="s">
        <v>1</v>
      </c>
      <c r="C12595" s="14" t="s">
        <v>96</v>
      </c>
      <c r="D12595" s="14" t="s">
        <v>97</v>
      </c>
      <c r="E12595" s="15">
        <v>45561</v>
      </c>
      <c r="F12595" s="14" t="s">
        <v>61</v>
      </c>
      <c r="G12595" s="16">
        <v>0</v>
      </c>
    </row>
    <row r="12596" spans="1:7" x14ac:dyDescent="0.3">
      <c r="A12596" s="13" t="s">
        <v>95</v>
      </c>
      <c r="B12596" s="14" t="s">
        <v>1</v>
      </c>
      <c r="C12596" s="14" t="s">
        <v>96</v>
      </c>
      <c r="D12596" s="14" t="s">
        <v>97</v>
      </c>
      <c r="E12596" s="15">
        <v>45562</v>
      </c>
      <c r="F12596" s="14" t="s">
        <v>61</v>
      </c>
      <c r="G12596" s="16">
        <v>0</v>
      </c>
    </row>
    <row r="12597" spans="1:7" x14ac:dyDescent="0.3">
      <c r="A12597" s="13" t="s">
        <v>95</v>
      </c>
      <c r="B12597" s="14" t="s">
        <v>1</v>
      </c>
      <c r="C12597" s="14" t="s">
        <v>96</v>
      </c>
      <c r="D12597" s="14" t="s">
        <v>97</v>
      </c>
      <c r="E12597" s="15">
        <v>45563</v>
      </c>
      <c r="F12597" s="14" t="s">
        <v>61</v>
      </c>
      <c r="G12597" s="16">
        <v>0</v>
      </c>
    </row>
    <row r="12598" spans="1:7" x14ac:dyDescent="0.3">
      <c r="A12598" s="13" t="s">
        <v>95</v>
      </c>
      <c r="B12598" s="14" t="s">
        <v>1</v>
      </c>
      <c r="C12598" s="14" t="s">
        <v>96</v>
      </c>
      <c r="D12598" s="14" t="s">
        <v>97</v>
      </c>
      <c r="E12598" s="15">
        <v>45564</v>
      </c>
      <c r="F12598" s="14" t="s">
        <v>61</v>
      </c>
      <c r="G12598" s="16">
        <v>0</v>
      </c>
    </row>
    <row r="12599" spans="1:7" x14ac:dyDescent="0.3">
      <c r="A12599" s="13" t="s">
        <v>95</v>
      </c>
      <c r="B12599" s="14" t="s">
        <v>1</v>
      </c>
      <c r="C12599" s="14" t="s">
        <v>96</v>
      </c>
      <c r="D12599" s="14" t="s">
        <v>97</v>
      </c>
      <c r="E12599" s="15">
        <v>45565</v>
      </c>
      <c r="F12599" s="14" t="s">
        <v>61</v>
      </c>
      <c r="G12599" s="16">
        <v>0</v>
      </c>
    </row>
    <row r="12600" spans="1:7" x14ac:dyDescent="0.3">
      <c r="A12600" s="13" t="s">
        <v>95</v>
      </c>
      <c r="B12600" s="14" t="s">
        <v>1</v>
      </c>
      <c r="C12600" s="14" t="s">
        <v>96</v>
      </c>
      <c r="D12600" s="14" t="s">
        <v>97</v>
      </c>
      <c r="E12600" s="15">
        <v>45566</v>
      </c>
      <c r="F12600" s="14" t="s">
        <v>61</v>
      </c>
      <c r="G12600" s="16">
        <v>0</v>
      </c>
    </row>
    <row r="12601" spans="1:7" x14ac:dyDescent="0.3">
      <c r="A12601" s="13" t="s">
        <v>95</v>
      </c>
      <c r="B12601" s="14" t="s">
        <v>1</v>
      </c>
      <c r="C12601" s="14" t="s">
        <v>96</v>
      </c>
      <c r="D12601" s="14" t="s">
        <v>97</v>
      </c>
      <c r="E12601" s="15">
        <v>45567</v>
      </c>
      <c r="F12601" s="14" t="s">
        <v>61</v>
      </c>
      <c r="G12601" s="16">
        <v>0</v>
      </c>
    </row>
    <row r="12602" spans="1:7" x14ac:dyDescent="0.3">
      <c r="A12602" s="13" t="s">
        <v>95</v>
      </c>
      <c r="B12602" s="14" t="s">
        <v>1</v>
      </c>
      <c r="C12602" s="14" t="s">
        <v>96</v>
      </c>
      <c r="D12602" s="14" t="s">
        <v>97</v>
      </c>
      <c r="E12602" s="15">
        <v>45568</v>
      </c>
      <c r="F12602" s="14" t="s">
        <v>61</v>
      </c>
      <c r="G12602" s="16">
        <v>0</v>
      </c>
    </row>
    <row r="12603" spans="1:7" x14ac:dyDescent="0.3">
      <c r="A12603" s="13" t="s">
        <v>95</v>
      </c>
      <c r="B12603" s="14" t="s">
        <v>1</v>
      </c>
      <c r="C12603" s="14" t="s">
        <v>96</v>
      </c>
      <c r="D12603" s="14" t="s">
        <v>97</v>
      </c>
      <c r="E12603" s="15">
        <v>45569</v>
      </c>
      <c r="F12603" s="14" t="s">
        <v>61</v>
      </c>
      <c r="G12603" s="16">
        <v>0</v>
      </c>
    </row>
    <row r="12604" spans="1:7" x14ac:dyDescent="0.3">
      <c r="A12604" s="13" t="s">
        <v>95</v>
      </c>
      <c r="B12604" s="14" t="s">
        <v>1</v>
      </c>
      <c r="C12604" s="14" t="s">
        <v>96</v>
      </c>
      <c r="D12604" s="14" t="s">
        <v>97</v>
      </c>
      <c r="E12604" s="15">
        <v>45570</v>
      </c>
      <c r="F12604" s="14" t="s">
        <v>61</v>
      </c>
      <c r="G12604" s="16">
        <v>0</v>
      </c>
    </row>
    <row r="12605" spans="1:7" x14ac:dyDescent="0.3">
      <c r="A12605" s="13" t="s">
        <v>95</v>
      </c>
      <c r="B12605" s="14" t="s">
        <v>1</v>
      </c>
      <c r="C12605" s="14" t="s">
        <v>96</v>
      </c>
      <c r="D12605" s="14" t="s">
        <v>97</v>
      </c>
      <c r="E12605" s="15">
        <v>45571</v>
      </c>
      <c r="F12605" s="14" t="s">
        <v>61</v>
      </c>
      <c r="G12605" s="16">
        <v>0</v>
      </c>
    </row>
    <row r="12606" spans="1:7" x14ac:dyDescent="0.3">
      <c r="A12606" s="13" t="s">
        <v>95</v>
      </c>
      <c r="B12606" s="14" t="s">
        <v>1</v>
      </c>
      <c r="C12606" s="14" t="s">
        <v>96</v>
      </c>
      <c r="D12606" s="14" t="s">
        <v>97</v>
      </c>
      <c r="E12606" s="15">
        <v>45572</v>
      </c>
      <c r="F12606" s="14" t="s">
        <v>61</v>
      </c>
      <c r="G12606" s="16">
        <v>0</v>
      </c>
    </row>
    <row r="12607" spans="1:7" x14ac:dyDescent="0.3">
      <c r="A12607" s="13" t="s">
        <v>95</v>
      </c>
      <c r="B12607" s="14" t="s">
        <v>1</v>
      </c>
      <c r="C12607" s="14" t="s">
        <v>96</v>
      </c>
      <c r="D12607" s="14" t="s">
        <v>97</v>
      </c>
      <c r="E12607" s="15">
        <v>45573</v>
      </c>
      <c r="F12607" s="14" t="s">
        <v>61</v>
      </c>
      <c r="G12607" s="16">
        <v>0</v>
      </c>
    </row>
    <row r="12608" spans="1:7" x14ac:dyDescent="0.3">
      <c r="A12608" s="13" t="s">
        <v>95</v>
      </c>
      <c r="B12608" s="14" t="s">
        <v>1</v>
      </c>
      <c r="C12608" s="14" t="s">
        <v>96</v>
      </c>
      <c r="D12608" s="14" t="s">
        <v>97</v>
      </c>
      <c r="E12608" s="15">
        <v>45574</v>
      </c>
      <c r="F12608" s="14" t="s">
        <v>61</v>
      </c>
      <c r="G12608" s="16">
        <v>0</v>
      </c>
    </row>
    <row r="12609" spans="1:7" x14ac:dyDescent="0.3">
      <c r="A12609" s="13" t="s">
        <v>95</v>
      </c>
      <c r="B12609" s="14" t="s">
        <v>1</v>
      </c>
      <c r="C12609" s="14" t="s">
        <v>96</v>
      </c>
      <c r="D12609" s="14" t="s">
        <v>97</v>
      </c>
      <c r="E12609" s="15">
        <v>45575</v>
      </c>
      <c r="F12609" s="14" t="s">
        <v>61</v>
      </c>
      <c r="G12609" s="16">
        <v>0</v>
      </c>
    </row>
    <row r="12610" spans="1:7" x14ac:dyDescent="0.3">
      <c r="A12610" s="13" t="s">
        <v>95</v>
      </c>
      <c r="B12610" s="14" t="s">
        <v>1</v>
      </c>
      <c r="C12610" s="14" t="s">
        <v>96</v>
      </c>
      <c r="D12610" s="14" t="s">
        <v>97</v>
      </c>
      <c r="E12610" s="15">
        <v>45576</v>
      </c>
      <c r="F12610" s="14" t="s">
        <v>61</v>
      </c>
      <c r="G12610" s="16">
        <v>0</v>
      </c>
    </row>
    <row r="12611" spans="1:7" x14ac:dyDescent="0.3">
      <c r="A12611" s="13" t="s">
        <v>95</v>
      </c>
      <c r="B12611" s="14" t="s">
        <v>1</v>
      </c>
      <c r="C12611" s="14" t="s">
        <v>96</v>
      </c>
      <c r="D12611" s="14" t="s">
        <v>97</v>
      </c>
      <c r="E12611" s="15">
        <v>45577</v>
      </c>
      <c r="F12611" s="14" t="s">
        <v>61</v>
      </c>
      <c r="G12611" s="16">
        <v>0</v>
      </c>
    </row>
    <row r="12612" spans="1:7" x14ac:dyDescent="0.3">
      <c r="A12612" s="13" t="s">
        <v>95</v>
      </c>
      <c r="B12612" s="14" t="s">
        <v>1</v>
      </c>
      <c r="C12612" s="14" t="s">
        <v>96</v>
      </c>
      <c r="D12612" s="14" t="s">
        <v>97</v>
      </c>
      <c r="E12612" s="15">
        <v>45578</v>
      </c>
      <c r="F12612" s="14" t="s">
        <v>61</v>
      </c>
      <c r="G12612" s="16">
        <v>0</v>
      </c>
    </row>
    <row r="12613" spans="1:7" x14ac:dyDescent="0.3">
      <c r="A12613" s="13" t="s">
        <v>95</v>
      </c>
      <c r="B12613" s="14" t="s">
        <v>1</v>
      </c>
      <c r="C12613" s="14" t="s">
        <v>96</v>
      </c>
      <c r="D12613" s="14" t="s">
        <v>97</v>
      </c>
      <c r="E12613" s="15">
        <v>45579</v>
      </c>
      <c r="F12613" s="14" t="s">
        <v>61</v>
      </c>
      <c r="G12613" s="16">
        <v>0</v>
      </c>
    </row>
    <row r="12614" spans="1:7" x14ac:dyDescent="0.3">
      <c r="A12614" s="13" t="s">
        <v>95</v>
      </c>
      <c r="B12614" s="14" t="s">
        <v>1</v>
      </c>
      <c r="C12614" s="14" t="s">
        <v>96</v>
      </c>
      <c r="D12614" s="14" t="s">
        <v>97</v>
      </c>
      <c r="E12614" s="15">
        <v>45580</v>
      </c>
      <c r="F12614" s="14" t="s">
        <v>61</v>
      </c>
      <c r="G12614" s="16">
        <v>0</v>
      </c>
    </row>
    <row r="12615" spans="1:7" x14ac:dyDescent="0.3">
      <c r="A12615" s="13" t="s">
        <v>95</v>
      </c>
      <c r="B12615" s="14" t="s">
        <v>1</v>
      </c>
      <c r="C12615" s="14" t="s">
        <v>96</v>
      </c>
      <c r="D12615" s="14" t="s">
        <v>97</v>
      </c>
      <c r="E12615" s="15">
        <v>45581</v>
      </c>
      <c r="F12615" s="14" t="s">
        <v>61</v>
      </c>
      <c r="G12615" s="16">
        <v>0</v>
      </c>
    </row>
    <row r="12616" spans="1:7" x14ac:dyDescent="0.3">
      <c r="A12616" s="13" t="s">
        <v>95</v>
      </c>
      <c r="B12616" s="14" t="s">
        <v>1</v>
      </c>
      <c r="C12616" s="14" t="s">
        <v>96</v>
      </c>
      <c r="D12616" s="14" t="s">
        <v>97</v>
      </c>
      <c r="E12616" s="15">
        <v>45582</v>
      </c>
      <c r="F12616" s="14" t="s">
        <v>61</v>
      </c>
      <c r="G12616" s="16">
        <v>0</v>
      </c>
    </row>
    <row r="12617" spans="1:7" x14ac:dyDescent="0.3">
      <c r="A12617" s="13" t="s">
        <v>95</v>
      </c>
      <c r="B12617" s="14" t="s">
        <v>1</v>
      </c>
      <c r="C12617" s="14" t="s">
        <v>96</v>
      </c>
      <c r="D12617" s="14" t="s">
        <v>97</v>
      </c>
      <c r="E12617" s="15">
        <v>45583</v>
      </c>
      <c r="F12617" s="14" t="s">
        <v>61</v>
      </c>
      <c r="G12617" s="16">
        <v>0</v>
      </c>
    </row>
    <row r="12618" spans="1:7" x14ac:dyDescent="0.3">
      <c r="A12618" s="13" t="s">
        <v>95</v>
      </c>
      <c r="B12618" s="14" t="s">
        <v>1</v>
      </c>
      <c r="C12618" s="14" t="s">
        <v>96</v>
      </c>
      <c r="D12618" s="14" t="s">
        <v>97</v>
      </c>
      <c r="E12618" s="15">
        <v>45584</v>
      </c>
      <c r="F12618" s="14" t="s">
        <v>61</v>
      </c>
      <c r="G12618" s="16">
        <v>0</v>
      </c>
    </row>
    <row r="12619" spans="1:7" x14ac:dyDescent="0.3">
      <c r="A12619" s="13" t="s">
        <v>95</v>
      </c>
      <c r="B12619" s="14" t="s">
        <v>1</v>
      </c>
      <c r="C12619" s="14" t="s">
        <v>96</v>
      </c>
      <c r="D12619" s="14" t="s">
        <v>97</v>
      </c>
      <c r="E12619" s="15">
        <v>45585</v>
      </c>
      <c r="F12619" s="14" t="s">
        <v>61</v>
      </c>
      <c r="G12619" s="16">
        <v>0</v>
      </c>
    </row>
    <row r="12620" spans="1:7" x14ac:dyDescent="0.3">
      <c r="A12620" s="13" t="s">
        <v>95</v>
      </c>
      <c r="B12620" s="14" t="s">
        <v>1</v>
      </c>
      <c r="C12620" s="14" t="s">
        <v>96</v>
      </c>
      <c r="D12620" s="14" t="s">
        <v>97</v>
      </c>
      <c r="E12620" s="15">
        <v>45586</v>
      </c>
      <c r="F12620" s="14" t="s">
        <v>61</v>
      </c>
      <c r="G12620" s="16">
        <v>0</v>
      </c>
    </row>
    <row r="12621" spans="1:7" x14ac:dyDescent="0.3">
      <c r="A12621" s="13" t="s">
        <v>95</v>
      </c>
      <c r="B12621" s="14" t="s">
        <v>1</v>
      </c>
      <c r="C12621" s="14" t="s">
        <v>96</v>
      </c>
      <c r="D12621" s="14" t="s">
        <v>97</v>
      </c>
      <c r="E12621" s="15">
        <v>45587</v>
      </c>
      <c r="F12621" s="14" t="s">
        <v>61</v>
      </c>
      <c r="G12621" s="16">
        <v>0</v>
      </c>
    </row>
    <row r="12622" spans="1:7" x14ac:dyDescent="0.3">
      <c r="A12622" s="13" t="s">
        <v>95</v>
      </c>
      <c r="B12622" s="14" t="s">
        <v>1</v>
      </c>
      <c r="C12622" s="14" t="s">
        <v>96</v>
      </c>
      <c r="D12622" s="14" t="s">
        <v>97</v>
      </c>
      <c r="E12622" s="15">
        <v>45588</v>
      </c>
      <c r="F12622" s="14" t="s">
        <v>61</v>
      </c>
      <c r="G12622" s="16">
        <v>0</v>
      </c>
    </row>
    <row r="12623" spans="1:7" x14ac:dyDescent="0.3">
      <c r="A12623" s="13" t="s">
        <v>95</v>
      </c>
      <c r="B12623" s="14" t="s">
        <v>1</v>
      </c>
      <c r="C12623" s="14" t="s">
        <v>96</v>
      </c>
      <c r="D12623" s="14" t="s">
        <v>97</v>
      </c>
      <c r="E12623" s="15">
        <v>45589</v>
      </c>
      <c r="F12623" s="14" t="s">
        <v>61</v>
      </c>
      <c r="G12623" s="16">
        <v>0</v>
      </c>
    </row>
    <row r="12624" spans="1:7" x14ac:dyDescent="0.3">
      <c r="A12624" s="13" t="s">
        <v>95</v>
      </c>
      <c r="B12624" s="14" t="s">
        <v>1</v>
      </c>
      <c r="C12624" s="14" t="s">
        <v>96</v>
      </c>
      <c r="D12624" s="14" t="s">
        <v>97</v>
      </c>
      <c r="E12624" s="15">
        <v>45590</v>
      </c>
      <c r="F12624" s="14" t="s">
        <v>61</v>
      </c>
      <c r="G12624" s="16">
        <v>0</v>
      </c>
    </row>
    <row r="12625" spans="1:7" x14ac:dyDescent="0.3">
      <c r="A12625" s="13" t="s">
        <v>95</v>
      </c>
      <c r="B12625" s="14" t="s">
        <v>1</v>
      </c>
      <c r="C12625" s="14" t="s">
        <v>96</v>
      </c>
      <c r="D12625" s="14" t="s">
        <v>97</v>
      </c>
      <c r="E12625" s="15">
        <v>45591</v>
      </c>
      <c r="F12625" s="14" t="s">
        <v>61</v>
      </c>
      <c r="G12625" s="16">
        <v>0</v>
      </c>
    </row>
    <row r="12626" spans="1:7" x14ac:dyDescent="0.3">
      <c r="A12626" s="13" t="s">
        <v>95</v>
      </c>
      <c r="B12626" s="14" t="s">
        <v>1</v>
      </c>
      <c r="C12626" s="14" t="s">
        <v>96</v>
      </c>
      <c r="D12626" s="14" t="s">
        <v>97</v>
      </c>
      <c r="E12626" s="15">
        <v>45592</v>
      </c>
      <c r="F12626" s="14" t="s">
        <v>61</v>
      </c>
      <c r="G12626" s="16">
        <v>0</v>
      </c>
    </row>
    <row r="12627" spans="1:7" x14ac:dyDescent="0.3">
      <c r="A12627" s="13" t="s">
        <v>95</v>
      </c>
      <c r="B12627" s="14" t="s">
        <v>1</v>
      </c>
      <c r="C12627" s="14" t="s">
        <v>96</v>
      </c>
      <c r="D12627" s="14" t="s">
        <v>97</v>
      </c>
      <c r="E12627" s="15">
        <v>45593</v>
      </c>
      <c r="F12627" s="14" t="s">
        <v>61</v>
      </c>
      <c r="G12627" s="16">
        <v>0</v>
      </c>
    </row>
    <row r="12628" spans="1:7" x14ac:dyDescent="0.3">
      <c r="A12628" s="13" t="s">
        <v>95</v>
      </c>
      <c r="B12628" s="14" t="s">
        <v>1</v>
      </c>
      <c r="C12628" s="14" t="s">
        <v>96</v>
      </c>
      <c r="D12628" s="14" t="s">
        <v>97</v>
      </c>
      <c r="E12628" s="15">
        <v>45594</v>
      </c>
      <c r="F12628" s="14" t="s">
        <v>61</v>
      </c>
      <c r="G12628" s="16">
        <v>0</v>
      </c>
    </row>
    <row r="12629" spans="1:7" x14ac:dyDescent="0.3">
      <c r="A12629" s="13" t="s">
        <v>95</v>
      </c>
      <c r="B12629" s="14" t="s">
        <v>1</v>
      </c>
      <c r="C12629" s="14" t="s">
        <v>96</v>
      </c>
      <c r="D12629" s="14" t="s">
        <v>97</v>
      </c>
      <c r="E12629" s="15">
        <v>45595</v>
      </c>
      <c r="F12629" s="14" t="s">
        <v>61</v>
      </c>
      <c r="G12629" s="16">
        <v>0</v>
      </c>
    </row>
    <row r="12630" spans="1:7" x14ac:dyDescent="0.3">
      <c r="A12630" s="13" t="s">
        <v>95</v>
      </c>
      <c r="B12630" s="14" t="s">
        <v>1</v>
      </c>
      <c r="C12630" s="14" t="s">
        <v>96</v>
      </c>
      <c r="D12630" s="14" t="s">
        <v>97</v>
      </c>
      <c r="E12630" s="15">
        <v>45596</v>
      </c>
      <c r="F12630" s="14" t="s">
        <v>61</v>
      </c>
      <c r="G12630" s="16">
        <v>0</v>
      </c>
    </row>
    <row r="12631" spans="1:7" x14ac:dyDescent="0.3">
      <c r="A12631" s="13" t="s">
        <v>95</v>
      </c>
      <c r="B12631" s="14" t="s">
        <v>1</v>
      </c>
      <c r="C12631" s="14" t="s">
        <v>96</v>
      </c>
      <c r="D12631" s="14" t="s">
        <v>97</v>
      </c>
      <c r="E12631" s="15">
        <v>45597</v>
      </c>
      <c r="F12631" s="14" t="s">
        <v>61</v>
      </c>
      <c r="G12631" s="16">
        <v>0</v>
      </c>
    </row>
    <row r="12632" spans="1:7" x14ac:dyDescent="0.3">
      <c r="A12632" s="13" t="s">
        <v>95</v>
      </c>
      <c r="B12632" s="14" t="s">
        <v>1</v>
      </c>
      <c r="C12632" s="14" t="s">
        <v>96</v>
      </c>
      <c r="D12632" s="14" t="s">
        <v>97</v>
      </c>
      <c r="E12632" s="15">
        <v>45598</v>
      </c>
      <c r="F12632" s="14" t="s">
        <v>61</v>
      </c>
      <c r="G12632" s="16">
        <v>0</v>
      </c>
    </row>
    <row r="12633" spans="1:7" x14ac:dyDescent="0.3">
      <c r="A12633" s="13" t="s">
        <v>95</v>
      </c>
      <c r="B12633" s="14" t="s">
        <v>1</v>
      </c>
      <c r="C12633" s="14" t="s">
        <v>96</v>
      </c>
      <c r="D12633" s="14" t="s">
        <v>97</v>
      </c>
      <c r="E12633" s="15">
        <v>45599</v>
      </c>
      <c r="F12633" s="14" t="s">
        <v>61</v>
      </c>
      <c r="G12633" s="16">
        <v>0</v>
      </c>
    </row>
    <row r="12634" spans="1:7" x14ac:dyDescent="0.3">
      <c r="A12634" s="13" t="s">
        <v>95</v>
      </c>
      <c r="B12634" s="14" t="s">
        <v>1</v>
      </c>
      <c r="C12634" s="14" t="s">
        <v>96</v>
      </c>
      <c r="D12634" s="14" t="s">
        <v>97</v>
      </c>
      <c r="E12634" s="15">
        <v>45600</v>
      </c>
      <c r="F12634" s="14" t="s">
        <v>61</v>
      </c>
      <c r="G12634" s="16">
        <v>0</v>
      </c>
    </row>
    <row r="12635" spans="1:7" x14ac:dyDescent="0.3">
      <c r="A12635" s="13" t="s">
        <v>95</v>
      </c>
      <c r="B12635" s="14" t="s">
        <v>1</v>
      </c>
      <c r="C12635" s="14" t="s">
        <v>96</v>
      </c>
      <c r="D12635" s="14" t="s">
        <v>97</v>
      </c>
      <c r="E12635" s="15">
        <v>45601</v>
      </c>
      <c r="F12635" s="14" t="s">
        <v>61</v>
      </c>
      <c r="G12635" s="16">
        <v>0</v>
      </c>
    </row>
    <row r="12636" spans="1:7" x14ac:dyDescent="0.3">
      <c r="A12636" s="13" t="s">
        <v>95</v>
      </c>
      <c r="B12636" s="14" t="s">
        <v>1</v>
      </c>
      <c r="C12636" s="14" t="s">
        <v>96</v>
      </c>
      <c r="D12636" s="14" t="s">
        <v>97</v>
      </c>
      <c r="E12636" s="15">
        <v>45602</v>
      </c>
      <c r="F12636" s="14" t="s">
        <v>61</v>
      </c>
      <c r="G12636" s="16">
        <v>0</v>
      </c>
    </row>
    <row r="12637" spans="1:7" x14ac:dyDescent="0.3">
      <c r="A12637" s="13" t="s">
        <v>95</v>
      </c>
      <c r="B12637" s="14" t="s">
        <v>1</v>
      </c>
      <c r="C12637" s="14" t="s">
        <v>96</v>
      </c>
      <c r="D12637" s="14" t="s">
        <v>97</v>
      </c>
      <c r="E12637" s="15">
        <v>45603</v>
      </c>
      <c r="F12637" s="14" t="s">
        <v>61</v>
      </c>
      <c r="G12637" s="16">
        <v>0</v>
      </c>
    </row>
    <row r="12638" spans="1:7" x14ac:dyDescent="0.3">
      <c r="A12638" s="13" t="s">
        <v>95</v>
      </c>
      <c r="B12638" s="14" t="s">
        <v>1</v>
      </c>
      <c r="C12638" s="14" t="s">
        <v>96</v>
      </c>
      <c r="D12638" s="14" t="s">
        <v>97</v>
      </c>
      <c r="E12638" s="15">
        <v>45604</v>
      </c>
      <c r="F12638" s="14" t="s">
        <v>61</v>
      </c>
      <c r="G12638" s="16">
        <v>0</v>
      </c>
    </row>
    <row r="12639" spans="1:7" x14ac:dyDescent="0.3">
      <c r="A12639" s="13" t="s">
        <v>95</v>
      </c>
      <c r="B12639" s="14" t="s">
        <v>1</v>
      </c>
      <c r="C12639" s="14" t="s">
        <v>96</v>
      </c>
      <c r="D12639" s="14" t="s">
        <v>97</v>
      </c>
      <c r="E12639" s="15">
        <v>45605</v>
      </c>
      <c r="F12639" s="14" t="s">
        <v>61</v>
      </c>
      <c r="G12639" s="16">
        <v>0</v>
      </c>
    </row>
    <row r="12640" spans="1:7" x14ac:dyDescent="0.3">
      <c r="A12640" s="13" t="s">
        <v>95</v>
      </c>
      <c r="B12640" s="14" t="s">
        <v>1</v>
      </c>
      <c r="C12640" s="14" t="s">
        <v>96</v>
      </c>
      <c r="D12640" s="14" t="s">
        <v>97</v>
      </c>
      <c r="E12640" s="15">
        <v>45606</v>
      </c>
      <c r="F12640" s="14" t="s">
        <v>61</v>
      </c>
      <c r="G12640" s="16">
        <v>0</v>
      </c>
    </row>
    <row r="12641" spans="1:7" x14ac:dyDescent="0.3">
      <c r="A12641" s="13" t="s">
        <v>95</v>
      </c>
      <c r="B12641" s="14" t="s">
        <v>1</v>
      </c>
      <c r="C12641" s="14" t="s">
        <v>96</v>
      </c>
      <c r="D12641" s="14" t="s">
        <v>97</v>
      </c>
      <c r="E12641" s="15">
        <v>45607</v>
      </c>
      <c r="F12641" s="14" t="s">
        <v>61</v>
      </c>
      <c r="G12641" s="16">
        <v>0</v>
      </c>
    </row>
    <row r="12642" spans="1:7" x14ac:dyDescent="0.3">
      <c r="A12642" s="13" t="s">
        <v>95</v>
      </c>
      <c r="B12642" s="14" t="s">
        <v>1</v>
      </c>
      <c r="C12642" s="14" t="s">
        <v>96</v>
      </c>
      <c r="D12642" s="14" t="s">
        <v>97</v>
      </c>
      <c r="E12642" s="15">
        <v>45608</v>
      </c>
      <c r="F12642" s="14" t="s">
        <v>61</v>
      </c>
      <c r="G12642" s="16">
        <v>0</v>
      </c>
    </row>
    <row r="12643" spans="1:7" x14ac:dyDescent="0.3">
      <c r="A12643" s="13" t="s">
        <v>95</v>
      </c>
      <c r="B12643" s="14" t="s">
        <v>1</v>
      </c>
      <c r="C12643" s="14" t="s">
        <v>96</v>
      </c>
      <c r="D12643" s="14" t="s">
        <v>97</v>
      </c>
      <c r="E12643" s="15">
        <v>45609</v>
      </c>
      <c r="F12643" s="14" t="s">
        <v>61</v>
      </c>
      <c r="G12643" s="16">
        <v>0</v>
      </c>
    </row>
    <row r="12644" spans="1:7" x14ac:dyDescent="0.3">
      <c r="A12644" s="13" t="s">
        <v>95</v>
      </c>
      <c r="B12644" s="14" t="s">
        <v>1</v>
      </c>
      <c r="C12644" s="14" t="s">
        <v>96</v>
      </c>
      <c r="D12644" s="14" t="s">
        <v>97</v>
      </c>
      <c r="E12644" s="15">
        <v>45610</v>
      </c>
      <c r="F12644" s="14" t="s">
        <v>61</v>
      </c>
      <c r="G12644" s="16">
        <v>0</v>
      </c>
    </row>
    <row r="12645" spans="1:7" x14ac:dyDescent="0.3">
      <c r="A12645" s="13" t="s">
        <v>95</v>
      </c>
      <c r="B12645" s="14" t="s">
        <v>1</v>
      </c>
      <c r="C12645" s="14" t="s">
        <v>96</v>
      </c>
      <c r="D12645" s="14" t="s">
        <v>97</v>
      </c>
      <c r="E12645" s="15">
        <v>45611</v>
      </c>
      <c r="F12645" s="14" t="s">
        <v>61</v>
      </c>
      <c r="G12645" s="16">
        <v>0</v>
      </c>
    </row>
    <row r="12646" spans="1:7" x14ac:dyDescent="0.3">
      <c r="A12646" s="13" t="s">
        <v>95</v>
      </c>
      <c r="B12646" s="14" t="s">
        <v>1</v>
      </c>
      <c r="C12646" s="14" t="s">
        <v>96</v>
      </c>
      <c r="D12646" s="14" t="s">
        <v>97</v>
      </c>
      <c r="E12646" s="15">
        <v>45612</v>
      </c>
      <c r="F12646" s="14" t="s">
        <v>61</v>
      </c>
      <c r="G12646" s="16">
        <v>0</v>
      </c>
    </row>
    <row r="12647" spans="1:7" x14ac:dyDescent="0.3">
      <c r="A12647" s="13" t="s">
        <v>95</v>
      </c>
      <c r="B12647" s="14" t="s">
        <v>1</v>
      </c>
      <c r="C12647" s="14" t="s">
        <v>96</v>
      </c>
      <c r="D12647" s="14" t="s">
        <v>97</v>
      </c>
      <c r="E12647" s="15">
        <v>45613</v>
      </c>
      <c r="F12647" s="14" t="s">
        <v>61</v>
      </c>
      <c r="G12647" s="16">
        <v>0</v>
      </c>
    </row>
    <row r="12648" spans="1:7" x14ac:dyDescent="0.3">
      <c r="A12648" s="13" t="s">
        <v>95</v>
      </c>
      <c r="B12648" s="14" t="s">
        <v>1</v>
      </c>
      <c r="C12648" s="14" t="s">
        <v>96</v>
      </c>
      <c r="D12648" s="14" t="s">
        <v>97</v>
      </c>
      <c r="E12648" s="15">
        <v>45614</v>
      </c>
      <c r="F12648" s="14" t="s">
        <v>61</v>
      </c>
      <c r="G12648" s="16">
        <v>0</v>
      </c>
    </row>
    <row r="12649" spans="1:7" x14ac:dyDescent="0.3">
      <c r="A12649" s="13" t="s">
        <v>95</v>
      </c>
      <c r="B12649" s="14" t="s">
        <v>1</v>
      </c>
      <c r="C12649" s="14" t="s">
        <v>96</v>
      </c>
      <c r="D12649" s="14" t="s">
        <v>97</v>
      </c>
      <c r="E12649" s="15">
        <v>45615</v>
      </c>
      <c r="F12649" s="14" t="s">
        <v>61</v>
      </c>
      <c r="G12649" s="16">
        <v>0</v>
      </c>
    </row>
    <row r="12650" spans="1:7" x14ac:dyDescent="0.3">
      <c r="A12650" s="13" t="s">
        <v>95</v>
      </c>
      <c r="B12650" s="14" t="s">
        <v>1</v>
      </c>
      <c r="C12650" s="14" t="s">
        <v>96</v>
      </c>
      <c r="D12650" s="14" t="s">
        <v>97</v>
      </c>
      <c r="E12650" s="15">
        <v>45616</v>
      </c>
      <c r="F12650" s="14" t="s">
        <v>61</v>
      </c>
      <c r="G12650" s="16">
        <v>0</v>
      </c>
    </row>
    <row r="12651" spans="1:7" x14ac:dyDescent="0.3">
      <c r="A12651" s="13" t="s">
        <v>95</v>
      </c>
      <c r="B12651" s="14" t="s">
        <v>1</v>
      </c>
      <c r="C12651" s="14" t="s">
        <v>96</v>
      </c>
      <c r="D12651" s="14" t="s">
        <v>97</v>
      </c>
      <c r="E12651" s="15">
        <v>45617</v>
      </c>
      <c r="F12651" s="14" t="s">
        <v>61</v>
      </c>
      <c r="G12651" s="16">
        <v>0</v>
      </c>
    </row>
    <row r="12652" spans="1:7" x14ac:dyDescent="0.3">
      <c r="A12652" s="13" t="s">
        <v>95</v>
      </c>
      <c r="B12652" s="14" t="s">
        <v>1</v>
      </c>
      <c r="C12652" s="14" t="s">
        <v>96</v>
      </c>
      <c r="D12652" s="14" t="s">
        <v>97</v>
      </c>
      <c r="E12652" s="15">
        <v>45618</v>
      </c>
      <c r="F12652" s="14" t="s">
        <v>61</v>
      </c>
      <c r="G12652" s="16">
        <v>0</v>
      </c>
    </row>
    <row r="12653" spans="1:7" x14ac:dyDescent="0.3">
      <c r="A12653" s="13" t="s">
        <v>95</v>
      </c>
      <c r="B12653" s="14" t="s">
        <v>1</v>
      </c>
      <c r="C12653" s="14" t="s">
        <v>96</v>
      </c>
      <c r="D12653" s="14" t="s">
        <v>97</v>
      </c>
      <c r="E12653" s="15">
        <v>45619</v>
      </c>
      <c r="F12653" s="14" t="s">
        <v>61</v>
      </c>
      <c r="G12653" s="16">
        <v>0</v>
      </c>
    </row>
    <row r="12654" spans="1:7" x14ac:dyDescent="0.3">
      <c r="A12654" s="13" t="s">
        <v>95</v>
      </c>
      <c r="B12654" s="14" t="s">
        <v>1</v>
      </c>
      <c r="C12654" s="14" t="s">
        <v>96</v>
      </c>
      <c r="D12654" s="14" t="s">
        <v>97</v>
      </c>
      <c r="E12654" s="15">
        <v>45620</v>
      </c>
      <c r="F12654" s="14" t="s">
        <v>61</v>
      </c>
      <c r="G12654" s="16">
        <v>0</v>
      </c>
    </row>
    <row r="12655" spans="1:7" x14ac:dyDescent="0.3">
      <c r="A12655" s="13" t="s">
        <v>95</v>
      </c>
      <c r="B12655" s="14" t="s">
        <v>1</v>
      </c>
      <c r="C12655" s="14" t="s">
        <v>96</v>
      </c>
      <c r="D12655" s="14" t="s">
        <v>97</v>
      </c>
      <c r="E12655" s="15">
        <v>45621</v>
      </c>
      <c r="F12655" s="14" t="s">
        <v>61</v>
      </c>
      <c r="G12655" s="16">
        <v>0</v>
      </c>
    </row>
    <row r="12656" spans="1:7" x14ac:dyDescent="0.3">
      <c r="A12656" s="13" t="s">
        <v>95</v>
      </c>
      <c r="B12656" s="14" t="s">
        <v>1</v>
      </c>
      <c r="C12656" s="14" t="s">
        <v>96</v>
      </c>
      <c r="D12656" s="14" t="s">
        <v>97</v>
      </c>
      <c r="E12656" s="15">
        <v>45622</v>
      </c>
      <c r="F12656" s="14" t="s">
        <v>61</v>
      </c>
      <c r="G12656" s="16">
        <v>0</v>
      </c>
    </row>
    <row r="12657" spans="1:7" x14ac:dyDescent="0.3">
      <c r="A12657" s="13" t="s">
        <v>95</v>
      </c>
      <c r="B12657" s="14" t="s">
        <v>1</v>
      </c>
      <c r="C12657" s="14" t="s">
        <v>96</v>
      </c>
      <c r="D12657" s="14" t="s">
        <v>97</v>
      </c>
      <c r="E12657" s="15">
        <v>45623</v>
      </c>
      <c r="F12657" s="14" t="s">
        <v>61</v>
      </c>
      <c r="G12657" s="16">
        <v>0</v>
      </c>
    </row>
    <row r="12658" spans="1:7" x14ac:dyDescent="0.3">
      <c r="A12658" s="13" t="s">
        <v>95</v>
      </c>
      <c r="B12658" s="14" t="s">
        <v>1</v>
      </c>
      <c r="C12658" s="14" t="s">
        <v>96</v>
      </c>
      <c r="D12658" s="14" t="s">
        <v>97</v>
      </c>
      <c r="E12658" s="15">
        <v>45624</v>
      </c>
      <c r="F12658" s="14" t="s">
        <v>61</v>
      </c>
      <c r="G12658" s="16">
        <v>0</v>
      </c>
    </row>
    <row r="12659" spans="1:7" x14ac:dyDescent="0.3">
      <c r="A12659" s="13" t="s">
        <v>95</v>
      </c>
      <c r="B12659" s="14" t="s">
        <v>1</v>
      </c>
      <c r="C12659" s="14" t="s">
        <v>96</v>
      </c>
      <c r="D12659" s="14" t="s">
        <v>97</v>
      </c>
      <c r="E12659" s="15">
        <v>45625</v>
      </c>
      <c r="F12659" s="14" t="s">
        <v>61</v>
      </c>
      <c r="G12659" s="16">
        <v>0</v>
      </c>
    </row>
    <row r="12660" spans="1:7" x14ac:dyDescent="0.3">
      <c r="A12660" s="13" t="s">
        <v>95</v>
      </c>
      <c r="B12660" s="14" t="s">
        <v>1</v>
      </c>
      <c r="C12660" s="14" t="s">
        <v>96</v>
      </c>
      <c r="D12660" s="14" t="s">
        <v>97</v>
      </c>
      <c r="E12660" s="15">
        <v>45626</v>
      </c>
      <c r="F12660" s="14" t="s">
        <v>61</v>
      </c>
      <c r="G12660" s="16">
        <v>0</v>
      </c>
    </row>
    <row r="12661" spans="1:7" x14ac:dyDescent="0.3">
      <c r="A12661" s="13" t="s">
        <v>95</v>
      </c>
      <c r="B12661" s="14" t="s">
        <v>1</v>
      </c>
      <c r="C12661" s="14" t="s">
        <v>96</v>
      </c>
      <c r="D12661" s="14" t="s">
        <v>97</v>
      </c>
      <c r="E12661" s="15">
        <v>45627</v>
      </c>
      <c r="F12661" s="14" t="s">
        <v>61</v>
      </c>
      <c r="G12661" s="16">
        <v>0</v>
      </c>
    </row>
    <row r="12662" spans="1:7" x14ac:dyDescent="0.3">
      <c r="A12662" s="13" t="s">
        <v>95</v>
      </c>
      <c r="B12662" s="14" t="s">
        <v>1</v>
      </c>
      <c r="C12662" s="14" t="s">
        <v>96</v>
      </c>
      <c r="D12662" s="14" t="s">
        <v>97</v>
      </c>
      <c r="E12662" s="15">
        <v>45628</v>
      </c>
      <c r="F12662" s="14" t="s">
        <v>61</v>
      </c>
      <c r="G12662" s="16">
        <v>0</v>
      </c>
    </row>
    <row r="12663" spans="1:7" x14ac:dyDescent="0.3">
      <c r="A12663" s="13" t="s">
        <v>95</v>
      </c>
      <c r="B12663" s="14" t="s">
        <v>1</v>
      </c>
      <c r="C12663" s="14" t="s">
        <v>96</v>
      </c>
      <c r="D12663" s="14" t="s">
        <v>97</v>
      </c>
      <c r="E12663" s="15">
        <v>45629</v>
      </c>
      <c r="F12663" s="14" t="s">
        <v>61</v>
      </c>
      <c r="G12663" s="16">
        <v>0</v>
      </c>
    </row>
    <row r="12664" spans="1:7" x14ac:dyDescent="0.3">
      <c r="A12664" s="13" t="s">
        <v>95</v>
      </c>
      <c r="B12664" s="14" t="s">
        <v>1</v>
      </c>
      <c r="C12664" s="14" t="s">
        <v>96</v>
      </c>
      <c r="D12664" s="14" t="s">
        <v>97</v>
      </c>
      <c r="E12664" s="15">
        <v>45630</v>
      </c>
      <c r="F12664" s="14" t="s">
        <v>61</v>
      </c>
      <c r="G12664" s="16">
        <v>0</v>
      </c>
    </row>
    <row r="12665" spans="1:7" x14ac:dyDescent="0.3">
      <c r="A12665" s="13" t="s">
        <v>95</v>
      </c>
      <c r="B12665" s="14" t="s">
        <v>1</v>
      </c>
      <c r="C12665" s="14" t="s">
        <v>96</v>
      </c>
      <c r="D12665" s="14" t="s">
        <v>97</v>
      </c>
      <c r="E12665" s="15">
        <v>45631</v>
      </c>
      <c r="F12665" s="14" t="s">
        <v>61</v>
      </c>
      <c r="G12665" s="16">
        <v>0</v>
      </c>
    </row>
    <row r="12666" spans="1:7" x14ac:dyDescent="0.3">
      <c r="A12666" s="13" t="s">
        <v>95</v>
      </c>
      <c r="B12666" s="14" t="s">
        <v>1</v>
      </c>
      <c r="C12666" s="14" t="s">
        <v>96</v>
      </c>
      <c r="D12666" s="14" t="s">
        <v>97</v>
      </c>
      <c r="E12666" s="15">
        <v>45632</v>
      </c>
      <c r="F12666" s="14" t="s">
        <v>61</v>
      </c>
      <c r="G12666" s="16">
        <v>0</v>
      </c>
    </row>
    <row r="12667" spans="1:7" x14ac:dyDescent="0.3">
      <c r="A12667" s="13" t="s">
        <v>95</v>
      </c>
      <c r="B12667" s="14" t="s">
        <v>1</v>
      </c>
      <c r="C12667" s="14" t="s">
        <v>96</v>
      </c>
      <c r="D12667" s="14" t="s">
        <v>97</v>
      </c>
      <c r="E12667" s="15">
        <v>45633</v>
      </c>
      <c r="F12667" s="14" t="s">
        <v>61</v>
      </c>
      <c r="G12667" s="16">
        <v>0</v>
      </c>
    </row>
    <row r="12668" spans="1:7" x14ac:dyDescent="0.3">
      <c r="A12668" s="13" t="s">
        <v>95</v>
      </c>
      <c r="B12668" s="14" t="s">
        <v>1</v>
      </c>
      <c r="C12668" s="14" t="s">
        <v>96</v>
      </c>
      <c r="D12668" s="14" t="s">
        <v>97</v>
      </c>
      <c r="E12668" s="15">
        <v>45634</v>
      </c>
      <c r="F12668" s="14" t="s">
        <v>61</v>
      </c>
      <c r="G12668" s="16">
        <v>0</v>
      </c>
    </row>
    <row r="12669" spans="1:7" x14ac:dyDescent="0.3">
      <c r="A12669" s="13" t="s">
        <v>95</v>
      </c>
      <c r="B12669" s="14" t="s">
        <v>1</v>
      </c>
      <c r="C12669" s="14" t="s">
        <v>96</v>
      </c>
      <c r="D12669" s="14" t="s">
        <v>97</v>
      </c>
      <c r="E12669" s="15">
        <v>45635</v>
      </c>
      <c r="F12669" s="14" t="s">
        <v>61</v>
      </c>
      <c r="G12669" s="16">
        <v>0</v>
      </c>
    </row>
    <row r="12670" spans="1:7" x14ac:dyDescent="0.3">
      <c r="A12670" s="13" t="s">
        <v>95</v>
      </c>
      <c r="B12670" s="14" t="s">
        <v>1</v>
      </c>
      <c r="C12670" s="14" t="s">
        <v>96</v>
      </c>
      <c r="D12670" s="14" t="s">
        <v>97</v>
      </c>
      <c r="E12670" s="15">
        <v>45636</v>
      </c>
      <c r="F12670" s="14" t="s">
        <v>61</v>
      </c>
      <c r="G12670" s="16">
        <v>0</v>
      </c>
    </row>
    <row r="12671" spans="1:7" x14ac:dyDescent="0.3">
      <c r="A12671" s="13" t="s">
        <v>95</v>
      </c>
      <c r="B12671" s="14" t="s">
        <v>1</v>
      </c>
      <c r="C12671" s="14" t="s">
        <v>96</v>
      </c>
      <c r="D12671" s="14" t="s">
        <v>97</v>
      </c>
      <c r="E12671" s="15">
        <v>45637</v>
      </c>
      <c r="F12671" s="14" t="s">
        <v>61</v>
      </c>
      <c r="G12671" s="16">
        <v>0</v>
      </c>
    </row>
    <row r="12672" spans="1:7" x14ac:dyDescent="0.3">
      <c r="A12672" s="13" t="s">
        <v>95</v>
      </c>
      <c r="B12672" s="14" t="s">
        <v>1</v>
      </c>
      <c r="C12672" s="14" t="s">
        <v>96</v>
      </c>
      <c r="D12672" s="14" t="s">
        <v>97</v>
      </c>
      <c r="E12672" s="15">
        <v>45638</v>
      </c>
      <c r="F12672" s="14" t="s">
        <v>61</v>
      </c>
      <c r="G12672" s="16">
        <v>0</v>
      </c>
    </row>
    <row r="12673" spans="1:7" x14ac:dyDescent="0.3">
      <c r="A12673" s="13" t="s">
        <v>95</v>
      </c>
      <c r="B12673" s="14" t="s">
        <v>1</v>
      </c>
      <c r="C12673" s="14" t="s">
        <v>96</v>
      </c>
      <c r="D12673" s="14" t="s">
        <v>97</v>
      </c>
      <c r="E12673" s="15">
        <v>45639</v>
      </c>
      <c r="F12673" s="14" t="s">
        <v>61</v>
      </c>
      <c r="G12673" s="16">
        <v>0</v>
      </c>
    </row>
    <row r="12674" spans="1:7" x14ac:dyDescent="0.3">
      <c r="A12674" s="13" t="s">
        <v>95</v>
      </c>
      <c r="B12674" s="14" t="s">
        <v>1</v>
      </c>
      <c r="C12674" s="14" t="s">
        <v>96</v>
      </c>
      <c r="D12674" s="14" t="s">
        <v>97</v>
      </c>
      <c r="E12674" s="15">
        <v>45640</v>
      </c>
      <c r="F12674" s="14" t="s">
        <v>61</v>
      </c>
      <c r="G12674" s="16">
        <v>0</v>
      </c>
    </row>
    <row r="12675" spans="1:7" x14ac:dyDescent="0.3">
      <c r="A12675" s="13" t="s">
        <v>95</v>
      </c>
      <c r="B12675" s="14" t="s">
        <v>1</v>
      </c>
      <c r="C12675" s="14" t="s">
        <v>96</v>
      </c>
      <c r="D12675" s="14" t="s">
        <v>97</v>
      </c>
      <c r="E12675" s="15">
        <v>45641</v>
      </c>
      <c r="F12675" s="14" t="s">
        <v>61</v>
      </c>
      <c r="G12675" s="16">
        <v>0</v>
      </c>
    </row>
    <row r="12676" spans="1:7" x14ac:dyDescent="0.3">
      <c r="A12676" s="13" t="s">
        <v>95</v>
      </c>
      <c r="B12676" s="14" t="s">
        <v>1</v>
      </c>
      <c r="C12676" s="14" t="s">
        <v>96</v>
      </c>
      <c r="D12676" s="14" t="s">
        <v>97</v>
      </c>
      <c r="E12676" s="15">
        <v>45642</v>
      </c>
      <c r="F12676" s="14" t="s">
        <v>61</v>
      </c>
      <c r="G12676" s="16">
        <v>0</v>
      </c>
    </row>
    <row r="12677" spans="1:7" x14ac:dyDescent="0.3">
      <c r="A12677" s="13" t="s">
        <v>95</v>
      </c>
      <c r="B12677" s="14" t="s">
        <v>1</v>
      </c>
      <c r="C12677" s="14" t="s">
        <v>96</v>
      </c>
      <c r="D12677" s="14" t="s">
        <v>97</v>
      </c>
      <c r="E12677" s="15">
        <v>45643</v>
      </c>
      <c r="F12677" s="14" t="s">
        <v>61</v>
      </c>
      <c r="G12677" s="16">
        <v>0</v>
      </c>
    </row>
    <row r="12678" spans="1:7" x14ac:dyDescent="0.3">
      <c r="A12678" s="13" t="s">
        <v>95</v>
      </c>
      <c r="B12678" s="14" t="s">
        <v>1</v>
      </c>
      <c r="C12678" s="14" t="s">
        <v>96</v>
      </c>
      <c r="D12678" s="14" t="s">
        <v>97</v>
      </c>
      <c r="E12678" s="15">
        <v>45644</v>
      </c>
      <c r="F12678" s="14" t="s">
        <v>61</v>
      </c>
      <c r="G12678" s="16">
        <v>0</v>
      </c>
    </row>
    <row r="12679" spans="1:7" x14ac:dyDescent="0.3">
      <c r="A12679" s="13" t="s">
        <v>95</v>
      </c>
      <c r="B12679" s="14" t="s">
        <v>1</v>
      </c>
      <c r="C12679" s="14" t="s">
        <v>96</v>
      </c>
      <c r="D12679" s="14" t="s">
        <v>97</v>
      </c>
      <c r="E12679" s="15">
        <v>45645</v>
      </c>
      <c r="F12679" s="14" t="s">
        <v>61</v>
      </c>
      <c r="G12679" s="16">
        <v>0</v>
      </c>
    </row>
    <row r="12680" spans="1:7" x14ac:dyDescent="0.3">
      <c r="A12680" s="13" t="s">
        <v>95</v>
      </c>
      <c r="B12680" s="14" t="s">
        <v>1</v>
      </c>
      <c r="C12680" s="14" t="s">
        <v>96</v>
      </c>
      <c r="D12680" s="14" t="s">
        <v>97</v>
      </c>
      <c r="E12680" s="15">
        <v>45646</v>
      </c>
      <c r="F12680" s="14" t="s">
        <v>61</v>
      </c>
      <c r="G12680" s="16">
        <v>0</v>
      </c>
    </row>
    <row r="12681" spans="1:7" x14ac:dyDescent="0.3">
      <c r="A12681" s="13" t="s">
        <v>95</v>
      </c>
      <c r="B12681" s="14" t="s">
        <v>1</v>
      </c>
      <c r="C12681" s="14" t="s">
        <v>96</v>
      </c>
      <c r="D12681" s="14" t="s">
        <v>97</v>
      </c>
      <c r="E12681" s="15">
        <v>45647</v>
      </c>
      <c r="F12681" s="14" t="s">
        <v>61</v>
      </c>
      <c r="G12681" s="16">
        <v>0</v>
      </c>
    </row>
    <row r="12682" spans="1:7" x14ac:dyDescent="0.3">
      <c r="A12682" s="13" t="s">
        <v>95</v>
      </c>
      <c r="B12682" s="14" t="s">
        <v>1</v>
      </c>
      <c r="C12682" s="14" t="s">
        <v>96</v>
      </c>
      <c r="D12682" s="14" t="s">
        <v>97</v>
      </c>
      <c r="E12682" s="15">
        <v>45648</v>
      </c>
      <c r="F12682" s="14" t="s">
        <v>61</v>
      </c>
      <c r="G12682" s="16">
        <v>0</v>
      </c>
    </row>
    <row r="12683" spans="1:7" x14ac:dyDescent="0.3">
      <c r="A12683" s="13" t="s">
        <v>95</v>
      </c>
      <c r="B12683" s="14" t="s">
        <v>1</v>
      </c>
      <c r="C12683" s="14" t="s">
        <v>96</v>
      </c>
      <c r="D12683" s="14" t="s">
        <v>97</v>
      </c>
      <c r="E12683" s="15">
        <v>45649</v>
      </c>
      <c r="F12683" s="14" t="s">
        <v>61</v>
      </c>
      <c r="G12683" s="16">
        <v>0</v>
      </c>
    </row>
    <row r="12684" spans="1:7" x14ac:dyDescent="0.3">
      <c r="A12684" s="13" t="s">
        <v>95</v>
      </c>
      <c r="B12684" s="14" t="s">
        <v>1</v>
      </c>
      <c r="C12684" s="14" t="s">
        <v>96</v>
      </c>
      <c r="D12684" s="14" t="s">
        <v>97</v>
      </c>
      <c r="E12684" s="15">
        <v>45650</v>
      </c>
      <c r="F12684" s="14" t="s">
        <v>61</v>
      </c>
      <c r="G12684" s="16">
        <v>0</v>
      </c>
    </row>
    <row r="12685" spans="1:7" x14ac:dyDescent="0.3">
      <c r="A12685" s="13" t="s">
        <v>95</v>
      </c>
      <c r="B12685" s="14" t="s">
        <v>1</v>
      </c>
      <c r="C12685" s="14" t="s">
        <v>96</v>
      </c>
      <c r="D12685" s="14" t="s">
        <v>97</v>
      </c>
      <c r="E12685" s="15">
        <v>45651</v>
      </c>
      <c r="F12685" s="14" t="s">
        <v>61</v>
      </c>
      <c r="G12685" s="16">
        <v>0</v>
      </c>
    </row>
    <row r="12686" spans="1:7" x14ac:dyDescent="0.3">
      <c r="A12686" s="13" t="s">
        <v>95</v>
      </c>
      <c r="B12686" s="14" t="s">
        <v>1</v>
      </c>
      <c r="C12686" s="14" t="s">
        <v>96</v>
      </c>
      <c r="D12686" s="14" t="s">
        <v>97</v>
      </c>
      <c r="E12686" s="15">
        <v>45652</v>
      </c>
      <c r="F12686" s="14" t="s">
        <v>61</v>
      </c>
      <c r="G12686" s="16">
        <v>0</v>
      </c>
    </row>
    <row r="12687" spans="1:7" x14ac:dyDescent="0.3">
      <c r="A12687" s="13" t="s">
        <v>95</v>
      </c>
      <c r="B12687" s="14" t="s">
        <v>1</v>
      </c>
      <c r="C12687" s="14" t="s">
        <v>96</v>
      </c>
      <c r="D12687" s="14" t="s">
        <v>97</v>
      </c>
      <c r="E12687" s="15">
        <v>45653</v>
      </c>
      <c r="F12687" s="14" t="s">
        <v>61</v>
      </c>
      <c r="G12687" s="16">
        <v>0</v>
      </c>
    </row>
    <row r="12688" spans="1:7" x14ac:dyDescent="0.3">
      <c r="A12688" s="13" t="s">
        <v>95</v>
      </c>
      <c r="B12688" s="14" t="s">
        <v>1</v>
      </c>
      <c r="C12688" s="14" t="s">
        <v>96</v>
      </c>
      <c r="D12688" s="14" t="s">
        <v>97</v>
      </c>
      <c r="E12688" s="15">
        <v>45654</v>
      </c>
      <c r="F12688" s="14" t="s">
        <v>61</v>
      </c>
      <c r="G12688" s="16">
        <v>0</v>
      </c>
    </row>
    <row r="12689" spans="1:7" x14ac:dyDescent="0.3">
      <c r="A12689" s="13" t="s">
        <v>95</v>
      </c>
      <c r="B12689" s="14" t="s">
        <v>1</v>
      </c>
      <c r="C12689" s="14" t="s">
        <v>96</v>
      </c>
      <c r="D12689" s="14" t="s">
        <v>97</v>
      </c>
      <c r="E12689" s="15">
        <v>45655</v>
      </c>
      <c r="F12689" s="14" t="s">
        <v>61</v>
      </c>
      <c r="G12689" s="16">
        <v>0</v>
      </c>
    </row>
    <row r="12690" spans="1:7" x14ac:dyDescent="0.3">
      <c r="A12690" s="13" t="s">
        <v>95</v>
      </c>
      <c r="B12690" s="14" t="s">
        <v>1</v>
      </c>
      <c r="C12690" s="14" t="s">
        <v>96</v>
      </c>
      <c r="D12690" s="14" t="s">
        <v>97</v>
      </c>
      <c r="E12690" s="15">
        <v>45656</v>
      </c>
      <c r="F12690" s="14" t="s">
        <v>61</v>
      </c>
      <c r="G12690" s="16">
        <v>0</v>
      </c>
    </row>
    <row r="12691" spans="1:7" x14ac:dyDescent="0.3">
      <c r="A12691" s="13" t="s">
        <v>95</v>
      </c>
      <c r="B12691" s="14" t="s">
        <v>1</v>
      </c>
      <c r="C12691" s="14" t="s">
        <v>96</v>
      </c>
      <c r="D12691" s="14" t="s">
        <v>97</v>
      </c>
      <c r="E12691" s="15">
        <v>45657</v>
      </c>
      <c r="F12691" s="14" t="s">
        <v>61</v>
      </c>
      <c r="G12691" s="16">
        <v>0</v>
      </c>
    </row>
    <row r="12692" spans="1:7" x14ac:dyDescent="0.3">
      <c r="A12692" s="13" t="s">
        <v>95</v>
      </c>
      <c r="B12692" s="14" t="s">
        <v>1</v>
      </c>
      <c r="C12692" s="14" t="s">
        <v>96</v>
      </c>
      <c r="D12692" s="14" t="s">
        <v>97</v>
      </c>
      <c r="E12692" s="15">
        <v>45658</v>
      </c>
      <c r="F12692" s="14" t="s">
        <v>61</v>
      </c>
      <c r="G12692" s="16">
        <v>0</v>
      </c>
    </row>
    <row r="12693" spans="1:7" x14ac:dyDescent="0.3">
      <c r="A12693" s="13" t="s">
        <v>95</v>
      </c>
      <c r="B12693" s="14" t="s">
        <v>1</v>
      </c>
      <c r="C12693" s="14" t="s">
        <v>96</v>
      </c>
      <c r="D12693" s="14" t="s">
        <v>97</v>
      </c>
      <c r="E12693" s="15">
        <v>45659</v>
      </c>
      <c r="F12693" s="14" t="s">
        <v>61</v>
      </c>
      <c r="G12693" s="16">
        <v>0</v>
      </c>
    </row>
    <row r="12694" spans="1:7" x14ac:dyDescent="0.3">
      <c r="A12694" s="13" t="s">
        <v>95</v>
      </c>
      <c r="B12694" s="14" t="s">
        <v>1</v>
      </c>
      <c r="C12694" s="14" t="s">
        <v>96</v>
      </c>
      <c r="D12694" s="14" t="s">
        <v>97</v>
      </c>
      <c r="E12694" s="15">
        <v>45660</v>
      </c>
      <c r="F12694" s="14" t="s">
        <v>61</v>
      </c>
      <c r="G12694" s="16">
        <v>0</v>
      </c>
    </row>
    <row r="12695" spans="1:7" x14ac:dyDescent="0.3">
      <c r="A12695" s="13" t="s">
        <v>95</v>
      </c>
      <c r="B12695" s="14" t="s">
        <v>1</v>
      </c>
      <c r="C12695" s="14" t="s">
        <v>96</v>
      </c>
      <c r="D12695" s="14" t="s">
        <v>97</v>
      </c>
      <c r="E12695" s="15">
        <v>45661</v>
      </c>
      <c r="F12695" s="14" t="s">
        <v>61</v>
      </c>
      <c r="G12695" s="16">
        <v>0</v>
      </c>
    </row>
    <row r="12696" spans="1:7" x14ac:dyDescent="0.3">
      <c r="A12696" s="13" t="s">
        <v>95</v>
      </c>
      <c r="B12696" s="14" t="s">
        <v>1</v>
      </c>
      <c r="C12696" s="14" t="s">
        <v>96</v>
      </c>
      <c r="D12696" s="14" t="s">
        <v>97</v>
      </c>
      <c r="E12696" s="15">
        <v>45662</v>
      </c>
      <c r="F12696" s="14" t="s">
        <v>61</v>
      </c>
      <c r="G12696" s="16">
        <v>0</v>
      </c>
    </row>
    <row r="12697" spans="1:7" x14ac:dyDescent="0.3">
      <c r="A12697" s="13" t="s">
        <v>95</v>
      </c>
      <c r="B12697" s="14" t="s">
        <v>1</v>
      </c>
      <c r="C12697" s="14" t="s">
        <v>96</v>
      </c>
      <c r="D12697" s="14" t="s">
        <v>97</v>
      </c>
      <c r="E12697" s="15">
        <v>45663</v>
      </c>
      <c r="F12697" s="14" t="s">
        <v>61</v>
      </c>
      <c r="G12697" s="16">
        <v>0</v>
      </c>
    </row>
    <row r="12698" spans="1:7" x14ac:dyDescent="0.3">
      <c r="A12698" s="13" t="s">
        <v>95</v>
      </c>
      <c r="B12698" s="14" t="s">
        <v>1</v>
      </c>
      <c r="C12698" s="14" t="s">
        <v>96</v>
      </c>
      <c r="D12698" s="14" t="s">
        <v>97</v>
      </c>
      <c r="E12698" s="15">
        <v>45664</v>
      </c>
      <c r="F12698" s="14" t="s">
        <v>61</v>
      </c>
      <c r="G12698" s="16">
        <v>0</v>
      </c>
    </row>
    <row r="12699" spans="1:7" x14ac:dyDescent="0.3">
      <c r="A12699" s="13" t="s">
        <v>95</v>
      </c>
      <c r="B12699" s="14" t="s">
        <v>1</v>
      </c>
      <c r="C12699" s="14" t="s">
        <v>96</v>
      </c>
      <c r="D12699" s="14" t="s">
        <v>97</v>
      </c>
      <c r="E12699" s="15">
        <v>45665</v>
      </c>
      <c r="F12699" s="14" t="s">
        <v>61</v>
      </c>
      <c r="G12699" s="16">
        <v>0</v>
      </c>
    </row>
    <row r="12700" spans="1:7" x14ac:dyDescent="0.3">
      <c r="A12700" s="13" t="s">
        <v>95</v>
      </c>
      <c r="B12700" s="14" t="s">
        <v>1</v>
      </c>
      <c r="C12700" s="14" t="s">
        <v>96</v>
      </c>
      <c r="D12700" s="14" t="s">
        <v>97</v>
      </c>
      <c r="E12700" s="15">
        <v>45666</v>
      </c>
      <c r="F12700" s="14" t="s">
        <v>61</v>
      </c>
      <c r="G12700" s="16">
        <v>0</v>
      </c>
    </row>
    <row r="12701" spans="1:7" x14ac:dyDescent="0.3">
      <c r="A12701" s="13" t="s">
        <v>95</v>
      </c>
      <c r="B12701" s="14" t="s">
        <v>1</v>
      </c>
      <c r="C12701" s="14" t="s">
        <v>96</v>
      </c>
      <c r="D12701" s="14" t="s">
        <v>97</v>
      </c>
      <c r="E12701" s="15">
        <v>45667</v>
      </c>
      <c r="F12701" s="14" t="s">
        <v>61</v>
      </c>
      <c r="G12701" s="16">
        <v>0</v>
      </c>
    </row>
    <row r="12702" spans="1:7" x14ac:dyDescent="0.3">
      <c r="A12702" s="13" t="s">
        <v>95</v>
      </c>
      <c r="B12702" s="14" t="s">
        <v>1</v>
      </c>
      <c r="C12702" s="14" t="s">
        <v>96</v>
      </c>
      <c r="D12702" s="14" t="s">
        <v>97</v>
      </c>
      <c r="E12702" s="15">
        <v>45668</v>
      </c>
      <c r="F12702" s="14" t="s">
        <v>61</v>
      </c>
      <c r="G12702" s="16">
        <v>0</v>
      </c>
    </row>
    <row r="12703" spans="1:7" x14ac:dyDescent="0.3">
      <c r="A12703" s="13" t="s">
        <v>95</v>
      </c>
      <c r="B12703" s="14" t="s">
        <v>1</v>
      </c>
      <c r="C12703" s="14" t="s">
        <v>96</v>
      </c>
      <c r="D12703" s="14" t="s">
        <v>97</v>
      </c>
      <c r="E12703" s="15">
        <v>45669</v>
      </c>
      <c r="F12703" s="14" t="s">
        <v>61</v>
      </c>
      <c r="G12703" s="16">
        <v>0</v>
      </c>
    </row>
    <row r="12704" spans="1:7" x14ac:dyDescent="0.3">
      <c r="A12704" s="13" t="s">
        <v>95</v>
      </c>
      <c r="B12704" s="14" t="s">
        <v>1</v>
      </c>
      <c r="C12704" s="14" t="s">
        <v>96</v>
      </c>
      <c r="D12704" s="14" t="s">
        <v>97</v>
      </c>
      <c r="E12704" s="15">
        <v>45670</v>
      </c>
      <c r="F12704" s="14" t="s">
        <v>61</v>
      </c>
      <c r="G12704" s="16">
        <v>0</v>
      </c>
    </row>
    <row r="12705" spans="1:7" x14ac:dyDescent="0.3">
      <c r="A12705" s="13" t="s">
        <v>95</v>
      </c>
      <c r="B12705" s="14" t="s">
        <v>1</v>
      </c>
      <c r="C12705" s="14" t="s">
        <v>96</v>
      </c>
      <c r="D12705" s="14" t="s">
        <v>97</v>
      </c>
      <c r="E12705" s="15">
        <v>45671</v>
      </c>
      <c r="F12705" s="14" t="s">
        <v>61</v>
      </c>
      <c r="G12705" s="16">
        <v>0</v>
      </c>
    </row>
    <row r="12706" spans="1:7" x14ac:dyDescent="0.3">
      <c r="A12706" s="13" t="s">
        <v>95</v>
      </c>
      <c r="B12706" s="14" t="s">
        <v>1</v>
      </c>
      <c r="C12706" s="14" t="s">
        <v>96</v>
      </c>
      <c r="D12706" s="14" t="s">
        <v>97</v>
      </c>
      <c r="E12706" s="15">
        <v>45672</v>
      </c>
      <c r="F12706" s="14" t="s">
        <v>61</v>
      </c>
      <c r="G12706" s="16">
        <v>0</v>
      </c>
    </row>
    <row r="12707" spans="1:7" x14ac:dyDescent="0.3">
      <c r="A12707" s="13" t="s">
        <v>95</v>
      </c>
      <c r="B12707" s="14" t="s">
        <v>1</v>
      </c>
      <c r="C12707" s="14" t="s">
        <v>96</v>
      </c>
      <c r="D12707" s="14" t="s">
        <v>97</v>
      </c>
      <c r="E12707" s="15">
        <v>45673</v>
      </c>
      <c r="F12707" s="14" t="s">
        <v>61</v>
      </c>
      <c r="G12707" s="16">
        <v>0</v>
      </c>
    </row>
    <row r="12708" spans="1:7" x14ac:dyDescent="0.3">
      <c r="A12708" s="13" t="s">
        <v>95</v>
      </c>
      <c r="B12708" s="14" t="s">
        <v>1</v>
      </c>
      <c r="C12708" s="14" t="s">
        <v>96</v>
      </c>
      <c r="D12708" s="14" t="s">
        <v>97</v>
      </c>
      <c r="E12708" s="15">
        <v>45674</v>
      </c>
      <c r="F12708" s="14" t="s">
        <v>61</v>
      </c>
      <c r="G12708" s="16">
        <v>0</v>
      </c>
    </row>
    <row r="12709" spans="1:7" x14ac:dyDescent="0.3">
      <c r="A12709" s="13" t="s">
        <v>95</v>
      </c>
      <c r="B12709" s="14" t="s">
        <v>1</v>
      </c>
      <c r="C12709" s="14" t="s">
        <v>96</v>
      </c>
      <c r="D12709" s="14" t="s">
        <v>97</v>
      </c>
      <c r="E12709" s="15">
        <v>45675</v>
      </c>
      <c r="F12709" s="14" t="s">
        <v>61</v>
      </c>
      <c r="G12709" s="16">
        <v>0</v>
      </c>
    </row>
    <row r="12710" spans="1:7" x14ac:dyDescent="0.3">
      <c r="A12710" s="13" t="s">
        <v>95</v>
      </c>
      <c r="B12710" s="14" t="s">
        <v>1</v>
      </c>
      <c r="C12710" s="14" t="s">
        <v>96</v>
      </c>
      <c r="D12710" s="14" t="s">
        <v>97</v>
      </c>
      <c r="E12710" s="15">
        <v>45676</v>
      </c>
      <c r="F12710" s="14" t="s">
        <v>61</v>
      </c>
      <c r="G12710" s="16">
        <v>0</v>
      </c>
    </row>
    <row r="12711" spans="1:7" x14ac:dyDescent="0.3">
      <c r="A12711" s="13" t="s">
        <v>95</v>
      </c>
      <c r="B12711" s="14" t="s">
        <v>1</v>
      </c>
      <c r="C12711" s="14" t="s">
        <v>96</v>
      </c>
      <c r="D12711" s="14" t="s">
        <v>97</v>
      </c>
      <c r="E12711" s="15">
        <v>45677</v>
      </c>
      <c r="F12711" s="14" t="s">
        <v>61</v>
      </c>
      <c r="G12711" s="16">
        <v>0</v>
      </c>
    </row>
    <row r="12712" spans="1:7" x14ac:dyDescent="0.3">
      <c r="A12712" s="13" t="s">
        <v>95</v>
      </c>
      <c r="B12712" s="14" t="s">
        <v>1</v>
      </c>
      <c r="C12712" s="14" t="s">
        <v>96</v>
      </c>
      <c r="D12712" s="14" t="s">
        <v>97</v>
      </c>
      <c r="E12712" s="15">
        <v>45678</v>
      </c>
      <c r="F12712" s="14" t="s">
        <v>61</v>
      </c>
      <c r="G12712" s="16">
        <v>0</v>
      </c>
    </row>
    <row r="12713" spans="1:7" x14ac:dyDescent="0.3">
      <c r="A12713" s="13" t="s">
        <v>95</v>
      </c>
      <c r="B12713" s="14" t="s">
        <v>1</v>
      </c>
      <c r="C12713" s="14" t="s">
        <v>96</v>
      </c>
      <c r="D12713" s="14" t="s">
        <v>97</v>
      </c>
      <c r="E12713" s="15">
        <v>45679</v>
      </c>
      <c r="F12713" s="14" t="s">
        <v>61</v>
      </c>
      <c r="G12713" s="16">
        <v>0</v>
      </c>
    </row>
    <row r="12714" spans="1:7" x14ac:dyDescent="0.3">
      <c r="A12714" s="13" t="s">
        <v>95</v>
      </c>
      <c r="B12714" s="14" t="s">
        <v>1</v>
      </c>
      <c r="C12714" s="14" t="s">
        <v>96</v>
      </c>
      <c r="D12714" s="14" t="s">
        <v>97</v>
      </c>
      <c r="E12714" s="15">
        <v>45680</v>
      </c>
      <c r="F12714" s="14" t="s">
        <v>61</v>
      </c>
      <c r="G12714" s="16">
        <v>0</v>
      </c>
    </row>
    <row r="12715" spans="1:7" x14ac:dyDescent="0.3">
      <c r="A12715" s="13" t="s">
        <v>95</v>
      </c>
      <c r="B12715" s="14" t="s">
        <v>1</v>
      </c>
      <c r="C12715" s="14" t="s">
        <v>96</v>
      </c>
      <c r="D12715" s="14" t="s">
        <v>97</v>
      </c>
      <c r="E12715" s="15">
        <v>45681</v>
      </c>
      <c r="F12715" s="14" t="s">
        <v>61</v>
      </c>
      <c r="G12715" s="16">
        <v>0</v>
      </c>
    </row>
    <row r="12716" spans="1:7" x14ac:dyDescent="0.3">
      <c r="A12716" s="13" t="s">
        <v>95</v>
      </c>
      <c r="B12716" s="14" t="s">
        <v>1</v>
      </c>
      <c r="C12716" s="14" t="s">
        <v>96</v>
      </c>
      <c r="D12716" s="14" t="s">
        <v>97</v>
      </c>
      <c r="E12716" s="15">
        <v>45682</v>
      </c>
      <c r="F12716" s="14" t="s">
        <v>61</v>
      </c>
      <c r="G12716" s="16">
        <v>0</v>
      </c>
    </row>
    <row r="12717" spans="1:7" x14ac:dyDescent="0.3">
      <c r="A12717" s="13" t="s">
        <v>95</v>
      </c>
      <c r="B12717" s="14" t="s">
        <v>1</v>
      </c>
      <c r="C12717" s="14" t="s">
        <v>96</v>
      </c>
      <c r="D12717" s="14" t="s">
        <v>97</v>
      </c>
      <c r="E12717" s="15">
        <v>45683</v>
      </c>
      <c r="F12717" s="14" t="s">
        <v>61</v>
      </c>
      <c r="G12717" s="16">
        <v>0</v>
      </c>
    </row>
    <row r="12718" spans="1:7" x14ac:dyDescent="0.3">
      <c r="A12718" s="13" t="s">
        <v>95</v>
      </c>
      <c r="B12718" s="14" t="s">
        <v>1</v>
      </c>
      <c r="C12718" s="14" t="s">
        <v>96</v>
      </c>
      <c r="D12718" s="14" t="s">
        <v>97</v>
      </c>
      <c r="E12718" s="15">
        <v>45684</v>
      </c>
      <c r="F12718" s="14" t="s">
        <v>61</v>
      </c>
      <c r="G12718" s="16">
        <v>0</v>
      </c>
    </row>
    <row r="12719" spans="1:7" x14ac:dyDescent="0.3">
      <c r="A12719" s="13" t="s">
        <v>95</v>
      </c>
      <c r="B12719" s="14" t="s">
        <v>1</v>
      </c>
      <c r="C12719" s="14" t="s">
        <v>96</v>
      </c>
      <c r="D12719" s="14" t="s">
        <v>97</v>
      </c>
      <c r="E12719" s="15">
        <v>45685</v>
      </c>
      <c r="F12719" s="14" t="s">
        <v>61</v>
      </c>
      <c r="G12719" s="16">
        <v>0</v>
      </c>
    </row>
    <row r="12720" spans="1:7" x14ac:dyDescent="0.3">
      <c r="A12720" s="13" t="s">
        <v>95</v>
      </c>
      <c r="B12720" s="14" t="s">
        <v>1</v>
      </c>
      <c r="C12720" s="14" t="s">
        <v>96</v>
      </c>
      <c r="D12720" s="14" t="s">
        <v>97</v>
      </c>
      <c r="E12720" s="15">
        <v>45686</v>
      </c>
      <c r="F12720" s="14" t="s">
        <v>61</v>
      </c>
      <c r="G12720" s="16">
        <v>0</v>
      </c>
    </row>
    <row r="12721" spans="1:7" x14ac:dyDescent="0.3">
      <c r="A12721" s="13" t="s">
        <v>95</v>
      </c>
      <c r="B12721" s="14" t="s">
        <v>1</v>
      </c>
      <c r="C12721" s="14" t="s">
        <v>96</v>
      </c>
      <c r="D12721" s="14" t="s">
        <v>97</v>
      </c>
      <c r="E12721" s="15">
        <v>45687</v>
      </c>
      <c r="F12721" s="14" t="s">
        <v>61</v>
      </c>
      <c r="G12721" s="16">
        <v>0</v>
      </c>
    </row>
    <row r="12722" spans="1:7" x14ac:dyDescent="0.3">
      <c r="A12722" s="13" t="s">
        <v>95</v>
      </c>
      <c r="B12722" s="14" t="s">
        <v>1</v>
      </c>
      <c r="C12722" s="14" t="s">
        <v>96</v>
      </c>
      <c r="D12722" s="14" t="s">
        <v>97</v>
      </c>
      <c r="E12722" s="15">
        <v>45688</v>
      </c>
      <c r="F12722" s="14" t="s">
        <v>61</v>
      </c>
      <c r="G12722" s="16">
        <v>0</v>
      </c>
    </row>
    <row r="12723" spans="1:7" x14ac:dyDescent="0.3">
      <c r="A12723" s="13" t="s">
        <v>95</v>
      </c>
      <c r="B12723" s="14" t="s">
        <v>1</v>
      </c>
      <c r="C12723" s="14" t="s">
        <v>96</v>
      </c>
      <c r="D12723" s="14" t="s">
        <v>97</v>
      </c>
      <c r="E12723" s="15">
        <v>45689</v>
      </c>
      <c r="F12723" s="14" t="s">
        <v>61</v>
      </c>
      <c r="G12723" s="16">
        <v>0</v>
      </c>
    </row>
    <row r="12724" spans="1:7" x14ac:dyDescent="0.3">
      <c r="A12724" s="13" t="s">
        <v>95</v>
      </c>
      <c r="B12724" s="14" t="s">
        <v>1</v>
      </c>
      <c r="C12724" s="14" t="s">
        <v>96</v>
      </c>
      <c r="D12724" s="14" t="s">
        <v>97</v>
      </c>
      <c r="E12724" s="15">
        <v>45690</v>
      </c>
      <c r="F12724" s="14" t="s">
        <v>61</v>
      </c>
      <c r="G12724" s="16">
        <v>0</v>
      </c>
    </row>
    <row r="12725" spans="1:7" x14ac:dyDescent="0.3">
      <c r="A12725" s="13" t="s">
        <v>95</v>
      </c>
      <c r="B12725" s="14" t="s">
        <v>1</v>
      </c>
      <c r="C12725" s="14" t="s">
        <v>96</v>
      </c>
      <c r="D12725" s="14" t="s">
        <v>97</v>
      </c>
      <c r="E12725" s="15">
        <v>45691</v>
      </c>
      <c r="F12725" s="14" t="s">
        <v>61</v>
      </c>
      <c r="G12725" s="16">
        <v>0</v>
      </c>
    </row>
    <row r="12726" spans="1:7" x14ac:dyDescent="0.3">
      <c r="A12726" s="13" t="s">
        <v>95</v>
      </c>
      <c r="B12726" s="14" t="s">
        <v>1</v>
      </c>
      <c r="C12726" s="14" t="s">
        <v>96</v>
      </c>
      <c r="D12726" s="14" t="s">
        <v>97</v>
      </c>
      <c r="E12726" s="15">
        <v>45692</v>
      </c>
      <c r="F12726" s="14" t="s">
        <v>61</v>
      </c>
      <c r="G12726" s="16">
        <v>0</v>
      </c>
    </row>
    <row r="12727" spans="1:7" x14ac:dyDescent="0.3">
      <c r="A12727" s="13" t="s">
        <v>95</v>
      </c>
      <c r="B12727" s="14" t="s">
        <v>1</v>
      </c>
      <c r="C12727" s="14" t="s">
        <v>96</v>
      </c>
      <c r="D12727" s="14" t="s">
        <v>97</v>
      </c>
      <c r="E12727" s="15">
        <v>45693</v>
      </c>
      <c r="F12727" s="14" t="s">
        <v>61</v>
      </c>
      <c r="G12727" s="16">
        <v>0</v>
      </c>
    </row>
    <row r="12728" spans="1:7" x14ac:dyDescent="0.3">
      <c r="A12728" s="13" t="s">
        <v>95</v>
      </c>
      <c r="B12728" s="14" t="s">
        <v>1</v>
      </c>
      <c r="C12728" s="14" t="s">
        <v>96</v>
      </c>
      <c r="D12728" s="14" t="s">
        <v>97</v>
      </c>
      <c r="E12728" s="15">
        <v>45694</v>
      </c>
      <c r="F12728" s="14" t="s">
        <v>61</v>
      </c>
      <c r="G12728" s="16">
        <v>0</v>
      </c>
    </row>
    <row r="12729" spans="1:7" x14ac:dyDescent="0.3">
      <c r="A12729" s="13" t="s">
        <v>95</v>
      </c>
      <c r="B12729" s="14" t="s">
        <v>1</v>
      </c>
      <c r="C12729" s="14" t="s">
        <v>96</v>
      </c>
      <c r="D12729" s="14" t="s">
        <v>97</v>
      </c>
      <c r="E12729" s="15">
        <v>45695</v>
      </c>
      <c r="F12729" s="14" t="s">
        <v>61</v>
      </c>
      <c r="G12729" s="16">
        <v>0</v>
      </c>
    </row>
    <row r="12730" spans="1:7" x14ac:dyDescent="0.3">
      <c r="A12730" s="13" t="s">
        <v>95</v>
      </c>
      <c r="B12730" s="14" t="s">
        <v>1</v>
      </c>
      <c r="C12730" s="14" t="s">
        <v>96</v>
      </c>
      <c r="D12730" s="14" t="s">
        <v>97</v>
      </c>
      <c r="E12730" s="15">
        <v>45696</v>
      </c>
      <c r="F12730" s="14" t="s">
        <v>61</v>
      </c>
      <c r="G12730" s="16">
        <v>0</v>
      </c>
    </row>
    <row r="12731" spans="1:7" x14ac:dyDescent="0.3">
      <c r="A12731" s="13" t="s">
        <v>95</v>
      </c>
      <c r="B12731" s="14" t="s">
        <v>1</v>
      </c>
      <c r="C12731" s="14" t="s">
        <v>96</v>
      </c>
      <c r="D12731" s="14" t="s">
        <v>97</v>
      </c>
      <c r="E12731" s="15">
        <v>45697</v>
      </c>
      <c r="F12731" s="14" t="s">
        <v>61</v>
      </c>
      <c r="G12731" s="16">
        <v>0</v>
      </c>
    </row>
    <row r="12732" spans="1:7" x14ac:dyDescent="0.3">
      <c r="A12732" s="13" t="s">
        <v>95</v>
      </c>
      <c r="B12732" s="14" t="s">
        <v>1</v>
      </c>
      <c r="C12732" s="14" t="s">
        <v>96</v>
      </c>
      <c r="D12732" s="14" t="s">
        <v>97</v>
      </c>
      <c r="E12732" s="15">
        <v>45698</v>
      </c>
      <c r="F12732" s="14" t="s">
        <v>61</v>
      </c>
      <c r="G12732" s="16">
        <v>0</v>
      </c>
    </row>
    <row r="12733" spans="1:7" x14ac:dyDescent="0.3">
      <c r="A12733" s="13" t="s">
        <v>95</v>
      </c>
      <c r="B12733" s="14" t="s">
        <v>1</v>
      </c>
      <c r="C12733" s="14" t="s">
        <v>96</v>
      </c>
      <c r="D12733" s="14" t="s">
        <v>97</v>
      </c>
      <c r="E12733" s="15">
        <v>45699</v>
      </c>
      <c r="F12733" s="14" t="s">
        <v>61</v>
      </c>
      <c r="G12733" s="16">
        <v>0</v>
      </c>
    </row>
    <row r="12734" spans="1:7" x14ac:dyDescent="0.3">
      <c r="A12734" s="13" t="s">
        <v>95</v>
      </c>
      <c r="B12734" s="14" t="s">
        <v>1</v>
      </c>
      <c r="C12734" s="14" t="s">
        <v>96</v>
      </c>
      <c r="D12734" s="14" t="s">
        <v>97</v>
      </c>
      <c r="E12734" s="15">
        <v>45700</v>
      </c>
      <c r="F12734" s="14" t="s">
        <v>61</v>
      </c>
      <c r="G12734" s="16">
        <v>0</v>
      </c>
    </row>
    <row r="12735" spans="1:7" x14ac:dyDescent="0.3">
      <c r="A12735" s="13" t="s">
        <v>95</v>
      </c>
      <c r="B12735" s="14" t="s">
        <v>1</v>
      </c>
      <c r="C12735" s="14" t="s">
        <v>96</v>
      </c>
      <c r="D12735" s="14" t="s">
        <v>97</v>
      </c>
      <c r="E12735" s="15">
        <v>45701</v>
      </c>
      <c r="F12735" s="14" t="s">
        <v>61</v>
      </c>
      <c r="G12735" s="16">
        <v>0</v>
      </c>
    </row>
    <row r="12736" spans="1:7" x14ac:dyDescent="0.3">
      <c r="A12736" s="13" t="s">
        <v>95</v>
      </c>
      <c r="B12736" s="14" t="s">
        <v>1</v>
      </c>
      <c r="C12736" s="14" t="s">
        <v>96</v>
      </c>
      <c r="D12736" s="14" t="s">
        <v>97</v>
      </c>
      <c r="E12736" s="15">
        <v>45702</v>
      </c>
      <c r="F12736" s="14" t="s">
        <v>61</v>
      </c>
      <c r="G12736" s="16">
        <v>0</v>
      </c>
    </row>
    <row r="12737" spans="1:7" x14ac:dyDescent="0.3">
      <c r="A12737" s="13" t="s">
        <v>95</v>
      </c>
      <c r="B12737" s="14" t="s">
        <v>1</v>
      </c>
      <c r="C12737" s="14" t="s">
        <v>96</v>
      </c>
      <c r="D12737" s="14" t="s">
        <v>97</v>
      </c>
      <c r="E12737" s="15">
        <v>45703</v>
      </c>
      <c r="F12737" s="14" t="s">
        <v>61</v>
      </c>
      <c r="G12737" s="16">
        <v>0</v>
      </c>
    </row>
    <row r="12738" spans="1:7" x14ac:dyDescent="0.3">
      <c r="A12738" s="13" t="s">
        <v>95</v>
      </c>
      <c r="B12738" s="14" t="s">
        <v>1</v>
      </c>
      <c r="C12738" s="14" t="s">
        <v>96</v>
      </c>
      <c r="D12738" s="14" t="s">
        <v>97</v>
      </c>
      <c r="E12738" s="15">
        <v>45704</v>
      </c>
      <c r="F12738" s="14" t="s">
        <v>61</v>
      </c>
      <c r="G12738" s="16">
        <v>0</v>
      </c>
    </row>
    <row r="12739" spans="1:7" x14ac:dyDescent="0.3">
      <c r="A12739" s="13" t="s">
        <v>95</v>
      </c>
      <c r="B12739" s="14" t="s">
        <v>1</v>
      </c>
      <c r="C12739" s="14" t="s">
        <v>96</v>
      </c>
      <c r="D12739" s="14" t="s">
        <v>97</v>
      </c>
      <c r="E12739" s="15">
        <v>45705</v>
      </c>
      <c r="F12739" s="14" t="s">
        <v>61</v>
      </c>
      <c r="G12739" s="16">
        <v>0</v>
      </c>
    </row>
    <row r="12740" spans="1:7" x14ac:dyDescent="0.3">
      <c r="A12740" s="13" t="s">
        <v>95</v>
      </c>
      <c r="B12740" s="14" t="s">
        <v>1</v>
      </c>
      <c r="C12740" s="14" t="s">
        <v>96</v>
      </c>
      <c r="D12740" s="14" t="s">
        <v>97</v>
      </c>
      <c r="E12740" s="15">
        <v>45706</v>
      </c>
      <c r="F12740" s="14" t="s">
        <v>61</v>
      </c>
      <c r="G12740" s="16">
        <v>0</v>
      </c>
    </row>
    <row r="12741" spans="1:7" x14ac:dyDescent="0.3">
      <c r="A12741" s="13" t="s">
        <v>95</v>
      </c>
      <c r="B12741" s="14" t="s">
        <v>1</v>
      </c>
      <c r="C12741" s="14" t="s">
        <v>96</v>
      </c>
      <c r="D12741" s="14" t="s">
        <v>97</v>
      </c>
      <c r="E12741" s="15">
        <v>45707</v>
      </c>
      <c r="F12741" s="14" t="s">
        <v>61</v>
      </c>
      <c r="G12741" s="16">
        <v>0</v>
      </c>
    </row>
    <row r="12742" spans="1:7" x14ac:dyDescent="0.3">
      <c r="A12742" s="13" t="s">
        <v>95</v>
      </c>
      <c r="B12742" s="14" t="s">
        <v>1</v>
      </c>
      <c r="C12742" s="14" t="s">
        <v>96</v>
      </c>
      <c r="D12742" s="14" t="s">
        <v>97</v>
      </c>
      <c r="E12742" s="15">
        <v>45708</v>
      </c>
      <c r="F12742" s="14" t="s">
        <v>61</v>
      </c>
      <c r="G12742" s="16">
        <v>0</v>
      </c>
    </row>
    <row r="12743" spans="1:7" x14ac:dyDescent="0.3">
      <c r="A12743" s="13" t="s">
        <v>95</v>
      </c>
      <c r="B12743" s="14" t="s">
        <v>1</v>
      </c>
      <c r="C12743" s="14" t="s">
        <v>96</v>
      </c>
      <c r="D12743" s="14" t="s">
        <v>97</v>
      </c>
      <c r="E12743" s="15">
        <v>45709</v>
      </c>
      <c r="F12743" s="14" t="s">
        <v>61</v>
      </c>
      <c r="G12743" s="16">
        <v>0</v>
      </c>
    </row>
    <row r="12744" spans="1:7" x14ac:dyDescent="0.3">
      <c r="A12744" s="13" t="s">
        <v>95</v>
      </c>
      <c r="B12744" s="14" t="s">
        <v>1</v>
      </c>
      <c r="C12744" s="14" t="s">
        <v>96</v>
      </c>
      <c r="D12744" s="14" t="s">
        <v>97</v>
      </c>
      <c r="E12744" s="15">
        <v>45710</v>
      </c>
      <c r="F12744" s="14" t="s">
        <v>61</v>
      </c>
      <c r="G12744" s="16">
        <v>0</v>
      </c>
    </row>
    <row r="12745" spans="1:7" x14ac:dyDescent="0.3">
      <c r="A12745" s="13" t="s">
        <v>95</v>
      </c>
      <c r="B12745" s="14" t="s">
        <v>1</v>
      </c>
      <c r="C12745" s="14" t="s">
        <v>96</v>
      </c>
      <c r="D12745" s="14" t="s">
        <v>97</v>
      </c>
      <c r="E12745" s="15">
        <v>45711</v>
      </c>
      <c r="F12745" s="14" t="s">
        <v>61</v>
      </c>
      <c r="G12745" s="16">
        <v>0</v>
      </c>
    </row>
    <row r="12746" spans="1:7" x14ac:dyDescent="0.3">
      <c r="A12746" s="13" t="s">
        <v>95</v>
      </c>
      <c r="B12746" s="14" t="s">
        <v>1</v>
      </c>
      <c r="C12746" s="14" t="s">
        <v>96</v>
      </c>
      <c r="D12746" s="14" t="s">
        <v>97</v>
      </c>
      <c r="E12746" s="15">
        <v>45712</v>
      </c>
      <c r="F12746" s="14" t="s">
        <v>61</v>
      </c>
      <c r="G12746" s="16">
        <v>0</v>
      </c>
    </row>
    <row r="12747" spans="1:7" x14ac:dyDescent="0.3">
      <c r="A12747" s="13" t="s">
        <v>95</v>
      </c>
      <c r="B12747" s="14" t="s">
        <v>1</v>
      </c>
      <c r="C12747" s="14" t="s">
        <v>96</v>
      </c>
      <c r="D12747" s="14" t="s">
        <v>97</v>
      </c>
      <c r="E12747" s="15">
        <v>45713</v>
      </c>
      <c r="F12747" s="14" t="s">
        <v>61</v>
      </c>
      <c r="G12747" s="16">
        <v>0</v>
      </c>
    </row>
    <row r="12748" spans="1:7" x14ac:dyDescent="0.3">
      <c r="A12748" s="13" t="s">
        <v>95</v>
      </c>
      <c r="B12748" s="14" t="s">
        <v>1</v>
      </c>
      <c r="C12748" s="14" t="s">
        <v>96</v>
      </c>
      <c r="D12748" s="14" t="s">
        <v>97</v>
      </c>
      <c r="E12748" s="15">
        <v>45714</v>
      </c>
      <c r="F12748" s="14" t="s">
        <v>61</v>
      </c>
      <c r="G12748" s="16">
        <v>0</v>
      </c>
    </row>
    <row r="12749" spans="1:7" x14ac:dyDescent="0.3">
      <c r="A12749" s="13" t="s">
        <v>95</v>
      </c>
      <c r="B12749" s="14" t="s">
        <v>1</v>
      </c>
      <c r="C12749" s="14" t="s">
        <v>96</v>
      </c>
      <c r="D12749" s="14" t="s">
        <v>97</v>
      </c>
      <c r="E12749" s="15">
        <v>45715</v>
      </c>
      <c r="F12749" s="14" t="s">
        <v>61</v>
      </c>
      <c r="G12749" s="16">
        <v>0</v>
      </c>
    </row>
    <row r="12750" spans="1:7" x14ac:dyDescent="0.3">
      <c r="A12750" s="13" t="s">
        <v>95</v>
      </c>
      <c r="B12750" s="14" t="s">
        <v>1</v>
      </c>
      <c r="C12750" s="14" t="s">
        <v>96</v>
      </c>
      <c r="D12750" s="14" t="s">
        <v>97</v>
      </c>
      <c r="E12750" s="15">
        <v>45716</v>
      </c>
      <c r="F12750" s="14" t="s">
        <v>61</v>
      </c>
      <c r="G12750" s="16">
        <v>0</v>
      </c>
    </row>
    <row r="12751" spans="1:7" x14ac:dyDescent="0.3">
      <c r="A12751" s="13" t="s">
        <v>95</v>
      </c>
      <c r="B12751" s="14" t="s">
        <v>1</v>
      </c>
      <c r="C12751" s="14" t="s">
        <v>96</v>
      </c>
      <c r="D12751" s="14" t="s">
        <v>97</v>
      </c>
      <c r="E12751" s="15">
        <v>45717</v>
      </c>
      <c r="F12751" s="14" t="s">
        <v>61</v>
      </c>
      <c r="G12751" s="16">
        <v>0</v>
      </c>
    </row>
    <row r="12752" spans="1:7" x14ac:dyDescent="0.3">
      <c r="A12752" s="13" t="s">
        <v>95</v>
      </c>
      <c r="B12752" s="14" t="s">
        <v>1</v>
      </c>
      <c r="C12752" s="14" t="s">
        <v>96</v>
      </c>
      <c r="D12752" s="14" t="s">
        <v>97</v>
      </c>
      <c r="E12752" s="15">
        <v>45718</v>
      </c>
      <c r="F12752" s="14" t="s">
        <v>61</v>
      </c>
      <c r="G12752" s="16">
        <v>0</v>
      </c>
    </row>
    <row r="12753" spans="1:7" x14ac:dyDescent="0.3">
      <c r="A12753" s="13" t="s">
        <v>95</v>
      </c>
      <c r="B12753" s="14" t="s">
        <v>1</v>
      </c>
      <c r="C12753" s="14" t="s">
        <v>96</v>
      </c>
      <c r="D12753" s="14" t="s">
        <v>97</v>
      </c>
      <c r="E12753" s="15">
        <v>45719</v>
      </c>
      <c r="F12753" s="14" t="s">
        <v>61</v>
      </c>
      <c r="G12753" s="16">
        <v>0</v>
      </c>
    </row>
    <row r="12754" spans="1:7" x14ac:dyDescent="0.3">
      <c r="A12754" s="13" t="s">
        <v>95</v>
      </c>
      <c r="B12754" s="14" t="s">
        <v>1</v>
      </c>
      <c r="C12754" s="14" t="s">
        <v>96</v>
      </c>
      <c r="D12754" s="14" t="s">
        <v>97</v>
      </c>
      <c r="E12754" s="15">
        <v>45720</v>
      </c>
      <c r="F12754" s="14" t="s">
        <v>61</v>
      </c>
      <c r="G12754" s="16">
        <v>0</v>
      </c>
    </row>
    <row r="12755" spans="1:7" x14ac:dyDescent="0.3">
      <c r="A12755" s="13" t="s">
        <v>95</v>
      </c>
      <c r="B12755" s="14" t="s">
        <v>1</v>
      </c>
      <c r="C12755" s="14" t="s">
        <v>96</v>
      </c>
      <c r="D12755" s="14" t="s">
        <v>97</v>
      </c>
      <c r="E12755" s="15">
        <v>45721</v>
      </c>
      <c r="F12755" s="14" t="s">
        <v>61</v>
      </c>
      <c r="G12755" s="16">
        <v>0</v>
      </c>
    </row>
    <row r="12756" spans="1:7" x14ac:dyDescent="0.3">
      <c r="A12756" s="13" t="s">
        <v>95</v>
      </c>
      <c r="B12756" s="14" t="s">
        <v>1</v>
      </c>
      <c r="C12756" s="14" t="s">
        <v>96</v>
      </c>
      <c r="D12756" s="14" t="s">
        <v>97</v>
      </c>
      <c r="E12756" s="15">
        <v>45722</v>
      </c>
      <c r="F12756" s="14" t="s">
        <v>61</v>
      </c>
      <c r="G12756" s="16">
        <v>0</v>
      </c>
    </row>
    <row r="12757" spans="1:7" x14ac:dyDescent="0.3">
      <c r="A12757" s="13" t="s">
        <v>95</v>
      </c>
      <c r="B12757" s="14" t="s">
        <v>1</v>
      </c>
      <c r="C12757" s="14" t="s">
        <v>96</v>
      </c>
      <c r="D12757" s="14" t="s">
        <v>97</v>
      </c>
      <c r="E12757" s="15">
        <v>45723</v>
      </c>
      <c r="F12757" s="14" t="s">
        <v>61</v>
      </c>
      <c r="G12757" s="16">
        <v>0</v>
      </c>
    </row>
    <row r="12758" spans="1:7" x14ac:dyDescent="0.3">
      <c r="A12758" s="13" t="s">
        <v>95</v>
      </c>
      <c r="B12758" s="14" t="s">
        <v>1</v>
      </c>
      <c r="C12758" s="14" t="s">
        <v>96</v>
      </c>
      <c r="D12758" s="14" t="s">
        <v>97</v>
      </c>
      <c r="E12758" s="15">
        <v>45724</v>
      </c>
      <c r="F12758" s="14" t="s">
        <v>61</v>
      </c>
      <c r="G12758" s="16">
        <v>0</v>
      </c>
    </row>
    <row r="12759" spans="1:7" x14ac:dyDescent="0.3">
      <c r="A12759" s="13" t="s">
        <v>95</v>
      </c>
      <c r="B12759" s="14" t="s">
        <v>1</v>
      </c>
      <c r="C12759" s="14" t="s">
        <v>96</v>
      </c>
      <c r="D12759" s="14" t="s">
        <v>97</v>
      </c>
      <c r="E12759" s="15">
        <v>45725</v>
      </c>
      <c r="F12759" s="14" t="s">
        <v>61</v>
      </c>
      <c r="G12759" s="16">
        <v>0</v>
      </c>
    </row>
    <row r="12760" spans="1:7" x14ac:dyDescent="0.3">
      <c r="A12760" s="13" t="s">
        <v>95</v>
      </c>
      <c r="B12760" s="14" t="s">
        <v>1</v>
      </c>
      <c r="C12760" s="14" t="s">
        <v>96</v>
      </c>
      <c r="D12760" s="14" t="s">
        <v>97</v>
      </c>
      <c r="E12760" s="15">
        <v>45726</v>
      </c>
      <c r="F12760" s="14" t="s">
        <v>61</v>
      </c>
      <c r="G12760" s="16">
        <v>0</v>
      </c>
    </row>
    <row r="12761" spans="1:7" x14ac:dyDescent="0.3">
      <c r="A12761" s="13" t="s">
        <v>95</v>
      </c>
      <c r="B12761" s="14" t="s">
        <v>1</v>
      </c>
      <c r="C12761" s="14" t="s">
        <v>96</v>
      </c>
      <c r="D12761" s="14" t="s">
        <v>97</v>
      </c>
      <c r="E12761" s="15">
        <v>45727</v>
      </c>
      <c r="F12761" s="14" t="s">
        <v>61</v>
      </c>
      <c r="G12761" s="16">
        <v>0</v>
      </c>
    </row>
    <row r="12762" spans="1:7" x14ac:dyDescent="0.3">
      <c r="A12762" s="13" t="s">
        <v>95</v>
      </c>
      <c r="B12762" s="14" t="s">
        <v>1</v>
      </c>
      <c r="C12762" s="14" t="s">
        <v>96</v>
      </c>
      <c r="D12762" s="14" t="s">
        <v>97</v>
      </c>
      <c r="E12762" s="15">
        <v>45728</v>
      </c>
      <c r="F12762" s="14" t="s">
        <v>61</v>
      </c>
      <c r="G12762" s="16">
        <v>0</v>
      </c>
    </row>
    <row r="12763" spans="1:7" x14ac:dyDescent="0.3">
      <c r="A12763" s="13" t="s">
        <v>95</v>
      </c>
      <c r="B12763" s="14" t="s">
        <v>1</v>
      </c>
      <c r="C12763" s="14" t="s">
        <v>96</v>
      </c>
      <c r="D12763" s="14" t="s">
        <v>97</v>
      </c>
      <c r="E12763" s="15">
        <v>45729</v>
      </c>
      <c r="F12763" s="14" t="s">
        <v>61</v>
      </c>
      <c r="G12763" s="16">
        <v>0</v>
      </c>
    </row>
    <row r="12764" spans="1:7" x14ac:dyDescent="0.3">
      <c r="A12764" s="13" t="s">
        <v>95</v>
      </c>
      <c r="B12764" s="14" t="s">
        <v>1</v>
      </c>
      <c r="C12764" s="14" t="s">
        <v>96</v>
      </c>
      <c r="D12764" s="14" t="s">
        <v>97</v>
      </c>
      <c r="E12764" s="15">
        <v>45730</v>
      </c>
      <c r="F12764" s="14" t="s">
        <v>61</v>
      </c>
      <c r="G12764" s="16">
        <v>0</v>
      </c>
    </row>
    <row r="12765" spans="1:7" x14ac:dyDescent="0.3">
      <c r="A12765" s="13" t="s">
        <v>95</v>
      </c>
      <c r="B12765" s="14" t="s">
        <v>1</v>
      </c>
      <c r="C12765" s="14" t="s">
        <v>96</v>
      </c>
      <c r="D12765" s="14" t="s">
        <v>97</v>
      </c>
      <c r="E12765" s="15">
        <v>45731</v>
      </c>
      <c r="F12765" s="14" t="s">
        <v>61</v>
      </c>
      <c r="G12765" s="16">
        <v>0</v>
      </c>
    </row>
    <row r="12766" spans="1:7" x14ac:dyDescent="0.3">
      <c r="A12766" s="13" t="s">
        <v>95</v>
      </c>
      <c r="B12766" s="14" t="s">
        <v>1</v>
      </c>
      <c r="C12766" s="14" t="s">
        <v>96</v>
      </c>
      <c r="D12766" s="14" t="s">
        <v>97</v>
      </c>
      <c r="E12766" s="15">
        <v>45732</v>
      </c>
      <c r="F12766" s="14" t="s">
        <v>61</v>
      </c>
      <c r="G12766" s="16">
        <v>0</v>
      </c>
    </row>
    <row r="12767" spans="1:7" x14ac:dyDescent="0.3">
      <c r="A12767" s="13" t="s">
        <v>95</v>
      </c>
      <c r="B12767" s="14" t="s">
        <v>1</v>
      </c>
      <c r="C12767" s="14" t="s">
        <v>96</v>
      </c>
      <c r="D12767" s="14" t="s">
        <v>97</v>
      </c>
      <c r="E12767" s="15">
        <v>45733</v>
      </c>
      <c r="F12767" s="14" t="s">
        <v>61</v>
      </c>
      <c r="G12767" s="16">
        <v>0</v>
      </c>
    </row>
    <row r="12768" spans="1:7" x14ac:dyDescent="0.3">
      <c r="A12768" s="13" t="s">
        <v>95</v>
      </c>
      <c r="B12768" s="14" t="s">
        <v>1</v>
      </c>
      <c r="C12768" s="14" t="s">
        <v>96</v>
      </c>
      <c r="D12768" s="14" t="s">
        <v>97</v>
      </c>
      <c r="E12768" s="15">
        <v>45734</v>
      </c>
      <c r="F12768" s="14" t="s">
        <v>61</v>
      </c>
      <c r="G12768" s="16">
        <v>0</v>
      </c>
    </row>
    <row r="12769" spans="1:7" x14ac:dyDescent="0.3">
      <c r="A12769" s="13" t="s">
        <v>95</v>
      </c>
      <c r="B12769" s="14" t="s">
        <v>1</v>
      </c>
      <c r="C12769" s="14" t="s">
        <v>96</v>
      </c>
      <c r="D12769" s="14" t="s">
        <v>97</v>
      </c>
      <c r="E12769" s="15">
        <v>45735</v>
      </c>
      <c r="F12769" s="14" t="s">
        <v>61</v>
      </c>
      <c r="G12769" s="16">
        <v>0</v>
      </c>
    </row>
    <row r="12770" spans="1:7" x14ac:dyDescent="0.3">
      <c r="A12770" s="13" t="s">
        <v>95</v>
      </c>
      <c r="B12770" s="14" t="s">
        <v>1</v>
      </c>
      <c r="C12770" s="14" t="s">
        <v>96</v>
      </c>
      <c r="D12770" s="14" t="s">
        <v>97</v>
      </c>
      <c r="E12770" s="15">
        <v>45736</v>
      </c>
      <c r="F12770" s="14" t="s">
        <v>61</v>
      </c>
      <c r="G12770" s="16">
        <v>0</v>
      </c>
    </row>
    <row r="12771" spans="1:7" x14ac:dyDescent="0.3">
      <c r="A12771" s="13" t="s">
        <v>95</v>
      </c>
      <c r="B12771" s="14" t="s">
        <v>1</v>
      </c>
      <c r="C12771" s="14" t="s">
        <v>96</v>
      </c>
      <c r="D12771" s="14" t="s">
        <v>97</v>
      </c>
      <c r="E12771" s="15">
        <v>45737</v>
      </c>
      <c r="F12771" s="14" t="s">
        <v>61</v>
      </c>
      <c r="G12771" s="16">
        <v>0</v>
      </c>
    </row>
    <row r="12772" spans="1:7" x14ac:dyDescent="0.3">
      <c r="A12772" s="13" t="s">
        <v>95</v>
      </c>
      <c r="B12772" s="14" t="s">
        <v>1</v>
      </c>
      <c r="C12772" s="14" t="s">
        <v>96</v>
      </c>
      <c r="D12772" s="14" t="s">
        <v>97</v>
      </c>
      <c r="E12772" s="15">
        <v>45738</v>
      </c>
      <c r="F12772" s="14" t="s">
        <v>61</v>
      </c>
      <c r="G12772" s="16">
        <v>0</v>
      </c>
    </row>
    <row r="12773" spans="1:7" x14ac:dyDescent="0.3">
      <c r="A12773" s="13" t="s">
        <v>95</v>
      </c>
      <c r="B12773" s="14" t="s">
        <v>1</v>
      </c>
      <c r="C12773" s="14" t="s">
        <v>96</v>
      </c>
      <c r="D12773" s="14" t="s">
        <v>97</v>
      </c>
      <c r="E12773" s="15">
        <v>45739</v>
      </c>
      <c r="F12773" s="14" t="s">
        <v>61</v>
      </c>
      <c r="G12773" s="16">
        <v>0</v>
      </c>
    </row>
    <row r="12774" spans="1:7" x14ac:dyDescent="0.3">
      <c r="A12774" s="13" t="s">
        <v>95</v>
      </c>
      <c r="B12774" s="14" t="s">
        <v>1</v>
      </c>
      <c r="C12774" s="14" t="s">
        <v>96</v>
      </c>
      <c r="D12774" s="14" t="s">
        <v>97</v>
      </c>
      <c r="E12774" s="15">
        <v>45740</v>
      </c>
      <c r="F12774" s="14" t="s">
        <v>61</v>
      </c>
      <c r="G12774" s="16">
        <v>0</v>
      </c>
    </row>
    <row r="12775" spans="1:7" x14ac:dyDescent="0.3">
      <c r="A12775" s="13" t="s">
        <v>95</v>
      </c>
      <c r="B12775" s="14" t="s">
        <v>1</v>
      </c>
      <c r="C12775" s="14" t="s">
        <v>96</v>
      </c>
      <c r="D12775" s="14" t="s">
        <v>97</v>
      </c>
      <c r="E12775" s="15">
        <v>45741</v>
      </c>
      <c r="F12775" s="14" t="s">
        <v>61</v>
      </c>
      <c r="G12775" s="16">
        <v>0</v>
      </c>
    </row>
    <row r="12776" spans="1:7" x14ac:dyDescent="0.3">
      <c r="A12776" s="13" t="s">
        <v>95</v>
      </c>
      <c r="B12776" s="14" t="s">
        <v>1</v>
      </c>
      <c r="C12776" s="14" t="s">
        <v>96</v>
      </c>
      <c r="D12776" s="14" t="s">
        <v>97</v>
      </c>
      <c r="E12776" s="15">
        <v>45742</v>
      </c>
      <c r="F12776" s="14" t="s">
        <v>61</v>
      </c>
      <c r="G12776" s="16">
        <v>1.1347642048780486E-2</v>
      </c>
    </row>
    <row r="12777" spans="1:7" x14ac:dyDescent="0.3">
      <c r="A12777" s="13" t="s">
        <v>95</v>
      </c>
      <c r="B12777" s="14" t="s">
        <v>1</v>
      </c>
      <c r="C12777" s="14" t="s">
        <v>96</v>
      </c>
      <c r="D12777" s="14" t="s">
        <v>97</v>
      </c>
      <c r="E12777" s="15">
        <v>45743</v>
      </c>
      <c r="F12777" s="14" t="s">
        <v>61</v>
      </c>
      <c r="G12777" s="16">
        <v>1.9338120821763598E-2</v>
      </c>
    </row>
    <row r="12778" spans="1:7" x14ac:dyDescent="0.3">
      <c r="A12778" s="13" t="s">
        <v>95</v>
      </c>
      <c r="B12778" s="14" t="s">
        <v>1</v>
      </c>
      <c r="C12778" s="14" t="s">
        <v>96</v>
      </c>
      <c r="D12778" s="14" t="s">
        <v>97</v>
      </c>
      <c r="E12778" s="15">
        <v>45744</v>
      </c>
      <c r="F12778" s="14" t="s">
        <v>61</v>
      </c>
      <c r="G12778" s="16">
        <v>8.4816678316805127E-3</v>
      </c>
    </row>
    <row r="12779" spans="1:7" x14ac:dyDescent="0.3">
      <c r="A12779" s="13" t="s">
        <v>95</v>
      </c>
      <c r="B12779" s="14" t="s">
        <v>1</v>
      </c>
      <c r="C12779" s="14" t="s">
        <v>96</v>
      </c>
      <c r="D12779" s="14" t="s">
        <v>97</v>
      </c>
      <c r="E12779" s="15">
        <v>45745</v>
      </c>
      <c r="F12779" s="14" t="s">
        <v>61</v>
      </c>
      <c r="G12779" s="16">
        <v>8.4816678316805127E-3</v>
      </c>
    </row>
    <row r="12780" spans="1:7" x14ac:dyDescent="0.3">
      <c r="A12780" s="13" t="s">
        <v>95</v>
      </c>
      <c r="B12780" s="14" t="s">
        <v>1</v>
      </c>
      <c r="C12780" s="14" t="s">
        <v>96</v>
      </c>
      <c r="D12780" s="14" t="s">
        <v>97</v>
      </c>
      <c r="E12780" s="15">
        <v>45746</v>
      </c>
      <c r="F12780" s="14" t="s">
        <v>61</v>
      </c>
      <c r="G12780" s="16">
        <v>8.4816678316805127E-3</v>
      </c>
    </row>
    <row r="12781" spans="1:7" x14ac:dyDescent="0.3">
      <c r="A12781" s="13" t="s">
        <v>95</v>
      </c>
      <c r="B12781" s="14" t="s">
        <v>1</v>
      </c>
      <c r="C12781" s="14" t="s">
        <v>96</v>
      </c>
      <c r="D12781" s="14" t="s">
        <v>97</v>
      </c>
      <c r="E12781" s="15">
        <v>45747</v>
      </c>
      <c r="F12781" s="14" t="s">
        <v>61</v>
      </c>
      <c r="G12781" s="16">
        <v>8.4816678316805127E-3</v>
      </c>
    </row>
    <row r="12782" spans="1:7" x14ac:dyDescent="0.3">
      <c r="A12782" s="13" t="s">
        <v>98</v>
      </c>
      <c r="B12782" s="14" t="s">
        <v>1</v>
      </c>
      <c r="C12782" s="14" t="s">
        <v>99</v>
      </c>
      <c r="D12782" s="14" t="s">
        <v>31</v>
      </c>
      <c r="E12782" s="15">
        <v>45383</v>
      </c>
      <c r="F12782" s="14" t="s">
        <v>15</v>
      </c>
      <c r="G12782" s="16">
        <v>0</v>
      </c>
    </row>
    <row r="12783" spans="1:7" x14ac:dyDescent="0.3">
      <c r="A12783" s="13" t="s">
        <v>98</v>
      </c>
      <c r="B12783" s="14" t="s">
        <v>1</v>
      </c>
      <c r="C12783" s="14" t="s">
        <v>99</v>
      </c>
      <c r="D12783" s="14" t="s">
        <v>31</v>
      </c>
      <c r="E12783" s="15">
        <v>45384</v>
      </c>
      <c r="F12783" s="14" t="s">
        <v>15</v>
      </c>
      <c r="G12783" s="16">
        <v>0</v>
      </c>
    </row>
    <row r="12784" spans="1:7" x14ac:dyDescent="0.3">
      <c r="A12784" s="13" t="s">
        <v>98</v>
      </c>
      <c r="B12784" s="14" t="s">
        <v>1</v>
      </c>
      <c r="C12784" s="14" t="s">
        <v>99</v>
      </c>
      <c r="D12784" s="14" t="s">
        <v>31</v>
      </c>
      <c r="E12784" s="15">
        <v>45385</v>
      </c>
      <c r="F12784" s="14" t="s">
        <v>15</v>
      </c>
      <c r="G12784" s="16">
        <v>0</v>
      </c>
    </row>
    <row r="12785" spans="1:7" x14ac:dyDescent="0.3">
      <c r="A12785" s="13" t="s">
        <v>98</v>
      </c>
      <c r="B12785" s="14" t="s">
        <v>1</v>
      </c>
      <c r="C12785" s="14" t="s">
        <v>99</v>
      </c>
      <c r="D12785" s="14" t="s">
        <v>31</v>
      </c>
      <c r="E12785" s="15">
        <v>45386</v>
      </c>
      <c r="F12785" s="14" t="s">
        <v>15</v>
      </c>
      <c r="G12785" s="16">
        <v>0</v>
      </c>
    </row>
    <row r="12786" spans="1:7" x14ac:dyDescent="0.3">
      <c r="A12786" s="13" t="s">
        <v>98</v>
      </c>
      <c r="B12786" s="14" t="s">
        <v>1</v>
      </c>
      <c r="C12786" s="14" t="s">
        <v>99</v>
      </c>
      <c r="D12786" s="14" t="s">
        <v>31</v>
      </c>
      <c r="E12786" s="15">
        <v>45387</v>
      </c>
      <c r="F12786" s="14" t="s">
        <v>15</v>
      </c>
      <c r="G12786" s="16">
        <v>0</v>
      </c>
    </row>
    <row r="12787" spans="1:7" x14ac:dyDescent="0.3">
      <c r="A12787" s="13" t="s">
        <v>98</v>
      </c>
      <c r="B12787" s="14" t="s">
        <v>1</v>
      </c>
      <c r="C12787" s="14" t="s">
        <v>99</v>
      </c>
      <c r="D12787" s="14" t="s">
        <v>31</v>
      </c>
      <c r="E12787" s="15">
        <v>45388</v>
      </c>
      <c r="F12787" s="14" t="s">
        <v>15</v>
      </c>
      <c r="G12787" s="16">
        <v>0</v>
      </c>
    </row>
    <row r="12788" spans="1:7" x14ac:dyDescent="0.3">
      <c r="A12788" s="13" t="s">
        <v>98</v>
      </c>
      <c r="B12788" s="14" t="s">
        <v>1</v>
      </c>
      <c r="C12788" s="14" t="s">
        <v>99</v>
      </c>
      <c r="D12788" s="14" t="s">
        <v>31</v>
      </c>
      <c r="E12788" s="15">
        <v>45389</v>
      </c>
      <c r="F12788" s="14" t="s">
        <v>15</v>
      </c>
      <c r="G12788" s="16">
        <v>0</v>
      </c>
    </row>
    <row r="12789" spans="1:7" x14ac:dyDescent="0.3">
      <c r="A12789" s="13" t="s">
        <v>98</v>
      </c>
      <c r="B12789" s="14" t="s">
        <v>1</v>
      </c>
      <c r="C12789" s="14" t="s">
        <v>99</v>
      </c>
      <c r="D12789" s="14" t="s">
        <v>31</v>
      </c>
      <c r="E12789" s="15">
        <v>45390</v>
      </c>
      <c r="F12789" s="14" t="s">
        <v>15</v>
      </c>
      <c r="G12789" s="16">
        <v>0</v>
      </c>
    </row>
    <row r="12790" spans="1:7" x14ac:dyDescent="0.3">
      <c r="A12790" s="13" t="s">
        <v>98</v>
      </c>
      <c r="B12790" s="14" t="s">
        <v>1</v>
      </c>
      <c r="C12790" s="14" t="s">
        <v>99</v>
      </c>
      <c r="D12790" s="14" t="s">
        <v>31</v>
      </c>
      <c r="E12790" s="15">
        <v>45391</v>
      </c>
      <c r="F12790" s="14" t="s">
        <v>15</v>
      </c>
      <c r="G12790" s="16">
        <v>0</v>
      </c>
    </row>
    <row r="12791" spans="1:7" x14ac:dyDescent="0.3">
      <c r="A12791" s="13" t="s">
        <v>98</v>
      </c>
      <c r="B12791" s="14" t="s">
        <v>1</v>
      </c>
      <c r="C12791" s="14" t="s">
        <v>99</v>
      </c>
      <c r="D12791" s="14" t="s">
        <v>31</v>
      </c>
      <c r="E12791" s="15">
        <v>45392</v>
      </c>
      <c r="F12791" s="14" t="s">
        <v>15</v>
      </c>
      <c r="G12791" s="16">
        <v>0</v>
      </c>
    </row>
    <row r="12792" spans="1:7" x14ac:dyDescent="0.3">
      <c r="A12792" s="13" t="s">
        <v>98</v>
      </c>
      <c r="B12792" s="14" t="s">
        <v>1</v>
      </c>
      <c r="C12792" s="14" t="s">
        <v>99</v>
      </c>
      <c r="D12792" s="14" t="s">
        <v>31</v>
      </c>
      <c r="E12792" s="15">
        <v>45393</v>
      </c>
      <c r="F12792" s="14" t="s">
        <v>15</v>
      </c>
      <c r="G12792" s="16">
        <v>0</v>
      </c>
    </row>
    <row r="12793" spans="1:7" x14ac:dyDescent="0.3">
      <c r="A12793" s="13" t="s">
        <v>98</v>
      </c>
      <c r="B12793" s="14" t="s">
        <v>1</v>
      </c>
      <c r="C12793" s="14" t="s">
        <v>99</v>
      </c>
      <c r="D12793" s="14" t="s">
        <v>31</v>
      </c>
      <c r="E12793" s="15">
        <v>45394</v>
      </c>
      <c r="F12793" s="14" t="s">
        <v>15</v>
      </c>
      <c r="G12793" s="16">
        <v>0</v>
      </c>
    </row>
    <row r="12794" spans="1:7" x14ac:dyDescent="0.3">
      <c r="A12794" s="13" t="s">
        <v>98</v>
      </c>
      <c r="B12794" s="14" t="s">
        <v>1</v>
      </c>
      <c r="C12794" s="14" t="s">
        <v>99</v>
      </c>
      <c r="D12794" s="14" t="s">
        <v>31</v>
      </c>
      <c r="E12794" s="15">
        <v>45395</v>
      </c>
      <c r="F12794" s="14" t="s">
        <v>15</v>
      </c>
      <c r="G12794" s="16">
        <v>0</v>
      </c>
    </row>
    <row r="12795" spans="1:7" x14ac:dyDescent="0.3">
      <c r="A12795" s="13" t="s">
        <v>98</v>
      </c>
      <c r="B12795" s="14" t="s">
        <v>1</v>
      </c>
      <c r="C12795" s="14" t="s">
        <v>99</v>
      </c>
      <c r="D12795" s="14" t="s">
        <v>31</v>
      </c>
      <c r="E12795" s="15">
        <v>45396</v>
      </c>
      <c r="F12795" s="14" t="s">
        <v>15</v>
      </c>
      <c r="G12795" s="16">
        <v>0</v>
      </c>
    </row>
    <row r="12796" spans="1:7" x14ac:dyDescent="0.3">
      <c r="A12796" s="13" t="s">
        <v>98</v>
      </c>
      <c r="B12796" s="14" t="s">
        <v>1</v>
      </c>
      <c r="C12796" s="14" t="s">
        <v>99</v>
      </c>
      <c r="D12796" s="14" t="s">
        <v>31</v>
      </c>
      <c r="E12796" s="15">
        <v>45397</v>
      </c>
      <c r="F12796" s="14" t="s">
        <v>15</v>
      </c>
      <c r="G12796" s="16">
        <v>0</v>
      </c>
    </row>
    <row r="12797" spans="1:7" x14ac:dyDescent="0.3">
      <c r="A12797" s="13" t="s">
        <v>98</v>
      </c>
      <c r="B12797" s="14" t="s">
        <v>1</v>
      </c>
      <c r="C12797" s="14" t="s">
        <v>99</v>
      </c>
      <c r="D12797" s="14" t="s">
        <v>31</v>
      </c>
      <c r="E12797" s="15">
        <v>45398</v>
      </c>
      <c r="F12797" s="14" t="s">
        <v>15</v>
      </c>
      <c r="G12797" s="16">
        <v>0</v>
      </c>
    </row>
    <row r="12798" spans="1:7" x14ac:dyDescent="0.3">
      <c r="A12798" s="13" t="s">
        <v>98</v>
      </c>
      <c r="B12798" s="14" t="s">
        <v>1</v>
      </c>
      <c r="C12798" s="14" t="s">
        <v>99</v>
      </c>
      <c r="D12798" s="14" t="s">
        <v>31</v>
      </c>
      <c r="E12798" s="15">
        <v>45399</v>
      </c>
      <c r="F12798" s="14" t="s">
        <v>15</v>
      </c>
      <c r="G12798" s="16">
        <v>0</v>
      </c>
    </row>
    <row r="12799" spans="1:7" x14ac:dyDescent="0.3">
      <c r="A12799" s="13" t="s">
        <v>98</v>
      </c>
      <c r="B12799" s="14" t="s">
        <v>1</v>
      </c>
      <c r="C12799" s="14" t="s">
        <v>99</v>
      </c>
      <c r="D12799" s="14" t="s">
        <v>31</v>
      </c>
      <c r="E12799" s="15">
        <v>45400</v>
      </c>
      <c r="F12799" s="14" t="s">
        <v>15</v>
      </c>
      <c r="G12799" s="16">
        <v>0</v>
      </c>
    </row>
    <row r="12800" spans="1:7" x14ac:dyDescent="0.3">
      <c r="A12800" s="13" t="s">
        <v>98</v>
      </c>
      <c r="B12800" s="14" t="s">
        <v>1</v>
      </c>
      <c r="C12800" s="14" t="s">
        <v>99</v>
      </c>
      <c r="D12800" s="14" t="s">
        <v>31</v>
      </c>
      <c r="E12800" s="15">
        <v>45401</v>
      </c>
      <c r="F12800" s="14" t="s">
        <v>15</v>
      </c>
      <c r="G12800" s="16">
        <v>0</v>
      </c>
    </row>
    <row r="12801" spans="1:7" x14ac:dyDescent="0.3">
      <c r="A12801" s="13" t="s">
        <v>98</v>
      </c>
      <c r="B12801" s="14" t="s">
        <v>1</v>
      </c>
      <c r="C12801" s="14" t="s">
        <v>99</v>
      </c>
      <c r="D12801" s="14" t="s">
        <v>31</v>
      </c>
      <c r="E12801" s="15">
        <v>45402</v>
      </c>
      <c r="F12801" s="14" t="s">
        <v>15</v>
      </c>
      <c r="G12801" s="16">
        <v>0</v>
      </c>
    </row>
    <row r="12802" spans="1:7" x14ac:dyDescent="0.3">
      <c r="A12802" s="13" t="s">
        <v>98</v>
      </c>
      <c r="B12802" s="14" t="s">
        <v>1</v>
      </c>
      <c r="C12802" s="14" t="s">
        <v>99</v>
      </c>
      <c r="D12802" s="14" t="s">
        <v>31</v>
      </c>
      <c r="E12802" s="15">
        <v>45403</v>
      </c>
      <c r="F12802" s="14" t="s">
        <v>15</v>
      </c>
      <c r="G12802" s="16">
        <v>0</v>
      </c>
    </row>
    <row r="12803" spans="1:7" x14ac:dyDescent="0.3">
      <c r="A12803" s="13" t="s">
        <v>98</v>
      </c>
      <c r="B12803" s="14" t="s">
        <v>1</v>
      </c>
      <c r="C12803" s="14" t="s">
        <v>99</v>
      </c>
      <c r="D12803" s="14" t="s">
        <v>31</v>
      </c>
      <c r="E12803" s="15">
        <v>45404</v>
      </c>
      <c r="F12803" s="14" t="s">
        <v>15</v>
      </c>
      <c r="G12803" s="16">
        <v>0</v>
      </c>
    </row>
    <row r="12804" spans="1:7" x14ac:dyDescent="0.3">
      <c r="A12804" s="13" t="s">
        <v>98</v>
      </c>
      <c r="B12804" s="14" t="s">
        <v>1</v>
      </c>
      <c r="C12804" s="14" t="s">
        <v>99</v>
      </c>
      <c r="D12804" s="14" t="s">
        <v>31</v>
      </c>
      <c r="E12804" s="15">
        <v>45405</v>
      </c>
      <c r="F12804" s="14" t="s">
        <v>15</v>
      </c>
      <c r="G12804" s="16">
        <v>0</v>
      </c>
    </row>
    <row r="12805" spans="1:7" x14ac:dyDescent="0.3">
      <c r="A12805" s="13" t="s">
        <v>98</v>
      </c>
      <c r="B12805" s="14" t="s">
        <v>1</v>
      </c>
      <c r="C12805" s="14" t="s">
        <v>99</v>
      </c>
      <c r="D12805" s="14" t="s">
        <v>31</v>
      </c>
      <c r="E12805" s="15">
        <v>45406</v>
      </c>
      <c r="F12805" s="14" t="s">
        <v>15</v>
      </c>
      <c r="G12805" s="16">
        <v>0</v>
      </c>
    </row>
    <row r="12806" spans="1:7" x14ac:dyDescent="0.3">
      <c r="A12806" s="13" t="s">
        <v>98</v>
      </c>
      <c r="B12806" s="14" t="s">
        <v>1</v>
      </c>
      <c r="C12806" s="14" t="s">
        <v>99</v>
      </c>
      <c r="D12806" s="14" t="s">
        <v>31</v>
      </c>
      <c r="E12806" s="15">
        <v>45407</v>
      </c>
      <c r="F12806" s="14" t="s">
        <v>15</v>
      </c>
      <c r="G12806" s="16">
        <v>0</v>
      </c>
    </row>
    <row r="12807" spans="1:7" x14ac:dyDescent="0.3">
      <c r="A12807" s="13" t="s">
        <v>98</v>
      </c>
      <c r="B12807" s="14" t="s">
        <v>1</v>
      </c>
      <c r="C12807" s="14" t="s">
        <v>99</v>
      </c>
      <c r="D12807" s="14" t="s">
        <v>31</v>
      </c>
      <c r="E12807" s="15">
        <v>45408</v>
      </c>
      <c r="F12807" s="14" t="s">
        <v>15</v>
      </c>
      <c r="G12807" s="16">
        <v>0</v>
      </c>
    </row>
    <row r="12808" spans="1:7" x14ac:dyDescent="0.3">
      <c r="A12808" s="13" t="s">
        <v>98</v>
      </c>
      <c r="B12808" s="14" t="s">
        <v>1</v>
      </c>
      <c r="C12808" s="14" t="s">
        <v>99</v>
      </c>
      <c r="D12808" s="14" t="s">
        <v>31</v>
      </c>
      <c r="E12808" s="15">
        <v>45409</v>
      </c>
      <c r="F12808" s="14" t="s">
        <v>15</v>
      </c>
      <c r="G12808" s="16">
        <v>0</v>
      </c>
    </row>
    <row r="12809" spans="1:7" x14ac:dyDescent="0.3">
      <c r="A12809" s="13" t="s">
        <v>98</v>
      </c>
      <c r="B12809" s="14" t="s">
        <v>1</v>
      </c>
      <c r="C12809" s="14" t="s">
        <v>99</v>
      </c>
      <c r="D12809" s="14" t="s">
        <v>31</v>
      </c>
      <c r="E12809" s="15">
        <v>45410</v>
      </c>
      <c r="F12809" s="14" t="s">
        <v>15</v>
      </c>
      <c r="G12809" s="16">
        <v>0</v>
      </c>
    </row>
    <row r="12810" spans="1:7" x14ac:dyDescent="0.3">
      <c r="A12810" s="13" t="s">
        <v>98</v>
      </c>
      <c r="B12810" s="14" t="s">
        <v>1</v>
      </c>
      <c r="C12810" s="14" t="s">
        <v>99</v>
      </c>
      <c r="D12810" s="14" t="s">
        <v>31</v>
      </c>
      <c r="E12810" s="15">
        <v>45411</v>
      </c>
      <c r="F12810" s="14" t="s">
        <v>15</v>
      </c>
      <c r="G12810" s="16">
        <v>0</v>
      </c>
    </row>
    <row r="12811" spans="1:7" x14ac:dyDescent="0.3">
      <c r="A12811" s="13" t="s">
        <v>98</v>
      </c>
      <c r="B12811" s="14" t="s">
        <v>1</v>
      </c>
      <c r="C12811" s="14" t="s">
        <v>99</v>
      </c>
      <c r="D12811" s="14" t="s">
        <v>31</v>
      </c>
      <c r="E12811" s="15">
        <v>45412</v>
      </c>
      <c r="F12811" s="14" t="s">
        <v>15</v>
      </c>
      <c r="G12811" s="16">
        <v>0</v>
      </c>
    </row>
    <row r="12812" spans="1:7" x14ac:dyDescent="0.3">
      <c r="A12812" s="13" t="s">
        <v>98</v>
      </c>
      <c r="B12812" s="14" t="s">
        <v>1</v>
      </c>
      <c r="C12812" s="14" t="s">
        <v>99</v>
      </c>
      <c r="D12812" s="14" t="s">
        <v>31</v>
      </c>
      <c r="E12812" s="15">
        <v>45413</v>
      </c>
      <c r="F12812" s="14" t="s">
        <v>15</v>
      </c>
      <c r="G12812" s="16">
        <v>0</v>
      </c>
    </row>
    <row r="12813" spans="1:7" x14ac:dyDescent="0.3">
      <c r="A12813" s="13" t="s">
        <v>98</v>
      </c>
      <c r="B12813" s="14" t="s">
        <v>1</v>
      </c>
      <c r="C12813" s="14" t="s">
        <v>99</v>
      </c>
      <c r="D12813" s="14" t="s">
        <v>31</v>
      </c>
      <c r="E12813" s="15">
        <v>45414</v>
      </c>
      <c r="F12813" s="14" t="s">
        <v>15</v>
      </c>
      <c r="G12813" s="16">
        <v>0</v>
      </c>
    </row>
    <row r="12814" spans="1:7" x14ac:dyDescent="0.3">
      <c r="A12814" s="13" t="s">
        <v>98</v>
      </c>
      <c r="B12814" s="14" t="s">
        <v>1</v>
      </c>
      <c r="C12814" s="14" t="s">
        <v>99</v>
      </c>
      <c r="D12814" s="14" t="s">
        <v>31</v>
      </c>
      <c r="E12814" s="15">
        <v>45415</v>
      </c>
      <c r="F12814" s="14" t="s">
        <v>15</v>
      </c>
      <c r="G12814" s="16">
        <v>0</v>
      </c>
    </row>
    <row r="12815" spans="1:7" x14ac:dyDescent="0.3">
      <c r="A12815" s="13" t="s">
        <v>98</v>
      </c>
      <c r="B12815" s="14" t="s">
        <v>1</v>
      </c>
      <c r="C12815" s="14" t="s">
        <v>99</v>
      </c>
      <c r="D12815" s="14" t="s">
        <v>31</v>
      </c>
      <c r="E12815" s="15">
        <v>45416</v>
      </c>
      <c r="F12815" s="14" t="s">
        <v>15</v>
      </c>
      <c r="G12815" s="16">
        <v>0</v>
      </c>
    </row>
    <row r="12816" spans="1:7" x14ac:dyDescent="0.3">
      <c r="A12816" s="13" t="s">
        <v>98</v>
      </c>
      <c r="B12816" s="14" t="s">
        <v>1</v>
      </c>
      <c r="C12816" s="14" t="s">
        <v>99</v>
      </c>
      <c r="D12816" s="14" t="s">
        <v>31</v>
      </c>
      <c r="E12816" s="15">
        <v>45417</v>
      </c>
      <c r="F12816" s="14" t="s">
        <v>15</v>
      </c>
      <c r="G12816" s="16">
        <v>0</v>
      </c>
    </row>
    <row r="12817" spans="1:7" x14ac:dyDescent="0.3">
      <c r="A12817" s="13" t="s">
        <v>98</v>
      </c>
      <c r="B12817" s="14" t="s">
        <v>1</v>
      </c>
      <c r="C12817" s="14" t="s">
        <v>99</v>
      </c>
      <c r="D12817" s="14" t="s">
        <v>31</v>
      </c>
      <c r="E12817" s="15">
        <v>45418</v>
      </c>
      <c r="F12817" s="14" t="s">
        <v>15</v>
      </c>
      <c r="G12817" s="16">
        <v>0</v>
      </c>
    </row>
    <row r="12818" spans="1:7" x14ac:dyDescent="0.3">
      <c r="A12818" s="13" t="s">
        <v>98</v>
      </c>
      <c r="B12818" s="14" t="s">
        <v>1</v>
      </c>
      <c r="C12818" s="14" t="s">
        <v>99</v>
      </c>
      <c r="D12818" s="14" t="s">
        <v>31</v>
      </c>
      <c r="E12818" s="15">
        <v>45419</v>
      </c>
      <c r="F12818" s="14" t="s">
        <v>15</v>
      </c>
      <c r="G12818" s="16">
        <v>0</v>
      </c>
    </row>
    <row r="12819" spans="1:7" x14ac:dyDescent="0.3">
      <c r="A12819" s="13" t="s">
        <v>98</v>
      </c>
      <c r="B12819" s="14" t="s">
        <v>1</v>
      </c>
      <c r="C12819" s="14" t="s">
        <v>99</v>
      </c>
      <c r="D12819" s="14" t="s">
        <v>31</v>
      </c>
      <c r="E12819" s="15">
        <v>45420</v>
      </c>
      <c r="F12819" s="14" t="s">
        <v>15</v>
      </c>
      <c r="G12819" s="16">
        <v>0</v>
      </c>
    </row>
    <row r="12820" spans="1:7" x14ac:dyDescent="0.3">
      <c r="A12820" s="13" t="s">
        <v>98</v>
      </c>
      <c r="B12820" s="14" t="s">
        <v>1</v>
      </c>
      <c r="C12820" s="14" t="s">
        <v>99</v>
      </c>
      <c r="D12820" s="14" t="s">
        <v>31</v>
      </c>
      <c r="E12820" s="15">
        <v>45421</v>
      </c>
      <c r="F12820" s="14" t="s">
        <v>15</v>
      </c>
      <c r="G12820" s="16">
        <v>0</v>
      </c>
    </row>
    <row r="12821" spans="1:7" x14ac:dyDescent="0.3">
      <c r="A12821" s="13" t="s">
        <v>98</v>
      </c>
      <c r="B12821" s="14" t="s">
        <v>1</v>
      </c>
      <c r="C12821" s="14" t="s">
        <v>99</v>
      </c>
      <c r="D12821" s="14" t="s">
        <v>31</v>
      </c>
      <c r="E12821" s="15">
        <v>45422</v>
      </c>
      <c r="F12821" s="14" t="s">
        <v>15</v>
      </c>
      <c r="G12821" s="16">
        <v>0</v>
      </c>
    </row>
    <row r="12822" spans="1:7" x14ac:dyDescent="0.3">
      <c r="A12822" s="13" t="s">
        <v>98</v>
      </c>
      <c r="B12822" s="14" t="s">
        <v>1</v>
      </c>
      <c r="C12822" s="14" t="s">
        <v>99</v>
      </c>
      <c r="D12822" s="14" t="s">
        <v>31</v>
      </c>
      <c r="E12822" s="15">
        <v>45423</v>
      </c>
      <c r="F12822" s="14" t="s">
        <v>15</v>
      </c>
      <c r="G12822" s="16">
        <v>0</v>
      </c>
    </row>
    <row r="12823" spans="1:7" x14ac:dyDescent="0.3">
      <c r="A12823" s="13" t="s">
        <v>98</v>
      </c>
      <c r="B12823" s="14" t="s">
        <v>1</v>
      </c>
      <c r="C12823" s="14" t="s">
        <v>99</v>
      </c>
      <c r="D12823" s="14" t="s">
        <v>31</v>
      </c>
      <c r="E12823" s="15">
        <v>45424</v>
      </c>
      <c r="F12823" s="14" t="s">
        <v>15</v>
      </c>
      <c r="G12823" s="16">
        <v>0</v>
      </c>
    </row>
    <row r="12824" spans="1:7" x14ac:dyDescent="0.3">
      <c r="A12824" s="13" t="s">
        <v>98</v>
      </c>
      <c r="B12824" s="14" t="s">
        <v>1</v>
      </c>
      <c r="C12824" s="14" t="s">
        <v>99</v>
      </c>
      <c r="D12824" s="14" t="s">
        <v>31</v>
      </c>
      <c r="E12824" s="15">
        <v>45425</v>
      </c>
      <c r="F12824" s="14" t="s">
        <v>15</v>
      </c>
      <c r="G12824" s="16">
        <v>0</v>
      </c>
    </row>
    <row r="12825" spans="1:7" x14ac:dyDescent="0.3">
      <c r="A12825" s="13" t="s">
        <v>98</v>
      </c>
      <c r="B12825" s="14" t="s">
        <v>1</v>
      </c>
      <c r="C12825" s="14" t="s">
        <v>99</v>
      </c>
      <c r="D12825" s="14" t="s">
        <v>31</v>
      </c>
      <c r="E12825" s="15">
        <v>45426</v>
      </c>
      <c r="F12825" s="14" t="s">
        <v>15</v>
      </c>
      <c r="G12825" s="16">
        <v>0</v>
      </c>
    </row>
    <row r="12826" spans="1:7" x14ac:dyDescent="0.3">
      <c r="A12826" s="13" t="s">
        <v>98</v>
      </c>
      <c r="B12826" s="14" t="s">
        <v>1</v>
      </c>
      <c r="C12826" s="14" t="s">
        <v>99</v>
      </c>
      <c r="D12826" s="14" t="s">
        <v>31</v>
      </c>
      <c r="E12826" s="15">
        <v>45427</v>
      </c>
      <c r="F12826" s="14" t="s">
        <v>15</v>
      </c>
      <c r="G12826" s="16">
        <v>0</v>
      </c>
    </row>
    <row r="12827" spans="1:7" x14ac:dyDescent="0.3">
      <c r="A12827" s="13" t="s">
        <v>98</v>
      </c>
      <c r="B12827" s="14" t="s">
        <v>1</v>
      </c>
      <c r="C12827" s="14" t="s">
        <v>99</v>
      </c>
      <c r="D12827" s="14" t="s">
        <v>31</v>
      </c>
      <c r="E12827" s="15">
        <v>45428</v>
      </c>
      <c r="F12827" s="14" t="s">
        <v>15</v>
      </c>
      <c r="G12827" s="16">
        <v>0</v>
      </c>
    </row>
    <row r="12828" spans="1:7" x14ac:dyDescent="0.3">
      <c r="A12828" s="13" t="s">
        <v>98</v>
      </c>
      <c r="B12828" s="14" t="s">
        <v>1</v>
      </c>
      <c r="C12828" s="14" t="s">
        <v>99</v>
      </c>
      <c r="D12828" s="14" t="s">
        <v>31</v>
      </c>
      <c r="E12828" s="15">
        <v>45429</v>
      </c>
      <c r="F12828" s="14" t="s">
        <v>15</v>
      </c>
      <c r="G12828" s="16">
        <v>0</v>
      </c>
    </row>
    <row r="12829" spans="1:7" x14ac:dyDescent="0.3">
      <c r="A12829" s="13" t="s">
        <v>98</v>
      </c>
      <c r="B12829" s="14" t="s">
        <v>1</v>
      </c>
      <c r="C12829" s="14" t="s">
        <v>99</v>
      </c>
      <c r="D12829" s="14" t="s">
        <v>31</v>
      </c>
      <c r="E12829" s="15">
        <v>45430</v>
      </c>
      <c r="F12829" s="14" t="s">
        <v>15</v>
      </c>
      <c r="G12829" s="16">
        <v>0</v>
      </c>
    </row>
    <row r="12830" spans="1:7" x14ac:dyDescent="0.3">
      <c r="A12830" s="13" t="s">
        <v>98</v>
      </c>
      <c r="B12830" s="14" t="s">
        <v>1</v>
      </c>
      <c r="C12830" s="14" t="s">
        <v>99</v>
      </c>
      <c r="D12830" s="14" t="s">
        <v>31</v>
      </c>
      <c r="E12830" s="15">
        <v>45431</v>
      </c>
      <c r="F12830" s="14" t="s">
        <v>15</v>
      </c>
      <c r="G12830" s="16">
        <v>0</v>
      </c>
    </row>
    <row r="12831" spans="1:7" x14ac:dyDescent="0.3">
      <c r="A12831" s="13" t="s">
        <v>98</v>
      </c>
      <c r="B12831" s="14" t="s">
        <v>1</v>
      </c>
      <c r="C12831" s="14" t="s">
        <v>99</v>
      </c>
      <c r="D12831" s="14" t="s">
        <v>31</v>
      </c>
      <c r="E12831" s="15">
        <v>45432</v>
      </c>
      <c r="F12831" s="14" t="s">
        <v>15</v>
      </c>
      <c r="G12831" s="16">
        <v>0</v>
      </c>
    </row>
    <row r="12832" spans="1:7" x14ac:dyDescent="0.3">
      <c r="A12832" s="13" t="s">
        <v>98</v>
      </c>
      <c r="B12832" s="14" t="s">
        <v>1</v>
      </c>
      <c r="C12832" s="14" t="s">
        <v>99</v>
      </c>
      <c r="D12832" s="14" t="s">
        <v>31</v>
      </c>
      <c r="E12832" s="15">
        <v>45433</v>
      </c>
      <c r="F12832" s="14" t="s">
        <v>15</v>
      </c>
      <c r="G12832" s="16">
        <v>0</v>
      </c>
    </row>
    <row r="12833" spans="1:7" x14ac:dyDescent="0.3">
      <c r="A12833" s="13" t="s">
        <v>98</v>
      </c>
      <c r="B12833" s="14" t="s">
        <v>1</v>
      </c>
      <c r="C12833" s="14" t="s">
        <v>99</v>
      </c>
      <c r="D12833" s="14" t="s">
        <v>31</v>
      </c>
      <c r="E12833" s="15">
        <v>45434</v>
      </c>
      <c r="F12833" s="14" t="s">
        <v>15</v>
      </c>
      <c r="G12833" s="16">
        <v>0</v>
      </c>
    </row>
    <row r="12834" spans="1:7" x14ac:dyDescent="0.3">
      <c r="A12834" s="13" t="s">
        <v>98</v>
      </c>
      <c r="B12834" s="14" t="s">
        <v>1</v>
      </c>
      <c r="C12834" s="14" t="s">
        <v>99</v>
      </c>
      <c r="D12834" s="14" t="s">
        <v>31</v>
      </c>
      <c r="E12834" s="15">
        <v>45435</v>
      </c>
      <c r="F12834" s="14" t="s">
        <v>15</v>
      </c>
      <c r="G12834" s="16">
        <v>0</v>
      </c>
    </row>
    <row r="12835" spans="1:7" x14ac:dyDescent="0.3">
      <c r="A12835" s="13" t="s">
        <v>98</v>
      </c>
      <c r="B12835" s="14" t="s">
        <v>1</v>
      </c>
      <c r="C12835" s="14" t="s">
        <v>99</v>
      </c>
      <c r="D12835" s="14" t="s">
        <v>31</v>
      </c>
      <c r="E12835" s="15">
        <v>45436</v>
      </c>
      <c r="F12835" s="14" t="s">
        <v>15</v>
      </c>
      <c r="G12835" s="16">
        <v>0</v>
      </c>
    </row>
    <row r="12836" spans="1:7" x14ac:dyDescent="0.3">
      <c r="A12836" s="13" t="s">
        <v>98</v>
      </c>
      <c r="B12836" s="14" t="s">
        <v>1</v>
      </c>
      <c r="C12836" s="14" t="s">
        <v>99</v>
      </c>
      <c r="D12836" s="14" t="s">
        <v>31</v>
      </c>
      <c r="E12836" s="15">
        <v>45437</v>
      </c>
      <c r="F12836" s="14" t="s">
        <v>15</v>
      </c>
      <c r="G12836" s="16">
        <v>0</v>
      </c>
    </row>
    <row r="12837" spans="1:7" x14ac:dyDescent="0.3">
      <c r="A12837" s="13" t="s">
        <v>98</v>
      </c>
      <c r="B12837" s="14" t="s">
        <v>1</v>
      </c>
      <c r="C12837" s="14" t="s">
        <v>99</v>
      </c>
      <c r="D12837" s="14" t="s">
        <v>31</v>
      </c>
      <c r="E12837" s="15">
        <v>45438</v>
      </c>
      <c r="F12837" s="14" t="s">
        <v>15</v>
      </c>
      <c r="G12837" s="16">
        <v>0</v>
      </c>
    </row>
    <row r="12838" spans="1:7" x14ac:dyDescent="0.3">
      <c r="A12838" s="13" t="s">
        <v>98</v>
      </c>
      <c r="B12838" s="14" t="s">
        <v>1</v>
      </c>
      <c r="C12838" s="14" t="s">
        <v>99</v>
      </c>
      <c r="D12838" s="14" t="s">
        <v>31</v>
      </c>
      <c r="E12838" s="15">
        <v>45439</v>
      </c>
      <c r="F12838" s="14" t="s">
        <v>15</v>
      </c>
      <c r="G12838" s="16">
        <v>0</v>
      </c>
    </row>
    <row r="12839" spans="1:7" x14ac:dyDescent="0.3">
      <c r="A12839" s="13" t="s">
        <v>98</v>
      </c>
      <c r="B12839" s="14" t="s">
        <v>1</v>
      </c>
      <c r="C12839" s="14" t="s">
        <v>99</v>
      </c>
      <c r="D12839" s="14" t="s">
        <v>31</v>
      </c>
      <c r="E12839" s="15">
        <v>45440</v>
      </c>
      <c r="F12839" s="14" t="s">
        <v>15</v>
      </c>
      <c r="G12839" s="16">
        <v>0</v>
      </c>
    </row>
    <row r="12840" spans="1:7" x14ac:dyDescent="0.3">
      <c r="A12840" s="13" t="s">
        <v>98</v>
      </c>
      <c r="B12840" s="14" t="s">
        <v>1</v>
      </c>
      <c r="C12840" s="14" t="s">
        <v>99</v>
      </c>
      <c r="D12840" s="14" t="s">
        <v>31</v>
      </c>
      <c r="E12840" s="15">
        <v>45441</v>
      </c>
      <c r="F12840" s="14" t="s">
        <v>15</v>
      </c>
      <c r="G12840" s="16">
        <v>0</v>
      </c>
    </row>
    <row r="12841" spans="1:7" x14ac:dyDescent="0.3">
      <c r="A12841" s="13" t="s">
        <v>98</v>
      </c>
      <c r="B12841" s="14" t="s">
        <v>1</v>
      </c>
      <c r="C12841" s="14" t="s">
        <v>99</v>
      </c>
      <c r="D12841" s="14" t="s">
        <v>31</v>
      </c>
      <c r="E12841" s="15">
        <v>45442</v>
      </c>
      <c r="F12841" s="14" t="s">
        <v>15</v>
      </c>
      <c r="G12841" s="16">
        <v>0</v>
      </c>
    </row>
    <row r="12842" spans="1:7" x14ac:dyDescent="0.3">
      <c r="A12842" s="13" t="s">
        <v>98</v>
      </c>
      <c r="B12842" s="14" t="s">
        <v>1</v>
      </c>
      <c r="C12842" s="14" t="s">
        <v>99</v>
      </c>
      <c r="D12842" s="14" t="s">
        <v>31</v>
      </c>
      <c r="E12842" s="15">
        <v>45443</v>
      </c>
      <c r="F12842" s="14" t="s">
        <v>15</v>
      </c>
      <c r="G12842" s="16">
        <v>0</v>
      </c>
    </row>
    <row r="12843" spans="1:7" x14ac:dyDescent="0.3">
      <c r="A12843" s="13" t="s">
        <v>98</v>
      </c>
      <c r="B12843" s="14" t="s">
        <v>1</v>
      </c>
      <c r="C12843" s="14" t="s">
        <v>99</v>
      </c>
      <c r="D12843" s="14" t="s">
        <v>31</v>
      </c>
      <c r="E12843" s="15">
        <v>45444</v>
      </c>
      <c r="F12843" s="14" t="s">
        <v>15</v>
      </c>
      <c r="G12843" s="16">
        <v>0</v>
      </c>
    </row>
    <row r="12844" spans="1:7" x14ac:dyDescent="0.3">
      <c r="A12844" s="13" t="s">
        <v>98</v>
      </c>
      <c r="B12844" s="14" t="s">
        <v>1</v>
      </c>
      <c r="C12844" s="14" t="s">
        <v>99</v>
      </c>
      <c r="D12844" s="14" t="s">
        <v>31</v>
      </c>
      <c r="E12844" s="15">
        <v>45445</v>
      </c>
      <c r="F12844" s="14" t="s">
        <v>15</v>
      </c>
      <c r="G12844" s="16">
        <v>0</v>
      </c>
    </row>
    <row r="12845" spans="1:7" x14ac:dyDescent="0.3">
      <c r="A12845" s="13" t="s">
        <v>98</v>
      </c>
      <c r="B12845" s="14" t="s">
        <v>1</v>
      </c>
      <c r="C12845" s="14" t="s">
        <v>99</v>
      </c>
      <c r="D12845" s="14" t="s">
        <v>31</v>
      </c>
      <c r="E12845" s="15">
        <v>45446</v>
      </c>
      <c r="F12845" s="14" t="s">
        <v>15</v>
      </c>
      <c r="G12845" s="16">
        <v>0</v>
      </c>
    </row>
    <row r="12846" spans="1:7" x14ac:dyDescent="0.3">
      <c r="A12846" s="13" t="s">
        <v>98</v>
      </c>
      <c r="B12846" s="14" t="s">
        <v>1</v>
      </c>
      <c r="C12846" s="14" t="s">
        <v>99</v>
      </c>
      <c r="D12846" s="14" t="s">
        <v>31</v>
      </c>
      <c r="E12846" s="15">
        <v>45447</v>
      </c>
      <c r="F12846" s="14" t="s">
        <v>15</v>
      </c>
      <c r="G12846" s="16">
        <v>0</v>
      </c>
    </row>
    <row r="12847" spans="1:7" x14ac:dyDescent="0.3">
      <c r="A12847" s="13" t="s">
        <v>98</v>
      </c>
      <c r="B12847" s="14" t="s">
        <v>1</v>
      </c>
      <c r="C12847" s="14" t="s">
        <v>99</v>
      </c>
      <c r="D12847" s="14" t="s">
        <v>31</v>
      </c>
      <c r="E12847" s="15">
        <v>45448</v>
      </c>
      <c r="F12847" s="14" t="s">
        <v>15</v>
      </c>
      <c r="G12847" s="16">
        <v>0</v>
      </c>
    </row>
    <row r="12848" spans="1:7" x14ac:dyDescent="0.3">
      <c r="A12848" s="13" t="s">
        <v>98</v>
      </c>
      <c r="B12848" s="14" t="s">
        <v>1</v>
      </c>
      <c r="C12848" s="14" t="s">
        <v>99</v>
      </c>
      <c r="D12848" s="14" t="s">
        <v>31</v>
      </c>
      <c r="E12848" s="15">
        <v>45449</v>
      </c>
      <c r="F12848" s="14" t="s">
        <v>15</v>
      </c>
      <c r="G12848" s="16">
        <v>0</v>
      </c>
    </row>
    <row r="12849" spans="1:7" x14ac:dyDescent="0.3">
      <c r="A12849" s="13" t="s">
        <v>98</v>
      </c>
      <c r="B12849" s="14" t="s">
        <v>1</v>
      </c>
      <c r="C12849" s="14" t="s">
        <v>99</v>
      </c>
      <c r="D12849" s="14" t="s">
        <v>31</v>
      </c>
      <c r="E12849" s="15">
        <v>45450</v>
      </c>
      <c r="F12849" s="14" t="s">
        <v>15</v>
      </c>
      <c r="G12849" s="16">
        <v>0</v>
      </c>
    </row>
    <row r="12850" spans="1:7" x14ac:dyDescent="0.3">
      <c r="A12850" s="13" t="s">
        <v>98</v>
      </c>
      <c r="B12850" s="14" t="s">
        <v>1</v>
      </c>
      <c r="C12850" s="14" t="s">
        <v>99</v>
      </c>
      <c r="D12850" s="14" t="s">
        <v>31</v>
      </c>
      <c r="E12850" s="15">
        <v>45451</v>
      </c>
      <c r="F12850" s="14" t="s">
        <v>15</v>
      </c>
      <c r="G12850" s="16">
        <v>0</v>
      </c>
    </row>
    <row r="12851" spans="1:7" x14ac:dyDescent="0.3">
      <c r="A12851" s="13" t="s">
        <v>98</v>
      </c>
      <c r="B12851" s="14" t="s">
        <v>1</v>
      </c>
      <c r="C12851" s="14" t="s">
        <v>99</v>
      </c>
      <c r="D12851" s="14" t="s">
        <v>31</v>
      </c>
      <c r="E12851" s="15">
        <v>45452</v>
      </c>
      <c r="F12851" s="14" t="s">
        <v>15</v>
      </c>
      <c r="G12851" s="16">
        <v>0</v>
      </c>
    </row>
    <row r="12852" spans="1:7" x14ac:dyDescent="0.3">
      <c r="A12852" s="13" t="s">
        <v>98</v>
      </c>
      <c r="B12852" s="14" t="s">
        <v>1</v>
      </c>
      <c r="C12852" s="14" t="s">
        <v>99</v>
      </c>
      <c r="D12852" s="14" t="s">
        <v>31</v>
      </c>
      <c r="E12852" s="15">
        <v>45453</v>
      </c>
      <c r="F12852" s="14" t="s">
        <v>15</v>
      </c>
      <c r="G12852" s="16">
        <v>0</v>
      </c>
    </row>
    <row r="12853" spans="1:7" x14ac:dyDescent="0.3">
      <c r="A12853" s="13" t="s">
        <v>98</v>
      </c>
      <c r="B12853" s="14" t="s">
        <v>1</v>
      </c>
      <c r="C12853" s="14" t="s">
        <v>99</v>
      </c>
      <c r="D12853" s="14" t="s">
        <v>31</v>
      </c>
      <c r="E12853" s="15">
        <v>45454</v>
      </c>
      <c r="F12853" s="14" t="s">
        <v>15</v>
      </c>
      <c r="G12853" s="16">
        <v>0</v>
      </c>
    </row>
    <row r="12854" spans="1:7" x14ac:dyDescent="0.3">
      <c r="A12854" s="13" t="s">
        <v>98</v>
      </c>
      <c r="B12854" s="14" t="s">
        <v>1</v>
      </c>
      <c r="C12854" s="14" t="s">
        <v>99</v>
      </c>
      <c r="D12854" s="14" t="s">
        <v>31</v>
      </c>
      <c r="E12854" s="15">
        <v>45455</v>
      </c>
      <c r="F12854" s="14" t="s">
        <v>15</v>
      </c>
      <c r="G12854" s="16">
        <v>0</v>
      </c>
    </row>
    <row r="12855" spans="1:7" x14ac:dyDescent="0.3">
      <c r="A12855" s="13" t="s">
        <v>98</v>
      </c>
      <c r="B12855" s="14" t="s">
        <v>1</v>
      </c>
      <c r="C12855" s="14" t="s">
        <v>99</v>
      </c>
      <c r="D12855" s="14" t="s">
        <v>31</v>
      </c>
      <c r="E12855" s="15">
        <v>45456</v>
      </c>
      <c r="F12855" s="14" t="s">
        <v>15</v>
      </c>
      <c r="G12855" s="16">
        <v>0</v>
      </c>
    </row>
    <row r="12856" spans="1:7" x14ac:dyDescent="0.3">
      <c r="A12856" s="13" t="s">
        <v>98</v>
      </c>
      <c r="B12856" s="14" t="s">
        <v>1</v>
      </c>
      <c r="C12856" s="14" t="s">
        <v>99</v>
      </c>
      <c r="D12856" s="14" t="s">
        <v>31</v>
      </c>
      <c r="E12856" s="15">
        <v>45457</v>
      </c>
      <c r="F12856" s="14" t="s">
        <v>15</v>
      </c>
      <c r="G12856" s="16">
        <v>0</v>
      </c>
    </row>
    <row r="12857" spans="1:7" x14ac:dyDescent="0.3">
      <c r="A12857" s="13" t="s">
        <v>98</v>
      </c>
      <c r="B12857" s="14" t="s">
        <v>1</v>
      </c>
      <c r="C12857" s="14" t="s">
        <v>99</v>
      </c>
      <c r="D12857" s="14" t="s">
        <v>31</v>
      </c>
      <c r="E12857" s="15">
        <v>45458</v>
      </c>
      <c r="F12857" s="14" t="s">
        <v>15</v>
      </c>
      <c r="G12857" s="16">
        <v>0</v>
      </c>
    </row>
    <row r="12858" spans="1:7" x14ac:dyDescent="0.3">
      <c r="A12858" s="13" t="s">
        <v>98</v>
      </c>
      <c r="B12858" s="14" t="s">
        <v>1</v>
      </c>
      <c r="C12858" s="14" t="s">
        <v>99</v>
      </c>
      <c r="D12858" s="14" t="s">
        <v>31</v>
      </c>
      <c r="E12858" s="15">
        <v>45459</v>
      </c>
      <c r="F12858" s="14" t="s">
        <v>15</v>
      </c>
      <c r="G12858" s="16">
        <v>0</v>
      </c>
    </row>
    <row r="12859" spans="1:7" x14ac:dyDescent="0.3">
      <c r="A12859" s="13" t="s">
        <v>98</v>
      </c>
      <c r="B12859" s="14" t="s">
        <v>1</v>
      </c>
      <c r="C12859" s="14" t="s">
        <v>99</v>
      </c>
      <c r="D12859" s="14" t="s">
        <v>31</v>
      </c>
      <c r="E12859" s="15">
        <v>45460</v>
      </c>
      <c r="F12859" s="14" t="s">
        <v>15</v>
      </c>
      <c r="G12859" s="16">
        <v>0</v>
      </c>
    </row>
    <row r="12860" spans="1:7" x14ac:dyDescent="0.3">
      <c r="A12860" s="13" t="s">
        <v>98</v>
      </c>
      <c r="B12860" s="14" t="s">
        <v>1</v>
      </c>
      <c r="C12860" s="14" t="s">
        <v>99</v>
      </c>
      <c r="D12860" s="14" t="s">
        <v>31</v>
      </c>
      <c r="E12860" s="15">
        <v>45461</v>
      </c>
      <c r="F12860" s="14" t="s">
        <v>15</v>
      </c>
      <c r="G12860" s="16">
        <v>0</v>
      </c>
    </row>
    <row r="12861" spans="1:7" x14ac:dyDescent="0.3">
      <c r="A12861" s="13" t="s">
        <v>98</v>
      </c>
      <c r="B12861" s="14" t="s">
        <v>1</v>
      </c>
      <c r="C12861" s="14" t="s">
        <v>99</v>
      </c>
      <c r="D12861" s="14" t="s">
        <v>31</v>
      </c>
      <c r="E12861" s="15">
        <v>45462</v>
      </c>
      <c r="F12861" s="14" t="s">
        <v>15</v>
      </c>
      <c r="G12861" s="16">
        <v>0</v>
      </c>
    </row>
    <row r="12862" spans="1:7" x14ac:dyDescent="0.3">
      <c r="A12862" s="13" t="s">
        <v>98</v>
      </c>
      <c r="B12862" s="14" t="s">
        <v>1</v>
      </c>
      <c r="C12862" s="14" t="s">
        <v>99</v>
      </c>
      <c r="D12862" s="14" t="s">
        <v>31</v>
      </c>
      <c r="E12862" s="15">
        <v>45463</v>
      </c>
      <c r="F12862" s="14" t="s">
        <v>15</v>
      </c>
      <c r="G12862" s="16">
        <v>0</v>
      </c>
    </row>
    <row r="12863" spans="1:7" x14ac:dyDescent="0.3">
      <c r="A12863" s="13" t="s">
        <v>98</v>
      </c>
      <c r="B12863" s="14" t="s">
        <v>1</v>
      </c>
      <c r="C12863" s="14" t="s">
        <v>99</v>
      </c>
      <c r="D12863" s="14" t="s">
        <v>31</v>
      </c>
      <c r="E12863" s="15">
        <v>45464</v>
      </c>
      <c r="F12863" s="14" t="s">
        <v>15</v>
      </c>
      <c r="G12863" s="16">
        <v>0</v>
      </c>
    </row>
    <row r="12864" spans="1:7" x14ac:dyDescent="0.3">
      <c r="A12864" s="13" t="s">
        <v>98</v>
      </c>
      <c r="B12864" s="14" t="s">
        <v>1</v>
      </c>
      <c r="C12864" s="14" t="s">
        <v>99</v>
      </c>
      <c r="D12864" s="14" t="s">
        <v>31</v>
      </c>
      <c r="E12864" s="15">
        <v>45465</v>
      </c>
      <c r="F12864" s="14" t="s">
        <v>15</v>
      </c>
      <c r="G12864" s="16">
        <v>0</v>
      </c>
    </row>
    <row r="12865" spans="1:7" x14ac:dyDescent="0.3">
      <c r="A12865" s="13" t="s">
        <v>98</v>
      </c>
      <c r="B12865" s="14" t="s">
        <v>1</v>
      </c>
      <c r="C12865" s="14" t="s">
        <v>99</v>
      </c>
      <c r="D12865" s="14" t="s">
        <v>31</v>
      </c>
      <c r="E12865" s="15">
        <v>45466</v>
      </c>
      <c r="F12865" s="14" t="s">
        <v>15</v>
      </c>
      <c r="G12865" s="16">
        <v>0</v>
      </c>
    </row>
    <row r="12866" spans="1:7" x14ac:dyDescent="0.3">
      <c r="A12866" s="13" t="s">
        <v>98</v>
      </c>
      <c r="B12866" s="14" t="s">
        <v>1</v>
      </c>
      <c r="C12866" s="14" t="s">
        <v>99</v>
      </c>
      <c r="D12866" s="14" t="s">
        <v>31</v>
      </c>
      <c r="E12866" s="15">
        <v>45467</v>
      </c>
      <c r="F12866" s="14" t="s">
        <v>15</v>
      </c>
      <c r="G12866" s="16">
        <v>0</v>
      </c>
    </row>
    <row r="12867" spans="1:7" x14ac:dyDescent="0.3">
      <c r="A12867" s="13" t="s">
        <v>98</v>
      </c>
      <c r="B12867" s="14" t="s">
        <v>1</v>
      </c>
      <c r="C12867" s="14" t="s">
        <v>99</v>
      </c>
      <c r="D12867" s="14" t="s">
        <v>31</v>
      </c>
      <c r="E12867" s="15">
        <v>45468</v>
      </c>
      <c r="F12867" s="14" t="s">
        <v>15</v>
      </c>
      <c r="G12867" s="16">
        <v>0</v>
      </c>
    </row>
    <row r="12868" spans="1:7" x14ac:dyDescent="0.3">
      <c r="A12868" s="13" t="s">
        <v>98</v>
      </c>
      <c r="B12868" s="14" t="s">
        <v>1</v>
      </c>
      <c r="C12868" s="14" t="s">
        <v>99</v>
      </c>
      <c r="D12868" s="14" t="s">
        <v>31</v>
      </c>
      <c r="E12868" s="15">
        <v>45469</v>
      </c>
      <c r="F12868" s="14" t="s">
        <v>15</v>
      </c>
      <c r="G12868" s="16">
        <v>0</v>
      </c>
    </row>
    <row r="12869" spans="1:7" x14ac:dyDescent="0.3">
      <c r="A12869" s="13" t="s">
        <v>98</v>
      </c>
      <c r="B12869" s="14" t="s">
        <v>1</v>
      </c>
      <c r="C12869" s="14" t="s">
        <v>99</v>
      </c>
      <c r="D12869" s="14" t="s">
        <v>31</v>
      </c>
      <c r="E12869" s="15">
        <v>45470</v>
      </c>
      <c r="F12869" s="14" t="s">
        <v>15</v>
      </c>
      <c r="G12869" s="16">
        <v>0</v>
      </c>
    </row>
    <row r="12870" spans="1:7" x14ac:dyDescent="0.3">
      <c r="A12870" s="13" t="s">
        <v>98</v>
      </c>
      <c r="B12870" s="14" t="s">
        <v>1</v>
      </c>
      <c r="C12870" s="14" t="s">
        <v>99</v>
      </c>
      <c r="D12870" s="14" t="s">
        <v>31</v>
      </c>
      <c r="E12870" s="15">
        <v>45471</v>
      </c>
      <c r="F12870" s="14" t="s">
        <v>15</v>
      </c>
      <c r="G12870" s="16">
        <v>0</v>
      </c>
    </row>
    <row r="12871" spans="1:7" x14ac:dyDescent="0.3">
      <c r="A12871" s="13" t="s">
        <v>98</v>
      </c>
      <c r="B12871" s="14" t="s">
        <v>1</v>
      </c>
      <c r="C12871" s="14" t="s">
        <v>99</v>
      </c>
      <c r="D12871" s="14" t="s">
        <v>31</v>
      </c>
      <c r="E12871" s="15">
        <v>45472</v>
      </c>
      <c r="F12871" s="14" t="s">
        <v>15</v>
      </c>
      <c r="G12871" s="16">
        <v>0</v>
      </c>
    </row>
    <row r="12872" spans="1:7" x14ac:dyDescent="0.3">
      <c r="A12872" s="13" t="s">
        <v>98</v>
      </c>
      <c r="B12872" s="14" t="s">
        <v>1</v>
      </c>
      <c r="C12872" s="14" t="s">
        <v>99</v>
      </c>
      <c r="D12872" s="14" t="s">
        <v>31</v>
      </c>
      <c r="E12872" s="15">
        <v>45473</v>
      </c>
      <c r="F12872" s="14" t="s">
        <v>15</v>
      </c>
      <c r="G12872" s="16">
        <v>0</v>
      </c>
    </row>
    <row r="12873" spans="1:7" x14ac:dyDescent="0.3">
      <c r="A12873" s="13" t="s">
        <v>98</v>
      </c>
      <c r="B12873" s="14" t="s">
        <v>1</v>
      </c>
      <c r="C12873" s="14" t="s">
        <v>99</v>
      </c>
      <c r="D12873" s="14" t="s">
        <v>31</v>
      </c>
      <c r="E12873" s="15">
        <v>45474</v>
      </c>
      <c r="F12873" s="14" t="s">
        <v>15</v>
      </c>
      <c r="G12873" s="16">
        <v>0</v>
      </c>
    </row>
    <row r="12874" spans="1:7" x14ac:dyDescent="0.3">
      <c r="A12874" s="13" t="s">
        <v>98</v>
      </c>
      <c r="B12874" s="14" t="s">
        <v>1</v>
      </c>
      <c r="C12874" s="14" t="s">
        <v>99</v>
      </c>
      <c r="D12874" s="14" t="s">
        <v>31</v>
      </c>
      <c r="E12874" s="15">
        <v>45475</v>
      </c>
      <c r="F12874" s="14" t="s">
        <v>15</v>
      </c>
      <c r="G12874" s="16">
        <v>0</v>
      </c>
    </row>
    <row r="12875" spans="1:7" x14ac:dyDescent="0.3">
      <c r="A12875" s="13" t="s">
        <v>98</v>
      </c>
      <c r="B12875" s="14" t="s">
        <v>1</v>
      </c>
      <c r="C12875" s="14" t="s">
        <v>99</v>
      </c>
      <c r="D12875" s="14" t="s">
        <v>31</v>
      </c>
      <c r="E12875" s="15">
        <v>45476</v>
      </c>
      <c r="F12875" s="14" t="s">
        <v>15</v>
      </c>
      <c r="G12875" s="16">
        <v>0</v>
      </c>
    </row>
    <row r="12876" spans="1:7" x14ac:dyDescent="0.3">
      <c r="A12876" s="13" t="s">
        <v>98</v>
      </c>
      <c r="B12876" s="14" t="s">
        <v>1</v>
      </c>
      <c r="C12876" s="14" t="s">
        <v>99</v>
      </c>
      <c r="D12876" s="14" t="s">
        <v>31</v>
      </c>
      <c r="E12876" s="15">
        <v>45477</v>
      </c>
      <c r="F12876" s="14" t="s">
        <v>15</v>
      </c>
      <c r="G12876" s="16">
        <v>0</v>
      </c>
    </row>
    <row r="12877" spans="1:7" x14ac:dyDescent="0.3">
      <c r="A12877" s="13" t="s">
        <v>98</v>
      </c>
      <c r="B12877" s="14" t="s">
        <v>1</v>
      </c>
      <c r="C12877" s="14" t="s">
        <v>99</v>
      </c>
      <c r="D12877" s="14" t="s">
        <v>31</v>
      </c>
      <c r="E12877" s="15">
        <v>45478</v>
      </c>
      <c r="F12877" s="14" t="s">
        <v>15</v>
      </c>
      <c r="G12877" s="16">
        <v>0</v>
      </c>
    </row>
    <row r="12878" spans="1:7" x14ac:dyDescent="0.3">
      <c r="A12878" s="13" t="s">
        <v>98</v>
      </c>
      <c r="B12878" s="14" t="s">
        <v>1</v>
      </c>
      <c r="C12878" s="14" t="s">
        <v>99</v>
      </c>
      <c r="D12878" s="14" t="s">
        <v>31</v>
      </c>
      <c r="E12878" s="15">
        <v>45479</v>
      </c>
      <c r="F12878" s="14" t="s">
        <v>15</v>
      </c>
      <c r="G12878" s="16">
        <v>0</v>
      </c>
    </row>
    <row r="12879" spans="1:7" x14ac:dyDescent="0.3">
      <c r="A12879" s="13" t="s">
        <v>98</v>
      </c>
      <c r="B12879" s="14" t="s">
        <v>1</v>
      </c>
      <c r="C12879" s="14" t="s">
        <v>99</v>
      </c>
      <c r="D12879" s="14" t="s">
        <v>31</v>
      </c>
      <c r="E12879" s="15">
        <v>45480</v>
      </c>
      <c r="F12879" s="14" t="s">
        <v>15</v>
      </c>
      <c r="G12879" s="16">
        <v>0</v>
      </c>
    </row>
    <row r="12880" spans="1:7" x14ac:dyDescent="0.3">
      <c r="A12880" s="13" t="s">
        <v>98</v>
      </c>
      <c r="B12880" s="14" t="s">
        <v>1</v>
      </c>
      <c r="C12880" s="14" t="s">
        <v>99</v>
      </c>
      <c r="D12880" s="14" t="s">
        <v>31</v>
      </c>
      <c r="E12880" s="15">
        <v>45481</v>
      </c>
      <c r="F12880" s="14" t="s">
        <v>15</v>
      </c>
      <c r="G12880" s="16">
        <v>0</v>
      </c>
    </row>
    <row r="12881" spans="1:7" x14ac:dyDescent="0.3">
      <c r="A12881" s="13" t="s">
        <v>98</v>
      </c>
      <c r="B12881" s="14" t="s">
        <v>1</v>
      </c>
      <c r="C12881" s="14" t="s">
        <v>99</v>
      </c>
      <c r="D12881" s="14" t="s">
        <v>31</v>
      </c>
      <c r="E12881" s="15">
        <v>45482</v>
      </c>
      <c r="F12881" s="14" t="s">
        <v>15</v>
      </c>
      <c r="G12881" s="16">
        <v>0</v>
      </c>
    </row>
    <row r="12882" spans="1:7" x14ac:dyDescent="0.3">
      <c r="A12882" s="13" t="s">
        <v>98</v>
      </c>
      <c r="B12882" s="14" t="s">
        <v>1</v>
      </c>
      <c r="C12882" s="14" t="s">
        <v>99</v>
      </c>
      <c r="D12882" s="14" t="s">
        <v>31</v>
      </c>
      <c r="E12882" s="15">
        <v>45483</v>
      </c>
      <c r="F12882" s="14" t="s">
        <v>15</v>
      </c>
      <c r="G12882" s="16">
        <v>0</v>
      </c>
    </row>
    <row r="12883" spans="1:7" x14ac:dyDescent="0.3">
      <c r="A12883" s="13" t="s">
        <v>98</v>
      </c>
      <c r="B12883" s="14" t="s">
        <v>1</v>
      </c>
      <c r="C12883" s="14" t="s">
        <v>99</v>
      </c>
      <c r="D12883" s="14" t="s">
        <v>31</v>
      </c>
      <c r="E12883" s="15">
        <v>45484</v>
      </c>
      <c r="F12883" s="14" t="s">
        <v>15</v>
      </c>
      <c r="G12883" s="16">
        <v>0</v>
      </c>
    </row>
    <row r="12884" spans="1:7" x14ac:dyDescent="0.3">
      <c r="A12884" s="13" t="s">
        <v>98</v>
      </c>
      <c r="B12884" s="14" t="s">
        <v>1</v>
      </c>
      <c r="C12884" s="14" t="s">
        <v>99</v>
      </c>
      <c r="D12884" s="14" t="s">
        <v>31</v>
      </c>
      <c r="E12884" s="15">
        <v>45485</v>
      </c>
      <c r="F12884" s="14" t="s">
        <v>15</v>
      </c>
      <c r="G12884" s="16">
        <v>0</v>
      </c>
    </row>
    <row r="12885" spans="1:7" x14ac:dyDescent="0.3">
      <c r="A12885" s="13" t="s">
        <v>98</v>
      </c>
      <c r="B12885" s="14" t="s">
        <v>1</v>
      </c>
      <c r="C12885" s="14" t="s">
        <v>99</v>
      </c>
      <c r="D12885" s="14" t="s">
        <v>31</v>
      </c>
      <c r="E12885" s="15">
        <v>45486</v>
      </c>
      <c r="F12885" s="14" t="s">
        <v>15</v>
      </c>
      <c r="G12885" s="16">
        <v>0</v>
      </c>
    </row>
    <row r="12886" spans="1:7" x14ac:dyDescent="0.3">
      <c r="A12886" s="13" t="s">
        <v>98</v>
      </c>
      <c r="B12886" s="14" t="s">
        <v>1</v>
      </c>
      <c r="C12886" s="14" t="s">
        <v>99</v>
      </c>
      <c r="D12886" s="14" t="s">
        <v>31</v>
      </c>
      <c r="E12886" s="15">
        <v>45487</v>
      </c>
      <c r="F12886" s="14" t="s">
        <v>15</v>
      </c>
      <c r="G12886" s="16">
        <v>0</v>
      </c>
    </row>
    <row r="12887" spans="1:7" x14ac:dyDescent="0.3">
      <c r="A12887" s="13" t="s">
        <v>98</v>
      </c>
      <c r="B12887" s="14" t="s">
        <v>1</v>
      </c>
      <c r="C12887" s="14" t="s">
        <v>99</v>
      </c>
      <c r="D12887" s="14" t="s">
        <v>31</v>
      </c>
      <c r="E12887" s="15">
        <v>45488</v>
      </c>
      <c r="F12887" s="14" t="s">
        <v>15</v>
      </c>
      <c r="G12887" s="16">
        <v>0</v>
      </c>
    </row>
    <row r="12888" spans="1:7" x14ac:dyDescent="0.3">
      <c r="A12888" s="13" t="s">
        <v>98</v>
      </c>
      <c r="B12888" s="14" t="s">
        <v>1</v>
      </c>
      <c r="C12888" s="14" t="s">
        <v>99</v>
      </c>
      <c r="D12888" s="14" t="s">
        <v>31</v>
      </c>
      <c r="E12888" s="15">
        <v>45489</v>
      </c>
      <c r="F12888" s="14" t="s">
        <v>15</v>
      </c>
      <c r="G12888" s="16">
        <v>0</v>
      </c>
    </row>
    <row r="12889" spans="1:7" x14ac:dyDescent="0.3">
      <c r="A12889" s="13" t="s">
        <v>98</v>
      </c>
      <c r="B12889" s="14" t="s">
        <v>1</v>
      </c>
      <c r="C12889" s="14" t="s">
        <v>99</v>
      </c>
      <c r="D12889" s="14" t="s">
        <v>31</v>
      </c>
      <c r="E12889" s="15">
        <v>45490</v>
      </c>
      <c r="F12889" s="14" t="s">
        <v>15</v>
      </c>
      <c r="G12889" s="16">
        <v>0</v>
      </c>
    </row>
    <row r="12890" spans="1:7" x14ac:dyDescent="0.3">
      <c r="A12890" s="13" t="s">
        <v>98</v>
      </c>
      <c r="B12890" s="14" t="s">
        <v>1</v>
      </c>
      <c r="C12890" s="14" t="s">
        <v>99</v>
      </c>
      <c r="D12890" s="14" t="s">
        <v>31</v>
      </c>
      <c r="E12890" s="15">
        <v>45491</v>
      </c>
      <c r="F12890" s="14" t="s">
        <v>15</v>
      </c>
      <c r="G12890" s="16">
        <v>0</v>
      </c>
    </row>
    <row r="12891" spans="1:7" x14ac:dyDescent="0.3">
      <c r="A12891" s="13" t="s">
        <v>98</v>
      </c>
      <c r="B12891" s="14" t="s">
        <v>1</v>
      </c>
      <c r="C12891" s="14" t="s">
        <v>99</v>
      </c>
      <c r="D12891" s="14" t="s">
        <v>31</v>
      </c>
      <c r="E12891" s="15">
        <v>45492</v>
      </c>
      <c r="F12891" s="14" t="s">
        <v>15</v>
      </c>
      <c r="G12891" s="16">
        <v>0</v>
      </c>
    </row>
    <row r="12892" spans="1:7" x14ac:dyDescent="0.3">
      <c r="A12892" s="13" t="s">
        <v>98</v>
      </c>
      <c r="B12892" s="14" t="s">
        <v>1</v>
      </c>
      <c r="C12892" s="14" t="s">
        <v>99</v>
      </c>
      <c r="D12892" s="14" t="s">
        <v>31</v>
      </c>
      <c r="E12892" s="15">
        <v>45493</v>
      </c>
      <c r="F12892" s="14" t="s">
        <v>15</v>
      </c>
      <c r="G12892" s="16">
        <v>0</v>
      </c>
    </row>
    <row r="12893" spans="1:7" x14ac:dyDescent="0.3">
      <c r="A12893" s="13" t="s">
        <v>98</v>
      </c>
      <c r="B12893" s="14" t="s">
        <v>1</v>
      </c>
      <c r="C12893" s="14" t="s">
        <v>99</v>
      </c>
      <c r="D12893" s="14" t="s">
        <v>31</v>
      </c>
      <c r="E12893" s="15">
        <v>45494</v>
      </c>
      <c r="F12893" s="14" t="s">
        <v>15</v>
      </c>
      <c r="G12893" s="16">
        <v>0</v>
      </c>
    </row>
    <row r="12894" spans="1:7" x14ac:dyDescent="0.3">
      <c r="A12894" s="13" t="s">
        <v>98</v>
      </c>
      <c r="B12894" s="14" t="s">
        <v>1</v>
      </c>
      <c r="C12894" s="14" t="s">
        <v>99</v>
      </c>
      <c r="D12894" s="14" t="s">
        <v>31</v>
      </c>
      <c r="E12894" s="15">
        <v>45495</v>
      </c>
      <c r="F12894" s="14" t="s">
        <v>15</v>
      </c>
      <c r="G12894" s="16">
        <v>0</v>
      </c>
    </row>
    <row r="12895" spans="1:7" x14ac:dyDescent="0.3">
      <c r="A12895" s="13" t="s">
        <v>98</v>
      </c>
      <c r="B12895" s="14" t="s">
        <v>1</v>
      </c>
      <c r="C12895" s="14" t="s">
        <v>99</v>
      </c>
      <c r="D12895" s="14" t="s">
        <v>31</v>
      </c>
      <c r="E12895" s="15">
        <v>45496</v>
      </c>
      <c r="F12895" s="14" t="s">
        <v>15</v>
      </c>
      <c r="G12895" s="16">
        <v>0</v>
      </c>
    </row>
    <row r="12896" spans="1:7" x14ac:dyDescent="0.3">
      <c r="A12896" s="13" t="s">
        <v>98</v>
      </c>
      <c r="B12896" s="14" t="s">
        <v>1</v>
      </c>
      <c r="C12896" s="14" t="s">
        <v>99</v>
      </c>
      <c r="D12896" s="14" t="s">
        <v>31</v>
      </c>
      <c r="E12896" s="15">
        <v>45497</v>
      </c>
      <c r="F12896" s="14" t="s">
        <v>15</v>
      </c>
      <c r="G12896" s="16">
        <v>0</v>
      </c>
    </row>
    <row r="12897" spans="1:7" x14ac:dyDescent="0.3">
      <c r="A12897" s="13" t="s">
        <v>98</v>
      </c>
      <c r="B12897" s="14" t="s">
        <v>1</v>
      </c>
      <c r="C12897" s="14" t="s">
        <v>99</v>
      </c>
      <c r="D12897" s="14" t="s">
        <v>31</v>
      </c>
      <c r="E12897" s="15">
        <v>45498</v>
      </c>
      <c r="F12897" s="14" t="s">
        <v>15</v>
      </c>
      <c r="G12897" s="16">
        <v>0</v>
      </c>
    </row>
    <row r="12898" spans="1:7" x14ac:dyDescent="0.3">
      <c r="A12898" s="13" t="s">
        <v>98</v>
      </c>
      <c r="B12898" s="14" t="s">
        <v>1</v>
      </c>
      <c r="C12898" s="14" t="s">
        <v>99</v>
      </c>
      <c r="D12898" s="14" t="s">
        <v>31</v>
      </c>
      <c r="E12898" s="15">
        <v>45499</v>
      </c>
      <c r="F12898" s="14" t="s">
        <v>15</v>
      </c>
      <c r="G12898" s="16">
        <v>0</v>
      </c>
    </row>
    <row r="12899" spans="1:7" x14ac:dyDescent="0.3">
      <c r="A12899" s="13" t="s">
        <v>98</v>
      </c>
      <c r="B12899" s="14" t="s">
        <v>1</v>
      </c>
      <c r="C12899" s="14" t="s">
        <v>99</v>
      </c>
      <c r="D12899" s="14" t="s">
        <v>31</v>
      </c>
      <c r="E12899" s="15">
        <v>45500</v>
      </c>
      <c r="F12899" s="14" t="s">
        <v>15</v>
      </c>
      <c r="G12899" s="16">
        <v>0</v>
      </c>
    </row>
    <row r="12900" spans="1:7" x14ac:dyDescent="0.3">
      <c r="A12900" s="13" t="s">
        <v>98</v>
      </c>
      <c r="B12900" s="14" t="s">
        <v>1</v>
      </c>
      <c r="C12900" s="14" t="s">
        <v>99</v>
      </c>
      <c r="D12900" s="14" t="s">
        <v>31</v>
      </c>
      <c r="E12900" s="15">
        <v>45501</v>
      </c>
      <c r="F12900" s="14" t="s">
        <v>15</v>
      </c>
      <c r="G12900" s="16">
        <v>0</v>
      </c>
    </row>
    <row r="12901" spans="1:7" x14ac:dyDescent="0.3">
      <c r="A12901" s="13" t="s">
        <v>98</v>
      </c>
      <c r="B12901" s="14" t="s">
        <v>1</v>
      </c>
      <c r="C12901" s="14" t="s">
        <v>99</v>
      </c>
      <c r="D12901" s="14" t="s">
        <v>31</v>
      </c>
      <c r="E12901" s="15">
        <v>45502</v>
      </c>
      <c r="F12901" s="14" t="s">
        <v>15</v>
      </c>
      <c r="G12901" s="16">
        <v>0</v>
      </c>
    </row>
    <row r="12902" spans="1:7" x14ac:dyDescent="0.3">
      <c r="A12902" s="13" t="s">
        <v>98</v>
      </c>
      <c r="B12902" s="14" t="s">
        <v>1</v>
      </c>
      <c r="C12902" s="14" t="s">
        <v>99</v>
      </c>
      <c r="D12902" s="14" t="s">
        <v>31</v>
      </c>
      <c r="E12902" s="15">
        <v>45503</v>
      </c>
      <c r="F12902" s="14" t="s">
        <v>15</v>
      </c>
      <c r="G12902" s="16">
        <v>0</v>
      </c>
    </row>
    <row r="12903" spans="1:7" x14ac:dyDescent="0.3">
      <c r="A12903" s="13" t="s">
        <v>98</v>
      </c>
      <c r="B12903" s="14" t="s">
        <v>1</v>
      </c>
      <c r="C12903" s="14" t="s">
        <v>99</v>
      </c>
      <c r="D12903" s="14" t="s">
        <v>31</v>
      </c>
      <c r="E12903" s="15">
        <v>45504</v>
      </c>
      <c r="F12903" s="14" t="s">
        <v>15</v>
      </c>
      <c r="G12903" s="16">
        <v>0</v>
      </c>
    </row>
    <row r="12904" spans="1:7" x14ac:dyDescent="0.3">
      <c r="A12904" s="13" t="s">
        <v>98</v>
      </c>
      <c r="B12904" s="14" t="s">
        <v>1</v>
      </c>
      <c r="C12904" s="14" t="s">
        <v>99</v>
      </c>
      <c r="D12904" s="14" t="s">
        <v>31</v>
      </c>
      <c r="E12904" s="15">
        <v>45505</v>
      </c>
      <c r="F12904" s="14" t="s">
        <v>15</v>
      </c>
      <c r="G12904" s="16">
        <v>0</v>
      </c>
    </row>
    <row r="12905" spans="1:7" x14ac:dyDescent="0.3">
      <c r="A12905" s="13" t="s">
        <v>98</v>
      </c>
      <c r="B12905" s="14" t="s">
        <v>1</v>
      </c>
      <c r="C12905" s="14" t="s">
        <v>99</v>
      </c>
      <c r="D12905" s="14" t="s">
        <v>31</v>
      </c>
      <c r="E12905" s="15">
        <v>45506</v>
      </c>
      <c r="F12905" s="14" t="s">
        <v>15</v>
      </c>
      <c r="G12905" s="16">
        <v>0</v>
      </c>
    </row>
    <row r="12906" spans="1:7" x14ac:dyDescent="0.3">
      <c r="A12906" s="13" t="s">
        <v>98</v>
      </c>
      <c r="B12906" s="14" t="s">
        <v>1</v>
      </c>
      <c r="C12906" s="14" t="s">
        <v>99</v>
      </c>
      <c r="D12906" s="14" t="s">
        <v>31</v>
      </c>
      <c r="E12906" s="15">
        <v>45507</v>
      </c>
      <c r="F12906" s="14" t="s">
        <v>15</v>
      </c>
      <c r="G12906" s="16">
        <v>0</v>
      </c>
    </row>
    <row r="12907" spans="1:7" x14ac:dyDescent="0.3">
      <c r="A12907" s="13" t="s">
        <v>98</v>
      </c>
      <c r="B12907" s="14" t="s">
        <v>1</v>
      </c>
      <c r="C12907" s="14" t="s">
        <v>99</v>
      </c>
      <c r="D12907" s="14" t="s">
        <v>31</v>
      </c>
      <c r="E12907" s="15">
        <v>45508</v>
      </c>
      <c r="F12907" s="14" t="s">
        <v>15</v>
      </c>
      <c r="G12907" s="16">
        <v>0</v>
      </c>
    </row>
    <row r="12908" spans="1:7" x14ac:dyDescent="0.3">
      <c r="A12908" s="13" t="s">
        <v>98</v>
      </c>
      <c r="B12908" s="14" t="s">
        <v>1</v>
      </c>
      <c r="C12908" s="14" t="s">
        <v>99</v>
      </c>
      <c r="D12908" s="14" t="s">
        <v>31</v>
      </c>
      <c r="E12908" s="15">
        <v>45509</v>
      </c>
      <c r="F12908" s="14" t="s">
        <v>15</v>
      </c>
      <c r="G12908" s="16">
        <v>0</v>
      </c>
    </row>
    <row r="12909" spans="1:7" x14ac:dyDescent="0.3">
      <c r="A12909" s="13" t="s">
        <v>98</v>
      </c>
      <c r="B12909" s="14" t="s">
        <v>1</v>
      </c>
      <c r="C12909" s="14" t="s">
        <v>99</v>
      </c>
      <c r="D12909" s="14" t="s">
        <v>31</v>
      </c>
      <c r="E12909" s="15">
        <v>45510</v>
      </c>
      <c r="F12909" s="14" t="s">
        <v>15</v>
      </c>
      <c r="G12909" s="16">
        <v>0</v>
      </c>
    </row>
    <row r="12910" spans="1:7" x14ac:dyDescent="0.3">
      <c r="A12910" s="13" t="s">
        <v>98</v>
      </c>
      <c r="B12910" s="14" t="s">
        <v>1</v>
      </c>
      <c r="C12910" s="14" t="s">
        <v>99</v>
      </c>
      <c r="D12910" s="14" t="s">
        <v>31</v>
      </c>
      <c r="E12910" s="15">
        <v>45511</v>
      </c>
      <c r="F12910" s="14" t="s">
        <v>15</v>
      </c>
      <c r="G12910" s="16">
        <v>0</v>
      </c>
    </row>
    <row r="12911" spans="1:7" x14ac:dyDescent="0.3">
      <c r="A12911" s="13" t="s">
        <v>98</v>
      </c>
      <c r="B12911" s="14" t="s">
        <v>1</v>
      </c>
      <c r="C12911" s="14" t="s">
        <v>99</v>
      </c>
      <c r="D12911" s="14" t="s">
        <v>31</v>
      </c>
      <c r="E12911" s="15">
        <v>45512</v>
      </c>
      <c r="F12911" s="14" t="s">
        <v>15</v>
      </c>
      <c r="G12911" s="16">
        <v>0</v>
      </c>
    </row>
    <row r="12912" spans="1:7" x14ac:dyDescent="0.3">
      <c r="A12912" s="13" t="s">
        <v>98</v>
      </c>
      <c r="B12912" s="14" t="s">
        <v>1</v>
      </c>
      <c r="C12912" s="14" t="s">
        <v>99</v>
      </c>
      <c r="D12912" s="14" t="s">
        <v>31</v>
      </c>
      <c r="E12912" s="15">
        <v>45513</v>
      </c>
      <c r="F12912" s="14" t="s">
        <v>15</v>
      </c>
      <c r="G12912" s="16">
        <v>0</v>
      </c>
    </row>
    <row r="12913" spans="1:7" x14ac:dyDescent="0.3">
      <c r="A12913" s="13" t="s">
        <v>98</v>
      </c>
      <c r="B12913" s="14" t="s">
        <v>1</v>
      </c>
      <c r="C12913" s="14" t="s">
        <v>99</v>
      </c>
      <c r="D12913" s="14" t="s">
        <v>31</v>
      </c>
      <c r="E12913" s="15">
        <v>45514</v>
      </c>
      <c r="F12913" s="14" t="s">
        <v>15</v>
      </c>
      <c r="G12913" s="16">
        <v>0</v>
      </c>
    </row>
    <row r="12914" spans="1:7" x14ac:dyDescent="0.3">
      <c r="A12914" s="13" t="s">
        <v>98</v>
      </c>
      <c r="B12914" s="14" t="s">
        <v>1</v>
      </c>
      <c r="C12914" s="14" t="s">
        <v>99</v>
      </c>
      <c r="D12914" s="14" t="s">
        <v>31</v>
      </c>
      <c r="E12914" s="15">
        <v>45515</v>
      </c>
      <c r="F12914" s="14" t="s">
        <v>15</v>
      </c>
      <c r="G12914" s="16">
        <v>0</v>
      </c>
    </row>
    <row r="12915" spans="1:7" x14ac:dyDescent="0.3">
      <c r="A12915" s="13" t="s">
        <v>98</v>
      </c>
      <c r="B12915" s="14" t="s">
        <v>1</v>
      </c>
      <c r="C12915" s="14" t="s">
        <v>99</v>
      </c>
      <c r="D12915" s="14" t="s">
        <v>31</v>
      </c>
      <c r="E12915" s="15">
        <v>45516</v>
      </c>
      <c r="F12915" s="14" t="s">
        <v>15</v>
      </c>
      <c r="G12915" s="16">
        <v>0</v>
      </c>
    </row>
    <row r="12916" spans="1:7" x14ac:dyDescent="0.3">
      <c r="A12916" s="13" t="s">
        <v>98</v>
      </c>
      <c r="B12916" s="14" t="s">
        <v>1</v>
      </c>
      <c r="C12916" s="14" t="s">
        <v>99</v>
      </c>
      <c r="D12916" s="14" t="s">
        <v>31</v>
      </c>
      <c r="E12916" s="15">
        <v>45517</v>
      </c>
      <c r="F12916" s="14" t="s">
        <v>15</v>
      </c>
      <c r="G12916" s="16">
        <v>0</v>
      </c>
    </row>
    <row r="12917" spans="1:7" x14ac:dyDescent="0.3">
      <c r="A12917" s="13" t="s">
        <v>98</v>
      </c>
      <c r="B12917" s="14" t="s">
        <v>1</v>
      </c>
      <c r="C12917" s="14" t="s">
        <v>99</v>
      </c>
      <c r="D12917" s="14" t="s">
        <v>31</v>
      </c>
      <c r="E12917" s="15">
        <v>45518</v>
      </c>
      <c r="F12917" s="14" t="s">
        <v>15</v>
      </c>
      <c r="G12917" s="16">
        <v>0</v>
      </c>
    </row>
    <row r="12918" spans="1:7" x14ac:dyDescent="0.3">
      <c r="A12918" s="13" t="s">
        <v>98</v>
      </c>
      <c r="B12918" s="14" t="s">
        <v>1</v>
      </c>
      <c r="C12918" s="14" t="s">
        <v>99</v>
      </c>
      <c r="D12918" s="14" t="s">
        <v>31</v>
      </c>
      <c r="E12918" s="15">
        <v>45519</v>
      </c>
      <c r="F12918" s="14" t="s">
        <v>15</v>
      </c>
      <c r="G12918" s="16">
        <v>0</v>
      </c>
    </row>
    <row r="12919" spans="1:7" x14ac:dyDescent="0.3">
      <c r="A12919" s="13" t="s">
        <v>98</v>
      </c>
      <c r="B12919" s="14" t="s">
        <v>1</v>
      </c>
      <c r="C12919" s="14" t="s">
        <v>99</v>
      </c>
      <c r="D12919" s="14" t="s">
        <v>31</v>
      </c>
      <c r="E12919" s="15">
        <v>45520</v>
      </c>
      <c r="F12919" s="14" t="s">
        <v>15</v>
      </c>
      <c r="G12919" s="16">
        <v>0</v>
      </c>
    </row>
    <row r="12920" spans="1:7" x14ac:dyDescent="0.3">
      <c r="A12920" s="13" t="s">
        <v>98</v>
      </c>
      <c r="B12920" s="14" t="s">
        <v>1</v>
      </c>
      <c r="C12920" s="14" t="s">
        <v>99</v>
      </c>
      <c r="D12920" s="14" t="s">
        <v>31</v>
      </c>
      <c r="E12920" s="15">
        <v>45521</v>
      </c>
      <c r="F12920" s="14" t="s">
        <v>15</v>
      </c>
      <c r="G12920" s="16">
        <v>0</v>
      </c>
    </row>
    <row r="12921" spans="1:7" x14ac:dyDescent="0.3">
      <c r="A12921" s="13" t="s">
        <v>98</v>
      </c>
      <c r="B12921" s="14" t="s">
        <v>1</v>
      </c>
      <c r="C12921" s="14" t="s">
        <v>99</v>
      </c>
      <c r="D12921" s="14" t="s">
        <v>31</v>
      </c>
      <c r="E12921" s="15">
        <v>45522</v>
      </c>
      <c r="F12921" s="14" t="s">
        <v>15</v>
      </c>
      <c r="G12921" s="16">
        <v>0</v>
      </c>
    </row>
    <row r="12922" spans="1:7" x14ac:dyDescent="0.3">
      <c r="A12922" s="13" t="s">
        <v>98</v>
      </c>
      <c r="B12922" s="14" t="s">
        <v>1</v>
      </c>
      <c r="C12922" s="14" t="s">
        <v>99</v>
      </c>
      <c r="D12922" s="14" t="s">
        <v>31</v>
      </c>
      <c r="E12922" s="15">
        <v>45523</v>
      </c>
      <c r="F12922" s="14" t="s">
        <v>15</v>
      </c>
      <c r="G12922" s="16">
        <v>0</v>
      </c>
    </row>
    <row r="12923" spans="1:7" x14ac:dyDescent="0.3">
      <c r="A12923" s="13" t="s">
        <v>98</v>
      </c>
      <c r="B12923" s="14" t="s">
        <v>1</v>
      </c>
      <c r="C12923" s="14" t="s">
        <v>99</v>
      </c>
      <c r="D12923" s="14" t="s">
        <v>31</v>
      </c>
      <c r="E12923" s="15">
        <v>45524</v>
      </c>
      <c r="F12923" s="14" t="s">
        <v>15</v>
      </c>
      <c r="G12923" s="16">
        <v>0</v>
      </c>
    </row>
    <row r="12924" spans="1:7" x14ac:dyDescent="0.3">
      <c r="A12924" s="13" t="s">
        <v>98</v>
      </c>
      <c r="B12924" s="14" t="s">
        <v>1</v>
      </c>
      <c r="C12924" s="14" t="s">
        <v>99</v>
      </c>
      <c r="D12924" s="14" t="s">
        <v>31</v>
      </c>
      <c r="E12924" s="15">
        <v>45525</v>
      </c>
      <c r="F12924" s="14" t="s">
        <v>15</v>
      </c>
      <c r="G12924" s="16">
        <v>0</v>
      </c>
    </row>
    <row r="12925" spans="1:7" x14ac:dyDescent="0.3">
      <c r="A12925" s="13" t="s">
        <v>98</v>
      </c>
      <c r="B12925" s="14" t="s">
        <v>1</v>
      </c>
      <c r="C12925" s="14" t="s">
        <v>99</v>
      </c>
      <c r="D12925" s="14" t="s">
        <v>31</v>
      </c>
      <c r="E12925" s="15">
        <v>45526</v>
      </c>
      <c r="F12925" s="14" t="s">
        <v>15</v>
      </c>
      <c r="G12925" s="16">
        <v>0</v>
      </c>
    </row>
    <row r="12926" spans="1:7" x14ac:dyDescent="0.3">
      <c r="A12926" s="13" t="s">
        <v>98</v>
      </c>
      <c r="B12926" s="14" t="s">
        <v>1</v>
      </c>
      <c r="C12926" s="14" t="s">
        <v>99</v>
      </c>
      <c r="D12926" s="14" t="s">
        <v>31</v>
      </c>
      <c r="E12926" s="15">
        <v>45527</v>
      </c>
      <c r="F12926" s="14" t="s">
        <v>15</v>
      </c>
      <c r="G12926" s="16">
        <v>0</v>
      </c>
    </row>
    <row r="12927" spans="1:7" x14ac:dyDescent="0.3">
      <c r="A12927" s="13" t="s">
        <v>98</v>
      </c>
      <c r="B12927" s="14" t="s">
        <v>1</v>
      </c>
      <c r="C12927" s="14" t="s">
        <v>99</v>
      </c>
      <c r="D12927" s="14" t="s">
        <v>31</v>
      </c>
      <c r="E12927" s="15">
        <v>45528</v>
      </c>
      <c r="F12927" s="14" t="s">
        <v>15</v>
      </c>
      <c r="G12927" s="16">
        <v>0</v>
      </c>
    </row>
    <row r="12928" spans="1:7" x14ac:dyDescent="0.3">
      <c r="A12928" s="13" t="s">
        <v>98</v>
      </c>
      <c r="B12928" s="14" t="s">
        <v>1</v>
      </c>
      <c r="C12928" s="14" t="s">
        <v>99</v>
      </c>
      <c r="D12928" s="14" t="s">
        <v>31</v>
      </c>
      <c r="E12928" s="15">
        <v>45529</v>
      </c>
      <c r="F12928" s="14" t="s">
        <v>15</v>
      </c>
      <c r="G12928" s="16">
        <v>0</v>
      </c>
    </row>
    <row r="12929" spans="1:7" x14ac:dyDescent="0.3">
      <c r="A12929" s="13" t="s">
        <v>98</v>
      </c>
      <c r="B12929" s="14" t="s">
        <v>1</v>
      </c>
      <c r="C12929" s="14" t="s">
        <v>99</v>
      </c>
      <c r="D12929" s="14" t="s">
        <v>31</v>
      </c>
      <c r="E12929" s="15">
        <v>45530</v>
      </c>
      <c r="F12929" s="14" t="s">
        <v>15</v>
      </c>
      <c r="G12929" s="16">
        <v>0</v>
      </c>
    </row>
    <row r="12930" spans="1:7" x14ac:dyDescent="0.3">
      <c r="A12930" s="13" t="s">
        <v>98</v>
      </c>
      <c r="B12930" s="14" t="s">
        <v>1</v>
      </c>
      <c r="C12930" s="14" t="s">
        <v>99</v>
      </c>
      <c r="D12930" s="14" t="s">
        <v>31</v>
      </c>
      <c r="E12930" s="15">
        <v>45531</v>
      </c>
      <c r="F12930" s="14" t="s">
        <v>15</v>
      </c>
      <c r="G12930" s="16">
        <v>0</v>
      </c>
    </row>
    <row r="12931" spans="1:7" x14ac:dyDescent="0.3">
      <c r="A12931" s="13" t="s">
        <v>98</v>
      </c>
      <c r="B12931" s="14" t="s">
        <v>1</v>
      </c>
      <c r="C12931" s="14" t="s">
        <v>99</v>
      </c>
      <c r="D12931" s="14" t="s">
        <v>31</v>
      </c>
      <c r="E12931" s="15">
        <v>45532</v>
      </c>
      <c r="F12931" s="14" t="s">
        <v>15</v>
      </c>
      <c r="G12931" s="16">
        <v>0</v>
      </c>
    </row>
    <row r="12932" spans="1:7" x14ac:dyDescent="0.3">
      <c r="A12932" s="13" t="s">
        <v>98</v>
      </c>
      <c r="B12932" s="14" t="s">
        <v>1</v>
      </c>
      <c r="C12932" s="14" t="s">
        <v>99</v>
      </c>
      <c r="D12932" s="14" t="s">
        <v>31</v>
      </c>
      <c r="E12932" s="15">
        <v>45533</v>
      </c>
      <c r="F12932" s="14" t="s">
        <v>15</v>
      </c>
      <c r="G12932" s="16">
        <v>0</v>
      </c>
    </row>
    <row r="12933" spans="1:7" x14ac:dyDescent="0.3">
      <c r="A12933" s="13" t="s">
        <v>98</v>
      </c>
      <c r="B12933" s="14" t="s">
        <v>1</v>
      </c>
      <c r="C12933" s="14" t="s">
        <v>99</v>
      </c>
      <c r="D12933" s="14" t="s">
        <v>31</v>
      </c>
      <c r="E12933" s="15">
        <v>45534</v>
      </c>
      <c r="F12933" s="14" t="s">
        <v>15</v>
      </c>
      <c r="G12933" s="16">
        <v>0</v>
      </c>
    </row>
    <row r="12934" spans="1:7" x14ac:dyDescent="0.3">
      <c r="A12934" s="13" t="s">
        <v>98</v>
      </c>
      <c r="B12934" s="14" t="s">
        <v>1</v>
      </c>
      <c r="C12934" s="14" t="s">
        <v>99</v>
      </c>
      <c r="D12934" s="14" t="s">
        <v>31</v>
      </c>
      <c r="E12934" s="15">
        <v>45535</v>
      </c>
      <c r="F12934" s="14" t="s">
        <v>15</v>
      </c>
      <c r="G12934" s="16">
        <v>0</v>
      </c>
    </row>
    <row r="12935" spans="1:7" x14ac:dyDescent="0.3">
      <c r="A12935" s="13" t="s">
        <v>98</v>
      </c>
      <c r="B12935" s="14" t="s">
        <v>1</v>
      </c>
      <c r="C12935" s="14" t="s">
        <v>99</v>
      </c>
      <c r="D12935" s="14" t="s">
        <v>31</v>
      </c>
      <c r="E12935" s="15">
        <v>45536</v>
      </c>
      <c r="F12935" s="14" t="s">
        <v>15</v>
      </c>
      <c r="G12935" s="16">
        <v>0</v>
      </c>
    </row>
    <row r="12936" spans="1:7" x14ac:dyDescent="0.3">
      <c r="A12936" s="13" t="s">
        <v>98</v>
      </c>
      <c r="B12936" s="14" t="s">
        <v>1</v>
      </c>
      <c r="C12936" s="14" t="s">
        <v>99</v>
      </c>
      <c r="D12936" s="14" t="s">
        <v>31</v>
      </c>
      <c r="E12936" s="15">
        <v>45537</v>
      </c>
      <c r="F12936" s="14" t="s">
        <v>15</v>
      </c>
      <c r="G12936" s="16">
        <v>0</v>
      </c>
    </row>
    <row r="12937" spans="1:7" x14ac:dyDescent="0.3">
      <c r="A12937" s="13" t="s">
        <v>98</v>
      </c>
      <c r="B12937" s="14" t="s">
        <v>1</v>
      </c>
      <c r="C12937" s="14" t="s">
        <v>99</v>
      </c>
      <c r="D12937" s="14" t="s">
        <v>31</v>
      </c>
      <c r="E12937" s="15">
        <v>45538</v>
      </c>
      <c r="F12937" s="14" t="s">
        <v>15</v>
      </c>
      <c r="G12937" s="16">
        <v>0</v>
      </c>
    </row>
    <row r="12938" spans="1:7" x14ac:dyDescent="0.3">
      <c r="A12938" s="13" t="s">
        <v>98</v>
      </c>
      <c r="B12938" s="14" t="s">
        <v>1</v>
      </c>
      <c r="C12938" s="14" t="s">
        <v>99</v>
      </c>
      <c r="D12938" s="14" t="s">
        <v>31</v>
      </c>
      <c r="E12938" s="15">
        <v>45539</v>
      </c>
      <c r="F12938" s="14" t="s">
        <v>15</v>
      </c>
      <c r="G12938" s="16">
        <v>0</v>
      </c>
    </row>
    <row r="12939" spans="1:7" x14ac:dyDescent="0.3">
      <c r="A12939" s="13" t="s">
        <v>98</v>
      </c>
      <c r="B12939" s="14" t="s">
        <v>1</v>
      </c>
      <c r="C12939" s="14" t="s">
        <v>99</v>
      </c>
      <c r="D12939" s="14" t="s">
        <v>31</v>
      </c>
      <c r="E12939" s="15">
        <v>45540</v>
      </c>
      <c r="F12939" s="14" t="s">
        <v>15</v>
      </c>
      <c r="G12939" s="16">
        <v>0</v>
      </c>
    </row>
    <row r="12940" spans="1:7" x14ac:dyDescent="0.3">
      <c r="A12940" s="13" t="s">
        <v>98</v>
      </c>
      <c r="B12940" s="14" t="s">
        <v>1</v>
      </c>
      <c r="C12940" s="14" t="s">
        <v>99</v>
      </c>
      <c r="D12940" s="14" t="s">
        <v>31</v>
      </c>
      <c r="E12940" s="15">
        <v>45541</v>
      </c>
      <c r="F12940" s="14" t="s">
        <v>15</v>
      </c>
      <c r="G12940" s="16">
        <v>0</v>
      </c>
    </row>
    <row r="12941" spans="1:7" x14ac:dyDescent="0.3">
      <c r="A12941" s="13" t="s">
        <v>98</v>
      </c>
      <c r="B12941" s="14" t="s">
        <v>1</v>
      </c>
      <c r="C12941" s="14" t="s">
        <v>99</v>
      </c>
      <c r="D12941" s="14" t="s">
        <v>31</v>
      </c>
      <c r="E12941" s="15">
        <v>45542</v>
      </c>
      <c r="F12941" s="14" t="s">
        <v>15</v>
      </c>
      <c r="G12941" s="16">
        <v>0</v>
      </c>
    </row>
    <row r="12942" spans="1:7" x14ac:dyDescent="0.3">
      <c r="A12942" s="13" t="s">
        <v>98</v>
      </c>
      <c r="B12942" s="14" t="s">
        <v>1</v>
      </c>
      <c r="C12942" s="14" t="s">
        <v>99</v>
      </c>
      <c r="D12942" s="14" t="s">
        <v>31</v>
      </c>
      <c r="E12942" s="15">
        <v>45543</v>
      </c>
      <c r="F12942" s="14" t="s">
        <v>15</v>
      </c>
      <c r="G12942" s="16">
        <v>0</v>
      </c>
    </row>
    <row r="12943" spans="1:7" x14ac:dyDescent="0.3">
      <c r="A12943" s="13" t="s">
        <v>98</v>
      </c>
      <c r="B12943" s="14" t="s">
        <v>1</v>
      </c>
      <c r="C12943" s="14" t="s">
        <v>99</v>
      </c>
      <c r="D12943" s="14" t="s">
        <v>31</v>
      </c>
      <c r="E12943" s="15">
        <v>45544</v>
      </c>
      <c r="F12943" s="14" t="s">
        <v>15</v>
      </c>
      <c r="G12943" s="16">
        <v>0</v>
      </c>
    </row>
    <row r="12944" spans="1:7" x14ac:dyDescent="0.3">
      <c r="A12944" s="13" t="s">
        <v>98</v>
      </c>
      <c r="B12944" s="14" t="s">
        <v>1</v>
      </c>
      <c r="C12944" s="14" t="s">
        <v>99</v>
      </c>
      <c r="D12944" s="14" t="s">
        <v>31</v>
      </c>
      <c r="E12944" s="15">
        <v>45545</v>
      </c>
      <c r="F12944" s="14" t="s">
        <v>15</v>
      </c>
      <c r="G12944" s="16">
        <v>0</v>
      </c>
    </row>
    <row r="12945" spans="1:7" x14ac:dyDescent="0.3">
      <c r="A12945" s="13" t="s">
        <v>98</v>
      </c>
      <c r="B12945" s="14" t="s">
        <v>1</v>
      </c>
      <c r="C12945" s="14" t="s">
        <v>99</v>
      </c>
      <c r="D12945" s="14" t="s">
        <v>31</v>
      </c>
      <c r="E12945" s="15">
        <v>45546</v>
      </c>
      <c r="F12945" s="14" t="s">
        <v>15</v>
      </c>
      <c r="G12945" s="16">
        <v>0</v>
      </c>
    </row>
    <row r="12946" spans="1:7" x14ac:dyDescent="0.3">
      <c r="A12946" s="13" t="s">
        <v>98</v>
      </c>
      <c r="B12946" s="14" t="s">
        <v>1</v>
      </c>
      <c r="C12946" s="14" t="s">
        <v>99</v>
      </c>
      <c r="D12946" s="14" t="s">
        <v>31</v>
      </c>
      <c r="E12946" s="15">
        <v>45547</v>
      </c>
      <c r="F12946" s="14" t="s">
        <v>15</v>
      </c>
      <c r="G12946" s="16">
        <v>0</v>
      </c>
    </row>
    <row r="12947" spans="1:7" x14ac:dyDescent="0.3">
      <c r="A12947" s="13" t="s">
        <v>98</v>
      </c>
      <c r="B12947" s="14" t="s">
        <v>1</v>
      </c>
      <c r="C12947" s="14" t="s">
        <v>99</v>
      </c>
      <c r="D12947" s="14" t="s">
        <v>31</v>
      </c>
      <c r="E12947" s="15">
        <v>45548</v>
      </c>
      <c r="F12947" s="14" t="s">
        <v>15</v>
      </c>
      <c r="G12947" s="16">
        <v>0</v>
      </c>
    </row>
    <row r="12948" spans="1:7" x14ac:dyDescent="0.3">
      <c r="A12948" s="13" t="s">
        <v>98</v>
      </c>
      <c r="B12948" s="14" t="s">
        <v>1</v>
      </c>
      <c r="C12948" s="14" t="s">
        <v>99</v>
      </c>
      <c r="D12948" s="14" t="s">
        <v>31</v>
      </c>
      <c r="E12948" s="15">
        <v>45549</v>
      </c>
      <c r="F12948" s="14" t="s">
        <v>15</v>
      </c>
      <c r="G12948" s="16">
        <v>0</v>
      </c>
    </row>
    <row r="12949" spans="1:7" x14ac:dyDescent="0.3">
      <c r="A12949" s="13" t="s">
        <v>98</v>
      </c>
      <c r="B12949" s="14" t="s">
        <v>1</v>
      </c>
      <c r="C12949" s="14" t="s">
        <v>99</v>
      </c>
      <c r="D12949" s="14" t="s">
        <v>31</v>
      </c>
      <c r="E12949" s="15">
        <v>45550</v>
      </c>
      <c r="F12949" s="14" t="s">
        <v>15</v>
      </c>
      <c r="G12949" s="16">
        <v>0</v>
      </c>
    </row>
    <row r="12950" spans="1:7" x14ac:dyDescent="0.3">
      <c r="A12950" s="13" t="s">
        <v>98</v>
      </c>
      <c r="B12950" s="14" t="s">
        <v>1</v>
      </c>
      <c r="C12950" s="14" t="s">
        <v>99</v>
      </c>
      <c r="D12950" s="14" t="s">
        <v>31</v>
      </c>
      <c r="E12950" s="15">
        <v>45551</v>
      </c>
      <c r="F12950" s="14" t="s">
        <v>15</v>
      </c>
      <c r="G12950" s="16">
        <v>0</v>
      </c>
    </row>
    <row r="12951" spans="1:7" x14ac:dyDescent="0.3">
      <c r="A12951" s="13" t="s">
        <v>98</v>
      </c>
      <c r="B12951" s="14" t="s">
        <v>1</v>
      </c>
      <c r="C12951" s="14" t="s">
        <v>99</v>
      </c>
      <c r="D12951" s="14" t="s">
        <v>31</v>
      </c>
      <c r="E12951" s="15">
        <v>45552</v>
      </c>
      <c r="F12951" s="14" t="s">
        <v>15</v>
      </c>
      <c r="G12951" s="16">
        <v>0</v>
      </c>
    </row>
    <row r="12952" spans="1:7" x14ac:dyDescent="0.3">
      <c r="A12952" s="13" t="s">
        <v>98</v>
      </c>
      <c r="B12952" s="14" t="s">
        <v>1</v>
      </c>
      <c r="C12952" s="14" t="s">
        <v>99</v>
      </c>
      <c r="D12952" s="14" t="s">
        <v>31</v>
      </c>
      <c r="E12952" s="15">
        <v>45553</v>
      </c>
      <c r="F12952" s="14" t="s">
        <v>15</v>
      </c>
      <c r="G12952" s="16">
        <v>0</v>
      </c>
    </row>
    <row r="12953" spans="1:7" x14ac:dyDescent="0.3">
      <c r="A12953" s="13" t="s">
        <v>98</v>
      </c>
      <c r="B12953" s="14" t="s">
        <v>1</v>
      </c>
      <c r="C12953" s="14" t="s">
        <v>99</v>
      </c>
      <c r="D12953" s="14" t="s">
        <v>31</v>
      </c>
      <c r="E12953" s="15">
        <v>45554</v>
      </c>
      <c r="F12953" s="14" t="s">
        <v>15</v>
      </c>
      <c r="G12953" s="16">
        <v>0</v>
      </c>
    </row>
    <row r="12954" spans="1:7" x14ac:dyDescent="0.3">
      <c r="A12954" s="13" t="s">
        <v>98</v>
      </c>
      <c r="B12954" s="14" t="s">
        <v>1</v>
      </c>
      <c r="C12954" s="14" t="s">
        <v>99</v>
      </c>
      <c r="D12954" s="14" t="s">
        <v>31</v>
      </c>
      <c r="E12954" s="15">
        <v>45555</v>
      </c>
      <c r="F12954" s="14" t="s">
        <v>15</v>
      </c>
      <c r="G12954" s="16">
        <v>0</v>
      </c>
    </row>
    <row r="12955" spans="1:7" x14ac:dyDescent="0.3">
      <c r="A12955" s="13" t="s">
        <v>98</v>
      </c>
      <c r="B12955" s="14" t="s">
        <v>1</v>
      </c>
      <c r="C12955" s="14" t="s">
        <v>99</v>
      </c>
      <c r="D12955" s="14" t="s">
        <v>31</v>
      </c>
      <c r="E12955" s="15">
        <v>45556</v>
      </c>
      <c r="F12955" s="14" t="s">
        <v>15</v>
      </c>
      <c r="G12955" s="16">
        <v>0</v>
      </c>
    </row>
    <row r="12956" spans="1:7" x14ac:dyDescent="0.3">
      <c r="A12956" s="13" t="s">
        <v>98</v>
      </c>
      <c r="B12956" s="14" t="s">
        <v>1</v>
      </c>
      <c r="C12956" s="14" t="s">
        <v>99</v>
      </c>
      <c r="D12956" s="14" t="s">
        <v>31</v>
      </c>
      <c r="E12956" s="15">
        <v>45557</v>
      </c>
      <c r="F12956" s="14" t="s">
        <v>15</v>
      </c>
      <c r="G12956" s="16">
        <v>0</v>
      </c>
    </row>
    <row r="12957" spans="1:7" x14ac:dyDescent="0.3">
      <c r="A12957" s="13" t="s">
        <v>98</v>
      </c>
      <c r="B12957" s="14" t="s">
        <v>1</v>
      </c>
      <c r="C12957" s="14" t="s">
        <v>99</v>
      </c>
      <c r="D12957" s="14" t="s">
        <v>31</v>
      </c>
      <c r="E12957" s="15">
        <v>45558</v>
      </c>
      <c r="F12957" s="14" t="s">
        <v>15</v>
      </c>
      <c r="G12957" s="16">
        <v>0</v>
      </c>
    </row>
    <row r="12958" spans="1:7" x14ac:dyDescent="0.3">
      <c r="A12958" s="13" t="s">
        <v>98</v>
      </c>
      <c r="B12958" s="14" t="s">
        <v>1</v>
      </c>
      <c r="C12958" s="14" t="s">
        <v>99</v>
      </c>
      <c r="D12958" s="14" t="s">
        <v>31</v>
      </c>
      <c r="E12958" s="15">
        <v>45559</v>
      </c>
      <c r="F12958" s="14" t="s">
        <v>15</v>
      </c>
      <c r="G12958" s="16">
        <v>0</v>
      </c>
    </row>
    <row r="12959" spans="1:7" x14ac:dyDescent="0.3">
      <c r="A12959" s="13" t="s">
        <v>98</v>
      </c>
      <c r="B12959" s="14" t="s">
        <v>1</v>
      </c>
      <c r="C12959" s="14" t="s">
        <v>99</v>
      </c>
      <c r="D12959" s="14" t="s">
        <v>31</v>
      </c>
      <c r="E12959" s="15">
        <v>45560</v>
      </c>
      <c r="F12959" s="14" t="s">
        <v>15</v>
      </c>
      <c r="G12959" s="16">
        <v>0</v>
      </c>
    </row>
    <row r="12960" spans="1:7" x14ac:dyDescent="0.3">
      <c r="A12960" s="13" t="s">
        <v>98</v>
      </c>
      <c r="B12960" s="14" t="s">
        <v>1</v>
      </c>
      <c r="C12960" s="14" t="s">
        <v>99</v>
      </c>
      <c r="D12960" s="14" t="s">
        <v>31</v>
      </c>
      <c r="E12960" s="15">
        <v>45561</v>
      </c>
      <c r="F12960" s="14" t="s">
        <v>15</v>
      </c>
      <c r="G12960" s="16">
        <v>0</v>
      </c>
    </row>
    <row r="12961" spans="1:7" x14ac:dyDescent="0.3">
      <c r="A12961" s="13" t="s">
        <v>98</v>
      </c>
      <c r="B12961" s="14" t="s">
        <v>1</v>
      </c>
      <c r="C12961" s="14" t="s">
        <v>99</v>
      </c>
      <c r="D12961" s="14" t="s">
        <v>31</v>
      </c>
      <c r="E12961" s="15">
        <v>45562</v>
      </c>
      <c r="F12961" s="14" t="s">
        <v>15</v>
      </c>
      <c r="G12961" s="16">
        <v>0</v>
      </c>
    </row>
    <row r="12962" spans="1:7" x14ac:dyDescent="0.3">
      <c r="A12962" s="13" t="s">
        <v>98</v>
      </c>
      <c r="B12962" s="14" t="s">
        <v>1</v>
      </c>
      <c r="C12962" s="14" t="s">
        <v>99</v>
      </c>
      <c r="D12962" s="14" t="s">
        <v>31</v>
      </c>
      <c r="E12962" s="15">
        <v>45563</v>
      </c>
      <c r="F12962" s="14" t="s">
        <v>15</v>
      </c>
      <c r="G12962" s="16">
        <v>0</v>
      </c>
    </row>
    <row r="12963" spans="1:7" x14ac:dyDescent="0.3">
      <c r="A12963" s="13" t="s">
        <v>98</v>
      </c>
      <c r="B12963" s="14" t="s">
        <v>1</v>
      </c>
      <c r="C12963" s="14" t="s">
        <v>99</v>
      </c>
      <c r="D12963" s="14" t="s">
        <v>31</v>
      </c>
      <c r="E12963" s="15">
        <v>45564</v>
      </c>
      <c r="F12963" s="14" t="s">
        <v>15</v>
      </c>
      <c r="G12963" s="16">
        <v>0</v>
      </c>
    </row>
    <row r="12964" spans="1:7" x14ac:dyDescent="0.3">
      <c r="A12964" s="13" t="s">
        <v>98</v>
      </c>
      <c r="B12964" s="14" t="s">
        <v>1</v>
      </c>
      <c r="C12964" s="14" t="s">
        <v>99</v>
      </c>
      <c r="D12964" s="14" t="s">
        <v>31</v>
      </c>
      <c r="E12964" s="15">
        <v>45565</v>
      </c>
      <c r="F12964" s="14" t="s">
        <v>15</v>
      </c>
      <c r="G12964" s="16">
        <v>0</v>
      </c>
    </row>
    <row r="12965" spans="1:7" x14ac:dyDescent="0.3">
      <c r="A12965" s="13" t="s">
        <v>98</v>
      </c>
      <c r="B12965" s="14" t="s">
        <v>1</v>
      </c>
      <c r="C12965" s="14" t="s">
        <v>99</v>
      </c>
      <c r="D12965" s="14" t="s">
        <v>31</v>
      </c>
      <c r="E12965" s="15">
        <v>45566</v>
      </c>
      <c r="F12965" s="14" t="s">
        <v>15</v>
      </c>
      <c r="G12965" s="16">
        <v>0</v>
      </c>
    </row>
    <row r="12966" spans="1:7" x14ac:dyDescent="0.3">
      <c r="A12966" s="13" t="s">
        <v>98</v>
      </c>
      <c r="B12966" s="14" t="s">
        <v>1</v>
      </c>
      <c r="C12966" s="14" t="s">
        <v>99</v>
      </c>
      <c r="D12966" s="14" t="s">
        <v>31</v>
      </c>
      <c r="E12966" s="15">
        <v>45567</v>
      </c>
      <c r="F12966" s="14" t="s">
        <v>15</v>
      </c>
      <c r="G12966" s="16">
        <v>0</v>
      </c>
    </row>
    <row r="12967" spans="1:7" x14ac:dyDescent="0.3">
      <c r="A12967" s="13" t="s">
        <v>98</v>
      </c>
      <c r="B12967" s="14" t="s">
        <v>1</v>
      </c>
      <c r="C12967" s="14" t="s">
        <v>99</v>
      </c>
      <c r="D12967" s="14" t="s">
        <v>31</v>
      </c>
      <c r="E12967" s="15">
        <v>45568</v>
      </c>
      <c r="F12967" s="14" t="s">
        <v>15</v>
      </c>
      <c r="G12967" s="16">
        <v>0</v>
      </c>
    </row>
    <row r="12968" spans="1:7" x14ac:dyDescent="0.3">
      <c r="A12968" s="13" t="s">
        <v>98</v>
      </c>
      <c r="B12968" s="14" t="s">
        <v>1</v>
      </c>
      <c r="C12968" s="14" t="s">
        <v>99</v>
      </c>
      <c r="D12968" s="14" t="s">
        <v>31</v>
      </c>
      <c r="E12968" s="15">
        <v>45569</v>
      </c>
      <c r="F12968" s="14" t="s">
        <v>15</v>
      </c>
      <c r="G12968" s="16">
        <v>0</v>
      </c>
    </row>
    <row r="12969" spans="1:7" x14ac:dyDescent="0.3">
      <c r="A12969" s="13" t="s">
        <v>98</v>
      </c>
      <c r="B12969" s="14" t="s">
        <v>1</v>
      </c>
      <c r="C12969" s="14" t="s">
        <v>99</v>
      </c>
      <c r="D12969" s="14" t="s">
        <v>31</v>
      </c>
      <c r="E12969" s="15">
        <v>45570</v>
      </c>
      <c r="F12969" s="14" t="s">
        <v>15</v>
      </c>
      <c r="G12969" s="16">
        <v>0</v>
      </c>
    </row>
    <row r="12970" spans="1:7" x14ac:dyDescent="0.3">
      <c r="A12970" s="13" t="s">
        <v>98</v>
      </c>
      <c r="B12970" s="14" t="s">
        <v>1</v>
      </c>
      <c r="C12970" s="14" t="s">
        <v>99</v>
      </c>
      <c r="D12970" s="14" t="s">
        <v>31</v>
      </c>
      <c r="E12970" s="15">
        <v>45571</v>
      </c>
      <c r="F12970" s="14" t="s">
        <v>15</v>
      </c>
      <c r="G12970" s="16">
        <v>0</v>
      </c>
    </row>
    <row r="12971" spans="1:7" x14ac:dyDescent="0.3">
      <c r="A12971" s="13" t="s">
        <v>98</v>
      </c>
      <c r="B12971" s="14" t="s">
        <v>1</v>
      </c>
      <c r="C12971" s="14" t="s">
        <v>99</v>
      </c>
      <c r="D12971" s="14" t="s">
        <v>31</v>
      </c>
      <c r="E12971" s="15">
        <v>45572</v>
      </c>
      <c r="F12971" s="14" t="s">
        <v>15</v>
      </c>
      <c r="G12971" s="16">
        <v>0</v>
      </c>
    </row>
    <row r="12972" spans="1:7" x14ac:dyDescent="0.3">
      <c r="A12972" s="13" t="s">
        <v>98</v>
      </c>
      <c r="B12972" s="14" t="s">
        <v>1</v>
      </c>
      <c r="C12972" s="14" t="s">
        <v>99</v>
      </c>
      <c r="D12972" s="14" t="s">
        <v>31</v>
      </c>
      <c r="E12972" s="15">
        <v>45573</v>
      </c>
      <c r="F12972" s="14" t="s">
        <v>15</v>
      </c>
      <c r="G12972" s="16">
        <v>0</v>
      </c>
    </row>
    <row r="12973" spans="1:7" x14ac:dyDescent="0.3">
      <c r="A12973" s="13" t="s">
        <v>98</v>
      </c>
      <c r="B12973" s="14" t="s">
        <v>1</v>
      </c>
      <c r="C12973" s="14" t="s">
        <v>99</v>
      </c>
      <c r="D12973" s="14" t="s">
        <v>31</v>
      </c>
      <c r="E12973" s="15">
        <v>45574</v>
      </c>
      <c r="F12973" s="14" t="s">
        <v>15</v>
      </c>
      <c r="G12973" s="16">
        <v>0</v>
      </c>
    </row>
    <row r="12974" spans="1:7" x14ac:dyDescent="0.3">
      <c r="A12974" s="13" t="s">
        <v>98</v>
      </c>
      <c r="B12974" s="14" t="s">
        <v>1</v>
      </c>
      <c r="C12974" s="14" t="s">
        <v>99</v>
      </c>
      <c r="D12974" s="14" t="s">
        <v>31</v>
      </c>
      <c r="E12974" s="15">
        <v>45575</v>
      </c>
      <c r="F12974" s="14" t="s">
        <v>15</v>
      </c>
      <c r="G12974" s="16">
        <v>0</v>
      </c>
    </row>
    <row r="12975" spans="1:7" x14ac:dyDescent="0.3">
      <c r="A12975" s="13" t="s">
        <v>98</v>
      </c>
      <c r="B12975" s="14" t="s">
        <v>1</v>
      </c>
      <c r="C12975" s="14" t="s">
        <v>99</v>
      </c>
      <c r="D12975" s="14" t="s">
        <v>31</v>
      </c>
      <c r="E12975" s="15">
        <v>45576</v>
      </c>
      <c r="F12975" s="14" t="s">
        <v>15</v>
      </c>
      <c r="G12975" s="16">
        <v>0</v>
      </c>
    </row>
    <row r="12976" spans="1:7" x14ac:dyDescent="0.3">
      <c r="A12976" s="13" t="s">
        <v>98</v>
      </c>
      <c r="B12976" s="14" t="s">
        <v>1</v>
      </c>
      <c r="C12976" s="14" t="s">
        <v>99</v>
      </c>
      <c r="D12976" s="14" t="s">
        <v>31</v>
      </c>
      <c r="E12976" s="15">
        <v>45577</v>
      </c>
      <c r="F12976" s="14" t="s">
        <v>15</v>
      </c>
      <c r="G12976" s="16">
        <v>0</v>
      </c>
    </row>
    <row r="12977" spans="1:7" x14ac:dyDescent="0.3">
      <c r="A12977" s="13" t="s">
        <v>98</v>
      </c>
      <c r="B12977" s="14" t="s">
        <v>1</v>
      </c>
      <c r="C12977" s="14" t="s">
        <v>99</v>
      </c>
      <c r="D12977" s="14" t="s">
        <v>31</v>
      </c>
      <c r="E12977" s="15">
        <v>45578</v>
      </c>
      <c r="F12977" s="14" t="s">
        <v>15</v>
      </c>
      <c r="G12977" s="16">
        <v>0</v>
      </c>
    </row>
    <row r="12978" spans="1:7" x14ac:dyDescent="0.3">
      <c r="A12978" s="13" t="s">
        <v>98</v>
      </c>
      <c r="B12978" s="14" t="s">
        <v>1</v>
      </c>
      <c r="C12978" s="14" t="s">
        <v>99</v>
      </c>
      <c r="D12978" s="14" t="s">
        <v>31</v>
      </c>
      <c r="E12978" s="15">
        <v>45579</v>
      </c>
      <c r="F12978" s="14" t="s">
        <v>15</v>
      </c>
      <c r="G12978" s="16">
        <v>0</v>
      </c>
    </row>
    <row r="12979" spans="1:7" x14ac:dyDescent="0.3">
      <c r="A12979" s="13" t="s">
        <v>98</v>
      </c>
      <c r="B12979" s="14" t="s">
        <v>1</v>
      </c>
      <c r="C12979" s="14" t="s">
        <v>99</v>
      </c>
      <c r="D12979" s="14" t="s">
        <v>31</v>
      </c>
      <c r="E12979" s="15">
        <v>45580</v>
      </c>
      <c r="F12979" s="14" t="s">
        <v>15</v>
      </c>
      <c r="G12979" s="16">
        <v>0</v>
      </c>
    </row>
    <row r="12980" spans="1:7" x14ac:dyDescent="0.3">
      <c r="A12980" s="13" t="s">
        <v>98</v>
      </c>
      <c r="B12980" s="14" t="s">
        <v>1</v>
      </c>
      <c r="C12980" s="14" t="s">
        <v>99</v>
      </c>
      <c r="D12980" s="14" t="s">
        <v>31</v>
      </c>
      <c r="E12980" s="15">
        <v>45581</v>
      </c>
      <c r="F12980" s="14" t="s">
        <v>15</v>
      </c>
      <c r="G12980" s="16">
        <v>0</v>
      </c>
    </row>
    <row r="12981" spans="1:7" x14ac:dyDescent="0.3">
      <c r="A12981" s="13" t="s">
        <v>98</v>
      </c>
      <c r="B12981" s="14" t="s">
        <v>1</v>
      </c>
      <c r="C12981" s="14" t="s">
        <v>99</v>
      </c>
      <c r="D12981" s="14" t="s">
        <v>31</v>
      </c>
      <c r="E12981" s="15">
        <v>45582</v>
      </c>
      <c r="F12981" s="14" t="s">
        <v>15</v>
      </c>
      <c r="G12981" s="16">
        <v>0</v>
      </c>
    </row>
    <row r="12982" spans="1:7" x14ac:dyDescent="0.3">
      <c r="A12982" s="13" t="s">
        <v>98</v>
      </c>
      <c r="B12982" s="14" t="s">
        <v>1</v>
      </c>
      <c r="C12982" s="14" t="s">
        <v>99</v>
      </c>
      <c r="D12982" s="14" t="s">
        <v>31</v>
      </c>
      <c r="E12982" s="15">
        <v>45583</v>
      </c>
      <c r="F12982" s="14" t="s">
        <v>15</v>
      </c>
      <c r="G12982" s="16">
        <v>0</v>
      </c>
    </row>
    <row r="12983" spans="1:7" x14ac:dyDescent="0.3">
      <c r="A12983" s="13" t="s">
        <v>98</v>
      </c>
      <c r="B12983" s="14" t="s">
        <v>1</v>
      </c>
      <c r="C12983" s="14" t="s">
        <v>99</v>
      </c>
      <c r="D12983" s="14" t="s">
        <v>31</v>
      </c>
      <c r="E12983" s="15">
        <v>45584</v>
      </c>
      <c r="F12983" s="14" t="s">
        <v>15</v>
      </c>
      <c r="G12983" s="16">
        <v>0</v>
      </c>
    </row>
    <row r="12984" spans="1:7" x14ac:dyDescent="0.3">
      <c r="A12984" s="13" t="s">
        <v>98</v>
      </c>
      <c r="B12984" s="14" t="s">
        <v>1</v>
      </c>
      <c r="C12984" s="14" t="s">
        <v>99</v>
      </c>
      <c r="D12984" s="14" t="s">
        <v>31</v>
      </c>
      <c r="E12984" s="15">
        <v>45585</v>
      </c>
      <c r="F12984" s="14" t="s">
        <v>15</v>
      </c>
      <c r="G12984" s="16">
        <v>0</v>
      </c>
    </row>
    <row r="12985" spans="1:7" x14ac:dyDescent="0.3">
      <c r="A12985" s="13" t="s">
        <v>98</v>
      </c>
      <c r="B12985" s="14" t="s">
        <v>1</v>
      </c>
      <c r="C12985" s="14" t="s">
        <v>99</v>
      </c>
      <c r="D12985" s="14" t="s">
        <v>31</v>
      </c>
      <c r="E12985" s="15">
        <v>45586</v>
      </c>
      <c r="F12985" s="14" t="s">
        <v>15</v>
      </c>
      <c r="G12985" s="16">
        <v>0</v>
      </c>
    </row>
    <row r="12986" spans="1:7" x14ac:dyDescent="0.3">
      <c r="A12986" s="13" t="s">
        <v>98</v>
      </c>
      <c r="B12986" s="14" t="s">
        <v>1</v>
      </c>
      <c r="C12986" s="14" t="s">
        <v>99</v>
      </c>
      <c r="D12986" s="14" t="s">
        <v>31</v>
      </c>
      <c r="E12986" s="15">
        <v>45587</v>
      </c>
      <c r="F12986" s="14" t="s">
        <v>15</v>
      </c>
      <c r="G12986" s="16">
        <v>0</v>
      </c>
    </row>
    <row r="12987" spans="1:7" x14ac:dyDescent="0.3">
      <c r="A12987" s="13" t="s">
        <v>98</v>
      </c>
      <c r="B12987" s="14" t="s">
        <v>1</v>
      </c>
      <c r="C12987" s="14" t="s">
        <v>99</v>
      </c>
      <c r="D12987" s="14" t="s">
        <v>31</v>
      </c>
      <c r="E12987" s="15">
        <v>45588</v>
      </c>
      <c r="F12987" s="14" t="s">
        <v>15</v>
      </c>
      <c r="G12987" s="16">
        <v>0</v>
      </c>
    </row>
    <row r="12988" spans="1:7" x14ac:dyDescent="0.3">
      <c r="A12988" s="13" t="s">
        <v>98</v>
      </c>
      <c r="B12988" s="14" t="s">
        <v>1</v>
      </c>
      <c r="C12988" s="14" t="s">
        <v>99</v>
      </c>
      <c r="D12988" s="14" t="s">
        <v>31</v>
      </c>
      <c r="E12988" s="15">
        <v>45589</v>
      </c>
      <c r="F12988" s="14" t="s">
        <v>15</v>
      </c>
      <c r="G12988" s="16">
        <v>0</v>
      </c>
    </row>
    <row r="12989" spans="1:7" x14ac:dyDescent="0.3">
      <c r="A12989" s="13" t="s">
        <v>98</v>
      </c>
      <c r="B12989" s="14" t="s">
        <v>1</v>
      </c>
      <c r="C12989" s="14" t="s">
        <v>99</v>
      </c>
      <c r="D12989" s="14" t="s">
        <v>31</v>
      </c>
      <c r="E12989" s="15">
        <v>45590</v>
      </c>
      <c r="F12989" s="14" t="s">
        <v>15</v>
      </c>
      <c r="G12989" s="16">
        <v>0</v>
      </c>
    </row>
    <row r="12990" spans="1:7" x14ac:dyDescent="0.3">
      <c r="A12990" s="13" t="s">
        <v>98</v>
      </c>
      <c r="B12990" s="14" t="s">
        <v>1</v>
      </c>
      <c r="C12990" s="14" t="s">
        <v>99</v>
      </c>
      <c r="D12990" s="14" t="s">
        <v>31</v>
      </c>
      <c r="E12990" s="15">
        <v>45591</v>
      </c>
      <c r="F12990" s="14" t="s">
        <v>15</v>
      </c>
      <c r="G12990" s="16">
        <v>0</v>
      </c>
    </row>
    <row r="12991" spans="1:7" x14ac:dyDescent="0.3">
      <c r="A12991" s="13" t="s">
        <v>98</v>
      </c>
      <c r="B12991" s="14" t="s">
        <v>1</v>
      </c>
      <c r="C12991" s="14" t="s">
        <v>99</v>
      </c>
      <c r="D12991" s="14" t="s">
        <v>31</v>
      </c>
      <c r="E12991" s="15">
        <v>45592</v>
      </c>
      <c r="F12991" s="14" t="s">
        <v>15</v>
      </c>
      <c r="G12991" s="16">
        <v>0</v>
      </c>
    </row>
    <row r="12992" spans="1:7" x14ac:dyDescent="0.3">
      <c r="A12992" s="13" t="s">
        <v>98</v>
      </c>
      <c r="B12992" s="14" t="s">
        <v>1</v>
      </c>
      <c r="C12992" s="14" t="s">
        <v>99</v>
      </c>
      <c r="D12992" s="14" t="s">
        <v>31</v>
      </c>
      <c r="E12992" s="15">
        <v>45593</v>
      </c>
      <c r="F12992" s="14" t="s">
        <v>15</v>
      </c>
      <c r="G12992" s="16">
        <v>0</v>
      </c>
    </row>
    <row r="12993" spans="1:7" x14ac:dyDescent="0.3">
      <c r="A12993" s="13" t="s">
        <v>98</v>
      </c>
      <c r="B12993" s="14" t="s">
        <v>1</v>
      </c>
      <c r="C12993" s="14" t="s">
        <v>99</v>
      </c>
      <c r="D12993" s="14" t="s">
        <v>31</v>
      </c>
      <c r="E12993" s="15">
        <v>45594</v>
      </c>
      <c r="F12993" s="14" t="s">
        <v>15</v>
      </c>
      <c r="G12993" s="16">
        <v>0</v>
      </c>
    </row>
    <row r="12994" spans="1:7" x14ac:dyDescent="0.3">
      <c r="A12994" s="13" t="s">
        <v>98</v>
      </c>
      <c r="B12994" s="14" t="s">
        <v>1</v>
      </c>
      <c r="C12994" s="14" t="s">
        <v>99</v>
      </c>
      <c r="D12994" s="14" t="s">
        <v>31</v>
      </c>
      <c r="E12994" s="15">
        <v>45595</v>
      </c>
      <c r="F12994" s="14" t="s">
        <v>15</v>
      </c>
      <c r="G12994" s="16">
        <v>0</v>
      </c>
    </row>
    <row r="12995" spans="1:7" x14ac:dyDescent="0.3">
      <c r="A12995" s="13" t="s">
        <v>98</v>
      </c>
      <c r="B12995" s="14" t="s">
        <v>1</v>
      </c>
      <c r="C12995" s="14" t="s">
        <v>99</v>
      </c>
      <c r="D12995" s="14" t="s">
        <v>31</v>
      </c>
      <c r="E12995" s="15">
        <v>45596</v>
      </c>
      <c r="F12995" s="14" t="s">
        <v>15</v>
      </c>
      <c r="G12995" s="16">
        <v>0</v>
      </c>
    </row>
    <row r="12996" spans="1:7" x14ac:dyDescent="0.3">
      <c r="A12996" s="13" t="s">
        <v>98</v>
      </c>
      <c r="B12996" s="14" t="s">
        <v>1</v>
      </c>
      <c r="C12996" s="14" t="s">
        <v>99</v>
      </c>
      <c r="D12996" s="14" t="s">
        <v>31</v>
      </c>
      <c r="E12996" s="15">
        <v>45597</v>
      </c>
      <c r="F12996" s="14" t="s">
        <v>15</v>
      </c>
      <c r="G12996" s="16">
        <v>0</v>
      </c>
    </row>
    <row r="12997" spans="1:7" x14ac:dyDescent="0.3">
      <c r="A12997" s="13" t="s">
        <v>98</v>
      </c>
      <c r="B12997" s="14" t="s">
        <v>1</v>
      </c>
      <c r="C12997" s="14" t="s">
        <v>99</v>
      </c>
      <c r="D12997" s="14" t="s">
        <v>31</v>
      </c>
      <c r="E12997" s="15">
        <v>45598</v>
      </c>
      <c r="F12997" s="14" t="s">
        <v>15</v>
      </c>
      <c r="G12997" s="16">
        <v>0</v>
      </c>
    </row>
    <row r="12998" spans="1:7" x14ac:dyDescent="0.3">
      <c r="A12998" s="13" t="s">
        <v>98</v>
      </c>
      <c r="B12998" s="14" t="s">
        <v>1</v>
      </c>
      <c r="C12998" s="14" t="s">
        <v>99</v>
      </c>
      <c r="D12998" s="14" t="s">
        <v>31</v>
      </c>
      <c r="E12998" s="15">
        <v>45599</v>
      </c>
      <c r="F12998" s="14" t="s">
        <v>15</v>
      </c>
      <c r="G12998" s="16">
        <v>0</v>
      </c>
    </row>
    <row r="12999" spans="1:7" x14ac:dyDescent="0.3">
      <c r="A12999" s="13" t="s">
        <v>98</v>
      </c>
      <c r="B12999" s="14" t="s">
        <v>1</v>
      </c>
      <c r="C12999" s="14" t="s">
        <v>99</v>
      </c>
      <c r="D12999" s="14" t="s">
        <v>31</v>
      </c>
      <c r="E12999" s="15">
        <v>45600</v>
      </c>
      <c r="F12999" s="14" t="s">
        <v>15</v>
      </c>
      <c r="G12999" s="16">
        <v>0</v>
      </c>
    </row>
    <row r="13000" spans="1:7" x14ac:dyDescent="0.3">
      <c r="A13000" s="13" t="s">
        <v>98</v>
      </c>
      <c r="B13000" s="14" t="s">
        <v>1</v>
      </c>
      <c r="C13000" s="14" t="s">
        <v>99</v>
      </c>
      <c r="D13000" s="14" t="s">
        <v>31</v>
      </c>
      <c r="E13000" s="15">
        <v>45601</v>
      </c>
      <c r="F13000" s="14" t="s">
        <v>15</v>
      </c>
      <c r="G13000" s="16">
        <v>0</v>
      </c>
    </row>
    <row r="13001" spans="1:7" x14ac:dyDescent="0.3">
      <c r="A13001" s="13" t="s">
        <v>98</v>
      </c>
      <c r="B13001" s="14" t="s">
        <v>1</v>
      </c>
      <c r="C13001" s="14" t="s">
        <v>99</v>
      </c>
      <c r="D13001" s="14" t="s">
        <v>31</v>
      </c>
      <c r="E13001" s="15">
        <v>45602</v>
      </c>
      <c r="F13001" s="14" t="s">
        <v>15</v>
      </c>
      <c r="G13001" s="16">
        <v>0</v>
      </c>
    </row>
    <row r="13002" spans="1:7" x14ac:dyDescent="0.3">
      <c r="A13002" s="13" t="s">
        <v>98</v>
      </c>
      <c r="B13002" s="14" t="s">
        <v>1</v>
      </c>
      <c r="C13002" s="14" t="s">
        <v>99</v>
      </c>
      <c r="D13002" s="14" t="s">
        <v>31</v>
      </c>
      <c r="E13002" s="15">
        <v>45603</v>
      </c>
      <c r="F13002" s="14" t="s">
        <v>15</v>
      </c>
      <c r="G13002" s="16">
        <v>0</v>
      </c>
    </row>
    <row r="13003" spans="1:7" x14ac:dyDescent="0.3">
      <c r="A13003" s="13" t="s">
        <v>98</v>
      </c>
      <c r="B13003" s="14" t="s">
        <v>1</v>
      </c>
      <c r="C13003" s="14" t="s">
        <v>99</v>
      </c>
      <c r="D13003" s="14" t="s">
        <v>31</v>
      </c>
      <c r="E13003" s="15">
        <v>45604</v>
      </c>
      <c r="F13003" s="14" t="s">
        <v>15</v>
      </c>
      <c r="G13003" s="16">
        <v>0</v>
      </c>
    </row>
    <row r="13004" spans="1:7" x14ac:dyDescent="0.3">
      <c r="A13004" s="13" t="s">
        <v>98</v>
      </c>
      <c r="B13004" s="14" t="s">
        <v>1</v>
      </c>
      <c r="C13004" s="14" t="s">
        <v>99</v>
      </c>
      <c r="D13004" s="14" t="s">
        <v>31</v>
      </c>
      <c r="E13004" s="15">
        <v>45605</v>
      </c>
      <c r="F13004" s="14" t="s">
        <v>15</v>
      </c>
      <c r="G13004" s="16">
        <v>0</v>
      </c>
    </row>
    <row r="13005" spans="1:7" x14ac:dyDescent="0.3">
      <c r="A13005" s="13" t="s">
        <v>98</v>
      </c>
      <c r="B13005" s="14" t="s">
        <v>1</v>
      </c>
      <c r="C13005" s="14" t="s">
        <v>99</v>
      </c>
      <c r="D13005" s="14" t="s">
        <v>31</v>
      </c>
      <c r="E13005" s="15">
        <v>45606</v>
      </c>
      <c r="F13005" s="14" t="s">
        <v>15</v>
      </c>
      <c r="G13005" s="16">
        <v>0</v>
      </c>
    </row>
    <row r="13006" spans="1:7" x14ac:dyDescent="0.3">
      <c r="A13006" s="13" t="s">
        <v>98</v>
      </c>
      <c r="B13006" s="14" t="s">
        <v>1</v>
      </c>
      <c r="C13006" s="14" t="s">
        <v>99</v>
      </c>
      <c r="D13006" s="14" t="s">
        <v>31</v>
      </c>
      <c r="E13006" s="15">
        <v>45607</v>
      </c>
      <c r="F13006" s="14" t="s">
        <v>15</v>
      </c>
      <c r="G13006" s="16">
        <v>0</v>
      </c>
    </row>
    <row r="13007" spans="1:7" x14ac:dyDescent="0.3">
      <c r="A13007" s="13" t="s">
        <v>98</v>
      </c>
      <c r="B13007" s="14" t="s">
        <v>1</v>
      </c>
      <c r="C13007" s="14" t="s">
        <v>99</v>
      </c>
      <c r="D13007" s="14" t="s">
        <v>31</v>
      </c>
      <c r="E13007" s="15">
        <v>45608</v>
      </c>
      <c r="F13007" s="14" t="s">
        <v>15</v>
      </c>
      <c r="G13007" s="16">
        <v>0</v>
      </c>
    </row>
    <row r="13008" spans="1:7" x14ac:dyDescent="0.3">
      <c r="A13008" s="13" t="s">
        <v>98</v>
      </c>
      <c r="B13008" s="14" t="s">
        <v>1</v>
      </c>
      <c r="C13008" s="14" t="s">
        <v>99</v>
      </c>
      <c r="D13008" s="14" t="s">
        <v>31</v>
      </c>
      <c r="E13008" s="15">
        <v>45609</v>
      </c>
      <c r="F13008" s="14" t="s">
        <v>15</v>
      </c>
      <c r="G13008" s="16">
        <v>0</v>
      </c>
    </row>
    <row r="13009" spans="1:7" x14ac:dyDescent="0.3">
      <c r="A13009" s="13" t="s">
        <v>98</v>
      </c>
      <c r="B13009" s="14" t="s">
        <v>1</v>
      </c>
      <c r="C13009" s="14" t="s">
        <v>99</v>
      </c>
      <c r="D13009" s="14" t="s">
        <v>31</v>
      </c>
      <c r="E13009" s="15">
        <v>45610</v>
      </c>
      <c r="F13009" s="14" t="s">
        <v>15</v>
      </c>
      <c r="G13009" s="16">
        <v>0</v>
      </c>
    </row>
    <row r="13010" spans="1:7" x14ac:dyDescent="0.3">
      <c r="A13010" s="13" t="s">
        <v>98</v>
      </c>
      <c r="B13010" s="14" t="s">
        <v>1</v>
      </c>
      <c r="C13010" s="14" t="s">
        <v>99</v>
      </c>
      <c r="D13010" s="14" t="s">
        <v>31</v>
      </c>
      <c r="E13010" s="15">
        <v>45611</v>
      </c>
      <c r="F13010" s="14" t="s">
        <v>15</v>
      </c>
      <c r="G13010" s="16">
        <v>0</v>
      </c>
    </row>
    <row r="13011" spans="1:7" x14ac:dyDescent="0.3">
      <c r="A13011" s="13" t="s">
        <v>98</v>
      </c>
      <c r="B13011" s="14" t="s">
        <v>1</v>
      </c>
      <c r="C13011" s="14" t="s">
        <v>99</v>
      </c>
      <c r="D13011" s="14" t="s">
        <v>31</v>
      </c>
      <c r="E13011" s="15">
        <v>45612</v>
      </c>
      <c r="F13011" s="14" t="s">
        <v>15</v>
      </c>
      <c r="G13011" s="16">
        <v>0</v>
      </c>
    </row>
    <row r="13012" spans="1:7" x14ac:dyDescent="0.3">
      <c r="A13012" s="13" t="s">
        <v>98</v>
      </c>
      <c r="B13012" s="14" t="s">
        <v>1</v>
      </c>
      <c r="C13012" s="14" t="s">
        <v>99</v>
      </c>
      <c r="D13012" s="14" t="s">
        <v>31</v>
      </c>
      <c r="E13012" s="15">
        <v>45613</v>
      </c>
      <c r="F13012" s="14" t="s">
        <v>15</v>
      </c>
      <c r="G13012" s="16">
        <v>0</v>
      </c>
    </row>
    <row r="13013" spans="1:7" x14ac:dyDescent="0.3">
      <c r="A13013" s="13" t="s">
        <v>98</v>
      </c>
      <c r="B13013" s="14" t="s">
        <v>1</v>
      </c>
      <c r="C13013" s="14" t="s">
        <v>99</v>
      </c>
      <c r="D13013" s="14" t="s">
        <v>31</v>
      </c>
      <c r="E13013" s="15">
        <v>45614</v>
      </c>
      <c r="F13013" s="14" t="s">
        <v>15</v>
      </c>
      <c r="G13013" s="16">
        <v>0</v>
      </c>
    </row>
    <row r="13014" spans="1:7" x14ac:dyDescent="0.3">
      <c r="A13014" s="13" t="s">
        <v>98</v>
      </c>
      <c r="B13014" s="14" t="s">
        <v>1</v>
      </c>
      <c r="C13014" s="14" t="s">
        <v>99</v>
      </c>
      <c r="D13014" s="14" t="s">
        <v>31</v>
      </c>
      <c r="E13014" s="15">
        <v>45615</v>
      </c>
      <c r="F13014" s="14" t="s">
        <v>15</v>
      </c>
      <c r="G13014" s="16">
        <v>0</v>
      </c>
    </row>
    <row r="13015" spans="1:7" x14ac:dyDescent="0.3">
      <c r="A13015" s="13" t="s">
        <v>98</v>
      </c>
      <c r="B13015" s="14" t="s">
        <v>1</v>
      </c>
      <c r="C13015" s="14" t="s">
        <v>99</v>
      </c>
      <c r="D13015" s="14" t="s">
        <v>31</v>
      </c>
      <c r="E13015" s="15">
        <v>45616</v>
      </c>
      <c r="F13015" s="14" t="s">
        <v>15</v>
      </c>
      <c r="G13015" s="16">
        <v>0</v>
      </c>
    </row>
    <row r="13016" spans="1:7" x14ac:dyDescent="0.3">
      <c r="A13016" s="13" t="s">
        <v>98</v>
      </c>
      <c r="B13016" s="14" t="s">
        <v>1</v>
      </c>
      <c r="C13016" s="14" t="s">
        <v>99</v>
      </c>
      <c r="D13016" s="14" t="s">
        <v>31</v>
      </c>
      <c r="E13016" s="15">
        <v>45617</v>
      </c>
      <c r="F13016" s="14" t="s">
        <v>15</v>
      </c>
      <c r="G13016" s="16">
        <v>0</v>
      </c>
    </row>
    <row r="13017" spans="1:7" x14ac:dyDescent="0.3">
      <c r="A13017" s="13" t="s">
        <v>98</v>
      </c>
      <c r="B13017" s="14" t="s">
        <v>1</v>
      </c>
      <c r="C13017" s="14" t="s">
        <v>99</v>
      </c>
      <c r="D13017" s="14" t="s">
        <v>31</v>
      </c>
      <c r="E13017" s="15">
        <v>45618</v>
      </c>
      <c r="F13017" s="14" t="s">
        <v>15</v>
      </c>
      <c r="G13017" s="16">
        <v>0</v>
      </c>
    </row>
    <row r="13018" spans="1:7" x14ac:dyDescent="0.3">
      <c r="A13018" s="13" t="s">
        <v>98</v>
      </c>
      <c r="B13018" s="14" t="s">
        <v>1</v>
      </c>
      <c r="C13018" s="14" t="s">
        <v>99</v>
      </c>
      <c r="D13018" s="14" t="s">
        <v>31</v>
      </c>
      <c r="E13018" s="15">
        <v>45619</v>
      </c>
      <c r="F13018" s="14" t="s">
        <v>15</v>
      </c>
      <c r="G13018" s="16">
        <v>0</v>
      </c>
    </row>
    <row r="13019" spans="1:7" x14ac:dyDescent="0.3">
      <c r="A13019" s="13" t="s">
        <v>98</v>
      </c>
      <c r="B13019" s="14" t="s">
        <v>1</v>
      </c>
      <c r="C13019" s="14" t="s">
        <v>99</v>
      </c>
      <c r="D13019" s="14" t="s">
        <v>31</v>
      </c>
      <c r="E13019" s="15">
        <v>45620</v>
      </c>
      <c r="F13019" s="14" t="s">
        <v>15</v>
      </c>
      <c r="G13019" s="16">
        <v>0</v>
      </c>
    </row>
    <row r="13020" spans="1:7" x14ac:dyDescent="0.3">
      <c r="A13020" s="13" t="s">
        <v>98</v>
      </c>
      <c r="B13020" s="14" t="s">
        <v>1</v>
      </c>
      <c r="C13020" s="14" t="s">
        <v>99</v>
      </c>
      <c r="D13020" s="14" t="s">
        <v>31</v>
      </c>
      <c r="E13020" s="15">
        <v>45621</v>
      </c>
      <c r="F13020" s="14" t="s">
        <v>15</v>
      </c>
      <c r="G13020" s="16">
        <v>0</v>
      </c>
    </row>
    <row r="13021" spans="1:7" x14ac:dyDescent="0.3">
      <c r="A13021" s="13" t="s">
        <v>98</v>
      </c>
      <c r="B13021" s="14" t="s">
        <v>1</v>
      </c>
      <c r="C13021" s="14" t="s">
        <v>99</v>
      </c>
      <c r="D13021" s="14" t="s">
        <v>31</v>
      </c>
      <c r="E13021" s="15">
        <v>45622</v>
      </c>
      <c r="F13021" s="14" t="s">
        <v>15</v>
      </c>
      <c r="G13021" s="16">
        <v>0</v>
      </c>
    </row>
    <row r="13022" spans="1:7" x14ac:dyDescent="0.3">
      <c r="A13022" s="13" t="s">
        <v>98</v>
      </c>
      <c r="B13022" s="14" t="s">
        <v>1</v>
      </c>
      <c r="C13022" s="14" t="s">
        <v>99</v>
      </c>
      <c r="D13022" s="14" t="s">
        <v>31</v>
      </c>
      <c r="E13022" s="15">
        <v>45623</v>
      </c>
      <c r="F13022" s="14" t="s">
        <v>15</v>
      </c>
      <c r="G13022" s="16">
        <v>0</v>
      </c>
    </row>
    <row r="13023" spans="1:7" x14ac:dyDescent="0.3">
      <c r="A13023" s="13" t="s">
        <v>98</v>
      </c>
      <c r="B13023" s="14" t="s">
        <v>1</v>
      </c>
      <c r="C13023" s="14" t="s">
        <v>99</v>
      </c>
      <c r="D13023" s="14" t="s">
        <v>31</v>
      </c>
      <c r="E13023" s="15">
        <v>45624</v>
      </c>
      <c r="F13023" s="14" t="s">
        <v>15</v>
      </c>
      <c r="G13023" s="16">
        <v>0</v>
      </c>
    </row>
    <row r="13024" spans="1:7" x14ac:dyDescent="0.3">
      <c r="A13024" s="13" t="s">
        <v>98</v>
      </c>
      <c r="B13024" s="14" t="s">
        <v>1</v>
      </c>
      <c r="C13024" s="14" t="s">
        <v>99</v>
      </c>
      <c r="D13024" s="14" t="s">
        <v>31</v>
      </c>
      <c r="E13024" s="15">
        <v>45625</v>
      </c>
      <c r="F13024" s="14" t="s">
        <v>15</v>
      </c>
      <c r="G13024" s="16">
        <v>0</v>
      </c>
    </row>
    <row r="13025" spans="1:7" x14ac:dyDescent="0.3">
      <c r="A13025" s="13" t="s">
        <v>98</v>
      </c>
      <c r="B13025" s="14" t="s">
        <v>1</v>
      </c>
      <c r="C13025" s="14" t="s">
        <v>99</v>
      </c>
      <c r="D13025" s="14" t="s">
        <v>31</v>
      </c>
      <c r="E13025" s="15">
        <v>45626</v>
      </c>
      <c r="F13025" s="14" t="s">
        <v>15</v>
      </c>
      <c r="G13025" s="16">
        <v>0</v>
      </c>
    </row>
    <row r="13026" spans="1:7" x14ac:dyDescent="0.3">
      <c r="A13026" s="13" t="s">
        <v>98</v>
      </c>
      <c r="B13026" s="14" t="s">
        <v>1</v>
      </c>
      <c r="C13026" s="14" t="s">
        <v>99</v>
      </c>
      <c r="D13026" s="14" t="s">
        <v>31</v>
      </c>
      <c r="E13026" s="15">
        <v>45627</v>
      </c>
      <c r="F13026" s="14" t="s">
        <v>15</v>
      </c>
      <c r="G13026" s="16">
        <v>0</v>
      </c>
    </row>
    <row r="13027" spans="1:7" x14ac:dyDescent="0.3">
      <c r="A13027" s="13" t="s">
        <v>98</v>
      </c>
      <c r="B13027" s="14" t="s">
        <v>1</v>
      </c>
      <c r="C13027" s="14" t="s">
        <v>99</v>
      </c>
      <c r="D13027" s="14" t="s">
        <v>31</v>
      </c>
      <c r="E13027" s="15">
        <v>45628</v>
      </c>
      <c r="F13027" s="14" t="s">
        <v>15</v>
      </c>
      <c r="G13027" s="16">
        <v>0</v>
      </c>
    </row>
    <row r="13028" spans="1:7" x14ac:dyDescent="0.3">
      <c r="A13028" s="13" t="s">
        <v>98</v>
      </c>
      <c r="B13028" s="14" t="s">
        <v>1</v>
      </c>
      <c r="C13028" s="14" t="s">
        <v>99</v>
      </c>
      <c r="D13028" s="14" t="s">
        <v>31</v>
      </c>
      <c r="E13028" s="15">
        <v>45629</v>
      </c>
      <c r="F13028" s="14" t="s">
        <v>15</v>
      </c>
      <c r="G13028" s="16">
        <v>0</v>
      </c>
    </row>
    <row r="13029" spans="1:7" x14ac:dyDescent="0.3">
      <c r="A13029" s="13" t="s">
        <v>98</v>
      </c>
      <c r="B13029" s="14" t="s">
        <v>1</v>
      </c>
      <c r="C13029" s="14" t="s">
        <v>99</v>
      </c>
      <c r="D13029" s="14" t="s">
        <v>31</v>
      </c>
      <c r="E13029" s="15">
        <v>45630</v>
      </c>
      <c r="F13029" s="14" t="s">
        <v>15</v>
      </c>
      <c r="G13029" s="16">
        <v>0</v>
      </c>
    </row>
    <row r="13030" spans="1:7" x14ac:dyDescent="0.3">
      <c r="A13030" s="13" t="s">
        <v>98</v>
      </c>
      <c r="B13030" s="14" t="s">
        <v>1</v>
      </c>
      <c r="C13030" s="14" t="s">
        <v>99</v>
      </c>
      <c r="D13030" s="14" t="s">
        <v>31</v>
      </c>
      <c r="E13030" s="15">
        <v>45631</v>
      </c>
      <c r="F13030" s="14" t="s">
        <v>15</v>
      </c>
      <c r="G13030" s="16">
        <v>0</v>
      </c>
    </row>
    <row r="13031" spans="1:7" x14ac:dyDescent="0.3">
      <c r="A13031" s="13" t="s">
        <v>98</v>
      </c>
      <c r="B13031" s="14" t="s">
        <v>1</v>
      </c>
      <c r="C13031" s="14" t="s">
        <v>99</v>
      </c>
      <c r="D13031" s="14" t="s">
        <v>31</v>
      </c>
      <c r="E13031" s="15">
        <v>45632</v>
      </c>
      <c r="F13031" s="14" t="s">
        <v>15</v>
      </c>
      <c r="G13031" s="16">
        <v>0</v>
      </c>
    </row>
    <row r="13032" spans="1:7" x14ac:dyDescent="0.3">
      <c r="A13032" s="13" t="s">
        <v>98</v>
      </c>
      <c r="B13032" s="14" t="s">
        <v>1</v>
      </c>
      <c r="C13032" s="14" t="s">
        <v>99</v>
      </c>
      <c r="D13032" s="14" t="s">
        <v>31</v>
      </c>
      <c r="E13032" s="15">
        <v>45633</v>
      </c>
      <c r="F13032" s="14" t="s">
        <v>15</v>
      </c>
      <c r="G13032" s="16">
        <v>0</v>
      </c>
    </row>
    <row r="13033" spans="1:7" x14ac:dyDescent="0.3">
      <c r="A13033" s="13" t="s">
        <v>98</v>
      </c>
      <c r="B13033" s="14" t="s">
        <v>1</v>
      </c>
      <c r="C13033" s="14" t="s">
        <v>99</v>
      </c>
      <c r="D13033" s="14" t="s">
        <v>31</v>
      </c>
      <c r="E13033" s="15">
        <v>45634</v>
      </c>
      <c r="F13033" s="14" t="s">
        <v>15</v>
      </c>
      <c r="G13033" s="16">
        <v>0</v>
      </c>
    </row>
    <row r="13034" spans="1:7" x14ac:dyDescent="0.3">
      <c r="A13034" s="13" t="s">
        <v>98</v>
      </c>
      <c r="B13034" s="14" t="s">
        <v>1</v>
      </c>
      <c r="C13034" s="14" t="s">
        <v>99</v>
      </c>
      <c r="D13034" s="14" t="s">
        <v>31</v>
      </c>
      <c r="E13034" s="15">
        <v>45635</v>
      </c>
      <c r="F13034" s="14" t="s">
        <v>15</v>
      </c>
      <c r="G13034" s="16">
        <v>0</v>
      </c>
    </row>
    <row r="13035" spans="1:7" x14ac:dyDescent="0.3">
      <c r="A13035" s="13" t="s">
        <v>98</v>
      </c>
      <c r="B13035" s="14" t="s">
        <v>1</v>
      </c>
      <c r="C13035" s="14" t="s">
        <v>99</v>
      </c>
      <c r="D13035" s="14" t="s">
        <v>31</v>
      </c>
      <c r="E13035" s="15">
        <v>45636</v>
      </c>
      <c r="F13035" s="14" t="s">
        <v>15</v>
      </c>
      <c r="G13035" s="16">
        <v>0</v>
      </c>
    </row>
    <row r="13036" spans="1:7" x14ac:dyDescent="0.3">
      <c r="A13036" s="13" t="s">
        <v>98</v>
      </c>
      <c r="B13036" s="14" t="s">
        <v>1</v>
      </c>
      <c r="C13036" s="14" t="s">
        <v>99</v>
      </c>
      <c r="D13036" s="14" t="s">
        <v>31</v>
      </c>
      <c r="E13036" s="15">
        <v>45637</v>
      </c>
      <c r="F13036" s="14" t="s">
        <v>15</v>
      </c>
      <c r="G13036" s="16">
        <v>0</v>
      </c>
    </row>
    <row r="13037" spans="1:7" x14ac:dyDescent="0.3">
      <c r="A13037" s="13" t="s">
        <v>98</v>
      </c>
      <c r="B13037" s="14" t="s">
        <v>1</v>
      </c>
      <c r="C13037" s="14" t="s">
        <v>99</v>
      </c>
      <c r="D13037" s="14" t="s">
        <v>31</v>
      </c>
      <c r="E13037" s="15">
        <v>45638</v>
      </c>
      <c r="F13037" s="14" t="s">
        <v>15</v>
      </c>
      <c r="G13037" s="16">
        <v>0</v>
      </c>
    </row>
    <row r="13038" spans="1:7" x14ac:dyDescent="0.3">
      <c r="A13038" s="13" t="s">
        <v>98</v>
      </c>
      <c r="B13038" s="14" t="s">
        <v>1</v>
      </c>
      <c r="C13038" s="14" t="s">
        <v>99</v>
      </c>
      <c r="D13038" s="14" t="s">
        <v>31</v>
      </c>
      <c r="E13038" s="15">
        <v>45639</v>
      </c>
      <c r="F13038" s="14" t="s">
        <v>15</v>
      </c>
      <c r="G13038" s="16">
        <v>0</v>
      </c>
    </row>
    <row r="13039" spans="1:7" x14ac:dyDescent="0.3">
      <c r="A13039" s="13" t="s">
        <v>98</v>
      </c>
      <c r="B13039" s="14" t="s">
        <v>1</v>
      </c>
      <c r="C13039" s="14" t="s">
        <v>99</v>
      </c>
      <c r="D13039" s="14" t="s">
        <v>31</v>
      </c>
      <c r="E13039" s="15">
        <v>45640</v>
      </c>
      <c r="F13039" s="14" t="s">
        <v>15</v>
      </c>
      <c r="G13039" s="16">
        <v>0</v>
      </c>
    </row>
    <row r="13040" spans="1:7" x14ac:dyDescent="0.3">
      <c r="A13040" s="13" t="s">
        <v>98</v>
      </c>
      <c r="B13040" s="14" t="s">
        <v>1</v>
      </c>
      <c r="C13040" s="14" t="s">
        <v>99</v>
      </c>
      <c r="D13040" s="14" t="s">
        <v>31</v>
      </c>
      <c r="E13040" s="15">
        <v>45641</v>
      </c>
      <c r="F13040" s="14" t="s">
        <v>15</v>
      </c>
      <c r="G13040" s="16">
        <v>0</v>
      </c>
    </row>
    <row r="13041" spans="1:7" x14ac:dyDescent="0.3">
      <c r="A13041" s="13" t="s">
        <v>98</v>
      </c>
      <c r="B13041" s="14" t="s">
        <v>1</v>
      </c>
      <c r="C13041" s="14" t="s">
        <v>99</v>
      </c>
      <c r="D13041" s="14" t="s">
        <v>31</v>
      </c>
      <c r="E13041" s="15">
        <v>45642</v>
      </c>
      <c r="F13041" s="14" t="s">
        <v>15</v>
      </c>
      <c r="G13041" s="16">
        <v>0</v>
      </c>
    </row>
    <row r="13042" spans="1:7" x14ac:dyDescent="0.3">
      <c r="A13042" s="13" t="s">
        <v>98</v>
      </c>
      <c r="B13042" s="14" t="s">
        <v>1</v>
      </c>
      <c r="C13042" s="14" t="s">
        <v>99</v>
      </c>
      <c r="D13042" s="14" t="s">
        <v>31</v>
      </c>
      <c r="E13042" s="15">
        <v>45643</v>
      </c>
      <c r="F13042" s="14" t="s">
        <v>15</v>
      </c>
      <c r="G13042" s="16">
        <v>0</v>
      </c>
    </row>
    <row r="13043" spans="1:7" x14ac:dyDescent="0.3">
      <c r="A13043" s="13" t="s">
        <v>98</v>
      </c>
      <c r="B13043" s="14" t="s">
        <v>1</v>
      </c>
      <c r="C13043" s="14" t="s">
        <v>99</v>
      </c>
      <c r="D13043" s="14" t="s">
        <v>31</v>
      </c>
      <c r="E13043" s="15">
        <v>45644</v>
      </c>
      <c r="F13043" s="14" t="s">
        <v>15</v>
      </c>
      <c r="G13043" s="16">
        <v>0</v>
      </c>
    </row>
    <row r="13044" spans="1:7" x14ac:dyDescent="0.3">
      <c r="A13044" s="13" t="s">
        <v>98</v>
      </c>
      <c r="B13044" s="14" t="s">
        <v>1</v>
      </c>
      <c r="C13044" s="14" t="s">
        <v>99</v>
      </c>
      <c r="D13044" s="14" t="s">
        <v>31</v>
      </c>
      <c r="E13044" s="15">
        <v>45645</v>
      </c>
      <c r="F13044" s="14" t="s">
        <v>15</v>
      </c>
      <c r="G13044" s="16">
        <v>0</v>
      </c>
    </row>
    <row r="13045" spans="1:7" x14ac:dyDescent="0.3">
      <c r="A13045" s="13" t="s">
        <v>98</v>
      </c>
      <c r="B13045" s="14" t="s">
        <v>1</v>
      </c>
      <c r="C13045" s="14" t="s">
        <v>99</v>
      </c>
      <c r="D13045" s="14" t="s">
        <v>31</v>
      </c>
      <c r="E13045" s="15">
        <v>45646</v>
      </c>
      <c r="F13045" s="14" t="s">
        <v>15</v>
      </c>
      <c r="G13045" s="16">
        <v>0</v>
      </c>
    </row>
    <row r="13046" spans="1:7" x14ac:dyDescent="0.3">
      <c r="A13046" s="13" t="s">
        <v>98</v>
      </c>
      <c r="B13046" s="14" t="s">
        <v>1</v>
      </c>
      <c r="C13046" s="14" t="s">
        <v>99</v>
      </c>
      <c r="D13046" s="14" t="s">
        <v>31</v>
      </c>
      <c r="E13046" s="15">
        <v>45647</v>
      </c>
      <c r="F13046" s="14" t="s">
        <v>15</v>
      </c>
      <c r="G13046" s="16">
        <v>0</v>
      </c>
    </row>
    <row r="13047" spans="1:7" x14ac:dyDescent="0.3">
      <c r="A13047" s="13" t="s">
        <v>98</v>
      </c>
      <c r="B13047" s="14" t="s">
        <v>1</v>
      </c>
      <c r="C13047" s="14" t="s">
        <v>99</v>
      </c>
      <c r="D13047" s="14" t="s">
        <v>31</v>
      </c>
      <c r="E13047" s="15">
        <v>45648</v>
      </c>
      <c r="F13047" s="14" t="s">
        <v>15</v>
      </c>
      <c r="G13047" s="16">
        <v>0</v>
      </c>
    </row>
    <row r="13048" spans="1:7" x14ac:dyDescent="0.3">
      <c r="A13048" s="13" t="s">
        <v>98</v>
      </c>
      <c r="B13048" s="14" t="s">
        <v>1</v>
      </c>
      <c r="C13048" s="14" t="s">
        <v>99</v>
      </c>
      <c r="D13048" s="14" t="s">
        <v>31</v>
      </c>
      <c r="E13048" s="15">
        <v>45649</v>
      </c>
      <c r="F13048" s="14" t="s">
        <v>15</v>
      </c>
      <c r="G13048" s="16">
        <v>0</v>
      </c>
    </row>
    <row r="13049" spans="1:7" x14ac:dyDescent="0.3">
      <c r="A13049" s="13" t="s">
        <v>98</v>
      </c>
      <c r="B13049" s="14" t="s">
        <v>1</v>
      </c>
      <c r="C13049" s="14" t="s">
        <v>99</v>
      </c>
      <c r="D13049" s="14" t="s">
        <v>31</v>
      </c>
      <c r="E13049" s="15">
        <v>45650</v>
      </c>
      <c r="F13049" s="14" t="s">
        <v>15</v>
      </c>
      <c r="G13049" s="16">
        <v>0</v>
      </c>
    </row>
    <row r="13050" spans="1:7" x14ac:dyDescent="0.3">
      <c r="A13050" s="13" t="s">
        <v>98</v>
      </c>
      <c r="B13050" s="14" t="s">
        <v>1</v>
      </c>
      <c r="C13050" s="14" t="s">
        <v>99</v>
      </c>
      <c r="D13050" s="14" t="s">
        <v>31</v>
      </c>
      <c r="E13050" s="15">
        <v>45651</v>
      </c>
      <c r="F13050" s="14" t="s">
        <v>15</v>
      </c>
      <c r="G13050" s="16">
        <v>0</v>
      </c>
    </row>
    <row r="13051" spans="1:7" x14ac:dyDescent="0.3">
      <c r="A13051" s="13" t="s">
        <v>98</v>
      </c>
      <c r="B13051" s="14" t="s">
        <v>1</v>
      </c>
      <c r="C13051" s="14" t="s">
        <v>99</v>
      </c>
      <c r="D13051" s="14" t="s">
        <v>31</v>
      </c>
      <c r="E13051" s="15">
        <v>45652</v>
      </c>
      <c r="F13051" s="14" t="s">
        <v>15</v>
      </c>
      <c r="G13051" s="16">
        <v>0</v>
      </c>
    </row>
    <row r="13052" spans="1:7" x14ac:dyDescent="0.3">
      <c r="A13052" s="13" t="s">
        <v>98</v>
      </c>
      <c r="B13052" s="14" t="s">
        <v>1</v>
      </c>
      <c r="C13052" s="14" t="s">
        <v>99</v>
      </c>
      <c r="D13052" s="14" t="s">
        <v>31</v>
      </c>
      <c r="E13052" s="15">
        <v>45653</v>
      </c>
      <c r="F13052" s="14" t="s">
        <v>15</v>
      </c>
      <c r="G13052" s="16">
        <v>0</v>
      </c>
    </row>
    <row r="13053" spans="1:7" x14ac:dyDescent="0.3">
      <c r="A13053" s="13" t="s">
        <v>98</v>
      </c>
      <c r="B13053" s="14" t="s">
        <v>1</v>
      </c>
      <c r="C13053" s="14" t="s">
        <v>99</v>
      </c>
      <c r="D13053" s="14" t="s">
        <v>31</v>
      </c>
      <c r="E13053" s="15">
        <v>45654</v>
      </c>
      <c r="F13053" s="14" t="s">
        <v>15</v>
      </c>
      <c r="G13053" s="16">
        <v>0</v>
      </c>
    </row>
    <row r="13054" spans="1:7" x14ac:dyDescent="0.3">
      <c r="A13054" s="13" t="s">
        <v>98</v>
      </c>
      <c r="B13054" s="14" t="s">
        <v>1</v>
      </c>
      <c r="C13054" s="14" t="s">
        <v>99</v>
      </c>
      <c r="D13054" s="14" t="s">
        <v>31</v>
      </c>
      <c r="E13054" s="15">
        <v>45655</v>
      </c>
      <c r="F13054" s="14" t="s">
        <v>15</v>
      </c>
      <c r="G13054" s="16">
        <v>0</v>
      </c>
    </row>
    <row r="13055" spans="1:7" x14ac:dyDescent="0.3">
      <c r="A13055" s="13" t="s">
        <v>98</v>
      </c>
      <c r="B13055" s="14" t="s">
        <v>1</v>
      </c>
      <c r="C13055" s="14" t="s">
        <v>99</v>
      </c>
      <c r="D13055" s="14" t="s">
        <v>31</v>
      </c>
      <c r="E13055" s="15">
        <v>45656</v>
      </c>
      <c r="F13055" s="14" t="s">
        <v>15</v>
      </c>
      <c r="G13055" s="16">
        <v>0</v>
      </c>
    </row>
    <row r="13056" spans="1:7" x14ac:dyDescent="0.3">
      <c r="A13056" s="13" t="s">
        <v>98</v>
      </c>
      <c r="B13056" s="14" t="s">
        <v>1</v>
      </c>
      <c r="C13056" s="14" t="s">
        <v>99</v>
      </c>
      <c r="D13056" s="14" t="s">
        <v>31</v>
      </c>
      <c r="E13056" s="15">
        <v>45657</v>
      </c>
      <c r="F13056" s="14" t="s">
        <v>15</v>
      </c>
      <c r="G13056" s="16">
        <v>0</v>
      </c>
    </row>
    <row r="13057" spans="1:7" x14ac:dyDescent="0.3">
      <c r="A13057" s="13" t="s">
        <v>98</v>
      </c>
      <c r="B13057" s="14" t="s">
        <v>1</v>
      </c>
      <c r="C13057" s="14" t="s">
        <v>99</v>
      </c>
      <c r="D13057" s="14" t="s">
        <v>31</v>
      </c>
      <c r="E13057" s="15">
        <v>45658</v>
      </c>
      <c r="F13057" s="14" t="s">
        <v>15</v>
      </c>
      <c r="G13057" s="16">
        <v>0</v>
      </c>
    </row>
    <row r="13058" spans="1:7" x14ac:dyDescent="0.3">
      <c r="A13058" s="13" t="s">
        <v>98</v>
      </c>
      <c r="B13058" s="14" t="s">
        <v>1</v>
      </c>
      <c r="C13058" s="14" t="s">
        <v>99</v>
      </c>
      <c r="D13058" s="14" t="s">
        <v>31</v>
      </c>
      <c r="E13058" s="15">
        <v>45659</v>
      </c>
      <c r="F13058" s="14" t="s">
        <v>15</v>
      </c>
      <c r="G13058" s="16">
        <v>0</v>
      </c>
    </row>
    <row r="13059" spans="1:7" x14ac:dyDescent="0.3">
      <c r="A13059" s="13" t="s">
        <v>98</v>
      </c>
      <c r="B13059" s="14" t="s">
        <v>1</v>
      </c>
      <c r="C13059" s="14" t="s">
        <v>99</v>
      </c>
      <c r="D13059" s="14" t="s">
        <v>31</v>
      </c>
      <c r="E13059" s="15">
        <v>45660</v>
      </c>
      <c r="F13059" s="14" t="s">
        <v>15</v>
      </c>
      <c r="G13059" s="16">
        <v>0</v>
      </c>
    </row>
    <row r="13060" spans="1:7" x14ac:dyDescent="0.3">
      <c r="A13060" s="13" t="s">
        <v>98</v>
      </c>
      <c r="B13060" s="14" t="s">
        <v>1</v>
      </c>
      <c r="C13060" s="14" t="s">
        <v>99</v>
      </c>
      <c r="D13060" s="14" t="s">
        <v>31</v>
      </c>
      <c r="E13060" s="15">
        <v>45661</v>
      </c>
      <c r="F13060" s="14" t="s">
        <v>15</v>
      </c>
      <c r="G13060" s="16">
        <v>0</v>
      </c>
    </row>
    <row r="13061" spans="1:7" x14ac:dyDescent="0.3">
      <c r="A13061" s="13" t="s">
        <v>98</v>
      </c>
      <c r="B13061" s="14" t="s">
        <v>1</v>
      </c>
      <c r="C13061" s="14" t="s">
        <v>99</v>
      </c>
      <c r="D13061" s="14" t="s">
        <v>31</v>
      </c>
      <c r="E13061" s="15">
        <v>45662</v>
      </c>
      <c r="F13061" s="14" t="s">
        <v>15</v>
      </c>
      <c r="G13061" s="16">
        <v>0</v>
      </c>
    </row>
    <row r="13062" spans="1:7" x14ac:dyDescent="0.3">
      <c r="A13062" s="13" t="s">
        <v>98</v>
      </c>
      <c r="B13062" s="14" t="s">
        <v>1</v>
      </c>
      <c r="C13062" s="14" t="s">
        <v>99</v>
      </c>
      <c r="D13062" s="14" t="s">
        <v>31</v>
      </c>
      <c r="E13062" s="15">
        <v>45663</v>
      </c>
      <c r="F13062" s="14" t="s">
        <v>15</v>
      </c>
      <c r="G13062" s="16">
        <v>0</v>
      </c>
    </row>
    <row r="13063" spans="1:7" x14ac:dyDescent="0.3">
      <c r="A13063" s="13" t="s">
        <v>98</v>
      </c>
      <c r="B13063" s="14" t="s">
        <v>1</v>
      </c>
      <c r="C13063" s="14" t="s">
        <v>99</v>
      </c>
      <c r="D13063" s="14" t="s">
        <v>31</v>
      </c>
      <c r="E13063" s="15">
        <v>45664</v>
      </c>
      <c r="F13063" s="14" t="s">
        <v>15</v>
      </c>
      <c r="G13063" s="16">
        <v>0</v>
      </c>
    </row>
    <row r="13064" spans="1:7" x14ac:dyDescent="0.3">
      <c r="A13064" s="13" t="s">
        <v>98</v>
      </c>
      <c r="B13064" s="14" t="s">
        <v>1</v>
      </c>
      <c r="C13064" s="14" t="s">
        <v>99</v>
      </c>
      <c r="D13064" s="14" t="s">
        <v>31</v>
      </c>
      <c r="E13064" s="15">
        <v>45665</v>
      </c>
      <c r="F13064" s="14" t="s">
        <v>15</v>
      </c>
      <c r="G13064" s="16">
        <v>0</v>
      </c>
    </row>
    <row r="13065" spans="1:7" x14ac:dyDescent="0.3">
      <c r="A13065" s="13" t="s">
        <v>98</v>
      </c>
      <c r="B13065" s="14" t="s">
        <v>1</v>
      </c>
      <c r="C13065" s="14" t="s">
        <v>99</v>
      </c>
      <c r="D13065" s="14" t="s">
        <v>31</v>
      </c>
      <c r="E13065" s="15">
        <v>45666</v>
      </c>
      <c r="F13065" s="14" t="s">
        <v>15</v>
      </c>
      <c r="G13065" s="16">
        <v>0</v>
      </c>
    </row>
    <row r="13066" spans="1:7" x14ac:dyDescent="0.3">
      <c r="A13066" s="13" t="s">
        <v>98</v>
      </c>
      <c r="B13066" s="14" t="s">
        <v>1</v>
      </c>
      <c r="C13066" s="14" t="s">
        <v>99</v>
      </c>
      <c r="D13066" s="14" t="s">
        <v>31</v>
      </c>
      <c r="E13066" s="15">
        <v>45667</v>
      </c>
      <c r="F13066" s="14" t="s">
        <v>15</v>
      </c>
      <c r="G13066" s="16">
        <v>0</v>
      </c>
    </row>
    <row r="13067" spans="1:7" x14ac:dyDescent="0.3">
      <c r="A13067" s="13" t="s">
        <v>98</v>
      </c>
      <c r="B13067" s="14" t="s">
        <v>1</v>
      </c>
      <c r="C13067" s="14" t="s">
        <v>99</v>
      </c>
      <c r="D13067" s="14" t="s">
        <v>31</v>
      </c>
      <c r="E13067" s="15">
        <v>45668</v>
      </c>
      <c r="F13067" s="14" t="s">
        <v>15</v>
      </c>
      <c r="G13067" s="16">
        <v>0</v>
      </c>
    </row>
    <row r="13068" spans="1:7" x14ac:dyDescent="0.3">
      <c r="A13068" s="13" t="s">
        <v>98</v>
      </c>
      <c r="B13068" s="14" t="s">
        <v>1</v>
      </c>
      <c r="C13068" s="14" t="s">
        <v>99</v>
      </c>
      <c r="D13068" s="14" t="s">
        <v>31</v>
      </c>
      <c r="E13068" s="15">
        <v>45669</v>
      </c>
      <c r="F13068" s="14" t="s">
        <v>15</v>
      </c>
      <c r="G13068" s="16">
        <v>0</v>
      </c>
    </row>
    <row r="13069" spans="1:7" x14ac:dyDescent="0.3">
      <c r="A13069" s="13" t="s">
        <v>98</v>
      </c>
      <c r="B13069" s="14" t="s">
        <v>1</v>
      </c>
      <c r="C13069" s="14" t="s">
        <v>99</v>
      </c>
      <c r="D13069" s="14" t="s">
        <v>31</v>
      </c>
      <c r="E13069" s="15">
        <v>45670</v>
      </c>
      <c r="F13069" s="14" t="s">
        <v>15</v>
      </c>
      <c r="G13069" s="16">
        <v>0</v>
      </c>
    </row>
    <row r="13070" spans="1:7" x14ac:dyDescent="0.3">
      <c r="A13070" s="13" t="s">
        <v>98</v>
      </c>
      <c r="B13070" s="14" t="s">
        <v>1</v>
      </c>
      <c r="C13070" s="14" t="s">
        <v>99</v>
      </c>
      <c r="D13070" s="14" t="s">
        <v>31</v>
      </c>
      <c r="E13070" s="15">
        <v>45671</v>
      </c>
      <c r="F13070" s="14" t="s">
        <v>15</v>
      </c>
      <c r="G13070" s="16">
        <v>0</v>
      </c>
    </row>
    <row r="13071" spans="1:7" x14ac:dyDescent="0.3">
      <c r="A13071" s="13" t="s">
        <v>98</v>
      </c>
      <c r="B13071" s="14" t="s">
        <v>1</v>
      </c>
      <c r="C13071" s="14" t="s">
        <v>99</v>
      </c>
      <c r="D13071" s="14" t="s">
        <v>31</v>
      </c>
      <c r="E13071" s="15">
        <v>45672</v>
      </c>
      <c r="F13071" s="14" t="s">
        <v>15</v>
      </c>
      <c r="G13071" s="16">
        <v>0</v>
      </c>
    </row>
    <row r="13072" spans="1:7" x14ac:dyDescent="0.3">
      <c r="A13072" s="13" t="s">
        <v>98</v>
      </c>
      <c r="B13072" s="14" t="s">
        <v>1</v>
      </c>
      <c r="C13072" s="14" t="s">
        <v>99</v>
      </c>
      <c r="D13072" s="14" t="s">
        <v>31</v>
      </c>
      <c r="E13072" s="15">
        <v>45673</v>
      </c>
      <c r="F13072" s="14" t="s">
        <v>15</v>
      </c>
      <c r="G13072" s="16">
        <v>0</v>
      </c>
    </row>
    <row r="13073" spans="1:7" x14ac:dyDescent="0.3">
      <c r="A13073" s="13" t="s">
        <v>98</v>
      </c>
      <c r="B13073" s="14" t="s">
        <v>1</v>
      </c>
      <c r="C13073" s="14" t="s">
        <v>99</v>
      </c>
      <c r="D13073" s="14" t="s">
        <v>31</v>
      </c>
      <c r="E13073" s="15">
        <v>45674</v>
      </c>
      <c r="F13073" s="14" t="s">
        <v>15</v>
      </c>
      <c r="G13073" s="16">
        <v>0</v>
      </c>
    </row>
    <row r="13074" spans="1:7" x14ac:dyDescent="0.3">
      <c r="A13074" s="13" t="s">
        <v>98</v>
      </c>
      <c r="B13074" s="14" t="s">
        <v>1</v>
      </c>
      <c r="C13074" s="14" t="s">
        <v>99</v>
      </c>
      <c r="D13074" s="14" t="s">
        <v>31</v>
      </c>
      <c r="E13074" s="15">
        <v>45675</v>
      </c>
      <c r="F13074" s="14" t="s">
        <v>15</v>
      </c>
      <c r="G13074" s="16">
        <v>0</v>
      </c>
    </row>
    <row r="13075" spans="1:7" x14ac:dyDescent="0.3">
      <c r="A13075" s="13" t="s">
        <v>98</v>
      </c>
      <c r="B13075" s="14" t="s">
        <v>1</v>
      </c>
      <c r="C13075" s="14" t="s">
        <v>99</v>
      </c>
      <c r="D13075" s="14" t="s">
        <v>31</v>
      </c>
      <c r="E13075" s="15">
        <v>45676</v>
      </c>
      <c r="F13075" s="14" t="s">
        <v>15</v>
      </c>
      <c r="G13075" s="16">
        <v>0</v>
      </c>
    </row>
    <row r="13076" spans="1:7" x14ac:dyDescent="0.3">
      <c r="A13076" s="13" t="s">
        <v>98</v>
      </c>
      <c r="B13076" s="14" t="s">
        <v>1</v>
      </c>
      <c r="C13076" s="14" t="s">
        <v>99</v>
      </c>
      <c r="D13076" s="14" t="s">
        <v>31</v>
      </c>
      <c r="E13076" s="15">
        <v>45677</v>
      </c>
      <c r="F13076" s="14" t="s">
        <v>15</v>
      </c>
      <c r="G13076" s="16">
        <v>0</v>
      </c>
    </row>
    <row r="13077" spans="1:7" x14ac:dyDescent="0.3">
      <c r="A13077" s="13" t="s">
        <v>98</v>
      </c>
      <c r="B13077" s="14" t="s">
        <v>1</v>
      </c>
      <c r="C13077" s="14" t="s">
        <v>99</v>
      </c>
      <c r="D13077" s="14" t="s">
        <v>31</v>
      </c>
      <c r="E13077" s="15">
        <v>45678</v>
      </c>
      <c r="F13077" s="14" t="s">
        <v>15</v>
      </c>
      <c r="G13077" s="16">
        <v>0</v>
      </c>
    </row>
    <row r="13078" spans="1:7" x14ac:dyDescent="0.3">
      <c r="A13078" s="13" t="s">
        <v>98</v>
      </c>
      <c r="B13078" s="14" t="s">
        <v>1</v>
      </c>
      <c r="C13078" s="14" t="s">
        <v>99</v>
      </c>
      <c r="D13078" s="14" t="s">
        <v>31</v>
      </c>
      <c r="E13078" s="15">
        <v>45679</v>
      </c>
      <c r="F13078" s="14" t="s">
        <v>15</v>
      </c>
      <c r="G13078" s="16">
        <v>0</v>
      </c>
    </row>
    <row r="13079" spans="1:7" x14ac:dyDescent="0.3">
      <c r="A13079" s="13" t="s">
        <v>98</v>
      </c>
      <c r="B13079" s="14" t="s">
        <v>1</v>
      </c>
      <c r="C13079" s="14" t="s">
        <v>99</v>
      </c>
      <c r="D13079" s="14" t="s">
        <v>31</v>
      </c>
      <c r="E13079" s="15">
        <v>45680</v>
      </c>
      <c r="F13079" s="14" t="s">
        <v>15</v>
      </c>
      <c r="G13079" s="16">
        <v>0</v>
      </c>
    </row>
    <row r="13080" spans="1:7" x14ac:dyDescent="0.3">
      <c r="A13080" s="13" t="s">
        <v>98</v>
      </c>
      <c r="B13080" s="14" t="s">
        <v>1</v>
      </c>
      <c r="C13080" s="14" t="s">
        <v>99</v>
      </c>
      <c r="D13080" s="14" t="s">
        <v>31</v>
      </c>
      <c r="E13080" s="15">
        <v>45681</v>
      </c>
      <c r="F13080" s="14" t="s">
        <v>15</v>
      </c>
      <c r="G13080" s="16">
        <v>0</v>
      </c>
    </row>
    <row r="13081" spans="1:7" x14ac:dyDescent="0.3">
      <c r="A13081" s="13" t="s">
        <v>98</v>
      </c>
      <c r="B13081" s="14" t="s">
        <v>1</v>
      </c>
      <c r="C13081" s="14" t="s">
        <v>99</v>
      </c>
      <c r="D13081" s="14" t="s">
        <v>31</v>
      </c>
      <c r="E13081" s="15">
        <v>45682</v>
      </c>
      <c r="F13081" s="14" t="s">
        <v>15</v>
      </c>
      <c r="G13081" s="16">
        <v>0</v>
      </c>
    </row>
    <row r="13082" spans="1:7" x14ac:dyDescent="0.3">
      <c r="A13082" s="13" t="s">
        <v>98</v>
      </c>
      <c r="B13082" s="14" t="s">
        <v>1</v>
      </c>
      <c r="C13082" s="14" t="s">
        <v>99</v>
      </c>
      <c r="D13082" s="14" t="s">
        <v>31</v>
      </c>
      <c r="E13082" s="15">
        <v>45683</v>
      </c>
      <c r="F13082" s="14" t="s">
        <v>15</v>
      </c>
      <c r="G13082" s="16">
        <v>0</v>
      </c>
    </row>
    <row r="13083" spans="1:7" x14ac:dyDescent="0.3">
      <c r="A13083" s="13" t="s">
        <v>98</v>
      </c>
      <c r="B13083" s="14" t="s">
        <v>1</v>
      </c>
      <c r="C13083" s="14" t="s">
        <v>99</v>
      </c>
      <c r="D13083" s="14" t="s">
        <v>31</v>
      </c>
      <c r="E13083" s="15">
        <v>45684</v>
      </c>
      <c r="F13083" s="14" t="s">
        <v>15</v>
      </c>
      <c r="G13083" s="16">
        <v>0</v>
      </c>
    </row>
    <row r="13084" spans="1:7" x14ac:dyDescent="0.3">
      <c r="A13084" s="13" t="s">
        <v>98</v>
      </c>
      <c r="B13084" s="14" t="s">
        <v>1</v>
      </c>
      <c r="C13084" s="14" t="s">
        <v>99</v>
      </c>
      <c r="D13084" s="14" t="s">
        <v>31</v>
      </c>
      <c r="E13084" s="15">
        <v>45685</v>
      </c>
      <c r="F13084" s="14" t="s">
        <v>15</v>
      </c>
      <c r="G13084" s="16">
        <v>0</v>
      </c>
    </row>
    <row r="13085" spans="1:7" x14ac:dyDescent="0.3">
      <c r="A13085" s="13" t="s">
        <v>98</v>
      </c>
      <c r="B13085" s="14" t="s">
        <v>1</v>
      </c>
      <c r="C13085" s="14" t="s">
        <v>99</v>
      </c>
      <c r="D13085" s="14" t="s">
        <v>31</v>
      </c>
      <c r="E13085" s="15">
        <v>45686</v>
      </c>
      <c r="F13085" s="14" t="s">
        <v>15</v>
      </c>
      <c r="G13085" s="16">
        <v>0</v>
      </c>
    </row>
    <row r="13086" spans="1:7" x14ac:dyDescent="0.3">
      <c r="A13086" s="13" t="s">
        <v>98</v>
      </c>
      <c r="B13086" s="14" t="s">
        <v>1</v>
      </c>
      <c r="C13086" s="14" t="s">
        <v>99</v>
      </c>
      <c r="D13086" s="14" t="s">
        <v>31</v>
      </c>
      <c r="E13086" s="15">
        <v>45687</v>
      </c>
      <c r="F13086" s="14" t="s">
        <v>15</v>
      </c>
      <c r="G13086" s="16">
        <v>0</v>
      </c>
    </row>
    <row r="13087" spans="1:7" x14ac:dyDescent="0.3">
      <c r="A13087" s="13" t="s">
        <v>98</v>
      </c>
      <c r="B13087" s="14" t="s">
        <v>1</v>
      </c>
      <c r="C13087" s="14" t="s">
        <v>99</v>
      </c>
      <c r="D13087" s="14" t="s">
        <v>31</v>
      </c>
      <c r="E13087" s="15">
        <v>45688</v>
      </c>
      <c r="F13087" s="14" t="s">
        <v>15</v>
      </c>
      <c r="G13087" s="16">
        <v>0</v>
      </c>
    </row>
    <row r="13088" spans="1:7" x14ac:dyDescent="0.3">
      <c r="A13088" s="13" t="s">
        <v>98</v>
      </c>
      <c r="B13088" s="14" t="s">
        <v>1</v>
      </c>
      <c r="C13088" s="14" t="s">
        <v>99</v>
      </c>
      <c r="D13088" s="14" t="s">
        <v>31</v>
      </c>
      <c r="E13088" s="15">
        <v>45689</v>
      </c>
      <c r="F13088" s="14" t="s">
        <v>15</v>
      </c>
      <c r="G13088" s="16">
        <v>0</v>
      </c>
    </row>
    <row r="13089" spans="1:7" x14ac:dyDescent="0.3">
      <c r="A13089" s="13" t="s">
        <v>98</v>
      </c>
      <c r="B13089" s="14" t="s">
        <v>1</v>
      </c>
      <c r="C13089" s="14" t="s">
        <v>99</v>
      </c>
      <c r="D13089" s="14" t="s">
        <v>31</v>
      </c>
      <c r="E13089" s="15">
        <v>45690</v>
      </c>
      <c r="F13089" s="14" t="s">
        <v>15</v>
      </c>
      <c r="G13089" s="16">
        <v>0</v>
      </c>
    </row>
    <row r="13090" spans="1:7" x14ac:dyDescent="0.3">
      <c r="A13090" s="13" t="s">
        <v>98</v>
      </c>
      <c r="B13090" s="14" t="s">
        <v>1</v>
      </c>
      <c r="C13090" s="14" t="s">
        <v>99</v>
      </c>
      <c r="D13090" s="14" t="s">
        <v>31</v>
      </c>
      <c r="E13090" s="15">
        <v>45691</v>
      </c>
      <c r="F13090" s="14" t="s">
        <v>15</v>
      </c>
      <c r="G13090" s="16">
        <v>0</v>
      </c>
    </row>
    <row r="13091" spans="1:7" x14ac:dyDescent="0.3">
      <c r="A13091" s="13" t="s">
        <v>98</v>
      </c>
      <c r="B13091" s="14" t="s">
        <v>1</v>
      </c>
      <c r="C13091" s="14" t="s">
        <v>99</v>
      </c>
      <c r="D13091" s="14" t="s">
        <v>31</v>
      </c>
      <c r="E13091" s="15">
        <v>45692</v>
      </c>
      <c r="F13091" s="14" t="s">
        <v>15</v>
      </c>
      <c r="G13091" s="16">
        <v>0</v>
      </c>
    </row>
    <row r="13092" spans="1:7" x14ac:dyDescent="0.3">
      <c r="A13092" s="13" t="s">
        <v>98</v>
      </c>
      <c r="B13092" s="14" t="s">
        <v>1</v>
      </c>
      <c r="C13092" s="14" t="s">
        <v>99</v>
      </c>
      <c r="D13092" s="14" t="s">
        <v>31</v>
      </c>
      <c r="E13092" s="15">
        <v>45693</v>
      </c>
      <c r="F13092" s="14" t="s">
        <v>15</v>
      </c>
      <c r="G13092" s="16">
        <v>0</v>
      </c>
    </row>
    <row r="13093" spans="1:7" x14ac:dyDescent="0.3">
      <c r="A13093" s="13" t="s">
        <v>98</v>
      </c>
      <c r="B13093" s="14" t="s">
        <v>1</v>
      </c>
      <c r="C13093" s="14" t="s">
        <v>99</v>
      </c>
      <c r="D13093" s="14" t="s">
        <v>31</v>
      </c>
      <c r="E13093" s="15">
        <v>45694</v>
      </c>
      <c r="F13093" s="14" t="s">
        <v>15</v>
      </c>
      <c r="G13093" s="16">
        <v>0</v>
      </c>
    </row>
    <row r="13094" spans="1:7" x14ac:dyDescent="0.3">
      <c r="A13094" s="13" t="s">
        <v>98</v>
      </c>
      <c r="B13094" s="14" t="s">
        <v>1</v>
      </c>
      <c r="C13094" s="14" t="s">
        <v>99</v>
      </c>
      <c r="D13094" s="14" t="s">
        <v>31</v>
      </c>
      <c r="E13094" s="15">
        <v>45695</v>
      </c>
      <c r="F13094" s="14" t="s">
        <v>15</v>
      </c>
      <c r="G13094" s="16">
        <v>0</v>
      </c>
    </row>
    <row r="13095" spans="1:7" x14ac:dyDescent="0.3">
      <c r="A13095" s="13" t="s">
        <v>98</v>
      </c>
      <c r="B13095" s="14" t="s">
        <v>1</v>
      </c>
      <c r="C13095" s="14" t="s">
        <v>99</v>
      </c>
      <c r="D13095" s="14" t="s">
        <v>31</v>
      </c>
      <c r="E13095" s="15">
        <v>45696</v>
      </c>
      <c r="F13095" s="14" t="s">
        <v>15</v>
      </c>
      <c r="G13095" s="16">
        <v>0</v>
      </c>
    </row>
    <row r="13096" spans="1:7" x14ac:dyDescent="0.3">
      <c r="A13096" s="13" t="s">
        <v>98</v>
      </c>
      <c r="B13096" s="14" t="s">
        <v>1</v>
      </c>
      <c r="C13096" s="14" t="s">
        <v>99</v>
      </c>
      <c r="D13096" s="14" t="s">
        <v>31</v>
      </c>
      <c r="E13096" s="15">
        <v>45697</v>
      </c>
      <c r="F13096" s="14" t="s">
        <v>15</v>
      </c>
      <c r="G13096" s="16">
        <v>0</v>
      </c>
    </row>
    <row r="13097" spans="1:7" x14ac:dyDescent="0.3">
      <c r="A13097" s="13" t="s">
        <v>98</v>
      </c>
      <c r="B13097" s="14" t="s">
        <v>1</v>
      </c>
      <c r="C13097" s="14" t="s">
        <v>99</v>
      </c>
      <c r="D13097" s="14" t="s">
        <v>31</v>
      </c>
      <c r="E13097" s="15">
        <v>45698</v>
      </c>
      <c r="F13097" s="14" t="s">
        <v>15</v>
      </c>
      <c r="G13097" s="16">
        <v>0</v>
      </c>
    </row>
    <row r="13098" spans="1:7" x14ac:dyDescent="0.3">
      <c r="A13098" s="13" t="s">
        <v>98</v>
      </c>
      <c r="B13098" s="14" t="s">
        <v>1</v>
      </c>
      <c r="C13098" s="14" t="s">
        <v>99</v>
      </c>
      <c r="D13098" s="14" t="s">
        <v>31</v>
      </c>
      <c r="E13098" s="15">
        <v>45699</v>
      </c>
      <c r="F13098" s="14" t="s">
        <v>15</v>
      </c>
      <c r="G13098" s="16">
        <v>0</v>
      </c>
    </row>
    <row r="13099" spans="1:7" x14ac:dyDescent="0.3">
      <c r="A13099" s="13" t="s">
        <v>98</v>
      </c>
      <c r="B13099" s="14" t="s">
        <v>1</v>
      </c>
      <c r="C13099" s="14" t="s">
        <v>99</v>
      </c>
      <c r="D13099" s="14" t="s">
        <v>31</v>
      </c>
      <c r="E13099" s="15">
        <v>45700</v>
      </c>
      <c r="F13099" s="14" t="s">
        <v>15</v>
      </c>
      <c r="G13099" s="16">
        <v>0</v>
      </c>
    </row>
    <row r="13100" spans="1:7" x14ac:dyDescent="0.3">
      <c r="A13100" s="13" t="s">
        <v>98</v>
      </c>
      <c r="B13100" s="14" t="s">
        <v>1</v>
      </c>
      <c r="C13100" s="14" t="s">
        <v>99</v>
      </c>
      <c r="D13100" s="14" t="s">
        <v>31</v>
      </c>
      <c r="E13100" s="15">
        <v>45701</v>
      </c>
      <c r="F13100" s="14" t="s">
        <v>15</v>
      </c>
      <c r="G13100" s="16">
        <v>0</v>
      </c>
    </row>
    <row r="13101" spans="1:7" x14ac:dyDescent="0.3">
      <c r="A13101" s="13" t="s">
        <v>98</v>
      </c>
      <c r="B13101" s="14" t="s">
        <v>1</v>
      </c>
      <c r="C13101" s="14" t="s">
        <v>99</v>
      </c>
      <c r="D13101" s="14" t="s">
        <v>31</v>
      </c>
      <c r="E13101" s="15">
        <v>45702</v>
      </c>
      <c r="F13101" s="14" t="s">
        <v>15</v>
      </c>
      <c r="G13101" s="16">
        <v>0</v>
      </c>
    </row>
    <row r="13102" spans="1:7" x14ac:dyDescent="0.3">
      <c r="A13102" s="13" t="s">
        <v>98</v>
      </c>
      <c r="B13102" s="14" t="s">
        <v>1</v>
      </c>
      <c r="C13102" s="14" t="s">
        <v>99</v>
      </c>
      <c r="D13102" s="14" t="s">
        <v>31</v>
      </c>
      <c r="E13102" s="15">
        <v>45703</v>
      </c>
      <c r="F13102" s="14" t="s">
        <v>15</v>
      </c>
      <c r="G13102" s="16">
        <v>0</v>
      </c>
    </row>
    <row r="13103" spans="1:7" x14ac:dyDescent="0.3">
      <c r="A13103" s="13" t="s">
        <v>98</v>
      </c>
      <c r="B13103" s="14" t="s">
        <v>1</v>
      </c>
      <c r="C13103" s="14" t="s">
        <v>99</v>
      </c>
      <c r="D13103" s="14" t="s">
        <v>31</v>
      </c>
      <c r="E13103" s="15">
        <v>45704</v>
      </c>
      <c r="F13103" s="14" t="s">
        <v>15</v>
      </c>
      <c r="G13103" s="16">
        <v>0</v>
      </c>
    </row>
    <row r="13104" spans="1:7" x14ac:dyDescent="0.3">
      <c r="A13104" s="13" t="s">
        <v>98</v>
      </c>
      <c r="B13104" s="14" t="s">
        <v>1</v>
      </c>
      <c r="C13104" s="14" t="s">
        <v>99</v>
      </c>
      <c r="D13104" s="14" t="s">
        <v>31</v>
      </c>
      <c r="E13104" s="15">
        <v>45705</v>
      </c>
      <c r="F13104" s="14" t="s">
        <v>15</v>
      </c>
      <c r="G13104" s="16">
        <v>0</v>
      </c>
    </row>
    <row r="13105" spans="1:7" x14ac:dyDescent="0.3">
      <c r="A13105" s="13" t="s">
        <v>98</v>
      </c>
      <c r="B13105" s="14" t="s">
        <v>1</v>
      </c>
      <c r="C13105" s="14" t="s">
        <v>99</v>
      </c>
      <c r="D13105" s="14" t="s">
        <v>31</v>
      </c>
      <c r="E13105" s="15">
        <v>45706</v>
      </c>
      <c r="F13105" s="14" t="s">
        <v>15</v>
      </c>
      <c r="G13105" s="16">
        <v>0</v>
      </c>
    </row>
    <row r="13106" spans="1:7" x14ac:dyDescent="0.3">
      <c r="A13106" s="13" t="s">
        <v>98</v>
      </c>
      <c r="B13106" s="14" t="s">
        <v>1</v>
      </c>
      <c r="C13106" s="14" t="s">
        <v>99</v>
      </c>
      <c r="D13106" s="14" t="s">
        <v>31</v>
      </c>
      <c r="E13106" s="15">
        <v>45707</v>
      </c>
      <c r="F13106" s="14" t="s">
        <v>15</v>
      </c>
      <c r="G13106" s="16">
        <v>0</v>
      </c>
    </row>
    <row r="13107" spans="1:7" x14ac:dyDescent="0.3">
      <c r="A13107" s="13" t="s">
        <v>98</v>
      </c>
      <c r="B13107" s="14" t="s">
        <v>1</v>
      </c>
      <c r="C13107" s="14" t="s">
        <v>99</v>
      </c>
      <c r="D13107" s="14" t="s">
        <v>31</v>
      </c>
      <c r="E13107" s="15">
        <v>45708</v>
      </c>
      <c r="F13107" s="14" t="s">
        <v>15</v>
      </c>
      <c r="G13107" s="16">
        <v>0</v>
      </c>
    </row>
    <row r="13108" spans="1:7" x14ac:dyDescent="0.3">
      <c r="A13108" s="13" t="s">
        <v>98</v>
      </c>
      <c r="B13108" s="14" t="s">
        <v>1</v>
      </c>
      <c r="C13108" s="14" t="s">
        <v>99</v>
      </c>
      <c r="D13108" s="14" t="s">
        <v>31</v>
      </c>
      <c r="E13108" s="15">
        <v>45709</v>
      </c>
      <c r="F13108" s="14" t="s">
        <v>15</v>
      </c>
      <c r="G13108" s="16">
        <v>0</v>
      </c>
    </row>
    <row r="13109" spans="1:7" x14ac:dyDescent="0.3">
      <c r="A13109" s="13" t="s">
        <v>98</v>
      </c>
      <c r="B13109" s="14" t="s">
        <v>1</v>
      </c>
      <c r="C13109" s="14" t="s">
        <v>99</v>
      </c>
      <c r="D13109" s="14" t="s">
        <v>31</v>
      </c>
      <c r="E13109" s="15">
        <v>45710</v>
      </c>
      <c r="F13109" s="14" t="s">
        <v>15</v>
      </c>
      <c r="G13109" s="16">
        <v>0</v>
      </c>
    </row>
    <row r="13110" spans="1:7" x14ac:dyDescent="0.3">
      <c r="A13110" s="13" t="s">
        <v>98</v>
      </c>
      <c r="B13110" s="14" t="s">
        <v>1</v>
      </c>
      <c r="C13110" s="14" t="s">
        <v>99</v>
      </c>
      <c r="D13110" s="14" t="s">
        <v>31</v>
      </c>
      <c r="E13110" s="15">
        <v>45711</v>
      </c>
      <c r="F13110" s="14" t="s">
        <v>15</v>
      </c>
      <c r="G13110" s="16">
        <v>0</v>
      </c>
    </row>
    <row r="13111" spans="1:7" x14ac:dyDescent="0.3">
      <c r="A13111" s="13" t="s">
        <v>98</v>
      </c>
      <c r="B13111" s="14" t="s">
        <v>1</v>
      </c>
      <c r="C13111" s="14" t="s">
        <v>99</v>
      </c>
      <c r="D13111" s="14" t="s">
        <v>31</v>
      </c>
      <c r="E13111" s="15">
        <v>45712</v>
      </c>
      <c r="F13111" s="14" t="s">
        <v>15</v>
      </c>
      <c r="G13111" s="16">
        <v>0</v>
      </c>
    </row>
    <row r="13112" spans="1:7" x14ac:dyDescent="0.3">
      <c r="A13112" s="13" t="s">
        <v>98</v>
      </c>
      <c r="B13112" s="14" t="s">
        <v>1</v>
      </c>
      <c r="C13112" s="14" t="s">
        <v>99</v>
      </c>
      <c r="D13112" s="14" t="s">
        <v>31</v>
      </c>
      <c r="E13112" s="15">
        <v>45713</v>
      </c>
      <c r="F13112" s="14" t="s">
        <v>15</v>
      </c>
      <c r="G13112" s="16">
        <v>0</v>
      </c>
    </row>
    <row r="13113" spans="1:7" x14ac:dyDescent="0.3">
      <c r="A13113" s="13" t="s">
        <v>98</v>
      </c>
      <c r="B13113" s="14" t="s">
        <v>1</v>
      </c>
      <c r="C13113" s="14" t="s">
        <v>99</v>
      </c>
      <c r="D13113" s="14" t="s">
        <v>31</v>
      </c>
      <c r="E13113" s="15">
        <v>45714</v>
      </c>
      <c r="F13113" s="14" t="s">
        <v>15</v>
      </c>
      <c r="G13113" s="16">
        <v>0</v>
      </c>
    </row>
    <row r="13114" spans="1:7" x14ac:dyDescent="0.3">
      <c r="A13114" s="13" t="s">
        <v>98</v>
      </c>
      <c r="B13114" s="14" t="s">
        <v>1</v>
      </c>
      <c r="C13114" s="14" t="s">
        <v>99</v>
      </c>
      <c r="D13114" s="14" t="s">
        <v>31</v>
      </c>
      <c r="E13114" s="15">
        <v>45715</v>
      </c>
      <c r="F13114" s="14" t="s">
        <v>15</v>
      </c>
      <c r="G13114" s="16">
        <v>0</v>
      </c>
    </row>
    <row r="13115" spans="1:7" x14ac:dyDescent="0.3">
      <c r="A13115" s="13" t="s">
        <v>98</v>
      </c>
      <c r="B13115" s="14" t="s">
        <v>1</v>
      </c>
      <c r="C13115" s="14" t="s">
        <v>99</v>
      </c>
      <c r="D13115" s="14" t="s">
        <v>31</v>
      </c>
      <c r="E13115" s="15">
        <v>45716</v>
      </c>
      <c r="F13115" s="14" t="s">
        <v>15</v>
      </c>
      <c r="G13115" s="16">
        <v>0</v>
      </c>
    </row>
    <row r="13116" spans="1:7" x14ac:dyDescent="0.3">
      <c r="A13116" s="13" t="s">
        <v>98</v>
      </c>
      <c r="B13116" s="14" t="s">
        <v>1</v>
      </c>
      <c r="C13116" s="14" t="s">
        <v>99</v>
      </c>
      <c r="D13116" s="14" t="s">
        <v>31</v>
      </c>
      <c r="E13116" s="15">
        <v>45717</v>
      </c>
      <c r="F13116" s="14" t="s">
        <v>15</v>
      </c>
      <c r="G13116" s="16">
        <v>0</v>
      </c>
    </row>
    <row r="13117" spans="1:7" x14ac:dyDescent="0.3">
      <c r="A13117" s="13" t="s">
        <v>98</v>
      </c>
      <c r="B13117" s="14" t="s">
        <v>1</v>
      </c>
      <c r="C13117" s="14" t="s">
        <v>99</v>
      </c>
      <c r="D13117" s="14" t="s">
        <v>31</v>
      </c>
      <c r="E13117" s="15">
        <v>45718</v>
      </c>
      <c r="F13117" s="14" t="s">
        <v>15</v>
      </c>
      <c r="G13117" s="16">
        <v>0</v>
      </c>
    </row>
    <row r="13118" spans="1:7" x14ac:dyDescent="0.3">
      <c r="A13118" s="13" t="s">
        <v>98</v>
      </c>
      <c r="B13118" s="14" t="s">
        <v>1</v>
      </c>
      <c r="C13118" s="14" t="s">
        <v>99</v>
      </c>
      <c r="D13118" s="14" t="s">
        <v>31</v>
      </c>
      <c r="E13118" s="15">
        <v>45719</v>
      </c>
      <c r="F13118" s="14" t="s">
        <v>15</v>
      </c>
      <c r="G13118" s="16">
        <v>0</v>
      </c>
    </row>
    <row r="13119" spans="1:7" x14ac:dyDescent="0.3">
      <c r="A13119" s="13" t="s">
        <v>98</v>
      </c>
      <c r="B13119" s="14" t="s">
        <v>1</v>
      </c>
      <c r="C13119" s="14" t="s">
        <v>99</v>
      </c>
      <c r="D13119" s="14" t="s">
        <v>31</v>
      </c>
      <c r="E13119" s="15">
        <v>45720</v>
      </c>
      <c r="F13119" s="14" t="s">
        <v>15</v>
      </c>
      <c r="G13119" s="16">
        <v>0</v>
      </c>
    </row>
    <row r="13120" spans="1:7" x14ac:dyDescent="0.3">
      <c r="A13120" s="13" t="s">
        <v>98</v>
      </c>
      <c r="B13120" s="14" t="s">
        <v>1</v>
      </c>
      <c r="C13120" s="14" t="s">
        <v>99</v>
      </c>
      <c r="D13120" s="14" t="s">
        <v>31</v>
      </c>
      <c r="E13120" s="15">
        <v>45721</v>
      </c>
      <c r="F13120" s="14" t="s">
        <v>15</v>
      </c>
      <c r="G13120" s="16">
        <v>0</v>
      </c>
    </row>
    <row r="13121" spans="1:7" x14ac:dyDescent="0.3">
      <c r="A13121" s="13" t="s">
        <v>98</v>
      </c>
      <c r="B13121" s="14" t="s">
        <v>1</v>
      </c>
      <c r="C13121" s="14" t="s">
        <v>99</v>
      </c>
      <c r="D13121" s="14" t="s">
        <v>31</v>
      </c>
      <c r="E13121" s="15">
        <v>45722</v>
      </c>
      <c r="F13121" s="14" t="s">
        <v>15</v>
      </c>
      <c r="G13121" s="16">
        <v>0</v>
      </c>
    </row>
    <row r="13122" spans="1:7" x14ac:dyDescent="0.3">
      <c r="A13122" s="13" t="s">
        <v>98</v>
      </c>
      <c r="B13122" s="14" t="s">
        <v>1</v>
      </c>
      <c r="C13122" s="14" t="s">
        <v>99</v>
      </c>
      <c r="D13122" s="14" t="s">
        <v>31</v>
      </c>
      <c r="E13122" s="15">
        <v>45723</v>
      </c>
      <c r="F13122" s="14" t="s">
        <v>15</v>
      </c>
      <c r="G13122" s="16">
        <v>0</v>
      </c>
    </row>
    <row r="13123" spans="1:7" x14ac:dyDescent="0.3">
      <c r="A13123" s="13" t="s">
        <v>98</v>
      </c>
      <c r="B13123" s="14" t="s">
        <v>1</v>
      </c>
      <c r="C13123" s="14" t="s">
        <v>99</v>
      </c>
      <c r="D13123" s="14" t="s">
        <v>31</v>
      </c>
      <c r="E13123" s="15">
        <v>45724</v>
      </c>
      <c r="F13123" s="14" t="s">
        <v>15</v>
      </c>
      <c r="G13123" s="16">
        <v>0</v>
      </c>
    </row>
    <row r="13124" spans="1:7" x14ac:dyDescent="0.3">
      <c r="A13124" s="13" t="s">
        <v>98</v>
      </c>
      <c r="B13124" s="14" t="s">
        <v>1</v>
      </c>
      <c r="C13124" s="14" t="s">
        <v>99</v>
      </c>
      <c r="D13124" s="14" t="s">
        <v>31</v>
      </c>
      <c r="E13124" s="15">
        <v>45725</v>
      </c>
      <c r="F13124" s="14" t="s">
        <v>15</v>
      </c>
      <c r="G13124" s="16">
        <v>0</v>
      </c>
    </row>
    <row r="13125" spans="1:7" x14ac:dyDescent="0.3">
      <c r="A13125" s="13" t="s">
        <v>98</v>
      </c>
      <c r="B13125" s="14" t="s">
        <v>1</v>
      </c>
      <c r="C13125" s="14" t="s">
        <v>99</v>
      </c>
      <c r="D13125" s="14" t="s">
        <v>31</v>
      </c>
      <c r="E13125" s="15">
        <v>45726</v>
      </c>
      <c r="F13125" s="14" t="s">
        <v>15</v>
      </c>
      <c r="G13125" s="16">
        <v>0</v>
      </c>
    </row>
    <row r="13126" spans="1:7" x14ac:dyDescent="0.3">
      <c r="A13126" s="13" t="s">
        <v>98</v>
      </c>
      <c r="B13126" s="14" t="s">
        <v>1</v>
      </c>
      <c r="C13126" s="14" t="s">
        <v>99</v>
      </c>
      <c r="D13126" s="14" t="s">
        <v>31</v>
      </c>
      <c r="E13126" s="15">
        <v>45727</v>
      </c>
      <c r="F13126" s="14" t="s">
        <v>15</v>
      </c>
      <c r="G13126" s="16">
        <v>0</v>
      </c>
    </row>
    <row r="13127" spans="1:7" x14ac:dyDescent="0.3">
      <c r="A13127" s="13" t="s">
        <v>98</v>
      </c>
      <c r="B13127" s="14" t="s">
        <v>1</v>
      </c>
      <c r="C13127" s="14" t="s">
        <v>99</v>
      </c>
      <c r="D13127" s="14" t="s">
        <v>31</v>
      </c>
      <c r="E13127" s="15">
        <v>45728</v>
      </c>
      <c r="F13127" s="14" t="s">
        <v>15</v>
      </c>
      <c r="G13127" s="16">
        <v>0</v>
      </c>
    </row>
    <row r="13128" spans="1:7" x14ac:dyDescent="0.3">
      <c r="A13128" s="13" t="s">
        <v>98</v>
      </c>
      <c r="B13128" s="14" t="s">
        <v>1</v>
      </c>
      <c r="C13128" s="14" t="s">
        <v>99</v>
      </c>
      <c r="D13128" s="14" t="s">
        <v>31</v>
      </c>
      <c r="E13128" s="15">
        <v>45729</v>
      </c>
      <c r="F13128" s="14" t="s">
        <v>15</v>
      </c>
      <c r="G13128" s="16">
        <v>0</v>
      </c>
    </row>
    <row r="13129" spans="1:7" x14ac:dyDescent="0.3">
      <c r="A13129" s="13" t="s">
        <v>98</v>
      </c>
      <c r="B13129" s="14" t="s">
        <v>1</v>
      </c>
      <c r="C13129" s="14" t="s">
        <v>99</v>
      </c>
      <c r="D13129" s="14" t="s">
        <v>31</v>
      </c>
      <c r="E13129" s="15">
        <v>45730</v>
      </c>
      <c r="F13129" s="14" t="s">
        <v>15</v>
      </c>
      <c r="G13129" s="16">
        <v>0</v>
      </c>
    </row>
    <row r="13130" spans="1:7" x14ac:dyDescent="0.3">
      <c r="A13130" s="13" t="s">
        <v>98</v>
      </c>
      <c r="B13130" s="14" t="s">
        <v>1</v>
      </c>
      <c r="C13130" s="14" t="s">
        <v>99</v>
      </c>
      <c r="D13130" s="14" t="s">
        <v>31</v>
      </c>
      <c r="E13130" s="15">
        <v>45731</v>
      </c>
      <c r="F13130" s="14" t="s">
        <v>15</v>
      </c>
      <c r="G13130" s="16">
        <v>0</v>
      </c>
    </row>
    <row r="13131" spans="1:7" x14ac:dyDescent="0.3">
      <c r="A13131" s="13" t="s">
        <v>98</v>
      </c>
      <c r="B13131" s="14" t="s">
        <v>1</v>
      </c>
      <c r="C13131" s="14" t="s">
        <v>99</v>
      </c>
      <c r="D13131" s="14" t="s">
        <v>31</v>
      </c>
      <c r="E13131" s="15">
        <v>45732</v>
      </c>
      <c r="F13131" s="14" t="s">
        <v>15</v>
      </c>
      <c r="G13131" s="16">
        <v>0</v>
      </c>
    </row>
    <row r="13132" spans="1:7" x14ac:dyDescent="0.3">
      <c r="A13132" s="13" t="s">
        <v>98</v>
      </c>
      <c r="B13132" s="14" t="s">
        <v>1</v>
      </c>
      <c r="C13132" s="14" t="s">
        <v>99</v>
      </c>
      <c r="D13132" s="14" t="s">
        <v>31</v>
      </c>
      <c r="E13132" s="15">
        <v>45733</v>
      </c>
      <c r="F13132" s="14" t="s">
        <v>15</v>
      </c>
      <c r="G13132" s="16">
        <v>0</v>
      </c>
    </row>
    <row r="13133" spans="1:7" x14ac:dyDescent="0.3">
      <c r="A13133" s="13" t="s">
        <v>98</v>
      </c>
      <c r="B13133" s="14" t="s">
        <v>1</v>
      </c>
      <c r="C13133" s="14" t="s">
        <v>99</v>
      </c>
      <c r="D13133" s="14" t="s">
        <v>31</v>
      </c>
      <c r="E13133" s="15">
        <v>45734</v>
      </c>
      <c r="F13133" s="14" t="s">
        <v>15</v>
      </c>
      <c r="G13133" s="16">
        <v>0</v>
      </c>
    </row>
    <row r="13134" spans="1:7" x14ac:dyDescent="0.3">
      <c r="A13134" s="13" t="s">
        <v>98</v>
      </c>
      <c r="B13134" s="14" t="s">
        <v>1</v>
      </c>
      <c r="C13134" s="14" t="s">
        <v>99</v>
      </c>
      <c r="D13134" s="14" t="s">
        <v>31</v>
      </c>
      <c r="E13134" s="15">
        <v>45735</v>
      </c>
      <c r="F13134" s="14" t="s">
        <v>15</v>
      </c>
      <c r="G13134" s="16">
        <v>0</v>
      </c>
    </row>
    <row r="13135" spans="1:7" x14ac:dyDescent="0.3">
      <c r="A13135" s="13" t="s">
        <v>98</v>
      </c>
      <c r="B13135" s="14" t="s">
        <v>1</v>
      </c>
      <c r="C13135" s="14" t="s">
        <v>99</v>
      </c>
      <c r="D13135" s="14" t="s">
        <v>31</v>
      </c>
      <c r="E13135" s="15">
        <v>45736</v>
      </c>
      <c r="F13135" s="14" t="s">
        <v>15</v>
      </c>
      <c r="G13135" s="16">
        <v>0</v>
      </c>
    </row>
    <row r="13136" spans="1:7" x14ac:dyDescent="0.3">
      <c r="A13136" s="13" t="s">
        <v>98</v>
      </c>
      <c r="B13136" s="14" t="s">
        <v>1</v>
      </c>
      <c r="C13136" s="14" t="s">
        <v>99</v>
      </c>
      <c r="D13136" s="14" t="s">
        <v>31</v>
      </c>
      <c r="E13136" s="15">
        <v>45737</v>
      </c>
      <c r="F13136" s="14" t="s">
        <v>15</v>
      </c>
      <c r="G13136" s="16">
        <v>0</v>
      </c>
    </row>
    <row r="13137" spans="1:7" x14ac:dyDescent="0.3">
      <c r="A13137" s="13" t="s">
        <v>98</v>
      </c>
      <c r="B13137" s="14" t="s">
        <v>1</v>
      </c>
      <c r="C13137" s="14" t="s">
        <v>99</v>
      </c>
      <c r="D13137" s="14" t="s">
        <v>31</v>
      </c>
      <c r="E13137" s="15">
        <v>45738</v>
      </c>
      <c r="F13137" s="14" t="s">
        <v>15</v>
      </c>
      <c r="G13137" s="16">
        <v>0</v>
      </c>
    </row>
    <row r="13138" spans="1:7" x14ac:dyDescent="0.3">
      <c r="A13138" s="13" t="s">
        <v>98</v>
      </c>
      <c r="B13138" s="14" t="s">
        <v>1</v>
      </c>
      <c r="C13138" s="14" t="s">
        <v>99</v>
      </c>
      <c r="D13138" s="14" t="s">
        <v>31</v>
      </c>
      <c r="E13138" s="15">
        <v>45739</v>
      </c>
      <c r="F13138" s="14" t="s">
        <v>15</v>
      </c>
      <c r="G13138" s="16">
        <v>0</v>
      </c>
    </row>
    <row r="13139" spans="1:7" x14ac:dyDescent="0.3">
      <c r="A13139" s="13" t="s">
        <v>98</v>
      </c>
      <c r="B13139" s="14" t="s">
        <v>1</v>
      </c>
      <c r="C13139" s="14" t="s">
        <v>99</v>
      </c>
      <c r="D13139" s="14" t="s">
        <v>31</v>
      </c>
      <c r="E13139" s="15">
        <v>45740</v>
      </c>
      <c r="F13139" s="14" t="s">
        <v>15</v>
      </c>
      <c r="G13139" s="16">
        <v>0</v>
      </c>
    </row>
    <row r="13140" spans="1:7" x14ac:dyDescent="0.3">
      <c r="A13140" s="13" t="s">
        <v>98</v>
      </c>
      <c r="B13140" s="14" t="s">
        <v>1</v>
      </c>
      <c r="C13140" s="14" t="s">
        <v>99</v>
      </c>
      <c r="D13140" s="14" t="s">
        <v>31</v>
      </c>
      <c r="E13140" s="15">
        <v>45741</v>
      </c>
      <c r="F13140" s="14" t="s">
        <v>15</v>
      </c>
      <c r="G13140" s="16">
        <v>0</v>
      </c>
    </row>
    <row r="13141" spans="1:7" x14ac:dyDescent="0.3">
      <c r="A13141" s="13" t="s">
        <v>98</v>
      </c>
      <c r="B13141" s="14" t="s">
        <v>1</v>
      </c>
      <c r="C13141" s="14" t="s">
        <v>99</v>
      </c>
      <c r="D13141" s="14" t="s">
        <v>31</v>
      </c>
      <c r="E13141" s="15">
        <v>45742</v>
      </c>
      <c r="F13141" s="14" t="s">
        <v>15</v>
      </c>
      <c r="G13141" s="16">
        <v>0</v>
      </c>
    </row>
    <row r="13142" spans="1:7" x14ac:dyDescent="0.3">
      <c r="A13142" s="13" t="s">
        <v>98</v>
      </c>
      <c r="B13142" s="14" t="s">
        <v>1</v>
      </c>
      <c r="C13142" s="14" t="s">
        <v>99</v>
      </c>
      <c r="D13142" s="14" t="s">
        <v>31</v>
      </c>
      <c r="E13142" s="15">
        <v>45743</v>
      </c>
      <c r="F13142" s="14" t="s">
        <v>15</v>
      </c>
      <c r="G13142" s="16">
        <v>0</v>
      </c>
    </row>
    <row r="13143" spans="1:7" x14ac:dyDescent="0.3">
      <c r="A13143" s="13" t="s">
        <v>98</v>
      </c>
      <c r="B13143" s="14" t="s">
        <v>1</v>
      </c>
      <c r="C13143" s="14" t="s">
        <v>99</v>
      </c>
      <c r="D13143" s="14" t="s">
        <v>31</v>
      </c>
      <c r="E13143" s="15">
        <v>45744</v>
      </c>
      <c r="F13143" s="14" t="s">
        <v>15</v>
      </c>
      <c r="G13143" s="16">
        <v>0</v>
      </c>
    </row>
    <row r="13144" spans="1:7" x14ac:dyDescent="0.3">
      <c r="A13144" s="13" t="s">
        <v>98</v>
      </c>
      <c r="B13144" s="14" t="s">
        <v>1</v>
      </c>
      <c r="C13144" s="14" t="s">
        <v>99</v>
      </c>
      <c r="D13144" s="14" t="s">
        <v>31</v>
      </c>
      <c r="E13144" s="15">
        <v>45745</v>
      </c>
      <c r="F13144" s="14" t="s">
        <v>15</v>
      </c>
      <c r="G13144" s="16">
        <v>0</v>
      </c>
    </row>
    <row r="13145" spans="1:7" x14ac:dyDescent="0.3">
      <c r="A13145" s="13" t="s">
        <v>98</v>
      </c>
      <c r="B13145" s="14" t="s">
        <v>1</v>
      </c>
      <c r="C13145" s="14" t="s">
        <v>99</v>
      </c>
      <c r="D13145" s="14" t="s">
        <v>31</v>
      </c>
      <c r="E13145" s="15">
        <v>45746</v>
      </c>
      <c r="F13145" s="14" t="s">
        <v>15</v>
      </c>
      <c r="G13145" s="16">
        <v>0</v>
      </c>
    </row>
    <row r="13146" spans="1:7" x14ac:dyDescent="0.3">
      <c r="A13146" s="13" t="s">
        <v>98</v>
      </c>
      <c r="B13146" s="14" t="s">
        <v>1</v>
      </c>
      <c r="C13146" s="14" t="s">
        <v>99</v>
      </c>
      <c r="D13146" s="14" t="s">
        <v>31</v>
      </c>
      <c r="E13146" s="15">
        <v>45747</v>
      </c>
      <c r="F13146" s="14" t="s">
        <v>15</v>
      </c>
      <c r="G13146" s="16">
        <v>0</v>
      </c>
    </row>
    <row r="13147" spans="1:7" x14ac:dyDescent="0.3">
      <c r="A13147" s="13" t="s">
        <v>100</v>
      </c>
      <c r="B13147" s="14" t="s">
        <v>1</v>
      </c>
      <c r="C13147" s="14" t="s">
        <v>101</v>
      </c>
      <c r="D13147" s="14" t="s">
        <v>92</v>
      </c>
      <c r="E13147" s="15">
        <v>45383</v>
      </c>
      <c r="F13147" s="14" t="s">
        <v>28</v>
      </c>
      <c r="G13147" s="16">
        <v>0</v>
      </c>
    </row>
    <row r="13148" spans="1:7" x14ac:dyDescent="0.3">
      <c r="A13148" s="13" t="s">
        <v>100</v>
      </c>
      <c r="B13148" s="14" t="s">
        <v>1</v>
      </c>
      <c r="C13148" s="14" t="s">
        <v>101</v>
      </c>
      <c r="D13148" s="14" t="s">
        <v>92</v>
      </c>
      <c r="E13148" s="15">
        <v>45384</v>
      </c>
      <c r="F13148" s="14" t="s">
        <v>28</v>
      </c>
      <c r="G13148" s="16">
        <v>0</v>
      </c>
    </row>
    <row r="13149" spans="1:7" x14ac:dyDescent="0.3">
      <c r="A13149" s="13" t="s">
        <v>100</v>
      </c>
      <c r="B13149" s="14" t="s">
        <v>1</v>
      </c>
      <c r="C13149" s="14" t="s">
        <v>101</v>
      </c>
      <c r="D13149" s="14" t="s">
        <v>92</v>
      </c>
      <c r="E13149" s="15">
        <v>45385</v>
      </c>
      <c r="F13149" s="14" t="s">
        <v>28</v>
      </c>
      <c r="G13149" s="16">
        <v>0</v>
      </c>
    </row>
    <row r="13150" spans="1:7" x14ac:dyDescent="0.3">
      <c r="A13150" s="13" t="s">
        <v>100</v>
      </c>
      <c r="B13150" s="14" t="s">
        <v>1</v>
      </c>
      <c r="C13150" s="14" t="s">
        <v>101</v>
      </c>
      <c r="D13150" s="14" t="s">
        <v>92</v>
      </c>
      <c r="E13150" s="15">
        <v>45386</v>
      </c>
      <c r="F13150" s="14" t="s">
        <v>28</v>
      </c>
      <c r="G13150" s="16">
        <v>0</v>
      </c>
    </row>
    <row r="13151" spans="1:7" x14ac:dyDescent="0.3">
      <c r="A13151" s="13" t="s">
        <v>100</v>
      </c>
      <c r="B13151" s="14" t="s">
        <v>1</v>
      </c>
      <c r="C13151" s="14" t="s">
        <v>101</v>
      </c>
      <c r="D13151" s="14" t="s">
        <v>92</v>
      </c>
      <c r="E13151" s="15">
        <v>45387</v>
      </c>
      <c r="F13151" s="14" t="s">
        <v>28</v>
      </c>
      <c r="G13151" s="16">
        <v>0</v>
      </c>
    </row>
    <row r="13152" spans="1:7" x14ac:dyDescent="0.3">
      <c r="A13152" s="13" t="s">
        <v>100</v>
      </c>
      <c r="B13152" s="14" t="s">
        <v>1</v>
      </c>
      <c r="C13152" s="14" t="s">
        <v>101</v>
      </c>
      <c r="D13152" s="14" t="s">
        <v>92</v>
      </c>
      <c r="E13152" s="15">
        <v>45388</v>
      </c>
      <c r="F13152" s="14" t="s">
        <v>28</v>
      </c>
      <c r="G13152" s="16">
        <v>0</v>
      </c>
    </row>
    <row r="13153" spans="1:7" x14ac:dyDescent="0.3">
      <c r="A13153" s="13" t="s">
        <v>100</v>
      </c>
      <c r="B13153" s="14" t="s">
        <v>1</v>
      </c>
      <c r="C13153" s="14" t="s">
        <v>101</v>
      </c>
      <c r="D13153" s="14" t="s">
        <v>92</v>
      </c>
      <c r="E13153" s="15">
        <v>45389</v>
      </c>
      <c r="F13153" s="14" t="s">
        <v>28</v>
      </c>
      <c r="G13153" s="16">
        <v>0</v>
      </c>
    </row>
    <row r="13154" spans="1:7" x14ac:dyDescent="0.3">
      <c r="A13154" s="13" t="s">
        <v>100</v>
      </c>
      <c r="B13154" s="14" t="s">
        <v>1</v>
      </c>
      <c r="C13154" s="14" t="s">
        <v>101</v>
      </c>
      <c r="D13154" s="14" t="s">
        <v>92</v>
      </c>
      <c r="E13154" s="15">
        <v>45390</v>
      </c>
      <c r="F13154" s="14" t="s">
        <v>28</v>
      </c>
      <c r="G13154" s="16">
        <v>0</v>
      </c>
    </row>
    <row r="13155" spans="1:7" x14ac:dyDescent="0.3">
      <c r="A13155" s="13" t="s">
        <v>100</v>
      </c>
      <c r="B13155" s="14" t="s">
        <v>1</v>
      </c>
      <c r="C13155" s="14" t="s">
        <v>101</v>
      </c>
      <c r="D13155" s="14" t="s">
        <v>92</v>
      </c>
      <c r="E13155" s="15">
        <v>45391</v>
      </c>
      <c r="F13155" s="14" t="s">
        <v>28</v>
      </c>
      <c r="G13155" s="16">
        <v>0</v>
      </c>
    </row>
    <row r="13156" spans="1:7" x14ac:dyDescent="0.3">
      <c r="A13156" s="13" t="s">
        <v>100</v>
      </c>
      <c r="B13156" s="14" t="s">
        <v>1</v>
      </c>
      <c r="C13156" s="14" t="s">
        <v>101</v>
      </c>
      <c r="D13156" s="14" t="s">
        <v>92</v>
      </c>
      <c r="E13156" s="15">
        <v>45392</v>
      </c>
      <c r="F13156" s="14" t="s">
        <v>28</v>
      </c>
      <c r="G13156" s="16">
        <v>0</v>
      </c>
    </row>
    <row r="13157" spans="1:7" x14ac:dyDescent="0.3">
      <c r="A13157" s="13" t="s">
        <v>100</v>
      </c>
      <c r="B13157" s="14" t="s">
        <v>1</v>
      </c>
      <c r="C13157" s="14" t="s">
        <v>101</v>
      </c>
      <c r="D13157" s="14" t="s">
        <v>92</v>
      </c>
      <c r="E13157" s="15">
        <v>45393</v>
      </c>
      <c r="F13157" s="14" t="s">
        <v>28</v>
      </c>
      <c r="G13157" s="16">
        <v>0</v>
      </c>
    </row>
    <row r="13158" spans="1:7" x14ac:dyDescent="0.3">
      <c r="A13158" s="13" t="s">
        <v>100</v>
      </c>
      <c r="B13158" s="14" t="s">
        <v>1</v>
      </c>
      <c r="C13158" s="14" t="s">
        <v>101</v>
      </c>
      <c r="D13158" s="14" t="s">
        <v>92</v>
      </c>
      <c r="E13158" s="15">
        <v>45394</v>
      </c>
      <c r="F13158" s="14" t="s">
        <v>28</v>
      </c>
      <c r="G13158" s="16">
        <v>0</v>
      </c>
    </row>
    <row r="13159" spans="1:7" x14ac:dyDescent="0.3">
      <c r="A13159" s="13" t="s">
        <v>100</v>
      </c>
      <c r="B13159" s="14" t="s">
        <v>1</v>
      </c>
      <c r="C13159" s="14" t="s">
        <v>101</v>
      </c>
      <c r="D13159" s="14" t="s">
        <v>92</v>
      </c>
      <c r="E13159" s="15">
        <v>45395</v>
      </c>
      <c r="F13159" s="14" t="s">
        <v>28</v>
      </c>
      <c r="G13159" s="16">
        <v>0</v>
      </c>
    </row>
    <row r="13160" spans="1:7" x14ac:dyDescent="0.3">
      <c r="A13160" s="13" t="s">
        <v>100</v>
      </c>
      <c r="B13160" s="14" t="s">
        <v>1</v>
      </c>
      <c r="C13160" s="14" t="s">
        <v>101</v>
      </c>
      <c r="D13160" s="14" t="s">
        <v>92</v>
      </c>
      <c r="E13160" s="15">
        <v>45396</v>
      </c>
      <c r="F13160" s="14" t="s">
        <v>28</v>
      </c>
      <c r="G13160" s="16">
        <v>0</v>
      </c>
    </row>
    <row r="13161" spans="1:7" x14ac:dyDescent="0.3">
      <c r="A13161" s="13" t="s">
        <v>100</v>
      </c>
      <c r="B13161" s="14" t="s">
        <v>1</v>
      </c>
      <c r="C13161" s="14" t="s">
        <v>101</v>
      </c>
      <c r="D13161" s="14" t="s">
        <v>92</v>
      </c>
      <c r="E13161" s="15">
        <v>45397</v>
      </c>
      <c r="F13161" s="14" t="s">
        <v>28</v>
      </c>
      <c r="G13161" s="16">
        <v>0</v>
      </c>
    </row>
    <row r="13162" spans="1:7" x14ac:dyDescent="0.3">
      <c r="A13162" s="13" t="s">
        <v>100</v>
      </c>
      <c r="B13162" s="14" t="s">
        <v>1</v>
      </c>
      <c r="C13162" s="14" t="s">
        <v>101</v>
      </c>
      <c r="D13162" s="14" t="s">
        <v>92</v>
      </c>
      <c r="E13162" s="15">
        <v>45398</v>
      </c>
      <c r="F13162" s="14" t="s">
        <v>28</v>
      </c>
      <c r="G13162" s="16">
        <v>0</v>
      </c>
    </row>
    <row r="13163" spans="1:7" x14ac:dyDescent="0.3">
      <c r="A13163" s="13" t="s">
        <v>100</v>
      </c>
      <c r="B13163" s="14" t="s">
        <v>1</v>
      </c>
      <c r="C13163" s="14" t="s">
        <v>101</v>
      </c>
      <c r="D13163" s="14" t="s">
        <v>92</v>
      </c>
      <c r="E13163" s="15">
        <v>45399</v>
      </c>
      <c r="F13163" s="14" t="s">
        <v>28</v>
      </c>
      <c r="G13163" s="16">
        <v>0</v>
      </c>
    </row>
    <row r="13164" spans="1:7" x14ac:dyDescent="0.3">
      <c r="A13164" s="13" t="s">
        <v>100</v>
      </c>
      <c r="B13164" s="14" t="s">
        <v>1</v>
      </c>
      <c r="C13164" s="14" t="s">
        <v>101</v>
      </c>
      <c r="D13164" s="14" t="s">
        <v>92</v>
      </c>
      <c r="E13164" s="15">
        <v>45400</v>
      </c>
      <c r="F13164" s="14" t="s">
        <v>28</v>
      </c>
      <c r="G13164" s="16">
        <v>0</v>
      </c>
    </row>
    <row r="13165" spans="1:7" x14ac:dyDescent="0.3">
      <c r="A13165" s="13" t="s">
        <v>100</v>
      </c>
      <c r="B13165" s="14" t="s">
        <v>1</v>
      </c>
      <c r="C13165" s="14" t="s">
        <v>101</v>
      </c>
      <c r="D13165" s="14" t="s">
        <v>92</v>
      </c>
      <c r="E13165" s="15">
        <v>45401</v>
      </c>
      <c r="F13165" s="14" t="s">
        <v>28</v>
      </c>
      <c r="G13165" s="16">
        <v>0</v>
      </c>
    </row>
    <row r="13166" spans="1:7" x14ac:dyDescent="0.3">
      <c r="A13166" s="13" t="s">
        <v>100</v>
      </c>
      <c r="B13166" s="14" t="s">
        <v>1</v>
      </c>
      <c r="C13166" s="14" t="s">
        <v>101</v>
      </c>
      <c r="D13166" s="14" t="s">
        <v>92</v>
      </c>
      <c r="E13166" s="15">
        <v>45402</v>
      </c>
      <c r="F13166" s="14" t="s">
        <v>28</v>
      </c>
      <c r="G13166" s="16">
        <v>0</v>
      </c>
    </row>
    <row r="13167" spans="1:7" x14ac:dyDescent="0.3">
      <c r="A13167" s="13" t="s">
        <v>100</v>
      </c>
      <c r="B13167" s="14" t="s">
        <v>1</v>
      </c>
      <c r="C13167" s="14" t="s">
        <v>101</v>
      </c>
      <c r="D13167" s="14" t="s">
        <v>92</v>
      </c>
      <c r="E13167" s="15">
        <v>45403</v>
      </c>
      <c r="F13167" s="14" t="s">
        <v>28</v>
      </c>
      <c r="G13167" s="16">
        <v>0</v>
      </c>
    </row>
    <row r="13168" spans="1:7" x14ac:dyDescent="0.3">
      <c r="A13168" s="13" t="s">
        <v>100</v>
      </c>
      <c r="B13168" s="14" t="s">
        <v>1</v>
      </c>
      <c r="C13168" s="14" t="s">
        <v>101</v>
      </c>
      <c r="D13168" s="14" t="s">
        <v>92</v>
      </c>
      <c r="E13168" s="15">
        <v>45404</v>
      </c>
      <c r="F13168" s="14" t="s">
        <v>28</v>
      </c>
      <c r="G13168" s="16">
        <v>0</v>
      </c>
    </row>
    <row r="13169" spans="1:7" x14ac:dyDescent="0.3">
      <c r="A13169" s="13" t="s">
        <v>100</v>
      </c>
      <c r="B13169" s="14" t="s">
        <v>1</v>
      </c>
      <c r="C13169" s="14" t="s">
        <v>101</v>
      </c>
      <c r="D13169" s="14" t="s">
        <v>92</v>
      </c>
      <c r="E13169" s="15">
        <v>45405</v>
      </c>
      <c r="F13169" s="14" t="s">
        <v>28</v>
      </c>
      <c r="G13169" s="16">
        <v>1.3853226561558597E-3</v>
      </c>
    </row>
    <row r="13170" spans="1:7" x14ac:dyDescent="0.3">
      <c r="A13170" s="13" t="s">
        <v>100</v>
      </c>
      <c r="B13170" s="14" t="s">
        <v>1</v>
      </c>
      <c r="C13170" s="14" t="s">
        <v>101</v>
      </c>
      <c r="D13170" s="14" t="s">
        <v>92</v>
      </c>
      <c r="E13170" s="15">
        <v>45406</v>
      </c>
      <c r="F13170" s="14" t="s">
        <v>28</v>
      </c>
      <c r="G13170" s="16">
        <v>0</v>
      </c>
    </row>
    <row r="13171" spans="1:7" x14ac:dyDescent="0.3">
      <c r="A13171" s="13" t="s">
        <v>100</v>
      </c>
      <c r="B13171" s="14" t="s">
        <v>1</v>
      </c>
      <c r="C13171" s="14" t="s">
        <v>101</v>
      </c>
      <c r="D13171" s="14" t="s">
        <v>92</v>
      </c>
      <c r="E13171" s="15">
        <v>45407</v>
      </c>
      <c r="F13171" s="14" t="s">
        <v>28</v>
      </c>
      <c r="G13171" s="16">
        <v>0</v>
      </c>
    </row>
    <row r="13172" spans="1:7" x14ac:dyDescent="0.3">
      <c r="A13172" s="13" t="s">
        <v>100</v>
      </c>
      <c r="B13172" s="14" t="s">
        <v>1</v>
      </c>
      <c r="C13172" s="14" t="s">
        <v>101</v>
      </c>
      <c r="D13172" s="14" t="s">
        <v>92</v>
      </c>
      <c r="E13172" s="15">
        <v>45408</v>
      </c>
      <c r="F13172" s="14" t="s">
        <v>28</v>
      </c>
      <c r="G13172" s="16">
        <v>0</v>
      </c>
    </row>
    <row r="13173" spans="1:7" x14ac:dyDescent="0.3">
      <c r="A13173" s="13" t="s">
        <v>100</v>
      </c>
      <c r="B13173" s="14" t="s">
        <v>1</v>
      </c>
      <c r="C13173" s="14" t="s">
        <v>101</v>
      </c>
      <c r="D13173" s="14" t="s">
        <v>92</v>
      </c>
      <c r="E13173" s="15">
        <v>45409</v>
      </c>
      <c r="F13173" s="14" t="s">
        <v>28</v>
      </c>
      <c r="G13173" s="16">
        <v>0</v>
      </c>
    </row>
    <row r="13174" spans="1:7" x14ac:dyDescent="0.3">
      <c r="A13174" s="13" t="s">
        <v>100</v>
      </c>
      <c r="B13174" s="14" t="s">
        <v>1</v>
      </c>
      <c r="C13174" s="14" t="s">
        <v>101</v>
      </c>
      <c r="D13174" s="14" t="s">
        <v>92</v>
      </c>
      <c r="E13174" s="15">
        <v>45410</v>
      </c>
      <c r="F13174" s="14" t="s">
        <v>28</v>
      </c>
      <c r="G13174" s="16">
        <v>0</v>
      </c>
    </row>
    <row r="13175" spans="1:7" x14ac:dyDescent="0.3">
      <c r="A13175" s="13" t="s">
        <v>100</v>
      </c>
      <c r="B13175" s="14" t="s">
        <v>1</v>
      </c>
      <c r="C13175" s="14" t="s">
        <v>101</v>
      </c>
      <c r="D13175" s="14" t="s">
        <v>92</v>
      </c>
      <c r="E13175" s="15">
        <v>45411</v>
      </c>
      <c r="F13175" s="14" t="s">
        <v>28</v>
      </c>
      <c r="G13175" s="16">
        <v>0</v>
      </c>
    </row>
    <row r="13176" spans="1:7" x14ac:dyDescent="0.3">
      <c r="A13176" s="13" t="s">
        <v>100</v>
      </c>
      <c r="B13176" s="14" t="s">
        <v>1</v>
      </c>
      <c r="C13176" s="14" t="s">
        <v>101</v>
      </c>
      <c r="D13176" s="14" t="s">
        <v>92</v>
      </c>
      <c r="E13176" s="15">
        <v>45412</v>
      </c>
      <c r="F13176" s="14" t="s">
        <v>28</v>
      </c>
      <c r="G13176" s="16">
        <v>0</v>
      </c>
    </row>
    <row r="13177" spans="1:7" x14ac:dyDescent="0.3">
      <c r="A13177" s="13" t="s">
        <v>100</v>
      </c>
      <c r="B13177" s="14" t="s">
        <v>1</v>
      </c>
      <c r="C13177" s="14" t="s">
        <v>101</v>
      </c>
      <c r="D13177" s="14" t="s">
        <v>92</v>
      </c>
      <c r="E13177" s="15">
        <v>45413</v>
      </c>
      <c r="F13177" s="14" t="s">
        <v>28</v>
      </c>
      <c r="G13177" s="16">
        <v>9.49969392088022E-2</v>
      </c>
    </row>
    <row r="13178" spans="1:7" x14ac:dyDescent="0.3">
      <c r="A13178" s="13" t="s">
        <v>100</v>
      </c>
      <c r="B13178" s="14" t="s">
        <v>1</v>
      </c>
      <c r="C13178" s="14" t="s">
        <v>101</v>
      </c>
      <c r="D13178" s="14" t="s">
        <v>92</v>
      </c>
      <c r="E13178" s="15">
        <v>45414</v>
      </c>
      <c r="F13178" s="14" t="s">
        <v>28</v>
      </c>
      <c r="G13178" s="16">
        <v>8.5717544281709399E-2</v>
      </c>
    </row>
    <row r="13179" spans="1:7" x14ac:dyDescent="0.3">
      <c r="A13179" s="13" t="s">
        <v>100</v>
      </c>
      <c r="B13179" s="14" t="s">
        <v>1</v>
      </c>
      <c r="C13179" s="14" t="s">
        <v>101</v>
      </c>
      <c r="D13179" s="14" t="s">
        <v>92</v>
      </c>
      <c r="E13179" s="15">
        <v>45415</v>
      </c>
      <c r="F13179" s="14" t="s">
        <v>28</v>
      </c>
      <c r="G13179" s="16">
        <v>7.7942336870976264E-2</v>
      </c>
    </row>
    <row r="13180" spans="1:7" x14ac:dyDescent="0.3">
      <c r="A13180" s="13" t="s">
        <v>100</v>
      </c>
      <c r="B13180" s="14" t="s">
        <v>1</v>
      </c>
      <c r="C13180" s="14" t="s">
        <v>101</v>
      </c>
      <c r="D13180" s="14" t="s">
        <v>92</v>
      </c>
      <c r="E13180" s="15">
        <v>45416</v>
      </c>
      <c r="F13180" s="14" t="s">
        <v>28</v>
      </c>
      <c r="G13180" s="16">
        <v>7.7942336870976264E-2</v>
      </c>
    </row>
    <row r="13181" spans="1:7" x14ac:dyDescent="0.3">
      <c r="A13181" s="13" t="s">
        <v>100</v>
      </c>
      <c r="B13181" s="14" t="s">
        <v>1</v>
      </c>
      <c r="C13181" s="14" t="s">
        <v>101</v>
      </c>
      <c r="D13181" s="14" t="s">
        <v>92</v>
      </c>
      <c r="E13181" s="15">
        <v>45417</v>
      </c>
      <c r="F13181" s="14" t="s">
        <v>28</v>
      </c>
      <c r="G13181" s="16">
        <v>7.7942336870976264E-2</v>
      </c>
    </row>
    <row r="13182" spans="1:7" x14ac:dyDescent="0.3">
      <c r="A13182" s="13" t="s">
        <v>100</v>
      </c>
      <c r="B13182" s="14" t="s">
        <v>1</v>
      </c>
      <c r="C13182" s="14" t="s">
        <v>101</v>
      </c>
      <c r="D13182" s="14" t="s">
        <v>92</v>
      </c>
      <c r="E13182" s="15">
        <v>45418</v>
      </c>
      <c r="F13182" s="14" t="s">
        <v>28</v>
      </c>
      <c r="G13182" s="16">
        <v>7.7942336870976264E-2</v>
      </c>
    </row>
    <row r="13183" spans="1:7" x14ac:dyDescent="0.3">
      <c r="A13183" s="13" t="s">
        <v>100</v>
      </c>
      <c r="B13183" s="14" t="s">
        <v>1</v>
      </c>
      <c r="C13183" s="14" t="s">
        <v>101</v>
      </c>
      <c r="D13183" s="14" t="s">
        <v>92</v>
      </c>
      <c r="E13183" s="15">
        <v>45419</v>
      </c>
      <c r="F13183" s="14" t="s">
        <v>28</v>
      </c>
      <c r="G13183" s="16">
        <v>8.6965516092796319E-2</v>
      </c>
    </row>
    <row r="13184" spans="1:7" x14ac:dyDescent="0.3">
      <c r="A13184" s="13" t="s">
        <v>100</v>
      </c>
      <c r="B13184" s="14" t="s">
        <v>1</v>
      </c>
      <c r="C13184" s="14" t="s">
        <v>101</v>
      </c>
      <c r="D13184" s="14" t="s">
        <v>92</v>
      </c>
      <c r="E13184" s="15">
        <v>45420</v>
      </c>
      <c r="F13184" s="14" t="s">
        <v>28</v>
      </c>
      <c r="G13184" s="16">
        <v>0.12021917096271552</v>
      </c>
    </row>
    <row r="13185" spans="1:7" x14ac:dyDescent="0.3">
      <c r="A13185" s="13" t="s">
        <v>100</v>
      </c>
      <c r="B13185" s="14" t="s">
        <v>1</v>
      </c>
      <c r="C13185" s="14" t="s">
        <v>101</v>
      </c>
      <c r="D13185" s="14" t="s">
        <v>92</v>
      </c>
      <c r="E13185" s="15">
        <v>45421</v>
      </c>
      <c r="F13185" s="14" t="s">
        <v>28</v>
      </c>
      <c r="G13185" s="16">
        <v>0.17059938000915992</v>
      </c>
    </row>
    <row r="13186" spans="1:7" x14ac:dyDescent="0.3">
      <c r="A13186" s="13" t="s">
        <v>100</v>
      </c>
      <c r="B13186" s="14" t="s">
        <v>1</v>
      </c>
      <c r="C13186" s="14" t="s">
        <v>101</v>
      </c>
      <c r="D13186" s="14" t="s">
        <v>92</v>
      </c>
      <c r="E13186" s="15">
        <v>45422</v>
      </c>
      <c r="F13186" s="14" t="s">
        <v>28</v>
      </c>
      <c r="G13186" s="16">
        <v>0.17959721882120569</v>
      </c>
    </row>
    <row r="13187" spans="1:7" x14ac:dyDescent="0.3">
      <c r="A13187" s="13" t="s">
        <v>100</v>
      </c>
      <c r="B13187" s="14" t="s">
        <v>1</v>
      </c>
      <c r="C13187" s="14" t="s">
        <v>101</v>
      </c>
      <c r="D13187" s="14" t="s">
        <v>92</v>
      </c>
      <c r="E13187" s="15">
        <v>45423</v>
      </c>
      <c r="F13187" s="14" t="s">
        <v>28</v>
      </c>
      <c r="G13187" s="16">
        <v>0.17959721882120569</v>
      </c>
    </row>
    <row r="13188" spans="1:7" x14ac:dyDescent="0.3">
      <c r="A13188" s="13" t="s">
        <v>100</v>
      </c>
      <c r="B13188" s="14" t="s">
        <v>1</v>
      </c>
      <c r="C13188" s="14" t="s">
        <v>101</v>
      </c>
      <c r="D13188" s="14" t="s">
        <v>92</v>
      </c>
      <c r="E13188" s="15">
        <v>45424</v>
      </c>
      <c r="F13188" s="14" t="s">
        <v>28</v>
      </c>
      <c r="G13188" s="16">
        <v>0.17959721882120569</v>
      </c>
    </row>
    <row r="13189" spans="1:7" x14ac:dyDescent="0.3">
      <c r="A13189" s="13" t="s">
        <v>100</v>
      </c>
      <c r="B13189" s="14" t="s">
        <v>1</v>
      </c>
      <c r="C13189" s="14" t="s">
        <v>101</v>
      </c>
      <c r="D13189" s="14" t="s">
        <v>92</v>
      </c>
      <c r="E13189" s="15">
        <v>45425</v>
      </c>
      <c r="F13189" s="14" t="s">
        <v>28</v>
      </c>
      <c r="G13189" s="16">
        <v>0.17605135542065536</v>
      </c>
    </row>
    <row r="13190" spans="1:7" x14ac:dyDescent="0.3">
      <c r="A13190" s="13" t="s">
        <v>100</v>
      </c>
      <c r="B13190" s="14" t="s">
        <v>1</v>
      </c>
      <c r="C13190" s="14" t="s">
        <v>101</v>
      </c>
      <c r="D13190" s="14" t="s">
        <v>92</v>
      </c>
      <c r="E13190" s="15">
        <v>45426</v>
      </c>
      <c r="F13190" s="14" t="s">
        <v>28</v>
      </c>
      <c r="G13190" s="16">
        <v>0.14944355235658796</v>
      </c>
    </row>
    <row r="13191" spans="1:7" x14ac:dyDescent="0.3">
      <c r="A13191" s="13" t="s">
        <v>100</v>
      </c>
      <c r="B13191" s="14" t="s">
        <v>1</v>
      </c>
      <c r="C13191" s="14" t="s">
        <v>101</v>
      </c>
      <c r="D13191" s="14" t="s">
        <v>92</v>
      </c>
      <c r="E13191" s="15">
        <v>45427</v>
      </c>
      <c r="F13191" s="14" t="s">
        <v>28</v>
      </c>
      <c r="G13191" s="16">
        <v>0.14128357700925073</v>
      </c>
    </row>
    <row r="13192" spans="1:7" x14ac:dyDescent="0.3">
      <c r="A13192" s="13" t="s">
        <v>100</v>
      </c>
      <c r="B13192" s="14" t="s">
        <v>1</v>
      </c>
      <c r="C13192" s="14" t="s">
        <v>101</v>
      </c>
      <c r="D13192" s="14" t="s">
        <v>92</v>
      </c>
      <c r="E13192" s="15">
        <v>45428</v>
      </c>
      <c r="F13192" s="14" t="s">
        <v>28</v>
      </c>
      <c r="G13192" s="16">
        <v>0.1742859454298451</v>
      </c>
    </row>
    <row r="13193" spans="1:7" x14ac:dyDescent="0.3">
      <c r="A13193" s="13" t="s">
        <v>100</v>
      </c>
      <c r="B13193" s="14" t="s">
        <v>1</v>
      </c>
      <c r="C13193" s="14" t="s">
        <v>101</v>
      </c>
      <c r="D13193" s="14" t="s">
        <v>92</v>
      </c>
      <c r="E13193" s="15">
        <v>45429</v>
      </c>
      <c r="F13193" s="14" t="s">
        <v>28</v>
      </c>
      <c r="G13193" s="16">
        <v>0.20177160024741334</v>
      </c>
    </row>
    <row r="13194" spans="1:7" x14ac:dyDescent="0.3">
      <c r="A13194" s="13" t="s">
        <v>100</v>
      </c>
      <c r="B13194" s="14" t="s">
        <v>1</v>
      </c>
      <c r="C13194" s="14" t="s">
        <v>101</v>
      </c>
      <c r="D13194" s="14" t="s">
        <v>92</v>
      </c>
      <c r="E13194" s="15">
        <v>45430</v>
      </c>
      <c r="F13194" s="14" t="s">
        <v>28</v>
      </c>
      <c r="G13194" s="16">
        <v>0.20177160024741334</v>
      </c>
    </row>
    <row r="13195" spans="1:7" x14ac:dyDescent="0.3">
      <c r="A13195" s="13" t="s">
        <v>100</v>
      </c>
      <c r="B13195" s="14" t="s">
        <v>1</v>
      </c>
      <c r="C13195" s="14" t="s">
        <v>101</v>
      </c>
      <c r="D13195" s="14" t="s">
        <v>92</v>
      </c>
      <c r="E13195" s="15">
        <v>45431</v>
      </c>
      <c r="F13195" s="14" t="s">
        <v>28</v>
      </c>
      <c r="G13195" s="16">
        <v>0.20177160024741334</v>
      </c>
    </row>
    <row r="13196" spans="1:7" x14ac:dyDescent="0.3">
      <c r="A13196" s="13" t="s">
        <v>100</v>
      </c>
      <c r="B13196" s="14" t="s">
        <v>1</v>
      </c>
      <c r="C13196" s="14" t="s">
        <v>101</v>
      </c>
      <c r="D13196" s="14" t="s">
        <v>92</v>
      </c>
      <c r="E13196" s="15">
        <v>45432</v>
      </c>
      <c r="F13196" s="14" t="s">
        <v>28</v>
      </c>
      <c r="G13196" s="16">
        <v>0.19460309120661654</v>
      </c>
    </row>
    <row r="13197" spans="1:7" x14ac:dyDescent="0.3">
      <c r="A13197" s="13" t="s">
        <v>100</v>
      </c>
      <c r="B13197" s="14" t="s">
        <v>1</v>
      </c>
      <c r="C13197" s="14" t="s">
        <v>101</v>
      </c>
      <c r="D13197" s="14" t="s">
        <v>92</v>
      </c>
      <c r="E13197" s="15">
        <v>45433</v>
      </c>
      <c r="F13197" s="14" t="s">
        <v>28</v>
      </c>
      <c r="G13197" s="16">
        <v>0.17498496424230336</v>
      </c>
    </row>
    <row r="13198" spans="1:7" x14ac:dyDescent="0.3">
      <c r="A13198" s="13" t="s">
        <v>100</v>
      </c>
      <c r="B13198" s="14" t="s">
        <v>1</v>
      </c>
      <c r="C13198" s="14" t="s">
        <v>101</v>
      </c>
      <c r="D13198" s="14" t="s">
        <v>92</v>
      </c>
      <c r="E13198" s="15">
        <v>45434</v>
      </c>
      <c r="F13198" s="14" t="s">
        <v>28</v>
      </c>
      <c r="G13198" s="16">
        <v>0.16799335669402091</v>
      </c>
    </row>
    <row r="13199" spans="1:7" x14ac:dyDescent="0.3">
      <c r="A13199" s="13" t="s">
        <v>100</v>
      </c>
      <c r="B13199" s="14" t="s">
        <v>1</v>
      </c>
      <c r="C13199" s="14" t="s">
        <v>101</v>
      </c>
      <c r="D13199" s="14" t="s">
        <v>92</v>
      </c>
      <c r="E13199" s="15">
        <v>45435</v>
      </c>
      <c r="F13199" s="14" t="s">
        <v>28</v>
      </c>
      <c r="G13199" s="16">
        <v>0.16060428262312229</v>
      </c>
    </row>
    <row r="13200" spans="1:7" x14ac:dyDescent="0.3">
      <c r="A13200" s="13" t="s">
        <v>100</v>
      </c>
      <c r="B13200" s="14" t="s">
        <v>1</v>
      </c>
      <c r="C13200" s="14" t="s">
        <v>101</v>
      </c>
      <c r="D13200" s="14" t="s">
        <v>92</v>
      </c>
      <c r="E13200" s="15">
        <v>45436</v>
      </c>
      <c r="F13200" s="14" t="s">
        <v>28</v>
      </c>
      <c r="G13200" s="16">
        <v>0.16100985560645811</v>
      </c>
    </row>
    <row r="13201" spans="1:7" x14ac:dyDescent="0.3">
      <c r="A13201" s="13" t="s">
        <v>100</v>
      </c>
      <c r="B13201" s="14" t="s">
        <v>1</v>
      </c>
      <c r="C13201" s="14" t="s">
        <v>101</v>
      </c>
      <c r="D13201" s="14" t="s">
        <v>92</v>
      </c>
      <c r="E13201" s="15">
        <v>45437</v>
      </c>
      <c r="F13201" s="14" t="s">
        <v>28</v>
      </c>
      <c r="G13201" s="16">
        <v>0.16100985560645811</v>
      </c>
    </row>
    <row r="13202" spans="1:7" x14ac:dyDescent="0.3">
      <c r="A13202" s="13" t="s">
        <v>100</v>
      </c>
      <c r="B13202" s="14" t="s">
        <v>1</v>
      </c>
      <c r="C13202" s="14" t="s">
        <v>101</v>
      </c>
      <c r="D13202" s="14" t="s">
        <v>92</v>
      </c>
      <c r="E13202" s="15">
        <v>45438</v>
      </c>
      <c r="F13202" s="14" t="s">
        <v>28</v>
      </c>
      <c r="G13202" s="16">
        <v>0.16100985560645811</v>
      </c>
    </row>
    <row r="13203" spans="1:7" x14ac:dyDescent="0.3">
      <c r="A13203" s="13" t="s">
        <v>100</v>
      </c>
      <c r="B13203" s="14" t="s">
        <v>1</v>
      </c>
      <c r="C13203" s="14" t="s">
        <v>101</v>
      </c>
      <c r="D13203" s="14" t="s">
        <v>92</v>
      </c>
      <c r="E13203" s="15">
        <v>45439</v>
      </c>
      <c r="F13203" s="14" t="s">
        <v>28</v>
      </c>
      <c r="G13203" s="16">
        <v>0.15352147436091784</v>
      </c>
    </row>
    <row r="13204" spans="1:7" x14ac:dyDescent="0.3">
      <c r="A13204" s="13" t="s">
        <v>100</v>
      </c>
      <c r="B13204" s="14" t="s">
        <v>1</v>
      </c>
      <c r="C13204" s="14" t="s">
        <v>101</v>
      </c>
      <c r="D13204" s="14" t="s">
        <v>92</v>
      </c>
      <c r="E13204" s="15">
        <v>45440</v>
      </c>
      <c r="F13204" s="14" t="s">
        <v>28</v>
      </c>
      <c r="G13204" s="16">
        <v>0.13385370738613447</v>
      </c>
    </row>
    <row r="13205" spans="1:7" x14ac:dyDescent="0.3">
      <c r="A13205" s="13" t="s">
        <v>100</v>
      </c>
      <c r="B13205" s="14" t="s">
        <v>1</v>
      </c>
      <c r="C13205" s="14" t="s">
        <v>101</v>
      </c>
      <c r="D13205" s="14" t="s">
        <v>92</v>
      </c>
      <c r="E13205" s="15">
        <v>45441</v>
      </c>
      <c r="F13205" s="14" t="s">
        <v>28</v>
      </c>
      <c r="G13205" s="16">
        <v>0.15909090768022444</v>
      </c>
    </row>
    <row r="13206" spans="1:7" x14ac:dyDescent="0.3">
      <c r="A13206" s="13" t="s">
        <v>100</v>
      </c>
      <c r="B13206" s="14" t="s">
        <v>1</v>
      </c>
      <c r="C13206" s="14" t="s">
        <v>101</v>
      </c>
      <c r="D13206" s="14" t="s">
        <v>92</v>
      </c>
      <c r="E13206" s="15">
        <v>45442</v>
      </c>
      <c r="F13206" s="14" t="s">
        <v>28</v>
      </c>
      <c r="G13206" s="16">
        <v>0.1514459446004518</v>
      </c>
    </row>
    <row r="13207" spans="1:7" x14ac:dyDescent="0.3">
      <c r="A13207" s="13" t="s">
        <v>100</v>
      </c>
      <c r="B13207" s="14" t="s">
        <v>1</v>
      </c>
      <c r="C13207" s="14" t="s">
        <v>101</v>
      </c>
      <c r="D13207" s="14" t="s">
        <v>92</v>
      </c>
      <c r="E13207" s="15">
        <v>45443</v>
      </c>
      <c r="F13207" s="14" t="s">
        <v>28</v>
      </c>
      <c r="G13207" s="16">
        <v>0.14813720304460407</v>
      </c>
    </row>
    <row r="13208" spans="1:7" x14ac:dyDescent="0.3">
      <c r="A13208" s="13" t="s">
        <v>100</v>
      </c>
      <c r="B13208" s="14" t="s">
        <v>1</v>
      </c>
      <c r="C13208" s="14" t="s">
        <v>101</v>
      </c>
      <c r="D13208" s="14" t="s">
        <v>92</v>
      </c>
      <c r="E13208" s="15">
        <v>45444</v>
      </c>
      <c r="F13208" s="14" t="s">
        <v>28</v>
      </c>
      <c r="G13208" s="16">
        <v>0.14813720304460407</v>
      </c>
    </row>
    <row r="13209" spans="1:7" x14ac:dyDescent="0.3">
      <c r="A13209" s="13" t="s">
        <v>100</v>
      </c>
      <c r="B13209" s="14" t="s">
        <v>1</v>
      </c>
      <c r="C13209" s="14" t="s">
        <v>101</v>
      </c>
      <c r="D13209" s="14" t="s">
        <v>92</v>
      </c>
      <c r="E13209" s="15">
        <v>45445</v>
      </c>
      <c r="F13209" s="14" t="s">
        <v>28</v>
      </c>
      <c r="G13209" s="16">
        <v>0.14813720304460407</v>
      </c>
    </row>
    <row r="13210" spans="1:7" x14ac:dyDescent="0.3">
      <c r="A13210" s="13" t="s">
        <v>100</v>
      </c>
      <c r="B13210" s="14" t="s">
        <v>1</v>
      </c>
      <c r="C13210" s="14" t="s">
        <v>101</v>
      </c>
      <c r="D13210" s="14" t="s">
        <v>92</v>
      </c>
      <c r="E13210" s="15">
        <v>45446</v>
      </c>
      <c r="F13210" s="14" t="s">
        <v>28</v>
      </c>
      <c r="G13210" s="16">
        <v>0.14813720304460407</v>
      </c>
    </row>
    <row r="13211" spans="1:7" x14ac:dyDescent="0.3">
      <c r="A13211" s="13" t="s">
        <v>100</v>
      </c>
      <c r="B13211" s="14" t="s">
        <v>1</v>
      </c>
      <c r="C13211" s="14" t="s">
        <v>101</v>
      </c>
      <c r="D13211" s="14" t="s">
        <v>92</v>
      </c>
      <c r="E13211" s="15">
        <v>45447</v>
      </c>
      <c r="F13211" s="14" t="s">
        <v>28</v>
      </c>
      <c r="G13211" s="16">
        <v>0.17251074876953673</v>
      </c>
    </row>
    <row r="13212" spans="1:7" x14ac:dyDescent="0.3">
      <c r="A13212" s="13" t="s">
        <v>100</v>
      </c>
      <c r="B13212" s="14" t="s">
        <v>1</v>
      </c>
      <c r="C13212" s="14" t="s">
        <v>101</v>
      </c>
      <c r="D13212" s="14" t="s">
        <v>92</v>
      </c>
      <c r="E13212" s="15">
        <v>45448</v>
      </c>
      <c r="F13212" s="14" t="s">
        <v>28</v>
      </c>
      <c r="G13212" s="16">
        <v>0.16260989118199112</v>
      </c>
    </row>
    <row r="13213" spans="1:7" x14ac:dyDescent="0.3">
      <c r="A13213" s="13" t="s">
        <v>100</v>
      </c>
      <c r="B13213" s="14" t="s">
        <v>1</v>
      </c>
      <c r="C13213" s="14" t="s">
        <v>101</v>
      </c>
      <c r="D13213" s="14" t="s">
        <v>92</v>
      </c>
      <c r="E13213" s="15">
        <v>45449</v>
      </c>
      <c r="F13213" s="14" t="s">
        <v>28</v>
      </c>
      <c r="G13213" s="16">
        <v>0.16559324768197398</v>
      </c>
    </row>
    <row r="13214" spans="1:7" x14ac:dyDescent="0.3">
      <c r="A13214" s="13" t="s">
        <v>100</v>
      </c>
      <c r="B13214" s="14" t="s">
        <v>1</v>
      </c>
      <c r="C13214" s="14" t="s">
        <v>101</v>
      </c>
      <c r="D13214" s="14" t="s">
        <v>92</v>
      </c>
      <c r="E13214" s="15">
        <v>45450</v>
      </c>
      <c r="F13214" s="14" t="s">
        <v>28</v>
      </c>
      <c r="G13214" s="16">
        <v>0.16288476883225814</v>
      </c>
    </row>
    <row r="13215" spans="1:7" x14ac:dyDescent="0.3">
      <c r="A13215" s="13" t="s">
        <v>100</v>
      </c>
      <c r="B13215" s="14" t="s">
        <v>1</v>
      </c>
      <c r="C13215" s="14" t="s">
        <v>101</v>
      </c>
      <c r="D13215" s="14" t="s">
        <v>92</v>
      </c>
      <c r="E13215" s="15">
        <v>45451</v>
      </c>
      <c r="F13215" s="14" t="s">
        <v>28</v>
      </c>
      <c r="G13215" s="16">
        <v>0.16288476883225814</v>
      </c>
    </row>
    <row r="13216" spans="1:7" x14ac:dyDescent="0.3">
      <c r="A13216" s="13" t="s">
        <v>100</v>
      </c>
      <c r="B13216" s="14" t="s">
        <v>1</v>
      </c>
      <c r="C13216" s="14" t="s">
        <v>101</v>
      </c>
      <c r="D13216" s="14" t="s">
        <v>92</v>
      </c>
      <c r="E13216" s="15">
        <v>45452</v>
      </c>
      <c r="F13216" s="14" t="s">
        <v>28</v>
      </c>
      <c r="G13216" s="16">
        <v>0.16288476883225814</v>
      </c>
    </row>
    <row r="13217" spans="1:7" x14ac:dyDescent="0.3">
      <c r="A13217" s="13" t="s">
        <v>100</v>
      </c>
      <c r="B13217" s="14" t="s">
        <v>1</v>
      </c>
      <c r="C13217" s="14" t="s">
        <v>101</v>
      </c>
      <c r="D13217" s="14" t="s">
        <v>92</v>
      </c>
      <c r="E13217" s="15">
        <v>45453</v>
      </c>
      <c r="F13217" s="14" t="s">
        <v>28</v>
      </c>
      <c r="G13217" s="16">
        <v>0.16361387048798509</v>
      </c>
    </row>
    <row r="13218" spans="1:7" x14ac:dyDescent="0.3">
      <c r="A13218" s="13" t="s">
        <v>100</v>
      </c>
      <c r="B13218" s="14" t="s">
        <v>1</v>
      </c>
      <c r="C13218" s="14" t="s">
        <v>101</v>
      </c>
      <c r="D13218" s="14" t="s">
        <v>92</v>
      </c>
      <c r="E13218" s="15">
        <v>45454</v>
      </c>
      <c r="F13218" s="14" t="s">
        <v>28</v>
      </c>
      <c r="G13218" s="16">
        <v>0.20622883784154464</v>
      </c>
    </row>
    <row r="13219" spans="1:7" x14ac:dyDescent="0.3">
      <c r="A13219" s="13" t="s">
        <v>100</v>
      </c>
      <c r="B13219" s="14" t="s">
        <v>1</v>
      </c>
      <c r="C13219" s="14" t="s">
        <v>101</v>
      </c>
      <c r="D13219" s="14" t="s">
        <v>92</v>
      </c>
      <c r="E13219" s="15">
        <v>45455</v>
      </c>
      <c r="F13219" s="14" t="s">
        <v>28</v>
      </c>
      <c r="G13219" s="16">
        <v>0.19787865169298169</v>
      </c>
    </row>
    <row r="13220" spans="1:7" x14ac:dyDescent="0.3">
      <c r="A13220" s="13" t="s">
        <v>100</v>
      </c>
      <c r="B13220" s="14" t="s">
        <v>1</v>
      </c>
      <c r="C13220" s="14" t="s">
        <v>101</v>
      </c>
      <c r="D13220" s="14" t="s">
        <v>92</v>
      </c>
      <c r="E13220" s="15">
        <v>45456</v>
      </c>
      <c r="F13220" s="14" t="s">
        <v>28</v>
      </c>
      <c r="G13220" s="16">
        <v>0.19096525598678429</v>
      </c>
    </row>
    <row r="13221" spans="1:7" x14ac:dyDescent="0.3">
      <c r="A13221" s="13" t="s">
        <v>100</v>
      </c>
      <c r="B13221" s="14" t="s">
        <v>1</v>
      </c>
      <c r="C13221" s="14" t="s">
        <v>101</v>
      </c>
      <c r="D13221" s="14" t="s">
        <v>92</v>
      </c>
      <c r="E13221" s="15">
        <v>45457</v>
      </c>
      <c r="F13221" s="14" t="s">
        <v>28</v>
      </c>
      <c r="G13221" s="16">
        <v>0.18920363878283744</v>
      </c>
    </row>
    <row r="13222" spans="1:7" x14ac:dyDescent="0.3">
      <c r="A13222" s="13" t="s">
        <v>100</v>
      </c>
      <c r="B13222" s="14" t="s">
        <v>1</v>
      </c>
      <c r="C13222" s="14" t="s">
        <v>101</v>
      </c>
      <c r="D13222" s="14" t="s">
        <v>92</v>
      </c>
      <c r="E13222" s="15">
        <v>45458</v>
      </c>
      <c r="F13222" s="14" t="s">
        <v>28</v>
      </c>
      <c r="G13222" s="16">
        <v>0.18920363878283744</v>
      </c>
    </row>
    <row r="13223" spans="1:7" x14ac:dyDescent="0.3">
      <c r="A13223" s="13" t="s">
        <v>100</v>
      </c>
      <c r="B13223" s="14" t="s">
        <v>1</v>
      </c>
      <c r="C13223" s="14" t="s">
        <v>101</v>
      </c>
      <c r="D13223" s="14" t="s">
        <v>92</v>
      </c>
      <c r="E13223" s="15">
        <v>45459</v>
      </c>
      <c r="F13223" s="14" t="s">
        <v>28</v>
      </c>
      <c r="G13223" s="16">
        <v>0.18920363878283744</v>
      </c>
    </row>
    <row r="13224" spans="1:7" x14ac:dyDescent="0.3">
      <c r="A13224" s="13" t="s">
        <v>100</v>
      </c>
      <c r="B13224" s="14" t="s">
        <v>1</v>
      </c>
      <c r="C13224" s="14" t="s">
        <v>101</v>
      </c>
      <c r="D13224" s="14" t="s">
        <v>92</v>
      </c>
      <c r="E13224" s="15">
        <v>45460</v>
      </c>
      <c r="F13224" s="14" t="s">
        <v>28</v>
      </c>
      <c r="G13224" s="16">
        <v>0.18292369570829983</v>
      </c>
    </row>
    <row r="13225" spans="1:7" x14ac:dyDescent="0.3">
      <c r="A13225" s="13" t="s">
        <v>100</v>
      </c>
      <c r="B13225" s="14" t="s">
        <v>1</v>
      </c>
      <c r="C13225" s="14" t="s">
        <v>101</v>
      </c>
      <c r="D13225" s="14" t="s">
        <v>92</v>
      </c>
      <c r="E13225" s="15">
        <v>45461</v>
      </c>
      <c r="F13225" s="14" t="s">
        <v>28</v>
      </c>
      <c r="G13225" s="16">
        <v>0.18478468264161493</v>
      </c>
    </row>
    <row r="13226" spans="1:7" x14ac:dyDescent="0.3">
      <c r="A13226" s="13" t="s">
        <v>100</v>
      </c>
      <c r="B13226" s="14" t="s">
        <v>1</v>
      </c>
      <c r="C13226" s="14" t="s">
        <v>101</v>
      </c>
      <c r="D13226" s="14" t="s">
        <v>92</v>
      </c>
      <c r="E13226" s="15">
        <v>45462</v>
      </c>
      <c r="F13226" s="14" t="s">
        <v>28</v>
      </c>
      <c r="G13226" s="16">
        <v>0.18401135959848791</v>
      </c>
    </row>
    <row r="13227" spans="1:7" x14ac:dyDescent="0.3">
      <c r="A13227" s="13" t="s">
        <v>100</v>
      </c>
      <c r="B13227" s="14" t="s">
        <v>1</v>
      </c>
      <c r="C13227" s="14" t="s">
        <v>101</v>
      </c>
      <c r="D13227" s="14" t="s">
        <v>92</v>
      </c>
      <c r="E13227" s="15">
        <v>45463</v>
      </c>
      <c r="F13227" s="14" t="s">
        <v>28</v>
      </c>
      <c r="G13227" s="16">
        <v>0.1770506107042738</v>
      </c>
    </row>
    <row r="13228" spans="1:7" x14ac:dyDescent="0.3">
      <c r="A13228" s="13" t="s">
        <v>100</v>
      </c>
      <c r="B13228" s="14" t="s">
        <v>1</v>
      </c>
      <c r="C13228" s="14" t="s">
        <v>101</v>
      </c>
      <c r="D13228" s="14" t="s">
        <v>92</v>
      </c>
      <c r="E13228" s="15">
        <v>45464</v>
      </c>
      <c r="F13228" s="14" t="s">
        <v>28</v>
      </c>
      <c r="G13228" s="16">
        <v>0.17365979091460221</v>
      </c>
    </row>
    <row r="13229" spans="1:7" x14ac:dyDescent="0.3">
      <c r="A13229" s="13" t="s">
        <v>100</v>
      </c>
      <c r="B13229" s="14" t="s">
        <v>1</v>
      </c>
      <c r="C13229" s="14" t="s">
        <v>101</v>
      </c>
      <c r="D13229" s="14" t="s">
        <v>92</v>
      </c>
      <c r="E13229" s="15">
        <v>45465</v>
      </c>
      <c r="F13229" s="14" t="s">
        <v>28</v>
      </c>
      <c r="G13229" s="16">
        <v>0.17365979091460221</v>
      </c>
    </row>
    <row r="13230" spans="1:7" x14ac:dyDescent="0.3">
      <c r="A13230" s="13" t="s">
        <v>100</v>
      </c>
      <c r="B13230" s="14" t="s">
        <v>1</v>
      </c>
      <c r="C13230" s="14" t="s">
        <v>101</v>
      </c>
      <c r="D13230" s="14" t="s">
        <v>92</v>
      </c>
      <c r="E13230" s="15">
        <v>45466</v>
      </c>
      <c r="F13230" s="14" t="s">
        <v>28</v>
      </c>
      <c r="G13230" s="16">
        <v>0.17365979091460221</v>
      </c>
    </row>
    <row r="13231" spans="1:7" x14ac:dyDescent="0.3">
      <c r="A13231" s="13" t="s">
        <v>100</v>
      </c>
      <c r="B13231" s="14" t="s">
        <v>1</v>
      </c>
      <c r="C13231" s="14" t="s">
        <v>101</v>
      </c>
      <c r="D13231" s="14" t="s">
        <v>92</v>
      </c>
      <c r="E13231" s="15">
        <v>45467</v>
      </c>
      <c r="F13231" s="14" t="s">
        <v>28</v>
      </c>
      <c r="G13231" s="16">
        <v>0.16592061564579141</v>
      </c>
    </row>
    <row r="13232" spans="1:7" x14ac:dyDescent="0.3">
      <c r="A13232" s="13" t="s">
        <v>100</v>
      </c>
      <c r="B13232" s="14" t="s">
        <v>1</v>
      </c>
      <c r="C13232" s="14" t="s">
        <v>101</v>
      </c>
      <c r="D13232" s="14" t="s">
        <v>92</v>
      </c>
      <c r="E13232" s="15">
        <v>45468</v>
      </c>
      <c r="F13232" s="14" t="s">
        <v>28</v>
      </c>
      <c r="G13232" s="16">
        <v>0.14645908486499393</v>
      </c>
    </row>
    <row r="13233" spans="1:7" x14ac:dyDescent="0.3">
      <c r="A13233" s="13" t="s">
        <v>100</v>
      </c>
      <c r="B13233" s="14" t="s">
        <v>1</v>
      </c>
      <c r="C13233" s="14" t="s">
        <v>101</v>
      </c>
      <c r="D13233" s="14" t="s">
        <v>92</v>
      </c>
      <c r="E13233" s="15">
        <v>45469</v>
      </c>
      <c r="F13233" s="14" t="s">
        <v>28</v>
      </c>
      <c r="G13233" s="16">
        <v>0.13935624562644422</v>
      </c>
    </row>
    <row r="13234" spans="1:7" x14ac:dyDescent="0.3">
      <c r="A13234" s="13" t="s">
        <v>100</v>
      </c>
      <c r="B13234" s="14" t="s">
        <v>1</v>
      </c>
      <c r="C13234" s="14" t="s">
        <v>101</v>
      </c>
      <c r="D13234" s="14" t="s">
        <v>92</v>
      </c>
      <c r="E13234" s="15">
        <v>45470</v>
      </c>
      <c r="F13234" s="14" t="s">
        <v>28</v>
      </c>
      <c r="G13234" s="16">
        <v>0.13185219761603656</v>
      </c>
    </row>
    <row r="13235" spans="1:7" x14ac:dyDescent="0.3">
      <c r="A13235" s="13" t="s">
        <v>100</v>
      </c>
      <c r="B13235" s="14" t="s">
        <v>1</v>
      </c>
      <c r="C13235" s="14" t="s">
        <v>101</v>
      </c>
      <c r="D13235" s="14" t="s">
        <v>92</v>
      </c>
      <c r="E13235" s="15">
        <v>45471</v>
      </c>
      <c r="F13235" s="14" t="s">
        <v>28</v>
      </c>
      <c r="G13235" s="16">
        <v>0.13627102514902614</v>
      </c>
    </row>
    <row r="13236" spans="1:7" x14ac:dyDescent="0.3">
      <c r="A13236" s="13" t="s">
        <v>100</v>
      </c>
      <c r="B13236" s="14" t="s">
        <v>1</v>
      </c>
      <c r="C13236" s="14" t="s">
        <v>101</v>
      </c>
      <c r="D13236" s="14" t="s">
        <v>92</v>
      </c>
      <c r="E13236" s="15">
        <v>45472</v>
      </c>
      <c r="F13236" s="14" t="s">
        <v>28</v>
      </c>
      <c r="G13236" s="16">
        <v>0.13627102514902614</v>
      </c>
    </row>
    <row r="13237" spans="1:7" x14ac:dyDescent="0.3">
      <c r="A13237" s="13" t="s">
        <v>100</v>
      </c>
      <c r="B13237" s="14" t="s">
        <v>1</v>
      </c>
      <c r="C13237" s="14" t="s">
        <v>101</v>
      </c>
      <c r="D13237" s="14" t="s">
        <v>92</v>
      </c>
      <c r="E13237" s="15">
        <v>45473</v>
      </c>
      <c r="F13237" s="14" t="s">
        <v>28</v>
      </c>
      <c r="G13237" s="16">
        <v>0.13627102514902614</v>
      </c>
    </row>
    <row r="13238" spans="1:7" x14ac:dyDescent="0.3">
      <c r="A13238" s="13" t="s">
        <v>100</v>
      </c>
      <c r="B13238" s="14" t="s">
        <v>1</v>
      </c>
      <c r="C13238" s="14" t="s">
        <v>101</v>
      </c>
      <c r="D13238" s="14" t="s">
        <v>92</v>
      </c>
      <c r="E13238" s="15">
        <v>45474</v>
      </c>
      <c r="F13238" s="14" t="s">
        <v>28</v>
      </c>
      <c r="G13238" s="16">
        <v>0.13440227510925068</v>
      </c>
    </row>
    <row r="13239" spans="1:7" x14ac:dyDescent="0.3">
      <c r="A13239" s="13" t="s">
        <v>100</v>
      </c>
      <c r="B13239" s="14" t="s">
        <v>1</v>
      </c>
      <c r="C13239" s="14" t="s">
        <v>101</v>
      </c>
      <c r="D13239" s="14" t="s">
        <v>92</v>
      </c>
      <c r="E13239" s="15">
        <v>45475</v>
      </c>
      <c r="F13239" s="14" t="s">
        <v>28</v>
      </c>
      <c r="G13239" s="16">
        <v>0.1145228373437118</v>
      </c>
    </row>
    <row r="13240" spans="1:7" x14ac:dyDescent="0.3">
      <c r="A13240" s="13" t="s">
        <v>100</v>
      </c>
      <c r="B13240" s="14" t="s">
        <v>1</v>
      </c>
      <c r="C13240" s="14" t="s">
        <v>101</v>
      </c>
      <c r="D13240" s="14" t="s">
        <v>92</v>
      </c>
      <c r="E13240" s="15">
        <v>45476</v>
      </c>
      <c r="F13240" s="14" t="s">
        <v>28</v>
      </c>
      <c r="G13240" s="16">
        <v>0.10685713241400145</v>
      </c>
    </row>
    <row r="13241" spans="1:7" x14ac:dyDescent="0.3">
      <c r="A13241" s="13" t="s">
        <v>100</v>
      </c>
      <c r="B13241" s="14" t="s">
        <v>1</v>
      </c>
      <c r="C13241" s="14" t="s">
        <v>101</v>
      </c>
      <c r="D13241" s="14" t="s">
        <v>92</v>
      </c>
      <c r="E13241" s="15">
        <v>45477</v>
      </c>
      <c r="F13241" s="14" t="s">
        <v>28</v>
      </c>
      <c r="G13241" s="16">
        <v>0.10328444463537483</v>
      </c>
    </row>
    <row r="13242" spans="1:7" x14ac:dyDescent="0.3">
      <c r="A13242" s="13" t="s">
        <v>100</v>
      </c>
      <c r="B13242" s="14" t="s">
        <v>1</v>
      </c>
      <c r="C13242" s="14" t="s">
        <v>101</v>
      </c>
      <c r="D13242" s="14" t="s">
        <v>92</v>
      </c>
      <c r="E13242" s="15">
        <v>45478</v>
      </c>
      <c r="F13242" s="14" t="s">
        <v>28</v>
      </c>
      <c r="G13242" s="16">
        <v>9.5572748909673877E-2</v>
      </c>
    </row>
    <row r="13243" spans="1:7" x14ac:dyDescent="0.3">
      <c r="A13243" s="13" t="s">
        <v>100</v>
      </c>
      <c r="B13243" s="14" t="s">
        <v>1</v>
      </c>
      <c r="C13243" s="14" t="s">
        <v>101</v>
      </c>
      <c r="D13243" s="14" t="s">
        <v>92</v>
      </c>
      <c r="E13243" s="15">
        <v>45479</v>
      </c>
      <c r="F13243" s="14" t="s">
        <v>28</v>
      </c>
      <c r="G13243" s="16">
        <v>9.5572748909673877E-2</v>
      </c>
    </row>
    <row r="13244" spans="1:7" x14ac:dyDescent="0.3">
      <c r="A13244" s="13" t="s">
        <v>100</v>
      </c>
      <c r="B13244" s="14" t="s">
        <v>1</v>
      </c>
      <c r="C13244" s="14" t="s">
        <v>101</v>
      </c>
      <c r="D13244" s="14" t="s">
        <v>92</v>
      </c>
      <c r="E13244" s="15">
        <v>45480</v>
      </c>
      <c r="F13244" s="14" t="s">
        <v>28</v>
      </c>
      <c r="G13244" s="16">
        <v>9.5572748909673877E-2</v>
      </c>
    </row>
    <row r="13245" spans="1:7" x14ac:dyDescent="0.3">
      <c r="A13245" s="13" t="s">
        <v>100</v>
      </c>
      <c r="B13245" s="14" t="s">
        <v>1</v>
      </c>
      <c r="C13245" s="14" t="s">
        <v>101</v>
      </c>
      <c r="D13245" s="14" t="s">
        <v>92</v>
      </c>
      <c r="E13245" s="15">
        <v>45481</v>
      </c>
      <c r="F13245" s="14" t="s">
        <v>28</v>
      </c>
      <c r="G13245" s="16">
        <v>8.9547859180205927E-2</v>
      </c>
    </row>
    <row r="13246" spans="1:7" x14ac:dyDescent="0.3">
      <c r="A13246" s="13" t="s">
        <v>100</v>
      </c>
      <c r="B13246" s="14" t="s">
        <v>1</v>
      </c>
      <c r="C13246" s="14" t="s">
        <v>101</v>
      </c>
      <c r="D13246" s="14" t="s">
        <v>92</v>
      </c>
      <c r="E13246" s="15">
        <v>45482</v>
      </c>
      <c r="F13246" s="14" t="s">
        <v>28</v>
      </c>
      <c r="G13246" s="16">
        <v>6.997527870709834E-2</v>
      </c>
    </row>
    <row r="13247" spans="1:7" x14ac:dyDescent="0.3">
      <c r="A13247" s="13" t="s">
        <v>100</v>
      </c>
      <c r="B13247" s="14" t="s">
        <v>1</v>
      </c>
      <c r="C13247" s="14" t="s">
        <v>101</v>
      </c>
      <c r="D13247" s="14" t="s">
        <v>92</v>
      </c>
      <c r="E13247" s="15">
        <v>45483</v>
      </c>
      <c r="F13247" s="14" t="s">
        <v>28</v>
      </c>
      <c r="G13247" s="16">
        <v>6.2416184847040368E-2</v>
      </c>
    </row>
    <row r="13248" spans="1:7" x14ac:dyDescent="0.3">
      <c r="A13248" s="13" t="s">
        <v>100</v>
      </c>
      <c r="B13248" s="14" t="s">
        <v>1</v>
      </c>
      <c r="C13248" s="14" t="s">
        <v>101</v>
      </c>
      <c r="D13248" s="14" t="s">
        <v>92</v>
      </c>
      <c r="E13248" s="15">
        <v>45484</v>
      </c>
      <c r="F13248" s="14" t="s">
        <v>28</v>
      </c>
      <c r="G13248" s="16">
        <v>5.470288784490078E-2</v>
      </c>
    </row>
    <row r="13249" spans="1:7" x14ac:dyDescent="0.3">
      <c r="A13249" s="13" t="s">
        <v>100</v>
      </c>
      <c r="B13249" s="14" t="s">
        <v>1</v>
      </c>
      <c r="C13249" s="14" t="s">
        <v>101</v>
      </c>
      <c r="D13249" s="14" t="s">
        <v>92</v>
      </c>
      <c r="E13249" s="15">
        <v>45485</v>
      </c>
      <c r="F13249" s="14" t="s">
        <v>28</v>
      </c>
      <c r="G13249" s="16">
        <v>5.5264991850773139E-2</v>
      </c>
    </row>
    <row r="13250" spans="1:7" x14ac:dyDescent="0.3">
      <c r="A13250" s="13" t="s">
        <v>100</v>
      </c>
      <c r="B13250" s="14" t="s">
        <v>1</v>
      </c>
      <c r="C13250" s="14" t="s">
        <v>101</v>
      </c>
      <c r="D13250" s="14" t="s">
        <v>92</v>
      </c>
      <c r="E13250" s="15">
        <v>45486</v>
      </c>
      <c r="F13250" s="14" t="s">
        <v>28</v>
      </c>
      <c r="G13250" s="16">
        <v>5.5264991850773139E-2</v>
      </c>
    </row>
    <row r="13251" spans="1:7" x14ac:dyDescent="0.3">
      <c r="A13251" s="13" t="s">
        <v>100</v>
      </c>
      <c r="B13251" s="14" t="s">
        <v>1</v>
      </c>
      <c r="C13251" s="14" t="s">
        <v>101</v>
      </c>
      <c r="D13251" s="14" t="s">
        <v>92</v>
      </c>
      <c r="E13251" s="15">
        <v>45487</v>
      </c>
      <c r="F13251" s="14" t="s">
        <v>28</v>
      </c>
      <c r="G13251" s="16">
        <v>5.5264991850773139E-2</v>
      </c>
    </row>
    <row r="13252" spans="1:7" x14ac:dyDescent="0.3">
      <c r="A13252" s="13" t="s">
        <v>100</v>
      </c>
      <c r="B13252" s="14" t="s">
        <v>1</v>
      </c>
      <c r="C13252" s="14" t="s">
        <v>101</v>
      </c>
      <c r="D13252" s="14" t="s">
        <v>92</v>
      </c>
      <c r="E13252" s="15">
        <v>45488</v>
      </c>
      <c r="F13252" s="14" t="s">
        <v>28</v>
      </c>
      <c r="G13252" s="16">
        <v>5.3325784727970248E-2</v>
      </c>
    </row>
    <row r="13253" spans="1:7" x14ac:dyDescent="0.3">
      <c r="A13253" s="13" t="s">
        <v>100</v>
      </c>
      <c r="B13253" s="14" t="s">
        <v>1</v>
      </c>
      <c r="C13253" s="14" t="s">
        <v>101</v>
      </c>
      <c r="D13253" s="14" t="s">
        <v>92</v>
      </c>
      <c r="E13253" s="15">
        <v>45489</v>
      </c>
      <c r="F13253" s="14" t="s">
        <v>28</v>
      </c>
      <c r="G13253" s="16">
        <v>3.3806491718871387E-2</v>
      </c>
    </row>
    <row r="13254" spans="1:7" x14ac:dyDescent="0.3">
      <c r="A13254" s="13" t="s">
        <v>100</v>
      </c>
      <c r="B13254" s="14" t="s">
        <v>1</v>
      </c>
      <c r="C13254" s="14" t="s">
        <v>101</v>
      </c>
      <c r="D13254" s="14" t="s">
        <v>92</v>
      </c>
      <c r="E13254" s="15">
        <v>45490</v>
      </c>
      <c r="F13254" s="14" t="s">
        <v>28</v>
      </c>
      <c r="G13254" s="16">
        <v>2.6308504182495966E-2</v>
      </c>
    </row>
    <row r="13255" spans="1:7" x14ac:dyDescent="0.3">
      <c r="A13255" s="13" t="s">
        <v>100</v>
      </c>
      <c r="B13255" s="14" t="s">
        <v>1</v>
      </c>
      <c r="C13255" s="14" t="s">
        <v>101</v>
      </c>
      <c r="D13255" s="14" t="s">
        <v>92</v>
      </c>
      <c r="E13255" s="15">
        <v>45491</v>
      </c>
      <c r="F13255" s="14" t="s">
        <v>28</v>
      </c>
      <c r="G13255" s="16">
        <v>1.8931867424969034E-2</v>
      </c>
    </row>
    <row r="13256" spans="1:7" x14ac:dyDescent="0.3">
      <c r="A13256" s="13" t="s">
        <v>100</v>
      </c>
      <c r="B13256" s="14" t="s">
        <v>1</v>
      </c>
      <c r="C13256" s="14" t="s">
        <v>101</v>
      </c>
      <c r="D13256" s="14" t="s">
        <v>92</v>
      </c>
      <c r="E13256" s="15">
        <v>45492</v>
      </c>
      <c r="F13256" s="14" t="s">
        <v>28</v>
      </c>
      <c r="G13256" s="16">
        <v>1.9576541259263978E-2</v>
      </c>
    </row>
    <row r="13257" spans="1:7" x14ac:dyDescent="0.3">
      <c r="A13257" s="13" t="s">
        <v>100</v>
      </c>
      <c r="B13257" s="14" t="s">
        <v>1</v>
      </c>
      <c r="C13257" s="14" t="s">
        <v>101</v>
      </c>
      <c r="D13257" s="14" t="s">
        <v>92</v>
      </c>
      <c r="E13257" s="15">
        <v>45493</v>
      </c>
      <c r="F13257" s="14" t="s">
        <v>28</v>
      </c>
      <c r="G13257" s="16">
        <v>1.9576541259263978E-2</v>
      </c>
    </row>
    <row r="13258" spans="1:7" x14ac:dyDescent="0.3">
      <c r="A13258" s="13" t="s">
        <v>100</v>
      </c>
      <c r="B13258" s="14" t="s">
        <v>1</v>
      </c>
      <c r="C13258" s="14" t="s">
        <v>101</v>
      </c>
      <c r="D13258" s="14" t="s">
        <v>92</v>
      </c>
      <c r="E13258" s="15">
        <v>45494</v>
      </c>
      <c r="F13258" s="14" t="s">
        <v>28</v>
      </c>
      <c r="G13258" s="16">
        <v>1.9576541259263978E-2</v>
      </c>
    </row>
    <row r="13259" spans="1:7" x14ac:dyDescent="0.3">
      <c r="A13259" s="13" t="s">
        <v>100</v>
      </c>
      <c r="B13259" s="14" t="s">
        <v>1</v>
      </c>
      <c r="C13259" s="14" t="s">
        <v>101</v>
      </c>
      <c r="D13259" s="14" t="s">
        <v>92</v>
      </c>
      <c r="E13259" s="15">
        <v>45495</v>
      </c>
      <c r="F13259" s="14" t="s">
        <v>28</v>
      </c>
      <c r="G13259" s="16">
        <v>1.2143234352536827E-2</v>
      </c>
    </row>
    <row r="13260" spans="1:7" x14ac:dyDescent="0.3">
      <c r="A13260" s="13" t="s">
        <v>100</v>
      </c>
      <c r="B13260" s="14" t="s">
        <v>1</v>
      </c>
      <c r="C13260" s="14" t="s">
        <v>101</v>
      </c>
      <c r="D13260" s="14" t="s">
        <v>92</v>
      </c>
      <c r="E13260" s="15">
        <v>45496</v>
      </c>
      <c r="F13260" s="14" t="s">
        <v>28</v>
      </c>
      <c r="G13260" s="16">
        <v>0</v>
      </c>
    </row>
    <row r="13261" spans="1:7" x14ac:dyDescent="0.3">
      <c r="A13261" s="13" t="s">
        <v>100</v>
      </c>
      <c r="B13261" s="14" t="s">
        <v>1</v>
      </c>
      <c r="C13261" s="14" t="s">
        <v>101</v>
      </c>
      <c r="D13261" s="14" t="s">
        <v>92</v>
      </c>
      <c r="E13261" s="15">
        <v>45497</v>
      </c>
      <c r="F13261" s="14" t="s">
        <v>28</v>
      </c>
      <c r="G13261" s="16">
        <v>0</v>
      </c>
    </row>
    <row r="13262" spans="1:7" x14ac:dyDescent="0.3">
      <c r="A13262" s="13" t="s">
        <v>100</v>
      </c>
      <c r="B13262" s="14" t="s">
        <v>1</v>
      </c>
      <c r="C13262" s="14" t="s">
        <v>101</v>
      </c>
      <c r="D13262" s="14" t="s">
        <v>92</v>
      </c>
      <c r="E13262" s="15">
        <v>45498</v>
      </c>
      <c r="F13262" s="14" t="s">
        <v>28</v>
      </c>
      <c r="G13262" s="16">
        <v>0</v>
      </c>
    </row>
    <row r="13263" spans="1:7" x14ac:dyDescent="0.3">
      <c r="A13263" s="13" t="s">
        <v>100</v>
      </c>
      <c r="B13263" s="14" t="s">
        <v>1</v>
      </c>
      <c r="C13263" s="14" t="s">
        <v>101</v>
      </c>
      <c r="D13263" s="14" t="s">
        <v>92</v>
      </c>
      <c r="E13263" s="15">
        <v>45499</v>
      </c>
      <c r="F13263" s="14" t="s">
        <v>28</v>
      </c>
      <c r="G13263" s="16">
        <v>3.0724819111238557E-2</v>
      </c>
    </row>
    <row r="13264" spans="1:7" x14ac:dyDescent="0.3">
      <c r="A13264" s="13" t="s">
        <v>100</v>
      </c>
      <c r="B13264" s="14" t="s">
        <v>1</v>
      </c>
      <c r="C13264" s="14" t="s">
        <v>101</v>
      </c>
      <c r="D13264" s="14" t="s">
        <v>92</v>
      </c>
      <c r="E13264" s="15">
        <v>45500</v>
      </c>
      <c r="F13264" s="14" t="s">
        <v>28</v>
      </c>
      <c r="G13264" s="16">
        <v>3.0724819111238557E-2</v>
      </c>
    </row>
    <row r="13265" spans="1:7" x14ac:dyDescent="0.3">
      <c r="A13265" s="13" t="s">
        <v>100</v>
      </c>
      <c r="B13265" s="14" t="s">
        <v>1</v>
      </c>
      <c r="C13265" s="14" t="s">
        <v>101</v>
      </c>
      <c r="D13265" s="14" t="s">
        <v>92</v>
      </c>
      <c r="E13265" s="15">
        <v>45501</v>
      </c>
      <c r="F13265" s="14" t="s">
        <v>28</v>
      </c>
      <c r="G13265" s="16">
        <v>3.0724819111238557E-2</v>
      </c>
    </row>
    <row r="13266" spans="1:7" x14ac:dyDescent="0.3">
      <c r="A13266" s="13" t="s">
        <v>100</v>
      </c>
      <c r="B13266" s="14" t="s">
        <v>1</v>
      </c>
      <c r="C13266" s="14" t="s">
        <v>101</v>
      </c>
      <c r="D13266" s="14" t="s">
        <v>92</v>
      </c>
      <c r="E13266" s="15">
        <v>45502</v>
      </c>
      <c r="F13266" s="14" t="s">
        <v>28</v>
      </c>
      <c r="G13266" s="16">
        <v>3.004428440925485E-2</v>
      </c>
    </row>
    <row r="13267" spans="1:7" x14ac:dyDescent="0.3">
      <c r="A13267" s="13" t="s">
        <v>100</v>
      </c>
      <c r="B13267" s="14" t="s">
        <v>1</v>
      </c>
      <c r="C13267" s="14" t="s">
        <v>101</v>
      </c>
      <c r="D13267" s="14" t="s">
        <v>92</v>
      </c>
      <c r="E13267" s="15">
        <v>45503</v>
      </c>
      <c r="F13267" s="14" t="s">
        <v>28</v>
      </c>
      <c r="G13267" s="16">
        <v>1.1854606286292656E-2</v>
      </c>
    </row>
    <row r="13268" spans="1:7" x14ac:dyDescent="0.3">
      <c r="A13268" s="13" t="s">
        <v>100</v>
      </c>
      <c r="B13268" s="14" t="s">
        <v>1</v>
      </c>
      <c r="C13268" s="14" t="s">
        <v>101</v>
      </c>
      <c r="D13268" s="14" t="s">
        <v>92</v>
      </c>
      <c r="E13268" s="15">
        <v>45504</v>
      </c>
      <c r="F13268" s="14" t="s">
        <v>28</v>
      </c>
      <c r="G13268" s="16">
        <v>4.4079148877539014E-3</v>
      </c>
    </row>
    <row r="13269" spans="1:7" x14ac:dyDescent="0.3">
      <c r="A13269" s="13" t="s">
        <v>100</v>
      </c>
      <c r="B13269" s="14" t="s">
        <v>1</v>
      </c>
      <c r="C13269" s="14" t="s">
        <v>101</v>
      </c>
      <c r="D13269" s="14" t="s">
        <v>92</v>
      </c>
      <c r="E13269" s="15">
        <v>45505</v>
      </c>
      <c r="F13269" s="14" t="s">
        <v>28</v>
      </c>
      <c r="G13269" s="16">
        <v>6.3733008587357962E-3</v>
      </c>
    </row>
    <row r="13270" spans="1:7" x14ac:dyDescent="0.3">
      <c r="A13270" s="13" t="s">
        <v>100</v>
      </c>
      <c r="B13270" s="14" t="s">
        <v>1</v>
      </c>
      <c r="C13270" s="14" t="s">
        <v>101</v>
      </c>
      <c r="D13270" s="14" t="s">
        <v>92</v>
      </c>
      <c r="E13270" s="15">
        <v>45506</v>
      </c>
      <c r="F13270" s="14" t="s">
        <v>28</v>
      </c>
      <c r="G13270" s="16">
        <v>0</v>
      </c>
    </row>
    <row r="13271" spans="1:7" x14ac:dyDescent="0.3">
      <c r="A13271" s="13" t="s">
        <v>100</v>
      </c>
      <c r="B13271" s="14" t="s">
        <v>1</v>
      </c>
      <c r="C13271" s="14" t="s">
        <v>101</v>
      </c>
      <c r="D13271" s="14" t="s">
        <v>92</v>
      </c>
      <c r="E13271" s="15">
        <v>45507</v>
      </c>
      <c r="F13271" s="14" t="s">
        <v>28</v>
      </c>
      <c r="G13271" s="16">
        <v>0</v>
      </c>
    </row>
    <row r="13272" spans="1:7" x14ac:dyDescent="0.3">
      <c r="A13272" s="13" t="s">
        <v>100</v>
      </c>
      <c r="B13272" s="14" t="s">
        <v>1</v>
      </c>
      <c r="C13272" s="14" t="s">
        <v>101</v>
      </c>
      <c r="D13272" s="14" t="s">
        <v>92</v>
      </c>
      <c r="E13272" s="15">
        <v>45508</v>
      </c>
      <c r="F13272" s="14" t="s">
        <v>28</v>
      </c>
      <c r="G13272" s="16">
        <v>0</v>
      </c>
    </row>
    <row r="13273" spans="1:7" x14ac:dyDescent="0.3">
      <c r="A13273" s="13" t="s">
        <v>100</v>
      </c>
      <c r="B13273" s="14" t="s">
        <v>1</v>
      </c>
      <c r="C13273" s="14" t="s">
        <v>101</v>
      </c>
      <c r="D13273" s="14" t="s">
        <v>92</v>
      </c>
      <c r="E13273" s="15">
        <v>45509</v>
      </c>
      <c r="F13273" s="14" t="s">
        <v>28</v>
      </c>
      <c r="G13273" s="16">
        <v>0</v>
      </c>
    </row>
    <row r="13274" spans="1:7" x14ac:dyDescent="0.3">
      <c r="A13274" s="13" t="s">
        <v>100</v>
      </c>
      <c r="B13274" s="14" t="s">
        <v>1</v>
      </c>
      <c r="C13274" s="14" t="s">
        <v>101</v>
      </c>
      <c r="D13274" s="14" t="s">
        <v>92</v>
      </c>
      <c r="E13274" s="15">
        <v>45510</v>
      </c>
      <c r="F13274" s="14" t="s">
        <v>28</v>
      </c>
      <c r="G13274" s="16">
        <v>0</v>
      </c>
    </row>
    <row r="13275" spans="1:7" x14ac:dyDescent="0.3">
      <c r="A13275" s="13" t="s">
        <v>100</v>
      </c>
      <c r="B13275" s="14" t="s">
        <v>1</v>
      </c>
      <c r="C13275" s="14" t="s">
        <v>101</v>
      </c>
      <c r="D13275" s="14" t="s">
        <v>92</v>
      </c>
      <c r="E13275" s="15">
        <v>45511</v>
      </c>
      <c r="F13275" s="14" t="s">
        <v>28</v>
      </c>
      <c r="G13275" s="16">
        <v>0</v>
      </c>
    </row>
    <row r="13276" spans="1:7" x14ac:dyDescent="0.3">
      <c r="A13276" s="13" t="s">
        <v>100</v>
      </c>
      <c r="B13276" s="14" t="s">
        <v>1</v>
      </c>
      <c r="C13276" s="14" t="s">
        <v>101</v>
      </c>
      <c r="D13276" s="14" t="s">
        <v>92</v>
      </c>
      <c r="E13276" s="15">
        <v>45512</v>
      </c>
      <c r="F13276" s="14" t="s">
        <v>28</v>
      </c>
      <c r="G13276" s="16">
        <v>0</v>
      </c>
    </row>
    <row r="13277" spans="1:7" x14ac:dyDescent="0.3">
      <c r="A13277" s="13" t="s">
        <v>100</v>
      </c>
      <c r="B13277" s="14" t="s">
        <v>1</v>
      </c>
      <c r="C13277" s="14" t="s">
        <v>101</v>
      </c>
      <c r="D13277" s="14" t="s">
        <v>92</v>
      </c>
      <c r="E13277" s="15">
        <v>45513</v>
      </c>
      <c r="F13277" s="14" t="s">
        <v>28</v>
      </c>
      <c r="G13277" s="16">
        <v>0</v>
      </c>
    </row>
    <row r="13278" spans="1:7" x14ac:dyDescent="0.3">
      <c r="A13278" s="13" t="s">
        <v>100</v>
      </c>
      <c r="B13278" s="14" t="s">
        <v>1</v>
      </c>
      <c r="C13278" s="14" t="s">
        <v>101</v>
      </c>
      <c r="D13278" s="14" t="s">
        <v>92</v>
      </c>
      <c r="E13278" s="15">
        <v>45514</v>
      </c>
      <c r="F13278" s="14" t="s">
        <v>28</v>
      </c>
      <c r="G13278" s="16">
        <v>0</v>
      </c>
    </row>
    <row r="13279" spans="1:7" x14ac:dyDescent="0.3">
      <c r="A13279" s="13" t="s">
        <v>100</v>
      </c>
      <c r="B13279" s="14" t="s">
        <v>1</v>
      </c>
      <c r="C13279" s="14" t="s">
        <v>101</v>
      </c>
      <c r="D13279" s="14" t="s">
        <v>92</v>
      </c>
      <c r="E13279" s="15">
        <v>45515</v>
      </c>
      <c r="F13279" s="14" t="s">
        <v>28</v>
      </c>
      <c r="G13279" s="16">
        <v>0</v>
      </c>
    </row>
    <row r="13280" spans="1:7" x14ac:dyDescent="0.3">
      <c r="A13280" s="13" t="s">
        <v>100</v>
      </c>
      <c r="B13280" s="14" t="s">
        <v>1</v>
      </c>
      <c r="C13280" s="14" t="s">
        <v>101</v>
      </c>
      <c r="D13280" s="14" t="s">
        <v>92</v>
      </c>
      <c r="E13280" s="15">
        <v>45516</v>
      </c>
      <c r="F13280" s="14" t="s">
        <v>28</v>
      </c>
      <c r="G13280" s="16">
        <v>0</v>
      </c>
    </row>
    <row r="13281" spans="1:7" x14ac:dyDescent="0.3">
      <c r="A13281" s="13" t="s">
        <v>100</v>
      </c>
      <c r="B13281" s="14" t="s">
        <v>1</v>
      </c>
      <c r="C13281" s="14" t="s">
        <v>101</v>
      </c>
      <c r="D13281" s="14" t="s">
        <v>92</v>
      </c>
      <c r="E13281" s="15">
        <v>45517</v>
      </c>
      <c r="F13281" s="14" t="s">
        <v>28</v>
      </c>
      <c r="G13281" s="16">
        <v>0</v>
      </c>
    </row>
    <row r="13282" spans="1:7" x14ac:dyDescent="0.3">
      <c r="A13282" s="13" t="s">
        <v>100</v>
      </c>
      <c r="B13282" s="14" t="s">
        <v>1</v>
      </c>
      <c r="C13282" s="14" t="s">
        <v>101</v>
      </c>
      <c r="D13282" s="14" t="s">
        <v>92</v>
      </c>
      <c r="E13282" s="15">
        <v>45518</v>
      </c>
      <c r="F13282" s="14" t="s">
        <v>28</v>
      </c>
      <c r="G13282" s="16">
        <v>0</v>
      </c>
    </row>
    <row r="13283" spans="1:7" x14ac:dyDescent="0.3">
      <c r="A13283" s="13" t="s">
        <v>100</v>
      </c>
      <c r="B13283" s="14" t="s">
        <v>1</v>
      </c>
      <c r="C13283" s="14" t="s">
        <v>101</v>
      </c>
      <c r="D13283" s="14" t="s">
        <v>92</v>
      </c>
      <c r="E13283" s="15">
        <v>45519</v>
      </c>
      <c r="F13283" s="14" t="s">
        <v>28</v>
      </c>
      <c r="G13283" s="16">
        <v>0</v>
      </c>
    </row>
    <row r="13284" spans="1:7" x14ac:dyDescent="0.3">
      <c r="A13284" s="13" t="s">
        <v>100</v>
      </c>
      <c r="B13284" s="14" t="s">
        <v>1</v>
      </c>
      <c r="C13284" s="14" t="s">
        <v>101</v>
      </c>
      <c r="D13284" s="14" t="s">
        <v>92</v>
      </c>
      <c r="E13284" s="15">
        <v>45520</v>
      </c>
      <c r="F13284" s="14" t="s">
        <v>28</v>
      </c>
      <c r="G13284" s="16">
        <v>0</v>
      </c>
    </row>
    <row r="13285" spans="1:7" x14ac:dyDescent="0.3">
      <c r="A13285" s="13" t="s">
        <v>100</v>
      </c>
      <c r="B13285" s="14" t="s">
        <v>1</v>
      </c>
      <c r="C13285" s="14" t="s">
        <v>101</v>
      </c>
      <c r="D13285" s="14" t="s">
        <v>92</v>
      </c>
      <c r="E13285" s="15">
        <v>45521</v>
      </c>
      <c r="F13285" s="14" t="s">
        <v>28</v>
      </c>
      <c r="G13285" s="16">
        <v>0</v>
      </c>
    </row>
    <row r="13286" spans="1:7" x14ac:dyDescent="0.3">
      <c r="A13286" s="13" t="s">
        <v>100</v>
      </c>
      <c r="B13286" s="14" t="s">
        <v>1</v>
      </c>
      <c r="C13286" s="14" t="s">
        <v>101</v>
      </c>
      <c r="D13286" s="14" t="s">
        <v>92</v>
      </c>
      <c r="E13286" s="15">
        <v>45522</v>
      </c>
      <c r="F13286" s="14" t="s">
        <v>28</v>
      </c>
      <c r="G13286" s="16">
        <v>0</v>
      </c>
    </row>
    <row r="13287" spans="1:7" x14ac:dyDescent="0.3">
      <c r="A13287" s="13" t="s">
        <v>100</v>
      </c>
      <c r="B13287" s="14" t="s">
        <v>1</v>
      </c>
      <c r="C13287" s="14" t="s">
        <v>101</v>
      </c>
      <c r="D13287" s="14" t="s">
        <v>92</v>
      </c>
      <c r="E13287" s="15">
        <v>45523</v>
      </c>
      <c r="F13287" s="14" t="s">
        <v>28</v>
      </c>
      <c r="G13287" s="16">
        <v>0</v>
      </c>
    </row>
    <row r="13288" spans="1:7" x14ac:dyDescent="0.3">
      <c r="A13288" s="13" t="s">
        <v>100</v>
      </c>
      <c r="B13288" s="14" t="s">
        <v>1</v>
      </c>
      <c r="C13288" s="14" t="s">
        <v>101</v>
      </c>
      <c r="D13288" s="14" t="s">
        <v>92</v>
      </c>
      <c r="E13288" s="15">
        <v>45524</v>
      </c>
      <c r="F13288" s="14" t="s">
        <v>28</v>
      </c>
      <c r="G13288" s="16">
        <v>0</v>
      </c>
    </row>
    <row r="13289" spans="1:7" x14ac:dyDescent="0.3">
      <c r="A13289" s="13" t="s">
        <v>100</v>
      </c>
      <c r="B13289" s="14" t="s">
        <v>1</v>
      </c>
      <c r="C13289" s="14" t="s">
        <v>101</v>
      </c>
      <c r="D13289" s="14" t="s">
        <v>92</v>
      </c>
      <c r="E13289" s="15">
        <v>45525</v>
      </c>
      <c r="F13289" s="14" t="s">
        <v>28</v>
      </c>
      <c r="G13289" s="16">
        <v>0</v>
      </c>
    </row>
    <row r="13290" spans="1:7" x14ac:dyDescent="0.3">
      <c r="A13290" s="13" t="s">
        <v>100</v>
      </c>
      <c r="B13290" s="14" t="s">
        <v>1</v>
      </c>
      <c r="C13290" s="14" t="s">
        <v>101</v>
      </c>
      <c r="D13290" s="14" t="s">
        <v>92</v>
      </c>
      <c r="E13290" s="15">
        <v>45526</v>
      </c>
      <c r="F13290" s="14" t="s">
        <v>28</v>
      </c>
      <c r="G13290" s="16">
        <v>0</v>
      </c>
    </row>
    <row r="13291" spans="1:7" x14ac:dyDescent="0.3">
      <c r="A13291" s="13" t="s">
        <v>100</v>
      </c>
      <c r="B13291" s="14" t="s">
        <v>1</v>
      </c>
      <c r="C13291" s="14" t="s">
        <v>101</v>
      </c>
      <c r="D13291" s="14" t="s">
        <v>92</v>
      </c>
      <c r="E13291" s="15">
        <v>45527</v>
      </c>
      <c r="F13291" s="14" t="s">
        <v>28</v>
      </c>
      <c r="G13291" s="16">
        <v>0</v>
      </c>
    </row>
    <row r="13292" spans="1:7" x14ac:dyDescent="0.3">
      <c r="A13292" s="13" t="s">
        <v>100</v>
      </c>
      <c r="B13292" s="14" t="s">
        <v>1</v>
      </c>
      <c r="C13292" s="14" t="s">
        <v>101</v>
      </c>
      <c r="D13292" s="14" t="s">
        <v>92</v>
      </c>
      <c r="E13292" s="15">
        <v>45528</v>
      </c>
      <c r="F13292" s="14" t="s">
        <v>28</v>
      </c>
      <c r="G13292" s="16">
        <v>0</v>
      </c>
    </row>
    <row r="13293" spans="1:7" x14ac:dyDescent="0.3">
      <c r="A13293" s="13" t="s">
        <v>100</v>
      </c>
      <c r="B13293" s="14" t="s">
        <v>1</v>
      </c>
      <c r="C13293" s="14" t="s">
        <v>101</v>
      </c>
      <c r="D13293" s="14" t="s">
        <v>92</v>
      </c>
      <c r="E13293" s="15">
        <v>45529</v>
      </c>
      <c r="F13293" s="14" t="s">
        <v>28</v>
      </c>
      <c r="G13293" s="16">
        <v>0</v>
      </c>
    </row>
    <row r="13294" spans="1:7" x14ac:dyDescent="0.3">
      <c r="A13294" s="13" t="s">
        <v>100</v>
      </c>
      <c r="B13294" s="14" t="s">
        <v>1</v>
      </c>
      <c r="C13294" s="14" t="s">
        <v>101</v>
      </c>
      <c r="D13294" s="14" t="s">
        <v>92</v>
      </c>
      <c r="E13294" s="15">
        <v>45530</v>
      </c>
      <c r="F13294" s="14" t="s">
        <v>28</v>
      </c>
      <c r="G13294" s="16">
        <v>0</v>
      </c>
    </row>
    <row r="13295" spans="1:7" x14ac:dyDescent="0.3">
      <c r="A13295" s="13" t="s">
        <v>100</v>
      </c>
      <c r="B13295" s="14" t="s">
        <v>1</v>
      </c>
      <c r="C13295" s="14" t="s">
        <v>101</v>
      </c>
      <c r="D13295" s="14" t="s">
        <v>92</v>
      </c>
      <c r="E13295" s="15">
        <v>45531</v>
      </c>
      <c r="F13295" s="14" t="s">
        <v>28</v>
      </c>
      <c r="G13295" s="16">
        <v>0</v>
      </c>
    </row>
    <row r="13296" spans="1:7" x14ac:dyDescent="0.3">
      <c r="A13296" s="13" t="s">
        <v>100</v>
      </c>
      <c r="B13296" s="14" t="s">
        <v>1</v>
      </c>
      <c r="C13296" s="14" t="s">
        <v>101</v>
      </c>
      <c r="D13296" s="14" t="s">
        <v>92</v>
      </c>
      <c r="E13296" s="15">
        <v>45532</v>
      </c>
      <c r="F13296" s="14" t="s">
        <v>28</v>
      </c>
      <c r="G13296" s="16">
        <v>0</v>
      </c>
    </row>
    <row r="13297" spans="1:7" x14ac:dyDescent="0.3">
      <c r="A13297" s="13" t="s">
        <v>100</v>
      </c>
      <c r="B13297" s="14" t="s">
        <v>1</v>
      </c>
      <c r="C13297" s="14" t="s">
        <v>101</v>
      </c>
      <c r="D13297" s="14" t="s">
        <v>92</v>
      </c>
      <c r="E13297" s="15">
        <v>45533</v>
      </c>
      <c r="F13297" s="14" t="s">
        <v>28</v>
      </c>
      <c r="G13297" s="16">
        <v>0</v>
      </c>
    </row>
    <row r="13298" spans="1:7" x14ac:dyDescent="0.3">
      <c r="A13298" s="13" t="s">
        <v>100</v>
      </c>
      <c r="B13298" s="14" t="s">
        <v>1</v>
      </c>
      <c r="C13298" s="14" t="s">
        <v>101</v>
      </c>
      <c r="D13298" s="14" t="s">
        <v>92</v>
      </c>
      <c r="E13298" s="15">
        <v>45534</v>
      </c>
      <c r="F13298" s="14" t="s">
        <v>28</v>
      </c>
      <c r="G13298" s="16">
        <v>0</v>
      </c>
    </row>
    <row r="13299" spans="1:7" x14ac:dyDescent="0.3">
      <c r="A13299" s="13" t="s">
        <v>100</v>
      </c>
      <c r="B13299" s="14" t="s">
        <v>1</v>
      </c>
      <c r="C13299" s="14" t="s">
        <v>101</v>
      </c>
      <c r="D13299" s="14" t="s">
        <v>92</v>
      </c>
      <c r="E13299" s="15">
        <v>45535</v>
      </c>
      <c r="F13299" s="14" t="s">
        <v>28</v>
      </c>
      <c r="G13299" s="16">
        <v>0</v>
      </c>
    </row>
    <row r="13300" spans="1:7" x14ac:dyDescent="0.3">
      <c r="A13300" s="13" t="s">
        <v>100</v>
      </c>
      <c r="B13300" s="14" t="s">
        <v>1</v>
      </c>
      <c r="C13300" s="14" t="s">
        <v>101</v>
      </c>
      <c r="D13300" s="14" t="s">
        <v>92</v>
      </c>
      <c r="E13300" s="15">
        <v>45536</v>
      </c>
      <c r="F13300" s="14" t="s">
        <v>28</v>
      </c>
      <c r="G13300" s="16">
        <v>0</v>
      </c>
    </row>
    <row r="13301" spans="1:7" x14ac:dyDescent="0.3">
      <c r="A13301" s="13" t="s">
        <v>100</v>
      </c>
      <c r="B13301" s="14" t="s">
        <v>1</v>
      </c>
      <c r="C13301" s="14" t="s">
        <v>101</v>
      </c>
      <c r="D13301" s="14" t="s">
        <v>92</v>
      </c>
      <c r="E13301" s="15">
        <v>45537</v>
      </c>
      <c r="F13301" s="14" t="s">
        <v>28</v>
      </c>
      <c r="G13301" s="16">
        <v>0</v>
      </c>
    </row>
    <row r="13302" spans="1:7" x14ac:dyDescent="0.3">
      <c r="A13302" s="13" t="s">
        <v>100</v>
      </c>
      <c r="B13302" s="14" t="s">
        <v>1</v>
      </c>
      <c r="C13302" s="14" t="s">
        <v>101</v>
      </c>
      <c r="D13302" s="14" t="s">
        <v>92</v>
      </c>
      <c r="E13302" s="15">
        <v>45538</v>
      </c>
      <c r="F13302" s="14" t="s">
        <v>28</v>
      </c>
      <c r="G13302" s="16">
        <v>0</v>
      </c>
    </row>
    <row r="13303" spans="1:7" x14ac:dyDescent="0.3">
      <c r="A13303" s="13" t="s">
        <v>100</v>
      </c>
      <c r="B13303" s="14" t="s">
        <v>1</v>
      </c>
      <c r="C13303" s="14" t="s">
        <v>101</v>
      </c>
      <c r="D13303" s="14" t="s">
        <v>92</v>
      </c>
      <c r="E13303" s="15">
        <v>45539</v>
      </c>
      <c r="F13303" s="14" t="s">
        <v>28</v>
      </c>
      <c r="G13303" s="16">
        <v>0</v>
      </c>
    </row>
    <row r="13304" spans="1:7" x14ac:dyDescent="0.3">
      <c r="A13304" s="13" t="s">
        <v>100</v>
      </c>
      <c r="B13304" s="14" t="s">
        <v>1</v>
      </c>
      <c r="C13304" s="14" t="s">
        <v>101</v>
      </c>
      <c r="D13304" s="14" t="s">
        <v>92</v>
      </c>
      <c r="E13304" s="15">
        <v>45540</v>
      </c>
      <c r="F13304" s="14" t="s">
        <v>28</v>
      </c>
      <c r="G13304" s="16">
        <v>0</v>
      </c>
    </row>
    <row r="13305" spans="1:7" x14ac:dyDescent="0.3">
      <c r="A13305" s="13" t="s">
        <v>100</v>
      </c>
      <c r="B13305" s="14" t="s">
        <v>1</v>
      </c>
      <c r="C13305" s="14" t="s">
        <v>101</v>
      </c>
      <c r="D13305" s="14" t="s">
        <v>92</v>
      </c>
      <c r="E13305" s="15">
        <v>45541</v>
      </c>
      <c r="F13305" s="14" t="s">
        <v>28</v>
      </c>
      <c r="G13305" s="16">
        <v>0</v>
      </c>
    </row>
    <row r="13306" spans="1:7" x14ac:dyDescent="0.3">
      <c r="A13306" s="13" t="s">
        <v>100</v>
      </c>
      <c r="B13306" s="14" t="s">
        <v>1</v>
      </c>
      <c r="C13306" s="14" t="s">
        <v>101</v>
      </c>
      <c r="D13306" s="14" t="s">
        <v>92</v>
      </c>
      <c r="E13306" s="15">
        <v>45542</v>
      </c>
      <c r="F13306" s="14" t="s">
        <v>28</v>
      </c>
      <c r="G13306" s="16">
        <v>0</v>
      </c>
    </row>
    <row r="13307" spans="1:7" x14ac:dyDescent="0.3">
      <c r="A13307" s="13" t="s">
        <v>100</v>
      </c>
      <c r="B13307" s="14" t="s">
        <v>1</v>
      </c>
      <c r="C13307" s="14" t="s">
        <v>101</v>
      </c>
      <c r="D13307" s="14" t="s">
        <v>92</v>
      </c>
      <c r="E13307" s="15">
        <v>45543</v>
      </c>
      <c r="F13307" s="14" t="s">
        <v>28</v>
      </c>
      <c r="G13307" s="16">
        <v>0</v>
      </c>
    </row>
    <row r="13308" spans="1:7" x14ac:dyDescent="0.3">
      <c r="A13308" s="13" t="s">
        <v>100</v>
      </c>
      <c r="B13308" s="14" t="s">
        <v>1</v>
      </c>
      <c r="C13308" s="14" t="s">
        <v>101</v>
      </c>
      <c r="D13308" s="14" t="s">
        <v>92</v>
      </c>
      <c r="E13308" s="15">
        <v>45544</v>
      </c>
      <c r="F13308" s="14" t="s">
        <v>28</v>
      </c>
      <c r="G13308" s="16">
        <v>0</v>
      </c>
    </row>
    <row r="13309" spans="1:7" x14ac:dyDescent="0.3">
      <c r="A13309" s="13" t="s">
        <v>100</v>
      </c>
      <c r="B13309" s="14" t="s">
        <v>1</v>
      </c>
      <c r="C13309" s="14" t="s">
        <v>101</v>
      </c>
      <c r="D13309" s="14" t="s">
        <v>92</v>
      </c>
      <c r="E13309" s="15">
        <v>45545</v>
      </c>
      <c r="F13309" s="14" t="s">
        <v>28</v>
      </c>
      <c r="G13309" s="16">
        <v>0</v>
      </c>
    </row>
    <row r="13310" spans="1:7" x14ac:dyDescent="0.3">
      <c r="A13310" s="13" t="s">
        <v>100</v>
      </c>
      <c r="B13310" s="14" t="s">
        <v>1</v>
      </c>
      <c r="C13310" s="14" t="s">
        <v>101</v>
      </c>
      <c r="D13310" s="14" t="s">
        <v>92</v>
      </c>
      <c r="E13310" s="15">
        <v>45546</v>
      </c>
      <c r="F13310" s="14" t="s">
        <v>28</v>
      </c>
      <c r="G13310" s="16">
        <v>0</v>
      </c>
    </row>
    <row r="13311" spans="1:7" x14ac:dyDescent="0.3">
      <c r="A13311" s="13" t="s">
        <v>100</v>
      </c>
      <c r="B13311" s="14" t="s">
        <v>1</v>
      </c>
      <c r="C13311" s="14" t="s">
        <v>101</v>
      </c>
      <c r="D13311" s="14" t="s">
        <v>92</v>
      </c>
      <c r="E13311" s="15">
        <v>45547</v>
      </c>
      <c r="F13311" s="14" t="s">
        <v>28</v>
      </c>
      <c r="G13311" s="16">
        <v>0</v>
      </c>
    </row>
    <row r="13312" spans="1:7" x14ac:dyDescent="0.3">
      <c r="A13312" s="13" t="s">
        <v>100</v>
      </c>
      <c r="B13312" s="14" t="s">
        <v>1</v>
      </c>
      <c r="C13312" s="14" t="s">
        <v>101</v>
      </c>
      <c r="D13312" s="14" t="s">
        <v>92</v>
      </c>
      <c r="E13312" s="15">
        <v>45548</v>
      </c>
      <c r="F13312" s="14" t="s">
        <v>28</v>
      </c>
      <c r="G13312" s="16">
        <v>0</v>
      </c>
    </row>
    <row r="13313" spans="1:7" x14ac:dyDescent="0.3">
      <c r="A13313" s="13" t="s">
        <v>100</v>
      </c>
      <c r="B13313" s="14" t="s">
        <v>1</v>
      </c>
      <c r="C13313" s="14" t="s">
        <v>101</v>
      </c>
      <c r="D13313" s="14" t="s">
        <v>92</v>
      </c>
      <c r="E13313" s="15">
        <v>45549</v>
      </c>
      <c r="F13313" s="14" t="s">
        <v>28</v>
      </c>
      <c r="G13313" s="16">
        <v>0</v>
      </c>
    </row>
    <row r="13314" spans="1:7" x14ac:dyDescent="0.3">
      <c r="A13314" s="13" t="s">
        <v>100</v>
      </c>
      <c r="B13314" s="14" t="s">
        <v>1</v>
      </c>
      <c r="C13314" s="14" t="s">
        <v>101</v>
      </c>
      <c r="D13314" s="14" t="s">
        <v>92</v>
      </c>
      <c r="E13314" s="15">
        <v>45550</v>
      </c>
      <c r="F13314" s="14" t="s">
        <v>28</v>
      </c>
      <c r="G13314" s="16">
        <v>0</v>
      </c>
    </row>
    <row r="13315" spans="1:7" x14ac:dyDescent="0.3">
      <c r="A13315" s="13" t="s">
        <v>100</v>
      </c>
      <c r="B13315" s="14" t="s">
        <v>1</v>
      </c>
      <c r="C13315" s="14" t="s">
        <v>101</v>
      </c>
      <c r="D13315" s="14" t="s">
        <v>92</v>
      </c>
      <c r="E13315" s="15">
        <v>45551</v>
      </c>
      <c r="F13315" s="14" t="s">
        <v>28</v>
      </c>
      <c r="G13315" s="16">
        <v>0</v>
      </c>
    </row>
    <row r="13316" spans="1:7" x14ac:dyDescent="0.3">
      <c r="A13316" s="13" t="s">
        <v>100</v>
      </c>
      <c r="B13316" s="14" t="s">
        <v>1</v>
      </c>
      <c r="C13316" s="14" t="s">
        <v>101</v>
      </c>
      <c r="D13316" s="14" t="s">
        <v>92</v>
      </c>
      <c r="E13316" s="15">
        <v>45552</v>
      </c>
      <c r="F13316" s="14" t="s">
        <v>28</v>
      </c>
      <c r="G13316" s="16">
        <v>0</v>
      </c>
    </row>
    <row r="13317" spans="1:7" x14ac:dyDescent="0.3">
      <c r="A13317" s="13" t="s">
        <v>100</v>
      </c>
      <c r="B13317" s="14" t="s">
        <v>1</v>
      </c>
      <c r="C13317" s="14" t="s">
        <v>101</v>
      </c>
      <c r="D13317" s="14" t="s">
        <v>92</v>
      </c>
      <c r="E13317" s="15">
        <v>45553</v>
      </c>
      <c r="F13317" s="14" t="s">
        <v>28</v>
      </c>
      <c r="G13317" s="16">
        <v>0</v>
      </c>
    </row>
    <row r="13318" spans="1:7" x14ac:dyDescent="0.3">
      <c r="A13318" s="13" t="s">
        <v>100</v>
      </c>
      <c r="B13318" s="14" t="s">
        <v>1</v>
      </c>
      <c r="C13318" s="14" t="s">
        <v>101</v>
      </c>
      <c r="D13318" s="14" t="s">
        <v>92</v>
      </c>
      <c r="E13318" s="15">
        <v>45554</v>
      </c>
      <c r="F13318" s="14" t="s">
        <v>28</v>
      </c>
      <c r="G13318" s="16">
        <v>0</v>
      </c>
    </row>
    <row r="13319" spans="1:7" x14ac:dyDescent="0.3">
      <c r="A13319" s="13" t="s">
        <v>100</v>
      </c>
      <c r="B13319" s="14" t="s">
        <v>1</v>
      </c>
      <c r="C13319" s="14" t="s">
        <v>101</v>
      </c>
      <c r="D13319" s="14" t="s">
        <v>92</v>
      </c>
      <c r="E13319" s="15">
        <v>45555</v>
      </c>
      <c r="F13319" s="14" t="s">
        <v>28</v>
      </c>
      <c r="G13319" s="16">
        <v>0</v>
      </c>
    </row>
    <row r="13320" spans="1:7" x14ac:dyDescent="0.3">
      <c r="A13320" s="13" t="s">
        <v>100</v>
      </c>
      <c r="B13320" s="14" t="s">
        <v>1</v>
      </c>
      <c r="C13320" s="14" t="s">
        <v>101</v>
      </c>
      <c r="D13320" s="14" t="s">
        <v>92</v>
      </c>
      <c r="E13320" s="15">
        <v>45556</v>
      </c>
      <c r="F13320" s="14" t="s">
        <v>28</v>
      </c>
      <c r="G13320" s="16">
        <v>0</v>
      </c>
    </row>
    <row r="13321" spans="1:7" x14ac:dyDescent="0.3">
      <c r="A13321" s="13" t="s">
        <v>100</v>
      </c>
      <c r="B13321" s="14" t="s">
        <v>1</v>
      </c>
      <c r="C13321" s="14" t="s">
        <v>101</v>
      </c>
      <c r="D13321" s="14" t="s">
        <v>92</v>
      </c>
      <c r="E13321" s="15">
        <v>45557</v>
      </c>
      <c r="F13321" s="14" t="s">
        <v>28</v>
      </c>
      <c r="G13321" s="16">
        <v>0</v>
      </c>
    </row>
    <row r="13322" spans="1:7" x14ac:dyDescent="0.3">
      <c r="A13322" s="13" t="s">
        <v>100</v>
      </c>
      <c r="B13322" s="14" t="s">
        <v>1</v>
      </c>
      <c r="C13322" s="14" t="s">
        <v>101</v>
      </c>
      <c r="D13322" s="14" t="s">
        <v>92</v>
      </c>
      <c r="E13322" s="15">
        <v>45558</v>
      </c>
      <c r="F13322" s="14" t="s">
        <v>28</v>
      </c>
      <c r="G13322" s="16">
        <v>0</v>
      </c>
    </row>
    <row r="13323" spans="1:7" x14ac:dyDescent="0.3">
      <c r="A13323" s="13" t="s">
        <v>100</v>
      </c>
      <c r="B13323" s="14" t="s">
        <v>1</v>
      </c>
      <c r="C13323" s="14" t="s">
        <v>101</v>
      </c>
      <c r="D13323" s="14" t="s">
        <v>92</v>
      </c>
      <c r="E13323" s="15">
        <v>45559</v>
      </c>
      <c r="F13323" s="14" t="s">
        <v>28</v>
      </c>
      <c r="G13323" s="16">
        <v>0</v>
      </c>
    </row>
    <row r="13324" spans="1:7" x14ac:dyDescent="0.3">
      <c r="A13324" s="13" t="s">
        <v>100</v>
      </c>
      <c r="B13324" s="14" t="s">
        <v>1</v>
      </c>
      <c r="C13324" s="14" t="s">
        <v>101</v>
      </c>
      <c r="D13324" s="14" t="s">
        <v>92</v>
      </c>
      <c r="E13324" s="15">
        <v>45560</v>
      </c>
      <c r="F13324" s="14" t="s">
        <v>28</v>
      </c>
      <c r="G13324" s="16">
        <v>0</v>
      </c>
    </row>
    <row r="13325" spans="1:7" x14ac:dyDescent="0.3">
      <c r="A13325" s="13" t="s">
        <v>100</v>
      </c>
      <c r="B13325" s="14" t="s">
        <v>1</v>
      </c>
      <c r="C13325" s="14" t="s">
        <v>101</v>
      </c>
      <c r="D13325" s="14" t="s">
        <v>92</v>
      </c>
      <c r="E13325" s="15">
        <v>45561</v>
      </c>
      <c r="F13325" s="14" t="s">
        <v>28</v>
      </c>
      <c r="G13325" s="16">
        <v>0</v>
      </c>
    </row>
    <row r="13326" spans="1:7" x14ac:dyDescent="0.3">
      <c r="A13326" s="13" t="s">
        <v>100</v>
      </c>
      <c r="B13326" s="14" t="s">
        <v>1</v>
      </c>
      <c r="C13326" s="14" t="s">
        <v>101</v>
      </c>
      <c r="D13326" s="14" t="s">
        <v>92</v>
      </c>
      <c r="E13326" s="15">
        <v>45562</v>
      </c>
      <c r="F13326" s="14" t="s">
        <v>28</v>
      </c>
      <c r="G13326" s="16">
        <v>0</v>
      </c>
    </row>
    <row r="13327" spans="1:7" x14ac:dyDescent="0.3">
      <c r="A13327" s="13" t="s">
        <v>100</v>
      </c>
      <c r="B13327" s="14" t="s">
        <v>1</v>
      </c>
      <c r="C13327" s="14" t="s">
        <v>101</v>
      </c>
      <c r="D13327" s="14" t="s">
        <v>92</v>
      </c>
      <c r="E13327" s="15">
        <v>45563</v>
      </c>
      <c r="F13327" s="14" t="s">
        <v>28</v>
      </c>
      <c r="G13327" s="16">
        <v>0</v>
      </c>
    </row>
    <row r="13328" spans="1:7" x14ac:dyDescent="0.3">
      <c r="A13328" s="13" t="s">
        <v>100</v>
      </c>
      <c r="B13328" s="14" t="s">
        <v>1</v>
      </c>
      <c r="C13328" s="14" t="s">
        <v>101</v>
      </c>
      <c r="D13328" s="14" t="s">
        <v>92</v>
      </c>
      <c r="E13328" s="15">
        <v>45564</v>
      </c>
      <c r="F13328" s="14" t="s">
        <v>28</v>
      </c>
      <c r="G13328" s="16">
        <v>0</v>
      </c>
    </row>
    <row r="13329" spans="1:7" x14ac:dyDescent="0.3">
      <c r="A13329" s="13" t="s">
        <v>100</v>
      </c>
      <c r="B13329" s="14" t="s">
        <v>1</v>
      </c>
      <c r="C13329" s="14" t="s">
        <v>101</v>
      </c>
      <c r="D13329" s="14" t="s">
        <v>92</v>
      </c>
      <c r="E13329" s="15">
        <v>45565</v>
      </c>
      <c r="F13329" s="14" t="s">
        <v>28</v>
      </c>
      <c r="G13329" s="16">
        <v>0</v>
      </c>
    </row>
    <row r="13330" spans="1:7" x14ac:dyDescent="0.3">
      <c r="A13330" s="13" t="s">
        <v>100</v>
      </c>
      <c r="B13330" s="14" t="s">
        <v>1</v>
      </c>
      <c r="C13330" s="14" t="s">
        <v>101</v>
      </c>
      <c r="D13330" s="14" t="s">
        <v>92</v>
      </c>
      <c r="E13330" s="15">
        <v>45566</v>
      </c>
      <c r="F13330" s="14" t="s">
        <v>28</v>
      </c>
      <c r="G13330" s="16">
        <v>0</v>
      </c>
    </row>
    <row r="13331" spans="1:7" x14ac:dyDescent="0.3">
      <c r="A13331" s="13" t="s">
        <v>100</v>
      </c>
      <c r="B13331" s="14" t="s">
        <v>1</v>
      </c>
      <c r="C13331" s="14" t="s">
        <v>101</v>
      </c>
      <c r="D13331" s="14" t="s">
        <v>92</v>
      </c>
      <c r="E13331" s="15">
        <v>45567</v>
      </c>
      <c r="F13331" s="14" t="s">
        <v>28</v>
      </c>
      <c r="G13331" s="16">
        <v>0</v>
      </c>
    </row>
    <row r="13332" spans="1:7" x14ac:dyDescent="0.3">
      <c r="A13332" s="13" t="s">
        <v>100</v>
      </c>
      <c r="B13332" s="14" t="s">
        <v>1</v>
      </c>
      <c r="C13332" s="14" t="s">
        <v>101</v>
      </c>
      <c r="D13332" s="14" t="s">
        <v>92</v>
      </c>
      <c r="E13332" s="15">
        <v>45568</v>
      </c>
      <c r="F13332" s="14" t="s">
        <v>28</v>
      </c>
      <c r="G13332" s="16">
        <v>0</v>
      </c>
    </row>
    <row r="13333" spans="1:7" x14ac:dyDescent="0.3">
      <c r="A13333" s="13" t="s">
        <v>100</v>
      </c>
      <c r="B13333" s="14" t="s">
        <v>1</v>
      </c>
      <c r="C13333" s="14" t="s">
        <v>101</v>
      </c>
      <c r="D13333" s="14" t="s">
        <v>92</v>
      </c>
      <c r="E13333" s="15">
        <v>45569</v>
      </c>
      <c r="F13333" s="14" t="s">
        <v>28</v>
      </c>
      <c r="G13333" s="16">
        <v>0</v>
      </c>
    </row>
    <row r="13334" spans="1:7" x14ac:dyDescent="0.3">
      <c r="A13334" s="13" t="s">
        <v>100</v>
      </c>
      <c r="B13334" s="14" t="s">
        <v>1</v>
      </c>
      <c r="C13334" s="14" t="s">
        <v>101</v>
      </c>
      <c r="D13334" s="14" t="s">
        <v>92</v>
      </c>
      <c r="E13334" s="15">
        <v>45570</v>
      </c>
      <c r="F13334" s="14" t="s">
        <v>28</v>
      </c>
      <c r="G13334" s="16">
        <v>0</v>
      </c>
    </row>
    <row r="13335" spans="1:7" x14ac:dyDescent="0.3">
      <c r="A13335" s="13" t="s">
        <v>100</v>
      </c>
      <c r="B13335" s="14" t="s">
        <v>1</v>
      </c>
      <c r="C13335" s="14" t="s">
        <v>101</v>
      </c>
      <c r="D13335" s="14" t="s">
        <v>92</v>
      </c>
      <c r="E13335" s="15">
        <v>45571</v>
      </c>
      <c r="F13335" s="14" t="s">
        <v>28</v>
      </c>
      <c r="G13335" s="16">
        <v>0</v>
      </c>
    </row>
    <row r="13336" spans="1:7" x14ac:dyDescent="0.3">
      <c r="A13336" s="13" t="s">
        <v>100</v>
      </c>
      <c r="B13336" s="14" t="s">
        <v>1</v>
      </c>
      <c r="C13336" s="14" t="s">
        <v>101</v>
      </c>
      <c r="D13336" s="14" t="s">
        <v>92</v>
      </c>
      <c r="E13336" s="15">
        <v>45572</v>
      </c>
      <c r="F13336" s="14" t="s">
        <v>28</v>
      </c>
      <c r="G13336" s="16">
        <v>0</v>
      </c>
    </row>
    <row r="13337" spans="1:7" x14ac:dyDescent="0.3">
      <c r="A13337" s="13" t="s">
        <v>100</v>
      </c>
      <c r="B13337" s="14" t="s">
        <v>1</v>
      </c>
      <c r="C13337" s="14" t="s">
        <v>101</v>
      </c>
      <c r="D13337" s="14" t="s">
        <v>92</v>
      </c>
      <c r="E13337" s="15">
        <v>45573</v>
      </c>
      <c r="F13337" s="14" t="s">
        <v>28</v>
      </c>
      <c r="G13337" s="16">
        <v>0</v>
      </c>
    </row>
    <row r="13338" spans="1:7" x14ac:dyDescent="0.3">
      <c r="A13338" s="13" t="s">
        <v>100</v>
      </c>
      <c r="B13338" s="14" t="s">
        <v>1</v>
      </c>
      <c r="C13338" s="14" t="s">
        <v>101</v>
      </c>
      <c r="D13338" s="14" t="s">
        <v>92</v>
      </c>
      <c r="E13338" s="15">
        <v>45574</v>
      </c>
      <c r="F13338" s="14" t="s">
        <v>28</v>
      </c>
      <c r="G13338" s="16">
        <v>0</v>
      </c>
    </row>
    <row r="13339" spans="1:7" x14ac:dyDescent="0.3">
      <c r="A13339" s="13" t="s">
        <v>100</v>
      </c>
      <c r="B13339" s="14" t="s">
        <v>1</v>
      </c>
      <c r="C13339" s="14" t="s">
        <v>101</v>
      </c>
      <c r="D13339" s="14" t="s">
        <v>92</v>
      </c>
      <c r="E13339" s="15">
        <v>45575</v>
      </c>
      <c r="F13339" s="14" t="s">
        <v>28</v>
      </c>
      <c r="G13339" s="16">
        <v>0</v>
      </c>
    </row>
    <row r="13340" spans="1:7" x14ac:dyDescent="0.3">
      <c r="A13340" s="13" t="s">
        <v>100</v>
      </c>
      <c r="B13340" s="14" t="s">
        <v>1</v>
      </c>
      <c r="C13340" s="14" t="s">
        <v>101</v>
      </c>
      <c r="D13340" s="14" t="s">
        <v>92</v>
      </c>
      <c r="E13340" s="15">
        <v>45576</v>
      </c>
      <c r="F13340" s="14" t="s">
        <v>28</v>
      </c>
      <c r="G13340" s="16">
        <v>0</v>
      </c>
    </row>
    <row r="13341" spans="1:7" x14ac:dyDescent="0.3">
      <c r="A13341" s="13" t="s">
        <v>100</v>
      </c>
      <c r="B13341" s="14" t="s">
        <v>1</v>
      </c>
      <c r="C13341" s="14" t="s">
        <v>101</v>
      </c>
      <c r="D13341" s="14" t="s">
        <v>92</v>
      </c>
      <c r="E13341" s="15">
        <v>45577</v>
      </c>
      <c r="F13341" s="14" t="s">
        <v>28</v>
      </c>
      <c r="G13341" s="16">
        <v>0</v>
      </c>
    </row>
    <row r="13342" spans="1:7" x14ac:dyDescent="0.3">
      <c r="A13342" s="13" t="s">
        <v>100</v>
      </c>
      <c r="B13342" s="14" t="s">
        <v>1</v>
      </c>
      <c r="C13342" s="14" t="s">
        <v>101</v>
      </c>
      <c r="D13342" s="14" t="s">
        <v>92</v>
      </c>
      <c r="E13342" s="15">
        <v>45578</v>
      </c>
      <c r="F13342" s="14" t="s">
        <v>28</v>
      </c>
      <c r="G13342" s="16">
        <v>0</v>
      </c>
    </row>
    <row r="13343" spans="1:7" x14ac:dyDescent="0.3">
      <c r="A13343" s="13" t="s">
        <v>100</v>
      </c>
      <c r="B13343" s="14" t="s">
        <v>1</v>
      </c>
      <c r="C13343" s="14" t="s">
        <v>101</v>
      </c>
      <c r="D13343" s="14" t="s">
        <v>92</v>
      </c>
      <c r="E13343" s="15">
        <v>45579</v>
      </c>
      <c r="F13343" s="14" t="s">
        <v>28</v>
      </c>
      <c r="G13343" s="16">
        <v>0</v>
      </c>
    </row>
    <row r="13344" spans="1:7" x14ac:dyDescent="0.3">
      <c r="A13344" s="13" t="s">
        <v>100</v>
      </c>
      <c r="B13344" s="14" t="s">
        <v>1</v>
      </c>
      <c r="C13344" s="14" t="s">
        <v>101</v>
      </c>
      <c r="D13344" s="14" t="s">
        <v>92</v>
      </c>
      <c r="E13344" s="15">
        <v>45580</v>
      </c>
      <c r="F13344" s="14" t="s">
        <v>28</v>
      </c>
      <c r="G13344" s="16">
        <v>0</v>
      </c>
    </row>
    <row r="13345" spans="1:7" x14ac:dyDescent="0.3">
      <c r="A13345" s="13" t="s">
        <v>100</v>
      </c>
      <c r="B13345" s="14" t="s">
        <v>1</v>
      </c>
      <c r="C13345" s="14" t="s">
        <v>101</v>
      </c>
      <c r="D13345" s="14" t="s">
        <v>92</v>
      </c>
      <c r="E13345" s="15">
        <v>45581</v>
      </c>
      <c r="F13345" s="14" t="s">
        <v>28</v>
      </c>
      <c r="G13345" s="16">
        <v>0</v>
      </c>
    </row>
    <row r="13346" spans="1:7" x14ac:dyDescent="0.3">
      <c r="A13346" s="13" t="s">
        <v>100</v>
      </c>
      <c r="B13346" s="14" t="s">
        <v>1</v>
      </c>
      <c r="C13346" s="14" t="s">
        <v>101</v>
      </c>
      <c r="D13346" s="14" t="s">
        <v>92</v>
      </c>
      <c r="E13346" s="15">
        <v>45582</v>
      </c>
      <c r="F13346" s="14" t="s">
        <v>28</v>
      </c>
      <c r="G13346" s="16">
        <v>0</v>
      </c>
    </row>
    <row r="13347" spans="1:7" x14ac:dyDescent="0.3">
      <c r="A13347" s="13" t="s">
        <v>100</v>
      </c>
      <c r="B13347" s="14" t="s">
        <v>1</v>
      </c>
      <c r="C13347" s="14" t="s">
        <v>101</v>
      </c>
      <c r="D13347" s="14" t="s">
        <v>92</v>
      </c>
      <c r="E13347" s="15">
        <v>45583</v>
      </c>
      <c r="F13347" s="14" t="s">
        <v>28</v>
      </c>
      <c r="G13347" s="16">
        <v>0</v>
      </c>
    </row>
    <row r="13348" spans="1:7" x14ac:dyDescent="0.3">
      <c r="A13348" s="13" t="s">
        <v>100</v>
      </c>
      <c r="B13348" s="14" t="s">
        <v>1</v>
      </c>
      <c r="C13348" s="14" t="s">
        <v>101</v>
      </c>
      <c r="D13348" s="14" t="s">
        <v>92</v>
      </c>
      <c r="E13348" s="15">
        <v>45584</v>
      </c>
      <c r="F13348" s="14" t="s">
        <v>28</v>
      </c>
      <c r="G13348" s="16">
        <v>0</v>
      </c>
    </row>
    <row r="13349" spans="1:7" x14ac:dyDescent="0.3">
      <c r="A13349" s="13" t="s">
        <v>100</v>
      </c>
      <c r="B13349" s="14" t="s">
        <v>1</v>
      </c>
      <c r="C13349" s="14" t="s">
        <v>101</v>
      </c>
      <c r="D13349" s="14" t="s">
        <v>92</v>
      </c>
      <c r="E13349" s="15">
        <v>45585</v>
      </c>
      <c r="F13349" s="14" t="s">
        <v>28</v>
      </c>
      <c r="G13349" s="16">
        <v>0</v>
      </c>
    </row>
    <row r="13350" spans="1:7" x14ac:dyDescent="0.3">
      <c r="A13350" s="13" t="s">
        <v>100</v>
      </c>
      <c r="B13350" s="14" t="s">
        <v>1</v>
      </c>
      <c r="C13350" s="14" t="s">
        <v>101</v>
      </c>
      <c r="D13350" s="14" t="s">
        <v>92</v>
      </c>
      <c r="E13350" s="15">
        <v>45586</v>
      </c>
      <c r="F13350" s="14" t="s">
        <v>28</v>
      </c>
      <c r="G13350" s="16">
        <v>0</v>
      </c>
    </row>
    <row r="13351" spans="1:7" x14ac:dyDescent="0.3">
      <c r="A13351" s="13" t="s">
        <v>100</v>
      </c>
      <c r="B13351" s="14" t="s">
        <v>1</v>
      </c>
      <c r="C13351" s="14" t="s">
        <v>101</v>
      </c>
      <c r="D13351" s="14" t="s">
        <v>92</v>
      </c>
      <c r="E13351" s="15">
        <v>45587</v>
      </c>
      <c r="F13351" s="14" t="s">
        <v>28</v>
      </c>
      <c r="G13351" s="16">
        <v>0</v>
      </c>
    </row>
    <row r="13352" spans="1:7" x14ac:dyDescent="0.3">
      <c r="A13352" s="13" t="s">
        <v>100</v>
      </c>
      <c r="B13352" s="14" t="s">
        <v>1</v>
      </c>
      <c r="C13352" s="14" t="s">
        <v>101</v>
      </c>
      <c r="D13352" s="14" t="s">
        <v>92</v>
      </c>
      <c r="E13352" s="15">
        <v>45588</v>
      </c>
      <c r="F13352" s="14" t="s">
        <v>28</v>
      </c>
      <c r="G13352" s="16">
        <v>0</v>
      </c>
    </row>
    <row r="13353" spans="1:7" x14ac:dyDescent="0.3">
      <c r="A13353" s="13" t="s">
        <v>100</v>
      </c>
      <c r="B13353" s="14" t="s">
        <v>1</v>
      </c>
      <c r="C13353" s="14" t="s">
        <v>101</v>
      </c>
      <c r="D13353" s="14" t="s">
        <v>92</v>
      </c>
      <c r="E13353" s="15">
        <v>45589</v>
      </c>
      <c r="F13353" s="14" t="s">
        <v>28</v>
      </c>
      <c r="G13353" s="16">
        <v>0</v>
      </c>
    </row>
    <row r="13354" spans="1:7" x14ac:dyDescent="0.3">
      <c r="A13354" s="13" t="s">
        <v>100</v>
      </c>
      <c r="B13354" s="14" t="s">
        <v>1</v>
      </c>
      <c r="C13354" s="14" t="s">
        <v>101</v>
      </c>
      <c r="D13354" s="14" t="s">
        <v>92</v>
      </c>
      <c r="E13354" s="15">
        <v>45590</v>
      </c>
      <c r="F13354" s="14" t="s">
        <v>28</v>
      </c>
      <c r="G13354" s="16">
        <v>0</v>
      </c>
    </row>
    <row r="13355" spans="1:7" x14ac:dyDescent="0.3">
      <c r="A13355" s="13" t="s">
        <v>100</v>
      </c>
      <c r="B13355" s="14" t="s">
        <v>1</v>
      </c>
      <c r="C13355" s="14" t="s">
        <v>101</v>
      </c>
      <c r="D13355" s="14" t="s">
        <v>92</v>
      </c>
      <c r="E13355" s="15">
        <v>45591</v>
      </c>
      <c r="F13355" s="14" t="s">
        <v>28</v>
      </c>
      <c r="G13355" s="16">
        <v>0</v>
      </c>
    </row>
    <row r="13356" spans="1:7" x14ac:dyDescent="0.3">
      <c r="A13356" s="13" t="s">
        <v>100</v>
      </c>
      <c r="B13356" s="14" t="s">
        <v>1</v>
      </c>
      <c r="C13356" s="14" t="s">
        <v>101</v>
      </c>
      <c r="D13356" s="14" t="s">
        <v>92</v>
      </c>
      <c r="E13356" s="15">
        <v>45592</v>
      </c>
      <c r="F13356" s="14" t="s">
        <v>28</v>
      </c>
      <c r="G13356" s="16">
        <v>0</v>
      </c>
    </row>
    <row r="13357" spans="1:7" x14ac:dyDescent="0.3">
      <c r="A13357" s="13" t="s">
        <v>100</v>
      </c>
      <c r="B13357" s="14" t="s">
        <v>1</v>
      </c>
      <c r="C13357" s="14" t="s">
        <v>101</v>
      </c>
      <c r="D13357" s="14" t="s">
        <v>92</v>
      </c>
      <c r="E13357" s="15">
        <v>45593</v>
      </c>
      <c r="F13357" s="14" t="s">
        <v>28</v>
      </c>
      <c r="G13357" s="16">
        <v>0</v>
      </c>
    </row>
    <row r="13358" spans="1:7" x14ac:dyDescent="0.3">
      <c r="A13358" s="13" t="s">
        <v>100</v>
      </c>
      <c r="B13358" s="14" t="s">
        <v>1</v>
      </c>
      <c r="C13358" s="14" t="s">
        <v>101</v>
      </c>
      <c r="D13358" s="14" t="s">
        <v>92</v>
      </c>
      <c r="E13358" s="15">
        <v>45594</v>
      </c>
      <c r="F13358" s="14" t="s">
        <v>28</v>
      </c>
      <c r="G13358" s="16">
        <v>0</v>
      </c>
    </row>
    <row r="13359" spans="1:7" x14ac:dyDescent="0.3">
      <c r="A13359" s="13" t="s">
        <v>100</v>
      </c>
      <c r="B13359" s="14" t="s">
        <v>1</v>
      </c>
      <c r="C13359" s="14" t="s">
        <v>101</v>
      </c>
      <c r="D13359" s="14" t="s">
        <v>92</v>
      </c>
      <c r="E13359" s="15">
        <v>45595</v>
      </c>
      <c r="F13359" s="14" t="s">
        <v>28</v>
      </c>
      <c r="G13359" s="16">
        <v>0</v>
      </c>
    </row>
    <row r="13360" spans="1:7" x14ac:dyDescent="0.3">
      <c r="A13360" s="13" t="s">
        <v>100</v>
      </c>
      <c r="B13360" s="14" t="s">
        <v>1</v>
      </c>
      <c r="C13360" s="14" t="s">
        <v>101</v>
      </c>
      <c r="D13360" s="14" t="s">
        <v>92</v>
      </c>
      <c r="E13360" s="15">
        <v>45596</v>
      </c>
      <c r="F13360" s="14" t="s">
        <v>28</v>
      </c>
      <c r="G13360" s="16">
        <v>0</v>
      </c>
    </row>
    <row r="13361" spans="1:7" x14ac:dyDescent="0.3">
      <c r="A13361" s="13" t="s">
        <v>100</v>
      </c>
      <c r="B13361" s="14" t="s">
        <v>1</v>
      </c>
      <c r="C13361" s="14" t="s">
        <v>101</v>
      </c>
      <c r="D13361" s="14" t="s">
        <v>92</v>
      </c>
      <c r="E13361" s="15">
        <v>45597</v>
      </c>
      <c r="F13361" s="14" t="s">
        <v>28</v>
      </c>
      <c r="G13361" s="16">
        <v>0</v>
      </c>
    </row>
    <row r="13362" spans="1:7" x14ac:dyDescent="0.3">
      <c r="A13362" s="13" t="s">
        <v>100</v>
      </c>
      <c r="B13362" s="14" t="s">
        <v>1</v>
      </c>
      <c r="C13362" s="14" t="s">
        <v>101</v>
      </c>
      <c r="D13362" s="14" t="s">
        <v>92</v>
      </c>
      <c r="E13362" s="15">
        <v>45598</v>
      </c>
      <c r="F13362" s="14" t="s">
        <v>28</v>
      </c>
      <c r="G13362" s="16">
        <v>0</v>
      </c>
    </row>
    <row r="13363" spans="1:7" x14ac:dyDescent="0.3">
      <c r="A13363" s="13" t="s">
        <v>100</v>
      </c>
      <c r="B13363" s="14" t="s">
        <v>1</v>
      </c>
      <c r="C13363" s="14" t="s">
        <v>101</v>
      </c>
      <c r="D13363" s="14" t="s">
        <v>92</v>
      </c>
      <c r="E13363" s="15">
        <v>45599</v>
      </c>
      <c r="F13363" s="14" t="s">
        <v>28</v>
      </c>
      <c r="G13363" s="16">
        <v>0</v>
      </c>
    </row>
    <row r="13364" spans="1:7" x14ac:dyDescent="0.3">
      <c r="A13364" s="13" t="s">
        <v>100</v>
      </c>
      <c r="B13364" s="14" t="s">
        <v>1</v>
      </c>
      <c r="C13364" s="14" t="s">
        <v>101</v>
      </c>
      <c r="D13364" s="14" t="s">
        <v>92</v>
      </c>
      <c r="E13364" s="15">
        <v>45600</v>
      </c>
      <c r="F13364" s="14" t="s">
        <v>28</v>
      </c>
      <c r="G13364" s="16">
        <v>0</v>
      </c>
    </row>
    <row r="13365" spans="1:7" x14ac:dyDescent="0.3">
      <c r="A13365" s="13" t="s">
        <v>100</v>
      </c>
      <c r="B13365" s="14" t="s">
        <v>1</v>
      </c>
      <c r="C13365" s="14" t="s">
        <v>101</v>
      </c>
      <c r="D13365" s="14" t="s">
        <v>92</v>
      </c>
      <c r="E13365" s="15">
        <v>45601</v>
      </c>
      <c r="F13365" s="14" t="s">
        <v>28</v>
      </c>
      <c r="G13365" s="16">
        <v>0</v>
      </c>
    </row>
    <row r="13366" spans="1:7" x14ac:dyDescent="0.3">
      <c r="A13366" s="13" t="s">
        <v>100</v>
      </c>
      <c r="B13366" s="14" t="s">
        <v>1</v>
      </c>
      <c r="C13366" s="14" t="s">
        <v>101</v>
      </c>
      <c r="D13366" s="14" t="s">
        <v>92</v>
      </c>
      <c r="E13366" s="15">
        <v>45602</v>
      </c>
      <c r="F13366" s="14" t="s">
        <v>28</v>
      </c>
      <c r="G13366" s="16">
        <v>0</v>
      </c>
    </row>
    <row r="13367" spans="1:7" x14ac:dyDescent="0.3">
      <c r="A13367" s="13" t="s">
        <v>100</v>
      </c>
      <c r="B13367" s="14" t="s">
        <v>1</v>
      </c>
      <c r="C13367" s="14" t="s">
        <v>101</v>
      </c>
      <c r="D13367" s="14" t="s">
        <v>92</v>
      </c>
      <c r="E13367" s="15">
        <v>45603</v>
      </c>
      <c r="F13367" s="14" t="s">
        <v>28</v>
      </c>
      <c r="G13367" s="16">
        <v>0</v>
      </c>
    </row>
    <row r="13368" spans="1:7" x14ac:dyDescent="0.3">
      <c r="A13368" s="13" t="s">
        <v>100</v>
      </c>
      <c r="B13368" s="14" t="s">
        <v>1</v>
      </c>
      <c r="C13368" s="14" t="s">
        <v>101</v>
      </c>
      <c r="D13368" s="14" t="s">
        <v>92</v>
      </c>
      <c r="E13368" s="15">
        <v>45604</v>
      </c>
      <c r="F13368" s="14" t="s">
        <v>28</v>
      </c>
      <c r="G13368" s="16">
        <v>0</v>
      </c>
    </row>
    <row r="13369" spans="1:7" x14ac:dyDescent="0.3">
      <c r="A13369" s="13" t="s">
        <v>100</v>
      </c>
      <c r="B13369" s="14" t="s">
        <v>1</v>
      </c>
      <c r="C13369" s="14" t="s">
        <v>101</v>
      </c>
      <c r="D13369" s="14" t="s">
        <v>92</v>
      </c>
      <c r="E13369" s="15">
        <v>45605</v>
      </c>
      <c r="F13369" s="14" t="s">
        <v>28</v>
      </c>
      <c r="G13369" s="16">
        <v>0</v>
      </c>
    </row>
    <row r="13370" spans="1:7" x14ac:dyDescent="0.3">
      <c r="A13370" s="13" t="s">
        <v>100</v>
      </c>
      <c r="B13370" s="14" t="s">
        <v>1</v>
      </c>
      <c r="C13370" s="14" t="s">
        <v>101</v>
      </c>
      <c r="D13370" s="14" t="s">
        <v>92</v>
      </c>
      <c r="E13370" s="15">
        <v>45606</v>
      </c>
      <c r="F13370" s="14" t="s">
        <v>28</v>
      </c>
      <c r="G13370" s="16">
        <v>0</v>
      </c>
    </row>
    <row r="13371" spans="1:7" x14ac:dyDescent="0.3">
      <c r="A13371" s="13" t="s">
        <v>100</v>
      </c>
      <c r="B13371" s="14" t="s">
        <v>1</v>
      </c>
      <c r="C13371" s="14" t="s">
        <v>101</v>
      </c>
      <c r="D13371" s="14" t="s">
        <v>92</v>
      </c>
      <c r="E13371" s="15">
        <v>45607</v>
      </c>
      <c r="F13371" s="14" t="s">
        <v>28</v>
      </c>
      <c r="G13371" s="16">
        <v>0</v>
      </c>
    </row>
    <row r="13372" spans="1:7" x14ac:dyDescent="0.3">
      <c r="A13372" s="13" t="s">
        <v>100</v>
      </c>
      <c r="B13372" s="14" t="s">
        <v>1</v>
      </c>
      <c r="C13372" s="14" t="s">
        <v>101</v>
      </c>
      <c r="D13372" s="14" t="s">
        <v>92</v>
      </c>
      <c r="E13372" s="15">
        <v>45608</v>
      </c>
      <c r="F13372" s="14" t="s">
        <v>28</v>
      </c>
      <c r="G13372" s="16">
        <v>0</v>
      </c>
    </row>
    <row r="13373" spans="1:7" x14ac:dyDescent="0.3">
      <c r="A13373" s="13" t="s">
        <v>100</v>
      </c>
      <c r="B13373" s="14" t="s">
        <v>1</v>
      </c>
      <c r="C13373" s="14" t="s">
        <v>101</v>
      </c>
      <c r="D13373" s="14" t="s">
        <v>92</v>
      </c>
      <c r="E13373" s="15">
        <v>45609</v>
      </c>
      <c r="F13373" s="14" t="s">
        <v>28</v>
      </c>
      <c r="G13373" s="16">
        <v>0</v>
      </c>
    </row>
    <row r="13374" spans="1:7" x14ac:dyDescent="0.3">
      <c r="A13374" s="13" t="s">
        <v>100</v>
      </c>
      <c r="B13374" s="14" t="s">
        <v>1</v>
      </c>
      <c r="C13374" s="14" t="s">
        <v>101</v>
      </c>
      <c r="D13374" s="14" t="s">
        <v>92</v>
      </c>
      <c r="E13374" s="15">
        <v>45610</v>
      </c>
      <c r="F13374" s="14" t="s">
        <v>28</v>
      </c>
      <c r="G13374" s="16">
        <v>0</v>
      </c>
    </row>
    <row r="13375" spans="1:7" x14ac:dyDescent="0.3">
      <c r="A13375" s="13" t="s">
        <v>100</v>
      </c>
      <c r="B13375" s="14" t="s">
        <v>1</v>
      </c>
      <c r="C13375" s="14" t="s">
        <v>101</v>
      </c>
      <c r="D13375" s="14" t="s">
        <v>92</v>
      </c>
      <c r="E13375" s="15">
        <v>45611</v>
      </c>
      <c r="F13375" s="14" t="s">
        <v>28</v>
      </c>
      <c r="G13375" s="16">
        <v>0</v>
      </c>
    </row>
    <row r="13376" spans="1:7" x14ac:dyDescent="0.3">
      <c r="A13376" s="13" t="s">
        <v>100</v>
      </c>
      <c r="B13376" s="14" t="s">
        <v>1</v>
      </c>
      <c r="C13376" s="14" t="s">
        <v>101</v>
      </c>
      <c r="D13376" s="14" t="s">
        <v>92</v>
      </c>
      <c r="E13376" s="15">
        <v>45612</v>
      </c>
      <c r="F13376" s="14" t="s">
        <v>28</v>
      </c>
      <c r="G13376" s="16">
        <v>0</v>
      </c>
    </row>
    <row r="13377" spans="1:7" x14ac:dyDescent="0.3">
      <c r="A13377" s="13" t="s">
        <v>100</v>
      </c>
      <c r="B13377" s="14" t="s">
        <v>1</v>
      </c>
      <c r="C13377" s="14" t="s">
        <v>101</v>
      </c>
      <c r="D13377" s="14" t="s">
        <v>92</v>
      </c>
      <c r="E13377" s="15">
        <v>45613</v>
      </c>
      <c r="F13377" s="14" t="s">
        <v>28</v>
      </c>
      <c r="G13377" s="16">
        <v>0</v>
      </c>
    </row>
    <row r="13378" spans="1:7" x14ac:dyDescent="0.3">
      <c r="A13378" s="13" t="s">
        <v>100</v>
      </c>
      <c r="B13378" s="14" t="s">
        <v>1</v>
      </c>
      <c r="C13378" s="14" t="s">
        <v>101</v>
      </c>
      <c r="D13378" s="14" t="s">
        <v>92</v>
      </c>
      <c r="E13378" s="15">
        <v>45614</v>
      </c>
      <c r="F13378" s="14" t="s">
        <v>28</v>
      </c>
      <c r="G13378" s="16">
        <v>0</v>
      </c>
    </row>
    <row r="13379" spans="1:7" x14ac:dyDescent="0.3">
      <c r="A13379" s="13" t="s">
        <v>100</v>
      </c>
      <c r="B13379" s="14" t="s">
        <v>1</v>
      </c>
      <c r="C13379" s="14" t="s">
        <v>101</v>
      </c>
      <c r="D13379" s="14" t="s">
        <v>92</v>
      </c>
      <c r="E13379" s="15">
        <v>45615</v>
      </c>
      <c r="F13379" s="14" t="s">
        <v>28</v>
      </c>
      <c r="G13379" s="16">
        <v>0</v>
      </c>
    </row>
    <row r="13380" spans="1:7" x14ac:dyDescent="0.3">
      <c r="A13380" s="13" t="s">
        <v>100</v>
      </c>
      <c r="B13380" s="14" t="s">
        <v>1</v>
      </c>
      <c r="C13380" s="14" t="s">
        <v>101</v>
      </c>
      <c r="D13380" s="14" t="s">
        <v>92</v>
      </c>
      <c r="E13380" s="15">
        <v>45616</v>
      </c>
      <c r="F13380" s="14" t="s">
        <v>28</v>
      </c>
      <c r="G13380" s="16">
        <v>0</v>
      </c>
    </row>
    <row r="13381" spans="1:7" x14ac:dyDescent="0.3">
      <c r="A13381" s="13" t="s">
        <v>100</v>
      </c>
      <c r="B13381" s="14" t="s">
        <v>1</v>
      </c>
      <c r="C13381" s="14" t="s">
        <v>101</v>
      </c>
      <c r="D13381" s="14" t="s">
        <v>92</v>
      </c>
      <c r="E13381" s="15">
        <v>45617</v>
      </c>
      <c r="F13381" s="14" t="s">
        <v>28</v>
      </c>
      <c r="G13381" s="16">
        <v>0</v>
      </c>
    </row>
    <row r="13382" spans="1:7" x14ac:dyDescent="0.3">
      <c r="A13382" s="13" t="s">
        <v>100</v>
      </c>
      <c r="B13382" s="14" t="s">
        <v>1</v>
      </c>
      <c r="C13382" s="14" t="s">
        <v>101</v>
      </c>
      <c r="D13382" s="14" t="s">
        <v>92</v>
      </c>
      <c r="E13382" s="15">
        <v>45618</v>
      </c>
      <c r="F13382" s="14" t="s">
        <v>28</v>
      </c>
      <c r="G13382" s="16">
        <v>0</v>
      </c>
    </row>
    <row r="13383" spans="1:7" x14ac:dyDescent="0.3">
      <c r="A13383" s="13" t="s">
        <v>100</v>
      </c>
      <c r="B13383" s="14" t="s">
        <v>1</v>
      </c>
      <c r="C13383" s="14" t="s">
        <v>101</v>
      </c>
      <c r="D13383" s="14" t="s">
        <v>92</v>
      </c>
      <c r="E13383" s="15">
        <v>45619</v>
      </c>
      <c r="F13383" s="14" t="s">
        <v>28</v>
      </c>
      <c r="G13383" s="16">
        <v>0</v>
      </c>
    </row>
    <row r="13384" spans="1:7" x14ac:dyDescent="0.3">
      <c r="A13384" s="13" t="s">
        <v>100</v>
      </c>
      <c r="B13384" s="14" t="s">
        <v>1</v>
      </c>
      <c r="C13384" s="14" t="s">
        <v>101</v>
      </c>
      <c r="D13384" s="14" t="s">
        <v>92</v>
      </c>
      <c r="E13384" s="15">
        <v>45620</v>
      </c>
      <c r="F13384" s="14" t="s">
        <v>28</v>
      </c>
      <c r="G13384" s="16">
        <v>0</v>
      </c>
    </row>
    <row r="13385" spans="1:7" x14ac:dyDescent="0.3">
      <c r="A13385" s="13" t="s">
        <v>100</v>
      </c>
      <c r="B13385" s="14" t="s">
        <v>1</v>
      </c>
      <c r="C13385" s="14" t="s">
        <v>101</v>
      </c>
      <c r="D13385" s="14" t="s">
        <v>92</v>
      </c>
      <c r="E13385" s="15">
        <v>45621</v>
      </c>
      <c r="F13385" s="14" t="s">
        <v>28</v>
      </c>
      <c r="G13385" s="16">
        <v>0</v>
      </c>
    </row>
    <row r="13386" spans="1:7" x14ac:dyDescent="0.3">
      <c r="A13386" s="13" t="s">
        <v>100</v>
      </c>
      <c r="B13386" s="14" t="s">
        <v>1</v>
      </c>
      <c r="C13386" s="14" t="s">
        <v>101</v>
      </c>
      <c r="D13386" s="14" t="s">
        <v>92</v>
      </c>
      <c r="E13386" s="15">
        <v>45622</v>
      </c>
      <c r="F13386" s="14" t="s">
        <v>28</v>
      </c>
      <c r="G13386" s="16">
        <v>0</v>
      </c>
    </row>
    <row r="13387" spans="1:7" x14ac:dyDescent="0.3">
      <c r="A13387" s="13" t="s">
        <v>100</v>
      </c>
      <c r="B13387" s="14" t="s">
        <v>1</v>
      </c>
      <c r="C13387" s="14" t="s">
        <v>101</v>
      </c>
      <c r="D13387" s="14" t="s">
        <v>92</v>
      </c>
      <c r="E13387" s="15">
        <v>45623</v>
      </c>
      <c r="F13387" s="14" t="s">
        <v>28</v>
      </c>
      <c r="G13387" s="16">
        <v>0</v>
      </c>
    </row>
    <row r="13388" spans="1:7" x14ac:dyDescent="0.3">
      <c r="A13388" s="13" t="s">
        <v>100</v>
      </c>
      <c r="B13388" s="14" t="s">
        <v>1</v>
      </c>
      <c r="C13388" s="14" t="s">
        <v>101</v>
      </c>
      <c r="D13388" s="14" t="s">
        <v>92</v>
      </c>
      <c r="E13388" s="15">
        <v>45624</v>
      </c>
      <c r="F13388" s="14" t="s">
        <v>28</v>
      </c>
      <c r="G13388" s="16">
        <v>0</v>
      </c>
    </row>
    <row r="13389" spans="1:7" x14ac:dyDescent="0.3">
      <c r="A13389" s="13" t="s">
        <v>100</v>
      </c>
      <c r="B13389" s="14" t="s">
        <v>1</v>
      </c>
      <c r="C13389" s="14" t="s">
        <v>101</v>
      </c>
      <c r="D13389" s="14" t="s">
        <v>92</v>
      </c>
      <c r="E13389" s="15">
        <v>45625</v>
      </c>
      <c r="F13389" s="14" t="s">
        <v>28</v>
      </c>
      <c r="G13389" s="16">
        <v>0</v>
      </c>
    </row>
    <row r="13390" spans="1:7" x14ac:dyDescent="0.3">
      <c r="A13390" s="13" t="s">
        <v>100</v>
      </c>
      <c r="B13390" s="14" t="s">
        <v>1</v>
      </c>
      <c r="C13390" s="14" t="s">
        <v>101</v>
      </c>
      <c r="D13390" s="14" t="s">
        <v>92</v>
      </c>
      <c r="E13390" s="15">
        <v>45626</v>
      </c>
      <c r="F13390" s="14" t="s">
        <v>28</v>
      </c>
      <c r="G13390" s="16">
        <v>0</v>
      </c>
    </row>
    <row r="13391" spans="1:7" x14ac:dyDescent="0.3">
      <c r="A13391" s="13" t="s">
        <v>100</v>
      </c>
      <c r="B13391" s="14" t="s">
        <v>1</v>
      </c>
      <c r="C13391" s="14" t="s">
        <v>101</v>
      </c>
      <c r="D13391" s="14" t="s">
        <v>92</v>
      </c>
      <c r="E13391" s="15">
        <v>45627</v>
      </c>
      <c r="F13391" s="14" t="s">
        <v>28</v>
      </c>
      <c r="G13391" s="16">
        <v>0</v>
      </c>
    </row>
    <row r="13392" spans="1:7" x14ac:dyDescent="0.3">
      <c r="A13392" s="13" t="s">
        <v>100</v>
      </c>
      <c r="B13392" s="14" t="s">
        <v>1</v>
      </c>
      <c r="C13392" s="14" t="s">
        <v>101</v>
      </c>
      <c r="D13392" s="14" t="s">
        <v>92</v>
      </c>
      <c r="E13392" s="15">
        <v>45628</v>
      </c>
      <c r="F13392" s="14" t="s">
        <v>28</v>
      </c>
      <c r="G13392" s="16">
        <v>0</v>
      </c>
    </row>
    <row r="13393" spans="1:7" x14ac:dyDescent="0.3">
      <c r="A13393" s="13" t="s">
        <v>100</v>
      </c>
      <c r="B13393" s="14" t="s">
        <v>1</v>
      </c>
      <c r="C13393" s="14" t="s">
        <v>101</v>
      </c>
      <c r="D13393" s="14" t="s">
        <v>92</v>
      </c>
      <c r="E13393" s="15">
        <v>45629</v>
      </c>
      <c r="F13393" s="14" t="s">
        <v>28</v>
      </c>
      <c r="G13393" s="16">
        <v>0</v>
      </c>
    </row>
    <row r="13394" spans="1:7" x14ac:dyDescent="0.3">
      <c r="A13394" s="13" t="s">
        <v>100</v>
      </c>
      <c r="B13394" s="14" t="s">
        <v>1</v>
      </c>
      <c r="C13394" s="14" t="s">
        <v>101</v>
      </c>
      <c r="D13394" s="14" t="s">
        <v>92</v>
      </c>
      <c r="E13394" s="15">
        <v>45630</v>
      </c>
      <c r="F13394" s="14" t="s">
        <v>28</v>
      </c>
      <c r="G13394" s="16">
        <v>0</v>
      </c>
    </row>
    <row r="13395" spans="1:7" x14ac:dyDescent="0.3">
      <c r="A13395" s="13" t="s">
        <v>100</v>
      </c>
      <c r="B13395" s="14" t="s">
        <v>1</v>
      </c>
      <c r="C13395" s="14" t="s">
        <v>101</v>
      </c>
      <c r="D13395" s="14" t="s">
        <v>92</v>
      </c>
      <c r="E13395" s="15">
        <v>45631</v>
      </c>
      <c r="F13395" s="14" t="s">
        <v>28</v>
      </c>
      <c r="G13395" s="16">
        <v>0</v>
      </c>
    </row>
    <row r="13396" spans="1:7" x14ac:dyDescent="0.3">
      <c r="A13396" s="13" t="s">
        <v>100</v>
      </c>
      <c r="B13396" s="14" t="s">
        <v>1</v>
      </c>
      <c r="C13396" s="14" t="s">
        <v>101</v>
      </c>
      <c r="D13396" s="14" t="s">
        <v>92</v>
      </c>
      <c r="E13396" s="15">
        <v>45632</v>
      </c>
      <c r="F13396" s="14" t="s">
        <v>28</v>
      </c>
      <c r="G13396" s="16">
        <v>0</v>
      </c>
    </row>
    <row r="13397" spans="1:7" x14ac:dyDescent="0.3">
      <c r="A13397" s="13" t="s">
        <v>100</v>
      </c>
      <c r="B13397" s="14" t="s">
        <v>1</v>
      </c>
      <c r="C13397" s="14" t="s">
        <v>101</v>
      </c>
      <c r="D13397" s="14" t="s">
        <v>92</v>
      </c>
      <c r="E13397" s="15">
        <v>45633</v>
      </c>
      <c r="F13397" s="14" t="s">
        <v>28</v>
      </c>
      <c r="G13397" s="16">
        <v>0</v>
      </c>
    </row>
    <row r="13398" spans="1:7" x14ac:dyDescent="0.3">
      <c r="A13398" s="13" t="s">
        <v>100</v>
      </c>
      <c r="B13398" s="14" t="s">
        <v>1</v>
      </c>
      <c r="C13398" s="14" t="s">
        <v>101</v>
      </c>
      <c r="D13398" s="14" t="s">
        <v>92</v>
      </c>
      <c r="E13398" s="15">
        <v>45634</v>
      </c>
      <c r="F13398" s="14" t="s">
        <v>28</v>
      </c>
      <c r="G13398" s="16">
        <v>0</v>
      </c>
    </row>
    <row r="13399" spans="1:7" x14ac:dyDescent="0.3">
      <c r="A13399" s="13" t="s">
        <v>100</v>
      </c>
      <c r="B13399" s="14" t="s">
        <v>1</v>
      </c>
      <c r="C13399" s="14" t="s">
        <v>101</v>
      </c>
      <c r="D13399" s="14" t="s">
        <v>92</v>
      </c>
      <c r="E13399" s="15">
        <v>45635</v>
      </c>
      <c r="F13399" s="14" t="s">
        <v>28</v>
      </c>
      <c r="G13399" s="16">
        <v>0</v>
      </c>
    </row>
    <row r="13400" spans="1:7" x14ac:dyDescent="0.3">
      <c r="A13400" s="13" t="s">
        <v>100</v>
      </c>
      <c r="B13400" s="14" t="s">
        <v>1</v>
      </c>
      <c r="C13400" s="14" t="s">
        <v>101</v>
      </c>
      <c r="D13400" s="14" t="s">
        <v>92</v>
      </c>
      <c r="E13400" s="15">
        <v>45636</v>
      </c>
      <c r="F13400" s="14" t="s">
        <v>28</v>
      </c>
      <c r="G13400" s="16">
        <v>0</v>
      </c>
    </row>
    <row r="13401" spans="1:7" x14ac:dyDescent="0.3">
      <c r="A13401" s="13" t="s">
        <v>100</v>
      </c>
      <c r="B13401" s="14" t="s">
        <v>1</v>
      </c>
      <c r="C13401" s="14" t="s">
        <v>101</v>
      </c>
      <c r="D13401" s="14" t="s">
        <v>92</v>
      </c>
      <c r="E13401" s="15">
        <v>45637</v>
      </c>
      <c r="F13401" s="14" t="s">
        <v>28</v>
      </c>
      <c r="G13401" s="16">
        <v>0</v>
      </c>
    </row>
    <row r="13402" spans="1:7" x14ac:dyDescent="0.3">
      <c r="A13402" s="13" t="s">
        <v>100</v>
      </c>
      <c r="B13402" s="14" t="s">
        <v>1</v>
      </c>
      <c r="C13402" s="14" t="s">
        <v>101</v>
      </c>
      <c r="D13402" s="14" t="s">
        <v>92</v>
      </c>
      <c r="E13402" s="15">
        <v>45638</v>
      </c>
      <c r="F13402" s="14" t="s">
        <v>28</v>
      </c>
      <c r="G13402" s="16">
        <v>0</v>
      </c>
    </row>
    <row r="13403" spans="1:7" x14ac:dyDescent="0.3">
      <c r="A13403" s="13" t="s">
        <v>100</v>
      </c>
      <c r="B13403" s="14" t="s">
        <v>1</v>
      </c>
      <c r="C13403" s="14" t="s">
        <v>101</v>
      </c>
      <c r="D13403" s="14" t="s">
        <v>92</v>
      </c>
      <c r="E13403" s="15">
        <v>45639</v>
      </c>
      <c r="F13403" s="14" t="s">
        <v>28</v>
      </c>
      <c r="G13403" s="16">
        <v>0</v>
      </c>
    </row>
    <row r="13404" spans="1:7" x14ac:dyDescent="0.3">
      <c r="A13404" s="13" t="s">
        <v>100</v>
      </c>
      <c r="B13404" s="14" t="s">
        <v>1</v>
      </c>
      <c r="C13404" s="14" t="s">
        <v>101</v>
      </c>
      <c r="D13404" s="14" t="s">
        <v>92</v>
      </c>
      <c r="E13404" s="15">
        <v>45640</v>
      </c>
      <c r="F13404" s="14" t="s">
        <v>28</v>
      </c>
      <c r="G13404" s="16">
        <v>0</v>
      </c>
    </row>
    <row r="13405" spans="1:7" x14ac:dyDescent="0.3">
      <c r="A13405" s="13" t="s">
        <v>100</v>
      </c>
      <c r="B13405" s="14" t="s">
        <v>1</v>
      </c>
      <c r="C13405" s="14" t="s">
        <v>101</v>
      </c>
      <c r="D13405" s="14" t="s">
        <v>92</v>
      </c>
      <c r="E13405" s="15">
        <v>45641</v>
      </c>
      <c r="F13405" s="14" t="s">
        <v>28</v>
      </c>
      <c r="G13405" s="16">
        <v>0</v>
      </c>
    </row>
    <row r="13406" spans="1:7" x14ac:dyDescent="0.3">
      <c r="A13406" s="13" t="s">
        <v>100</v>
      </c>
      <c r="B13406" s="14" t="s">
        <v>1</v>
      </c>
      <c r="C13406" s="14" t="s">
        <v>101</v>
      </c>
      <c r="D13406" s="14" t="s">
        <v>92</v>
      </c>
      <c r="E13406" s="15">
        <v>45642</v>
      </c>
      <c r="F13406" s="14" t="s">
        <v>28</v>
      </c>
      <c r="G13406" s="16">
        <v>0</v>
      </c>
    </row>
    <row r="13407" spans="1:7" x14ac:dyDescent="0.3">
      <c r="A13407" s="13" t="s">
        <v>100</v>
      </c>
      <c r="B13407" s="14" t="s">
        <v>1</v>
      </c>
      <c r="C13407" s="14" t="s">
        <v>101</v>
      </c>
      <c r="D13407" s="14" t="s">
        <v>92</v>
      </c>
      <c r="E13407" s="15">
        <v>45643</v>
      </c>
      <c r="F13407" s="14" t="s">
        <v>28</v>
      </c>
      <c r="G13407" s="16">
        <v>0</v>
      </c>
    </row>
    <row r="13408" spans="1:7" x14ac:dyDescent="0.3">
      <c r="A13408" s="13" t="s">
        <v>100</v>
      </c>
      <c r="B13408" s="14" t="s">
        <v>1</v>
      </c>
      <c r="C13408" s="14" t="s">
        <v>101</v>
      </c>
      <c r="D13408" s="14" t="s">
        <v>92</v>
      </c>
      <c r="E13408" s="15">
        <v>45644</v>
      </c>
      <c r="F13408" s="14" t="s">
        <v>28</v>
      </c>
      <c r="G13408" s="16">
        <v>0</v>
      </c>
    </row>
    <row r="13409" spans="1:7" x14ac:dyDescent="0.3">
      <c r="A13409" s="13" t="s">
        <v>100</v>
      </c>
      <c r="B13409" s="14" t="s">
        <v>1</v>
      </c>
      <c r="C13409" s="14" t="s">
        <v>101</v>
      </c>
      <c r="D13409" s="14" t="s">
        <v>92</v>
      </c>
      <c r="E13409" s="15">
        <v>45645</v>
      </c>
      <c r="F13409" s="14" t="s">
        <v>28</v>
      </c>
      <c r="G13409" s="16">
        <v>0</v>
      </c>
    </row>
    <row r="13410" spans="1:7" x14ac:dyDescent="0.3">
      <c r="A13410" s="13" t="s">
        <v>100</v>
      </c>
      <c r="B13410" s="14" t="s">
        <v>1</v>
      </c>
      <c r="C13410" s="14" t="s">
        <v>101</v>
      </c>
      <c r="D13410" s="14" t="s">
        <v>92</v>
      </c>
      <c r="E13410" s="15">
        <v>45646</v>
      </c>
      <c r="F13410" s="14" t="s">
        <v>28</v>
      </c>
      <c r="G13410" s="16">
        <v>0</v>
      </c>
    </row>
    <row r="13411" spans="1:7" x14ac:dyDescent="0.3">
      <c r="A13411" s="13" t="s">
        <v>100</v>
      </c>
      <c r="B13411" s="14" t="s">
        <v>1</v>
      </c>
      <c r="C13411" s="14" t="s">
        <v>101</v>
      </c>
      <c r="D13411" s="14" t="s">
        <v>92</v>
      </c>
      <c r="E13411" s="15">
        <v>45647</v>
      </c>
      <c r="F13411" s="14" t="s">
        <v>28</v>
      </c>
      <c r="G13411" s="16">
        <v>0</v>
      </c>
    </row>
    <row r="13412" spans="1:7" x14ac:dyDescent="0.3">
      <c r="A13412" s="13" t="s">
        <v>100</v>
      </c>
      <c r="B13412" s="14" t="s">
        <v>1</v>
      </c>
      <c r="C13412" s="14" t="s">
        <v>101</v>
      </c>
      <c r="D13412" s="14" t="s">
        <v>92</v>
      </c>
      <c r="E13412" s="15">
        <v>45648</v>
      </c>
      <c r="F13412" s="14" t="s">
        <v>28</v>
      </c>
      <c r="G13412" s="16">
        <v>0</v>
      </c>
    </row>
    <row r="13413" spans="1:7" x14ac:dyDescent="0.3">
      <c r="A13413" s="13" t="s">
        <v>100</v>
      </c>
      <c r="B13413" s="14" t="s">
        <v>1</v>
      </c>
      <c r="C13413" s="14" t="s">
        <v>101</v>
      </c>
      <c r="D13413" s="14" t="s">
        <v>92</v>
      </c>
      <c r="E13413" s="15">
        <v>45649</v>
      </c>
      <c r="F13413" s="14" t="s">
        <v>28</v>
      </c>
      <c r="G13413" s="16">
        <v>0</v>
      </c>
    </row>
    <row r="13414" spans="1:7" x14ac:dyDescent="0.3">
      <c r="A13414" s="13" t="s">
        <v>100</v>
      </c>
      <c r="B13414" s="14" t="s">
        <v>1</v>
      </c>
      <c r="C13414" s="14" t="s">
        <v>101</v>
      </c>
      <c r="D13414" s="14" t="s">
        <v>92</v>
      </c>
      <c r="E13414" s="15">
        <v>45650</v>
      </c>
      <c r="F13414" s="14" t="s">
        <v>28</v>
      </c>
      <c r="G13414" s="16">
        <v>0</v>
      </c>
    </row>
    <row r="13415" spans="1:7" x14ac:dyDescent="0.3">
      <c r="A13415" s="13" t="s">
        <v>100</v>
      </c>
      <c r="B13415" s="14" t="s">
        <v>1</v>
      </c>
      <c r="C13415" s="14" t="s">
        <v>101</v>
      </c>
      <c r="D13415" s="14" t="s">
        <v>92</v>
      </c>
      <c r="E13415" s="15">
        <v>45651</v>
      </c>
      <c r="F13415" s="14" t="s">
        <v>28</v>
      </c>
      <c r="G13415" s="16">
        <v>0</v>
      </c>
    </row>
    <row r="13416" spans="1:7" x14ac:dyDescent="0.3">
      <c r="A13416" s="13" t="s">
        <v>100</v>
      </c>
      <c r="B13416" s="14" t="s">
        <v>1</v>
      </c>
      <c r="C13416" s="14" t="s">
        <v>101</v>
      </c>
      <c r="D13416" s="14" t="s">
        <v>92</v>
      </c>
      <c r="E13416" s="15">
        <v>45652</v>
      </c>
      <c r="F13416" s="14" t="s">
        <v>28</v>
      </c>
      <c r="G13416" s="16">
        <v>0</v>
      </c>
    </row>
    <row r="13417" spans="1:7" x14ac:dyDescent="0.3">
      <c r="A13417" s="13" t="s">
        <v>100</v>
      </c>
      <c r="B13417" s="14" t="s">
        <v>1</v>
      </c>
      <c r="C13417" s="14" t="s">
        <v>101</v>
      </c>
      <c r="D13417" s="14" t="s">
        <v>92</v>
      </c>
      <c r="E13417" s="15">
        <v>45653</v>
      </c>
      <c r="F13417" s="14" t="s">
        <v>28</v>
      </c>
      <c r="G13417" s="16">
        <v>0</v>
      </c>
    </row>
    <row r="13418" spans="1:7" x14ac:dyDescent="0.3">
      <c r="A13418" s="13" t="s">
        <v>100</v>
      </c>
      <c r="B13418" s="14" t="s">
        <v>1</v>
      </c>
      <c r="C13418" s="14" t="s">
        <v>101</v>
      </c>
      <c r="D13418" s="14" t="s">
        <v>92</v>
      </c>
      <c r="E13418" s="15">
        <v>45654</v>
      </c>
      <c r="F13418" s="14" t="s">
        <v>28</v>
      </c>
      <c r="G13418" s="16">
        <v>0</v>
      </c>
    </row>
    <row r="13419" spans="1:7" x14ac:dyDescent="0.3">
      <c r="A13419" s="13" t="s">
        <v>100</v>
      </c>
      <c r="B13419" s="14" t="s">
        <v>1</v>
      </c>
      <c r="C13419" s="14" t="s">
        <v>101</v>
      </c>
      <c r="D13419" s="14" t="s">
        <v>92</v>
      </c>
      <c r="E13419" s="15">
        <v>45655</v>
      </c>
      <c r="F13419" s="14" t="s">
        <v>28</v>
      </c>
      <c r="G13419" s="16">
        <v>0</v>
      </c>
    </row>
    <row r="13420" spans="1:7" x14ac:dyDescent="0.3">
      <c r="A13420" s="13" t="s">
        <v>100</v>
      </c>
      <c r="B13420" s="14" t="s">
        <v>1</v>
      </c>
      <c r="C13420" s="14" t="s">
        <v>101</v>
      </c>
      <c r="D13420" s="14" t="s">
        <v>92</v>
      </c>
      <c r="E13420" s="15">
        <v>45656</v>
      </c>
      <c r="F13420" s="14" t="s">
        <v>28</v>
      </c>
      <c r="G13420" s="16">
        <v>0</v>
      </c>
    </row>
    <row r="13421" spans="1:7" x14ac:dyDescent="0.3">
      <c r="A13421" s="13" t="s">
        <v>100</v>
      </c>
      <c r="B13421" s="14" t="s">
        <v>1</v>
      </c>
      <c r="C13421" s="14" t="s">
        <v>101</v>
      </c>
      <c r="D13421" s="14" t="s">
        <v>92</v>
      </c>
      <c r="E13421" s="15">
        <v>45657</v>
      </c>
      <c r="F13421" s="14" t="s">
        <v>28</v>
      </c>
      <c r="G13421" s="16">
        <v>0</v>
      </c>
    </row>
    <row r="13422" spans="1:7" x14ac:dyDescent="0.3">
      <c r="A13422" s="13" t="s">
        <v>100</v>
      </c>
      <c r="B13422" s="14" t="s">
        <v>1</v>
      </c>
      <c r="C13422" s="14" t="s">
        <v>101</v>
      </c>
      <c r="D13422" s="14" t="s">
        <v>92</v>
      </c>
      <c r="E13422" s="15">
        <v>45658</v>
      </c>
      <c r="F13422" s="14" t="s">
        <v>28</v>
      </c>
      <c r="G13422" s="16">
        <v>0</v>
      </c>
    </row>
    <row r="13423" spans="1:7" x14ac:dyDescent="0.3">
      <c r="A13423" s="13" t="s">
        <v>100</v>
      </c>
      <c r="B13423" s="14" t="s">
        <v>1</v>
      </c>
      <c r="C13423" s="14" t="s">
        <v>101</v>
      </c>
      <c r="D13423" s="14" t="s">
        <v>92</v>
      </c>
      <c r="E13423" s="15">
        <v>45659</v>
      </c>
      <c r="F13423" s="14" t="s">
        <v>28</v>
      </c>
      <c r="G13423" s="16">
        <v>0</v>
      </c>
    </row>
    <row r="13424" spans="1:7" x14ac:dyDescent="0.3">
      <c r="A13424" s="13" t="s">
        <v>100</v>
      </c>
      <c r="B13424" s="14" t="s">
        <v>1</v>
      </c>
      <c r="C13424" s="14" t="s">
        <v>101</v>
      </c>
      <c r="D13424" s="14" t="s">
        <v>92</v>
      </c>
      <c r="E13424" s="15">
        <v>45660</v>
      </c>
      <c r="F13424" s="14" t="s">
        <v>28</v>
      </c>
      <c r="G13424" s="16">
        <v>0</v>
      </c>
    </row>
    <row r="13425" spans="1:7" x14ac:dyDescent="0.3">
      <c r="A13425" s="13" t="s">
        <v>100</v>
      </c>
      <c r="B13425" s="14" t="s">
        <v>1</v>
      </c>
      <c r="C13425" s="14" t="s">
        <v>101</v>
      </c>
      <c r="D13425" s="14" t="s">
        <v>92</v>
      </c>
      <c r="E13425" s="15">
        <v>45661</v>
      </c>
      <c r="F13425" s="14" t="s">
        <v>28</v>
      </c>
      <c r="G13425" s="16">
        <v>0</v>
      </c>
    </row>
    <row r="13426" spans="1:7" x14ac:dyDescent="0.3">
      <c r="A13426" s="13" t="s">
        <v>100</v>
      </c>
      <c r="B13426" s="14" t="s">
        <v>1</v>
      </c>
      <c r="C13426" s="14" t="s">
        <v>101</v>
      </c>
      <c r="D13426" s="14" t="s">
        <v>92</v>
      </c>
      <c r="E13426" s="15">
        <v>45662</v>
      </c>
      <c r="F13426" s="14" t="s">
        <v>28</v>
      </c>
      <c r="G13426" s="16">
        <v>0</v>
      </c>
    </row>
    <row r="13427" spans="1:7" x14ac:dyDescent="0.3">
      <c r="A13427" s="13" t="s">
        <v>100</v>
      </c>
      <c r="B13427" s="14" t="s">
        <v>1</v>
      </c>
      <c r="C13427" s="14" t="s">
        <v>101</v>
      </c>
      <c r="D13427" s="14" t="s">
        <v>92</v>
      </c>
      <c r="E13427" s="15">
        <v>45663</v>
      </c>
      <c r="F13427" s="14" t="s">
        <v>28</v>
      </c>
      <c r="G13427" s="16">
        <v>0</v>
      </c>
    </row>
    <row r="13428" spans="1:7" x14ac:dyDescent="0.3">
      <c r="A13428" s="13" t="s">
        <v>100</v>
      </c>
      <c r="B13428" s="14" t="s">
        <v>1</v>
      </c>
      <c r="C13428" s="14" t="s">
        <v>101</v>
      </c>
      <c r="D13428" s="14" t="s">
        <v>92</v>
      </c>
      <c r="E13428" s="15">
        <v>45664</v>
      </c>
      <c r="F13428" s="14" t="s">
        <v>28</v>
      </c>
      <c r="G13428" s="16">
        <v>0</v>
      </c>
    </row>
    <row r="13429" spans="1:7" x14ac:dyDescent="0.3">
      <c r="A13429" s="13" t="s">
        <v>100</v>
      </c>
      <c r="B13429" s="14" t="s">
        <v>1</v>
      </c>
      <c r="C13429" s="14" t="s">
        <v>101</v>
      </c>
      <c r="D13429" s="14" t="s">
        <v>92</v>
      </c>
      <c r="E13429" s="15">
        <v>45665</v>
      </c>
      <c r="F13429" s="14" t="s">
        <v>28</v>
      </c>
      <c r="G13429" s="16">
        <v>0</v>
      </c>
    </row>
    <row r="13430" spans="1:7" x14ac:dyDescent="0.3">
      <c r="A13430" s="13" t="s">
        <v>100</v>
      </c>
      <c r="B13430" s="14" t="s">
        <v>1</v>
      </c>
      <c r="C13430" s="14" t="s">
        <v>101</v>
      </c>
      <c r="D13430" s="14" t="s">
        <v>92</v>
      </c>
      <c r="E13430" s="15">
        <v>45666</v>
      </c>
      <c r="F13430" s="14" t="s">
        <v>28</v>
      </c>
      <c r="G13430" s="16">
        <v>0</v>
      </c>
    </row>
    <row r="13431" spans="1:7" x14ac:dyDescent="0.3">
      <c r="A13431" s="13" t="s">
        <v>100</v>
      </c>
      <c r="B13431" s="14" t="s">
        <v>1</v>
      </c>
      <c r="C13431" s="14" t="s">
        <v>101</v>
      </c>
      <c r="D13431" s="14" t="s">
        <v>92</v>
      </c>
      <c r="E13431" s="15">
        <v>45667</v>
      </c>
      <c r="F13431" s="14" t="s">
        <v>28</v>
      </c>
      <c r="G13431" s="16">
        <v>0</v>
      </c>
    </row>
    <row r="13432" spans="1:7" x14ac:dyDescent="0.3">
      <c r="A13432" s="13" t="s">
        <v>100</v>
      </c>
      <c r="B13432" s="14" t="s">
        <v>1</v>
      </c>
      <c r="C13432" s="14" t="s">
        <v>101</v>
      </c>
      <c r="D13432" s="14" t="s">
        <v>92</v>
      </c>
      <c r="E13432" s="15">
        <v>45668</v>
      </c>
      <c r="F13432" s="14" t="s">
        <v>28</v>
      </c>
      <c r="G13432" s="16">
        <v>0</v>
      </c>
    </row>
    <row r="13433" spans="1:7" x14ac:dyDescent="0.3">
      <c r="A13433" s="13" t="s">
        <v>100</v>
      </c>
      <c r="B13433" s="14" t="s">
        <v>1</v>
      </c>
      <c r="C13433" s="14" t="s">
        <v>101</v>
      </c>
      <c r="D13433" s="14" t="s">
        <v>92</v>
      </c>
      <c r="E13433" s="15">
        <v>45669</v>
      </c>
      <c r="F13433" s="14" t="s">
        <v>28</v>
      </c>
      <c r="G13433" s="16">
        <v>0</v>
      </c>
    </row>
    <row r="13434" spans="1:7" x14ac:dyDescent="0.3">
      <c r="A13434" s="13" t="s">
        <v>100</v>
      </c>
      <c r="B13434" s="14" t="s">
        <v>1</v>
      </c>
      <c r="C13434" s="14" t="s">
        <v>101</v>
      </c>
      <c r="D13434" s="14" t="s">
        <v>92</v>
      </c>
      <c r="E13434" s="15">
        <v>45670</v>
      </c>
      <c r="F13434" s="14" t="s">
        <v>28</v>
      </c>
      <c r="G13434" s="16">
        <v>0</v>
      </c>
    </row>
    <row r="13435" spans="1:7" x14ac:dyDescent="0.3">
      <c r="A13435" s="13" t="s">
        <v>100</v>
      </c>
      <c r="B13435" s="14" t="s">
        <v>1</v>
      </c>
      <c r="C13435" s="14" t="s">
        <v>101</v>
      </c>
      <c r="D13435" s="14" t="s">
        <v>92</v>
      </c>
      <c r="E13435" s="15">
        <v>45671</v>
      </c>
      <c r="F13435" s="14" t="s">
        <v>28</v>
      </c>
      <c r="G13435" s="16">
        <v>0</v>
      </c>
    </row>
    <row r="13436" spans="1:7" x14ac:dyDescent="0.3">
      <c r="A13436" s="13" t="s">
        <v>100</v>
      </c>
      <c r="B13436" s="14" t="s">
        <v>1</v>
      </c>
      <c r="C13436" s="14" t="s">
        <v>101</v>
      </c>
      <c r="D13436" s="14" t="s">
        <v>92</v>
      </c>
      <c r="E13436" s="15">
        <v>45672</v>
      </c>
      <c r="F13436" s="14" t="s">
        <v>28</v>
      </c>
      <c r="G13436" s="16">
        <v>0</v>
      </c>
    </row>
    <row r="13437" spans="1:7" x14ac:dyDescent="0.3">
      <c r="A13437" s="13" t="s">
        <v>100</v>
      </c>
      <c r="B13437" s="14" t="s">
        <v>1</v>
      </c>
      <c r="C13437" s="14" t="s">
        <v>101</v>
      </c>
      <c r="D13437" s="14" t="s">
        <v>92</v>
      </c>
      <c r="E13437" s="15">
        <v>45673</v>
      </c>
      <c r="F13437" s="14" t="s">
        <v>28</v>
      </c>
      <c r="G13437" s="16">
        <v>0</v>
      </c>
    </row>
    <row r="13438" spans="1:7" x14ac:dyDescent="0.3">
      <c r="A13438" s="13" t="s">
        <v>100</v>
      </c>
      <c r="B13438" s="14" t="s">
        <v>1</v>
      </c>
      <c r="C13438" s="14" t="s">
        <v>101</v>
      </c>
      <c r="D13438" s="14" t="s">
        <v>92</v>
      </c>
      <c r="E13438" s="15">
        <v>45674</v>
      </c>
      <c r="F13438" s="14" t="s">
        <v>28</v>
      </c>
      <c r="G13438" s="16">
        <v>0</v>
      </c>
    </row>
    <row r="13439" spans="1:7" x14ac:dyDescent="0.3">
      <c r="A13439" s="13" t="s">
        <v>100</v>
      </c>
      <c r="B13439" s="14" t="s">
        <v>1</v>
      </c>
      <c r="C13439" s="14" t="s">
        <v>101</v>
      </c>
      <c r="D13439" s="14" t="s">
        <v>92</v>
      </c>
      <c r="E13439" s="15">
        <v>45675</v>
      </c>
      <c r="F13439" s="14" t="s">
        <v>28</v>
      </c>
      <c r="G13439" s="16">
        <v>0</v>
      </c>
    </row>
    <row r="13440" spans="1:7" x14ac:dyDescent="0.3">
      <c r="A13440" s="13" t="s">
        <v>100</v>
      </c>
      <c r="B13440" s="14" t="s">
        <v>1</v>
      </c>
      <c r="C13440" s="14" t="s">
        <v>101</v>
      </c>
      <c r="D13440" s="14" t="s">
        <v>92</v>
      </c>
      <c r="E13440" s="15">
        <v>45676</v>
      </c>
      <c r="F13440" s="14" t="s">
        <v>28</v>
      </c>
      <c r="G13440" s="16">
        <v>0</v>
      </c>
    </row>
    <row r="13441" spans="1:7" x14ac:dyDescent="0.3">
      <c r="A13441" s="13" t="s">
        <v>100</v>
      </c>
      <c r="B13441" s="14" t="s">
        <v>1</v>
      </c>
      <c r="C13441" s="14" t="s">
        <v>101</v>
      </c>
      <c r="D13441" s="14" t="s">
        <v>92</v>
      </c>
      <c r="E13441" s="15">
        <v>45677</v>
      </c>
      <c r="F13441" s="14" t="s">
        <v>28</v>
      </c>
      <c r="G13441" s="16">
        <v>0</v>
      </c>
    </row>
    <row r="13442" spans="1:7" x14ac:dyDescent="0.3">
      <c r="A13442" s="13" t="s">
        <v>100</v>
      </c>
      <c r="B13442" s="14" t="s">
        <v>1</v>
      </c>
      <c r="C13442" s="14" t="s">
        <v>101</v>
      </c>
      <c r="D13442" s="14" t="s">
        <v>92</v>
      </c>
      <c r="E13442" s="15">
        <v>45678</v>
      </c>
      <c r="F13442" s="14" t="s">
        <v>28</v>
      </c>
      <c r="G13442" s="16">
        <v>0</v>
      </c>
    </row>
    <row r="13443" spans="1:7" x14ac:dyDescent="0.3">
      <c r="A13443" s="13" t="s">
        <v>100</v>
      </c>
      <c r="B13443" s="14" t="s">
        <v>1</v>
      </c>
      <c r="C13443" s="14" t="s">
        <v>101</v>
      </c>
      <c r="D13443" s="14" t="s">
        <v>92</v>
      </c>
      <c r="E13443" s="15">
        <v>45679</v>
      </c>
      <c r="F13443" s="14" t="s">
        <v>28</v>
      </c>
      <c r="G13443" s="16">
        <v>0</v>
      </c>
    </row>
    <row r="13444" spans="1:7" x14ac:dyDescent="0.3">
      <c r="A13444" s="13" t="s">
        <v>100</v>
      </c>
      <c r="B13444" s="14" t="s">
        <v>1</v>
      </c>
      <c r="C13444" s="14" t="s">
        <v>101</v>
      </c>
      <c r="D13444" s="14" t="s">
        <v>92</v>
      </c>
      <c r="E13444" s="15">
        <v>45680</v>
      </c>
      <c r="F13444" s="14" t="s">
        <v>28</v>
      </c>
      <c r="G13444" s="16">
        <v>0</v>
      </c>
    </row>
    <row r="13445" spans="1:7" x14ac:dyDescent="0.3">
      <c r="A13445" s="13" t="s">
        <v>100</v>
      </c>
      <c r="B13445" s="14" t="s">
        <v>1</v>
      </c>
      <c r="C13445" s="14" t="s">
        <v>101</v>
      </c>
      <c r="D13445" s="14" t="s">
        <v>92</v>
      </c>
      <c r="E13445" s="15">
        <v>45681</v>
      </c>
      <c r="F13445" s="14" t="s">
        <v>28</v>
      </c>
      <c r="G13445" s="16">
        <v>0</v>
      </c>
    </row>
    <row r="13446" spans="1:7" x14ac:dyDescent="0.3">
      <c r="A13446" s="13" t="s">
        <v>100</v>
      </c>
      <c r="B13446" s="14" t="s">
        <v>1</v>
      </c>
      <c r="C13446" s="14" t="s">
        <v>101</v>
      </c>
      <c r="D13446" s="14" t="s">
        <v>92</v>
      </c>
      <c r="E13446" s="15">
        <v>45682</v>
      </c>
      <c r="F13446" s="14" t="s">
        <v>28</v>
      </c>
      <c r="G13446" s="16">
        <v>0</v>
      </c>
    </row>
    <row r="13447" spans="1:7" x14ac:dyDescent="0.3">
      <c r="A13447" s="13" t="s">
        <v>100</v>
      </c>
      <c r="B13447" s="14" t="s">
        <v>1</v>
      </c>
      <c r="C13447" s="14" t="s">
        <v>101</v>
      </c>
      <c r="D13447" s="14" t="s">
        <v>92</v>
      </c>
      <c r="E13447" s="15">
        <v>45683</v>
      </c>
      <c r="F13447" s="14" t="s">
        <v>28</v>
      </c>
      <c r="G13447" s="16">
        <v>0</v>
      </c>
    </row>
    <row r="13448" spans="1:7" x14ac:dyDescent="0.3">
      <c r="A13448" s="13" t="s">
        <v>100</v>
      </c>
      <c r="B13448" s="14" t="s">
        <v>1</v>
      </c>
      <c r="C13448" s="14" t="s">
        <v>101</v>
      </c>
      <c r="D13448" s="14" t="s">
        <v>92</v>
      </c>
      <c r="E13448" s="15">
        <v>45684</v>
      </c>
      <c r="F13448" s="14" t="s">
        <v>28</v>
      </c>
      <c r="G13448" s="16">
        <v>0</v>
      </c>
    </row>
    <row r="13449" spans="1:7" x14ac:dyDescent="0.3">
      <c r="A13449" s="13" t="s">
        <v>100</v>
      </c>
      <c r="B13449" s="14" t="s">
        <v>1</v>
      </c>
      <c r="C13449" s="14" t="s">
        <v>101</v>
      </c>
      <c r="D13449" s="14" t="s">
        <v>92</v>
      </c>
      <c r="E13449" s="15">
        <v>45685</v>
      </c>
      <c r="F13449" s="14" t="s">
        <v>28</v>
      </c>
      <c r="G13449" s="16">
        <v>0</v>
      </c>
    </row>
    <row r="13450" spans="1:7" x14ac:dyDescent="0.3">
      <c r="A13450" s="13" t="s">
        <v>100</v>
      </c>
      <c r="B13450" s="14" t="s">
        <v>1</v>
      </c>
      <c r="C13450" s="14" t="s">
        <v>101</v>
      </c>
      <c r="D13450" s="14" t="s">
        <v>92</v>
      </c>
      <c r="E13450" s="15">
        <v>45686</v>
      </c>
      <c r="F13450" s="14" t="s">
        <v>28</v>
      </c>
      <c r="G13450" s="16">
        <v>0</v>
      </c>
    </row>
    <row r="13451" spans="1:7" x14ac:dyDescent="0.3">
      <c r="A13451" s="13" t="s">
        <v>100</v>
      </c>
      <c r="B13451" s="14" t="s">
        <v>1</v>
      </c>
      <c r="C13451" s="14" t="s">
        <v>101</v>
      </c>
      <c r="D13451" s="14" t="s">
        <v>92</v>
      </c>
      <c r="E13451" s="15">
        <v>45687</v>
      </c>
      <c r="F13451" s="14" t="s">
        <v>28</v>
      </c>
      <c r="G13451" s="16">
        <v>0</v>
      </c>
    </row>
    <row r="13452" spans="1:7" x14ac:dyDescent="0.3">
      <c r="A13452" s="13" t="s">
        <v>100</v>
      </c>
      <c r="B13452" s="14" t="s">
        <v>1</v>
      </c>
      <c r="C13452" s="14" t="s">
        <v>101</v>
      </c>
      <c r="D13452" s="14" t="s">
        <v>92</v>
      </c>
      <c r="E13452" s="15">
        <v>45688</v>
      </c>
      <c r="F13452" s="14" t="s">
        <v>28</v>
      </c>
      <c r="G13452" s="16">
        <v>0</v>
      </c>
    </row>
    <row r="13453" spans="1:7" x14ac:dyDescent="0.3">
      <c r="A13453" s="13" t="s">
        <v>100</v>
      </c>
      <c r="B13453" s="14" t="s">
        <v>1</v>
      </c>
      <c r="C13453" s="14" t="s">
        <v>101</v>
      </c>
      <c r="D13453" s="14" t="s">
        <v>92</v>
      </c>
      <c r="E13453" s="15">
        <v>45689</v>
      </c>
      <c r="F13453" s="14" t="s">
        <v>28</v>
      </c>
      <c r="G13453" s="16">
        <v>0</v>
      </c>
    </row>
    <row r="13454" spans="1:7" x14ac:dyDescent="0.3">
      <c r="A13454" s="13" t="s">
        <v>100</v>
      </c>
      <c r="B13454" s="14" t="s">
        <v>1</v>
      </c>
      <c r="C13454" s="14" t="s">
        <v>101</v>
      </c>
      <c r="D13454" s="14" t="s">
        <v>92</v>
      </c>
      <c r="E13454" s="15">
        <v>45690</v>
      </c>
      <c r="F13454" s="14" t="s">
        <v>28</v>
      </c>
      <c r="G13454" s="16">
        <v>0</v>
      </c>
    </row>
    <row r="13455" spans="1:7" x14ac:dyDescent="0.3">
      <c r="A13455" s="13" t="s">
        <v>100</v>
      </c>
      <c r="B13455" s="14" t="s">
        <v>1</v>
      </c>
      <c r="C13455" s="14" t="s">
        <v>101</v>
      </c>
      <c r="D13455" s="14" t="s">
        <v>92</v>
      </c>
      <c r="E13455" s="15">
        <v>45691</v>
      </c>
      <c r="F13455" s="14" t="s">
        <v>28</v>
      </c>
      <c r="G13455" s="16">
        <v>0</v>
      </c>
    </row>
    <row r="13456" spans="1:7" x14ac:dyDescent="0.3">
      <c r="A13456" s="13" t="s">
        <v>100</v>
      </c>
      <c r="B13456" s="14" t="s">
        <v>1</v>
      </c>
      <c r="C13456" s="14" t="s">
        <v>101</v>
      </c>
      <c r="D13456" s="14" t="s">
        <v>92</v>
      </c>
      <c r="E13456" s="15">
        <v>45692</v>
      </c>
      <c r="F13456" s="14" t="s">
        <v>28</v>
      </c>
      <c r="G13456" s="16">
        <v>0</v>
      </c>
    </row>
    <row r="13457" spans="1:7" x14ac:dyDescent="0.3">
      <c r="A13457" s="13" t="s">
        <v>100</v>
      </c>
      <c r="B13457" s="14" t="s">
        <v>1</v>
      </c>
      <c r="C13457" s="14" t="s">
        <v>101</v>
      </c>
      <c r="D13457" s="14" t="s">
        <v>92</v>
      </c>
      <c r="E13457" s="15">
        <v>45693</v>
      </c>
      <c r="F13457" s="14" t="s">
        <v>28</v>
      </c>
      <c r="G13457" s="16">
        <v>0</v>
      </c>
    </row>
    <row r="13458" spans="1:7" x14ac:dyDescent="0.3">
      <c r="A13458" s="13" t="s">
        <v>100</v>
      </c>
      <c r="B13458" s="14" t="s">
        <v>1</v>
      </c>
      <c r="C13458" s="14" t="s">
        <v>101</v>
      </c>
      <c r="D13458" s="14" t="s">
        <v>92</v>
      </c>
      <c r="E13458" s="15">
        <v>45694</v>
      </c>
      <c r="F13458" s="14" t="s">
        <v>28</v>
      </c>
      <c r="G13458" s="16">
        <v>0</v>
      </c>
    </row>
    <row r="13459" spans="1:7" x14ac:dyDescent="0.3">
      <c r="A13459" s="13" t="s">
        <v>100</v>
      </c>
      <c r="B13459" s="14" t="s">
        <v>1</v>
      </c>
      <c r="C13459" s="14" t="s">
        <v>101</v>
      </c>
      <c r="D13459" s="14" t="s">
        <v>92</v>
      </c>
      <c r="E13459" s="15">
        <v>45695</v>
      </c>
      <c r="F13459" s="14" t="s">
        <v>28</v>
      </c>
      <c r="G13459" s="16">
        <v>0</v>
      </c>
    </row>
    <row r="13460" spans="1:7" x14ac:dyDescent="0.3">
      <c r="A13460" s="13" t="s">
        <v>100</v>
      </c>
      <c r="B13460" s="14" t="s">
        <v>1</v>
      </c>
      <c r="C13460" s="14" t="s">
        <v>101</v>
      </c>
      <c r="D13460" s="14" t="s">
        <v>92</v>
      </c>
      <c r="E13460" s="15">
        <v>45696</v>
      </c>
      <c r="F13460" s="14" t="s">
        <v>28</v>
      </c>
      <c r="G13460" s="16">
        <v>0</v>
      </c>
    </row>
    <row r="13461" spans="1:7" x14ac:dyDescent="0.3">
      <c r="A13461" s="13" t="s">
        <v>100</v>
      </c>
      <c r="B13461" s="14" t="s">
        <v>1</v>
      </c>
      <c r="C13461" s="14" t="s">
        <v>101</v>
      </c>
      <c r="D13461" s="14" t="s">
        <v>92</v>
      </c>
      <c r="E13461" s="15">
        <v>45697</v>
      </c>
      <c r="F13461" s="14" t="s">
        <v>28</v>
      </c>
      <c r="G13461" s="16">
        <v>0</v>
      </c>
    </row>
    <row r="13462" spans="1:7" x14ac:dyDescent="0.3">
      <c r="A13462" s="13" t="s">
        <v>100</v>
      </c>
      <c r="B13462" s="14" t="s">
        <v>1</v>
      </c>
      <c r="C13462" s="14" t="s">
        <v>101</v>
      </c>
      <c r="D13462" s="14" t="s">
        <v>92</v>
      </c>
      <c r="E13462" s="15">
        <v>45698</v>
      </c>
      <c r="F13462" s="14" t="s">
        <v>28</v>
      </c>
      <c r="G13462" s="16">
        <v>0</v>
      </c>
    </row>
    <row r="13463" spans="1:7" x14ac:dyDescent="0.3">
      <c r="A13463" s="13" t="s">
        <v>100</v>
      </c>
      <c r="B13463" s="14" t="s">
        <v>1</v>
      </c>
      <c r="C13463" s="14" t="s">
        <v>101</v>
      </c>
      <c r="D13463" s="14" t="s">
        <v>92</v>
      </c>
      <c r="E13463" s="15">
        <v>45699</v>
      </c>
      <c r="F13463" s="14" t="s">
        <v>28</v>
      </c>
      <c r="G13463" s="16">
        <v>0</v>
      </c>
    </row>
    <row r="13464" spans="1:7" x14ac:dyDescent="0.3">
      <c r="A13464" s="13" t="s">
        <v>100</v>
      </c>
      <c r="B13464" s="14" t="s">
        <v>1</v>
      </c>
      <c r="C13464" s="14" t="s">
        <v>101</v>
      </c>
      <c r="D13464" s="14" t="s">
        <v>92</v>
      </c>
      <c r="E13464" s="15">
        <v>45700</v>
      </c>
      <c r="F13464" s="14" t="s">
        <v>28</v>
      </c>
      <c r="G13464" s="16">
        <v>0</v>
      </c>
    </row>
    <row r="13465" spans="1:7" x14ac:dyDescent="0.3">
      <c r="A13465" s="13" t="s">
        <v>100</v>
      </c>
      <c r="B13465" s="14" t="s">
        <v>1</v>
      </c>
      <c r="C13465" s="14" t="s">
        <v>101</v>
      </c>
      <c r="D13465" s="14" t="s">
        <v>92</v>
      </c>
      <c r="E13465" s="15">
        <v>45701</v>
      </c>
      <c r="F13465" s="14" t="s">
        <v>28</v>
      </c>
      <c r="G13465" s="16">
        <v>0</v>
      </c>
    </row>
    <row r="13466" spans="1:7" x14ac:dyDescent="0.3">
      <c r="A13466" s="13" t="s">
        <v>100</v>
      </c>
      <c r="B13466" s="14" t="s">
        <v>1</v>
      </c>
      <c r="C13466" s="14" t="s">
        <v>101</v>
      </c>
      <c r="D13466" s="14" t="s">
        <v>92</v>
      </c>
      <c r="E13466" s="15">
        <v>45702</v>
      </c>
      <c r="F13466" s="14" t="s">
        <v>28</v>
      </c>
      <c r="G13466" s="16">
        <v>0</v>
      </c>
    </row>
    <row r="13467" spans="1:7" x14ac:dyDescent="0.3">
      <c r="A13467" s="13" t="s">
        <v>100</v>
      </c>
      <c r="B13467" s="14" t="s">
        <v>1</v>
      </c>
      <c r="C13467" s="14" t="s">
        <v>101</v>
      </c>
      <c r="D13467" s="14" t="s">
        <v>92</v>
      </c>
      <c r="E13467" s="15">
        <v>45703</v>
      </c>
      <c r="F13467" s="14" t="s">
        <v>28</v>
      </c>
      <c r="G13467" s="16">
        <v>0</v>
      </c>
    </row>
    <row r="13468" spans="1:7" x14ac:dyDescent="0.3">
      <c r="A13468" s="13" t="s">
        <v>100</v>
      </c>
      <c r="B13468" s="14" t="s">
        <v>1</v>
      </c>
      <c r="C13468" s="14" t="s">
        <v>101</v>
      </c>
      <c r="D13468" s="14" t="s">
        <v>92</v>
      </c>
      <c r="E13468" s="15">
        <v>45704</v>
      </c>
      <c r="F13468" s="14" t="s">
        <v>28</v>
      </c>
      <c r="G13468" s="16">
        <v>0</v>
      </c>
    </row>
    <row r="13469" spans="1:7" x14ac:dyDescent="0.3">
      <c r="A13469" s="13" t="s">
        <v>100</v>
      </c>
      <c r="B13469" s="14" t="s">
        <v>1</v>
      </c>
      <c r="C13469" s="14" t="s">
        <v>101</v>
      </c>
      <c r="D13469" s="14" t="s">
        <v>92</v>
      </c>
      <c r="E13469" s="15">
        <v>45705</v>
      </c>
      <c r="F13469" s="14" t="s">
        <v>28</v>
      </c>
      <c r="G13469" s="16">
        <v>0</v>
      </c>
    </row>
    <row r="13470" spans="1:7" x14ac:dyDescent="0.3">
      <c r="A13470" s="13" t="s">
        <v>100</v>
      </c>
      <c r="B13470" s="14" t="s">
        <v>1</v>
      </c>
      <c r="C13470" s="14" t="s">
        <v>101</v>
      </c>
      <c r="D13470" s="14" t="s">
        <v>92</v>
      </c>
      <c r="E13470" s="15">
        <v>45706</v>
      </c>
      <c r="F13470" s="14" t="s">
        <v>28</v>
      </c>
      <c r="G13470" s="16">
        <v>0</v>
      </c>
    </row>
    <row r="13471" spans="1:7" x14ac:dyDescent="0.3">
      <c r="A13471" s="13" t="s">
        <v>100</v>
      </c>
      <c r="B13471" s="14" t="s">
        <v>1</v>
      </c>
      <c r="C13471" s="14" t="s">
        <v>101</v>
      </c>
      <c r="D13471" s="14" t="s">
        <v>92</v>
      </c>
      <c r="E13471" s="15">
        <v>45707</v>
      </c>
      <c r="F13471" s="14" t="s">
        <v>28</v>
      </c>
      <c r="G13471" s="16">
        <v>0</v>
      </c>
    </row>
    <row r="13472" spans="1:7" x14ac:dyDescent="0.3">
      <c r="A13472" s="13" t="s">
        <v>100</v>
      </c>
      <c r="B13472" s="14" t="s">
        <v>1</v>
      </c>
      <c r="C13472" s="14" t="s">
        <v>101</v>
      </c>
      <c r="D13472" s="14" t="s">
        <v>92</v>
      </c>
      <c r="E13472" s="15">
        <v>45708</v>
      </c>
      <c r="F13472" s="14" t="s">
        <v>28</v>
      </c>
      <c r="G13472" s="16">
        <v>0</v>
      </c>
    </row>
    <row r="13473" spans="1:7" x14ac:dyDescent="0.3">
      <c r="A13473" s="13" t="s">
        <v>100</v>
      </c>
      <c r="B13473" s="14" t="s">
        <v>1</v>
      </c>
      <c r="C13473" s="14" t="s">
        <v>101</v>
      </c>
      <c r="D13473" s="14" t="s">
        <v>92</v>
      </c>
      <c r="E13473" s="15">
        <v>45709</v>
      </c>
      <c r="F13473" s="14" t="s">
        <v>28</v>
      </c>
      <c r="G13473" s="16">
        <v>0</v>
      </c>
    </row>
    <row r="13474" spans="1:7" x14ac:dyDescent="0.3">
      <c r="A13474" s="13" t="s">
        <v>100</v>
      </c>
      <c r="B13474" s="14" t="s">
        <v>1</v>
      </c>
      <c r="C13474" s="14" t="s">
        <v>101</v>
      </c>
      <c r="D13474" s="14" t="s">
        <v>92</v>
      </c>
      <c r="E13474" s="15">
        <v>45710</v>
      </c>
      <c r="F13474" s="14" t="s">
        <v>28</v>
      </c>
      <c r="G13474" s="16">
        <v>0</v>
      </c>
    </row>
    <row r="13475" spans="1:7" x14ac:dyDescent="0.3">
      <c r="A13475" s="13" t="s">
        <v>100</v>
      </c>
      <c r="B13475" s="14" t="s">
        <v>1</v>
      </c>
      <c r="C13475" s="14" t="s">
        <v>101</v>
      </c>
      <c r="D13475" s="14" t="s">
        <v>92</v>
      </c>
      <c r="E13475" s="15">
        <v>45711</v>
      </c>
      <c r="F13475" s="14" t="s">
        <v>28</v>
      </c>
      <c r="G13475" s="16">
        <v>0</v>
      </c>
    </row>
    <row r="13476" spans="1:7" x14ac:dyDescent="0.3">
      <c r="A13476" s="13" t="s">
        <v>100</v>
      </c>
      <c r="B13476" s="14" t="s">
        <v>1</v>
      </c>
      <c r="C13476" s="14" t="s">
        <v>101</v>
      </c>
      <c r="D13476" s="14" t="s">
        <v>92</v>
      </c>
      <c r="E13476" s="15">
        <v>45712</v>
      </c>
      <c r="F13476" s="14" t="s">
        <v>28</v>
      </c>
      <c r="G13476" s="16">
        <v>0</v>
      </c>
    </row>
    <row r="13477" spans="1:7" x14ac:dyDescent="0.3">
      <c r="A13477" s="13" t="s">
        <v>100</v>
      </c>
      <c r="B13477" s="14" t="s">
        <v>1</v>
      </c>
      <c r="C13477" s="14" t="s">
        <v>101</v>
      </c>
      <c r="D13477" s="14" t="s">
        <v>92</v>
      </c>
      <c r="E13477" s="15">
        <v>45713</v>
      </c>
      <c r="F13477" s="14" t="s">
        <v>28</v>
      </c>
      <c r="G13477" s="16">
        <v>0</v>
      </c>
    </row>
    <row r="13478" spans="1:7" x14ac:dyDescent="0.3">
      <c r="A13478" s="13" t="s">
        <v>100</v>
      </c>
      <c r="B13478" s="14" t="s">
        <v>1</v>
      </c>
      <c r="C13478" s="14" t="s">
        <v>101</v>
      </c>
      <c r="D13478" s="14" t="s">
        <v>92</v>
      </c>
      <c r="E13478" s="15">
        <v>45714</v>
      </c>
      <c r="F13478" s="14" t="s">
        <v>28</v>
      </c>
      <c r="G13478" s="16">
        <v>0</v>
      </c>
    </row>
    <row r="13479" spans="1:7" x14ac:dyDescent="0.3">
      <c r="A13479" s="13" t="s">
        <v>100</v>
      </c>
      <c r="B13479" s="14" t="s">
        <v>1</v>
      </c>
      <c r="C13479" s="14" t="s">
        <v>101</v>
      </c>
      <c r="D13479" s="14" t="s">
        <v>92</v>
      </c>
      <c r="E13479" s="15">
        <v>45715</v>
      </c>
      <c r="F13479" s="14" t="s">
        <v>28</v>
      </c>
      <c r="G13479" s="16">
        <v>0</v>
      </c>
    </row>
    <row r="13480" spans="1:7" x14ac:dyDescent="0.3">
      <c r="A13480" s="13" t="s">
        <v>100</v>
      </c>
      <c r="B13480" s="14" t="s">
        <v>1</v>
      </c>
      <c r="C13480" s="14" t="s">
        <v>101</v>
      </c>
      <c r="D13480" s="14" t="s">
        <v>92</v>
      </c>
      <c r="E13480" s="15">
        <v>45716</v>
      </c>
      <c r="F13480" s="14" t="s">
        <v>28</v>
      </c>
      <c r="G13480" s="16">
        <v>0</v>
      </c>
    </row>
    <row r="13481" spans="1:7" x14ac:dyDescent="0.3">
      <c r="A13481" s="13" t="s">
        <v>100</v>
      </c>
      <c r="B13481" s="14" t="s">
        <v>1</v>
      </c>
      <c r="C13481" s="14" t="s">
        <v>101</v>
      </c>
      <c r="D13481" s="14" t="s">
        <v>92</v>
      </c>
      <c r="E13481" s="15">
        <v>45717</v>
      </c>
      <c r="F13481" s="14" t="s">
        <v>28</v>
      </c>
      <c r="G13481" s="16">
        <v>0</v>
      </c>
    </row>
    <row r="13482" spans="1:7" x14ac:dyDescent="0.3">
      <c r="A13482" s="13" t="s">
        <v>100</v>
      </c>
      <c r="B13482" s="14" t="s">
        <v>1</v>
      </c>
      <c r="C13482" s="14" t="s">
        <v>101</v>
      </c>
      <c r="D13482" s="14" t="s">
        <v>92</v>
      </c>
      <c r="E13482" s="15">
        <v>45718</v>
      </c>
      <c r="F13482" s="14" t="s">
        <v>28</v>
      </c>
      <c r="G13482" s="16">
        <v>0</v>
      </c>
    </row>
    <row r="13483" spans="1:7" x14ac:dyDescent="0.3">
      <c r="A13483" s="13" t="s">
        <v>100</v>
      </c>
      <c r="B13483" s="14" t="s">
        <v>1</v>
      </c>
      <c r="C13483" s="14" t="s">
        <v>101</v>
      </c>
      <c r="D13483" s="14" t="s">
        <v>92</v>
      </c>
      <c r="E13483" s="15">
        <v>45719</v>
      </c>
      <c r="F13483" s="14" t="s">
        <v>28</v>
      </c>
      <c r="G13483" s="16">
        <v>0</v>
      </c>
    </row>
    <row r="13484" spans="1:7" x14ac:dyDescent="0.3">
      <c r="A13484" s="13" t="s">
        <v>100</v>
      </c>
      <c r="B13484" s="14" t="s">
        <v>1</v>
      </c>
      <c r="C13484" s="14" t="s">
        <v>101</v>
      </c>
      <c r="D13484" s="14" t="s">
        <v>92</v>
      </c>
      <c r="E13484" s="15">
        <v>45720</v>
      </c>
      <c r="F13484" s="14" t="s">
        <v>28</v>
      </c>
      <c r="G13484" s="16">
        <v>0</v>
      </c>
    </row>
    <row r="13485" spans="1:7" x14ac:dyDescent="0.3">
      <c r="A13485" s="13" t="s">
        <v>100</v>
      </c>
      <c r="B13485" s="14" t="s">
        <v>1</v>
      </c>
      <c r="C13485" s="14" t="s">
        <v>101</v>
      </c>
      <c r="D13485" s="14" t="s">
        <v>92</v>
      </c>
      <c r="E13485" s="15">
        <v>45721</v>
      </c>
      <c r="F13485" s="14" t="s">
        <v>28</v>
      </c>
      <c r="G13485" s="16">
        <v>0</v>
      </c>
    </row>
    <row r="13486" spans="1:7" x14ac:dyDescent="0.3">
      <c r="A13486" s="13" t="s">
        <v>100</v>
      </c>
      <c r="B13486" s="14" t="s">
        <v>1</v>
      </c>
      <c r="C13486" s="14" t="s">
        <v>101</v>
      </c>
      <c r="D13486" s="14" t="s">
        <v>92</v>
      </c>
      <c r="E13486" s="15">
        <v>45722</v>
      </c>
      <c r="F13486" s="14" t="s">
        <v>28</v>
      </c>
      <c r="G13486" s="16">
        <v>0</v>
      </c>
    </row>
    <row r="13487" spans="1:7" x14ac:dyDescent="0.3">
      <c r="A13487" s="13" t="s">
        <v>100</v>
      </c>
      <c r="B13487" s="14" t="s">
        <v>1</v>
      </c>
      <c r="C13487" s="14" t="s">
        <v>101</v>
      </c>
      <c r="D13487" s="14" t="s">
        <v>92</v>
      </c>
      <c r="E13487" s="15">
        <v>45723</v>
      </c>
      <c r="F13487" s="14" t="s">
        <v>28</v>
      </c>
      <c r="G13487" s="16">
        <v>0</v>
      </c>
    </row>
    <row r="13488" spans="1:7" x14ac:dyDescent="0.3">
      <c r="A13488" s="13" t="s">
        <v>100</v>
      </c>
      <c r="B13488" s="14" t="s">
        <v>1</v>
      </c>
      <c r="C13488" s="14" t="s">
        <v>101</v>
      </c>
      <c r="D13488" s="14" t="s">
        <v>92</v>
      </c>
      <c r="E13488" s="15">
        <v>45724</v>
      </c>
      <c r="F13488" s="14" t="s">
        <v>28</v>
      </c>
      <c r="G13488" s="16">
        <v>0</v>
      </c>
    </row>
    <row r="13489" spans="1:7" x14ac:dyDescent="0.3">
      <c r="A13489" s="13" t="s">
        <v>100</v>
      </c>
      <c r="B13489" s="14" t="s">
        <v>1</v>
      </c>
      <c r="C13489" s="14" t="s">
        <v>101</v>
      </c>
      <c r="D13489" s="14" t="s">
        <v>92</v>
      </c>
      <c r="E13489" s="15">
        <v>45725</v>
      </c>
      <c r="F13489" s="14" t="s">
        <v>28</v>
      </c>
      <c r="G13489" s="16">
        <v>0</v>
      </c>
    </row>
    <row r="13490" spans="1:7" x14ac:dyDescent="0.3">
      <c r="A13490" s="13" t="s">
        <v>100</v>
      </c>
      <c r="B13490" s="14" t="s">
        <v>1</v>
      </c>
      <c r="C13490" s="14" t="s">
        <v>101</v>
      </c>
      <c r="D13490" s="14" t="s">
        <v>92</v>
      </c>
      <c r="E13490" s="15">
        <v>45726</v>
      </c>
      <c r="F13490" s="14" t="s">
        <v>28</v>
      </c>
      <c r="G13490" s="16">
        <v>0</v>
      </c>
    </row>
    <row r="13491" spans="1:7" x14ac:dyDescent="0.3">
      <c r="A13491" s="13" t="s">
        <v>100</v>
      </c>
      <c r="B13491" s="14" t="s">
        <v>1</v>
      </c>
      <c r="C13491" s="14" t="s">
        <v>101</v>
      </c>
      <c r="D13491" s="14" t="s">
        <v>92</v>
      </c>
      <c r="E13491" s="15">
        <v>45727</v>
      </c>
      <c r="F13491" s="14" t="s">
        <v>28</v>
      </c>
      <c r="G13491" s="16">
        <v>0</v>
      </c>
    </row>
    <row r="13492" spans="1:7" x14ac:dyDescent="0.3">
      <c r="A13492" s="13" t="s">
        <v>100</v>
      </c>
      <c r="B13492" s="14" t="s">
        <v>1</v>
      </c>
      <c r="C13492" s="14" t="s">
        <v>101</v>
      </c>
      <c r="D13492" s="14" t="s">
        <v>92</v>
      </c>
      <c r="E13492" s="15">
        <v>45728</v>
      </c>
      <c r="F13492" s="14" t="s">
        <v>28</v>
      </c>
      <c r="G13492" s="16">
        <v>0</v>
      </c>
    </row>
    <row r="13493" spans="1:7" x14ac:dyDescent="0.3">
      <c r="A13493" s="13" t="s">
        <v>100</v>
      </c>
      <c r="B13493" s="14" t="s">
        <v>1</v>
      </c>
      <c r="C13493" s="14" t="s">
        <v>101</v>
      </c>
      <c r="D13493" s="14" t="s">
        <v>92</v>
      </c>
      <c r="E13493" s="15">
        <v>45729</v>
      </c>
      <c r="F13493" s="14" t="s">
        <v>28</v>
      </c>
      <c r="G13493" s="16">
        <v>0</v>
      </c>
    </row>
    <row r="13494" spans="1:7" x14ac:dyDescent="0.3">
      <c r="A13494" s="13" t="s">
        <v>100</v>
      </c>
      <c r="B13494" s="14" t="s">
        <v>1</v>
      </c>
      <c r="C13494" s="14" t="s">
        <v>101</v>
      </c>
      <c r="D13494" s="14" t="s">
        <v>92</v>
      </c>
      <c r="E13494" s="15">
        <v>45730</v>
      </c>
      <c r="F13494" s="14" t="s">
        <v>28</v>
      </c>
      <c r="G13494" s="16">
        <v>0</v>
      </c>
    </row>
    <row r="13495" spans="1:7" x14ac:dyDescent="0.3">
      <c r="A13495" s="13" t="s">
        <v>100</v>
      </c>
      <c r="B13495" s="14" t="s">
        <v>1</v>
      </c>
      <c r="C13495" s="14" t="s">
        <v>101</v>
      </c>
      <c r="D13495" s="14" t="s">
        <v>92</v>
      </c>
      <c r="E13495" s="15">
        <v>45731</v>
      </c>
      <c r="F13495" s="14" t="s">
        <v>28</v>
      </c>
      <c r="G13495" s="16">
        <v>0</v>
      </c>
    </row>
    <row r="13496" spans="1:7" x14ac:dyDescent="0.3">
      <c r="A13496" s="13" t="s">
        <v>100</v>
      </c>
      <c r="B13496" s="14" t="s">
        <v>1</v>
      </c>
      <c r="C13496" s="14" t="s">
        <v>101</v>
      </c>
      <c r="D13496" s="14" t="s">
        <v>92</v>
      </c>
      <c r="E13496" s="15">
        <v>45732</v>
      </c>
      <c r="F13496" s="14" t="s">
        <v>28</v>
      </c>
      <c r="G13496" s="16">
        <v>0</v>
      </c>
    </row>
    <row r="13497" spans="1:7" x14ac:dyDescent="0.3">
      <c r="A13497" s="13" t="s">
        <v>100</v>
      </c>
      <c r="B13497" s="14" t="s">
        <v>1</v>
      </c>
      <c r="C13497" s="14" t="s">
        <v>101</v>
      </c>
      <c r="D13497" s="14" t="s">
        <v>92</v>
      </c>
      <c r="E13497" s="15">
        <v>45733</v>
      </c>
      <c r="F13497" s="14" t="s">
        <v>28</v>
      </c>
      <c r="G13497" s="16">
        <v>0</v>
      </c>
    </row>
    <row r="13498" spans="1:7" x14ac:dyDescent="0.3">
      <c r="A13498" s="13" t="s">
        <v>100</v>
      </c>
      <c r="B13498" s="14" t="s">
        <v>1</v>
      </c>
      <c r="C13498" s="14" t="s">
        <v>101</v>
      </c>
      <c r="D13498" s="14" t="s">
        <v>92</v>
      </c>
      <c r="E13498" s="15">
        <v>45734</v>
      </c>
      <c r="F13498" s="14" t="s">
        <v>28</v>
      </c>
      <c r="G13498" s="16">
        <v>0</v>
      </c>
    </row>
    <row r="13499" spans="1:7" x14ac:dyDescent="0.3">
      <c r="A13499" s="13" t="s">
        <v>100</v>
      </c>
      <c r="B13499" s="14" t="s">
        <v>1</v>
      </c>
      <c r="C13499" s="14" t="s">
        <v>101</v>
      </c>
      <c r="D13499" s="14" t="s">
        <v>92</v>
      </c>
      <c r="E13499" s="15">
        <v>45735</v>
      </c>
      <c r="F13499" s="14" t="s">
        <v>28</v>
      </c>
      <c r="G13499" s="16">
        <v>0</v>
      </c>
    </row>
    <row r="13500" spans="1:7" x14ac:dyDescent="0.3">
      <c r="A13500" s="13" t="s">
        <v>100</v>
      </c>
      <c r="B13500" s="14" t="s">
        <v>1</v>
      </c>
      <c r="C13500" s="14" t="s">
        <v>101</v>
      </c>
      <c r="D13500" s="14" t="s">
        <v>92</v>
      </c>
      <c r="E13500" s="15">
        <v>45736</v>
      </c>
      <c r="F13500" s="14" t="s">
        <v>28</v>
      </c>
      <c r="G13500" s="16">
        <v>0</v>
      </c>
    </row>
    <row r="13501" spans="1:7" x14ac:dyDescent="0.3">
      <c r="A13501" s="13" t="s">
        <v>100</v>
      </c>
      <c r="B13501" s="14" t="s">
        <v>1</v>
      </c>
      <c r="C13501" s="14" t="s">
        <v>101</v>
      </c>
      <c r="D13501" s="14" t="s">
        <v>92</v>
      </c>
      <c r="E13501" s="15">
        <v>45737</v>
      </c>
      <c r="F13501" s="14" t="s">
        <v>28</v>
      </c>
      <c r="G13501" s="16">
        <v>0</v>
      </c>
    </row>
    <row r="13502" spans="1:7" x14ac:dyDescent="0.3">
      <c r="A13502" s="13" t="s">
        <v>100</v>
      </c>
      <c r="B13502" s="14" t="s">
        <v>1</v>
      </c>
      <c r="C13502" s="14" t="s">
        <v>101</v>
      </c>
      <c r="D13502" s="14" t="s">
        <v>92</v>
      </c>
      <c r="E13502" s="15">
        <v>45738</v>
      </c>
      <c r="F13502" s="14" t="s">
        <v>28</v>
      </c>
      <c r="G13502" s="16">
        <v>0</v>
      </c>
    </row>
    <row r="13503" spans="1:7" x14ac:dyDescent="0.3">
      <c r="A13503" s="13" t="s">
        <v>100</v>
      </c>
      <c r="B13503" s="14" t="s">
        <v>1</v>
      </c>
      <c r="C13503" s="14" t="s">
        <v>101</v>
      </c>
      <c r="D13503" s="14" t="s">
        <v>92</v>
      </c>
      <c r="E13503" s="15">
        <v>45739</v>
      </c>
      <c r="F13503" s="14" t="s">
        <v>28</v>
      </c>
      <c r="G13503" s="16">
        <v>0</v>
      </c>
    </row>
    <row r="13504" spans="1:7" x14ac:dyDescent="0.3">
      <c r="A13504" s="13" t="s">
        <v>100</v>
      </c>
      <c r="B13504" s="14" t="s">
        <v>1</v>
      </c>
      <c r="C13504" s="14" t="s">
        <v>101</v>
      </c>
      <c r="D13504" s="14" t="s">
        <v>92</v>
      </c>
      <c r="E13504" s="15">
        <v>45740</v>
      </c>
      <c r="F13504" s="14" t="s">
        <v>28</v>
      </c>
      <c r="G13504" s="16">
        <v>0</v>
      </c>
    </row>
    <row r="13505" spans="1:7" x14ac:dyDescent="0.3">
      <c r="A13505" s="13" t="s">
        <v>100</v>
      </c>
      <c r="B13505" s="14" t="s">
        <v>1</v>
      </c>
      <c r="C13505" s="14" t="s">
        <v>101</v>
      </c>
      <c r="D13505" s="14" t="s">
        <v>92</v>
      </c>
      <c r="E13505" s="15">
        <v>45741</v>
      </c>
      <c r="F13505" s="14" t="s">
        <v>28</v>
      </c>
      <c r="G13505" s="16">
        <v>0</v>
      </c>
    </row>
    <row r="13506" spans="1:7" x14ac:dyDescent="0.3">
      <c r="A13506" s="13" t="s">
        <v>100</v>
      </c>
      <c r="B13506" s="14" t="s">
        <v>1</v>
      </c>
      <c r="C13506" s="14" t="s">
        <v>101</v>
      </c>
      <c r="D13506" s="14" t="s">
        <v>92</v>
      </c>
      <c r="E13506" s="15">
        <v>45742</v>
      </c>
      <c r="F13506" s="14" t="s">
        <v>28</v>
      </c>
      <c r="G13506" s="16">
        <v>0</v>
      </c>
    </row>
    <row r="13507" spans="1:7" x14ac:dyDescent="0.3">
      <c r="A13507" s="13" t="s">
        <v>100</v>
      </c>
      <c r="B13507" s="14" t="s">
        <v>1</v>
      </c>
      <c r="C13507" s="14" t="s">
        <v>101</v>
      </c>
      <c r="D13507" s="14" t="s">
        <v>92</v>
      </c>
      <c r="E13507" s="15">
        <v>45743</v>
      </c>
      <c r="F13507" s="14" t="s">
        <v>28</v>
      </c>
      <c r="G13507" s="16">
        <v>0</v>
      </c>
    </row>
    <row r="13508" spans="1:7" x14ac:dyDescent="0.3">
      <c r="A13508" s="13" t="s">
        <v>100</v>
      </c>
      <c r="B13508" s="14" t="s">
        <v>1</v>
      </c>
      <c r="C13508" s="14" t="s">
        <v>101</v>
      </c>
      <c r="D13508" s="14" t="s">
        <v>92</v>
      </c>
      <c r="E13508" s="15">
        <v>45744</v>
      </c>
      <c r="F13508" s="14" t="s">
        <v>28</v>
      </c>
      <c r="G13508" s="16">
        <v>0</v>
      </c>
    </row>
    <row r="13509" spans="1:7" x14ac:dyDescent="0.3">
      <c r="A13509" s="13" t="s">
        <v>100</v>
      </c>
      <c r="B13509" s="14" t="s">
        <v>1</v>
      </c>
      <c r="C13509" s="14" t="s">
        <v>101</v>
      </c>
      <c r="D13509" s="14" t="s">
        <v>92</v>
      </c>
      <c r="E13509" s="15">
        <v>45745</v>
      </c>
      <c r="F13509" s="14" t="s">
        <v>28</v>
      </c>
      <c r="G13509" s="16">
        <v>0</v>
      </c>
    </row>
    <row r="13510" spans="1:7" x14ac:dyDescent="0.3">
      <c r="A13510" s="13" t="s">
        <v>100</v>
      </c>
      <c r="B13510" s="14" t="s">
        <v>1</v>
      </c>
      <c r="C13510" s="14" t="s">
        <v>101</v>
      </c>
      <c r="D13510" s="14" t="s">
        <v>92</v>
      </c>
      <c r="E13510" s="15">
        <v>45746</v>
      </c>
      <c r="F13510" s="14" t="s">
        <v>28</v>
      </c>
      <c r="G13510" s="16">
        <v>0</v>
      </c>
    </row>
    <row r="13511" spans="1:7" x14ac:dyDescent="0.3">
      <c r="A13511" s="13" t="s">
        <v>100</v>
      </c>
      <c r="B13511" s="14" t="s">
        <v>1</v>
      </c>
      <c r="C13511" s="14" t="s">
        <v>101</v>
      </c>
      <c r="D13511" s="14" t="s">
        <v>92</v>
      </c>
      <c r="E13511" s="15">
        <v>45747</v>
      </c>
      <c r="F13511" s="14" t="s">
        <v>28</v>
      </c>
      <c r="G13511" s="16">
        <v>0</v>
      </c>
    </row>
    <row r="13512" spans="1:7" x14ac:dyDescent="0.3">
      <c r="A13512" s="13" t="s">
        <v>102</v>
      </c>
      <c r="B13512" s="14" t="s">
        <v>1</v>
      </c>
      <c r="C13512" s="14" t="s">
        <v>41</v>
      </c>
      <c r="D13512" s="14" t="s">
        <v>52</v>
      </c>
      <c r="E13512" s="15">
        <v>45383</v>
      </c>
      <c r="F13512" s="14" t="s">
        <v>53</v>
      </c>
      <c r="G13512" s="16">
        <v>0</v>
      </c>
    </row>
    <row r="13513" spans="1:7" x14ac:dyDescent="0.3">
      <c r="A13513" s="13" t="s">
        <v>102</v>
      </c>
      <c r="B13513" s="14" t="s">
        <v>1</v>
      </c>
      <c r="C13513" s="14" t="s">
        <v>41</v>
      </c>
      <c r="D13513" s="14" t="s">
        <v>52</v>
      </c>
      <c r="E13513" s="15">
        <v>45384</v>
      </c>
      <c r="F13513" s="14" t="s">
        <v>53</v>
      </c>
      <c r="G13513" s="16">
        <v>0</v>
      </c>
    </row>
    <row r="13514" spans="1:7" x14ac:dyDescent="0.3">
      <c r="A13514" s="13" t="s">
        <v>102</v>
      </c>
      <c r="B13514" s="14" t="s">
        <v>1</v>
      </c>
      <c r="C13514" s="14" t="s">
        <v>41</v>
      </c>
      <c r="D13514" s="14" t="s">
        <v>52</v>
      </c>
      <c r="E13514" s="15">
        <v>45385</v>
      </c>
      <c r="F13514" s="14" t="s">
        <v>53</v>
      </c>
      <c r="G13514" s="16">
        <v>0</v>
      </c>
    </row>
    <row r="13515" spans="1:7" x14ac:dyDescent="0.3">
      <c r="A13515" s="13" t="s">
        <v>102</v>
      </c>
      <c r="B13515" s="14" t="s">
        <v>1</v>
      </c>
      <c r="C13515" s="14" t="s">
        <v>41</v>
      </c>
      <c r="D13515" s="14" t="s">
        <v>52</v>
      </c>
      <c r="E13515" s="15">
        <v>45386</v>
      </c>
      <c r="F13515" s="14" t="s">
        <v>53</v>
      </c>
      <c r="G13515" s="16">
        <v>0</v>
      </c>
    </row>
    <row r="13516" spans="1:7" x14ac:dyDescent="0.3">
      <c r="A13516" s="13" t="s">
        <v>102</v>
      </c>
      <c r="B13516" s="14" t="s">
        <v>1</v>
      </c>
      <c r="C13516" s="14" t="s">
        <v>41</v>
      </c>
      <c r="D13516" s="14" t="s">
        <v>52</v>
      </c>
      <c r="E13516" s="15">
        <v>45387</v>
      </c>
      <c r="F13516" s="14" t="s">
        <v>53</v>
      </c>
      <c r="G13516" s="16">
        <v>0</v>
      </c>
    </row>
    <row r="13517" spans="1:7" x14ac:dyDescent="0.3">
      <c r="A13517" s="13" t="s">
        <v>102</v>
      </c>
      <c r="B13517" s="14" t="s">
        <v>1</v>
      </c>
      <c r="C13517" s="14" t="s">
        <v>41</v>
      </c>
      <c r="D13517" s="14" t="s">
        <v>52</v>
      </c>
      <c r="E13517" s="15">
        <v>45388</v>
      </c>
      <c r="F13517" s="14" t="s">
        <v>53</v>
      </c>
      <c r="G13517" s="16">
        <v>0</v>
      </c>
    </row>
    <row r="13518" spans="1:7" x14ac:dyDescent="0.3">
      <c r="A13518" s="13" t="s">
        <v>102</v>
      </c>
      <c r="B13518" s="14" t="s">
        <v>1</v>
      </c>
      <c r="C13518" s="14" t="s">
        <v>41</v>
      </c>
      <c r="D13518" s="14" t="s">
        <v>52</v>
      </c>
      <c r="E13518" s="15">
        <v>45389</v>
      </c>
      <c r="F13518" s="14" t="s">
        <v>53</v>
      </c>
      <c r="G13518" s="16">
        <v>0</v>
      </c>
    </row>
    <row r="13519" spans="1:7" x14ac:dyDescent="0.3">
      <c r="A13519" s="13" t="s">
        <v>102</v>
      </c>
      <c r="B13519" s="14" t="s">
        <v>1</v>
      </c>
      <c r="C13519" s="14" t="s">
        <v>41</v>
      </c>
      <c r="D13519" s="14" t="s">
        <v>52</v>
      </c>
      <c r="E13519" s="15">
        <v>45390</v>
      </c>
      <c r="F13519" s="14" t="s">
        <v>53</v>
      </c>
      <c r="G13519" s="16">
        <v>0</v>
      </c>
    </row>
    <row r="13520" spans="1:7" x14ac:dyDescent="0.3">
      <c r="A13520" s="13" t="s">
        <v>102</v>
      </c>
      <c r="B13520" s="14" t="s">
        <v>1</v>
      </c>
      <c r="C13520" s="14" t="s">
        <v>41</v>
      </c>
      <c r="D13520" s="14" t="s">
        <v>52</v>
      </c>
      <c r="E13520" s="15">
        <v>45391</v>
      </c>
      <c r="F13520" s="14" t="s">
        <v>53</v>
      </c>
      <c r="G13520" s="16">
        <v>0</v>
      </c>
    </row>
    <row r="13521" spans="1:7" x14ac:dyDescent="0.3">
      <c r="A13521" s="13" t="s">
        <v>102</v>
      </c>
      <c r="B13521" s="14" t="s">
        <v>1</v>
      </c>
      <c r="C13521" s="14" t="s">
        <v>41</v>
      </c>
      <c r="D13521" s="14" t="s">
        <v>52</v>
      </c>
      <c r="E13521" s="15">
        <v>45392</v>
      </c>
      <c r="F13521" s="14" t="s">
        <v>53</v>
      </c>
      <c r="G13521" s="16">
        <v>0</v>
      </c>
    </row>
    <row r="13522" spans="1:7" x14ac:dyDescent="0.3">
      <c r="A13522" s="13" t="s">
        <v>102</v>
      </c>
      <c r="B13522" s="14" t="s">
        <v>1</v>
      </c>
      <c r="C13522" s="14" t="s">
        <v>41</v>
      </c>
      <c r="D13522" s="14" t="s">
        <v>52</v>
      </c>
      <c r="E13522" s="15">
        <v>45393</v>
      </c>
      <c r="F13522" s="14" t="s">
        <v>53</v>
      </c>
      <c r="G13522" s="16">
        <v>0</v>
      </c>
    </row>
    <row r="13523" spans="1:7" x14ac:dyDescent="0.3">
      <c r="A13523" s="13" t="s">
        <v>102</v>
      </c>
      <c r="B13523" s="14" t="s">
        <v>1</v>
      </c>
      <c r="C13523" s="14" t="s">
        <v>41</v>
      </c>
      <c r="D13523" s="14" t="s">
        <v>52</v>
      </c>
      <c r="E13523" s="15">
        <v>45394</v>
      </c>
      <c r="F13523" s="14" t="s">
        <v>53</v>
      </c>
      <c r="G13523" s="16">
        <v>0</v>
      </c>
    </row>
    <row r="13524" spans="1:7" x14ac:dyDescent="0.3">
      <c r="A13524" s="13" t="s">
        <v>102</v>
      </c>
      <c r="B13524" s="14" t="s">
        <v>1</v>
      </c>
      <c r="C13524" s="14" t="s">
        <v>41</v>
      </c>
      <c r="D13524" s="14" t="s">
        <v>52</v>
      </c>
      <c r="E13524" s="15">
        <v>45395</v>
      </c>
      <c r="F13524" s="14" t="s">
        <v>53</v>
      </c>
      <c r="G13524" s="16">
        <v>0</v>
      </c>
    </row>
    <row r="13525" spans="1:7" x14ac:dyDescent="0.3">
      <c r="A13525" s="13" t="s">
        <v>102</v>
      </c>
      <c r="B13525" s="14" t="s">
        <v>1</v>
      </c>
      <c r="C13525" s="14" t="s">
        <v>41</v>
      </c>
      <c r="D13525" s="14" t="s">
        <v>52</v>
      </c>
      <c r="E13525" s="15">
        <v>45396</v>
      </c>
      <c r="F13525" s="14" t="s">
        <v>53</v>
      </c>
      <c r="G13525" s="16">
        <v>0</v>
      </c>
    </row>
    <row r="13526" spans="1:7" x14ac:dyDescent="0.3">
      <c r="A13526" s="13" t="s">
        <v>102</v>
      </c>
      <c r="B13526" s="14" t="s">
        <v>1</v>
      </c>
      <c r="C13526" s="14" t="s">
        <v>41</v>
      </c>
      <c r="D13526" s="14" t="s">
        <v>52</v>
      </c>
      <c r="E13526" s="15">
        <v>45397</v>
      </c>
      <c r="F13526" s="14" t="s">
        <v>53</v>
      </c>
      <c r="G13526" s="16">
        <v>0</v>
      </c>
    </row>
    <row r="13527" spans="1:7" x14ac:dyDescent="0.3">
      <c r="A13527" s="13" t="s">
        <v>102</v>
      </c>
      <c r="B13527" s="14" t="s">
        <v>1</v>
      </c>
      <c r="C13527" s="14" t="s">
        <v>41</v>
      </c>
      <c r="D13527" s="14" t="s">
        <v>52</v>
      </c>
      <c r="E13527" s="15">
        <v>45398</v>
      </c>
      <c r="F13527" s="14" t="s">
        <v>53</v>
      </c>
      <c r="G13527" s="16">
        <v>0</v>
      </c>
    </row>
    <row r="13528" spans="1:7" x14ac:dyDescent="0.3">
      <c r="A13528" s="13" t="s">
        <v>102</v>
      </c>
      <c r="B13528" s="14" t="s">
        <v>1</v>
      </c>
      <c r="C13528" s="14" t="s">
        <v>41</v>
      </c>
      <c r="D13528" s="14" t="s">
        <v>52</v>
      </c>
      <c r="E13528" s="15">
        <v>45399</v>
      </c>
      <c r="F13528" s="14" t="s">
        <v>53</v>
      </c>
      <c r="G13528" s="16">
        <v>0</v>
      </c>
    </row>
    <row r="13529" spans="1:7" x14ac:dyDescent="0.3">
      <c r="A13529" s="13" t="s">
        <v>102</v>
      </c>
      <c r="B13529" s="14" t="s">
        <v>1</v>
      </c>
      <c r="C13529" s="14" t="s">
        <v>41</v>
      </c>
      <c r="D13529" s="14" t="s">
        <v>52</v>
      </c>
      <c r="E13529" s="15">
        <v>45400</v>
      </c>
      <c r="F13529" s="14" t="s">
        <v>53</v>
      </c>
      <c r="G13529" s="16">
        <v>0</v>
      </c>
    </row>
    <row r="13530" spans="1:7" x14ac:dyDescent="0.3">
      <c r="A13530" s="13" t="s">
        <v>102</v>
      </c>
      <c r="B13530" s="14" t="s">
        <v>1</v>
      </c>
      <c r="C13530" s="14" t="s">
        <v>41</v>
      </c>
      <c r="D13530" s="14" t="s">
        <v>52</v>
      </c>
      <c r="E13530" s="15">
        <v>45401</v>
      </c>
      <c r="F13530" s="14" t="s">
        <v>53</v>
      </c>
      <c r="G13530" s="16">
        <v>0</v>
      </c>
    </row>
    <row r="13531" spans="1:7" x14ac:dyDescent="0.3">
      <c r="A13531" s="13" t="s">
        <v>102</v>
      </c>
      <c r="B13531" s="14" t="s">
        <v>1</v>
      </c>
      <c r="C13531" s="14" t="s">
        <v>41</v>
      </c>
      <c r="D13531" s="14" t="s">
        <v>52</v>
      </c>
      <c r="E13531" s="15">
        <v>45402</v>
      </c>
      <c r="F13531" s="14" t="s">
        <v>53</v>
      </c>
      <c r="G13531" s="16">
        <v>0</v>
      </c>
    </row>
    <row r="13532" spans="1:7" x14ac:dyDescent="0.3">
      <c r="A13532" s="13" t="s">
        <v>102</v>
      </c>
      <c r="B13532" s="14" t="s">
        <v>1</v>
      </c>
      <c r="C13532" s="14" t="s">
        <v>41</v>
      </c>
      <c r="D13532" s="14" t="s">
        <v>52</v>
      </c>
      <c r="E13532" s="15">
        <v>45403</v>
      </c>
      <c r="F13532" s="14" t="s">
        <v>53</v>
      </c>
      <c r="G13532" s="16">
        <v>0</v>
      </c>
    </row>
    <row r="13533" spans="1:7" x14ac:dyDescent="0.3">
      <c r="A13533" s="13" t="s">
        <v>102</v>
      </c>
      <c r="B13533" s="14" t="s">
        <v>1</v>
      </c>
      <c r="C13533" s="14" t="s">
        <v>41</v>
      </c>
      <c r="D13533" s="14" t="s">
        <v>52</v>
      </c>
      <c r="E13533" s="15">
        <v>45404</v>
      </c>
      <c r="F13533" s="14" t="s">
        <v>53</v>
      </c>
      <c r="G13533" s="16">
        <v>0</v>
      </c>
    </row>
    <row r="13534" spans="1:7" x14ac:dyDescent="0.3">
      <c r="A13534" s="13" t="s">
        <v>102</v>
      </c>
      <c r="B13534" s="14" t="s">
        <v>1</v>
      </c>
      <c r="C13534" s="14" t="s">
        <v>41</v>
      </c>
      <c r="D13534" s="14" t="s">
        <v>52</v>
      </c>
      <c r="E13534" s="15">
        <v>45405</v>
      </c>
      <c r="F13534" s="14" t="s">
        <v>53</v>
      </c>
      <c r="G13534" s="16">
        <v>0</v>
      </c>
    </row>
    <row r="13535" spans="1:7" x14ac:dyDescent="0.3">
      <c r="A13535" s="13" t="s">
        <v>102</v>
      </c>
      <c r="B13535" s="14" t="s">
        <v>1</v>
      </c>
      <c r="C13535" s="14" t="s">
        <v>41</v>
      </c>
      <c r="D13535" s="14" t="s">
        <v>52</v>
      </c>
      <c r="E13535" s="15">
        <v>45406</v>
      </c>
      <c r="F13535" s="14" t="s">
        <v>53</v>
      </c>
      <c r="G13535" s="16">
        <v>0</v>
      </c>
    </row>
    <row r="13536" spans="1:7" x14ac:dyDescent="0.3">
      <c r="A13536" s="13" t="s">
        <v>102</v>
      </c>
      <c r="B13536" s="14" t="s">
        <v>1</v>
      </c>
      <c r="C13536" s="14" t="s">
        <v>41</v>
      </c>
      <c r="D13536" s="14" t="s">
        <v>52</v>
      </c>
      <c r="E13536" s="15">
        <v>45407</v>
      </c>
      <c r="F13536" s="14" t="s">
        <v>53</v>
      </c>
      <c r="G13536" s="16">
        <v>0</v>
      </c>
    </row>
    <row r="13537" spans="1:7" x14ac:dyDescent="0.3">
      <c r="A13537" s="13" t="s">
        <v>102</v>
      </c>
      <c r="B13537" s="14" t="s">
        <v>1</v>
      </c>
      <c r="C13537" s="14" t="s">
        <v>41</v>
      </c>
      <c r="D13537" s="14" t="s">
        <v>52</v>
      </c>
      <c r="E13537" s="15">
        <v>45408</v>
      </c>
      <c r="F13537" s="14" t="s">
        <v>53</v>
      </c>
      <c r="G13537" s="16">
        <v>0</v>
      </c>
    </row>
    <row r="13538" spans="1:7" x14ac:dyDescent="0.3">
      <c r="A13538" s="13" t="s">
        <v>102</v>
      </c>
      <c r="B13538" s="14" t="s">
        <v>1</v>
      </c>
      <c r="C13538" s="14" t="s">
        <v>41</v>
      </c>
      <c r="D13538" s="14" t="s">
        <v>52</v>
      </c>
      <c r="E13538" s="15">
        <v>45409</v>
      </c>
      <c r="F13538" s="14" t="s">
        <v>53</v>
      </c>
      <c r="G13538" s="16">
        <v>0</v>
      </c>
    </row>
    <row r="13539" spans="1:7" x14ac:dyDescent="0.3">
      <c r="A13539" s="13" t="s">
        <v>102</v>
      </c>
      <c r="B13539" s="14" t="s">
        <v>1</v>
      </c>
      <c r="C13539" s="14" t="s">
        <v>41</v>
      </c>
      <c r="D13539" s="14" t="s">
        <v>52</v>
      </c>
      <c r="E13539" s="15">
        <v>45410</v>
      </c>
      <c r="F13539" s="14" t="s">
        <v>53</v>
      </c>
      <c r="G13539" s="16">
        <v>0</v>
      </c>
    </row>
    <row r="13540" spans="1:7" x14ac:dyDescent="0.3">
      <c r="A13540" s="13" t="s">
        <v>102</v>
      </c>
      <c r="B13540" s="14" t="s">
        <v>1</v>
      </c>
      <c r="C13540" s="14" t="s">
        <v>41</v>
      </c>
      <c r="D13540" s="14" t="s">
        <v>52</v>
      </c>
      <c r="E13540" s="15">
        <v>45411</v>
      </c>
      <c r="F13540" s="14" t="s">
        <v>53</v>
      </c>
      <c r="G13540" s="16">
        <v>0</v>
      </c>
    </row>
    <row r="13541" spans="1:7" x14ac:dyDescent="0.3">
      <c r="A13541" s="13" t="s">
        <v>102</v>
      </c>
      <c r="B13541" s="14" t="s">
        <v>1</v>
      </c>
      <c r="C13541" s="14" t="s">
        <v>41</v>
      </c>
      <c r="D13541" s="14" t="s">
        <v>52</v>
      </c>
      <c r="E13541" s="15">
        <v>45412</v>
      </c>
      <c r="F13541" s="14" t="s">
        <v>53</v>
      </c>
      <c r="G13541" s="16">
        <v>0</v>
      </c>
    </row>
    <row r="13542" spans="1:7" x14ac:dyDescent="0.3">
      <c r="A13542" s="13" t="s">
        <v>102</v>
      </c>
      <c r="B13542" s="14" t="s">
        <v>1</v>
      </c>
      <c r="C13542" s="14" t="s">
        <v>41</v>
      </c>
      <c r="D13542" s="14" t="s">
        <v>52</v>
      </c>
      <c r="E13542" s="15">
        <v>45413</v>
      </c>
      <c r="F13542" s="14" t="s">
        <v>53</v>
      </c>
      <c r="G13542" s="16">
        <v>0</v>
      </c>
    </row>
    <row r="13543" spans="1:7" x14ac:dyDescent="0.3">
      <c r="A13543" s="13" t="s">
        <v>102</v>
      </c>
      <c r="B13543" s="14" t="s">
        <v>1</v>
      </c>
      <c r="C13543" s="14" t="s">
        <v>41</v>
      </c>
      <c r="D13543" s="14" t="s">
        <v>52</v>
      </c>
      <c r="E13543" s="15">
        <v>45414</v>
      </c>
      <c r="F13543" s="14" t="s">
        <v>53</v>
      </c>
      <c r="G13543" s="16">
        <v>0</v>
      </c>
    </row>
    <row r="13544" spans="1:7" x14ac:dyDescent="0.3">
      <c r="A13544" s="13" t="s">
        <v>102</v>
      </c>
      <c r="B13544" s="14" t="s">
        <v>1</v>
      </c>
      <c r="C13544" s="14" t="s">
        <v>41</v>
      </c>
      <c r="D13544" s="14" t="s">
        <v>52</v>
      </c>
      <c r="E13544" s="15">
        <v>45415</v>
      </c>
      <c r="F13544" s="14" t="s">
        <v>53</v>
      </c>
      <c r="G13544" s="16">
        <v>0</v>
      </c>
    </row>
    <row r="13545" spans="1:7" x14ac:dyDescent="0.3">
      <c r="A13545" s="13" t="s">
        <v>102</v>
      </c>
      <c r="B13545" s="14" t="s">
        <v>1</v>
      </c>
      <c r="C13545" s="14" t="s">
        <v>41</v>
      </c>
      <c r="D13545" s="14" t="s">
        <v>52</v>
      </c>
      <c r="E13545" s="15">
        <v>45416</v>
      </c>
      <c r="F13545" s="14" t="s">
        <v>53</v>
      </c>
      <c r="G13545" s="16">
        <v>0</v>
      </c>
    </row>
    <row r="13546" spans="1:7" x14ac:dyDescent="0.3">
      <c r="A13546" s="13" t="s">
        <v>102</v>
      </c>
      <c r="B13546" s="14" t="s">
        <v>1</v>
      </c>
      <c r="C13546" s="14" t="s">
        <v>41</v>
      </c>
      <c r="D13546" s="14" t="s">
        <v>52</v>
      </c>
      <c r="E13546" s="15">
        <v>45417</v>
      </c>
      <c r="F13546" s="14" t="s">
        <v>53</v>
      </c>
      <c r="G13546" s="16">
        <v>0</v>
      </c>
    </row>
    <row r="13547" spans="1:7" x14ac:dyDescent="0.3">
      <c r="A13547" s="13" t="s">
        <v>102</v>
      </c>
      <c r="B13547" s="14" t="s">
        <v>1</v>
      </c>
      <c r="C13547" s="14" t="s">
        <v>41</v>
      </c>
      <c r="D13547" s="14" t="s">
        <v>52</v>
      </c>
      <c r="E13547" s="15">
        <v>45418</v>
      </c>
      <c r="F13547" s="14" t="s">
        <v>53</v>
      </c>
      <c r="G13547" s="16">
        <v>0</v>
      </c>
    </row>
    <row r="13548" spans="1:7" x14ac:dyDescent="0.3">
      <c r="A13548" s="13" t="s">
        <v>102</v>
      </c>
      <c r="B13548" s="14" t="s">
        <v>1</v>
      </c>
      <c r="C13548" s="14" t="s">
        <v>41</v>
      </c>
      <c r="D13548" s="14" t="s">
        <v>52</v>
      </c>
      <c r="E13548" s="15">
        <v>45419</v>
      </c>
      <c r="F13548" s="14" t="s">
        <v>53</v>
      </c>
      <c r="G13548" s="16">
        <v>0</v>
      </c>
    </row>
    <row r="13549" spans="1:7" x14ac:dyDescent="0.3">
      <c r="A13549" s="13" t="s">
        <v>102</v>
      </c>
      <c r="B13549" s="14" t="s">
        <v>1</v>
      </c>
      <c r="C13549" s="14" t="s">
        <v>41</v>
      </c>
      <c r="D13549" s="14" t="s">
        <v>52</v>
      </c>
      <c r="E13549" s="15">
        <v>45420</v>
      </c>
      <c r="F13549" s="14" t="s">
        <v>53</v>
      </c>
      <c r="G13549" s="16">
        <v>0</v>
      </c>
    </row>
    <row r="13550" spans="1:7" x14ac:dyDescent="0.3">
      <c r="A13550" s="13" t="s">
        <v>102</v>
      </c>
      <c r="B13550" s="14" t="s">
        <v>1</v>
      </c>
      <c r="C13550" s="14" t="s">
        <v>41</v>
      </c>
      <c r="D13550" s="14" t="s">
        <v>52</v>
      </c>
      <c r="E13550" s="15">
        <v>45421</v>
      </c>
      <c r="F13550" s="14" t="s">
        <v>53</v>
      </c>
      <c r="G13550" s="16">
        <v>0</v>
      </c>
    </row>
    <row r="13551" spans="1:7" x14ac:dyDescent="0.3">
      <c r="A13551" s="13" t="s">
        <v>102</v>
      </c>
      <c r="B13551" s="14" t="s">
        <v>1</v>
      </c>
      <c r="C13551" s="14" t="s">
        <v>41</v>
      </c>
      <c r="D13551" s="14" t="s">
        <v>52</v>
      </c>
      <c r="E13551" s="15">
        <v>45422</v>
      </c>
      <c r="F13551" s="14" t="s">
        <v>53</v>
      </c>
      <c r="G13551" s="16">
        <v>0</v>
      </c>
    </row>
    <row r="13552" spans="1:7" x14ac:dyDescent="0.3">
      <c r="A13552" s="13" t="s">
        <v>102</v>
      </c>
      <c r="B13552" s="14" t="s">
        <v>1</v>
      </c>
      <c r="C13552" s="14" t="s">
        <v>41</v>
      </c>
      <c r="D13552" s="14" t="s">
        <v>52</v>
      </c>
      <c r="E13552" s="15">
        <v>45423</v>
      </c>
      <c r="F13552" s="14" t="s">
        <v>53</v>
      </c>
      <c r="G13552" s="16">
        <v>0</v>
      </c>
    </row>
    <row r="13553" spans="1:7" x14ac:dyDescent="0.3">
      <c r="A13553" s="13" t="s">
        <v>102</v>
      </c>
      <c r="B13553" s="14" t="s">
        <v>1</v>
      </c>
      <c r="C13553" s="14" t="s">
        <v>41</v>
      </c>
      <c r="D13553" s="14" t="s">
        <v>52</v>
      </c>
      <c r="E13553" s="15">
        <v>45424</v>
      </c>
      <c r="F13553" s="14" t="s">
        <v>53</v>
      </c>
      <c r="G13553" s="16">
        <v>0</v>
      </c>
    </row>
    <row r="13554" spans="1:7" x14ac:dyDescent="0.3">
      <c r="A13554" s="13" t="s">
        <v>102</v>
      </c>
      <c r="B13554" s="14" t="s">
        <v>1</v>
      </c>
      <c r="C13554" s="14" t="s">
        <v>41</v>
      </c>
      <c r="D13554" s="14" t="s">
        <v>52</v>
      </c>
      <c r="E13554" s="15">
        <v>45425</v>
      </c>
      <c r="F13554" s="14" t="s">
        <v>53</v>
      </c>
      <c r="G13554" s="16">
        <v>0</v>
      </c>
    </row>
    <row r="13555" spans="1:7" x14ac:dyDescent="0.3">
      <c r="A13555" s="13" t="s">
        <v>102</v>
      </c>
      <c r="B13555" s="14" t="s">
        <v>1</v>
      </c>
      <c r="C13555" s="14" t="s">
        <v>41</v>
      </c>
      <c r="D13555" s="14" t="s">
        <v>52</v>
      </c>
      <c r="E13555" s="15">
        <v>45426</v>
      </c>
      <c r="F13555" s="14" t="s">
        <v>53</v>
      </c>
      <c r="G13555" s="16">
        <v>0</v>
      </c>
    </row>
    <row r="13556" spans="1:7" x14ac:dyDescent="0.3">
      <c r="A13556" s="13" t="s">
        <v>102</v>
      </c>
      <c r="B13556" s="14" t="s">
        <v>1</v>
      </c>
      <c r="C13556" s="14" t="s">
        <v>41</v>
      </c>
      <c r="D13556" s="14" t="s">
        <v>52</v>
      </c>
      <c r="E13556" s="15">
        <v>45427</v>
      </c>
      <c r="F13556" s="14" t="s">
        <v>53</v>
      </c>
      <c r="G13556" s="16">
        <v>0</v>
      </c>
    </row>
    <row r="13557" spans="1:7" x14ac:dyDescent="0.3">
      <c r="A13557" s="13" t="s">
        <v>102</v>
      </c>
      <c r="B13557" s="14" t="s">
        <v>1</v>
      </c>
      <c r="C13557" s="14" t="s">
        <v>41</v>
      </c>
      <c r="D13557" s="14" t="s">
        <v>52</v>
      </c>
      <c r="E13557" s="15">
        <v>45428</v>
      </c>
      <c r="F13557" s="14" t="s">
        <v>53</v>
      </c>
      <c r="G13557" s="16">
        <v>0</v>
      </c>
    </row>
    <row r="13558" spans="1:7" x14ac:dyDescent="0.3">
      <c r="A13558" s="13" t="s">
        <v>102</v>
      </c>
      <c r="B13558" s="14" t="s">
        <v>1</v>
      </c>
      <c r="C13558" s="14" t="s">
        <v>41</v>
      </c>
      <c r="D13558" s="14" t="s">
        <v>52</v>
      </c>
      <c r="E13558" s="15">
        <v>45429</v>
      </c>
      <c r="F13558" s="14" t="s">
        <v>53</v>
      </c>
      <c r="G13558" s="16">
        <v>0</v>
      </c>
    </row>
    <row r="13559" spans="1:7" x14ac:dyDescent="0.3">
      <c r="A13559" s="13" t="s">
        <v>102</v>
      </c>
      <c r="B13559" s="14" t="s">
        <v>1</v>
      </c>
      <c r="C13559" s="14" t="s">
        <v>41</v>
      </c>
      <c r="D13559" s="14" t="s">
        <v>52</v>
      </c>
      <c r="E13559" s="15">
        <v>45430</v>
      </c>
      <c r="F13559" s="14" t="s">
        <v>53</v>
      </c>
      <c r="G13559" s="16">
        <v>0</v>
      </c>
    </row>
    <row r="13560" spans="1:7" x14ac:dyDescent="0.3">
      <c r="A13560" s="13" t="s">
        <v>102</v>
      </c>
      <c r="B13560" s="14" t="s">
        <v>1</v>
      </c>
      <c r="C13560" s="14" t="s">
        <v>41</v>
      </c>
      <c r="D13560" s="14" t="s">
        <v>52</v>
      </c>
      <c r="E13560" s="15">
        <v>45431</v>
      </c>
      <c r="F13560" s="14" t="s">
        <v>53</v>
      </c>
      <c r="G13560" s="16">
        <v>0</v>
      </c>
    </row>
    <row r="13561" spans="1:7" x14ac:dyDescent="0.3">
      <c r="A13561" s="13" t="s">
        <v>102</v>
      </c>
      <c r="B13561" s="14" t="s">
        <v>1</v>
      </c>
      <c r="C13561" s="14" t="s">
        <v>41</v>
      </c>
      <c r="D13561" s="14" t="s">
        <v>52</v>
      </c>
      <c r="E13561" s="15">
        <v>45432</v>
      </c>
      <c r="F13561" s="14" t="s">
        <v>53</v>
      </c>
      <c r="G13561" s="16">
        <v>0</v>
      </c>
    </row>
    <row r="13562" spans="1:7" x14ac:dyDescent="0.3">
      <c r="A13562" s="13" t="s">
        <v>102</v>
      </c>
      <c r="B13562" s="14" t="s">
        <v>1</v>
      </c>
      <c r="C13562" s="14" t="s">
        <v>41</v>
      </c>
      <c r="D13562" s="14" t="s">
        <v>52</v>
      </c>
      <c r="E13562" s="15">
        <v>45433</v>
      </c>
      <c r="F13562" s="14" t="s">
        <v>53</v>
      </c>
      <c r="G13562" s="16">
        <v>0</v>
      </c>
    </row>
    <row r="13563" spans="1:7" x14ac:dyDescent="0.3">
      <c r="A13563" s="13" t="s">
        <v>102</v>
      </c>
      <c r="B13563" s="14" t="s">
        <v>1</v>
      </c>
      <c r="C13563" s="14" t="s">
        <v>41</v>
      </c>
      <c r="D13563" s="14" t="s">
        <v>52</v>
      </c>
      <c r="E13563" s="15">
        <v>45434</v>
      </c>
      <c r="F13563" s="14" t="s">
        <v>53</v>
      </c>
      <c r="G13563" s="16">
        <v>0</v>
      </c>
    </row>
    <row r="13564" spans="1:7" x14ac:dyDescent="0.3">
      <c r="A13564" s="13" t="s">
        <v>102</v>
      </c>
      <c r="B13564" s="14" t="s">
        <v>1</v>
      </c>
      <c r="C13564" s="14" t="s">
        <v>41</v>
      </c>
      <c r="D13564" s="14" t="s">
        <v>52</v>
      </c>
      <c r="E13564" s="15">
        <v>45435</v>
      </c>
      <c r="F13564" s="14" t="s">
        <v>53</v>
      </c>
      <c r="G13564" s="16">
        <v>0</v>
      </c>
    </row>
    <row r="13565" spans="1:7" x14ac:dyDescent="0.3">
      <c r="A13565" s="13" t="s">
        <v>102</v>
      </c>
      <c r="B13565" s="14" t="s">
        <v>1</v>
      </c>
      <c r="C13565" s="14" t="s">
        <v>41</v>
      </c>
      <c r="D13565" s="14" t="s">
        <v>52</v>
      </c>
      <c r="E13565" s="15">
        <v>45436</v>
      </c>
      <c r="F13565" s="14" t="s">
        <v>53</v>
      </c>
      <c r="G13565" s="16">
        <v>0</v>
      </c>
    </row>
    <row r="13566" spans="1:7" x14ac:dyDescent="0.3">
      <c r="A13566" s="13" t="s">
        <v>102</v>
      </c>
      <c r="B13566" s="14" t="s">
        <v>1</v>
      </c>
      <c r="C13566" s="14" t="s">
        <v>41</v>
      </c>
      <c r="D13566" s="14" t="s">
        <v>52</v>
      </c>
      <c r="E13566" s="15">
        <v>45437</v>
      </c>
      <c r="F13566" s="14" t="s">
        <v>53</v>
      </c>
      <c r="G13566" s="16">
        <v>0</v>
      </c>
    </row>
    <row r="13567" spans="1:7" x14ac:dyDescent="0.3">
      <c r="A13567" s="13" t="s">
        <v>102</v>
      </c>
      <c r="B13567" s="14" t="s">
        <v>1</v>
      </c>
      <c r="C13567" s="14" t="s">
        <v>41</v>
      </c>
      <c r="D13567" s="14" t="s">
        <v>52</v>
      </c>
      <c r="E13567" s="15">
        <v>45438</v>
      </c>
      <c r="F13567" s="14" t="s">
        <v>53</v>
      </c>
      <c r="G13567" s="16">
        <v>0</v>
      </c>
    </row>
    <row r="13568" spans="1:7" x14ac:dyDescent="0.3">
      <c r="A13568" s="13" t="s">
        <v>102</v>
      </c>
      <c r="B13568" s="14" t="s">
        <v>1</v>
      </c>
      <c r="C13568" s="14" t="s">
        <v>41</v>
      </c>
      <c r="D13568" s="14" t="s">
        <v>52</v>
      </c>
      <c r="E13568" s="15">
        <v>45439</v>
      </c>
      <c r="F13568" s="14" t="s">
        <v>53</v>
      </c>
      <c r="G13568" s="16">
        <v>0</v>
      </c>
    </row>
    <row r="13569" spans="1:7" x14ac:dyDescent="0.3">
      <c r="A13569" s="13" t="s">
        <v>102</v>
      </c>
      <c r="B13569" s="14" t="s">
        <v>1</v>
      </c>
      <c r="C13569" s="14" t="s">
        <v>41</v>
      </c>
      <c r="D13569" s="14" t="s">
        <v>52</v>
      </c>
      <c r="E13569" s="15">
        <v>45440</v>
      </c>
      <c r="F13569" s="14" t="s">
        <v>53</v>
      </c>
      <c r="G13569" s="16">
        <v>0</v>
      </c>
    </row>
    <row r="13570" spans="1:7" x14ac:dyDescent="0.3">
      <c r="A13570" s="13" t="s">
        <v>102</v>
      </c>
      <c r="B13570" s="14" t="s">
        <v>1</v>
      </c>
      <c r="C13570" s="14" t="s">
        <v>41</v>
      </c>
      <c r="D13570" s="14" t="s">
        <v>52</v>
      </c>
      <c r="E13570" s="15">
        <v>45441</v>
      </c>
      <c r="F13570" s="14" t="s">
        <v>53</v>
      </c>
      <c r="G13570" s="16">
        <v>0</v>
      </c>
    </row>
    <row r="13571" spans="1:7" x14ac:dyDescent="0.3">
      <c r="A13571" s="13" t="s">
        <v>102</v>
      </c>
      <c r="B13571" s="14" t="s">
        <v>1</v>
      </c>
      <c r="C13571" s="14" t="s">
        <v>41</v>
      </c>
      <c r="D13571" s="14" t="s">
        <v>52</v>
      </c>
      <c r="E13571" s="15">
        <v>45442</v>
      </c>
      <c r="F13571" s="14" t="s">
        <v>53</v>
      </c>
      <c r="G13571" s="16">
        <v>0</v>
      </c>
    </row>
    <row r="13572" spans="1:7" x14ac:dyDescent="0.3">
      <c r="A13572" s="13" t="s">
        <v>102</v>
      </c>
      <c r="B13572" s="14" t="s">
        <v>1</v>
      </c>
      <c r="C13572" s="14" t="s">
        <v>41</v>
      </c>
      <c r="D13572" s="14" t="s">
        <v>52</v>
      </c>
      <c r="E13572" s="15">
        <v>45443</v>
      </c>
      <c r="F13572" s="14" t="s">
        <v>53</v>
      </c>
      <c r="G13572" s="16">
        <v>0</v>
      </c>
    </row>
    <row r="13573" spans="1:7" x14ac:dyDescent="0.3">
      <c r="A13573" s="13" t="s">
        <v>102</v>
      </c>
      <c r="B13573" s="14" t="s">
        <v>1</v>
      </c>
      <c r="C13573" s="14" t="s">
        <v>41</v>
      </c>
      <c r="D13573" s="14" t="s">
        <v>52</v>
      </c>
      <c r="E13573" s="15">
        <v>45444</v>
      </c>
      <c r="F13573" s="14" t="s">
        <v>53</v>
      </c>
      <c r="G13573" s="16">
        <v>0</v>
      </c>
    </row>
    <row r="13574" spans="1:7" x14ac:dyDescent="0.3">
      <c r="A13574" s="13" t="s">
        <v>102</v>
      </c>
      <c r="B13574" s="14" t="s">
        <v>1</v>
      </c>
      <c r="C13574" s="14" t="s">
        <v>41</v>
      </c>
      <c r="D13574" s="14" t="s">
        <v>52</v>
      </c>
      <c r="E13574" s="15">
        <v>45445</v>
      </c>
      <c r="F13574" s="14" t="s">
        <v>53</v>
      </c>
      <c r="G13574" s="16">
        <v>0</v>
      </c>
    </row>
    <row r="13575" spans="1:7" x14ac:dyDescent="0.3">
      <c r="A13575" s="13" t="s">
        <v>102</v>
      </c>
      <c r="B13575" s="14" t="s">
        <v>1</v>
      </c>
      <c r="C13575" s="14" t="s">
        <v>41</v>
      </c>
      <c r="D13575" s="14" t="s">
        <v>52</v>
      </c>
      <c r="E13575" s="15">
        <v>45446</v>
      </c>
      <c r="F13575" s="14" t="s">
        <v>53</v>
      </c>
      <c r="G13575" s="16">
        <v>0</v>
      </c>
    </row>
    <row r="13576" spans="1:7" x14ac:dyDescent="0.3">
      <c r="A13576" s="13" t="s">
        <v>102</v>
      </c>
      <c r="B13576" s="14" t="s">
        <v>1</v>
      </c>
      <c r="C13576" s="14" t="s">
        <v>41</v>
      </c>
      <c r="D13576" s="14" t="s">
        <v>52</v>
      </c>
      <c r="E13576" s="15">
        <v>45447</v>
      </c>
      <c r="F13576" s="14" t="s">
        <v>53</v>
      </c>
      <c r="G13576" s="16">
        <v>0</v>
      </c>
    </row>
    <row r="13577" spans="1:7" x14ac:dyDescent="0.3">
      <c r="A13577" s="13" t="s">
        <v>102</v>
      </c>
      <c r="B13577" s="14" t="s">
        <v>1</v>
      </c>
      <c r="C13577" s="14" t="s">
        <v>41</v>
      </c>
      <c r="D13577" s="14" t="s">
        <v>52</v>
      </c>
      <c r="E13577" s="15">
        <v>45448</v>
      </c>
      <c r="F13577" s="14" t="s">
        <v>53</v>
      </c>
      <c r="G13577" s="16">
        <v>0</v>
      </c>
    </row>
    <row r="13578" spans="1:7" x14ac:dyDescent="0.3">
      <c r="A13578" s="13" t="s">
        <v>102</v>
      </c>
      <c r="B13578" s="14" t="s">
        <v>1</v>
      </c>
      <c r="C13578" s="14" t="s">
        <v>41</v>
      </c>
      <c r="D13578" s="14" t="s">
        <v>52</v>
      </c>
      <c r="E13578" s="15">
        <v>45449</v>
      </c>
      <c r="F13578" s="14" t="s">
        <v>53</v>
      </c>
      <c r="G13578" s="16">
        <v>0</v>
      </c>
    </row>
    <row r="13579" spans="1:7" x14ac:dyDescent="0.3">
      <c r="A13579" s="13" t="s">
        <v>102</v>
      </c>
      <c r="B13579" s="14" t="s">
        <v>1</v>
      </c>
      <c r="C13579" s="14" t="s">
        <v>41</v>
      </c>
      <c r="D13579" s="14" t="s">
        <v>52</v>
      </c>
      <c r="E13579" s="15">
        <v>45450</v>
      </c>
      <c r="F13579" s="14" t="s">
        <v>53</v>
      </c>
      <c r="G13579" s="16">
        <v>0</v>
      </c>
    </row>
    <row r="13580" spans="1:7" x14ac:dyDescent="0.3">
      <c r="A13580" s="13" t="s">
        <v>102</v>
      </c>
      <c r="B13580" s="14" t="s">
        <v>1</v>
      </c>
      <c r="C13580" s="14" t="s">
        <v>41</v>
      </c>
      <c r="D13580" s="14" t="s">
        <v>52</v>
      </c>
      <c r="E13580" s="15">
        <v>45451</v>
      </c>
      <c r="F13580" s="14" t="s">
        <v>53</v>
      </c>
      <c r="G13580" s="16">
        <v>0</v>
      </c>
    </row>
    <row r="13581" spans="1:7" x14ac:dyDescent="0.3">
      <c r="A13581" s="13" t="s">
        <v>102</v>
      </c>
      <c r="B13581" s="14" t="s">
        <v>1</v>
      </c>
      <c r="C13581" s="14" t="s">
        <v>41</v>
      </c>
      <c r="D13581" s="14" t="s">
        <v>52</v>
      </c>
      <c r="E13581" s="15">
        <v>45452</v>
      </c>
      <c r="F13581" s="14" t="s">
        <v>53</v>
      </c>
      <c r="G13581" s="16">
        <v>0</v>
      </c>
    </row>
    <row r="13582" spans="1:7" x14ac:dyDescent="0.3">
      <c r="A13582" s="13" t="s">
        <v>102</v>
      </c>
      <c r="B13582" s="14" t="s">
        <v>1</v>
      </c>
      <c r="C13582" s="14" t="s">
        <v>41</v>
      </c>
      <c r="D13582" s="14" t="s">
        <v>52</v>
      </c>
      <c r="E13582" s="15">
        <v>45453</v>
      </c>
      <c r="F13582" s="14" t="s">
        <v>53</v>
      </c>
      <c r="G13582" s="16">
        <v>0</v>
      </c>
    </row>
    <row r="13583" spans="1:7" x14ac:dyDescent="0.3">
      <c r="A13583" s="13" t="s">
        <v>102</v>
      </c>
      <c r="B13583" s="14" t="s">
        <v>1</v>
      </c>
      <c r="C13583" s="14" t="s">
        <v>41</v>
      </c>
      <c r="D13583" s="14" t="s">
        <v>52</v>
      </c>
      <c r="E13583" s="15">
        <v>45454</v>
      </c>
      <c r="F13583" s="14" t="s">
        <v>53</v>
      </c>
      <c r="G13583" s="16">
        <v>0</v>
      </c>
    </row>
    <row r="13584" spans="1:7" x14ac:dyDescent="0.3">
      <c r="A13584" s="13" t="s">
        <v>102</v>
      </c>
      <c r="B13584" s="14" t="s">
        <v>1</v>
      </c>
      <c r="C13584" s="14" t="s">
        <v>41</v>
      </c>
      <c r="D13584" s="14" t="s">
        <v>52</v>
      </c>
      <c r="E13584" s="15">
        <v>45455</v>
      </c>
      <c r="F13584" s="14" t="s">
        <v>53</v>
      </c>
      <c r="G13584" s="16">
        <v>0</v>
      </c>
    </row>
    <row r="13585" spans="1:7" x14ac:dyDescent="0.3">
      <c r="A13585" s="13" t="s">
        <v>102</v>
      </c>
      <c r="B13585" s="14" t="s">
        <v>1</v>
      </c>
      <c r="C13585" s="14" t="s">
        <v>41</v>
      </c>
      <c r="D13585" s="14" t="s">
        <v>52</v>
      </c>
      <c r="E13585" s="15">
        <v>45456</v>
      </c>
      <c r="F13585" s="14" t="s">
        <v>53</v>
      </c>
      <c r="G13585" s="16">
        <v>0</v>
      </c>
    </row>
    <row r="13586" spans="1:7" x14ac:dyDescent="0.3">
      <c r="A13586" s="13" t="s">
        <v>102</v>
      </c>
      <c r="B13586" s="14" t="s">
        <v>1</v>
      </c>
      <c r="C13586" s="14" t="s">
        <v>41</v>
      </c>
      <c r="D13586" s="14" t="s">
        <v>52</v>
      </c>
      <c r="E13586" s="15">
        <v>45457</v>
      </c>
      <c r="F13586" s="14" t="s">
        <v>53</v>
      </c>
      <c r="G13586" s="16">
        <v>0</v>
      </c>
    </row>
    <row r="13587" spans="1:7" x14ac:dyDescent="0.3">
      <c r="A13587" s="13" t="s">
        <v>102</v>
      </c>
      <c r="B13587" s="14" t="s">
        <v>1</v>
      </c>
      <c r="C13587" s="14" t="s">
        <v>41</v>
      </c>
      <c r="D13587" s="14" t="s">
        <v>52</v>
      </c>
      <c r="E13587" s="15">
        <v>45458</v>
      </c>
      <c r="F13587" s="14" t="s">
        <v>53</v>
      </c>
      <c r="G13587" s="16">
        <v>0</v>
      </c>
    </row>
    <row r="13588" spans="1:7" x14ac:dyDescent="0.3">
      <c r="A13588" s="13" t="s">
        <v>102</v>
      </c>
      <c r="B13588" s="14" t="s">
        <v>1</v>
      </c>
      <c r="C13588" s="14" t="s">
        <v>41</v>
      </c>
      <c r="D13588" s="14" t="s">
        <v>52</v>
      </c>
      <c r="E13588" s="15">
        <v>45459</v>
      </c>
      <c r="F13588" s="14" t="s">
        <v>53</v>
      </c>
      <c r="G13588" s="16">
        <v>0</v>
      </c>
    </row>
    <row r="13589" spans="1:7" x14ac:dyDescent="0.3">
      <c r="A13589" s="13" t="s">
        <v>102</v>
      </c>
      <c r="B13589" s="14" t="s">
        <v>1</v>
      </c>
      <c r="C13589" s="14" t="s">
        <v>41</v>
      </c>
      <c r="D13589" s="14" t="s">
        <v>52</v>
      </c>
      <c r="E13589" s="15">
        <v>45460</v>
      </c>
      <c r="F13589" s="14" t="s">
        <v>53</v>
      </c>
      <c r="G13589" s="16">
        <v>0</v>
      </c>
    </row>
    <row r="13590" spans="1:7" x14ac:dyDescent="0.3">
      <c r="A13590" s="13" t="s">
        <v>102</v>
      </c>
      <c r="B13590" s="14" t="s">
        <v>1</v>
      </c>
      <c r="C13590" s="14" t="s">
        <v>41</v>
      </c>
      <c r="D13590" s="14" t="s">
        <v>52</v>
      </c>
      <c r="E13590" s="15">
        <v>45461</v>
      </c>
      <c r="F13590" s="14" t="s">
        <v>53</v>
      </c>
      <c r="G13590" s="16">
        <v>0</v>
      </c>
    </row>
    <row r="13591" spans="1:7" x14ac:dyDescent="0.3">
      <c r="A13591" s="13" t="s">
        <v>102</v>
      </c>
      <c r="B13591" s="14" t="s">
        <v>1</v>
      </c>
      <c r="C13591" s="14" t="s">
        <v>41</v>
      </c>
      <c r="D13591" s="14" t="s">
        <v>52</v>
      </c>
      <c r="E13591" s="15">
        <v>45462</v>
      </c>
      <c r="F13591" s="14" t="s">
        <v>53</v>
      </c>
      <c r="G13591" s="16">
        <v>0</v>
      </c>
    </row>
    <row r="13592" spans="1:7" x14ac:dyDescent="0.3">
      <c r="A13592" s="13" t="s">
        <v>102</v>
      </c>
      <c r="B13592" s="14" t="s">
        <v>1</v>
      </c>
      <c r="C13592" s="14" t="s">
        <v>41</v>
      </c>
      <c r="D13592" s="14" t="s">
        <v>52</v>
      </c>
      <c r="E13592" s="15">
        <v>45463</v>
      </c>
      <c r="F13592" s="14" t="s">
        <v>53</v>
      </c>
      <c r="G13592" s="16">
        <v>0</v>
      </c>
    </row>
    <row r="13593" spans="1:7" x14ac:dyDescent="0.3">
      <c r="A13593" s="13" t="s">
        <v>102</v>
      </c>
      <c r="B13593" s="14" t="s">
        <v>1</v>
      </c>
      <c r="C13593" s="14" t="s">
        <v>41</v>
      </c>
      <c r="D13593" s="14" t="s">
        <v>52</v>
      </c>
      <c r="E13593" s="15">
        <v>45464</v>
      </c>
      <c r="F13593" s="14" t="s">
        <v>53</v>
      </c>
      <c r="G13593" s="16">
        <v>0</v>
      </c>
    </row>
    <row r="13594" spans="1:7" x14ac:dyDescent="0.3">
      <c r="A13594" s="13" t="s">
        <v>102</v>
      </c>
      <c r="B13594" s="14" t="s">
        <v>1</v>
      </c>
      <c r="C13594" s="14" t="s">
        <v>41</v>
      </c>
      <c r="D13594" s="14" t="s">
        <v>52</v>
      </c>
      <c r="E13594" s="15">
        <v>45465</v>
      </c>
      <c r="F13594" s="14" t="s">
        <v>53</v>
      </c>
      <c r="G13594" s="16">
        <v>0</v>
      </c>
    </row>
    <row r="13595" spans="1:7" x14ac:dyDescent="0.3">
      <c r="A13595" s="13" t="s">
        <v>102</v>
      </c>
      <c r="B13595" s="14" t="s">
        <v>1</v>
      </c>
      <c r="C13595" s="14" t="s">
        <v>41</v>
      </c>
      <c r="D13595" s="14" t="s">
        <v>52</v>
      </c>
      <c r="E13595" s="15">
        <v>45466</v>
      </c>
      <c r="F13595" s="14" t="s">
        <v>53</v>
      </c>
      <c r="G13595" s="16">
        <v>0</v>
      </c>
    </row>
    <row r="13596" spans="1:7" x14ac:dyDescent="0.3">
      <c r="A13596" s="13" t="s">
        <v>102</v>
      </c>
      <c r="B13596" s="14" t="s">
        <v>1</v>
      </c>
      <c r="C13596" s="14" t="s">
        <v>41</v>
      </c>
      <c r="D13596" s="14" t="s">
        <v>52</v>
      </c>
      <c r="E13596" s="15">
        <v>45467</v>
      </c>
      <c r="F13596" s="14" t="s">
        <v>53</v>
      </c>
      <c r="G13596" s="16">
        <v>0</v>
      </c>
    </row>
    <row r="13597" spans="1:7" x14ac:dyDescent="0.3">
      <c r="A13597" s="13" t="s">
        <v>102</v>
      </c>
      <c r="B13597" s="14" t="s">
        <v>1</v>
      </c>
      <c r="C13597" s="14" t="s">
        <v>41</v>
      </c>
      <c r="D13597" s="14" t="s">
        <v>52</v>
      </c>
      <c r="E13597" s="15">
        <v>45468</v>
      </c>
      <c r="F13597" s="14" t="s">
        <v>53</v>
      </c>
      <c r="G13597" s="16">
        <v>0</v>
      </c>
    </row>
    <row r="13598" spans="1:7" x14ac:dyDescent="0.3">
      <c r="A13598" s="13" t="s">
        <v>102</v>
      </c>
      <c r="B13598" s="14" t="s">
        <v>1</v>
      </c>
      <c r="C13598" s="14" t="s">
        <v>41</v>
      </c>
      <c r="D13598" s="14" t="s">
        <v>52</v>
      </c>
      <c r="E13598" s="15">
        <v>45469</v>
      </c>
      <c r="F13598" s="14" t="s">
        <v>53</v>
      </c>
      <c r="G13598" s="16">
        <v>0</v>
      </c>
    </row>
    <row r="13599" spans="1:7" x14ac:dyDescent="0.3">
      <c r="A13599" s="13" t="s">
        <v>102</v>
      </c>
      <c r="B13599" s="14" t="s">
        <v>1</v>
      </c>
      <c r="C13599" s="14" t="s">
        <v>41</v>
      </c>
      <c r="D13599" s="14" t="s">
        <v>52</v>
      </c>
      <c r="E13599" s="15">
        <v>45470</v>
      </c>
      <c r="F13599" s="14" t="s">
        <v>53</v>
      </c>
      <c r="G13599" s="16">
        <v>0</v>
      </c>
    </row>
    <row r="13600" spans="1:7" x14ac:dyDescent="0.3">
      <c r="A13600" s="13" t="s">
        <v>102</v>
      </c>
      <c r="B13600" s="14" t="s">
        <v>1</v>
      </c>
      <c r="C13600" s="14" t="s">
        <v>41</v>
      </c>
      <c r="D13600" s="14" t="s">
        <v>52</v>
      </c>
      <c r="E13600" s="15">
        <v>45471</v>
      </c>
      <c r="F13600" s="14" t="s">
        <v>53</v>
      </c>
      <c r="G13600" s="16">
        <v>0</v>
      </c>
    </row>
    <row r="13601" spans="1:7" x14ac:dyDescent="0.3">
      <c r="A13601" s="13" t="s">
        <v>102</v>
      </c>
      <c r="B13601" s="14" t="s">
        <v>1</v>
      </c>
      <c r="C13601" s="14" t="s">
        <v>41</v>
      </c>
      <c r="D13601" s="14" t="s">
        <v>52</v>
      </c>
      <c r="E13601" s="15">
        <v>45472</v>
      </c>
      <c r="F13601" s="14" t="s">
        <v>53</v>
      </c>
      <c r="G13601" s="16">
        <v>0</v>
      </c>
    </row>
    <row r="13602" spans="1:7" x14ac:dyDescent="0.3">
      <c r="A13602" s="13" t="s">
        <v>102</v>
      </c>
      <c r="B13602" s="14" t="s">
        <v>1</v>
      </c>
      <c r="C13602" s="14" t="s">
        <v>41</v>
      </c>
      <c r="D13602" s="14" t="s">
        <v>52</v>
      </c>
      <c r="E13602" s="15">
        <v>45473</v>
      </c>
      <c r="F13602" s="14" t="s">
        <v>53</v>
      </c>
      <c r="G13602" s="16">
        <v>0</v>
      </c>
    </row>
    <row r="13603" spans="1:7" x14ac:dyDescent="0.3">
      <c r="A13603" s="13" t="s">
        <v>102</v>
      </c>
      <c r="B13603" s="14" t="s">
        <v>1</v>
      </c>
      <c r="C13603" s="14" t="s">
        <v>41</v>
      </c>
      <c r="D13603" s="14" t="s">
        <v>52</v>
      </c>
      <c r="E13603" s="15">
        <v>45474</v>
      </c>
      <c r="F13603" s="14" t="s">
        <v>53</v>
      </c>
      <c r="G13603" s="16">
        <v>0</v>
      </c>
    </row>
    <row r="13604" spans="1:7" x14ac:dyDescent="0.3">
      <c r="A13604" s="13" t="s">
        <v>102</v>
      </c>
      <c r="B13604" s="14" t="s">
        <v>1</v>
      </c>
      <c r="C13604" s="14" t="s">
        <v>41</v>
      </c>
      <c r="D13604" s="14" t="s">
        <v>52</v>
      </c>
      <c r="E13604" s="15">
        <v>45475</v>
      </c>
      <c r="F13604" s="14" t="s">
        <v>53</v>
      </c>
      <c r="G13604" s="16">
        <v>0</v>
      </c>
    </row>
    <row r="13605" spans="1:7" x14ac:dyDescent="0.3">
      <c r="A13605" s="13" t="s">
        <v>102</v>
      </c>
      <c r="B13605" s="14" t="s">
        <v>1</v>
      </c>
      <c r="C13605" s="14" t="s">
        <v>41</v>
      </c>
      <c r="D13605" s="14" t="s">
        <v>52</v>
      </c>
      <c r="E13605" s="15">
        <v>45476</v>
      </c>
      <c r="F13605" s="14" t="s">
        <v>53</v>
      </c>
      <c r="G13605" s="16">
        <v>0</v>
      </c>
    </row>
    <row r="13606" spans="1:7" x14ac:dyDescent="0.3">
      <c r="A13606" s="13" t="s">
        <v>102</v>
      </c>
      <c r="B13606" s="14" t="s">
        <v>1</v>
      </c>
      <c r="C13606" s="14" t="s">
        <v>41</v>
      </c>
      <c r="D13606" s="14" t="s">
        <v>52</v>
      </c>
      <c r="E13606" s="15">
        <v>45477</v>
      </c>
      <c r="F13606" s="14" t="s">
        <v>53</v>
      </c>
      <c r="G13606" s="16">
        <v>0</v>
      </c>
    </row>
    <row r="13607" spans="1:7" x14ac:dyDescent="0.3">
      <c r="A13607" s="13" t="s">
        <v>102</v>
      </c>
      <c r="B13607" s="14" t="s">
        <v>1</v>
      </c>
      <c r="C13607" s="14" t="s">
        <v>41</v>
      </c>
      <c r="D13607" s="14" t="s">
        <v>52</v>
      </c>
      <c r="E13607" s="15">
        <v>45478</v>
      </c>
      <c r="F13607" s="14" t="s">
        <v>53</v>
      </c>
      <c r="G13607" s="16">
        <v>0</v>
      </c>
    </row>
    <row r="13608" spans="1:7" x14ac:dyDescent="0.3">
      <c r="A13608" s="13" t="s">
        <v>102</v>
      </c>
      <c r="B13608" s="14" t="s">
        <v>1</v>
      </c>
      <c r="C13608" s="14" t="s">
        <v>41</v>
      </c>
      <c r="D13608" s="14" t="s">
        <v>52</v>
      </c>
      <c r="E13608" s="15">
        <v>45479</v>
      </c>
      <c r="F13608" s="14" t="s">
        <v>53</v>
      </c>
      <c r="G13608" s="16">
        <v>0</v>
      </c>
    </row>
    <row r="13609" spans="1:7" x14ac:dyDescent="0.3">
      <c r="A13609" s="13" t="s">
        <v>102</v>
      </c>
      <c r="B13609" s="14" t="s">
        <v>1</v>
      </c>
      <c r="C13609" s="14" t="s">
        <v>41</v>
      </c>
      <c r="D13609" s="14" t="s">
        <v>52</v>
      </c>
      <c r="E13609" s="15">
        <v>45480</v>
      </c>
      <c r="F13609" s="14" t="s">
        <v>53</v>
      </c>
      <c r="G13609" s="16">
        <v>0</v>
      </c>
    </row>
    <row r="13610" spans="1:7" x14ac:dyDescent="0.3">
      <c r="A13610" s="13" t="s">
        <v>102</v>
      </c>
      <c r="B13610" s="14" t="s">
        <v>1</v>
      </c>
      <c r="C13610" s="14" t="s">
        <v>41</v>
      </c>
      <c r="D13610" s="14" t="s">
        <v>52</v>
      </c>
      <c r="E13610" s="15">
        <v>45481</v>
      </c>
      <c r="F13610" s="14" t="s">
        <v>53</v>
      </c>
      <c r="G13610" s="16">
        <v>0</v>
      </c>
    </row>
    <row r="13611" spans="1:7" x14ac:dyDescent="0.3">
      <c r="A13611" s="13" t="s">
        <v>102</v>
      </c>
      <c r="B13611" s="14" t="s">
        <v>1</v>
      </c>
      <c r="C13611" s="14" t="s">
        <v>41</v>
      </c>
      <c r="D13611" s="14" t="s">
        <v>52</v>
      </c>
      <c r="E13611" s="15">
        <v>45482</v>
      </c>
      <c r="F13611" s="14" t="s">
        <v>53</v>
      </c>
      <c r="G13611" s="16">
        <v>0</v>
      </c>
    </row>
    <row r="13612" spans="1:7" x14ac:dyDescent="0.3">
      <c r="A13612" s="13" t="s">
        <v>102</v>
      </c>
      <c r="B13612" s="14" t="s">
        <v>1</v>
      </c>
      <c r="C13612" s="14" t="s">
        <v>41</v>
      </c>
      <c r="D13612" s="14" t="s">
        <v>52</v>
      </c>
      <c r="E13612" s="15">
        <v>45483</v>
      </c>
      <c r="F13612" s="14" t="s">
        <v>53</v>
      </c>
      <c r="G13612" s="16">
        <v>0</v>
      </c>
    </row>
    <row r="13613" spans="1:7" x14ac:dyDescent="0.3">
      <c r="A13613" s="13" t="s">
        <v>102</v>
      </c>
      <c r="B13613" s="14" t="s">
        <v>1</v>
      </c>
      <c r="C13613" s="14" t="s">
        <v>41</v>
      </c>
      <c r="D13613" s="14" t="s">
        <v>52</v>
      </c>
      <c r="E13613" s="15">
        <v>45484</v>
      </c>
      <c r="F13613" s="14" t="s">
        <v>53</v>
      </c>
      <c r="G13613" s="16">
        <v>0</v>
      </c>
    </row>
    <row r="13614" spans="1:7" x14ac:dyDescent="0.3">
      <c r="A13614" s="13" t="s">
        <v>102</v>
      </c>
      <c r="B13614" s="14" t="s">
        <v>1</v>
      </c>
      <c r="C13614" s="14" t="s">
        <v>41</v>
      </c>
      <c r="D13614" s="14" t="s">
        <v>52</v>
      </c>
      <c r="E13614" s="15">
        <v>45485</v>
      </c>
      <c r="F13614" s="14" t="s">
        <v>53</v>
      </c>
      <c r="G13614" s="16">
        <v>0</v>
      </c>
    </row>
    <row r="13615" spans="1:7" x14ac:dyDescent="0.3">
      <c r="A13615" s="13" t="s">
        <v>102</v>
      </c>
      <c r="B13615" s="14" t="s">
        <v>1</v>
      </c>
      <c r="C13615" s="14" t="s">
        <v>41</v>
      </c>
      <c r="D13615" s="14" t="s">
        <v>52</v>
      </c>
      <c r="E13615" s="15">
        <v>45486</v>
      </c>
      <c r="F13615" s="14" t="s">
        <v>53</v>
      </c>
      <c r="G13615" s="16">
        <v>0</v>
      </c>
    </row>
    <row r="13616" spans="1:7" x14ac:dyDescent="0.3">
      <c r="A13616" s="13" t="s">
        <v>102</v>
      </c>
      <c r="B13616" s="14" t="s">
        <v>1</v>
      </c>
      <c r="C13616" s="14" t="s">
        <v>41</v>
      </c>
      <c r="D13616" s="14" t="s">
        <v>52</v>
      </c>
      <c r="E13616" s="15">
        <v>45487</v>
      </c>
      <c r="F13616" s="14" t="s">
        <v>53</v>
      </c>
      <c r="G13616" s="16">
        <v>0</v>
      </c>
    </row>
    <row r="13617" spans="1:7" x14ac:dyDescent="0.3">
      <c r="A13617" s="13" t="s">
        <v>102</v>
      </c>
      <c r="B13617" s="14" t="s">
        <v>1</v>
      </c>
      <c r="C13617" s="14" t="s">
        <v>41</v>
      </c>
      <c r="D13617" s="14" t="s">
        <v>52</v>
      </c>
      <c r="E13617" s="15">
        <v>45488</v>
      </c>
      <c r="F13617" s="14" t="s">
        <v>53</v>
      </c>
      <c r="G13617" s="16">
        <v>0</v>
      </c>
    </row>
    <row r="13618" spans="1:7" x14ac:dyDescent="0.3">
      <c r="A13618" s="13" t="s">
        <v>102</v>
      </c>
      <c r="B13618" s="14" t="s">
        <v>1</v>
      </c>
      <c r="C13618" s="14" t="s">
        <v>41</v>
      </c>
      <c r="D13618" s="14" t="s">
        <v>52</v>
      </c>
      <c r="E13618" s="15">
        <v>45489</v>
      </c>
      <c r="F13618" s="14" t="s">
        <v>53</v>
      </c>
      <c r="G13618" s="16">
        <v>0</v>
      </c>
    </row>
    <row r="13619" spans="1:7" x14ac:dyDescent="0.3">
      <c r="A13619" s="13" t="s">
        <v>102</v>
      </c>
      <c r="B13619" s="14" t="s">
        <v>1</v>
      </c>
      <c r="C13619" s="14" t="s">
        <v>41</v>
      </c>
      <c r="D13619" s="14" t="s">
        <v>52</v>
      </c>
      <c r="E13619" s="15">
        <v>45490</v>
      </c>
      <c r="F13619" s="14" t="s">
        <v>53</v>
      </c>
      <c r="G13619" s="16">
        <v>0</v>
      </c>
    </row>
    <row r="13620" spans="1:7" x14ac:dyDescent="0.3">
      <c r="A13620" s="13" t="s">
        <v>102</v>
      </c>
      <c r="B13620" s="14" t="s">
        <v>1</v>
      </c>
      <c r="C13620" s="14" t="s">
        <v>41</v>
      </c>
      <c r="D13620" s="14" t="s">
        <v>52</v>
      </c>
      <c r="E13620" s="15">
        <v>45491</v>
      </c>
      <c r="F13620" s="14" t="s">
        <v>53</v>
      </c>
      <c r="G13620" s="16">
        <v>0</v>
      </c>
    </row>
    <row r="13621" spans="1:7" x14ac:dyDescent="0.3">
      <c r="A13621" s="13" t="s">
        <v>102</v>
      </c>
      <c r="B13621" s="14" t="s">
        <v>1</v>
      </c>
      <c r="C13621" s="14" t="s">
        <v>41</v>
      </c>
      <c r="D13621" s="14" t="s">
        <v>52</v>
      </c>
      <c r="E13621" s="15">
        <v>45492</v>
      </c>
      <c r="F13621" s="14" t="s">
        <v>53</v>
      </c>
      <c r="G13621" s="16">
        <v>0</v>
      </c>
    </row>
    <row r="13622" spans="1:7" x14ac:dyDescent="0.3">
      <c r="A13622" s="13" t="s">
        <v>102</v>
      </c>
      <c r="B13622" s="14" t="s">
        <v>1</v>
      </c>
      <c r="C13622" s="14" t="s">
        <v>41</v>
      </c>
      <c r="D13622" s="14" t="s">
        <v>52</v>
      </c>
      <c r="E13622" s="15">
        <v>45493</v>
      </c>
      <c r="F13622" s="14" t="s">
        <v>53</v>
      </c>
      <c r="G13622" s="16">
        <v>0</v>
      </c>
    </row>
    <row r="13623" spans="1:7" x14ac:dyDescent="0.3">
      <c r="A13623" s="13" t="s">
        <v>102</v>
      </c>
      <c r="B13623" s="14" t="s">
        <v>1</v>
      </c>
      <c r="C13623" s="14" t="s">
        <v>41</v>
      </c>
      <c r="D13623" s="14" t="s">
        <v>52</v>
      </c>
      <c r="E13623" s="15">
        <v>45494</v>
      </c>
      <c r="F13623" s="14" t="s">
        <v>53</v>
      </c>
      <c r="G13623" s="16">
        <v>0</v>
      </c>
    </row>
    <row r="13624" spans="1:7" x14ac:dyDescent="0.3">
      <c r="A13624" s="13" t="s">
        <v>102</v>
      </c>
      <c r="B13624" s="14" t="s">
        <v>1</v>
      </c>
      <c r="C13624" s="14" t="s">
        <v>41</v>
      </c>
      <c r="D13624" s="14" t="s">
        <v>52</v>
      </c>
      <c r="E13624" s="15">
        <v>45495</v>
      </c>
      <c r="F13624" s="14" t="s">
        <v>53</v>
      </c>
      <c r="G13624" s="16">
        <v>0</v>
      </c>
    </row>
    <row r="13625" spans="1:7" x14ac:dyDescent="0.3">
      <c r="A13625" s="13" t="s">
        <v>102</v>
      </c>
      <c r="B13625" s="14" t="s">
        <v>1</v>
      </c>
      <c r="C13625" s="14" t="s">
        <v>41</v>
      </c>
      <c r="D13625" s="14" t="s">
        <v>52</v>
      </c>
      <c r="E13625" s="15">
        <v>45496</v>
      </c>
      <c r="F13625" s="14" t="s">
        <v>53</v>
      </c>
      <c r="G13625" s="16">
        <v>0</v>
      </c>
    </row>
    <row r="13626" spans="1:7" x14ac:dyDescent="0.3">
      <c r="A13626" s="13" t="s">
        <v>102</v>
      </c>
      <c r="B13626" s="14" t="s">
        <v>1</v>
      </c>
      <c r="C13626" s="14" t="s">
        <v>41</v>
      </c>
      <c r="D13626" s="14" t="s">
        <v>52</v>
      </c>
      <c r="E13626" s="15">
        <v>45497</v>
      </c>
      <c r="F13626" s="14" t="s">
        <v>53</v>
      </c>
      <c r="G13626" s="16">
        <v>0</v>
      </c>
    </row>
    <row r="13627" spans="1:7" x14ac:dyDescent="0.3">
      <c r="A13627" s="13" t="s">
        <v>102</v>
      </c>
      <c r="B13627" s="14" t="s">
        <v>1</v>
      </c>
      <c r="C13627" s="14" t="s">
        <v>41</v>
      </c>
      <c r="D13627" s="14" t="s">
        <v>52</v>
      </c>
      <c r="E13627" s="15">
        <v>45498</v>
      </c>
      <c r="F13627" s="14" t="s">
        <v>53</v>
      </c>
      <c r="G13627" s="16">
        <v>0</v>
      </c>
    </row>
    <row r="13628" spans="1:7" x14ac:dyDescent="0.3">
      <c r="A13628" s="13" t="s">
        <v>102</v>
      </c>
      <c r="B13628" s="14" t="s">
        <v>1</v>
      </c>
      <c r="C13628" s="14" t="s">
        <v>41</v>
      </c>
      <c r="D13628" s="14" t="s">
        <v>52</v>
      </c>
      <c r="E13628" s="15">
        <v>45499</v>
      </c>
      <c r="F13628" s="14" t="s">
        <v>53</v>
      </c>
      <c r="G13628" s="16">
        <v>0</v>
      </c>
    </row>
    <row r="13629" spans="1:7" x14ac:dyDescent="0.3">
      <c r="A13629" s="13" t="s">
        <v>102</v>
      </c>
      <c r="B13629" s="14" t="s">
        <v>1</v>
      </c>
      <c r="C13629" s="14" t="s">
        <v>41</v>
      </c>
      <c r="D13629" s="14" t="s">
        <v>52</v>
      </c>
      <c r="E13629" s="15">
        <v>45500</v>
      </c>
      <c r="F13629" s="14" t="s">
        <v>53</v>
      </c>
      <c r="G13629" s="16">
        <v>0</v>
      </c>
    </row>
    <row r="13630" spans="1:7" x14ac:dyDescent="0.3">
      <c r="A13630" s="13" t="s">
        <v>102</v>
      </c>
      <c r="B13630" s="14" t="s">
        <v>1</v>
      </c>
      <c r="C13630" s="14" t="s">
        <v>41</v>
      </c>
      <c r="D13630" s="14" t="s">
        <v>52</v>
      </c>
      <c r="E13630" s="15">
        <v>45501</v>
      </c>
      <c r="F13630" s="14" t="s">
        <v>53</v>
      </c>
      <c r="G13630" s="16">
        <v>0</v>
      </c>
    </row>
    <row r="13631" spans="1:7" x14ac:dyDescent="0.3">
      <c r="A13631" s="13" t="s">
        <v>102</v>
      </c>
      <c r="B13631" s="14" t="s">
        <v>1</v>
      </c>
      <c r="C13631" s="14" t="s">
        <v>41</v>
      </c>
      <c r="D13631" s="14" t="s">
        <v>52</v>
      </c>
      <c r="E13631" s="15">
        <v>45502</v>
      </c>
      <c r="F13631" s="14" t="s">
        <v>53</v>
      </c>
      <c r="G13631" s="16">
        <v>0</v>
      </c>
    </row>
    <row r="13632" spans="1:7" x14ac:dyDescent="0.3">
      <c r="A13632" s="13" t="s">
        <v>102</v>
      </c>
      <c r="B13632" s="14" t="s">
        <v>1</v>
      </c>
      <c r="C13632" s="14" t="s">
        <v>41</v>
      </c>
      <c r="D13632" s="14" t="s">
        <v>52</v>
      </c>
      <c r="E13632" s="15">
        <v>45503</v>
      </c>
      <c r="F13632" s="14" t="s">
        <v>53</v>
      </c>
      <c r="G13632" s="16">
        <v>0</v>
      </c>
    </row>
    <row r="13633" spans="1:7" x14ac:dyDescent="0.3">
      <c r="A13633" s="13" t="s">
        <v>102</v>
      </c>
      <c r="B13633" s="14" t="s">
        <v>1</v>
      </c>
      <c r="C13633" s="14" t="s">
        <v>41</v>
      </c>
      <c r="D13633" s="14" t="s">
        <v>52</v>
      </c>
      <c r="E13633" s="15">
        <v>45504</v>
      </c>
      <c r="F13633" s="14" t="s">
        <v>53</v>
      </c>
      <c r="G13633" s="16">
        <v>0</v>
      </c>
    </row>
    <row r="13634" spans="1:7" x14ac:dyDescent="0.3">
      <c r="A13634" s="13" t="s">
        <v>102</v>
      </c>
      <c r="B13634" s="14" t="s">
        <v>1</v>
      </c>
      <c r="C13634" s="14" t="s">
        <v>41</v>
      </c>
      <c r="D13634" s="14" t="s">
        <v>52</v>
      </c>
      <c r="E13634" s="15">
        <v>45505</v>
      </c>
      <c r="F13634" s="14" t="s">
        <v>53</v>
      </c>
      <c r="G13634" s="16">
        <v>0</v>
      </c>
    </row>
    <row r="13635" spans="1:7" x14ac:dyDescent="0.3">
      <c r="A13635" s="13" t="s">
        <v>102</v>
      </c>
      <c r="B13635" s="14" t="s">
        <v>1</v>
      </c>
      <c r="C13635" s="14" t="s">
        <v>41</v>
      </c>
      <c r="D13635" s="14" t="s">
        <v>52</v>
      </c>
      <c r="E13635" s="15">
        <v>45506</v>
      </c>
      <c r="F13635" s="14" t="s">
        <v>53</v>
      </c>
      <c r="G13635" s="16">
        <v>0</v>
      </c>
    </row>
    <row r="13636" spans="1:7" x14ac:dyDescent="0.3">
      <c r="A13636" s="13" t="s">
        <v>102</v>
      </c>
      <c r="B13636" s="14" t="s">
        <v>1</v>
      </c>
      <c r="C13636" s="14" t="s">
        <v>41</v>
      </c>
      <c r="D13636" s="14" t="s">
        <v>52</v>
      </c>
      <c r="E13636" s="15">
        <v>45507</v>
      </c>
      <c r="F13636" s="14" t="s">
        <v>53</v>
      </c>
      <c r="G13636" s="16">
        <v>0</v>
      </c>
    </row>
    <row r="13637" spans="1:7" x14ac:dyDescent="0.3">
      <c r="A13637" s="13" t="s">
        <v>102</v>
      </c>
      <c r="B13637" s="14" t="s">
        <v>1</v>
      </c>
      <c r="C13637" s="14" t="s">
        <v>41</v>
      </c>
      <c r="D13637" s="14" t="s">
        <v>52</v>
      </c>
      <c r="E13637" s="15">
        <v>45508</v>
      </c>
      <c r="F13637" s="14" t="s">
        <v>53</v>
      </c>
      <c r="G13637" s="16">
        <v>0</v>
      </c>
    </row>
    <row r="13638" spans="1:7" x14ac:dyDescent="0.3">
      <c r="A13638" s="13" t="s">
        <v>102</v>
      </c>
      <c r="B13638" s="14" t="s">
        <v>1</v>
      </c>
      <c r="C13638" s="14" t="s">
        <v>41</v>
      </c>
      <c r="D13638" s="14" t="s">
        <v>52</v>
      </c>
      <c r="E13638" s="15">
        <v>45509</v>
      </c>
      <c r="F13638" s="14" t="s">
        <v>53</v>
      </c>
      <c r="G13638" s="16">
        <v>0</v>
      </c>
    </row>
    <row r="13639" spans="1:7" x14ac:dyDescent="0.3">
      <c r="A13639" s="13" t="s">
        <v>102</v>
      </c>
      <c r="B13639" s="14" t="s">
        <v>1</v>
      </c>
      <c r="C13639" s="14" t="s">
        <v>41</v>
      </c>
      <c r="D13639" s="14" t="s">
        <v>52</v>
      </c>
      <c r="E13639" s="15">
        <v>45510</v>
      </c>
      <c r="F13639" s="14" t="s">
        <v>53</v>
      </c>
      <c r="G13639" s="16">
        <v>0</v>
      </c>
    </row>
    <row r="13640" spans="1:7" x14ac:dyDescent="0.3">
      <c r="A13640" s="13" t="s">
        <v>102</v>
      </c>
      <c r="B13640" s="14" t="s">
        <v>1</v>
      </c>
      <c r="C13640" s="14" t="s">
        <v>41</v>
      </c>
      <c r="D13640" s="14" t="s">
        <v>52</v>
      </c>
      <c r="E13640" s="15">
        <v>45511</v>
      </c>
      <c r="F13640" s="14" t="s">
        <v>53</v>
      </c>
      <c r="G13640" s="16">
        <v>0</v>
      </c>
    </row>
    <row r="13641" spans="1:7" x14ac:dyDescent="0.3">
      <c r="A13641" s="13" t="s">
        <v>102</v>
      </c>
      <c r="B13641" s="14" t="s">
        <v>1</v>
      </c>
      <c r="C13641" s="14" t="s">
        <v>41</v>
      </c>
      <c r="D13641" s="14" t="s">
        <v>52</v>
      </c>
      <c r="E13641" s="15">
        <v>45512</v>
      </c>
      <c r="F13641" s="14" t="s">
        <v>53</v>
      </c>
      <c r="G13641" s="16">
        <v>0</v>
      </c>
    </row>
    <row r="13642" spans="1:7" x14ac:dyDescent="0.3">
      <c r="A13642" s="13" t="s">
        <v>102</v>
      </c>
      <c r="B13642" s="14" t="s">
        <v>1</v>
      </c>
      <c r="C13642" s="14" t="s">
        <v>41</v>
      </c>
      <c r="D13642" s="14" t="s">
        <v>52</v>
      </c>
      <c r="E13642" s="15">
        <v>45513</v>
      </c>
      <c r="F13642" s="14" t="s">
        <v>53</v>
      </c>
      <c r="G13642" s="16">
        <v>0</v>
      </c>
    </row>
    <row r="13643" spans="1:7" x14ac:dyDescent="0.3">
      <c r="A13643" s="13" t="s">
        <v>102</v>
      </c>
      <c r="B13643" s="14" t="s">
        <v>1</v>
      </c>
      <c r="C13643" s="14" t="s">
        <v>41</v>
      </c>
      <c r="D13643" s="14" t="s">
        <v>52</v>
      </c>
      <c r="E13643" s="15">
        <v>45514</v>
      </c>
      <c r="F13643" s="14" t="s">
        <v>53</v>
      </c>
      <c r="G13643" s="16">
        <v>0</v>
      </c>
    </row>
    <row r="13644" spans="1:7" x14ac:dyDescent="0.3">
      <c r="A13644" s="13" t="s">
        <v>102</v>
      </c>
      <c r="B13644" s="14" t="s">
        <v>1</v>
      </c>
      <c r="C13644" s="14" t="s">
        <v>41</v>
      </c>
      <c r="D13644" s="14" t="s">
        <v>52</v>
      </c>
      <c r="E13644" s="15">
        <v>45515</v>
      </c>
      <c r="F13644" s="14" t="s">
        <v>53</v>
      </c>
      <c r="G13644" s="16">
        <v>0</v>
      </c>
    </row>
    <row r="13645" spans="1:7" x14ac:dyDescent="0.3">
      <c r="A13645" s="13" t="s">
        <v>102</v>
      </c>
      <c r="B13645" s="14" t="s">
        <v>1</v>
      </c>
      <c r="C13645" s="14" t="s">
        <v>41</v>
      </c>
      <c r="D13645" s="14" t="s">
        <v>52</v>
      </c>
      <c r="E13645" s="15">
        <v>45516</v>
      </c>
      <c r="F13645" s="14" t="s">
        <v>53</v>
      </c>
      <c r="G13645" s="16">
        <v>0</v>
      </c>
    </row>
    <row r="13646" spans="1:7" x14ac:dyDescent="0.3">
      <c r="A13646" s="13" t="s">
        <v>102</v>
      </c>
      <c r="B13646" s="14" t="s">
        <v>1</v>
      </c>
      <c r="C13646" s="14" t="s">
        <v>41</v>
      </c>
      <c r="D13646" s="14" t="s">
        <v>52</v>
      </c>
      <c r="E13646" s="15">
        <v>45517</v>
      </c>
      <c r="F13646" s="14" t="s">
        <v>53</v>
      </c>
      <c r="G13646" s="16">
        <v>0</v>
      </c>
    </row>
    <row r="13647" spans="1:7" x14ac:dyDescent="0.3">
      <c r="A13647" s="13" t="s">
        <v>102</v>
      </c>
      <c r="B13647" s="14" t="s">
        <v>1</v>
      </c>
      <c r="C13647" s="14" t="s">
        <v>41</v>
      </c>
      <c r="D13647" s="14" t="s">
        <v>52</v>
      </c>
      <c r="E13647" s="15">
        <v>45518</v>
      </c>
      <c r="F13647" s="14" t="s">
        <v>53</v>
      </c>
      <c r="G13647" s="16">
        <v>0</v>
      </c>
    </row>
    <row r="13648" spans="1:7" x14ac:dyDescent="0.3">
      <c r="A13648" s="13" t="s">
        <v>102</v>
      </c>
      <c r="B13648" s="14" t="s">
        <v>1</v>
      </c>
      <c r="C13648" s="14" t="s">
        <v>41</v>
      </c>
      <c r="D13648" s="14" t="s">
        <v>52</v>
      </c>
      <c r="E13648" s="15">
        <v>45519</v>
      </c>
      <c r="F13648" s="14" t="s">
        <v>53</v>
      </c>
      <c r="G13648" s="16">
        <v>0</v>
      </c>
    </row>
    <row r="13649" spans="1:7" x14ac:dyDescent="0.3">
      <c r="A13649" s="13" t="s">
        <v>102</v>
      </c>
      <c r="B13649" s="14" t="s">
        <v>1</v>
      </c>
      <c r="C13649" s="14" t="s">
        <v>41</v>
      </c>
      <c r="D13649" s="14" t="s">
        <v>52</v>
      </c>
      <c r="E13649" s="15">
        <v>45520</v>
      </c>
      <c r="F13649" s="14" t="s">
        <v>53</v>
      </c>
      <c r="G13649" s="16">
        <v>0</v>
      </c>
    </row>
    <row r="13650" spans="1:7" x14ac:dyDescent="0.3">
      <c r="A13650" s="13" t="s">
        <v>102</v>
      </c>
      <c r="B13650" s="14" t="s">
        <v>1</v>
      </c>
      <c r="C13650" s="14" t="s">
        <v>41</v>
      </c>
      <c r="D13650" s="14" t="s">
        <v>52</v>
      </c>
      <c r="E13650" s="15">
        <v>45521</v>
      </c>
      <c r="F13650" s="14" t="s">
        <v>53</v>
      </c>
      <c r="G13650" s="16">
        <v>0</v>
      </c>
    </row>
    <row r="13651" spans="1:7" x14ac:dyDescent="0.3">
      <c r="A13651" s="13" t="s">
        <v>102</v>
      </c>
      <c r="B13651" s="14" t="s">
        <v>1</v>
      </c>
      <c r="C13651" s="14" t="s">
        <v>41</v>
      </c>
      <c r="D13651" s="14" t="s">
        <v>52</v>
      </c>
      <c r="E13651" s="15">
        <v>45522</v>
      </c>
      <c r="F13651" s="14" t="s">
        <v>53</v>
      </c>
      <c r="G13651" s="16">
        <v>0</v>
      </c>
    </row>
    <row r="13652" spans="1:7" x14ac:dyDescent="0.3">
      <c r="A13652" s="13" t="s">
        <v>102</v>
      </c>
      <c r="B13652" s="14" t="s">
        <v>1</v>
      </c>
      <c r="C13652" s="14" t="s">
        <v>41</v>
      </c>
      <c r="D13652" s="14" t="s">
        <v>52</v>
      </c>
      <c r="E13652" s="15">
        <v>45523</v>
      </c>
      <c r="F13652" s="14" t="s">
        <v>53</v>
      </c>
      <c r="G13652" s="16">
        <v>0</v>
      </c>
    </row>
    <row r="13653" spans="1:7" x14ac:dyDescent="0.3">
      <c r="A13653" s="13" t="s">
        <v>102</v>
      </c>
      <c r="B13653" s="14" t="s">
        <v>1</v>
      </c>
      <c r="C13653" s="14" t="s">
        <v>41</v>
      </c>
      <c r="D13653" s="14" t="s">
        <v>52</v>
      </c>
      <c r="E13653" s="15">
        <v>45524</v>
      </c>
      <c r="F13653" s="14" t="s">
        <v>53</v>
      </c>
      <c r="G13653" s="16">
        <v>0</v>
      </c>
    </row>
    <row r="13654" spans="1:7" x14ac:dyDescent="0.3">
      <c r="A13654" s="13" t="s">
        <v>102</v>
      </c>
      <c r="B13654" s="14" t="s">
        <v>1</v>
      </c>
      <c r="C13654" s="14" t="s">
        <v>41</v>
      </c>
      <c r="D13654" s="14" t="s">
        <v>52</v>
      </c>
      <c r="E13654" s="15">
        <v>45525</v>
      </c>
      <c r="F13654" s="14" t="s">
        <v>53</v>
      </c>
      <c r="G13654" s="16">
        <v>0</v>
      </c>
    </row>
    <row r="13655" spans="1:7" x14ac:dyDescent="0.3">
      <c r="A13655" s="13" t="s">
        <v>102</v>
      </c>
      <c r="B13655" s="14" t="s">
        <v>1</v>
      </c>
      <c r="C13655" s="14" t="s">
        <v>41</v>
      </c>
      <c r="D13655" s="14" t="s">
        <v>52</v>
      </c>
      <c r="E13655" s="15">
        <v>45526</v>
      </c>
      <c r="F13655" s="14" t="s">
        <v>53</v>
      </c>
      <c r="G13655" s="16">
        <v>0</v>
      </c>
    </row>
    <row r="13656" spans="1:7" x14ac:dyDescent="0.3">
      <c r="A13656" s="13" t="s">
        <v>102</v>
      </c>
      <c r="B13656" s="14" t="s">
        <v>1</v>
      </c>
      <c r="C13656" s="14" t="s">
        <v>41</v>
      </c>
      <c r="D13656" s="14" t="s">
        <v>52</v>
      </c>
      <c r="E13656" s="15">
        <v>45527</v>
      </c>
      <c r="F13656" s="14" t="s">
        <v>53</v>
      </c>
      <c r="G13656" s="16">
        <v>0</v>
      </c>
    </row>
    <row r="13657" spans="1:7" x14ac:dyDescent="0.3">
      <c r="A13657" s="13" t="s">
        <v>102</v>
      </c>
      <c r="B13657" s="14" t="s">
        <v>1</v>
      </c>
      <c r="C13657" s="14" t="s">
        <v>41</v>
      </c>
      <c r="D13657" s="14" t="s">
        <v>52</v>
      </c>
      <c r="E13657" s="15">
        <v>45528</v>
      </c>
      <c r="F13657" s="14" t="s">
        <v>53</v>
      </c>
      <c r="G13657" s="16">
        <v>0</v>
      </c>
    </row>
    <row r="13658" spans="1:7" x14ac:dyDescent="0.3">
      <c r="A13658" s="13" t="s">
        <v>102</v>
      </c>
      <c r="B13658" s="14" t="s">
        <v>1</v>
      </c>
      <c r="C13658" s="14" t="s">
        <v>41</v>
      </c>
      <c r="D13658" s="14" t="s">
        <v>52</v>
      </c>
      <c r="E13658" s="15">
        <v>45529</v>
      </c>
      <c r="F13658" s="14" t="s">
        <v>53</v>
      </c>
      <c r="G13658" s="16">
        <v>0</v>
      </c>
    </row>
    <row r="13659" spans="1:7" x14ac:dyDescent="0.3">
      <c r="A13659" s="13" t="s">
        <v>102</v>
      </c>
      <c r="B13659" s="14" t="s">
        <v>1</v>
      </c>
      <c r="C13659" s="14" t="s">
        <v>41</v>
      </c>
      <c r="D13659" s="14" t="s">
        <v>52</v>
      </c>
      <c r="E13659" s="15">
        <v>45530</v>
      </c>
      <c r="F13659" s="14" t="s">
        <v>53</v>
      </c>
      <c r="G13659" s="16">
        <v>0</v>
      </c>
    </row>
    <row r="13660" spans="1:7" x14ac:dyDescent="0.3">
      <c r="A13660" s="13" t="s">
        <v>102</v>
      </c>
      <c r="B13660" s="14" t="s">
        <v>1</v>
      </c>
      <c r="C13660" s="14" t="s">
        <v>41</v>
      </c>
      <c r="D13660" s="14" t="s">
        <v>52</v>
      </c>
      <c r="E13660" s="15">
        <v>45531</v>
      </c>
      <c r="F13660" s="14" t="s">
        <v>53</v>
      </c>
      <c r="G13660" s="16">
        <v>0</v>
      </c>
    </row>
    <row r="13661" spans="1:7" x14ac:dyDescent="0.3">
      <c r="A13661" s="13" t="s">
        <v>102</v>
      </c>
      <c r="B13661" s="14" t="s">
        <v>1</v>
      </c>
      <c r="C13661" s="14" t="s">
        <v>41</v>
      </c>
      <c r="D13661" s="14" t="s">
        <v>52</v>
      </c>
      <c r="E13661" s="15">
        <v>45532</v>
      </c>
      <c r="F13661" s="14" t="s">
        <v>53</v>
      </c>
      <c r="G13661" s="16">
        <v>0</v>
      </c>
    </row>
    <row r="13662" spans="1:7" x14ac:dyDescent="0.3">
      <c r="A13662" s="13" t="s">
        <v>102</v>
      </c>
      <c r="B13662" s="14" t="s">
        <v>1</v>
      </c>
      <c r="C13662" s="14" t="s">
        <v>41</v>
      </c>
      <c r="D13662" s="14" t="s">
        <v>52</v>
      </c>
      <c r="E13662" s="15">
        <v>45533</v>
      </c>
      <c r="F13662" s="14" t="s">
        <v>53</v>
      </c>
      <c r="G13662" s="16">
        <v>0</v>
      </c>
    </row>
    <row r="13663" spans="1:7" x14ac:dyDescent="0.3">
      <c r="A13663" s="13" t="s">
        <v>102</v>
      </c>
      <c r="B13663" s="14" t="s">
        <v>1</v>
      </c>
      <c r="C13663" s="14" t="s">
        <v>41</v>
      </c>
      <c r="D13663" s="14" t="s">
        <v>52</v>
      </c>
      <c r="E13663" s="15">
        <v>45534</v>
      </c>
      <c r="F13663" s="14" t="s">
        <v>53</v>
      </c>
      <c r="G13663" s="16">
        <v>0</v>
      </c>
    </row>
    <row r="13664" spans="1:7" x14ac:dyDescent="0.3">
      <c r="A13664" s="13" t="s">
        <v>102</v>
      </c>
      <c r="B13664" s="14" t="s">
        <v>1</v>
      </c>
      <c r="C13664" s="14" t="s">
        <v>41</v>
      </c>
      <c r="D13664" s="14" t="s">
        <v>52</v>
      </c>
      <c r="E13664" s="15">
        <v>45535</v>
      </c>
      <c r="F13664" s="14" t="s">
        <v>53</v>
      </c>
      <c r="G13664" s="16">
        <v>0</v>
      </c>
    </row>
    <row r="13665" spans="1:7" x14ac:dyDescent="0.3">
      <c r="A13665" s="13" t="s">
        <v>102</v>
      </c>
      <c r="B13665" s="14" t="s">
        <v>1</v>
      </c>
      <c r="C13665" s="14" t="s">
        <v>41</v>
      </c>
      <c r="D13665" s="14" t="s">
        <v>52</v>
      </c>
      <c r="E13665" s="15">
        <v>45536</v>
      </c>
      <c r="F13665" s="14" t="s">
        <v>53</v>
      </c>
      <c r="G13665" s="16">
        <v>0</v>
      </c>
    </row>
    <row r="13666" spans="1:7" x14ac:dyDescent="0.3">
      <c r="A13666" s="13" t="s">
        <v>102</v>
      </c>
      <c r="B13666" s="14" t="s">
        <v>1</v>
      </c>
      <c r="C13666" s="14" t="s">
        <v>41</v>
      </c>
      <c r="D13666" s="14" t="s">
        <v>52</v>
      </c>
      <c r="E13666" s="15">
        <v>45537</v>
      </c>
      <c r="F13666" s="14" t="s">
        <v>53</v>
      </c>
      <c r="G13666" s="16">
        <v>0</v>
      </c>
    </row>
    <row r="13667" spans="1:7" x14ac:dyDescent="0.3">
      <c r="A13667" s="13" t="s">
        <v>102</v>
      </c>
      <c r="B13667" s="14" t="s">
        <v>1</v>
      </c>
      <c r="C13667" s="14" t="s">
        <v>41</v>
      </c>
      <c r="D13667" s="14" t="s">
        <v>52</v>
      </c>
      <c r="E13667" s="15">
        <v>45538</v>
      </c>
      <c r="F13667" s="14" t="s">
        <v>53</v>
      </c>
      <c r="G13667" s="16">
        <v>0</v>
      </c>
    </row>
    <row r="13668" spans="1:7" x14ac:dyDescent="0.3">
      <c r="A13668" s="13" t="s">
        <v>102</v>
      </c>
      <c r="B13668" s="14" t="s">
        <v>1</v>
      </c>
      <c r="C13668" s="14" t="s">
        <v>41</v>
      </c>
      <c r="D13668" s="14" t="s">
        <v>52</v>
      </c>
      <c r="E13668" s="15">
        <v>45539</v>
      </c>
      <c r="F13668" s="14" t="s">
        <v>53</v>
      </c>
      <c r="G13668" s="16">
        <v>0</v>
      </c>
    </row>
    <row r="13669" spans="1:7" x14ac:dyDescent="0.3">
      <c r="A13669" s="13" t="s">
        <v>102</v>
      </c>
      <c r="B13669" s="14" t="s">
        <v>1</v>
      </c>
      <c r="C13669" s="14" t="s">
        <v>41</v>
      </c>
      <c r="D13669" s="14" t="s">
        <v>52</v>
      </c>
      <c r="E13669" s="15">
        <v>45540</v>
      </c>
      <c r="F13669" s="14" t="s">
        <v>53</v>
      </c>
      <c r="G13669" s="16">
        <v>0</v>
      </c>
    </row>
    <row r="13670" spans="1:7" x14ac:dyDescent="0.3">
      <c r="A13670" s="13" t="s">
        <v>102</v>
      </c>
      <c r="B13670" s="14" t="s">
        <v>1</v>
      </c>
      <c r="C13670" s="14" t="s">
        <v>41</v>
      </c>
      <c r="D13670" s="14" t="s">
        <v>52</v>
      </c>
      <c r="E13670" s="15">
        <v>45541</v>
      </c>
      <c r="F13670" s="14" t="s">
        <v>53</v>
      </c>
      <c r="G13670" s="16">
        <v>0</v>
      </c>
    </row>
    <row r="13671" spans="1:7" x14ac:dyDescent="0.3">
      <c r="A13671" s="13" t="s">
        <v>102</v>
      </c>
      <c r="B13671" s="14" t="s">
        <v>1</v>
      </c>
      <c r="C13671" s="14" t="s">
        <v>41</v>
      </c>
      <c r="D13671" s="14" t="s">
        <v>52</v>
      </c>
      <c r="E13671" s="15">
        <v>45542</v>
      </c>
      <c r="F13671" s="14" t="s">
        <v>53</v>
      </c>
      <c r="G13671" s="16">
        <v>0</v>
      </c>
    </row>
    <row r="13672" spans="1:7" x14ac:dyDescent="0.3">
      <c r="A13672" s="13" t="s">
        <v>102</v>
      </c>
      <c r="B13672" s="14" t="s">
        <v>1</v>
      </c>
      <c r="C13672" s="14" t="s">
        <v>41</v>
      </c>
      <c r="D13672" s="14" t="s">
        <v>52</v>
      </c>
      <c r="E13672" s="15">
        <v>45543</v>
      </c>
      <c r="F13672" s="14" t="s">
        <v>53</v>
      </c>
      <c r="G13672" s="16">
        <v>0</v>
      </c>
    </row>
    <row r="13673" spans="1:7" x14ac:dyDescent="0.3">
      <c r="A13673" s="13" t="s">
        <v>102</v>
      </c>
      <c r="B13673" s="14" t="s">
        <v>1</v>
      </c>
      <c r="C13673" s="14" t="s">
        <v>41</v>
      </c>
      <c r="D13673" s="14" t="s">
        <v>52</v>
      </c>
      <c r="E13673" s="15">
        <v>45544</v>
      </c>
      <c r="F13673" s="14" t="s">
        <v>53</v>
      </c>
      <c r="G13673" s="16">
        <v>0</v>
      </c>
    </row>
    <row r="13674" spans="1:7" x14ac:dyDescent="0.3">
      <c r="A13674" s="13" t="s">
        <v>102</v>
      </c>
      <c r="B13674" s="14" t="s">
        <v>1</v>
      </c>
      <c r="C13674" s="14" t="s">
        <v>41</v>
      </c>
      <c r="D13674" s="14" t="s">
        <v>52</v>
      </c>
      <c r="E13674" s="15">
        <v>45545</v>
      </c>
      <c r="F13674" s="14" t="s">
        <v>53</v>
      </c>
      <c r="G13674" s="16">
        <v>0</v>
      </c>
    </row>
    <row r="13675" spans="1:7" x14ac:dyDescent="0.3">
      <c r="A13675" s="13" t="s">
        <v>102</v>
      </c>
      <c r="B13675" s="14" t="s">
        <v>1</v>
      </c>
      <c r="C13675" s="14" t="s">
        <v>41</v>
      </c>
      <c r="D13675" s="14" t="s">
        <v>52</v>
      </c>
      <c r="E13675" s="15">
        <v>45546</v>
      </c>
      <c r="F13675" s="14" t="s">
        <v>53</v>
      </c>
      <c r="G13675" s="16">
        <v>0</v>
      </c>
    </row>
    <row r="13676" spans="1:7" x14ac:dyDescent="0.3">
      <c r="A13676" s="13" t="s">
        <v>102</v>
      </c>
      <c r="B13676" s="14" t="s">
        <v>1</v>
      </c>
      <c r="C13676" s="14" t="s">
        <v>41</v>
      </c>
      <c r="D13676" s="14" t="s">
        <v>52</v>
      </c>
      <c r="E13676" s="15">
        <v>45547</v>
      </c>
      <c r="F13676" s="14" t="s">
        <v>53</v>
      </c>
      <c r="G13676" s="16">
        <v>0</v>
      </c>
    </row>
    <row r="13677" spans="1:7" x14ac:dyDescent="0.3">
      <c r="A13677" s="13" t="s">
        <v>102</v>
      </c>
      <c r="B13677" s="14" t="s">
        <v>1</v>
      </c>
      <c r="C13677" s="14" t="s">
        <v>41</v>
      </c>
      <c r="D13677" s="14" t="s">
        <v>52</v>
      </c>
      <c r="E13677" s="15">
        <v>45548</v>
      </c>
      <c r="F13677" s="14" t="s">
        <v>53</v>
      </c>
      <c r="G13677" s="16">
        <v>0</v>
      </c>
    </row>
    <row r="13678" spans="1:7" x14ac:dyDescent="0.3">
      <c r="A13678" s="13" t="s">
        <v>102</v>
      </c>
      <c r="B13678" s="14" t="s">
        <v>1</v>
      </c>
      <c r="C13678" s="14" t="s">
        <v>41</v>
      </c>
      <c r="D13678" s="14" t="s">
        <v>52</v>
      </c>
      <c r="E13678" s="15">
        <v>45549</v>
      </c>
      <c r="F13678" s="14" t="s">
        <v>53</v>
      </c>
      <c r="G13678" s="16">
        <v>0</v>
      </c>
    </row>
    <row r="13679" spans="1:7" x14ac:dyDescent="0.3">
      <c r="A13679" s="13" t="s">
        <v>102</v>
      </c>
      <c r="B13679" s="14" t="s">
        <v>1</v>
      </c>
      <c r="C13679" s="14" t="s">
        <v>41</v>
      </c>
      <c r="D13679" s="14" t="s">
        <v>52</v>
      </c>
      <c r="E13679" s="15">
        <v>45550</v>
      </c>
      <c r="F13679" s="14" t="s">
        <v>53</v>
      </c>
      <c r="G13679" s="16">
        <v>0</v>
      </c>
    </row>
    <row r="13680" spans="1:7" x14ac:dyDescent="0.3">
      <c r="A13680" s="13" t="s">
        <v>102</v>
      </c>
      <c r="B13680" s="14" t="s">
        <v>1</v>
      </c>
      <c r="C13680" s="14" t="s">
        <v>41</v>
      </c>
      <c r="D13680" s="14" t="s">
        <v>52</v>
      </c>
      <c r="E13680" s="15">
        <v>45551</v>
      </c>
      <c r="F13680" s="14" t="s">
        <v>53</v>
      </c>
      <c r="G13680" s="16">
        <v>0</v>
      </c>
    </row>
    <row r="13681" spans="1:7" x14ac:dyDescent="0.3">
      <c r="A13681" s="13" t="s">
        <v>102</v>
      </c>
      <c r="B13681" s="14" t="s">
        <v>1</v>
      </c>
      <c r="C13681" s="14" t="s">
        <v>41</v>
      </c>
      <c r="D13681" s="14" t="s">
        <v>52</v>
      </c>
      <c r="E13681" s="15">
        <v>45552</v>
      </c>
      <c r="F13681" s="14" t="s">
        <v>53</v>
      </c>
      <c r="G13681" s="16">
        <v>0</v>
      </c>
    </row>
    <row r="13682" spans="1:7" x14ac:dyDescent="0.3">
      <c r="A13682" s="13" t="s">
        <v>102</v>
      </c>
      <c r="B13682" s="14" t="s">
        <v>1</v>
      </c>
      <c r="C13682" s="14" t="s">
        <v>41</v>
      </c>
      <c r="D13682" s="14" t="s">
        <v>52</v>
      </c>
      <c r="E13682" s="15">
        <v>45553</v>
      </c>
      <c r="F13682" s="14" t="s">
        <v>53</v>
      </c>
      <c r="G13682" s="16">
        <v>0</v>
      </c>
    </row>
    <row r="13683" spans="1:7" x14ac:dyDescent="0.3">
      <c r="A13683" s="13" t="s">
        <v>102</v>
      </c>
      <c r="B13683" s="14" t="s">
        <v>1</v>
      </c>
      <c r="C13683" s="14" t="s">
        <v>41</v>
      </c>
      <c r="D13683" s="14" t="s">
        <v>52</v>
      </c>
      <c r="E13683" s="15">
        <v>45554</v>
      </c>
      <c r="F13683" s="14" t="s">
        <v>53</v>
      </c>
      <c r="G13683" s="16">
        <v>0</v>
      </c>
    </row>
    <row r="13684" spans="1:7" x14ac:dyDescent="0.3">
      <c r="A13684" s="13" t="s">
        <v>102</v>
      </c>
      <c r="B13684" s="14" t="s">
        <v>1</v>
      </c>
      <c r="C13684" s="14" t="s">
        <v>41</v>
      </c>
      <c r="D13684" s="14" t="s">
        <v>52</v>
      </c>
      <c r="E13684" s="15">
        <v>45555</v>
      </c>
      <c r="F13684" s="14" t="s">
        <v>53</v>
      </c>
      <c r="G13684" s="16">
        <v>0</v>
      </c>
    </row>
    <row r="13685" spans="1:7" x14ac:dyDescent="0.3">
      <c r="A13685" s="13" t="s">
        <v>102</v>
      </c>
      <c r="B13685" s="14" t="s">
        <v>1</v>
      </c>
      <c r="C13685" s="14" t="s">
        <v>41</v>
      </c>
      <c r="D13685" s="14" t="s">
        <v>52</v>
      </c>
      <c r="E13685" s="15">
        <v>45556</v>
      </c>
      <c r="F13685" s="14" t="s">
        <v>53</v>
      </c>
      <c r="G13685" s="16">
        <v>0</v>
      </c>
    </row>
    <row r="13686" spans="1:7" x14ac:dyDescent="0.3">
      <c r="A13686" s="13" t="s">
        <v>102</v>
      </c>
      <c r="B13686" s="14" t="s">
        <v>1</v>
      </c>
      <c r="C13686" s="14" t="s">
        <v>41</v>
      </c>
      <c r="D13686" s="14" t="s">
        <v>52</v>
      </c>
      <c r="E13686" s="15">
        <v>45557</v>
      </c>
      <c r="F13686" s="14" t="s">
        <v>53</v>
      </c>
      <c r="G13686" s="16">
        <v>0</v>
      </c>
    </row>
    <row r="13687" spans="1:7" x14ac:dyDescent="0.3">
      <c r="A13687" s="13" t="s">
        <v>102</v>
      </c>
      <c r="B13687" s="14" t="s">
        <v>1</v>
      </c>
      <c r="C13687" s="14" t="s">
        <v>41</v>
      </c>
      <c r="D13687" s="14" t="s">
        <v>52</v>
      </c>
      <c r="E13687" s="15">
        <v>45558</v>
      </c>
      <c r="F13687" s="14" t="s">
        <v>53</v>
      </c>
      <c r="G13687" s="16">
        <v>0</v>
      </c>
    </row>
    <row r="13688" spans="1:7" x14ac:dyDescent="0.3">
      <c r="A13688" s="13" t="s">
        <v>102</v>
      </c>
      <c r="B13688" s="14" t="s">
        <v>1</v>
      </c>
      <c r="C13688" s="14" t="s">
        <v>41</v>
      </c>
      <c r="D13688" s="14" t="s">
        <v>52</v>
      </c>
      <c r="E13688" s="15">
        <v>45559</v>
      </c>
      <c r="F13688" s="14" t="s">
        <v>53</v>
      </c>
      <c r="G13688" s="16">
        <v>0</v>
      </c>
    </row>
    <row r="13689" spans="1:7" x14ac:dyDescent="0.3">
      <c r="A13689" s="13" t="s">
        <v>102</v>
      </c>
      <c r="B13689" s="14" t="s">
        <v>1</v>
      </c>
      <c r="C13689" s="14" t="s">
        <v>41</v>
      </c>
      <c r="D13689" s="14" t="s">
        <v>52</v>
      </c>
      <c r="E13689" s="15">
        <v>45560</v>
      </c>
      <c r="F13689" s="14" t="s">
        <v>53</v>
      </c>
      <c r="G13689" s="16">
        <v>0</v>
      </c>
    </row>
    <row r="13690" spans="1:7" x14ac:dyDescent="0.3">
      <c r="A13690" s="13" t="s">
        <v>102</v>
      </c>
      <c r="B13690" s="14" t="s">
        <v>1</v>
      </c>
      <c r="C13690" s="14" t="s">
        <v>41</v>
      </c>
      <c r="D13690" s="14" t="s">
        <v>52</v>
      </c>
      <c r="E13690" s="15">
        <v>45561</v>
      </c>
      <c r="F13690" s="14" t="s">
        <v>53</v>
      </c>
      <c r="G13690" s="16">
        <v>0</v>
      </c>
    </row>
    <row r="13691" spans="1:7" x14ac:dyDescent="0.3">
      <c r="A13691" s="13" t="s">
        <v>102</v>
      </c>
      <c r="B13691" s="14" t="s">
        <v>1</v>
      </c>
      <c r="C13691" s="14" t="s">
        <v>41</v>
      </c>
      <c r="D13691" s="14" t="s">
        <v>52</v>
      </c>
      <c r="E13691" s="15">
        <v>45562</v>
      </c>
      <c r="F13691" s="14" t="s">
        <v>53</v>
      </c>
      <c r="G13691" s="16">
        <v>0</v>
      </c>
    </row>
    <row r="13692" spans="1:7" x14ac:dyDescent="0.3">
      <c r="A13692" s="13" t="s">
        <v>102</v>
      </c>
      <c r="B13692" s="14" t="s">
        <v>1</v>
      </c>
      <c r="C13692" s="14" t="s">
        <v>41</v>
      </c>
      <c r="D13692" s="14" t="s">
        <v>52</v>
      </c>
      <c r="E13692" s="15">
        <v>45563</v>
      </c>
      <c r="F13692" s="14" t="s">
        <v>53</v>
      </c>
      <c r="G13692" s="16">
        <v>0</v>
      </c>
    </row>
    <row r="13693" spans="1:7" x14ac:dyDescent="0.3">
      <c r="A13693" s="13" t="s">
        <v>102</v>
      </c>
      <c r="B13693" s="14" t="s">
        <v>1</v>
      </c>
      <c r="C13693" s="14" t="s">
        <v>41</v>
      </c>
      <c r="D13693" s="14" t="s">
        <v>52</v>
      </c>
      <c r="E13693" s="15">
        <v>45564</v>
      </c>
      <c r="F13693" s="14" t="s">
        <v>53</v>
      </c>
      <c r="G13693" s="16">
        <v>0</v>
      </c>
    </row>
    <row r="13694" spans="1:7" x14ac:dyDescent="0.3">
      <c r="A13694" s="13" t="s">
        <v>102</v>
      </c>
      <c r="B13694" s="14" t="s">
        <v>1</v>
      </c>
      <c r="C13694" s="14" t="s">
        <v>41</v>
      </c>
      <c r="D13694" s="14" t="s">
        <v>52</v>
      </c>
      <c r="E13694" s="15">
        <v>45565</v>
      </c>
      <c r="F13694" s="14" t="s">
        <v>53</v>
      </c>
      <c r="G13694" s="16">
        <v>0.57623526313834117</v>
      </c>
    </row>
    <row r="13695" spans="1:7" x14ac:dyDescent="0.3">
      <c r="A13695" s="13" t="s">
        <v>102</v>
      </c>
      <c r="B13695" s="14" t="s">
        <v>1</v>
      </c>
      <c r="C13695" s="14" t="s">
        <v>41</v>
      </c>
      <c r="D13695" s="14" t="s">
        <v>52</v>
      </c>
      <c r="E13695" s="15">
        <v>45566</v>
      </c>
      <c r="F13695" s="14" t="s">
        <v>53</v>
      </c>
      <c r="G13695" s="16">
        <v>0.57336209855072628</v>
      </c>
    </row>
    <row r="13696" spans="1:7" x14ac:dyDescent="0.3">
      <c r="A13696" s="13" t="s">
        <v>102</v>
      </c>
      <c r="B13696" s="14" t="s">
        <v>1</v>
      </c>
      <c r="C13696" s="14" t="s">
        <v>41</v>
      </c>
      <c r="D13696" s="14" t="s">
        <v>52</v>
      </c>
      <c r="E13696" s="15">
        <v>45567</v>
      </c>
      <c r="F13696" s="14" t="s">
        <v>53</v>
      </c>
      <c r="G13696" s="16">
        <v>0.56048046608176783</v>
      </c>
    </row>
    <row r="13697" spans="1:7" x14ac:dyDescent="0.3">
      <c r="A13697" s="13" t="s">
        <v>102</v>
      </c>
      <c r="B13697" s="14" t="s">
        <v>1</v>
      </c>
      <c r="C13697" s="14" t="s">
        <v>41</v>
      </c>
      <c r="D13697" s="14" t="s">
        <v>52</v>
      </c>
      <c r="E13697" s="15">
        <v>45568</v>
      </c>
      <c r="F13697" s="14" t="s">
        <v>53</v>
      </c>
      <c r="G13697" s="16">
        <v>0.5625081402134231</v>
      </c>
    </row>
    <row r="13698" spans="1:7" x14ac:dyDescent="0.3">
      <c r="A13698" s="13" t="s">
        <v>102</v>
      </c>
      <c r="B13698" s="14" t="s">
        <v>1</v>
      </c>
      <c r="C13698" s="14" t="s">
        <v>41</v>
      </c>
      <c r="D13698" s="14" t="s">
        <v>52</v>
      </c>
      <c r="E13698" s="15">
        <v>45569</v>
      </c>
      <c r="F13698" s="14" t="s">
        <v>53</v>
      </c>
      <c r="G13698" s="16">
        <v>0.55350244738336996</v>
      </c>
    </row>
    <row r="13699" spans="1:7" x14ac:dyDescent="0.3">
      <c r="A13699" s="13" t="s">
        <v>102</v>
      </c>
      <c r="B13699" s="14" t="s">
        <v>1</v>
      </c>
      <c r="C13699" s="14" t="s">
        <v>41</v>
      </c>
      <c r="D13699" s="14" t="s">
        <v>52</v>
      </c>
      <c r="E13699" s="15">
        <v>45570</v>
      </c>
      <c r="F13699" s="14" t="s">
        <v>53</v>
      </c>
      <c r="G13699" s="16">
        <v>0.55350244738336996</v>
      </c>
    </row>
    <row r="13700" spans="1:7" x14ac:dyDescent="0.3">
      <c r="A13700" s="13" t="s">
        <v>102</v>
      </c>
      <c r="B13700" s="14" t="s">
        <v>1</v>
      </c>
      <c r="C13700" s="14" t="s">
        <v>41</v>
      </c>
      <c r="D13700" s="14" t="s">
        <v>52</v>
      </c>
      <c r="E13700" s="15">
        <v>45571</v>
      </c>
      <c r="F13700" s="14" t="s">
        <v>53</v>
      </c>
      <c r="G13700" s="16">
        <v>0.55350244738336996</v>
      </c>
    </row>
    <row r="13701" spans="1:7" x14ac:dyDescent="0.3">
      <c r="A13701" s="13" t="s">
        <v>102</v>
      </c>
      <c r="B13701" s="14" t="s">
        <v>1</v>
      </c>
      <c r="C13701" s="14" t="s">
        <v>41</v>
      </c>
      <c r="D13701" s="14" t="s">
        <v>52</v>
      </c>
      <c r="E13701" s="15">
        <v>45572</v>
      </c>
      <c r="F13701" s="14" t="s">
        <v>53</v>
      </c>
      <c r="G13701" s="16">
        <v>0.55485077200448718</v>
      </c>
    </row>
    <row r="13702" spans="1:7" x14ac:dyDescent="0.3">
      <c r="A13702" s="13" t="s">
        <v>102</v>
      </c>
      <c r="B13702" s="14" t="s">
        <v>1</v>
      </c>
      <c r="C13702" s="14" t="s">
        <v>41</v>
      </c>
      <c r="D13702" s="14" t="s">
        <v>52</v>
      </c>
      <c r="E13702" s="15">
        <v>45573</v>
      </c>
      <c r="F13702" s="14" t="s">
        <v>53</v>
      </c>
      <c r="G13702" s="16">
        <v>0.54697931478627881</v>
      </c>
    </row>
    <row r="13703" spans="1:7" x14ac:dyDescent="0.3">
      <c r="A13703" s="13" t="s">
        <v>102</v>
      </c>
      <c r="B13703" s="14" t="s">
        <v>1</v>
      </c>
      <c r="C13703" s="14" t="s">
        <v>41</v>
      </c>
      <c r="D13703" s="14" t="s">
        <v>52</v>
      </c>
      <c r="E13703" s="15">
        <v>45574</v>
      </c>
      <c r="F13703" s="14" t="s">
        <v>53</v>
      </c>
      <c r="G13703" s="16">
        <v>0.54194018074817718</v>
      </c>
    </row>
    <row r="13704" spans="1:7" x14ac:dyDescent="0.3">
      <c r="A13704" s="13" t="s">
        <v>102</v>
      </c>
      <c r="B13704" s="14" t="s">
        <v>1</v>
      </c>
      <c r="C13704" s="14" t="s">
        <v>41</v>
      </c>
      <c r="D13704" s="14" t="s">
        <v>52</v>
      </c>
      <c r="E13704" s="15">
        <v>45575</v>
      </c>
      <c r="F13704" s="14" t="s">
        <v>53</v>
      </c>
      <c r="G13704" s="16">
        <v>0.54265329238197746</v>
      </c>
    </row>
    <row r="13705" spans="1:7" x14ac:dyDescent="0.3">
      <c r="A13705" s="13" t="s">
        <v>102</v>
      </c>
      <c r="B13705" s="14" t="s">
        <v>1</v>
      </c>
      <c r="C13705" s="14" t="s">
        <v>41</v>
      </c>
      <c r="D13705" s="14" t="s">
        <v>52</v>
      </c>
      <c r="E13705" s="15">
        <v>45576</v>
      </c>
      <c r="F13705" s="14" t="s">
        <v>53</v>
      </c>
      <c r="G13705" s="16">
        <v>0.53786892247363294</v>
      </c>
    </row>
    <row r="13706" spans="1:7" x14ac:dyDescent="0.3">
      <c r="A13706" s="13" t="s">
        <v>102</v>
      </c>
      <c r="B13706" s="14" t="s">
        <v>1</v>
      </c>
      <c r="C13706" s="14" t="s">
        <v>41</v>
      </c>
      <c r="D13706" s="14" t="s">
        <v>52</v>
      </c>
      <c r="E13706" s="15">
        <v>45577</v>
      </c>
      <c r="F13706" s="14" t="s">
        <v>53</v>
      </c>
      <c r="G13706" s="16">
        <v>0.53786892247363294</v>
      </c>
    </row>
    <row r="13707" spans="1:7" x14ac:dyDescent="0.3">
      <c r="A13707" s="13" t="s">
        <v>102</v>
      </c>
      <c r="B13707" s="14" t="s">
        <v>1</v>
      </c>
      <c r="C13707" s="14" t="s">
        <v>41</v>
      </c>
      <c r="D13707" s="14" t="s">
        <v>52</v>
      </c>
      <c r="E13707" s="15">
        <v>45578</v>
      </c>
      <c r="F13707" s="14" t="s">
        <v>53</v>
      </c>
      <c r="G13707" s="16">
        <v>0.53786892247363294</v>
      </c>
    </row>
    <row r="13708" spans="1:7" x14ac:dyDescent="0.3">
      <c r="A13708" s="13" t="s">
        <v>102</v>
      </c>
      <c r="B13708" s="14" t="s">
        <v>1</v>
      </c>
      <c r="C13708" s="14" t="s">
        <v>41</v>
      </c>
      <c r="D13708" s="14" t="s">
        <v>52</v>
      </c>
      <c r="E13708" s="15">
        <v>45579</v>
      </c>
      <c r="F13708" s="14" t="s">
        <v>53</v>
      </c>
      <c r="G13708" s="16">
        <v>0.53786892247363294</v>
      </c>
    </row>
    <row r="13709" spans="1:7" x14ac:dyDescent="0.3">
      <c r="A13709" s="13" t="s">
        <v>102</v>
      </c>
      <c r="B13709" s="14" t="s">
        <v>1</v>
      </c>
      <c r="C13709" s="14" t="s">
        <v>41</v>
      </c>
      <c r="D13709" s="14" t="s">
        <v>52</v>
      </c>
      <c r="E13709" s="15">
        <v>45580</v>
      </c>
      <c r="F13709" s="14" t="s">
        <v>53</v>
      </c>
      <c r="G13709" s="16">
        <v>0.53507694751536106</v>
      </c>
    </row>
    <row r="13710" spans="1:7" x14ac:dyDescent="0.3">
      <c r="A13710" s="13" t="s">
        <v>102</v>
      </c>
      <c r="B13710" s="14" t="s">
        <v>1</v>
      </c>
      <c r="C13710" s="14" t="s">
        <v>41</v>
      </c>
      <c r="D13710" s="14" t="s">
        <v>52</v>
      </c>
      <c r="E13710" s="15">
        <v>45581</v>
      </c>
      <c r="F13710" s="14" t="s">
        <v>53</v>
      </c>
      <c r="G13710" s="16">
        <v>0.52746192574711503</v>
      </c>
    </row>
    <row r="13711" spans="1:7" x14ac:dyDescent="0.3">
      <c r="A13711" s="13" t="s">
        <v>102</v>
      </c>
      <c r="B13711" s="14" t="s">
        <v>1</v>
      </c>
      <c r="C13711" s="14" t="s">
        <v>41</v>
      </c>
      <c r="D13711" s="14" t="s">
        <v>52</v>
      </c>
      <c r="E13711" s="15">
        <v>45582</v>
      </c>
      <c r="F13711" s="14" t="s">
        <v>53</v>
      </c>
      <c r="G13711" s="16">
        <v>0.52221095197494627</v>
      </c>
    </row>
    <row r="13712" spans="1:7" x14ac:dyDescent="0.3">
      <c r="A13712" s="13" t="s">
        <v>102</v>
      </c>
      <c r="B13712" s="14" t="s">
        <v>1</v>
      </c>
      <c r="C13712" s="14" t="s">
        <v>41</v>
      </c>
      <c r="D13712" s="14" t="s">
        <v>52</v>
      </c>
      <c r="E13712" s="15">
        <v>45583</v>
      </c>
      <c r="F13712" s="14" t="s">
        <v>53</v>
      </c>
      <c r="G13712" s="16">
        <v>0.5204759706448544</v>
      </c>
    </row>
    <row r="13713" spans="1:7" x14ac:dyDescent="0.3">
      <c r="A13713" s="13" t="s">
        <v>102</v>
      </c>
      <c r="B13713" s="14" t="s">
        <v>1</v>
      </c>
      <c r="C13713" s="14" t="s">
        <v>41</v>
      </c>
      <c r="D13713" s="14" t="s">
        <v>52</v>
      </c>
      <c r="E13713" s="15">
        <v>45584</v>
      </c>
      <c r="F13713" s="14" t="s">
        <v>53</v>
      </c>
      <c r="G13713" s="16">
        <v>0.5204759706448544</v>
      </c>
    </row>
    <row r="13714" spans="1:7" x14ac:dyDescent="0.3">
      <c r="A13714" s="13" t="s">
        <v>102</v>
      </c>
      <c r="B13714" s="14" t="s">
        <v>1</v>
      </c>
      <c r="C13714" s="14" t="s">
        <v>41</v>
      </c>
      <c r="D13714" s="14" t="s">
        <v>52</v>
      </c>
      <c r="E13714" s="15">
        <v>45585</v>
      </c>
      <c r="F13714" s="14" t="s">
        <v>53</v>
      </c>
      <c r="G13714" s="16">
        <v>0.5204759706448544</v>
      </c>
    </row>
    <row r="13715" spans="1:7" x14ac:dyDescent="0.3">
      <c r="A13715" s="13" t="s">
        <v>102</v>
      </c>
      <c r="B13715" s="14" t="s">
        <v>1</v>
      </c>
      <c r="C13715" s="14" t="s">
        <v>41</v>
      </c>
      <c r="D13715" s="14" t="s">
        <v>52</v>
      </c>
      <c r="E13715" s="15">
        <v>45586</v>
      </c>
      <c r="F13715" s="14" t="s">
        <v>53</v>
      </c>
      <c r="G13715" s="16">
        <v>0.51641042555211936</v>
      </c>
    </row>
    <row r="13716" spans="1:7" x14ac:dyDescent="0.3">
      <c r="A13716" s="13" t="s">
        <v>102</v>
      </c>
      <c r="B13716" s="14" t="s">
        <v>1</v>
      </c>
      <c r="C13716" s="14" t="s">
        <v>41</v>
      </c>
      <c r="D13716" s="14" t="s">
        <v>52</v>
      </c>
      <c r="E13716" s="15">
        <v>45587</v>
      </c>
      <c r="F13716" s="14" t="s">
        <v>53</v>
      </c>
      <c r="G13716" s="16">
        <v>0.50856078753660217</v>
      </c>
    </row>
    <row r="13717" spans="1:7" x14ac:dyDescent="0.3">
      <c r="A13717" s="13" t="s">
        <v>102</v>
      </c>
      <c r="B13717" s="14" t="s">
        <v>1</v>
      </c>
      <c r="C13717" s="14" t="s">
        <v>41</v>
      </c>
      <c r="D13717" s="14" t="s">
        <v>52</v>
      </c>
      <c r="E13717" s="15">
        <v>45588</v>
      </c>
      <c r="F13717" s="14" t="s">
        <v>53</v>
      </c>
      <c r="G13717" s="16">
        <v>0.51482687096505553</v>
      </c>
    </row>
    <row r="13718" spans="1:7" x14ac:dyDescent="0.3">
      <c r="A13718" s="13" t="s">
        <v>102</v>
      </c>
      <c r="B13718" s="14" t="s">
        <v>1</v>
      </c>
      <c r="C13718" s="14" t="s">
        <v>41</v>
      </c>
      <c r="D13718" s="14" t="s">
        <v>52</v>
      </c>
      <c r="E13718" s="15">
        <v>45589</v>
      </c>
      <c r="F13718" s="14" t="s">
        <v>53</v>
      </c>
      <c r="G13718" s="16">
        <v>0.51354041610346957</v>
      </c>
    </row>
    <row r="13719" spans="1:7" x14ac:dyDescent="0.3">
      <c r="A13719" s="13" t="s">
        <v>102</v>
      </c>
      <c r="B13719" s="14" t="s">
        <v>1</v>
      </c>
      <c r="C13719" s="14" t="s">
        <v>41</v>
      </c>
      <c r="D13719" s="14" t="s">
        <v>52</v>
      </c>
      <c r="E13719" s="15">
        <v>45590</v>
      </c>
      <c r="F13719" s="14" t="s">
        <v>53</v>
      </c>
      <c r="G13719" s="16">
        <v>0.51001387854137081</v>
      </c>
    </row>
    <row r="13720" spans="1:7" x14ac:dyDescent="0.3">
      <c r="A13720" s="13" t="s">
        <v>102</v>
      </c>
      <c r="B13720" s="14" t="s">
        <v>1</v>
      </c>
      <c r="C13720" s="14" t="s">
        <v>41</v>
      </c>
      <c r="D13720" s="14" t="s">
        <v>52</v>
      </c>
      <c r="E13720" s="15">
        <v>45591</v>
      </c>
      <c r="F13720" s="14" t="s">
        <v>53</v>
      </c>
      <c r="G13720" s="16">
        <v>0.51001387854137081</v>
      </c>
    </row>
    <row r="13721" spans="1:7" x14ac:dyDescent="0.3">
      <c r="A13721" s="13" t="s">
        <v>102</v>
      </c>
      <c r="B13721" s="14" t="s">
        <v>1</v>
      </c>
      <c r="C13721" s="14" t="s">
        <v>41</v>
      </c>
      <c r="D13721" s="14" t="s">
        <v>52</v>
      </c>
      <c r="E13721" s="15">
        <v>45592</v>
      </c>
      <c r="F13721" s="14" t="s">
        <v>53</v>
      </c>
      <c r="G13721" s="16">
        <v>0.51001387854137081</v>
      </c>
    </row>
    <row r="13722" spans="1:7" x14ac:dyDescent="0.3">
      <c r="A13722" s="13" t="s">
        <v>102</v>
      </c>
      <c r="B13722" s="14" t="s">
        <v>1</v>
      </c>
      <c r="C13722" s="14" t="s">
        <v>41</v>
      </c>
      <c r="D13722" s="14" t="s">
        <v>52</v>
      </c>
      <c r="E13722" s="15">
        <v>45593</v>
      </c>
      <c r="F13722" s="14" t="s">
        <v>53</v>
      </c>
      <c r="G13722" s="16">
        <v>0.51001387854137081</v>
      </c>
    </row>
    <row r="13723" spans="1:7" x14ac:dyDescent="0.3">
      <c r="A13723" s="13" t="s">
        <v>102</v>
      </c>
      <c r="B13723" s="14" t="s">
        <v>1</v>
      </c>
      <c r="C13723" s="14" t="s">
        <v>41</v>
      </c>
      <c r="D13723" s="14" t="s">
        <v>52</v>
      </c>
      <c r="E13723" s="15">
        <v>45594</v>
      </c>
      <c r="F13723" s="14" t="s">
        <v>53</v>
      </c>
      <c r="G13723" s="16">
        <v>0.50356271575655587</v>
      </c>
    </row>
    <row r="13724" spans="1:7" x14ac:dyDescent="0.3">
      <c r="A13724" s="13" t="s">
        <v>102</v>
      </c>
      <c r="B13724" s="14" t="s">
        <v>1</v>
      </c>
      <c r="C13724" s="14" t="s">
        <v>41</v>
      </c>
      <c r="D13724" s="14" t="s">
        <v>52</v>
      </c>
      <c r="E13724" s="15">
        <v>45595</v>
      </c>
      <c r="F13724" s="14" t="s">
        <v>53</v>
      </c>
      <c r="G13724" s="16">
        <v>0.49686499218734831</v>
      </c>
    </row>
    <row r="13725" spans="1:7" x14ac:dyDescent="0.3">
      <c r="A13725" s="13" t="s">
        <v>102</v>
      </c>
      <c r="B13725" s="14" t="s">
        <v>1</v>
      </c>
      <c r="C13725" s="14" t="s">
        <v>41</v>
      </c>
      <c r="D13725" s="14" t="s">
        <v>52</v>
      </c>
      <c r="E13725" s="15">
        <v>45596</v>
      </c>
      <c r="F13725" s="14" t="s">
        <v>53</v>
      </c>
      <c r="G13725" s="16">
        <v>0.50568900576102072</v>
      </c>
    </row>
    <row r="13726" spans="1:7" x14ac:dyDescent="0.3">
      <c r="A13726" s="13" t="s">
        <v>102</v>
      </c>
      <c r="B13726" s="14" t="s">
        <v>1</v>
      </c>
      <c r="C13726" s="14" t="s">
        <v>41</v>
      </c>
      <c r="D13726" s="14" t="s">
        <v>52</v>
      </c>
      <c r="E13726" s="15">
        <v>45597</v>
      </c>
      <c r="F13726" s="14" t="s">
        <v>53</v>
      </c>
      <c r="G13726" s="16">
        <v>0.49984383225014062</v>
      </c>
    </row>
    <row r="13727" spans="1:7" x14ac:dyDescent="0.3">
      <c r="A13727" s="13" t="s">
        <v>102</v>
      </c>
      <c r="B13727" s="14" t="s">
        <v>1</v>
      </c>
      <c r="C13727" s="14" t="s">
        <v>41</v>
      </c>
      <c r="D13727" s="14" t="s">
        <v>52</v>
      </c>
      <c r="E13727" s="15">
        <v>45598</v>
      </c>
      <c r="F13727" s="14" t="s">
        <v>53</v>
      </c>
      <c r="G13727" s="16">
        <v>0.49984383225014062</v>
      </c>
    </row>
    <row r="13728" spans="1:7" x14ac:dyDescent="0.3">
      <c r="A13728" s="13" t="s">
        <v>102</v>
      </c>
      <c r="B13728" s="14" t="s">
        <v>1</v>
      </c>
      <c r="C13728" s="14" t="s">
        <v>41</v>
      </c>
      <c r="D13728" s="14" t="s">
        <v>52</v>
      </c>
      <c r="E13728" s="15">
        <v>45599</v>
      </c>
      <c r="F13728" s="14" t="s">
        <v>53</v>
      </c>
      <c r="G13728" s="16">
        <v>0.49984383225014062</v>
      </c>
    </row>
    <row r="13729" spans="1:7" x14ac:dyDescent="0.3">
      <c r="A13729" s="13" t="s">
        <v>102</v>
      </c>
      <c r="B13729" s="14" t="s">
        <v>1</v>
      </c>
      <c r="C13729" s="14" t="s">
        <v>41</v>
      </c>
      <c r="D13729" s="14" t="s">
        <v>52</v>
      </c>
      <c r="E13729" s="15">
        <v>45600</v>
      </c>
      <c r="F13729" s="14" t="s">
        <v>53</v>
      </c>
      <c r="G13729" s="16">
        <v>0.49984383225014062</v>
      </c>
    </row>
    <row r="13730" spans="1:7" x14ac:dyDescent="0.3">
      <c r="A13730" s="13" t="s">
        <v>102</v>
      </c>
      <c r="B13730" s="14" t="s">
        <v>1</v>
      </c>
      <c r="C13730" s="14" t="s">
        <v>41</v>
      </c>
      <c r="D13730" s="14" t="s">
        <v>52</v>
      </c>
      <c r="E13730" s="15">
        <v>45601</v>
      </c>
      <c r="F13730" s="14" t="s">
        <v>53</v>
      </c>
      <c r="G13730" s="16">
        <v>0.49769468574670955</v>
      </c>
    </row>
    <row r="13731" spans="1:7" x14ac:dyDescent="0.3">
      <c r="A13731" s="13" t="s">
        <v>102</v>
      </c>
      <c r="B13731" s="14" t="s">
        <v>1</v>
      </c>
      <c r="C13731" s="14" t="s">
        <v>41</v>
      </c>
      <c r="D13731" s="14" t="s">
        <v>52</v>
      </c>
      <c r="E13731" s="15">
        <v>45602</v>
      </c>
      <c r="F13731" s="14" t="s">
        <v>53</v>
      </c>
      <c r="G13731" s="16">
        <v>0.48500434103501644</v>
      </c>
    </row>
    <row r="13732" spans="1:7" x14ac:dyDescent="0.3">
      <c r="A13732" s="13" t="s">
        <v>102</v>
      </c>
      <c r="B13732" s="14" t="s">
        <v>1</v>
      </c>
      <c r="C13732" s="14" t="s">
        <v>41</v>
      </c>
      <c r="D13732" s="14" t="s">
        <v>52</v>
      </c>
      <c r="E13732" s="15">
        <v>45603</v>
      </c>
      <c r="F13732" s="14" t="s">
        <v>53</v>
      </c>
      <c r="G13732" s="16">
        <v>0.48393768760659078</v>
      </c>
    </row>
    <row r="13733" spans="1:7" x14ac:dyDescent="0.3">
      <c r="A13733" s="13" t="s">
        <v>102</v>
      </c>
      <c r="B13733" s="14" t="s">
        <v>1</v>
      </c>
      <c r="C13733" s="14" t="s">
        <v>41</v>
      </c>
      <c r="D13733" s="14" t="s">
        <v>52</v>
      </c>
      <c r="E13733" s="15">
        <v>45604</v>
      </c>
      <c r="F13733" s="14" t="s">
        <v>53</v>
      </c>
      <c r="G13733" s="16">
        <v>0.49587266375208527</v>
      </c>
    </row>
    <row r="13734" spans="1:7" x14ac:dyDescent="0.3">
      <c r="A13734" s="13" t="s">
        <v>102</v>
      </c>
      <c r="B13734" s="14" t="s">
        <v>1</v>
      </c>
      <c r="C13734" s="14" t="s">
        <v>41</v>
      </c>
      <c r="D13734" s="14" t="s">
        <v>52</v>
      </c>
      <c r="E13734" s="15">
        <v>45605</v>
      </c>
      <c r="F13734" s="14" t="s">
        <v>53</v>
      </c>
      <c r="G13734" s="16">
        <v>0.49587266375208527</v>
      </c>
    </row>
    <row r="13735" spans="1:7" x14ac:dyDescent="0.3">
      <c r="A13735" s="13" t="s">
        <v>102</v>
      </c>
      <c r="B13735" s="14" t="s">
        <v>1</v>
      </c>
      <c r="C13735" s="14" t="s">
        <v>41</v>
      </c>
      <c r="D13735" s="14" t="s">
        <v>52</v>
      </c>
      <c r="E13735" s="15">
        <v>45606</v>
      </c>
      <c r="F13735" s="14" t="s">
        <v>53</v>
      </c>
      <c r="G13735" s="16">
        <v>0.49587266375208527</v>
      </c>
    </row>
    <row r="13736" spans="1:7" x14ac:dyDescent="0.3">
      <c r="A13736" s="13" t="s">
        <v>102</v>
      </c>
      <c r="B13736" s="14" t="s">
        <v>1</v>
      </c>
      <c r="C13736" s="14" t="s">
        <v>41</v>
      </c>
      <c r="D13736" s="14" t="s">
        <v>52</v>
      </c>
      <c r="E13736" s="15">
        <v>45607</v>
      </c>
      <c r="F13736" s="14" t="s">
        <v>53</v>
      </c>
      <c r="G13736" s="16">
        <v>0.49974325403245567</v>
      </c>
    </row>
    <row r="13737" spans="1:7" x14ac:dyDescent="0.3">
      <c r="A13737" s="13" t="s">
        <v>102</v>
      </c>
      <c r="B13737" s="14" t="s">
        <v>1</v>
      </c>
      <c r="C13737" s="14" t="s">
        <v>41</v>
      </c>
      <c r="D13737" s="14" t="s">
        <v>52</v>
      </c>
      <c r="E13737" s="15">
        <v>45608</v>
      </c>
      <c r="F13737" s="14" t="s">
        <v>53</v>
      </c>
      <c r="G13737" s="16">
        <v>0.49425587877733262</v>
      </c>
    </row>
    <row r="13738" spans="1:7" x14ac:dyDescent="0.3">
      <c r="A13738" s="13" t="s">
        <v>102</v>
      </c>
      <c r="B13738" s="14" t="s">
        <v>1</v>
      </c>
      <c r="C13738" s="14" t="s">
        <v>41</v>
      </c>
      <c r="D13738" s="14" t="s">
        <v>52</v>
      </c>
      <c r="E13738" s="15">
        <v>45609</v>
      </c>
      <c r="F13738" s="14" t="s">
        <v>53</v>
      </c>
      <c r="G13738" s="16">
        <v>0.49222763187349</v>
      </c>
    </row>
    <row r="13739" spans="1:7" x14ac:dyDescent="0.3">
      <c r="A13739" s="13" t="s">
        <v>102</v>
      </c>
      <c r="B13739" s="14" t="s">
        <v>1</v>
      </c>
      <c r="C13739" s="14" t="s">
        <v>41</v>
      </c>
      <c r="D13739" s="14" t="s">
        <v>52</v>
      </c>
      <c r="E13739" s="15">
        <v>45610</v>
      </c>
      <c r="F13739" s="14" t="s">
        <v>53</v>
      </c>
      <c r="G13739" s="16">
        <v>0.48903693325771441</v>
      </c>
    </row>
    <row r="13740" spans="1:7" x14ac:dyDescent="0.3">
      <c r="A13740" s="13" t="s">
        <v>102</v>
      </c>
      <c r="B13740" s="14" t="s">
        <v>1</v>
      </c>
      <c r="C13740" s="14" t="s">
        <v>41</v>
      </c>
      <c r="D13740" s="14" t="s">
        <v>52</v>
      </c>
      <c r="E13740" s="15">
        <v>45611</v>
      </c>
      <c r="F13740" s="14" t="s">
        <v>53</v>
      </c>
      <c r="G13740" s="16">
        <v>0.49445927254948296</v>
      </c>
    </row>
    <row r="13741" spans="1:7" x14ac:dyDescent="0.3">
      <c r="A13741" s="13" t="s">
        <v>102</v>
      </c>
      <c r="B13741" s="14" t="s">
        <v>1</v>
      </c>
      <c r="C13741" s="14" t="s">
        <v>41</v>
      </c>
      <c r="D13741" s="14" t="s">
        <v>52</v>
      </c>
      <c r="E13741" s="15">
        <v>45612</v>
      </c>
      <c r="F13741" s="14" t="s">
        <v>53</v>
      </c>
      <c r="G13741" s="16">
        <v>0.49445927254948296</v>
      </c>
    </row>
    <row r="13742" spans="1:7" x14ac:dyDescent="0.3">
      <c r="A13742" s="13" t="s">
        <v>102</v>
      </c>
      <c r="B13742" s="14" t="s">
        <v>1</v>
      </c>
      <c r="C13742" s="14" t="s">
        <v>41</v>
      </c>
      <c r="D13742" s="14" t="s">
        <v>52</v>
      </c>
      <c r="E13742" s="15">
        <v>45613</v>
      </c>
      <c r="F13742" s="14" t="s">
        <v>53</v>
      </c>
      <c r="G13742" s="16">
        <v>0.49445927254948296</v>
      </c>
    </row>
    <row r="13743" spans="1:7" x14ac:dyDescent="0.3">
      <c r="A13743" s="13" t="s">
        <v>102</v>
      </c>
      <c r="B13743" s="14" t="s">
        <v>1</v>
      </c>
      <c r="C13743" s="14" t="s">
        <v>41</v>
      </c>
      <c r="D13743" s="14" t="s">
        <v>52</v>
      </c>
      <c r="E13743" s="15">
        <v>45614</v>
      </c>
      <c r="F13743" s="14" t="s">
        <v>53</v>
      </c>
      <c r="G13743" s="16">
        <v>0.49617258825182464</v>
      </c>
    </row>
    <row r="13744" spans="1:7" x14ac:dyDescent="0.3">
      <c r="A13744" s="13" t="s">
        <v>102</v>
      </c>
      <c r="B13744" s="14" t="s">
        <v>1</v>
      </c>
      <c r="C13744" s="14" t="s">
        <v>41</v>
      </c>
      <c r="D13744" s="14" t="s">
        <v>52</v>
      </c>
      <c r="E13744" s="15">
        <v>45615</v>
      </c>
      <c r="F13744" s="14" t="s">
        <v>53</v>
      </c>
      <c r="G13744" s="16">
        <v>0.48894073613762568</v>
      </c>
    </row>
    <row r="13745" spans="1:7" x14ac:dyDescent="0.3">
      <c r="A13745" s="13" t="s">
        <v>102</v>
      </c>
      <c r="B13745" s="14" t="s">
        <v>1</v>
      </c>
      <c r="C13745" s="14" t="s">
        <v>41</v>
      </c>
      <c r="D13745" s="14" t="s">
        <v>52</v>
      </c>
      <c r="E13745" s="15">
        <v>45616</v>
      </c>
      <c r="F13745" s="14" t="s">
        <v>53</v>
      </c>
      <c r="G13745" s="16">
        <v>0.48616423123005598</v>
      </c>
    </row>
    <row r="13746" spans="1:7" x14ac:dyDescent="0.3">
      <c r="A13746" s="13" t="s">
        <v>102</v>
      </c>
      <c r="B13746" s="14" t="s">
        <v>1</v>
      </c>
      <c r="C13746" s="14" t="s">
        <v>41</v>
      </c>
      <c r="D13746" s="14" t="s">
        <v>52</v>
      </c>
      <c r="E13746" s="15">
        <v>45617</v>
      </c>
      <c r="F13746" s="14" t="s">
        <v>53</v>
      </c>
      <c r="G13746" s="16">
        <v>0.48892987044801806</v>
      </c>
    </row>
    <row r="13747" spans="1:7" x14ac:dyDescent="0.3">
      <c r="A13747" s="13" t="s">
        <v>102</v>
      </c>
      <c r="B13747" s="14" t="s">
        <v>1</v>
      </c>
      <c r="C13747" s="14" t="s">
        <v>41</v>
      </c>
      <c r="D13747" s="14" t="s">
        <v>52</v>
      </c>
      <c r="E13747" s="15">
        <v>45618</v>
      </c>
      <c r="F13747" s="14" t="s">
        <v>53</v>
      </c>
      <c r="G13747" s="16">
        <v>0.48812441170664966</v>
      </c>
    </row>
    <row r="13748" spans="1:7" x14ac:dyDescent="0.3">
      <c r="A13748" s="13" t="s">
        <v>102</v>
      </c>
      <c r="B13748" s="14" t="s">
        <v>1</v>
      </c>
      <c r="C13748" s="14" t="s">
        <v>41</v>
      </c>
      <c r="D13748" s="14" t="s">
        <v>52</v>
      </c>
      <c r="E13748" s="15">
        <v>45619</v>
      </c>
      <c r="F13748" s="14" t="s">
        <v>53</v>
      </c>
      <c r="G13748" s="16">
        <v>0.48812441170664966</v>
      </c>
    </row>
    <row r="13749" spans="1:7" x14ac:dyDescent="0.3">
      <c r="A13749" s="13" t="s">
        <v>102</v>
      </c>
      <c r="B13749" s="14" t="s">
        <v>1</v>
      </c>
      <c r="C13749" s="14" t="s">
        <v>41</v>
      </c>
      <c r="D13749" s="14" t="s">
        <v>52</v>
      </c>
      <c r="E13749" s="15">
        <v>45620</v>
      </c>
      <c r="F13749" s="14" t="s">
        <v>53</v>
      </c>
      <c r="G13749" s="16">
        <v>0.48812441170664966</v>
      </c>
    </row>
    <row r="13750" spans="1:7" x14ac:dyDescent="0.3">
      <c r="A13750" s="13" t="s">
        <v>102</v>
      </c>
      <c r="B13750" s="14" t="s">
        <v>1</v>
      </c>
      <c r="C13750" s="14" t="s">
        <v>41</v>
      </c>
      <c r="D13750" s="14" t="s">
        <v>52</v>
      </c>
      <c r="E13750" s="15">
        <v>45621</v>
      </c>
      <c r="F13750" s="14" t="s">
        <v>53</v>
      </c>
      <c r="G13750" s="16">
        <v>0.48592868149032314</v>
      </c>
    </row>
    <row r="13751" spans="1:7" x14ac:dyDescent="0.3">
      <c r="A13751" s="13" t="s">
        <v>102</v>
      </c>
      <c r="B13751" s="14" t="s">
        <v>1</v>
      </c>
      <c r="C13751" s="14" t="s">
        <v>41</v>
      </c>
      <c r="D13751" s="14" t="s">
        <v>52</v>
      </c>
      <c r="E13751" s="15">
        <v>45622</v>
      </c>
      <c r="F13751" s="14" t="s">
        <v>53</v>
      </c>
      <c r="G13751" s="16">
        <v>0.48232855905635247</v>
      </c>
    </row>
    <row r="13752" spans="1:7" x14ac:dyDescent="0.3">
      <c r="A13752" s="13" t="s">
        <v>102</v>
      </c>
      <c r="B13752" s="14" t="s">
        <v>1</v>
      </c>
      <c r="C13752" s="14" t="s">
        <v>41</v>
      </c>
      <c r="D13752" s="14" t="s">
        <v>52</v>
      </c>
      <c r="E13752" s="15">
        <v>45623</v>
      </c>
      <c r="F13752" s="14" t="s">
        <v>53</v>
      </c>
      <c r="G13752" s="16">
        <v>0.4819402211885182</v>
      </c>
    </row>
    <row r="13753" spans="1:7" x14ac:dyDescent="0.3">
      <c r="A13753" s="13" t="s">
        <v>102</v>
      </c>
      <c r="B13753" s="14" t="s">
        <v>1</v>
      </c>
      <c r="C13753" s="14" t="s">
        <v>41</v>
      </c>
      <c r="D13753" s="14" t="s">
        <v>52</v>
      </c>
      <c r="E13753" s="15">
        <v>45624</v>
      </c>
      <c r="F13753" s="14" t="s">
        <v>53</v>
      </c>
      <c r="G13753" s="16">
        <v>0.47793429967785617</v>
      </c>
    </row>
    <row r="13754" spans="1:7" x14ac:dyDescent="0.3">
      <c r="A13754" s="13" t="s">
        <v>102</v>
      </c>
      <c r="B13754" s="14" t="s">
        <v>1</v>
      </c>
      <c r="C13754" s="14" t="s">
        <v>41</v>
      </c>
      <c r="D13754" s="14" t="s">
        <v>52</v>
      </c>
      <c r="E13754" s="15">
        <v>45625</v>
      </c>
      <c r="F13754" s="14" t="s">
        <v>53</v>
      </c>
      <c r="G13754" s="16">
        <v>0.48438300881814766</v>
      </c>
    </row>
    <row r="13755" spans="1:7" x14ac:dyDescent="0.3">
      <c r="A13755" s="13" t="s">
        <v>102</v>
      </c>
      <c r="B13755" s="14" t="s">
        <v>1</v>
      </c>
      <c r="C13755" s="14" t="s">
        <v>41</v>
      </c>
      <c r="D13755" s="14" t="s">
        <v>52</v>
      </c>
      <c r="E13755" s="15">
        <v>45626</v>
      </c>
      <c r="F13755" s="14" t="s">
        <v>53</v>
      </c>
      <c r="G13755" s="16">
        <v>0.48438300881814766</v>
      </c>
    </row>
    <row r="13756" spans="1:7" x14ac:dyDescent="0.3">
      <c r="A13756" s="13" t="s">
        <v>102</v>
      </c>
      <c r="B13756" s="14" t="s">
        <v>1</v>
      </c>
      <c r="C13756" s="14" t="s">
        <v>41</v>
      </c>
      <c r="D13756" s="14" t="s">
        <v>52</v>
      </c>
      <c r="E13756" s="15">
        <v>45627</v>
      </c>
      <c r="F13756" s="14" t="s">
        <v>53</v>
      </c>
      <c r="G13756" s="16">
        <v>0.48438300881814766</v>
      </c>
    </row>
    <row r="13757" spans="1:7" x14ac:dyDescent="0.3">
      <c r="A13757" s="13" t="s">
        <v>102</v>
      </c>
      <c r="B13757" s="14" t="s">
        <v>1</v>
      </c>
      <c r="C13757" s="14" t="s">
        <v>41</v>
      </c>
      <c r="D13757" s="14" t="s">
        <v>52</v>
      </c>
      <c r="E13757" s="15">
        <v>45628</v>
      </c>
      <c r="F13757" s="14" t="s">
        <v>53</v>
      </c>
      <c r="G13757" s="16">
        <v>0.48557001071529604</v>
      </c>
    </row>
    <row r="13758" spans="1:7" x14ac:dyDescent="0.3">
      <c r="A13758" s="13" t="s">
        <v>102</v>
      </c>
      <c r="B13758" s="14" t="s">
        <v>1</v>
      </c>
      <c r="C13758" s="14" t="s">
        <v>41</v>
      </c>
      <c r="D13758" s="14" t="s">
        <v>52</v>
      </c>
      <c r="E13758" s="15">
        <v>45629</v>
      </c>
      <c r="F13758" s="14" t="s">
        <v>53</v>
      </c>
      <c r="G13758" s="16">
        <v>0.4850033059274852</v>
      </c>
    </row>
    <row r="13759" spans="1:7" x14ac:dyDescent="0.3">
      <c r="A13759" s="13" t="s">
        <v>102</v>
      </c>
      <c r="B13759" s="14" t="s">
        <v>1</v>
      </c>
      <c r="C13759" s="14" t="s">
        <v>41</v>
      </c>
      <c r="D13759" s="14" t="s">
        <v>52</v>
      </c>
      <c r="E13759" s="15">
        <v>45630</v>
      </c>
      <c r="F13759" s="14" t="s">
        <v>53</v>
      </c>
      <c r="G13759" s="16">
        <v>0.47810698998407075</v>
      </c>
    </row>
    <row r="13760" spans="1:7" x14ac:dyDescent="0.3">
      <c r="A13760" s="13" t="s">
        <v>102</v>
      </c>
      <c r="B13760" s="14" t="s">
        <v>1</v>
      </c>
      <c r="C13760" s="14" t="s">
        <v>41</v>
      </c>
      <c r="D13760" s="14" t="s">
        <v>52</v>
      </c>
      <c r="E13760" s="15">
        <v>45631</v>
      </c>
      <c r="F13760" s="14" t="s">
        <v>53</v>
      </c>
      <c r="G13760" s="16">
        <v>0.4753151246104666</v>
      </c>
    </row>
    <row r="13761" spans="1:7" x14ac:dyDescent="0.3">
      <c r="A13761" s="13" t="s">
        <v>102</v>
      </c>
      <c r="B13761" s="14" t="s">
        <v>1</v>
      </c>
      <c r="C13761" s="14" t="s">
        <v>41</v>
      </c>
      <c r="D13761" s="14" t="s">
        <v>52</v>
      </c>
      <c r="E13761" s="15">
        <v>45632</v>
      </c>
      <c r="F13761" s="14" t="s">
        <v>53</v>
      </c>
      <c r="G13761" s="16">
        <v>0.47364261440512362</v>
      </c>
    </row>
    <row r="13762" spans="1:7" x14ac:dyDescent="0.3">
      <c r="A13762" s="13" t="s">
        <v>102</v>
      </c>
      <c r="B13762" s="14" t="s">
        <v>1</v>
      </c>
      <c r="C13762" s="14" t="s">
        <v>41</v>
      </c>
      <c r="D13762" s="14" t="s">
        <v>52</v>
      </c>
      <c r="E13762" s="15">
        <v>45633</v>
      </c>
      <c r="F13762" s="14" t="s">
        <v>53</v>
      </c>
      <c r="G13762" s="16">
        <v>0.47364261440512362</v>
      </c>
    </row>
    <row r="13763" spans="1:7" x14ac:dyDescent="0.3">
      <c r="A13763" s="13" t="s">
        <v>102</v>
      </c>
      <c r="B13763" s="14" t="s">
        <v>1</v>
      </c>
      <c r="C13763" s="14" t="s">
        <v>41</v>
      </c>
      <c r="D13763" s="14" t="s">
        <v>52</v>
      </c>
      <c r="E13763" s="15">
        <v>45634</v>
      </c>
      <c r="F13763" s="14" t="s">
        <v>53</v>
      </c>
      <c r="G13763" s="16">
        <v>0.47364261440512362</v>
      </c>
    </row>
    <row r="13764" spans="1:7" x14ac:dyDescent="0.3">
      <c r="A13764" s="13" t="s">
        <v>102</v>
      </c>
      <c r="B13764" s="14" t="s">
        <v>1</v>
      </c>
      <c r="C13764" s="14" t="s">
        <v>41</v>
      </c>
      <c r="D13764" s="14" t="s">
        <v>52</v>
      </c>
      <c r="E13764" s="15">
        <v>45635</v>
      </c>
      <c r="F13764" s="14" t="s">
        <v>53</v>
      </c>
      <c r="G13764" s="16">
        <v>0.46723625099458532</v>
      </c>
    </row>
    <row r="13765" spans="1:7" x14ac:dyDescent="0.3">
      <c r="A13765" s="13" t="s">
        <v>102</v>
      </c>
      <c r="B13765" s="14" t="s">
        <v>1</v>
      </c>
      <c r="C13765" s="14" t="s">
        <v>41</v>
      </c>
      <c r="D13765" s="14" t="s">
        <v>52</v>
      </c>
      <c r="E13765" s="15">
        <v>45636</v>
      </c>
      <c r="F13765" s="14" t="s">
        <v>53</v>
      </c>
      <c r="G13765" s="16">
        <v>0.45705336590827211</v>
      </c>
    </row>
    <row r="13766" spans="1:7" x14ac:dyDescent="0.3">
      <c r="A13766" s="13" t="s">
        <v>102</v>
      </c>
      <c r="B13766" s="14" t="s">
        <v>1</v>
      </c>
      <c r="C13766" s="14" t="s">
        <v>41</v>
      </c>
      <c r="D13766" s="14" t="s">
        <v>52</v>
      </c>
      <c r="E13766" s="15">
        <v>45637</v>
      </c>
      <c r="F13766" s="14" t="s">
        <v>53</v>
      </c>
      <c r="G13766" s="16">
        <v>0.45385866126726959</v>
      </c>
    </row>
    <row r="13767" spans="1:7" x14ac:dyDescent="0.3">
      <c r="A13767" s="13" t="s">
        <v>102</v>
      </c>
      <c r="B13767" s="14" t="s">
        <v>1</v>
      </c>
      <c r="C13767" s="14" t="s">
        <v>41</v>
      </c>
      <c r="D13767" s="14" t="s">
        <v>52</v>
      </c>
      <c r="E13767" s="15">
        <v>45638</v>
      </c>
      <c r="F13767" s="14" t="s">
        <v>53</v>
      </c>
      <c r="G13767" s="16">
        <v>0.45363205101998244</v>
      </c>
    </row>
    <row r="13768" spans="1:7" x14ac:dyDescent="0.3">
      <c r="A13768" s="13" t="s">
        <v>102</v>
      </c>
      <c r="B13768" s="14" t="s">
        <v>1</v>
      </c>
      <c r="C13768" s="14" t="s">
        <v>41</v>
      </c>
      <c r="D13768" s="14" t="s">
        <v>52</v>
      </c>
      <c r="E13768" s="15">
        <v>45639</v>
      </c>
      <c r="F13768" s="14" t="s">
        <v>53</v>
      </c>
      <c r="G13768" s="16">
        <v>0.45013131740849976</v>
      </c>
    </row>
    <row r="13769" spans="1:7" x14ac:dyDescent="0.3">
      <c r="A13769" s="13" t="s">
        <v>102</v>
      </c>
      <c r="B13769" s="14" t="s">
        <v>1</v>
      </c>
      <c r="C13769" s="14" t="s">
        <v>41</v>
      </c>
      <c r="D13769" s="14" t="s">
        <v>52</v>
      </c>
      <c r="E13769" s="15">
        <v>45640</v>
      </c>
      <c r="F13769" s="14" t="s">
        <v>53</v>
      </c>
      <c r="G13769" s="16">
        <v>0.45013131740849976</v>
      </c>
    </row>
    <row r="13770" spans="1:7" x14ac:dyDescent="0.3">
      <c r="A13770" s="13" t="s">
        <v>102</v>
      </c>
      <c r="B13770" s="14" t="s">
        <v>1</v>
      </c>
      <c r="C13770" s="14" t="s">
        <v>41</v>
      </c>
      <c r="D13770" s="14" t="s">
        <v>52</v>
      </c>
      <c r="E13770" s="15">
        <v>45641</v>
      </c>
      <c r="F13770" s="14" t="s">
        <v>53</v>
      </c>
      <c r="G13770" s="16">
        <v>0.45013131740849976</v>
      </c>
    </row>
    <row r="13771" spans="1:7" x14ac:dyDescent="0.3">
      <c r="A13771" s="13" t="s">
        <v>102</v>
      </c>
      <c r="B13771" s="14" t="s">
        <v>1</v>
      </c>
      <c r="C13771" s="14" t="s">
        <v>41</v>
      </c>
      <c r="D13771" s="14" t="s">
        <v>52</v>
      </c>
      <c r="E13771" s="15">
        <v>45642</v>
      </c>
      <c r="F13771" s="14" t="s">
        <v>53</v>
      </c>
      <c r="G13771" s="16">
        <v>0.44410555374623639</v>
      </c>
    </row>
    <row r="13772" spans="1:7" x14ac:dyDescent="0.3">
      <c r="A13772" s="13" t="s">
        <v>102</v>
      </c>
      <c r="B13772" s="14" t="s">
        <v>1</v>
      </c>
      <c r="C13772" s="14" t="s">
        <v>41</v>
      </c>
      <c r="D13772" s="14" t="s">
        <v>52</v>
      </c>
      <c r="E13772" s="15">
        <v>45643</v>
      </c>
      <c r="F13772" s="14" t="s">
        <v>53</v>
      </c>
      <c r="G13772" s="16">
        <v>0.43768455284369329</v>
      </c>
    </row>
    <row r="13773" spans="1:7" x14ac:dyDescent="0.3">
      <c r="A13773" s="13" t="s">
        <v>102</v>
      </c>
      <c r="B13773" s="14" t="s">
        <v>1</v>
      </c>
      <c r="C13773" s="14" t="s">
        <v>41</v>
      </c>
      <c r="D13773" s="14" t="s">
        <v>52</v>
      </c>
      <c r="E13773" s="15">
        <v>45644</v>
      </c>
      <c r="F13773" s="14" t="s">
        <v>53</v>
      </c>
      <c r="G13773" s="16">
        <v>0.43628526620598068</v>
      </c>
    </row>
    <row r="13774" spans="1:7" x14ac:dyDescent="0.3">
      <c r="A13774" s="13" t="s">
        <v>102</v>
      </c>
      <c r="B13774" s="14" t="s">
        <v>1</v>
      </c>
      <c r="C13774" s="14" t="s">
        <v>41</v>
      </c>
      <c r="D13774" s="14" t="s">
        <v>52</v>
      </c>
      <c r="E13774" s="15">
        <v>45645</v>
      </c>
      <c r="F13774" s="14" t="s">
        <v>53</v>
      </c>
      <c r="G13774" s="16">
        <v>0.4288779312047088</v>
      </c>
    </row>
    <row r="13775" spans="1:7" x14ac:dyDescent="0.3">
      <c r="A13775" s="13" t="s">
        <v>102</v>
      </c>
      <c r="B13775" s="14" t="s">
        <v>1</v>
      </c>
      <c r="C13775" s="14" t="s">
        <v>41</v>
      </c>
      <c r="D13775" s="14" t="s">
        <v>52</v>
      </c>
      <c r="E13775" s="15">
        <v>45646</v>
      </c>
      <c r="F13775" s="14" t="s">
        <v>53</v>
      </c>
      <c r="G13775" s="16">
        <v>0.42707558800671924</v>
      </c>
    </row>
    <row r="13776" spans="1:7" x14ac:dyDescent="0.3">
      <c r="A13776" s="13" t="s">
        <v>102</v>
      </c>
      <c r="B13776" s="14" t="s">
        <v>1</v>
      </c>
      <c r="C13776" s="14" t="s">
        <v>41</v>
      </c>
      <c r="D13776" s="14" t="s">
        <v>52</v>
      </c>
      <c r="E13776" s="15">
        <v>45647</v>
      </c>
      <c r="F13776" s="14" t="s">
        <v>53</v>
      </c>
      <c r="G13776" s="16">
        <v>0.42707558800671924</v>
      </c>
    </row>
    <row r="13777" spans="1:7" x14ac:dyDescent="0.3">
      <c r="A13777" s="13" t="s">
        <v>102</v>
      </c>
      <c r="B13777" s="14" t="s">
        <v>1</v>
      </c>
      <c r="C13777" s="14" t="s">
        <v>41</v>
      </c>
      <c r="D13777" s="14" t="s">
        <v>52</v>
      </c>
      <c r="E13777" s="15">
        <v>45648</v>
      </c>
      <c r="F13777" s="14" t="s">
        <v>53</v>
      </c>
      <c r="G13777" s="16">
        <v>0.42707558800671924</v>
      </c>
    </row>
    <row r="13778" spans="1:7" x14ac:dyDescent="0.3">
      <c r="A13778" s="13" t="s">
        <v>102</v>
      </c>
      <c r="B13778" s="14" t="s">
        <v>1</v>
      </c>
      <c r="C13778" s="14" t="s">
        <v>41</v>
      </c>
      <c r="D13778" s="14" t="s">
        <v>52</v>
      </c>
      <c r="E13778" s="15">
        <v>45649</v>
      </c>
      <c r="F13778" s="14" t="s">
        <v>53</v>
      </c>
      <c r="G13778" s="16">
        <v>0.42365658164116654</v>
      </c>
    </row>
    <row r="13779" spans="1:7" x14ac:dyDescent="0.3">
      <c r="A13779" s="13" t="s">
        <v>102</v>
      </c>
      <c r="B13779" s="14" t="s">
        <v>1</v>
      </c>
      <c r="C13779" s="14" t="s">
        <v>41</v>
      </c>
      <c r="D13779" s="14" t="s">
        <v>52</v>
      </c>
      <c r="E13779" s="15">
        <v>45650</v>
      </c>
      <c r="F13779" s="14" t="s">
        <v>53</v>
      </c>
      <c r="G13779" s="16">
        <v>0.41609748327705354</v>
      </c>
    </row>
    <row r="13780" spans="1:7" x14ac:dyDescent="0.3">
      <c r="A13780" s="13" t="s">
        <v>102</v>
      </c>
      <c r="B13780" s="14" t="s">
        <v>1</v>
      </c>
      <c r="C13780" s="14" t="s">
        <v>41</v>
      </c>
      <c r="D13780" s="14" t="s">
        <v>52</v>
      </c>
      <c r="E13780" s="15">
        <v>45651</v>
      </c>
      <c r="F13780" s="14" t="s">
        <v>53</v>
      </c>
      <c r="G13780" s="16">
        <v>0.41609748327705354</v>
      </c>
    </row>
    <row r="13781" spans="1:7" x14ac:dyDescent="0.3">
      <c r="A13781" s="13" t="s">
        <v>102</v>
      </c>
      <c r="B13781" s="14" t="s">
        <v>1</v>
      </c>
      <c r="C13781" s="14" t="s">
        <v>41</v>
      </c>
      <c r="D13781" s="14" t="s">
        <v>52</v>
      </c>
      <c r="E13781" s="15">
        <v>45652</v>
      </c>
      <c r="F13781" s="14" t="s">
        <v>53</v>
      </c>
      <c r="G13781" s="16">
        <v>0.41609748327705354</v>
      </c>
    </row>
    <row r="13782" spans="1:7" x14ac:dyDescent="0.3">
      <c r="A13782" s="13" t="s">
        <v>102</v>
      </c>
      <c r="B13782" s="14" t="s">
        <v>1</v>
      </c>
      <c r="C13782" s="14" t="s">
        <v>41</v>
      </c>
      <c r="D13782" s="14" t="s">
        <v>52</v>
      </c>
      <c r="E13782" s="15">
        <v>45653</v>
      </c>
      <c r="F13782" s="14" t="s">
        <v>53</v>
      </c>
      <c r="G13782" s="16">
        <v>0.41609748327705354</v>
      </c>
    </row>
    <row r="13783" spans="1:7" x14ac:dyDescent="0.3">
      <c r="A13783" s="13" t="s">
        <v>102</v>
      </c>
      <c r="B13783" s="14" t="s">
        <v>1</v>
      </c>
      <c r="C13783" s="14" t="s">
        <v>41</v>
      </c>
      <c r="D13783" s="14" t="s">
        <v>52</v>
      </c>
      <c r="E13783" s="15">
        <v>45654</v>
      </c>
      <c r="F13783" s="14" t="s">
        <v>53</v>
      </c>
      <c r="G13783" s="16">
        <v>0.41609748327705354</v>
      </c>
    </row>
    <row r="13784" spans="1:7" x14ac:dyDescent="0.3">
      <c r="A13784" s="13" t="s">
        <v>102</v>
      </c>
      <c r="B13784" s="14" t="s">
        <v>1</v>
      </c>
      <c r="C13784" s="14" t="s">
        <v>41</v>
      </c>
      <c r="D13784" s="14" t="s">
        <v>52</v>
      </c>
      <c r="E13784" s="15">
        <v>45655</v>
      </c>
      <c r="F13784" s="14" t="s">
        <v>53</v>
      </c>
      <c r="G13784" s="16">
        <v>0.41609748327705354</v>
      </c>
    </row>
    <row r="13785" spans="1:7" x14ac:dyDescent="0.3">
      <c r="A13785" s="13" t="s">
        <v>102</v>
      </c>
      <c r="B13785" s="14" t="s">
        <v>1</v>
      </c>
      <c r="C13785" s="14" t="s">
        <v>41</v>
      </c>
      <c r="D13785" s="14" t="s">
        <v>52</v>
      </c>
      <c r="E13785" s="15">
        <v>45656</v>
      </c>
      <c r="F13785" s="14" t="s">
        <v>53</v>
      </c>
      <c r="G13785" s="16">
        <v>0.41450262657159681</v>
      </c>
    </row>
    <row r="13786" spans="1:7" x14ac:dyDescent="0.3">
      <c r="A13786" s="13" t="s">
        <v>102</v>
      </c>
      <c r="B13786" s="14" t="s">
        <v>1</v>
      </c>
      <c r="C13786" s="14" t="s">
        <v>41</v>
      </c>
      <c r="D13786" s="14" t="s">
        <v>52</v>
      </c>
      <c r="E13786" s="15">
        <v>45657</v>
      </c>
      <c r="F13786" s="14" t="s">
        <v>53</v>
      </c>
      <c r="G13786" s="16">
        <v>0.41450262657159681</v>
      </c>
    </row>
    <row r="13787" spans="1:7" x14ac:dyDescent="0.3">
      <c r="A13787" s="13" t="s">
        <v>102</v>
      </c>
      <c r="B13787" s="14" t="s">
        <v>1</v>
      </c>
      <c r="C13787" s="14" t="s">
        <v>41</v>
      </c>
      <c r="D13787" s="14" t="s">
        <v>52</v>
      </c>
      <c r="E13787" s="15">
        <v>45658</v>
      </c>
      <c r="F13787" s="14" t="s">
        <v>53</v>
      </c>
      <c r="G13787" s="16">
        <v>0.41450262657159681</v>
      </c>
    </row>
    <row r="13788" spans="1:7" x14ac:dyDescent="0.3">
      <c r="A13788" s="13" t="s">
        <v>102</v>
      </c>
      <c r="B13788" s="14" t="s">
        <v>1</v>
      </c>
      <c r="C13788" s="14" t="s">
        <v>41</v>
      </c>
      <c r="D13788" s="14" t="s">
        <v>52</v>
      </c>
      <c r="E13788" s="15">
        <v>45659</v>
      </c>
      <c r="F13788" s="14" t="s">
        <v>53</v>
      </c>
      <c r="G13788" s="16">
        <v>0.41450262657159681</v>
      </c>
    </row>
    <row r="13789" spans="1:7" x14ac:dyDescent="0.3">
      <c r="A13789" s="13" t="s">
        <v>102</v>
      </c>
      <c r="B13789" s="14" t="s">
        <v>1</v>
      </c>
      <c r="C13789" s="14" t="s">
        <v>41</v>
      </c>
      <c r="D13789" s="14" t="s">
        <v>52</v>
      </c>
      <c r="E13789" s="15">
        <v>45660</v>
      </c>
      <c r="F13789" s="14" t="s">
        <v>53</v>
      </c>
      <c r="G13789" s="16">
        <v>0.41450262657159681</v>
      </c>
    </row>
    <row r="13790" spans="1:7" x14ac:dyDescent="0.3">
      <c r="A13790" s="13" t="s">
        <v>102</v>
      </c>
      <c r="B13790" s="14" t="s">
        <v>1</v>
      </c>
      <c r="C13790" s="14" t="s">
        <v>41</v>
      </c>
      <c r="D13790" s="14" t="s">
        <v>52</v>
      </c>
      <c r="E13790" s="15">
        <v>45661</v>
      </c>
      <c r="F13790" s="14" t="s">
        <v>53</v>
      </c>
      <c r="G13790" s="16">
        <v>0.41450262657159681</v>
      </c>
    </row>
    <row r="13791" spans="1:7" x14ac:dyDescent="0.3">
      <c r="A13791" s="13" t="s">
        <v>102</v>
      </c>
      <c r="B13791" s="14" t="s">
        <v>1</v>
      </c>
      <c r="C13791" s="14" t="s">
        <v>41</v>
      </c>
      <c r="D13791" s="14" t="s">
        <v>52</v>
      </c>
      <c r="E13791" s="15">
        <v>45662</v>
      </c>
      <c r="F13791" s="14" t="s">
        <v>53</v>
      </c>
      <c r="G13791" s="16">
        <v>0.41450262657159681</v>
      </c>
    </row>
    <row r="13792" spans="1:7" x14ac:dyDescent="0.3">
      <c r="A13792" s="13" t="s">
        <v>102</v>
      </c>
      <c r="B13792" s="14" t="s">
        <v>1</v>
      </c>
      <c r="C13792" s="14" t="s">
        <v>41</v>
      </c>
      <c r="D13792" s="14" t="s">
        <v>52</v>
      </c>
      <c r="E13792" s="15">
        <v>45663</v>
      </c>
      <c r="F13792" s="14" t="s">
        <v>53</v>
      </c>
      <c r="G13792" s="16">
        <v>0.51166951180381604</v>
      </c>
    </row>
    <row r="13793" spans="1:7" x14ac:dyDescent="0.3">
      <c r="A13793" s="13" t="s">
        <v>102</v>
      </c>
      <c r="B13793" s="14" t="s">
        <v>1</v>
      </c>
      <c r="C13793" s="14" t="s">
        <v>41</v>
      </c>
      <c r="D13793" s="14" t="s">
        <v>52</v>
      </c>
      <c r="E13793" s="15">
        <v>45664</v>
      </c>
      <c r="F13793" s="14" t="s">
        <v>53</v>
      </c>
      <c r="G13793" s="16">
        <v>0.49532612447457397</v>
      </c>
    </row>
    <row r="13794" spans="1:7" x14ac:dyDescent="0.3">
      <c r="A13794" s="13" t="s">
        <v>102</v>
      </c>
      <c r="B13794" s="14" t="s">
        <v>1</v>
      </c>
      <c r="C13794" s="14" t="s">
        <v>41</v>
      </c>
      <c r="D13794" s="14" t="s">
        <v>52</v>
      </c>
      <c r="E13794" s="15">
        <v>45665</v>
      </c>
      <c r="F13794" s="14" t="s">
        <v>53</v>
      </c>
      <c r="G13794" s="16">
        <v>0.49666512339245389</v>
      </c>
    </row>
    <row r="13795" spans="1:7" x14ac:dyDescent="0.3">
      <c r="A13795" s="13" t="s">
        <v>102</v>
      </c>
      <c r="B13795" s="14" t="s">
        <v>1</v>
      </c>
      <c r="C13795" s="14" t="s">
        <v>41</v>
      </c>
      <c r="D13795" s="14" t="s">
        <v>52</v>
      </c>
      <c r="E13795" s="15">
        <v>45666</v>
      </c>
      <c r="F13795" s="14" t="s">
        <v>53</v>
      </c>
      <c r="G13795" s="16">
        <v>0.49695981640281395</v>
      </c>
    </row>
    <row r="13796" spans="1:7" x14ac:dyDescent="0.3">
      <c r="A13796" s="13" t="s">
        <v>102</v>
      </c>
      <c r="B13796" s="14" t="s">
        <v>1</v>
      </c>
      <c r="C13796" s="14" t="s">
        <v>41</v>
      </c>
      <c r="D13796" s="14" t="s">
        <v>52</v>
      </c>
      <c r="E13796" s="15">
        <v>45667</v>
      </c>
      <c r="F13796" s="14" t="s">
        <v>53</v>
      </c>
      <c r="G13796" s="16">
        <v>0.49967019719670519</v>
      </c>
    </row>
    <row r="13797" spans="1:7" x14ac:dyDescent="0.3">
      <c r="A13797" s="13" t="s">
        <v>102</v>
      </c>
      <c r="B13797" s="14" t="s">
        <v>1</v>
      </c>
      <c r="C13797" s="14" t="s">
        <v>41</v>
      </c>
      <c r="D13797" s="14" t="s">
        <v>52</v>
      </c>
      <c r="E13797" s="15">
        <v>45668</v>
      </c>
      <c r="F13797" s="14" t="s">
        <v>53</v>
      </c>
      <c r="G13797" s="16">
        <v>0.49967019719670519</v>
      </c>
    </row>
    <row r="13798" spans="1:7" x14ac:dyDescent="0.3">
      <c r="A13798" s="13" t="s">
        <v>102</v>
      </c>
      <c r="B13798" s="14" t="s">
        <v>1</v>
      </c>
      <c r="C13798" s="14" t="s">
        <v>41</v>
      </c>
      <c r="D13798" s="14" t="s">
        <v>52</v>
      </c>
      <c r="E13798" s="15">
        <v>45669</v>
      </c>
      <c r="F13798" s="14" t="s">
        <v>53</v>
      </c>
      <c r="G13798" s="16">
        <v>0.49967019719670519</v>
      </c>
    </row>
    <row r="13799" spans="1:7" x14ac:dyDescent="0.3">
      <c r="A13799" s="13" t="s">
        <v>102</v>
      </c>
      <c r="B13799" s="14" t="s">
        <v>1</v>
      </c>
      <c r="C13799" s="14" t="s">
        <v>41</v>
      </c>
      <c r="D13799" s="14" t="s">
        <v>52</v>
      </c>
      <c r="E13799" s="15">
        <v>45670</v>
      </c>
      <c r="F13799" s="14" t="s">
        <v>53</v>
      </c>
      <c r="G13799" s="16">
        <v>0.49967019719670519</v>
      </c>
    </row>
    <row r="13800" spans="1:7" x14ac:dyDescent="0.3">
      <c r="A13800" s="13" t="s">
        <v>102</v>
      </c>
      <c r="B13800" s="14" t="s">
        <v>1</v>
      </c>
      <c r="C13800" s="14" t="s">
        <v>41</v>
      </c>
      <c r="D13800" s="14" t="s">
        <v>52</v>
      </c>
      <c r="E13800" s="15">
        <v>45671</v>
      </c>
      <c r="F13800" s="14" t="s">
        <v>53</v>
      </c>
      <c r="G13800" s="16">
        <v>0.49625972857853606</v>
      </c>
    </row>
    <row r="13801" spans="1:7" x14ac:dyDescent="0.3">
      <c r="A13801" s="13" t="s">
        <v>102</v>
      </c>
      <c r="B13801" s="14" t="s">
        <v>1</v>
      </c>
      <c r="C13801" s="14" t="s">
        <v>41</v>
      </c>
      <c r="D13801" s="14" t="s">
        <v>52</v>
      </c>
      <c r="E13801" s="15">
        <v>45672</v>
      </c>
      <c r="F13801" s="14" t="s">
        <v>53</v>
      </c>
      <c r="G13801" s="16">
        <v>0.48998991745395959</v>
      </c>
    </row>
    <row r="13802" spans="1:7" x14ac:dyDescent="0.3">
      <c r="A13802" s="13" t="s">
        <v>102</v>
      </c>
      <c r="B13802" s="14" t="s">
        <v>1</v>
      </c>
      <c r="C13802" s="14" t="s">
        <v>41</v>
      </c>
      <c r="D13802" s="14" t="s">
        <v>52</v>
      </c>
      <c r="E13802" s="15">
        <v>45673</v>
      </c>
      <c r="F13802" s="14" t="s">
        <v>53</v>
      </c>
      <c r="G13802" s="16">
        <v>0.49188847149894277</v>
      </c>
    </row>
    <row r="13803" spans="1:7" x14ac:dyDescent="0.3">
      <c r="A13803" s="13" t="s">
        <v>102</v>
      </c>
      <c r="B13803" s="14" t="s">
        <v>1</v>
      </c>
      <c r="C13803" s="14" t="s">
        <v>41</v>
      </c>
      <c r="D13803" s="14" t="s">
        <v>52</v>
      </c>
      <c r="E13803" s="15">
        <v>45674</v>
      </c>
      <c r="F13803" s="14" t="s">
        <v>53</v>
      </c>
      <c r="G13803" s="16">
        <v>0.48872290165483739</v>
      </c>
    </row>
    <row r="13804" spans="1:7" x14ac:dyDescent="0.3">
      <c r="A13804" s="13" t="s">
        <v>102</v>
      </c>
      <c r="B13804" s="14" t="s">
        <v>1</v>
      </c>
      <c r="C13804" s="14" t="s">
        <v>41</v>
      </c>
      <c r="D13804" s="14" t="s">
        <v>52</v>
      </c>
      <c r="E13804" s="15">
        <v>45675</v>
      </c>
      <c r="F13804" s="14" t="s">
        <v>53</v>
      </c>
      <c r="G13804" s="16">
        <v>0.48872290165483739</v>
      </c>
    </row>
    <row r="13805" spans="1:7" x14ac:dyDescent="0.3">
      <c r="A13805" s="13" t="s">
        <v>102</v>
      </c>
      <c r="B13805" s="14" t="s">
        <v>1</v>
      </c>
      <c r="C13805" s="14" t="s">
        <v>41</v>
      </c>
      <c r="D13805" s="14" t="s">
        <v>52</v>
      </c>
      <c r="E13805" s="15">
        <v>45676</v>
      </c>
      <c r="F13805" s="14" t="s">
        <v>53</v>
      </c>
      <c r="G13805" s="16">
        <v>0.48872290165483739</v>
      </c>
    </row>
    <row r="13806" spans="1:7" x14ac:dyDescent="0.3">
      <c r="A13806" s="13" t="s">
        <v>102</v>
      </c>
      <c r="B13806" s="14" t="s">
        <v>1</v>
      </c>
      <c r="C13806" s="14" t="s">
        <v>41</v>
      </c>
      <c r="D13806" s="14" t="s">
        <v>52</v>
      </c>
      <c r="E13806" s="15">
        <v>45677</v>
      </c>
      <c r="F13806" s="14" t="s">
        <v>53</v>
      </c>
      <c r="G13806" s="16">
        <v>0.48225836917935216</v>
      </c>
    </row>
    <row r="13807" spans="1:7" x14ac:dyDescent="0.3">
      <c r="A13807" s="13" t="s">
        <v>102</v>
      </c>
      <c r="B13807" s="14" t="s">
        <v>1</v>
      </c>
      <c r="C13807" s="14" t="s">
        <v>41</v>
      </c>
      <c r="D13807" s="14" t="s">
        <v>52</v>
      </c>
      <c r="E13807" s="15">
        <v>45678</v>
      </c>
      <c r="F13807" s="14" t="s">
        <v>53</v>
      </c>
      <c r="G13807" s="16">
        <v>0.47435034781082486</v>
      </c>
    </row>
    <row r="13808" spans="1:7" x14ac:dyDescent="0.3">
      <c r="A13808" s="13" t="s">
        <v>102</v>
      </c>
      <c r="B13808" s="14" t="s">
        <v>1</v>
      </c>
      <c r="C13808" s="14" t="s">
        <v>41</v>
      </c>
      <c r="D13808" s="14" t="s">
        <v>52</v>
      </c>
      <c r="E13808" s="15">
        <v>45679</v>
      </c>
      <c r="F13808" s="14" t="s">
        <v>53</v>
      </c>
      <c r="G13808" s="16">
        <v>0.47041208492584807</v>
      </c>
    </row>
    <row r="13809" spans="1:7" x14ac:dyDescent="0.3">
      <c r="A13809" s="13" t="s">
        <v>102</v>
      </c>
      <c r="B13809" s="14" t="s">
        <v>1</v>
      </c>
      <c r="C13809" s="14" t="s">
        <v>41</v>
      </c>
      <c r="D13809" s="14" t="s">
        <v>52</v>
      </c>
      <c r="E13809" s="15">
        <v>45680</v>
      </c>
      <c r="F13809" s="14" t="s">
        <v>53</v>
      </c>
      <c r="G13809" s="16">
        <v>0.46811381816880754</v>
      </c>
    </row>
    <row r="13810" spans="1:7" x14ac:dyDescent="0.3">
      <c r="A13810" s="13" t="s">
        <v>102</v>
      </c>
      <c r="B13810" s="14" t="s">
        <v>1</v>
      </c>
      <c r="C13810" s="14" t="s">
        <v>41</v>
      </c>
      <c r="D13810" s="14" t="s">
        <v>52</v>
      </c>
      <c r="E13810" s="15">
        <v>45681</v>
      </c>
      <c r="F13810" s="14" t="s">
        <v>53</v>
      </c>
      <c r="G13810" s="16">
        <v>0.46083312184483072</v>
      </c>
    </row>
    <row r="13811" spans="1:7" x14ac:dyDescent="0.3">
      <c r="A13811" s="13" t="s">
        <v>102</v>
      </c>
      <c r="B13811" s="14" t="s">
        <v>1</v>
      </c>
      <c r="C13811" s="14" t="s">
        <v>41</v>
      </c>
      <c r="D13811" s="14" t="s">
        <v>52</v>
      </c>
      <c r="E13811" s="15">
        <v>45682</v>
      </c>
      <c r="F13811" s="14" t="s">
        <v>53</v>
      </c>
      <c r="G13811" s="16">
        <v>0.46083312184483072</v>
      </c>
    </row>
    <row r="13812" spans="1:7" x14ac:dyDescent="0.3">
      <c r="A13812" s="13" t="s">
        <v>102</v>
      </c>
      <c r="B13812" s="14" t="s">
        <v>1</v>
      </c>
      <c r="C13812" s="14" t="s">
        <v>41</v>
      </c>
      <c r="D13812" s="14" t="s">
        <v>52</v>
      </c>
      <c r="E13812" s="15">
        <v>45683</v>
      </c>
      <c r="F13812" s="14" t="s">
        <v>53</v>
      </c>
      <c r="G13812" s="16">
        <v>0.46083312184483072</v>
      </c>
    </row>
    <row r="13813" spans="1:7" x14ac:dyDescent="0.3">
      <c r="A13813" s="13" t="s">
        <v>102</v>
      </c>
      <c r="B13813" s="14" t="s">
        <v>1</v>
      </c>
      <c r="C13813" s="14" t="s">
        <v>41</v>
      </c>
      <c r="D13813" s="14" t="s">
        <v>52</v>
      </c>
      <c r="E13813" s="15">
        <v>45684</v>
      </c>
      <c r="F13813" s="14" t="s">
        <v>53</v>
      </c>
      <c r="G13813" s="16">
        <v>0.46548092142233632</v>
      </c>
    </row>
    <row r="13814" spans="1:7" x14ac:dyDescent="0.3">
      <c r="A13814" s="13" t="s">
        <v>102</v>
      </c>
      <c r="B13814" s="14" t="s">
        <v>1</v>
      </c>
      <c r="C13814" s="14" t="s">
        <v>41</v>
      </c>
      <c r="D13814" s="14" t="s">
        <v>52</v>
      </c>
      <c r="E13814" s="15">
        <v>45685</v>
      </c>
      <c r="F13814" s="14" t="s">
        <v>53</v>
      </c>
      <c r="G13814" s="16">
        <v>0.4571562623280227</v>
      </c>
    </row>
    <row r="13815" spans="1:7" x14ac:dyDescent="0.3">
      <c r="A13815" s="13" t="s">
        <v>102</v>
      </c>
      <c r="B13815" s="14" t="s">
        <v>1</v>
      </c>
      <c r="C13815" s="14" t="s">
        <v>41</v>
      </c>
      <c r="D13815" s="14" t="s">
        <v>52</v>
      </c>
      <c r="E13815" s="15">
        <v>45686</v>
      </c>
      <c r="F13815" s="14" t="s">
        <v>53</v>
      </c>
      <c r="G13815" s="16">
        <v>0.4550783161582091</v>
      </c>
    </row>
    <row r="13816" spans="1:7" x14ac:dyDescent="0.3">
      <c r="A13816" s="13" t="s">
        <v>102</v>
      </c>
      <c r="B13816" s="14" t="s">
        <v>1</v>
      </c>
      <c r="C13816" s="14" t="s">
        <v>41</v>
      </c>
      <c r="D13816" s="14" t="s">
        <v>52</v>
      </c>
      <c r="E13816" s="15">
        <v>45687</v>
      </c>
      <c r="F13816" s="14" t="s">
        <v>53</v>
      </c>
      <c r="G13816" s="16">
        <v>0.45666990597253154</v>
      </c>
    </row>
    <row r="13817" spans="1:7" x14ac:dyDescent="0.3">
      <c r="A13817" s="13" t="s">
        <v>102</v>
      </c>
      <c r="B13817" s="14" t="s">
        <v>1</v>
      </c>
      <c r="C13817" s="14" t="s">
        <v>41</v>
      </c>
      <c r="D13817" s="14" t="s">
        <v>52</v>
      </c>
      <c r="E13817" s="15">
        <v>45688</v>
      </c>
      <c r="F13817" s="14" t="s">
        <v>53</v>
      </c>
      <c r="G13817" s="16">
        <v>0.4663660088890848</v>
      </c>
    </row>
    <row r="13818" spans="1:7" x14ac:dyDescent="0.3">
      <c r="A13818" s="13" t="s">
        <v>102</v>
      </c>
      <c r="B13818" s="14" t="s">
        <v>1</v>
      </c>
      <c r="C13818" s="14" t="s">
        <v>41</v>
      </c>
      <c r="D13818" s="14" t="s">
        <v>52</v>
      </c>
      <c r="E13818" s="15">
        <v>45689</v>
      </c>
      <c r="F13818" s="14" t="s">
        <v>53</v>
      </c>
      <c r="G13818" s="16">
        <v>0.4663660088890848</v>
      </c>
    </row>
    <row r="13819" spans="1:7" x14ac:dyDescent="0.3">
      <c r="A13819" s="13" t="s">
        <v>102</v>
      </c>
      <c r="B13819" s="14" t="s">
        <v>1</v>
      </c>
      <c r="C13819" s="14" t="s">
        <v>41</v>
      </c>
      <c r="D13819" s="14" t="s">
        <v>52</v>
      </c>
      <c r="E13819" s="15">
        <v>45690</v>
      </c>
      <c r="F13819" s="14" t="s">
        <v>53</v>
      </c>
      <c r="G13819" s="16">
        <v>0.4663660088890848</v>
      </c>
    </row>
    <row r="13820" spans="1:7" x14ac:dyDescent="0.3">
      <c r="A13820" s="13" t="s">
        <v>102</v>
      </c>
      <c r="B13820" s="14" t="s">
        <v>1</v>
      </c>
      <c r="C13820" s="14" t="s">
        <v>41</v>
      </c>
      <c r="D13820" s="14" t="s">
        <v>52</v>
      </c>
      <c r="E13820" s="15">
        <v>45691</v>
      </c>
      <c r="F13820" s="14" t="s">
        <v>53</v>
      </c>
      <c r="G13820" s="16">
        <v>0.4663660088890848</v>
      </c>
    </row>
    <row r="13821" spans="1:7" x14ac:dyDescent="0.3">
      <c r="A13821" s="13" t="s">
        <v>102</v>
      </c>
      <c r="B13821" s="14" t="s">
        <v>1</v>
      </c>
      <c r="C13821" s="14" t="s">
        <v>41</v>
      </c>
      <c r="D13821" s="14" t="s">
        <v>52</v>
      </c>
      <c r="E13821" s="15">
        <v>45692</v>
      </c>
      <c r="F13821" s="14" t="s">
        <v>53</v>
      </c>
      <c r="G13821" s="16">
        <v>0.46337165617867793</v>
      </c>
    </row>
    <row r="13822" spans="1:7" x14ac:dyDescent="0.3">
      <c r="A13822" s="13" t="s">
        <v>102</v>
      </c>
      <c r="B13822" s="14" t="s">
        <v>1</v>
      </c>
      <c r="C13822" s="14" t="s">
        <v>41</v>
      </c>
      <c r="D13822" s="14" t="s">
        <v>52</v>
      </c>
      <c r="E13822" s="15">
        <v>45693</v>
      </c>
      <c r="F13822" s="14" t="s">
        <v>53</v>
      </c>
      <c r="G13822" s="16">
        <v>0.45983610820347781</v>
      </c>
    </row>
    <row r="13823" spans="1:7" x14ac:dyDescent="0.3">
      <c r="A13823" s="13" t="s">
        <v>102</v>
      </c>
      <c r="B13823" s="14" t="s">
        <v>1</v>
      </c>
      <c r="C13823" s="14" t="s">
        <v>41</v>
      </c>
      <c r="D13823" s="14" t="s">
        <v>52</v>
      </c>
      <c r="E13823" s="15">
        <v>45694</v>
      </c>
      <c r="F13823" s="14" t="s">
        <v>53</v>
      </c>
      <c r="G13823" s="16">
        <v>0.4634161478198347</v>
      </c>
    </row>
    <row r="13824" spans="1:7" x14ac:dyDescent="0.3">
      <c r="A13824" s="13" t="s">
        <v>102</v>
      </c>
      <c r="B13824" s="14" t="s">
        <v>1</v>
      </c>
      <c r="C13824" s="14" t="s">
        <v>41</v>
      </c>
      <c r="D13824" s="14" t="s">
        <v>52</v>
      </c>
      <c r="E13824" s="15">
        <v>45695</v>
      </c>
      <c r="F13824" s="14" t="s">
        <v>53</v>
      </c>
      <c r="G13824" s="16">
        <v>0.46199269802595072</v>
      </c>
    </row>
    <row r="13825" spans="1:7" x14ac:dyDescent="0.3">
      <c r="A13825" s="13" t="s">
        <v>102</v>
      </c>
      <c r="B13825" s="14" t="s">
        <v>1</v>
      </c>
      <c r="C13825" s="14" t="s">
        <v>41</v>
      </c>
      <c r="D13825" s="14" t="s">
        <v>52</v>
      </c>
      <c r="E13825" s="15">
        <v>45696</v>
      </c>
      <c r="F13825" s="14" t="s">
        <v>53</v>
      </c>
      <c r="G13825" s="16">
        <v>0.46199269802595072</v>
      </c>
    </row>
    <row r="13826" spans="1:7" x14ac:dyDescent="0.3">
      <c r="A13826" s="13" t="s">
        <v>102</v>
      </c>
      <c r="B13826" s="14" t="s">
        <v>1</v>
      </c>
      <c r="C13826" s="14" t="s">
        <v>41</v>
      </c>
      <c r="D13826" s="14" t="s">
        <v>52</v>
      </c>
      <c r="E13826" s="15">
        <v>45697</v>
      </c>
      <c r="F13826" s="14" t="s">
        <v>53</v>
      </c>
      <c r="G13826" s="16">
        <v>0.46199269802595072</v>
      </c>
    </row>
    <row r="13827" spans="1:7" x14ac:dyDescent="0.3">
      <c r="A13827" s="13" t="s">
        <v>102</v>
      </c>
      <c r="B13827" s="14" t="s">
        <v>1</v>
      </c>
      <c r="C13827" s="14" t="s">
        <v>41</v>
      </c>
      <c r="D13827" s="14" t="s">
        <v>52</v>
      </c>
      <c r="E13827" s="15">
        <v>45698</v>
      </c>
      <c r="F13827" s="14" t="s">
        <v>53</v>
      </c>
      <c r="G13827" s="16">
        <v>0.45929052218498406</v>
      </c>
    </row>
    <row r="13828" spans="1:7" x14ac:dyDescent="0.3">
      <c r="A13828" s="13" t="s">
        <v>102</v>
      </c>
      <c r="B13828" s="14" t="s">
        <v>1</v>
      </c>
      <c r="C13828" s="14" t="s">
        <v>41</v>
      </c>
      <c r="D13828" s="14" t="s">
        <v>52</v>
      </c>
      <c r="E13828" s="15">
        <v>45699</v>
      </c>
      <c r="F13828" s="14" t="s">
        <v>53</v>
      </c>
      <c r="G13828" s="16">
        <v>0.45929052218498406</v>
      </c>
    </row>
    <row r="13829" spans="1:7" x14ac:dyDescent="0.3">
      <c r="A13829" s="13" t="s">
        <v>102</v>
      </c>
      <c r="B13829" s="14" t="s">
        <v>1</v>
      </c>
      <c r="C13829" s="14" t="s">
        <v>41</v>
      </c>
      <c r="D13829" s="14" t="s">
        <v>52</v>
      </c>
      <c r="E13829" s="15">
        <v>45700</v>
      </c>
      <c r="F13829" s="14" t="s">
        <v>53</v>
      </c>
      <c r="G13829" s="16">
        <v>0.44237557896150675</v>
      </c>
    </row>
    <row r="13830" spans="1:7" x14ac:dyDescent="0.3">
      <c r="A13830" s="13" t="s">
        <v>102</v>
      </c>
      <c r="B13830" s="14" t="s">
        <v>1</v>
      </c>
      <c r="C13830" s="14" t="s">
        <v>41</v>
      </c>
      <c r="D13830" s="14" t="s">
        <v>52</v>
      </c>
      <c r="E13830" s="15">
        <v>45701</v>
      </c>
      <c r="F13830" s="14" t="s">
        <v>53</v>
      </c>
      <c r="G13830" s="16">
        <v>0.43868262163666144</v>
      </c>
    </row>
    <row r="13831" spans="1:7" x14ac:dyDescent="0.3">
      <c r="A13831" s="13" t="s">
        <v>102</v>
      </c>
      <c r="B13831" s="14" t="s">
        <v>1</v>
      </c>
      <c r="C13831" s="14" t="s">
        <v>41</v>
      </c>
      <c r="D13831" s="14" t="s">
        <v>52</v>
      </c>
      <c r="E13831" s="15">
        <v>45702</v>
      </c>
      <c r="F13831" s="14" t="s">
        <v>53</v>
      </c>
      <c r="G13831" s="16">
        <v>0.43832701739084673</v>
      </c>
    </row>
    <row r="13832" spans="1:7" x14ac:dyDescent="0.3">
      <c r="A13832" s="13" t="s">
        <v>102</v>
      </c>
      <c r="B13832" s="14" t="s">
        <v>1</v>
      </c>
      <c r="C13832" s="14" t="s">
        <v>41</v>
      </c>
      <c r="D13832" s="14" t="s">
        <v>52</v>
      </c>
      <c r="E13832" s="15">
        <v>45703</v>
      </c>
      <c r="F13832" s="14" t="s">
        <v>53</v>
      </c>
      <c r="G13832" s="16">
        <v>0.43832701739084673</v>
      </c>
    </row>
    <row r="13833" spans="1:7" x14ac:dyDescent="0.3">
      <c r="A13833" s="13" t="s">
        <v>102</v>
      </c>
      <c r="B13833" s="14" t="s">
        <v>1</v>
      </c>
      <c r="C13833" s="14" t="s">
        <v>41</v>
      </c>
      <c r="D13833" s="14" t="s">
        <v>52</v>
      </c>
      <c r="E13833" s="15">
        <v>45704</v>
      </c>
      <c r="F13833" s="14" t="s">
        <v>53</v>
      </c>
      <c r="G13833" s="16">
        <v>0.43832701739084673</v>
      </c>
    </row>
    <row r="13834" spans="1:7" x14ac:dyDescent="0.3">
      <c r="A13834" s="13" t="s">
        <v>102</v>
      </c>
      <c r="B13834" s="14" t="s">
        <v>1</v>
      </c>
      <c r="C13834" s="14" t="s">
        <v>41</v>
      </c>
      <c r="D13834" s="14" t="s">
        <v>52</v>
      </c>
      <c r="E13834" s="15">
        <v>45705</v>
      </c>
      <c r="F13834" s="14" t="s">
        <v>53</v>
      </c>
      <c r="G13834" s="16">
        <v>0.43696776838139412</v>
      </c>
    </row>
    <row r="13835" spans="1:7" x14ac:dyDescent="0.3">
      <c r="A13835" s="13" t="s">
        <v>102</v>
      </c>
      <c r="B13835" s="14" t="s">
        <v>1</v>
      </c>
      <c r="C13835" s="14" t="s">
        <v>41</v>
      </c>
      <c r="D13835" s="14" t="s">
        <v>52</v>
      </c>
      <c r="E13835" s="15">
        <v>45706</v>
      </c>
      <c r="F13835" s="14" t="s">
        <v>53</v>
      </c>
      <c r="G13835" s="16">
        <v>0.42845591060701849</v>
      </c>
    </row>
    <row r="13836" spans="1:7" x14ac:dyDescent="0.3">
      <c r="A13836" s="13" t="s">
        <v>102</v>
      </c>
      <c r="B13836" s="14" t="s">
        <v>1</v>
      </c>
      <c r="C13836" s="14" t="s">
        <v>41</v>
      </c>
      <c r="D13836" s="14" t="s">
        <v>52</v>
      </c>
      <c r="E13836" s="15">
        <v>45707</v>
      </c>
      <c r="F13836" s="14" t="s">
        <v>53</v>
      </c>
      <c r="G13836" s="16">
        <v>0.42862652535906687</v>
      </c>
    </row>
    <row r="13837" spans="1:7" x14ac:dyDescent="0.3">
      <c r="A13837" s="13" t="s">
        <v>102</v>
      </c>
      <c r="B13837" s="14" t="s">
        <v>1</v>
      </c>
      <c r="C13837" s="14" t="s">
        <v>41</v>
      </c>
      <c r="D13837" s="14" t="s">
        <v>52</v>
      </c>
      <c r="E13837" s="15">
        <v>45708</v>
      </c>
      <c r="F13837" s="14" t="s">
        <v>53</v>
      </c>
      <c r="G13837" s="16">
        <v>0.44152126851817269</v>
      </c>
    </row>
    <row r="13838" spans="1:7" x14ac:dyDescent="0.3">
      <c r="A13838" s="13" t="s">
        <v>102</v>
      </c>
      <c r="B13838" s="14" t="s">
        <v>1</v>
      </c>
      <c r="C13838" s="14" t="s">
        <v>41</v>
      </c>
      <c r="D13838" s="14" t="s">
        <v>52</v>
      </c>
      <c r="E13838" s="15">
        <v>45709</v>
      </c>
      <c r="F13838" s="14" t="s">
        <v>53</v>
      </c>
      <c r="G13838" s="16">
        <v>0.44137804010061638</v>
      </c>
    </row>
    <row r="13839" spans="1:7" x14ac:dyDescent="0.3">
      <c r="A13839" s="13" t="s">
        <v>102</v>
      </c>
      <c r="B13839" s="14" t="s">
        <v>1</v>
      </c>
      <c r="C13839" s="14" t="s">
        <v>41</v>
      </c>
      <c r="D13839" s="14" t="s">
        <v>52</v>
      </c>
      <c r="E13839" s="15">
        <v>45710</v>
      </c>
      <c r="F13839" s="14" t="s">
        <v>53</v>
      </c>
      <c r="G13839" s="16">
        <v>0.44137804010061638</v>
      </c>
    </row>
    <row r="13840" spans="1:7" x14ac:dyDescent="0.3">
      <c r="A13840" s="13" t="s">
        <v>102</v>
      </c>
      <c r="B13840" s="14" t="s">
        <v>1</v>
      </c>
      <c r="C13840" s="14" t="s">
        <v>41</v>
      </c>
      <c r="D13840" s="14" t="s">
        <v>52</v>
      </c>
      <c r="E13840" s="15">
        <v>45711</v>
      </c>
      <c r="F13840" s="14" t="s">
        <v>53</v>
      </c>
      <c r="G13840" s="16">
        <v>0.44137804010061638</v>
      </c>
    </row>
    <row r="13841" spans="1:7" x14ac:dyDescent="0.3">
      <c r="A13841" s="13" t="s">
        <v>102</v>
      </c>
      <c r="B13841" s="14" t="s">
        <v>1</v>
      </c>
      <c r="C13841" s="14" t="s">
        <v>41</v>
      </c>
      <c r="D13841" s="14" t="s">
        <v>52</v>
      </c>
      <c r="E13841" s="15">
        <v>45712</v>
      </c>
      <c r="F13841" s="14" t="s">
        <v>53</v>
      </c>
      <c r="G13841" s="16">
        <v>0.44137804010061638</v>
      </c>
    </row>
    <row r="13842" spans="1:7" x14ac:dyDescent="0.3">
      <c r="A13842" s="13" t="s">
        <v>102</v>
      </c>
      <c r="B13842" s="14" t="s">
        <v>1</v>
      </c>
      <c r="C13842" s="14" t="s">
        <v>41</v>
      </c>
      <c r="D13842" s="14" t="s">
        <v>52</v>
      </c>
      <c r="E13842" s="15">
        <v>45713</v>
      </c>
      <c r="F13842" s="14" t="s">
        <v>53</v>
      </c>
      <c r="G13842" s="16">
        <v>0.43844042481943912</v>
      </c>
    </row>
    <row r="13843" spans="1:7" x14ac:dyDescent="0.3">
      <c r="A13843" s="13" t="s">
        <v>102</v>
      </c>
      <c r="B13843" s="14" t="s">
        <v>1</v>
      </c>
      <c r="C13843" s="14" t="s">
        <v>41</v>
      </c>
      <c r="D13843" s="14" t="s">
        <v>52</v>
      </c>
      <c r="E13843" s="15">
        <v>45714</v>
      </c>
      <c r="F13843" s="14" t="s">
        <v>53</v>
      </c>
      <c r="G13843" s="16">
        <v>0.42821919055253799</v>
      </c>
    </row>
    <row r="13844" spans="1:7" x14ac:dyDescent="0.3">
      <c r="A13844" s="13" t="s">
        <v>102</v>
      </c>
      <c r="B13844" s="14" t="s">
        <v>1</v>
      </c>
      <c r="C13844" s="14" t="s">
        <v>41</v>
      </c>
      <c r="D13844" s="14" t="s">
        <v>52</v>
      </c>
      <c r="E13844" s="15">
        <v>45715</v>
      </c>
      <c r="F13844" s="14" t="s">
        <v>53</v>
      </c>
      <c r="G13844" s="16">
        <v>0.4262860672433007</v>
      </c>
    </row>
    <row r="13845" spans="1:7" x14ac:dyDescent="0.3">
      <c r="A13845" s="13" t="s">
        <v>102</v>
      </c>
      <c r="B13845" s="14" t="s">
        <v>1</v>
      </c>
      <c r="C13845" s="14" t="s">
        <v>41</v>
      </c>
      <c r="D13845" s="14" t="s">
        <v>52</v>
      </c>
      <c r="E13845" s="15">
        <v>45716</v>
      </c>
      <c r="F13845" s="14" t="s">
        <v>53</v>
      </c>
      <c r="G13845" s="16">
        <v>0.43093830149344103</v>
      </c>
    </row>
    <row r="13846" spans="1:7" x14ac:dyDescent="0.3">
      <c r="A13846" s="13" t="s">
        <v>102</v>
      </c>
      <c r="B13846" s="14" t="s">
        <v>1</v>
      </c>
      <c r="C13846" s="14" t="s">
        <v>41</v>
      </c>
      <c r="D13846" s="14" t="s">
        <v>52</v>
      </c>
      <c r="E13846" s="15">
        <v>45717</v>
      </c>
      <c r="F13846" s="14" t="s">
        <v>53</v>
      </c>
      <c r="G13846" s="16">
        <v>0.43093830149344103</v>
      </c>
    </row>
    <row r="13847" spans="1:7" x14ac:dyDescent="0.3">
      <c r="A13847" s="13" t="s">
        <v>102</v>
      </c>
      <c r="B13847" s="14" t="s">
        <v>1</v>
      </c>
      <c r="C13847" s="14" t="s">
        <v>41</v>
      </c>
      <c r="D13847" s="14" t="s">
        <v>52</v>
      </c>
      <c r="E13847" s="15">
        <v>45718</v>
      </c>
      <c r="F13847" s="14" t="s">
        <v>53</v>
      </c>
      <c r="G13847" s="16">
        <v>0.43093830149344103</v>
      </c>
    </row>
    <row r="13848" spans="1:7" x14ac:dyDescent="0.3">
      <c r="A13848" s="13" t="s">
        <v>102</v>
      </c>
      <c r="B13848" s="14" t="s">
        <v>1</v>
      </c>
      <c r="C13848" s="14" t="s">
        <v>41</v>
      </c>
      <c r="D13848" s="14" t="s">
        <v>52</v>
      </c>
      <c r="E13848" s="15">
        <v>45719</v>
      </c>
      <c r="F13848" s="14" t="s">
        <v>53</v>
      </c>
      <c r="G13848" s="16">
        <v>0.42760499568623384</v>
      </c>
    </row>
    <row r="13849" spans="1:7" x14ac:dyDescent="0.3">
      <c r="A13849" s="13" t="s">
        <v>102</v>
      </c>
      <c r="B13849" s="14" t="s">
        <v>1</v>
      </c>
      <c r="C13849" s="14" t="s">
        <v>41</v>
      </c>
      <c r="D13849" s="14" t="s">
        <v>52</v>
      </c>
      <c r="E13849" s="15">
        <v>45720</v>
      </c>
      <c r="F13849" s="14" t="s">
        <v>53</v>
      </c>
      <c r="G13849" s="16">
        <v>0.41870979789613511</v>
      </c>
    </row>
    <row r="13850" spans="1:7" x14ac:dyDescent="0.3">
      <c r="A13850" s="13" t="s">
        <v>102</v>
      </c>
      <c r="B13850" s="14" t="s">
        <v>1</v>
      </c>
      <c r="C13850" s="14" t="s">
        <v>41</v>
      </c>
      <c r="D13850" s="14" t="s">
        <v>52</v>
      </c>
      <c r="E13850" s="15">
        <v>45721</v>
      </c>
      <c r="F13850" s="14" t="s">
        <v>53</v>
      </c>
      <c r="G13850" s="16">
        <v>0.41556741247762435</v>
      </c>
    </row>
    <row r="13851" spans="1:7" x14ac:dyDescent="0.3">
      <c r="A13851" s="13" t="s">
        <v>102</v>
      </c>
      <c r="B13851" s="14" t="s">
        <v>1</v>
      </c>
      <c r="C13851" s="14" t="s">
        <v>41</v>
      </c>
      <c r="D13851" s="14" t="s">
        <v>52</v>
      </c>
      <c r="E13851" s="15">
        <v>45722</v>
      </c>
      <c r="F13851" s="14" t="s">
        <v>53</v>
      </c>
      <c r="G13851" s="16">
        <v>0.41613150883929917</v>
      </c>
    </row>
    <row r="13852" spans="1:7" x14ac:dyDescent="0.3">
      <c r="A13852" s="13" t="s">
        <v>102</v>
      </c>
      <c r="B13852" s="14" t="s">
        <v>1</v>
      </c>
      <c r="C13852" s="14" t="s">
        <v>41</v>
      </c>
      <c r="D13852" s="14" t="s">
        <v>52</v>
      </c>
      <c r="E13852" s="15">
        <v>45723</v>
      </c>
      <c r="F13852" s="14" t="s">
        <v>53</v>
      </c>
      <c r="G13852" s="16">
        <v>0.41363631605707263</v>
      </c>
    </row>
    <row r="13853" spans="1:7" x14ac:dyDescent="0.3">
      <c r="A13853" s="13" t="s">
        <v>102</v>
      </c>
      <c r="B13853" s="14" t="s">
        <v>1</v>
      </c>
      <c r="C13853" s="14" t="s">
        <v>41</v>
      </c>
      <c r="D13853" s="14" t="s">
        <v>52</v>
      </c>
      <c r="E13853" s="15">
        <v>45724</v>
      </c>
      <c r="F13853" s="14" t="s">
        <v>53</v>
      </c>
      <c r="G13853" s="16">
        <v>0.41363631605707263</v>
      </c>
    </row>
    <row r="13854" spans="1:7" x14ac:dyDescent="0.3">
      <c r="A13854" s="13" t="s">
        <v>102</v>
      </c>
      <c r="B13854" s="14" t="s">
        <v>1</v>
      </c>
      <c r="C13854" s="14" t="s">
        <v>41</v>
      </c>
      <c r="D13854" s="14" t="s">
        <v>52</v>
      </c>
      <c r="E13854" s="15">
        <v>45725</v>
      </c>
      <c r="F13854" s="14" t="s">
        <v>53</v>
      </c>
      <c r="G13854" s="16">
        <v>0.41363631605707263</v>
      </c>
    </row>
    <row r="13855" spans="1:7" x14ac:dyDescent="0.3">
      <c r="A13855" s="13" t="s">
        <v>102</v>
      </c>
      <c r="B13855" s="14" t="s">
        <v>1</v>
      </c>
      <c r="C13855" s="14" t="s">
        <v>41</v>
      </c>
      <c r="D13855" s="14" t="s">
        <v>52</v>
      </c>
      <c r="E13855" s="15">
        <v>45726</v>
      </c>
      <c r="F13855" s="14" t="s">
        <v>53</v>
      </c>
      <c r="G13855" s="16">
        <v>0.41466639292333918</v>
      </c>
    </row>
    <row r="13856" spans="1:7" x14ac:dyDescent="0.3">
      <c r="A13856" s="13" t="s">
        <v>102</v>
      </c>
      <c r="B13856" s="14" t="s">
        <v>1</v>
      </c>
      <c r="C13856" s="14" t="s">
        <v>41</v>
      </c>
      <c r="D13856" s="14" t="s">
        <v>52</v>
      </c>
      <c r="E13856" s="15">
        <v>45727</v>
      </c>
      <c r="F13856" s="14" t="s">
        <v>53</v>
      </c>
      <c r="G13856" s="16">
        <v>0.40370670019896904</v>
      </c>
    </row>
    <row r="13857" spans="1:7" x14ac:dyDescent="0.3">
      <c r="A13857" s="13" t="s">
        <v>102</v>
      </c>
      <c r="B13857" s="14" t="s">
        <v>1</v>
      </c>
      <c r="C13857" s="14" t="s">
        <v>41</v>
      </c>
      <c r="D13857" s="14" t="s">
        <v>52</v>
      </c>
      <c r="E13857" s="15">
        <v>45728</v>
      </c>
      <c r="F13857" s="14" t="s">
        <v>53</v>
      </c>
      <c r="G13857" s="16">
        <v>0.39971963536066035</v>
      </c>
    </row>
    <row r="13858" spans="1:7" x14ac:dyDescent="0.3">
      <c r="A13858" s="13" t="s">
        <v>102</v>
      </c>
      <c r="B13858" s="14" t="s">
        <v>1</v>
      </c>
      <c r="C13858" s="14" t="s">
        <v>41</v>
      </c>
      <c r="D13858" s="14" t="s">
        <v>52</v>
      </c>
      <c r="E13858" s="15">
        <v>45729</v>
      </c>
      <c r="F13858" s="14" t="s">
        <v>53</v>
      </c>
      <c r="G13858" s="16">
        <v>0.398907863411323</v>
      </c>
    </row>
    <row r="13859" spans="1:7" x14ac:dyDescent="0.3">
      <c r="A13859" s="13" t="s">
        <v>102</v>
      </c>
      <c r="B13859" s="14" t="s">
        <v>1</v>
      </c>
      <c r="C13859" s="14" t="s">
        <v>41</v>
      </c>
      <c r="D13859" s="14" t="s">
        <v>52</v>
      </c>
      <c r="E13859" s="15">
        <v>45730</v>
      </c>
      <c r="F13859" s="14" t="s">
        <v>53</v>
      </c>
      <c r="G13859" s="16">
        <v>0.39491147594148929</v>
      </c>
    </row>
    <row r="13860" spans="1:7" x14ac:dyDescent="0.3">
      <c r="A13860" s="13" t="s">
        <v>102</v>
      </c>
      <c r="B13860" s="14" t="s">
        <v>1</v>
      </c>
      <c r="C13860" s="14" t="s">
        <v>41</v>
      </c>
      <c r="D13860" s="14" t="s">
        <v>52</v>
      </c>
      <c r="E13860" s="15">
        <v>45731</v>
      </c>
      <c r="F13860" s="14" t="s">
        <v>53</v>
      </c>
      <c r="G13860" s="16">
        <v>0.39491147594148929</v>
      </c>
    </row>
    <row r="13861" spans="1:7" x14ac:dyDescent="0.3">
      <c r="A13861" s="13" t="s">
        <v>102</v>
      </c>
      <c r="B13861" s="14" t="s">
        <v>1</v>
      </c>
      <c r="C13861" s="14" t="s">
        <v>41</v>
      </c>
      <c r="D13861" s="14" t="s">
        <v>52</v>
      </c>
      <c r="E13861" s="15">
        <v>45732</v>
      </c>
      <c r="F13861" s="14" t="s">
        <v>53</v>
      </c>
      <c r="G13861" s="16">
        <v>0.39491147594148929</v>
      </c>
    </row>
    <row r="13862" spans="1:7" x14ac:dyDescent="0.3">
      <c r="A13862" s="13" t="s">
        <v>102</v>
      </c>
      <c r="B13862" s="14" t="s">
        <v>1</v>
      </c>
      <c r="C13862" s="14" t="s">
        <v>41</v>
      </c>
      <c r="D13862" s="14" t="s">
        <v>52</v>
      </c>
      <c r="E13862" s="15">
        <v>45733</v>
      </c>
      <c r="F13862" s="14" t="s">
        <v>53</v>
      </c>
      <c r="G13862" s="16">
        <v>0.39491147594148929</v>
      </c>
    </row>
    <row r="13863" spans="1:7" x14ac:dyDescent="0.3">
      <c r="A13863" s="13" t="s">
        <v>102</v>
      </c>
      <c r="B13863" s="14" t="s">
        <v>1</v>
      </c>
      <c r="C13863" s="14" t="s">
        <v>41</v>
      </c>
      <c r="D13863" s="14" t="s">
        <v>52</v>
      </c>
      <c r="E13863" s="15">
        <v>45734</v>
      </c>
      <c r="F13863" s="14" t="s">
        <v>53</v>
      </c>
      <c r="G13863" s="16">
        <v>0.38882688033806734</v>
      </c>
    </row>
    <row r="13864" spans="1:7" x14ac:dyDescent="0.3">
      <c r="A13864" s="13" t="s">
        <v>102</v>
      </c>
      <c r="B13864" s="14" t="s">
        <v>1</v>
      </c>
      <c r="C13864" s="14" t="s">
        <v>41</v>
      </c>
      <c r="D13864" s="14" t="s">
        <v>52</v>
      </c>
      <c r="E13864" s="15">
        <v>45735</v>
      </c>
      <c r="F13864" s="14" t="s">
        <v>53</v>
      </c>
      <c r="G13864" s="16">
        <v>0.38435467759859848</v>
      </c>
    </row>
    <row r="13865" spans="1:7" x14ac:dyDescent="0.3">
      <c r="A13865" s="13" t="s">
        <v>102</v>
      </c>
      <c r="B13865" s="14" t="s">
        <v>1</v>
      </c>
      <c r="C13865" s="14" t="s">
        <v>41</v>
      </c>
      <c r="D13865" s="14" t="s">
        <v>52</v>
      </c>
      <c r="E13865" s="15">
        <v>45736</v>
      </c>
      <c r="F13865" s="14" t="s">
        <v>53</v>
      </c>
      <c r="G13865" s="16">
        <v>0.38435467759859848</v>
      </c>
    </row>
    <row r="13866" spans="1:7" x14ac:dyDescent="0.3">
      <c r="A13866" s="13" t="s">
        <v>102</v>
      </c>
      <c r="B13866" s="14" t="s">
        <v>1</v>
      </c>
      <c r="C13866" s="14" t="s">
        <v>41</v>
      </c>
      <c r="D13866" s="14" t="s">
        <v>52</v>
      </c>
      <c r="E13866" s="15">
        <v>45737</v>
      </c>
      <c r="F13866" s="14" t="s">
        <v>53</v>
      </c>
      <c r="G13866" s="16">
        <v>0.38282832720212651</v>
      </c>
    </row>
    <row r="13867" spans="1:7" x14ac:dyDescent="0.3">
      <c r="A13867" s="13" t="s">
        <v>102</v>
      </c>
      <c r="B13867" s="14" t="s">
        <v>1</v>
      </c>
      <c r="C13867" s="14" t="s">
        <v>41</v>
      </c>
      <c r="D13867" s="14" t="s">
        <v>52</v>
      </c>
      <c r="E13867" s="15">
        <v>45738</v>
      </c>
      <c r="F13867" s="14" t="s">
        <v>53</v>
      </c>
      <c r="G13867" s="16">
        <v>0.38282832720212651</v>
      </c>
    </row>
    <row r="13868" spans="1:7" x14ac:dyDescent="0.3">
      <c r="A13868" s="13" t="s">
        <v>102</v>
      </c>
      <c r="B13868" s="14" t="s">
        <v>1</v>
      </c>
      <c r="C13868" s="14" t="s">
        <v>41</v>
      </c>
      <c r="D13868" s="14" t="s">
        <v>52</v>
      </c>
      <c r="E13868" s="15">
        <v>45739</v>
      </c>
      <c r="F13868" s="14" t="s">
        <v>53</v>
      </c>
      <c r="G13868" s="16">
        <v>0.38282832720212651</v>
      </c>
    </row>
    <row r="13869" spans="1:7" x14ac:dyDescent="0.3">
      <c r="A13869" s="13" t="s">
        <v>102</v>
      </c>
      <c r="B13869" s="14" t="s">
        <v>1</v>
      </c>
      <c r="C13869" s="14" t="s">
        <v>41</v>
      </c>
      <c r="D13869" s="14" t="s">
        <v>52</v>
      </c>
      <c r="E13869" s="15">
        <v>45740</v>
      </c>
      <c r="F13869" s="14" t="s">
        <v>53</v>
      </c>
      <c r="G13869" s="16">
        <v>0.37408618619113221</v>
      </c>
    </row>
    <row r="13870" spans="1:7" x14ac:dyDescent="0.3">
      <c r="A13870" s="13" t="s">
        <v>102</v>
      </c>
      <c r="B13870" s="14" t="s">
        <v>1</v>
      </c>
      <c r="C13870" s="14" t="s">
        <v>41</v>
      </c>
      <c r="D13870" s="14" t="s">
        <v>52</v>
      </c>
      <c r="E13870" s="15">
        <v>45741</v>
      </c>
      <c r="F13870" s="14" t="s">
        <v>53</v>
      </c>
      <c r="G13870" s="16">
        <v>0.36808571977744714</v>
      </c>
    </row>
    <row r="13871" spans="1:7" x14ac:dyDescent="0.3">
      <c r="A13871" s="13" t="s">
        <v>102</v>
      </c>
      <c r="B13871" s="14" t="s">
        <v>1</v>
      </c>
      <c r="C13871" s="14" t="s">
        <v>41</v>
      </c>
      <c r="D13871" s="14" t="s">
        <v>52</v>
      </c>
      <c r="E13871" s="15">
        <v>45742</v>
      </c>
      <c r="F13871" s="14" t="s">
        <v>53</v>
      </c>
      <c r="G13871" s="16">
        <v>0.36538857244684009</v>
      </c>
    </row>
    <row r="13872" spans="1:7" x14ac:dyDescent="0.3">
      <c r="A13872" s="13" t="s">
        <v>102</v>
      </c>
      <c r="B13872" s="14" t="s">
        <v>1</v>
      </c>
      <c r="C13872" s="14" t="s">
        <v>41</v>
      </c>
      <c r="D13872" s="14" t="s">
        <v>52</v>
      </c>
      <c r="E13872" s="15">
        <v>45743</v>
      </c>
      <c r="F13872" s="14" t="s">
        <v>53</v>
      </c>
      <c r="G13872" s="16">
        <v>0.3608049051949847</v>
      </c>
    </row>
    <row r="13873" spans="1:7" x14ac:dyDescent="0.3">
      <c r="A13873" s="13" t="s">
        <v>102</v>
      </c>
      <c r="B13873" s="14" t="s">
        <v>1</v>
      </c>
      <c r="C13873" s="14" t="s">
        <v>41</v>
      </c>
      <c r="D13873" s="14" t="s">
        <v>52</v>
      </c>
      <c r="E13873" s="15">
        <v>45744</v>
      </c>
      <c r="F13873" s="14" t="s">
        <v>53</v>
      </c>
      <c r="G13873" s="16">
        <v>0.36133933843192745</v>
      </c>
    </row>
    <row r="13874" spans="1:7" x14ac:dyDescent="0.3">
      <c r="A13874" s="13" t="s">
        <v>102</v>
      </c>
      <c r="B13874" s="14" t="s">
        <v>1</v>
      </c>
      <c r="C13874" s="14" t="s">
        <v>41</v>
      </c>
      <c r="D13874" s="14" t="s">
        <v>52</v>
      </c>
      <c r="E13874" s="15">
        <v>45745</v>
      </c>
      <c r="F13874" s="14" t="s">
        <v>53</v>
      </c>
      <c r="G13874" s="16">
        <v>0.36133933843192745</v>
      </c>
    </row>
    <row r="13875" spans="1:7" x14ac:dyDescent="0.3">
      <c r="A13875" s="13" t="s">
        <v>102</v>
      </c>
      <c r="B13875" s="14" t="s">
        <v>1</v>
      </c>
      <c r="C13875" s="14" t="s">
        <v>41</v>
      </c>
      <c r="D13875" s="14" t="s">
        <v>52</v>
      </c>
      <c r="E13875" s="15">
        <v>45746</v>
      </c>
      <c r="F13875" s="14" t="s">
        <v>53</v>
      </c>
      <c r="G13875" s="16">
        <v>0.36133933843192745</v>
      </c>
    </row>
    <row r="13876" spans="1:7" x14ac:dyDescent="0.3">
      <c r="A13876" s="13" t="s">
        <v>102</v>
      </c>
      <c r="B13876" s="14" t="s">
        <v>1</v>
      </c>
      <c r="C13876" s="14" t="s">
        <v>41</v>
      </c>
      <c r="D13876" s="14" t="s">
        <v>52</v>
      </c>
      <c r="E13876" s="15">
        <v>45747</v>
      </c>
      <c r="F13876" s="14" t="s">
        <v>53</v>
      </c>
      <c r="G13876" s="16">
        <v>1.2859506955872808</v>
      </c>
    </row>
    <row r="13877" spans="1:7" x14ac:dyDescent="0.3">
      <c r="A13877" s="13" t="s">
        <v>103</v>
      </c>
      <c r="B13877" s="14" t="s">
        <v>1</v>
      </c>
      <c r="C13877" s="14" t="s">
        <v>17</v>
      </c>
      <c r="D13877" s="14" t="s">
        <v>104</v>
      </c>
      <c r="E13877" s="15">
        <v>45383</v>
      </c>
      <c r="F13877" s="14" t="s">
        <v>15</v>
      </c>
      <c r="G13877" s="16">
        <v>0</v>
      </c>
    </row>
    <row r="13878" spans="1:7" x14ac:dyDescent="0.3">
      <c r="A13878" s="13" t="s">
        <v>103</v>
      </c>
      <c r="B13878" s="14" t="s">
        <v>1</v>
      </c>
      <c r="C13878" s="14" t="s">
        <v>17</v>
      </c>
      <c r="D13878" s="14" t="s">
        <v>104</v>
      </c>
      <c r="E13878" s="15">
        <v>45384</v>
      </c>
      <c r="F13878" s="14" t="s">
        <v>15</v>
      </c>
      <c r="G13878" s="16">
        <v>0</v>
      </c>
    </row>
    <row r="13879" spans="1:7" x14ac:dyDescent="0.3">
      <c r="A13879" s="13" t="s">
        <v>103</v>
      </c>
      <c r="B13879" s="14" t="s">
        <v>1</v>
      </c>
      <c r="C13879" s="14" t="s">
        <v>17</v>
      </c>
      <c r="D13879" s="14" t="s">
        <v>104</v>
      </c>
      <c r="E13879" s="15">
        <v>45385</v>
      </c>
      <c r="F13879" s="14" t="s">
        <v>15</v>
      </c>
      <c r="G13879" s="16">
        <v>0</v>
      </c>
    </row>
    <row r="13880" spans="1:7" x14ac:dyDescent="0.3">
      <c r="A13880" s="13" t="s">
        <v>103</v>
      </c>
      <c r="B13880" s="14" t="s">
        <v>1</v>
      </c>
      <c r="C13880" s="14" t="s">
        <v>17</v>
      </c>
      <c r="D13880" s="14" t="s">
        <v>104</v>
      </c>
      <c r="E13880" s="15">
        <v>45386</v>
      </c>
      <c r="F13880" s="14" t="s">
        <v>15</v>
      </c>
      <c r="G13880" s="16">
        <v>0</v>
      </c>
    </row>
    <row r="13881" spans="1:7" x14ac:dyDescent="0.3">
      <c r="A13881" s="13" t="s">
        <v>103</v>
      </c>
      <c r="B13881" s="14" t="s">
        <v>1</v>
      </c>
      <c r="C13881" s="14" t="s">
        <v>17</v>
      </c>
      <c r="D13881" s="14" t="s">
        <v>104</v>
      </c>
      <c r="E13881" s="15">
        <v>45387</v>
      </c>
      <c r="F13881" s="14" t="s">
        <v>15</v>
      </c>
      <c r="G13881" s="16">
        <v>0</v>
      </c>
    </row>
    <row r="13882" spans="1:7" x14ac:dyDescent="0.3">
      <c r="A13882" s="13" t="s">
        <v>103</v>
      </c>
      <c r="B13882" s="14" t="s">
        <v>1</v>
      </c>
      <c r="C13882" s="14" t="s">
        <v>17</v>
      </c>
      <c r="D13882" s="14" t="s">
        <v>104</v>
      </c>
      <c r="E13882" s="15">
        <v>45388</v>
      </c>
      <c r="F13882" s="14" t="s">
        <v>15</v>
      </c>
      <c r="G13882" s="16">
        <v>0</v>
      </c>
    </row>
    <row r="13883" spans="1:7" x14ac:dyDescent="0.3">
      <c r="A13883" s="13" t="s">
        <v>103</v>
      </c>
      <c r="B13883" s="14" t="s">
        <v>1</v>
      </c>
      <c r="C13883" s="14" t="s">
        <v>17</v>
      </c>
      <c r="D13883" s="14" t="s">
        <v>104</v>
      </c>
      <c r="E13883" s="15">
        <v>45389</v>
      </c>
      <c r="F13883" s="14" t="s">
        <v>15</v>
      </c>
      <c r="G13883" s="16">
        <v>0</v>
      </c>
    </row>
    <row r="13884" spans="1:7" x14ac:dyDescent="0.3">
      <c r="A13884" s="13" t="s">
        <v>103</v>
      </c>
      <c r="B13884" s="14" t="s">
        <v>1</v>
      </c>
      <c r="C13884" s="14" t="s">
        <v>17</v>
      </c>
      <c r="D13884" s="14" t="s">
        <v>104</v>
      </c>
      <c r="E13884" s="15">
        <v>45390</v>
      </c>
      <c r="F13884" s="14" t="s">
        <v>15</v>
      </c>
      <c r="G13884" s="16">
        <v>0</v>
      </c>
    </row>
    <row r="13885" spans="1:7" x14ac:dyDescent="0.3">
      <c r="A13885" s="13" t="s">
        <v>103</v>
      </c>
      <c r="B13885" s="14" t="s">
        <v>1</v>
      </c>
      <c r="C13885" s="14" t="s">
        <v>17</v>
      </c>
      <c r="D13885" s="14" t="s">
        <v>104</v>
      </c>
      <c r="E13885" s="15">
        <v>45391</v>
      </c>
      <c r="F13885" s="14" t="s">
        <v>15</v>
      </c>
      <c r="G13885" s="16">
        <v>0</v>
      </c>
    </row>
    <row r="13886" spans="1:7" x14ac:dyDescent="0.3">
      <c r="A13886" s="13" t="s">
        <v>103</v>
      </c>
      <c r="B13886" s="14" t="s">
        <v>1</v>
      </c>
      <c r="C13886" s="14" t="s">
        <v>17</v>
      </c>
      <c r="D13886" s="14" t="s">
        <v>104</v>
      </c>
      <c r="E13886" s="15">
        <v>45392</v>
      </c>
      <c r="F13886" s="14" t="s">
        <v>15</v>
      </c>
      <c r="G13886" s="16">
        <v>0</v>
      </c>
    </row>
    <row r="13887" spans="1:7" x14ac:dyDescent="0.3">
      <c r="A13887" s="13" t="s">
        <v>103</v>
      </c>
      <c r="B13887" s="14" t="s">
        <v>1</v>
      </c>
      <c r="C13887" s="14" t="s">
        <v>17</v>
      </c>
      <c r="D13887" s="14" t="s">
        <v>104</v>
      </c>
      <c r="E13887" s="15">
        <v>45393</v>
      </c>
      <c r="F13887" s="14" t="s">
        <v>15</v>
      </c>
      <c r="G13887" s="16">
        <v>0</v>
      </c>
    </row>
    <row r="13888" spans="1:7" x14ac:dyDescent="0.3">
      <c r="A13888" s="13" t="s">
        <v>103</v>
      </c>
      <c r="B13888" s="14" t="s">
        <v>1</v>
      </c>
      <c r="C13888" s="14" t="s">
        <v>17</v>
      </c>
      <c r="D13888" s="14" t="s">
        <v>104</v>
      </c>
      <c r="E13888" s="15">
        <v>45394</v>
      </c>
      <c r="F13888" s="14" t="s">
        <v>15</v>
      </c>
      <c r="G13888" s="16">
        <v>0</v>
      </c>
    </row>
    <row r="13889" spans="1:7" x14ac:dyDescent="0.3">
      <c r="A13889" s="13" t="s">
        <v>103</v>
      </c>
      <c r="B13889" s="14" t="s">
        <v>1</v>
      </c>
      <c r="C13889" s="14" t="s">
        <v>17</v>
      </c>
      <c r="D13889" s="14" t="s">
        <v>104</v>
      </c>
      <c r="E13889" s="15">
        <v>45395</v>
      </c>
      <c r="F13889" s="14" t="s">
        <v>15</v>
      </c>
      <c r="G13889" s="16">
        <v>0</v>
      </c>
    </row>
    <row r="13890" spans="1:7" x14ac:dyDescent="0.3">
      <c r="A13890" s="13" t="s">
        <v>103</v>
      </c>
      <c r="B13890" s="14" t="s">
        <v>1</v>
      </c>
      <c r="C13890" s="14" t="s">
        <v>17</v>
      </c>
      <c r="D13890" s="14" t="s">
        <v>104</v>
      </c>
      <c r="E13890" s="15">
        <v>45396</v>
      </c>
      <c r="F13890" s="14" t="s">
        <v>15</v>
      </c>
      <c r="G13890" s="16">
        <v>0</v>
      </c>
    </row>
    <row r="13891" spans="1:7" x14ac:dyDescent="0.3">
      <c r="A13891" s="13" t="s">
        <v>103</v>
      </c>
      <c r="B13891" s="14" t="s">
        <v>1</v>
      </c>
      <c r="C13891" s="14" t="s">
        <v>17</v>
      </c>
      <c r="D13891" s="14" t="s">
        <v>104</v>
      </c>
      <c r="E13891" s="15">
        <v>45397</v>
      </c>
      <c r="F13891" s="14" t="s">
        <v>15</v>
      </c>
      <c r="G13891" s="16">
        <v>0</v>
      </c>
    </row>
    <row r="13892" spans="1:7" x14ac:dyDescent="0.3">
      <c r="A13892" s="13" t="s">
        <v>103</v>
      </c>
      <c r="B13892" s="14" t="s">
        <v>1</v>
      </c>
      <c r="C13892" s="14" t="s">
        <v>17</v>
      </c>
      <c r="D13892" s="14" t="s">
        <v>104</v>
      </c>
      <c r="E13892" s="15">
        <v>45398</v>
      </c>
      <c r="F13892" s="14" t="s">
        <v>15</v>
      </c>
      <c r="G13892" s="16">
        <v>0</v>
      </c>
    </row>
    <row r="13893" spans="1:7" x14ac:dyDescent="0.3">
      <c r="A13893" s="13" t="s">
        <v>103</v>
      </c>
      <c r="B13893" s="14" t="s">
        <v>1</v>
      </c>
      <c r="C13893" s="14" t="s">
        <v>17</v>
      </c>
      <c r="D13893" s="14" t="s">
        <v>104</v>
      </c>
      <c r="E13893" s="15">
        <v>45399</v>
      </c>
      <c r="F13893" s="14" t="s">
        <v>15</v>
      </c>
      <c r="G13893" s="16">
        <v>0</v>
      </c>
    </row>
    <row r="13894" spans="1:7" x14ac:dyDescent="0.3">
      <c r="A13894" s="13" t="s">
        <v>103</v>
      </c>
      <c r="B13894" s="14" t="s">
        <v>1</v>
      </c>
      <c r="C13894" s="14" t="s">
        <v>17</v>
      </c>
      <c r="D13894" s="14" t="s">
        <v>104</v>
      </c>
      <c r="E13894" s="15">
        <v>45400</v>
      </c>
      <c r="F13894" s="14" t="s">
        <v>15</v>
      </c>
      <c r="G13894" s="16">
        <v>0</v>
      </c>
    </row>
    <row r="13895" spans="1:7" x14ac:dyDescent="0.3">
      <c r="A13895" s="13" t="s">
        <v>103</v>
      </c>
      <c r="B13895" s="14" t="s">
        <v>1</v>
      </c>
      <c r="C13895" s="14" t="s">
        <v>17</v>
      </c>
      <c r="D13895" s="14" t="s">
        <v>104</v>
      </c>
      <c r="E13895" s="15">
        <v>45401</v>
      </c>
      <c r="F13895" s="14" t="s">
        <v>15</v>
      </c>
      <c r="G13895" s="16">
        <v>0</v>
      </c>
    </row>
    <row r="13896" spans="1:7" x14ac:dyDescent="0.3">
      <c r="A13896" s="13" t="s">
        <v>103</v>
      </c>
      <c r="B13896" s="14" t="s">
        <v>1</v>
      </c>
      <c r="C13896" s="14" t="s">
        <v>17</v>
      </c>
      <c r="D13896" s="14" t="s">
        <v>104</v>
      </c>
      <c r="E13896" s="15">
        <v>45402</v>
      </c>
      <c r="F13896" s="14" t="s">
        <v>15</v>
      </c>
      <c r="G13896" s="16">
        <v>0</v>
      </c>
    </row>
    <row r="13897" spans="1:7" x14ac:dyDescent="0.3">
      <c r="A13897" s="13" t="s">
        <v>103</v>
      </c>
      <c r="B13897" s="14" t="s">
        <v>1</v>
      </c>
      <c r="C13897" s="14" t="s">
        <v>17</v>
      </c>
      <c r="D13897" s="14" t="s">
        <v>104</v>
      </c>
      <c r="E13897" s="15">
        <v>45403</v>
      </c>
      <c r="F13897" s="14" t="s">
        <v>15</v>
      </c>
      <c r="G13897" s="16">
        <v>0</v>
      </c>
    </row>
    <row r="13898" spans="1:7" x14ac:dyDescent="0.3">
      <c r="A13898" s="13" t="s">
        <v>103</v>
      </c>
      <c r="B13898" s="14" t="s">
        <v>1</v>
      </c>
      <c r="C13898" s="14" t="s">
        <v>17</v>
      </c>
      <c r="D13898" s="14" t="s">
        <v>104</v>
      </c>
      <c r="E13898" s="15">
        <v>45404</v>
      </c>
      <c r="F13898" s="14" t="s">
        <v>15</v>
      </c>
      <c r="G13898" s="16">
        <v>0</v>
      </c>
    </row>
    <row r="13899" spans="1:7" x14ac:dyDescent="0.3">
      <c r="A13899" s="13" t="s">
        <v>103</v>
      </c>
      <c r="B13899" s="14" t="s">
        <v>1</v>
      </c>
      <c r="C13899" s="14" t="s">
        <v>17</v>
      </c>
      <c r="D13899" s="14" t="s">
        <v>104</v>
      </c>
      <c r="E13899" s="15">
        <v>45405</v>
      </c>
      <c r="F13899" s="14" t="s">
        <v>15</v>
      </c>
      <c r="G13899" s="16">
        <v>0</v>
      </c>
    </row>
    <row r="13900" spans="1:7" x14ac:dyDescent="0.3">
      <c r="A13900" s="13" t="s">
        <v>103</v>
      </c>
      <c r="B13900" s="14" t="s">
        <v>1</v>
      </c>
      <c r="C13900" s="14" t="s">
        <v>17</v>
      </c>
      <c r="D13900" s="14" t="s">
        <v>104</v>
      </c>
      <c r="E13900" s="15">
        <v>45406</v>
      </c>
      <c r="F13900" s="14" t="s">
        <v>15</v>
      </c>
      <c r="G13900" s="16">
        <v>0</v>
      </c>
    </row>
    <row r="13901" spans="1:7" x14ac:dyDescent="0.3">
      <c r="A13901" s="13" t="s">
        <v>103</v>
      </c>
      <c r="B13901" s="14" t="s">
        <v>1</v>
      </c>
      <c r="C13901" s="14" t="s">
        <v>17</v>
      </c>
      <c r="D13901" s="14" t="s">
        <v>104</v>
      </c>
      <c r="E13901" s="15">
        <v>45407</v>
      </c>
      <c r="F13901" s="14" t="s">
        <v>15</v>
      </c>
      <c r="G13901" s="16">
        <v>0</v>
      </c>
    </row>
    <row r="13902" spans="1:7" x14ac:dyDescent="0.3">
      <c r="A13902" s="13" t="s">
        <v>103</v>
      </c>
      <c r="B13902" s="14" t="s">
        <v>1</v>
      </c>
      <c r="C13902" s="14" t="s">
        <v>17</v>
      </c>
      <c r="D13902" s="14" t="s">
        <v>104</v>
      </c>
      <c r="E13902" s="15">
        <v>45408</v>
      </c>
      <c r="F13902" s="14" t="s">
        <v>15</v>
      </c>
      <c r="G13902" s="16">
        <v>0</v>
      </c>
    </row>
    <row r="13903" spans="1:7" x14ac:dyDescent="0.3">
      <c r="A13903" s="13" t="s">
        <v>103</v>
      </c>
      <c r="B13903" s="14" t="s">
        <v>1</v>
      </c>
      <c r="C13903" s="14" t="s">
        <v>17</v>
      </c>
      <c r="D13903" s="14" t="s">
        <v>104</v>
      </c>
      <c r="E13903" s="15">
        <v>45409</v>
      </c>
      <c r="F13903" s="14" t="s">
        <v>15</v>
      </c>
      <c r="G13903" s="16">
        <v>0</v>
      </c>
    </row>
    <row r="13904" spans="1:7" x14ac:dyDescent="0.3">
      <c r="A13904" s="13" t="s">
        <v>103</v>
      </c>
      <c r="B13904" s="14" t="s">
        <v>1</v>
      </c>
      <c r="C13904" s="14" t="s">
        <v>17</v>
      </c>
      <c r="D13904" s="14" t="s">
        <v>104</v>
      </c>
      <c r="E13904" s="15">
        <v>45410</v>
      </c>
      <c r="F13904" s="14" t="s">
        <v>15</v>
      </c>
      <c r="G13904" s="16">
        <v>0</v>
      </c>
    </row>
    <row r="13905" spans="1:7" x14ac:dyDescent="0.3">
      <c r="A13905" s="13" t="s">
        <v>103</v>
      </c>
      <c r="B13905" s="14" t="s">
        <v>1</v>
      </c>
      <c r="C13905" s="14" t="s">
        <v>17</v>
      </c>
      <c r="D13905" s="14" t="s">
        <v>104</v>
      </c>
      <c r="E13905" s="15">
        <v>45411</v>
      </c>
      <c r="F13905" s="14" t="s">
        <v>15</v>
      </c>
      <c r="G13905" s="16">
        <v>0</v>
      </c>
    </row>
    <row r="13906" spans="1:7" x14ac:dyDescent="0.3">
      <c r="A13906" s="13" t="s">
        <v>103</v>
      </c>
      <c r="B13906" s="14" t="s">
        <v>1</v>
      </c>
      <c r="C13906" s="14" t="s">
        <v>17</v>
      </c>
      <c r="D13906" s="14" t="s">
        <v>104</v>
      </c>
      <c r="E13906" s="15">
        <v>45412</v>
      </c>
      <c r="F13906" s="14" t="s">
        <v>15</v>
      </c>
      <c r="G13906" s="16">
        <v>0</v>
      </c>
    </row>
    <row r="13907" spans="1:7" x14ac:dyDescent="0.3">
      <c r="A13907" s="13" t="s">
        <v>103</v>
      </c>
      <c r="B13907" s="14" t="s">
        <v>1</v>
      </c>
      <c r="C13907" s="14" t="s">
        <v>17</v>
      </c>
      <c r="D13907" s="14" t="s">
        <v>104</v>
      </c>
      <c r="E13907" s="15">
        <v>45413</v>
      </c>
      <c r="F13907" s="14" t="s">
        <v>15</v>
      </c>
      <c r="G13907" s="16">
        <v>0</v>
      </c>
    </row>
    <row r="13908" spans="1:7" x14ac:dyDescent="0.3">
      <c r="A13908" s="13" t="s">
        <v>103</v>
      </c>
      <c r="B13908" s="14" t="s">
        <v>1</v>
      </c>
      <c r="C13908" s="14" t="s">
        <v>17</v>
      </c>
      <c r="D13908" s="14" t="s">
        <v>104</v>
      </c>
      <c r="E13908" s="15">
        <v>45414</v>
      </c>
      <c r="F13908" s="14" t="s">
        <v>15</v>
      </c>
      <c r="G13908" s="16">
        <v>0</v>
      </c>
    </row>
    <row r="13909" spans="1:7" x14ac:dyDescent="0.3">
      <c r="A13909" s="13" t="s">
        <v>103</v>
      </c>
      <c r="B13909" s="14" t="s">
        <v>1</v>
      </c>
      <c r="C13909" s="14" t="s">
        <v>17</v>
      </c>
      <c r="D13909" s="14" t="s">
        <v>104</v>
      </c>
      <c r="E13909" s="15">
        <v>45415</v>
      </c>
      <c r="F13909" s="14" t="s">
        <v>15</v>
      </c>
      <c r="G13909" s="16">
        <v>0</v>
      </c>
    </row>
    <row r="13910" spans="1:7" x14ac:dyDescent="0.3">
      <c r="A13910" s="13" t="s">
        <v>103</v>
      </c>
      <c r="B13910" s="14" t="s">
        <v>1</v>
      </c>
      <c r="C13910" s="14" t="s">
        <v>17</v>
      </c>
      <c r="D13910" s="14" t="s">
        <v>104</v>
      </c>
      <c r="E13910" s="15">
        <v>45416</v>
      </c>
      <c r="F13910" s="14" t="s">
        <v>15</v>
      </c>
      <c r="G13910" s="16">
        <v>0</v>
      </c>
    </row>
    <row r="13911" spans="1:7" x14ac:dyDescent="0.3">
      <c r="A13911" s="13" t="s">
        <v>103</v>
      </c>
      <c r="B13911" s="14" t="s">
        <v>1</v>
      </c>
      <c r="C13911" s="14" t="s">
        <v>17</v>
      </c>
      <c r="D13911" s="14" t="s">
        <v>104</v>
      </c>
      <c r="E13911" s="15">
        <v>45417</v>
      </c>
      <c r="F13911" s="14" t="s">
        <v>15</v>
      </c>
      <c r="G13911" s="16">
        <v>0</v>
      </c>
    </row>
    <row r="13912" spans="1:7" x14ac:dyDescent="0.3">
      <c r="A13912" s="13" t="s">
        <v>103</v>
      </c>
      <c r="B13912" s="14" t="s">
        <v>1</v>
      </c>
      <c r="C13912" s="14" t="s">
        <v>17</v>
      </c>
      <c r="D13912" s="14" t="s">
        <v>104</v>
      </c>
      <c r="E13912" s="15">
        <v>45418</v>
      </c>
      <c r="F13912" s="14" t="s">
        <v>15</v>
      </c>
      <c r="G13912" s="16">
        <v>0</v>
      </c>
    </row>
    <row r="13913" spans="1:7" x14ac:dyDescent="0.3">
      <c r="A13913" s="13" t="s">
        <v>103</v>
      </c>
      <c r="B13913" s="14" t="s">
        <v>1</v>
      </c>
      <c r="C13913" s="14" t="s">
        <v>17</v>
      </c>
      <c r="D13913" s="14" t="s">
        <v>104</v>
      </c>
      <c r="E13913" s="15">
        <v>45419</v>
      </c>
      <c r="F13913" s="14" t="s">
        <v>15</v>
      </c>
      <c r="G13913" s="16">
        <v>0</v>
      </c>
    </row>
    <row r="13914" spans="1:7" x14ac:dyDescent="0.3">
      <c r="A13914" s="13" t="s">
        <v>103</v>
      </c>
      <c r="B13914" s="14" t="s">
        <v>1</v>
      </c>
      <c r="C13914" s="14" t="s">
        <v>17</v>
      </c>
      <c r="D13914" s="14" t="s">
        <v>104</v>
      </c>
      <c r="E13914" s="15">
        <v>45420</v>
      </c>
      <c r="F13914" s="14" t="s">
        <v>15</v>
      </c>
      <c r="G13914" s="16">
        <v>0</v>
      </c>
    </row>
    <row r="13915" spans="1:7" x14ac:dyDescent="0.3">
      <c r="A13915" s="13" t="s">
        <v>103</v>
      </c>
      <c r="B13915" s="14" t="s">
        <v>1</v>
      </c>
      <c r="C13915" s="14" t="s">
        <v>17</v>
      </c>
      <c r="D13915" s="14" t="s">
        <v>104</v>
      </c>
      <c r="E13915" s="15">
        <v>45421</v>
      </c>
      <c r="F13915" s="14" t="s">
        <v>15</v>
      </c>
      <c r="G13915" s="16">
        <v>0</v>
      </c>
    </row>
    <row r="13916" spans="1:7" x14ac:dyDescent="0.3">
      <c r="A13916" s="13" t="s">
        <v>103</v>
      </c>
      <c r="B13916" s="14" t="s">
        <v>1</v>
      </c>
      <c r="C13916" s="14" t="s">
        <v>17</v>
      </c>
      <c r="D13916" s="14" t="s">
        <v>104</v>
      </c>
      <c r="E13916" s="15">
        <v>45422</v>
      </c>
      <c r="F13916" s="14" t="s">
        <v>15</v>
      </c>
      <c r="G13916" s="16">
        <v>0</v>
      </c>
    </row>
    <row r="13917" spans="1:7" x14ac:dyDescent="0.3">
      <c r="A13917" s="13" t="s">
        <v>103</v>
      </c>
      <c r="B13917" s="14" t="s">
        <v>1</v>
      </c>
      <c r="C13917" s="14" t="s">
        <v>17</v>
      </c>
      <c r="D13917" s="14" t="s">
        <v>104</v>
      </c>
      <c r="E13917" s="15">
        <v>45423</v>
      </c>
      <c r="F13917" s="14" t="s">
        <v>15</v>
      </c>
      <c r="G13917" s="16">
        <v>0</v>
      </c>
    </row>
    <row r="13918" spans="1:7" x14ac:dyDescent="0.3">
      <c r="A13918" s="13" t="s">
        <v>103</v>
      </c>
      <c r="B13918" s="14" t="s">
        <v>1</v>
      </c>
      <c r="C13918" s="14" t="s">
        <v>17</v>
      </c>
      <c r="D13918" s="14" t="s">
        <v>104</v>
      </c>
      <c r="E13918" s="15">
        <v>45424</v>
      </c>
      <c r="F13918" s="14" t="s">
        <v>15</v>
      </c>
      <c r="G13918" s="16">
        <v>0</v>
      </c>
    </row>
    <row r="13919" spans="1:7" x14ac:dyDescent="0.3">
      <c r="A13919" s="13" t="s">
        <v>103</v>
      </c>
      <c r="B13919" s="14" t="s">
        <v>1</v>
      </c>
      <c r="C13919" s="14" t="s">
        <v>17</v>
      </c>
      <c r="D13919" s="14" t="s">
        <v>104</v>
      </c>
      <c r="E13919" s="15">
        <v>45425</v>
      </c>
      <c r="F13919" s="14" t="s">
        <v>15</v>
      </c>
      <c r="G13919" s="16">
        <v>0</v>
      </c>
    </row>
    <row r="13920" spans="1:7" x14ac:dyDescent="0.3">
      <c r="A13920" s="13" t="s">
        <v>103</v>
      </c>
      <c r="B13920" s="14" t="s">
        <v>1</v>
      </c>
      <c r="C13920" s="14" t="s">
        <v>17</v>
      </c>
      <c r="D13920" s="14" t="s">
        <v>104</v>
      </c>
      <c r="E13920" s="15">
        <v>45426</v>
      </c>
      <c r="F13920" s="14" t="s">
        <v>15</v>
      </c>
      <c r="G13920" s="16">
        <v>0</v>
      </c>
    </row>
    <row r="13921" spans="1:7" x14ac:dyDescent="0.3">
      <c r="A13921" s="13" t="s">
        <v>103</v>
      </c>
      <c r="B13921" s="14" t="s">
        <v>1</v>
      </c>
      <c r="C13921" s="14" t="s">
        <v>17</v>
      </c>
      <c r="D13921" s="14" t="s">
        <v>104</v>
      </c>
      <c r="E13921" s="15">
        <v>45427</v>
      </c>
      <c r="F13921" s="14" t="s">
        <v>15</v>
      </c>
      <c r="G13921" s="16">
        <v>0</v>
      </c>
    </row>
    <row r="13922" spans="1:7" x14ac:dyDescent="0.3">
      <c r="A13922" s="13" t="s">
        <v>103</v>
      </c>
      <c r="B13922" s="14" t="s">
        <v>1</v>
      </c>
      <c r="C13922" s="14" t="s">
        <v>17</v>
      </c>
      <c r="D13922" s="14" t="s">
        <v>104</v>
      </c>
      <c r="E13922" s="15">
        <v>45428</v>
      </c>
      <c r="F13922" s="14" t="s">
        <v>15</v>
      </c>
      <c r="G13922" s="16">
        <v>0</v>
      </c>
    </row>
    <row r="13923" spans="1:7" x14ac:dyDescent="0.3">
      <c r="A13923" s="13" t="s">
        <v>103</v>
      </c>
      <c r="B13923" s="14" t="s">
        <v>1</v>
      </c>
      <c r="C13923" s="14" t="s">
        <v>17</v>
      </c>
      <c r="D13923" s="14" t="s">
        <v>104</v>
      </c>
      <c r="E13923" s="15">
        <v>45429</v>
      </c>
      <c r="F13923" s="14" t="s">
        <v>15</v>
      </c>
      <c r="G13923" s="16">
        <v>0</v>
      </c>
    </row>
    <row r="13924" spans="1:7" x14ac:dyDescent="0.3">
      <c r="A13924" s="13" t="s">
        <v>103</v>
      </c>
      <c r="B13924" s="14" t="s">
        <v>1</v>
      </c>
      <c r="C13924" s="14" t="s">
        <v>17</v>
      </c>
      <c r="D13924" s="14" t="s">
        <v>104</v>
      </c>
      <c r="E13924" s="15">
        <v>45430</v>
      </c>
      <c r="F13924" s="14" t="s">
        <v>15</v>
      </c>
      <c r="G13924" s="16">
        <v>0</v>
      </c>
    </row>
    <row r="13925" spans="1:7" x14ac:dyDescent="0.3">
      <c r="A13925" s="13" t="s">
        <v>103</v>
      </c>
      <c r="B13925" s="14" t="s">
        <v>1</v>
      </c>
      <c r="C13925" s="14" t="s">
        <v>17</v>
      </c>
      <c r="D13925" s="14" t="s">
        <v>104</v>
      </c>
      <c r="E13925" s="15">
        <v>45431</v>
      </c>
      <c r="F13925" s="14" t="s">
        <v>15</v>
      </c>
      <c r="G13925" s="16">
        <v>0</v>
      </c>
    </row>
    <row r="13926" spans="1:7" x14ac:dyDescent="0.3">
      <c r="A13926" s="13" t="s">
        <v>103</v>
      </c>
      <c r="B13926" s="14" t="s">
        <v>1</v>
      </c>
      <c r="C13926" s="14" t="s">
        <v>17</v>
      </c>
      <c r="D13926" s="14" t="s">
        <v>104</v>
      </c>
      <c r="E13926" s="15">
        <v>45432</v>
      </c>
      <c r="F13926" s="14" t="s">
        <v>15</v>
      </c>
      <c r="G13926" s="16">
        <v>0</v>
      </c>
    </row>
    <row r="13927" spans="1:7" x14ac:dyDescent="0.3">
      <c r="A13927" s="13" t="s">
        <v>103</v>
      </c>
      <c r="B13927" s="14" t="s">
        <v>1</v>
      </c>
      <c r="C13927" s="14" t="s">
        <v>17</v>
      </c>
      <c r="D13927" s="14" t="s">
        <v>104</v>
      </c>
      <c r="E13927" s="15">
        <v>45433</v>
      </c>
      <c r="F13927" s="14" t="s">
        <v>15</v>
      </c>
      <c r="G13927" s="16">
        <v>0</v>
      </c>
    </row>
    <row r="13928" spans="1:7" x14ac:dyDescent="0.3">
      <c r="A13928" s="13" t="s">
        <v>103</v>
      </c>
      <c r="B13928" s="14" t="s">
        <v>1</v>
      </c>
      <c r="C13928" s="14" t="s">
        <v>17</v>
      </c>
      <c r="D13928" s="14" t="s">
        <v>104</v>
      </c>
      <c r="E13928" s="15">
        <v>45434</v>
      </c>
      <c r="F13928" s="14" t="s">
        <v>15</v>
      </c>
      <c r="G13928" s="16">
        <v>0</v>
      </c>
    </row>
    <row r="13929" spans="1:7" x14ac:dyDescent="0.3">
      <c r="A13929" s="13" t="s">
        <v>103</v>
      </c>
      <c r="B13929" s="14" t="s">
        <v>1</v>
      </c>
      <c r="C13929" s="14" t="s">
        <v>17</v>
      </c>
      <c r="D13929" s="14" t="s">
        <v>104</v>
      </c>
      <c r="E13929" s="15">
        <v>45435</v>
      </c>
      <c r="F13929" s="14" t="s">
        <v>15</v>
      </c>
      <c r="G13929" s="16">
        <v>0</v>
      </c>
    </row>
    <row r="13930" spans="1:7" x14ac:dyDescent="0.3">
      <c r="A13930" s="13" t="s">
        <v>103</v>
      </c>
      <c r="B13930" s="14" t="s">
        <v>1</v>
      </c>
      <c r="C13930" s="14" t="s">
        <v>17</v>
      </c>
      <c r="D13930" s="14" t="s">
        <v>104</v>
      </c>
      <c r="E13930" s="15">
        <v>45436</v>
      </c>
      <c r="F13930" s="14" t="s">
        <v>15</v>
      </c>
      <c r="G13930" s="16">
        <v>0</v>
      </c>
    </row>
    <row r="13931" spans="1:7" x14ac:dyDescent="0.3">
      <c r="A13931" s="13" t="s">
        <v>103</v>
      </c>
      <c r="B13931" s="14" t="s">
        <v>1</v>
      </c>
      <c r="C13931" s="14" t="s">
        <v>17</v>
      </c>
      <c r="D13931" s="14" t="s">
        <v>104</v>
      </c>
      <c r="E13931" s="15">
        <v>45437</v>
      </c>
      <c r="F13931" s="14" t="s">
        <v>15</v>
      </c>
      <c r="G13931" s="16">
        <v>0</v>
      </c>
    </row>
    <row r="13932" spans="1:7" x14ac:dyDescent="0.3">
      <c r="A13932" s="13" t="s">
        <v>103</v>
      </c>
      <c r="B13932" s="14" t="s">
        <v>1</v>
      </c>
      <c r="C13932" s="14" t="s">
        <v>17</v>
      </c>
      <c r="D13932" s="14" t="s">
        <v>104</v>
      </c>
      <c r="E13932" s="15">
        <v>45438</v>
      </c>
      <c r="F13932" s="14" t="s">
        <v>15</v>
      </c>
      <c r="G13932" s="16">
        <v>0</v>
      </c>
    </row>
    <row r="13933" spans="1:7" x14ac:dyDescent="0.3">
      <c r="A13933" s="13" t="s">
        <v>103</v>
      </c>
      <c r="B13933" s="14" t="s">
        <v>1</v>
      </c>
      <c r="C13933" s="14" t="s">
        <v>17</v>
      </c>
      <c r="D13933" s="14" t="s">
        <v>104</v>
      </c>
      <c r="E13933" s="15">
        <v>45439</v>
      </c>
      <c r="F13933" s="14" t="s">
        <v>15</v>
      </c>
      <c r="G13933" s="16">
        <v>0</v>
      </c>
    </row>
    <row r="13934" spans="1:7" x14ac:dyDescent="0.3">
      <c r="A13934" s="13" t="s">
        <v>103</v>
      </c>
      <c r="B13934" s="14" t="s">
        <v>1</v>
      </c>
      <c r="C13934" s="14" t="s">
        <v>17</v>
      </c>
      <c r="D13934" s="14" t="s">
        <v>104</v>
      </c>
      <c r="E13934" s="15">
        <v>45440</v>
      </c>
      <c r="F13934" s="14" t="s">
        <v>15</v>
      </c>
      <c r="G13934" s="16">
        <v>0</v>
      </c>
    </row>
    <row r="13935" spans="1:7" x14ac:dyDescent="0.3">
      <c r="A13935" s="13" t="s">
        <v>103</v>
      </c>
      <c r="B13935" s="14" t="s">
        <v>1</v>
      </c>
      <c r="C13935" s="14" t="s">
        <v>17</v>
      </c>
      <c r="D13935" s="14" t="s">
        <v>104</v>
      </c>
      <c r="E13935" s="15">
        <v>45441</v>
      </c>
      <c r="F13935" s="14" t="s">
        <v>15</v>
      </c>
      <c r="G13935" s="16">
        <v>0</v>
      </c>
    </row>
    <row r="13936" spans="1:7" x14ac:dyDescent="0.3">
      <c r="A13936" s="13" t="s">
        <v>103</v>
      </c>
      <c r="B13936" s="14" t="s">
        <v>1</v>
      </c>
      <c r="C13936" s="14" t="s">
        <v>17</v>
      </c>
      <c r="D13936" s="14" t="s">
        <v>104</v>
      </c>
      <c r="E13936" s="15">
        <v>45442</v>
      </c>
      <c r="F13936" s="14" t="s">
        <v>15</v>
      </c>
      <c r="G13936" s="16">
        <v>0</v>
      </c>
    </row>
    <row r="13937" spans="1:7" x14ac:dyDescent="0.3">
      <c r="A13937" s="13" t="s">
        <v>103</v>
      </c>
      <c r="B13937" s="14" t="s">
        <v>1</v>
      </c>
      <c r="C13937" s="14" t="s">
        <v>17</v>
      </c>
      <c r="D13937" s="14" t="s">
        <v>104</v>
      </c>
      <c r="E13937" s="15">
        <v>45443</v>
      </c>
      <c r="F13937" s="14" t="s">
        <v>15</v>
      </c>
      <c r="G13937" s="16">
        <v>0</v>
      </c>
    </row>
    <row r="13938" spans="1:7" x14ac:dyDescent="0.3">
      <c r="A13938" s="13" t="s">
        <v>103</v>
      </c>
      <c r="B13938" s="14" t="s">
        <v>1</v>
      </c>
      <c r="C13938" s="14" t="s">
        <v>17</v>
      </c>
      <c r="D13938" s="14" t="s">
        <v>104</v>
      </c>
      <c r="E13938" s="15">
        <v>45444</v>
      </c>
      <c r="F13938" s="14" t="s">
        <v>15</v>
      </c>
      <c r="G13938" s="16">
        <v>0</v>
      </c>
    </row>
    <row r="13939" spans="1:7" x14ac:dyDescent="0.3">
      <c r="A13939" s="13" t="s">
        <v>103</v>
      </c>
      <c r="B13939" s="14" t="s">
        <v>1</v>
      </c>
      <c r="C13939" s="14" t="s">
        <v>17</v>
      </c>
      <c r="D13939" s="14" t="s">
        <v>104</v>
      </c>
      <c r="E13939" s="15">
        <v>45445</v>
      </c>
      <c r="F13939" s="14" t="s">
        <v>15</v>
      </c>
      <c r="G13939" s="16">
        <v>0</v>
      </c>
    </row>
    <row r="13940" spans="1:7" x14ac:dyDescent="0.3">
      <c r="A13940" s="13" t="s">
        <v>103</v>
      </c>
      <c r="B13940" s="14" t="s">
        <v>1</v>
      </c>
      <c r="C13940" s="14" t="s">
        <v>17</v>
      </c>
      <c r="D13940" s="14" t="s">
        <v>104</v>
      </c>
      <c r="E13940" s="15">
        <v>45446</v>
      </c>
      <c r="F13940" s="14" t="s">
        <v>15</v>
      </c>
      <c r="G13940" s="16">
        <v>0</v>
      </c>
    </row>
    <row r="13941" spans="1:7" x14ac:dyDescent="0.3">
      <c r="A13941" s="13" t="s">
        <v>103</v>
      </c>
      <c r="B13941" s="14" t="s">
        <v>1</v>
      </c>
      <c r="C13941" s="14" t="s">
        <v>17</v>
      </c>
      <c r="D13941" s="14" t="s">
        <v>104</v>
      </c>
      <c r="E13941" s="15">
        <v>45447</v>
      </c>
      <c r="F13941" s="14" t="s">
        <v>15</v>
      </c>
      <c r="G13941" s="16">
        <v>0</v>
      </c>
    </row>
    <row r="13942" spans="1:7" x14ac:dyDescent="0.3">
      <c r="A13942" s="13" t="s">
        <v>103</v>
      </c>
      <c r="B13942" s="14" t="s">
        <v>1</v>
      </c>
      <c r="C13942" s="14" t="s">
        <v>17</v>
      </c>
      <c r="D13942" s="14" t="s">
        <v>104</v>
      </c>
      <c r="E13942" s="15">
        <v>45448</v>
      </c>
      <c r="F13942" s="14" t="s">
        <v>15</v>
      </c>
      <c r="G13942" s="16">
        <v>0</v>
      </c>
    </row>
    <row r="13943" spans="1:7" x14ac:dyDescent="0.3">
      <c r="A13943" s="13" t="s">
        <v>103</v>
      </c>
      <c r="B13943" s="14" t="s">
        <v>1</v>
      </c>
      <c r="C13943" s="14" t="s">
        <v>17</v>
      </c>
      <c r="D13943" s="14" t="s">
        <v>104</v>
      </c>
      <c r="E13943" s="15">
        <v>45449</v>
      </c>
      <c r="F13943" s="14" t="s">
        <v>15</v>
      </c>
      <c r="G13943" s="16">
        <v>0</v>
      </c>
    </row>
    <row r="13944" spans="1:7" x14ac:dyDescent="0.3">
      <c r="A13944" s="13" t="s">
        <v>103</v>
      </c>
      <c r="B13944" s="14" t="s">
        <v>1</v>
      </c>
      <c r="C13944" s="14" t="s">
        <v>17</v>
      </c>
      <c r="D13944" s="14" t="s">
        <v>104</v>
      </c>
      <c r="E13944" s="15">
        <v>45450</v>
      </c>
      <c r="F13944" s="14" t="s">
        <v>15</v>
      </c>
      <c r="G13944" s="16">
        <v>0</v>
      </c>
    </row>
    <row r="13945" spans="1:7" x14ac:dyDescent="0.3">
      <c r="A13945" s="13" t="s">
        <v>103</v>
      </c>
      <c r="B13945" s="14" t="s">
        <v>1</v>
      </c>
      <c r="C13945" s="14" t="s">
        <v>17</v>
      </c>
      <c r="D13945" s="14" t="s">
        <v>104</v>
      </c>
      <c r="E13945" s="15">
        <v>45451</v>
      </c>
      <c r="F13945" s="14" t="s">
        <v>15</v>
      </c>
      <c r="G13945" s="16">
        <v>0</v>
      </c>
    </row>
    <row r="13946" spans="1:7" x14ac:dyDescent="0.3">
      <c r="A13946" s="13" t="s">
        <v>103</v>
      </c>
      <c r="B13946" s="14" t="s">
        <v>1</v>
      </c>
      <c r="C13946" s="14" t="s">
        <v>17</v>
      </c>
      <c r="D13946" s="14" t="s">
        <v>104</v>
      </c>
      <c r="E13946" s="15">
        <v>45452</v>
      </c>
      <c r="F13946" s="14" t="s">
        <v>15</v>
      </c>
      <c r="G13946" s="16">
        <v>0</v>
      </c>
    </row>
    <row r="13947" spans="1:7" x14ac:dyDescent="0.3">
      <c r="A13947" s="13" t="s">
        <v>103</v>
      </c>
      <c r="B13947" s="14" t="s">
        <v>1</v>
      </c>
      <c r="C13947" s="14" t="s">
        <v>17</v>
      </c>
      <c r="D13947" s="14" t="s">
        <v>104</v>
      </c>
      <c r="E13947" s="15">
        <v>45453</v>
      </c>
      <c r="F13947" s="14" t="s">
        <v>15</v>
      </c>
      <c r="G13947" s="16">
        <v>0</v>
      </c>
    </row>
    <row r="13948" spans="1:7" x14ac:dyDescent="0.3">
      <c r="A13948" s="13" t="s">
        <v>103</v>
      </c>
      <c r="B13948" s="14" t="s">
        <v>1</v>
      </c>
      <c r="C13948" s="14" t="s">
        <v>17</v>
      </c>
      <c r="D13948" s="14" t="s">
        <v>104</v>
      </c>
      <c r="E13948" s="15">
        <v>45454</v>
      </c>
      <c r="F13948" s="14" t="s">
        <v>15</v>
      </c>
      <c r="G13948" s="16">
        <v>0</v>
      </c>
    </row>
    <row r="13949" spans="1:7" x14ac:dyDescent="0.3">
      <c r="A13949" s="13" t="s">
        <v>103</v>
      </c>
      <c r="B13949" s="14" t="s">
        <v>1</v>
      </c>
      <c r="C13949" s="14" t="s">
        <v>17</v>
      </c>
      <c r="D13949" s="14" t="s">
        <v>104</v>
      </c>
      <c r="E13949" s="15">
        <v>45455</v>
      </c>
      <c r="F13949" s="14" t="s">
        <v>15</v>
      </c>
      <c r="G13949" s="16">
        <v>0</v>
      </c>
    </row>
    <row r="13950" spans="1:7" x14ac:dyDescent="0.3">
      <c r="A13950" s="13" t="s">
        <v>103</v>
      </c>
      <c r="B13950" s="14" t="s">
        <v>1</v>
      </c>
      <c r="C13950" s="14" t="s">
        <v>17</v>
      </c>
      <c r="D13950" s="14" t="s">
        <v>104</v>
      </c>
      <c r="E13950" s="15">
        <v>45456</v>
      </c>
      <c r="F13950" s="14" t="s">
        <v>15</v>
      </c>
      <c r="G13950" s="16">
        <v>0</v>
      </c>
    </row>
    <row r="13951" spans="1:7" x14ac:dyDescent="0.3">
      <c r="A13951" s="13" t="s">
        <v>103</v>
      </c>
      <c r="B13951" s="14" t="s">
        <v>1</v>
      </c>
      <c r="C13951" s="14" t="s">
        <v>17</v>
      </c>
      <c r="D13951" s="14" t="s">
        <v>104</v>
      </c>
      <c r="E13951" s="15">
        <v>45457</v>
      </c>
      <c r="F13951" s="14" t="s">
        <v>15</v>
      </c>
      <c r="G13951" s="16">
        <v>0</v>
      </c>
    </row>
    <row r="13952" spans="1:7" x14ac:dyDescent="0.3">
      <c r="A13952" s="13" t="s">
        <v>103</v>
      </c>
      <c r="B13952" s="14" t="s">
        <v>1</v>
      </c>
      <c r="C13952" s="14" t="s">
        <v>17</v>
      </c>
      <c r="D13952" s="14" t="s">
        <v>104</v>
      </c>
      <c r="E13952" s="15">
        <v>45458</v>
      </c>
      <c r="F13952" s="14" t="s">
        <v>15</v>
      </c>
      <c r="G13952" s="16">
        <v>0</v>
      </c>
    </row>
    <row r="13953" spans="1:7" x14ac:dyDescent="0.3">
      <c r="A13953" s="13" t="s">
        <v>103</v>
      </c>
      <c r="B13953" s="14" t="s">
        <v>1</v>
      </c>
      <c r="C13953" s="14" t="s">
        <v>17</v>
      </c>
      <c r="D13953" s="14" t="s">
        <v>104</v>
      </c>
      <c r="E13953" s="15">
        <v>45459</v>
      </c>
      <c r="F13953" s="14" t="s">
        <v>15</v>
      </c>
      <c r="G13953" s="16">
        <v>0</v>
      </c>
    </row>
    <row r="13954" spans="1:7" x14ac:dyDescent="0.3">
      <c r="A13954" s="13" t="s">
        <v>103</v>
      </c>
      <c r="B13954" s="14" t="s">
        <v>1</v>
      </c>
      <c r="C13954" s="14" t="s">
        <v>17</v>
      </c>
      <c r="D13954" s="14" t="s">
        <v>104</v>
      </c>
      <c r="E13954" s="15">
        <v>45460</v>
      </c>
      <c r="F13954" s="14" t="s">
        <v>15</v>
      </c>
      <c r="G13954" s="16">
        <v>0</v>
      </c>
    </row>
    <row r="13955" spans="1:7" x14ac:dyDescent="0.3">
      <c r="A13955" s="13" t="s">
        <v>103</v>
      </c>
      <c r="B13955" s="14" t="s">
        <v>1</v>
      </c>
      <c r="C13955" s="14" t="s">
        <v>17</v>
      </c>
      <c r="D13955" s="14" t="s">
        <v>104</v>
      </c>
      <c r="E13955" s="15">
        <v>45461</v>
      </c>
      <c r="F13955" s="14" t="s">
        <v>15</v>
      </c>
      <c r="G13955" s="16">
        <v>0</v>
      </c>
    </row>
    <row r="13956" spans="1:7" x14ac:dyDescent="0.3">
      <c r="A13956" s="13" t="s">
        <v>103</v>
      </c>
      <c r="B13956" s="14" t="s">
        <v>1</v>
      </c>
      <c r="C13956" s="14" t="s">
        <v>17</v>
      </c>
      <c r="D13956" s="14" t="s">
        <v>104</v>
      </c>
      <c r="E13956" s="15">
        <v>45462</v>
      </c>
      <c r="F13956" s="14" t="s">
        <v>15</v>
      </c>
      <c r="G13956" s="16">
        <v>0</v>
      </c>
    </row>
    <row r="13957" spans="1:7" x14ac:dyDescent="0.3">
      <c r="A13957" s="13" t="s">
        <v>103</v>
      </c>
      <c r="B13957" s="14" t="s">
        <v>1</v>
      </c>
      <c r="C13957" s="14" t="s">
        <v>17</v>
      </c>
      <c r="D13957" s="14" t="s">
        <v>104</v>
      </c>
      <c r="E13957" s="15">
        <v>45463</v>
      </c>
      <c r="F13957" s="14" t="s">
        <v>15</v>
      </c>
      <c r="G13957" s="16">
        <v>0</v>
      </c>
    </row>
    <row r="13958" spans="1:7" x14ac:dyDescent="0.3">
      <c r="A13958" s="13" t="s">
        <v>103</v>
      </c>
      <c r="B13958" s="14" t="s">
        <v>1</v>
      </c>
      <c r="C13958" s="14" t="s">
        <v>17</v>
      </c>
      <c r="D13958" s="14" t="s">
        <v>104</v>
      </c>
      <c r="E13958" s="15">
        <v>45464</v>
      </c>
      <c r="F13958" s="14" t="s">
        <v>15</v>
      </c>
      <c r="G13958" s="16">
        <v>0</v>
      </c>
    </row>
    <row r="13959" spans="1:7" x14ac:dyDescent="0.3">
      <c r="A13959" s="13" t="s">
        <v>103</v>
      </c>
      <c r="B13959" s="14" t="s">
        <v>1</v>
      </c>
      <c r="C13959" s="14" t="s">
        <v>17</v>
      </c>
      <c r="D13959" s="14" t="s">
        <v>104</v>
      </c>
      <c r="E13959" s="15">
        <v>45465</v>
      </c>
      <c r="F13959" s="14" t="s">
        <v>15</v>
      </c>
      <c r="G13959" s="16">
        <v>0</v>
      </c>
    </row>
    <row r="13960" spans="1:7" x14ac:dyDescent="0.3">
      <c r="A13960" s="13" t="s">
        <v>103</v>
      </c>
      <c r="B13960" s="14" t="s">
        <v>1</v>
      </c>
      <c r="C13960" s="14" t="s">
        <v>17</v>
      </c>
      <c r="D13960" s="14" t="s">
        <v>104</v>
      </c>
      <c r="E13960" s="15">
        <v>45466</v>
      </c>
      <c r="F13960" s="14" t="s">
        <v>15</v>
      </c>
      <c r="G13960" s="16">
        <v>0</v>
      </c>
    </row>
    <row r="13961" spans="1:7" x14ac:dyDescent="0.3">
      <c r="A13961" s="13" t="s">
        <v>103</v>
      </c>
      <c r="B13961" s="14" t="s">
        <v>1</v>
      </c>
      <c r="C13961" s="14" t="s">
        <v>17</v>
      </c>
      <c r="D13961" s="14" t="s">
        <v>104</v>
      </c>
      <c r="E13961" s="15">
        <v>45467</v>
      </c>
      <c r="F13961" s="14" t="s">
        <v>15</v>
      </c>
      <c r="G13961" s="16">
        <v>0</v>
      </c>
    </row>
    <row r="13962" spans="1:7" x14ac:dyDescent="0.3">
      <c r="A13962" s="13" t="s">
        <v>103</v>
      </c>
      <c r="B13962" s="14" t="s">
        <v>1</v>
      </c>
      <c r="C13962" s="14" t="s">
        <v>17</v>
      </c>
      <c r="D13962" s="14" t="s">
        <v>104</v>
      </c>
      <c r="E13962" s="15">
        <v>45468</v>
      </c>
      <c r="F13962" s="14" t="s">
        <v>15</v>
      </c>
      <c r="G13962" s="16">
        <v>0</v>
      </c>
    </row>
    <row r="13963" spans="1:7" x14ac:dyDescent="0.3">
      <c r="A13963" s="13" t="s">
        <v>103</v>
      </c>
      <c r="B13963" s="14" t="s">
        <v>1</v>
      </c>
      <c r="C13963" s="14" t="s">
        <v>17</v>
      </c>
      <c r="D13963" s="14" t="s">
        <v>104</v>
      </c>
      <c r="E13963" s="15">
        <v>45469</v>
      </c>
      <c r="F13963" s="14" t="s">
        <v>15</v>
      </c>
      <c r="G13963" s="16">
        <v>0</v>
      </c>
    </row>
    <row r="13964" spans="1:7" x14ac:dyDescent="0.3">
      <c r="A13964" s="13" t="s">
        <v>103</v>
      </c>
      <c r="B13964" s="14" t="s">
        <v>1</v>
      </c>
      <c r="C13964" s="14" t="s">
        <v>17</v>
      </c>
      <c r="D13964" s="14" t="s">
        <v>104</v>
      </c>
      <c r="E13964" s="15">
        <v>45470</v>
      </c>
      <c r="F13964" s="14" t="s">
        <v>15</v>
      </c>
      <c r="G13964" s="16">
        <v>0</v>
      </c>
    </row>
    <row r="13965" spans="1:7" x14ac:dyDescent="0.3">
      <c r="A13965" s="13" t="s">
        <v>103</v>
      </c>
      <c r="B13965" s="14" t="s">
        <v>1</v>
      </c>
      <c r="C13965" s="14" t="s">
        <v>17</v>
      </c>
      <c r="D13965" s="14" t="s">
        <v>104</v>
      </c>
      <c r="E13965" s="15">
        <v>45471</v>
      </c>
      <c r="F13965" s="14" t="s">
        <v>15</v>
      </c>
      <c r="G13965" s="16">
        <v>0</v>
      </c>
    </row>
    <row r="13966" spans="1:7" x14ac:dyDescent="0.3">
      <c r="A13966" s="13" t="s">
        <v>103</v>
      </c>
      <c r="B13966" s="14" t="s">
        <v>1</v>
      </c>
      <c r="C13966" s="14" t="s">
        <v>17</v>
      </c>
      <c r="D13966" s="14" t="s">
        <v>104</v>
      </c>
      <c r="E13966" s="15">
        <v>45472</v>
      </c>
      <c r="F13966" s="14" t="s">
        <v>15</v>
      </c>
      <c r="G13966" s="16">
        <v>0</v>
      </c>
    </row>
    <row r="13967" spans="1:7" x14ac:dyDescent="0.3">
      <c r="A13967" s="13" t="s">
        <v>103</v>
      </c>
      <c r="B13967" s="14" t="s">
        <v>1</v>
      </c>
      <c r="C13967" s="14" t="s">
        <v>17</v>
      </c>
      <c r="D13967" s="14" t="s">
        <v>104</v>
      </c>
      <c r="E13967" s="15">
        <v>45473</v>
      </c>
      <c r="F13967" s="14" t="s">
        <v>15</v>
      </c>
      <c r="G13967" s="16">
        <v>0</v>
      </c>
    </row>
    <row r="13968" spans="1:7" x14ac:dyDescent="0.3">
      <c r="A13968" s="13" t="s">
        <v>103</v>
      </c>
      <c r="B13968" s="14" t="s">
        <v>1</v>
      </c>
      <c r="C13968" s="14" t="s">
        <v>17</v>
      </c>
      <c r="D13968" s="14" t="s">
        <v>104</v>
      </c>
      <c r="E13968" s="15">
        <v>45474</v>
      </c>
      <c r="F13968" s="14" t="s">
        <v>15</v>
      </c>
      <c r="G13968" s="16">
        <v>0</v>
      </c>
    </row>
    <row r="13969" spans="1:7" x14ac:dyDescent="0.3">
      <c r="A13969" s="13" t="s">
        <v>103</v>
      </c>
      <c r="B13969" s="14" t="s">
        <v>1</v>
      </c>
      <c r="C13969" s="14" t="s">
        <v>17</v>
      </c>
      <c r="D13969" s="14" t="s">
        <v>104</v>
      </c>
      <c r="E13969" s="15">
        <v>45475</v>
      </c>
      <c r="F13969" s="14" t="s">
        <v>15</v>
      </c>
      <c r="G13969" s="16">
        <v>0</v>
      </c>
    </row>
    <row r="13970" spans="1:7" x14ac:dyDescent="0.3">
      <c r="A13970" s="13" t="s">
        <v>103</v>
      </c>
      <c r="B13970" s="14" t="s">
        <v>1</v>
      </c>
      <c r="C13970" s="14" t="s">
        <v>17</v>
      </c>
      <c r="D13970" s="14" t="s">
        <v>104</v>
      </c>
      <c r="E13970" s="15">
        <v>45476</v>
      </c>
      <c r="F13970" s="14" t="s">
        <v>15</v>
      </c>
      <c r="G13970" s="16">
        <v>0</v>
      </c>
    </row>
    <row r="13971" spans="1:7" x14ac:dyDescent="0.3">
      <c r="A13971" s="13" t="s">
        <v>103</v>
      </c>
      <c r="B13971" s="14" t="s">
        <v>1</v>
      </c>
      <c r="C13971" s="14" t="s">
        <v>17</v>
      </c>
      <c r="D13971" s="14" t="s">
        <v>104</v>
      </c>
      <c r="E13971" s="15">
        <v>45477</v>
      </c>
      <c r="F13971" s="14" t="s">
        <v>15</v>
      </c>
      <c r="G13971" s="16">
        <v>0</v>
      </c>
    </row>
    <row r="13972" spans="1:7" x14ac:dyDescent="0.3">
      <c r="A13972" s="13" t="s">
        <v>103</v>
      </c>
      <c r="B13972" s="14" t="s">
        <v>1</v>
      </c>
      <c r="C13972" s="14" t="s">
        <v>17</v>
      </c>
      <c r="D13972" s="14" t="s">
        <v>104</v>
      </c>
      <c r="E13972" s="15">
        <v>45478</v>
      </c>
      <c r="F13972" s="14" t="s">
        <v>15</v>
      </c>
      <c r="G13972" s="16">
        <v>0</v>
      </c>
    </row>
    <row r="13973" spans="1:7" x14ac:dyDescent="0.3">
      <c r="A13973" s="13" t="s">
        <v>103</v>
      </c>
      <c r="B13973" s="14" t="s">
        <v>1</v>
      </c>
      <c r="C13973" s="14" t="s">
        <v>17</v>
      </c>
      <c r="D13973" s="14" t="s">
        <v>104</v>
      </c>
      <c r="E13973" s="15">
        <v>45479</v>
      </c>
      <c r="F13973" s="14" t="s">
        <v>15</v>
      </c>
      <c r="G13973" s="16">
        <v>0</v>
      </c>
    </row>
    <row r="13974" spans="1:7" x14ac:dyDescent="0.3">
      <c r="A13974" s="13" t="s">
        <v>103</v>
      </c>
      <c r="B13974" s="14" t="s">
        <v>1</v>
      </c>
      <c r="C13974" s="14" t="s">
        <v>17</v>
      </c>
      <c r="D13974" s="14" t="s">
        <v>104</v>
      </c>
      <c r="E13974" s="15">
        <v>45480</v>
      </c>
      <c r="F13974" s="14" t="s">
        <v>15</v>
      </c>
      <c r="G13974" s="16">
        <v>0</v>
      </c>
    </row>
    <row r="13975" spans="1:7" x14ac:dyDescent="0.3">
      <c r="A13975" s="13" t="s">
        <v>103</v>
      </c>
      <c r="B13975" s="14" t="s">
        <v>1</v>
      </c>
      <c r="C13975" s="14" t="s">
        <v>17</v>
      </c>
      <c r="D13975" s="14" t="s">
        <v>104</v>
      </c>
      <c r="E13975" s="15">
        <v>45481</v>
      </c>
      <c r="F13975" s="14" t="s">
        <v>15</v>
      </c>
      <c r="G13975" s="16">
        <v>0</v>
      </c>
    </row>
    <row r="13976" spans="1:7" x14ac:dyDescent="0.3">
      <c r="A13976" s="13" t="s">
        <v>103</v>
      </c>
      <c r="B13976" s="14" t="s">
        <v>1</v>
      </c>
      <c r="C13976" s="14" t="s">
        <v>17</v>
      </c>
      <c r="D13976" s="14" t="s">
        <v>104</v>
      </c>
      <c r="E13976" s="15">
        <v>45482</v>
      </c>
      <c r="F13976" s="14" t="s">
        <v>15</v>
      </c>
      <c r="G13976" s="16">
        <v>0</v>
      </c>
    </row>
    <row r="13977" spans="1:7" x14ac:dyDescent="0.3">
      <c r="A13977" s="13" t="s">
        <v>103</v>
      </c>
      <c r="B13977" s="14" t="s">
        <v>1</v>
      </c>
      <c r="C13977" s="14" t="s">
        <v>17</v>
      </c>
      <c r="D13977" s="14" t="s">
        <v>104</v>
      </c>
      <c r="E13977" s="15">
        <v>45483</v>
      </c>
      <c r="F13977" s="14" t="s">
        <v>15</v>
      </c>
      <c r="G13977" s="16">
        <v>0</v>
      </c>
    </row>
    <row r="13978" spans="1:7" x14ac:dyDescent="0.3">
      <c r="A13978" s="13" t="s">
        <v>103</v>
      </c>
      <c r="B13978" s="14" t="s">
        <v>1</v>
      </c>
      <c r="C13978" s="14" t="s">
        <v>17</v>
      </c>
      <c r="D13978" s="14" t="s">
        <v>104</v>
      </c>
      <c r="E13978" s="15">
        <v>45484</v>
      </c>
      <c r="F13978" s="14" t="s">
        <v>15</v>
      </c>
      <c r="G13978" s="16">
        <v>0</v>
      </c>
    </row>
    <row r="13979" spans="1:7" x14ac:dyDescent="0.3">
      <c r="A13979" s="13" t="s">
        <v>103</v>
      </c>
      <c r="B13979" s="14" t="s">
        <v>1</v>
      </c>
      <c r="C13979" s="14" t="s">
        <v>17</v>
      </c>
      <c r="D13979" s="14" t="s">
        <v>104</v>
      </c>
      <c r="E13979" s="15">
        <v>45485</v>
      </c>
      <c r="F13979" s="14" t="s">
        <v>15</v>
      </c>
      <c r="G13979" s="16">
        <v>0</v>
      </c>
    </row>
    <row r="13980" spans="1:7" x14ac:dyDescent="0.3">
      <c r="A13980" s="13" t="s">
        <v>103</v>
      </c>
      <c r="B13980" s="14" t="s">
        <v>1</v>
      </c>
      <c r="C13980" s="14" t="s">
        <v>17</v>
      </c>
      <c r="D13980" s="14" t="s">
        <v>104</v>
      </c>
      <c r="E13980" s="15">
        <v>45486</v>
      </c>
      <c r="F13980" s="14" t="s">
        <v>15</v>
      </c>
      <c r="G13980" s="16">
        <v>0</v>
      </c>
    </row>
    <row r="13981" spans="1:7" x14ac:dyDescent="0.3">
      <c r="A13981" s="13" t="s">
        <v>103</v>
      </c>
      <c r="B13981" s="14" t="s">
        <v>1</v>
      </c>
      <c r="C13981" s="14" t="s">
        <v>17</v>
      </c>
      <c r="D13981" s="14" t="s">
        <v>104</v>
      </c>
      <c r="E13981" s="15">
        <v>45487</v>
      </c>
      <c r="F13981" s="14" t="s">
        <v>15</v>
      </c>
      <c r="G13981" s="16">
        <v>0</v>
      </c>
    </row>
    <row r="13982" spans="1:7" x14ac:dyDescent="0.3">
      <c r="A13982" s="13" t="s">
        <v>103</v>
      </c>
      <c r="B13982" s="14" t="s">
        <v>1</v>
      </c>
      <c r="C13982" s="14" t="s">
        <v>17</v>
      </c>
      <c r="D13982" s="14" t="s">
        <v>104</v>
      </c>
      <c r="E13982" s="15">
        <v>45488</v>
      </c>
      <c r="F13982" s="14" t="s">
        <v>15</v>
      </c>
      <c r="G13982" s="16">
        <v>0</v>
      </c>
    </row>
    <row r="13983" spans="1:7" x14ac:dyDescent="0.3">
      <c r="A13983" s="13" t="s">
        <v>103</v>
      </c>
      <c r="B13983" s="14" t="s">
        <v>1</v>
      </c>
      <c r="C13983" s="14" t="s">
        <v>17</v>
      </c>
      <c r="D13983" s="14" t="s">
        <v>104</v>
      </c>
      <c r="E13983" s="15">
        <v>45489</v>
      </c>
      <c r="F13983" s="14" t="s">
        <v>15</v>
      </c>
      <c r="G13983" s="16">
        <v>0</v>
      </c>
    </row>
    <row r="13984" spans="1:7" x14ac:dyDescent="0.3">
      <c r="A13984" s="13" t="s">
        <v>103</v>
      </c>
      <c r="B13984" s="14" t="s">
        <v>1</v>
      </c>
      <c r="C13984" s="14" t="s">
        <v>17</v>
      </c>
      <c r="D13984" s="14" t="s">
        <v>104</v>
      </c>
      <c r="E13984" s="15">
        <v>45490</v>
      </c>
      <c r="F13984" s="14" t="s">
        <v>15</v>
      </c>
      <c r="G13984" s="16">
        <v>0</v>
      </c>
    </row>
    <row r="13985" spans="1:7" x14ac:dyDescent="0.3">
      <c r="A13985" s="13" t="s">
        <v>103</v>
      </c>
      <c r="B13985" s="14" t="s">
        <v>1</v>
      </c>
      <c r="C13985" s="14" t="s">
        <v>17</v>
      </c>
      <c r="D13985" s="14" t="s">
        <v>104</v>
      </c>
      <c r="E13985" s="15">
        <v>45491</v>
      </c>
      <c r="F13985" s="14" t="s">
        <v>15</v>
      </c>
      <c r="G13985" s="16">
        <v>0</v>
      </c>
    </row>
    <row r="13986" spans="1:7" x14ac:dyDescent="0.3">
      <c r="A13986" s="13" t="s">
        <v>103</v>
      </c>
      <c r="B13986" s="14" t="s">
        <v>1</v>
      </c>
      <c r="C13986" s="14" t="s">
        <v>17</v>
      </c>
      <c r="D13986" s="14" t="s">
        <v>104</v>
      </c>
      <c r="E13986" s="15">
        <v>45492</v>
      </c>
      <c r="F13986" s="14" t="s">
        <v>15</v>
      </c>
      <c r="G13986" s="16">
        <v>0</v>
      </c>
    </row>
    <row r="13987" spans="1:7" x14ac:dyDescent="0.3">
      <c r="A13987" s="13" t="s">
        <v>103</v>
      </c>
      <c r="B13987" s="14" t="s">
        <v>1</v>
      </c>
      <c r="C13987" s="14" t="s">
        <v>17</v>
      </c>
      <c r="D13987" s="14" t="s">
        <v>104</v>
      </c>
      <c r="E13987" s="15">
        <v>45493</v>
      </c>
      <c r="F13987" s="14" t="s">
        <v>15</v>
      </c>
      <c r="G13987" s="16">
        <v>0</v>
      </c>
    </row>
    <row r="13988" spans="1:7" x14ac:dyDescent="0.3">
      <c r="A13988" s="13" t="s">
        <v>103</v>
      </c>
      <c r="B13988" s="14" t="s">
        <v>1</v>
      </c>
      <c r="C13988" s="14" t="s">
        <v>17</v>
      </c>
      <c r="D13988" s="14" t="s">
        <v>104</v>
      </c>
      <c r="E13988" s="15">
        <v>45494</v>
      </c>
      <c r="F13988" s="14" t="s">
        <v>15</v>
      </c>
      <c r="G13988" s="16">
        <v>0</v>
      </c>
    </row>
    <row r="13989" spans="1:7" x14ac:dyDescent="0.3">
      <c r="A13989" s="13" t="s">
        <v>103</v>
      </c>
      <c r="B13989" s="14" t="s">
        <v>1</v>
      </c>
      <c r="C13989" s="14" t="s">
        <v>17</v>
      </c>
      <c r="D13989" s="14" t="s">
        <v>104</v>
      </c>
      <c r="E13989" s="15">
        <v>45495</v>
      </c>
      <c r="F13989" s="14" t="s">
        <v>15</v>
      </c>
      <c r="G13989" s="16">
        <v>0</v>
      </c>
    </row>
    <row r="13990" spans="1:7" x14ac:dyDescent="0.3">
      <c r="A13990" s="13" t="s">
        <v>103</v>
      </c>
      <c r="B13990" s="14" t="s">
        <v>1</v>
      </c>
      <c r="C13990" s="14" t="s">
        <v>17</v>
      </c>
      <c r="D13990" s="14" t="s">
        <v>104</v>
      </c>
      <c r="E13990" s="15">
        <v>45496</v>
      </c>
      <c r="F13990" s="14" t="s">
        <v>15</v>
      </c>
      <c r="G13990" s="16">
        <v>0</v>
      </c>
    </row>
    <row r="13991" spans="1:7" x14ac:dyDescent="0.3">
      <c r="A13991" s="13" t="s">
        <v>103</v>
      </c>
      <c r="B13991" s="14" t="s">
        <v>1</v>
      </c>
      <c r="C13991" s="14" t="s">
        <v>17</v>
      </c>
      <c r="D13991" s="14" t="s">
        <v>104</v>
      </c>
      <c r="E13991" s="15">
        <v>45497</v>
      </c>
      <c r="F13991" s="14" t="s">
        <v>15</v>
      </c>
      <c r="G13991" s="16">
        <v>0</v>
      </c>
    </row>
    <row r="13992" spans="1:7" x14ac:dyDescent="0.3">
      <c r="A13992" s="13" t="s">
        <v>103</v>
      </c>
      <c r="B13992" s="14" t="s">
        <v>1</v>
      </c>
      <c r="C13992" s="14" t="s">
        <v>17</v>
      </c>
      <c r="D13992" s="14" t="s">
        <v>104</v>
      </c>
      <c r="E13992" s="15">
        <v>45498</v>
      </c>
      <c r="F13992" s="14" t="s">
        <v>15</v>
      </c>
      <c r="G13992" s="16">
        <v>0</v>
      </c>
    </row>
    <row r="13993" spans="1:7" x14ac:dyDescent="0.3">
      <c r="A13993" s="13" t="s">
        <v>103</v>
      </c>
      <c r="B13993" s="14" t="s">
        <v>1</v>
      </c>
      <c r="C13993" s="14" t="s">
        <v>17</v>
      </c>
      <c r="D13993" s="14" t="s">
        <v>104</v>
      </c>
      <c r="E13993" s="15">
        <v>45499</v>
      </c>
      <c r="F13993" s="14" t="s">
        <v>15</v>
      </c>
      <c r="G13993" s="16">
        <v>0</v>
      </c>
    </row>
    <row r="13994" spans="1:7" x14ac:dyDescent="0.3">
      <c r="A13994" s="13" t="s">
        <v>103</v>
      </c>
      <c r="B13994" s="14" t="s">
        <v>1</v>
      </c>
      <c r="C13994" s="14" t="s">
        <v>17</v>
      </c>
      <c r="D13994" s="14" t="s">
        <v>104</v>
      </c>
      <c r="E13994" s="15">
        <v>45500</v>
      </c>
      <c r="F13994" s="14" t="s">
        <v>15</v>
      </c>
      <c r="G13994" s="16">
        <v>0</v>
      </c>
    </row>
    <row r="13995" spans="1:7" x14ac:dyDescent="0.3">
      <c r="A13995" s="13" t="s">
        <v>103</v>
      </c>
      <c r="B13995" s="14" t="s">
        <v>1</v>
      </c>
      <c r="C13995" s="14" t="s">
        <v>17</v>
      </c>
      <c r="D13995" s="14" t="s">
        <v>104</v>
      </c>
      <c r="E13995" s="15">
        <v>45501</v>
      </c>
      <c r="F13995" s="14" t="s">
        <v>15</v>
      </c>
      <c r="G13995" s="16">
        <v>0</v>
      </c>
    </row>
    <row r="13996" spans="1:7" x14ac:dyDescent="0.3">
      <c r="A13996" s="13" t="s">
        <v>103</v>
      </c>
      <c r="B13996" s="14" t="s">
        <v>1</v>
      </c>
      <c r="C13996" s="14" t="s">
        <v>17</v>
      </c>
      <c r="D13996" s="14" t="s">
        <v>104</v>
      </c>
      <c r="E13996" s="15">
        <v>45502</v>
      </c>
      <c r="F13996" s="14" t="s">
        <v>15</v>
      </c>
      <c r="G13996" s="16">
        <v>0</v>
      </c>
    </row>
    <row r="13997" spans="1:7" x14ac:dyDescent="0.3">
      <c r="A13997" s="13" t="s">
        <v>103</v>
      </c>
      <c r="B13997" s="14" t="s">
        <v>1</v>
      </c>
      <c r="C13997" s="14" t="s">
        <v>17</v>
      </c>
      <c r="D13997" s="14" t="s">
        <v>104</v>
      </c>
      <c r="E13997" s="15">
        <v>45503</v>
      </c>
      <c r="F13997" s="14" t="s">
        <v>15</v>
      </c>
      <c r="G13997" s="16">
        <v>0</v>
      </c>
    </row>
    <row r="13998" spans="1:7" x14ac:dyDescent="0.3">
      <c r="A13998" s="13" t="s">
        <v>103</v>
      </c>
      <c r="B13998" s="14" t="s">
        <v>1</v>
      </c>
      <c r="C13998" s="14" t="s">
        <v>17</v>
      </c>
      <c r="D13998" s="14" t="s">
        <v>104</v>
      </c>
      <c r="E13998" s="15">
        <v>45504</v>
      </c>
      <c r="F13998" s="14" t="s">
        <v>15</v>
      </c>
      <c r="G13998" s="16">
        <v>0</v>
      </c>
    </row>
    <row r="13999" spans="1:7" x14ac:dyDescent="0.3">
      <c r="A13999" s="13" t="s">
        <v>103</v>
      </c>
      <c r="B13999" s="14" t="s">
        <v>1</v>
      </c>
      <c r="C13999" s="14" t="s">
        <v>17</v>
      </c>
      <c r="D13999" s="14" t="s">
        <v>104</v>
      </c>
      <c r="E13999" s="15">
        <v>45505</v>
      </c>
      <c r="F13999" s="14" t="s">
        <v>15</v>
      </c>
      <c r="G13999" s="16">
        <v>0</v>
      </c>
    </row>
    <row r="14000" spans="1:7" x14ac:dyDescent="0.3">
      <c r="A14000" s="13" t="s">
        <v>103</v>
      </c>
      <c r="B14000" s="14" t="s">
        <v>1</v>
      </c>
      <c r="C14000" s="14" t="s">
        <v>17</v>
      </c>
      <c r="D14000" s="14" t="s">
        <v>104</v>
      </c>
      <c r="E14000" s="15">
        <v>45506</v>
      </c>
      <c r="F14000" s="14" t="s">
        <v>15</v>
      </c>
      <c r="G14000" s="16">
        <v>0</v>
      </c>
    </row>
    <row r="14001" spans="1:7" x14ac:dyDescent="0.3">
      <c r="A14001" s="13" t="s">
        <v>103</v>
      </c>
      <c r="B14001" s="14" t="s">
        <v>1</v>
      </c>
      <c r="C14001" s="14" t="s">
        <v>17</v>
      </c>
      <c r="D14001" s="14" t="s">
        <v>104</v>
      </c>
      <c r="E14001" s="15">
        <v>45507</v>
      </c>
      <c r="F14001" s="14" t="s">
        <v>15</v>
      </c>
      <c r="G14001" s="16">
        <v>0</v>
      </c>
    </row>
    <row r="14002" spans="1:7" x14ac:dyDescent="0.3">
      <c r="A14002" s="13" t="s">
        <v>103</v>
      </c>
      <c r="B14002" s="14" t="s">
        <v>1</v>
      </c>
      <c r="C14002" s="14" t="s">
        <v>17</v>
      </c>
      <c r="D14002" s="14" t="s">
        <v>104</v>
      </c>
      <c r="E14002" s="15">
        <v>45508</v>
      </c>
      <c r="F14002" s="14" t="s">
        <v>15</v>
      </c>
      <c r="G14002" s="16">
        <v>0</v>
      </c>
    </row>
    <row r="14003" spans="1:7" x14ac:dyDescent="0.3">
      <c r="A14003" s="13" t="s">
        <v>103</v>
      </c>
      <c r="B14003" s="14" t="s">
        <v>1</v>
      </c>
      <c r="C14003" s="14" t="s">
        <v>17</v>
      </c>
      <c r="D14003" s="14" t="s">
        <v>104</v>
      </c>
      <c r="E14003" s="15">
        <v>45509</v>
      </c>
      <c r="F14003" s="14" t="s">
        <v>15</v>
      </c>
      <c r="G14003" s="16">
        <v>0</v>
      </c>
    </row>
    <row r="14004" spans="1:7" x14ac:dyDescent="0.3">
      <c r="A14004" s="13" t="s">
        <v>103</v>
      </c>
      <c r="B14004" s="14" t="s">
        <v>1</v>
      </c>
      <c r="C14004" s="14" t="s">
        <v>17</v>
      </c>
      <c r="D14004" s="14" t="s">
        <v>104</v>
      </c>
      <c r="E14004" s="15">
        <v>45510</v>
      </c>
      <c r="F14004" s="14" t="s">
        <v>15</v>
      </c>
      <c r="G14004" s="16">
        <v>0</v>
      </c>
    </row>
    <row r="14005" spans="1:7" x14ac:dyDescent="0.3">
      <c r="A14005" s="13" t="s">
        <v>103</v>
      </c>
      <c r="B14005" s="14" t="s">
        <v>1</v>
      </c>
      <c r="C14005" s="14" t="s">
        <v>17</v>
      </c>
      <c r="D14005" s="14" t="s">
        <v>104</v>
      </c>
      <c r="E14005" s="15">
        <v>45511</v>
      </c>
      <c r="F14005" s="14" t="s">
        <v>15</v>
      </c>
      <c r="G14005" s="16">
        <v>0</v>
      </c>
    </row>
    <row r="14006" spans="1:7" x14ac:dyDescent="0.3">
      <c r="A14006" s="13" t="s">
        <v>103</v>
      </c>
      <c r="B14006" s="14" t="s">
        <v>1</v>
      </c>
      <c r="C14006" s="14" t="s">
        <v>17</v>
      </c>
      <c r="D14006" s="14" t="s">
        <v>104</v>
      </c>
      <c r="E14006" s="15">
        <v>45512</v>
      </c>
      <c r="F14006" s="14" t="s">
        <v>15</v>
      </c>
      <c r="G14006" s="16">
        <v>0</v>
      </c>
    </row>
    <row r="14007" spans="1:7" x14ac:dyDescent="0.3">
      <c r="A14007" s="13" t="s">
        <v>103</v>
      </c>
      <c r="B14007" s="14" t="s">
        <v>1</v>
      </c>
      <c r="C14007" s="14" t="s">
        <v>17</v>
      </c>
      <c r="D14007" s="14" t="s">
        <v>104</v>
      </c>
      <c r="E14007" s="15">
        <v>45513</v>
      </c>
      <c r="F14007" s="14" t="s">
        <v>15</v>
      </c>
      <c r="G14007" s="16">
        <v>0</v>
      </c>
    </row>
    <row r="14008" spans="1:7" x14ac:dyDescent="0.3">
      <c r="A14008" s="13" t="s">
        <v>103</v>
      </c>
      <c r="B14008" s="14" t="s">
        <v>1</v>
      </c>
      <c r="C14008" s="14" t="s">
        <v>17</v>
      </c>
      <c r="D14008" s="14" t="s">
        <v>104</v>
      </c>
      <c r="E14008" s="15">
        <v>45514</v>
      </c>
      <c r="F14008" s="14" t="s">
        <v>15</v>
      </c>
      <c r="G14008" s="16">
        <v>0</v>
      </c>
    </row>
    <row r="14009" spans="1:7" x14ac:dyDescent="0.3">
      <c r="A14009" s="13" t="s">
        <v>103</v>
      </c>
      <c r="B14009" s="14" t="s">
        <v>1</v>
      </c>
      <c r="C14009" s="14" t="s">
        <v>17</v>
      </c>
      <c r="D14009" s="14" t="s">
        <v>104</v>
      </c>
      <c r="E14009" s="15">
        <v>45515</v>
      </c>
      <c r="F14009" s="14" t="s">
        <v>15</v>
      </c>
      <c r="G14009" s="16">
        <v>0</v>
      </c>
    </row>
    <row r="14010" spans="1:7" x14ac:dyDescent="0.3">
      <c r="A14010" s="13" t="s">
        <v>103</v>
      </c>
      <c r="B14010" s="14" t="s">
        <v>1</v>
      </c>
      <c r="C14010" s="14" t="s">
        <v>17</v>
      </c>
      <c r="D14010" s="14" t="s">
        <v>104</v>
      </c>
      <c r="E14010" s="15">
        <v>45516</v>
      </c>
      <c r="F14010" s="14" t="s">
        <v>15</v>
      </c>
      <c r="G14010" s="16">
        <v>0</v>
      </c>
    </row>
    <row r="14011" spans="1:7" x14ac:dyDescent="0.3">
      <c r="A14011" s="13" t="s">
        <v>103</v>
      </c>
      <c r="B14011" s="14" t="s">
        <v>1</v>
      </c>
      <c r="C14011" s="14" t="s">
        <v>17</v>
      </c>
      <c r="D14011" s="14" t="s">
        <v>104</v>
      </c>
      <c r="E14011" s="15">
        <v>45517</v>
      </c>
      <c r="F14011" s="14" t="s">
        <v>15</v>
      </c>
      <c r="G14011" s="16">
        <v>0</v>
      </c>
    </row>
    <row r="14012" spans="1:7" x14ac:dyDescent="0.3">
      <c r="A14012" s="13" t="s">
        <v>103</v>
      </c>
      <c r="B14012" s="14" t="s">
        <v>1</v>
      </c>
      <c r="C14012" s="14" t="s">
        <v>17</v>
      </c>
      <c r="D14012" s="14" t="s">
        <v>104</v>
      </c>
      <c r="E14012" s="15">
        <v>45518</v>
      </c>
      <c r="F14012" s="14" t="s">
        <v>15</v>
      </c>
      <c r="G14012" s="16">
        <v>0</v>
      </c>
    </row>
    <row r="14013" spans="1:7" x14ac:dyDescent="0.3">
      <c r="A14013" s="13" t="s">
        <v>103</v>
      </c>
      <c r="B14013" s="14" t="s">
        <v>1</v>
      </c>
      <c r="C14013" s="14" t="s">
        <v>17</v>
      </c>
      <c r="D14013" s="14" t="s">
        <v>104</v>
      </c>
      <c r="E14013" s="15">
        <v>45519</v>
      </c>
      <c r="F14013" s="14" t="s">
        <v>15</v>
      </c>
      <c r="G14013" s="16">
        <v>0</v>
      </c>
    </row>
    <row r="14014" spans="1:7" x14ac:dyDescent="0.3">
      <c r="A14014" s="13" t="s">
        <v>103</v>
      </c>
      <c r="B14014" s="14" t="s">
        <v>1</v>
      </c>
      <c r="C14014" s="14" t="s">
        <v>17</v>
      </c>
      <c r="D14014" s="14" t="s">
        <v>104</v>
      </c>
      <c r="E14014" s="15">
        <v>45520</v>
      </c>
      <c r="F14014" s="14" t="s">
        <v>15</v>
      </c>
      <c r="G14014" s="16">
        <v>0</v>
      </c>
    </row>
    <row r="14015" spans="1:7" x14ac:dyDescent="0.3">
      <c r="A14015" s="13" t="s">
        <v>103</v>
      </c>
      <c r="B14015" s="14" t="s">
        <v>1</v>
      </c>
      <c r="C14015" s="14" t="s">
        <v>17</v>
      </c>
      <c r="D14015" s="14" t="s">
        <v>104</v>
      </c>
      <c r="E14015" s="15">
        <v>45521</v>
      </c>
      <c r="F14015" s="14" t="s">
        <v>15</v>
      </c>
      <c r="G14015" s="16">
        <v>0</v>
      </c>
    </row>
    <row r="14016" spans="1:7" x14ac:dyDescent="0.3">
      <c r="A14016" s="13" t="s">
        <v>103</v>
      </c>
      <c r="B14016" s="14" t="s">
        <v>1</v>
      </c>
      <c r="C14016" s="14" t="s">
        <v>17</v>
      </c>
      <c r="D14016" s="14" t="s">
        <v>104</v>
      </c>
      <c r="E14016" s="15">
        <v>45522</v>
      </c>
      <c r="F14016" s="14" t="s">
        <v>15</v>
      </c>
      <c r="G14016" s="16">
        <v>0</v>
      </c>
    </row>
    <row r="14017" spans="1:7" x14ac:dyDescent="0.3">
      <c r="A14017" s="13" t="s">
        <v>103</v>
      </c>
      <c r="B14017" s="14" t="s">
        <v>1</v>
      </c>
      <c r="C14017" s="14" t="s">
        <v>17</v>
      </c>
      <c r="D14017" s="14" t="s">
        <v>104</v>
      </c>
      <c r="E14017" s="15">
        <v>45523</v>
      </c>
      <c r="F14017" s="14" t="s">
        <v>15</v>
      </c>
      <c r="G14017" s="16">
        <v>0</v>
      </c>
    </row>
    <row r="14018" spans="1:7" x14ac:dyDescent="0.3">
      <c r="A14018" s="13" t="s">
        <v>103</v>
      </c>
      <c r="B14018" s="14" t="s">
        <v>1</v>
      </c>
      <c r="C14018" s="14" t="s">
        <v>17</v>
      </c>
      <c r="D14018" s="14" t="s">
        <v>104</v>
      </c>
      <c r="E14018" s="15">
        <v>45524</v>
      </c>
      <c r="F14018" s="14" t="s">
        <v>15</v>
      </c>
      <c r="G14018" s="16">
        <v>0</v>
      </c>
    </row>
    <row r="14019" spans="1:7" x14ac:dyDescent="0.3">
      <c r="A14019" s="13" t="s">
        <v>103</v>
      </c>
      <c r="B14019" s="14" t="s">
        <v>1</v>
      </c>
      <c r="C14019" s="14" t="s">
        <v>17</v>
      </c>
      <c r="D14019" s="14" t="s">
        <v>104</v>
      </c>
      <c r="E14019" s="15">
        <v>45525</v>
      </c>
      <c r="F14019" s="14" t="s">
        <v>15</v>
      </c>
      <c r="G14019" s="16">
        <v>0</v>
      </c>
    </row>
    <row r="14020" spans="1:7" x14ac:dyDescent="0.3">
      <c r="A14020" s="13" t="s">
        <v>103</v>
      </c>
      <c r="B14020" s="14" t="s">
        <v>1</v>
      </c>
      <c r="C14020" s="14" t="s">
        <v>17</v>
      </c>
      <c r="D14020" s="14" t="s">
        <v>104</v>
      </c>
      <c r="E14020" s="15">
        <v>45526</v>
      </c>
      <c r="F14020" s="14" t="s">
        <v>15</v>
      </c>
      <c r="G14020" s="16">
        <v>0</v>
      </c>
    </row>
    <row r="14021" spans="1:7" x14ac:dyDescent="0.3">
      <c r="A14021" s="13" t="s">
        <v>103</v>
      </c>
      <c r="B14021" s="14" t="s">
        <v>1</v>
      </c>
      <c r="C14021" s="14" t="s">
        <v>17</v>
      </c>
      <c r="D14021" s="14" t="s">
        <v>104</v>
      </c>
      <c r="E14021" s="15">
        <v>45527</v>
      </c>
      <c r="F14021" s="14" t="s">
        <v>15</v>
      </c>
      <c r="G14021" s="16">
        <v>0</v>
      </c>
    </row>
    <row r="14022" spans="1:7" x14ac:dyDescent="0.3">
      <c r="A14022" s="13" t="s">
        <v>103</v>
      </c>
      <c r="B14022" s="14" t="s">
        <v>1</v>
      </c>
      <c r="C14022" s="14" t="s">
        <v>17</v>
      </c>
      <c r="D14022" s="14" t="s">
        <v>104</v>
      </c>
      <c r="E14022" s="15">
        <v>45528</v>
      </c>
      <c r="F14022" s="14" t="s">
        <v>15</v>
      </c>
      <c r="G14022" s="16">
        <v>0</v>
      </c>
    </row>
    <row r="14023" spans="1:7" x14ac:dyDescent="0.3">
      <c r="A14023" s="13" t="s">
        <v>103</v>
      </c>
      <c r="B14023" s="14" t="s">
        <v>1</v>
      </c>
      <c r="C14023" s="14" t="s">
        <v>17</v>
      </c>
      <c r="D14023" s="14" t="s">
        <v>104</v>
      </c>
      <c r="E14023" s="15">
        <v>45529</v>
      </c>
      <c r="F14023" s="14" t="s">
        <v>15</v>
      </c>
      <c r="G14023" s="16">
        <v>0</v>
      </c>
    </row>
    <row r="14024" spans="1:7" x14ac:dyDescent="0.3">
      <c r="A14024" s="13" t="s">
        <v>103</v>
      </c>
      <c r="B14024" s="14" t="s">
        <v>1</v>
      </c>
      <c r="C14024" s="14" t="s">
        <v>17</v>
      </c>
      <c r="D14024" s="14" t="s">
        <v>104</v>
      </c>
      <c r="E14024" s="15">
        <v>45530</v>
      </c>
      <c r="F14024" s="14" t="s">
        <v>15</v>
      </c>
      <c r="G14024" s="16">
        <v>0</v>
      </c>
    </row>
    <row r="14025" spans="1:7" x14ac:dyDescent="0.3">
      <c r="A14025" s="13" t="s">
        <v>103</v>
      </c>
      <c r="B14025" s="14" t="s">
        <v>1</v>
      </c>
      <c r="C14025" s="14" t="s">
        <v>17</v>
      </c>
      <c r="D14025" s="14" t="s">
        <v>104</v>
      </c>
      <c r="E14025" s="15">
        <v>45531</v>
      </c>
      <c r="F14025" s="14" t="s">
        <v>15</v>
      </c>
      <c r="G14025" s="16">
        <v>0</v>
      </c>
    </row>
    <row r="14026" spans="1:7" x14ac:dyDescent="0.3">
      <c r="A14026" s="13" t="s">
        <v>103</v>
      </c>
      <c r="B14026" s="14" t="s">
        <v>1</v>
      </c>
      <c r="C14026" s="14" t="s">
        <v>17</v>
      </c>
      <c r="D14026" s="14" t="s">
        <v>104</v>
      </c>
      <c r="E14026" s="15">
        <v>45532</v>
      </c>
      <c r="F14026" s="14" t="s">
        <v>15</v>
      </c>
      <c r="G14026" s="16">
        <v>0</v>
      </c>
    </row>
    <row r="14027" spans="1:7" x14ac:dyDescent="0.3">
      <c r="A14027" s="13" t="s">
        <v>103</v>
      </c>
      <c r="B14027" s="14" t="s">
        <v>1</v>
      </c>
      <c r="C14027" s="14" t="s">
        <v>17</v>
      </c>
      <c r="D14027" s="14" t="s">
        <v>104</v>
      </c>
      <c r="E14027" s="15">
        <v>45533</v>
      </c>
      <c r="F14027" s="14" t="s">
        <v>15</v>
      </c>
      <c r="G14027" s="16">
        <v>0</v>
      </c>
    </row>
    <row r="14028" spans="1:7" x14ac:dyDescent="0.3">
      <c r="A14028" s="13" t="s">
        <v>103</v>
      </c>
      <c r="B14028" s="14" t="s">
        <v>1</v>
      </c>
      <c r="C14028" s="14" t="s">
        <v>17</v>
      </c>
      <c r="D14028" s="14" t="s">
        <v>104</v>
      </c>
      <c r="E14028" s="15">
        <v>45534</v>
      </c>
      <c r="F14028" s="14" t="s">
        <v>15</v>
      </c>
      <c r="G14028" s="16">
        <v>0</v>
      </c>
    </row>
    <row r="14029" spans="1:7" x14ac:dyDescent="0.3">
      <c r="A14029" s="13" t="s">
        <v>103</v>
      </c>
      <c r="B14029" s="14" t="s">
        <v>1</v>
      </c>
      <c r="C14029" s="14" t="s">
        <v>17</v>
      </c>
      <c r="D14029" s="14" t="s">
        <v>104</v>
      </c>
      <c r="E14029" s="15">
        <v>45535</v>
      </c>
      <c r="F14029" s="14" t="s">
        <v>15</v>
      </c>
      <c r="G14029" s="16">
        <v>0</v>
      </c>
    </row>
    <row r="14030" spans="1:7" x14ac:dyDescent="0.3">
      <c r="A14030" s="13" t="s">
        <v>103</v>
      </c>
      <c r="B14030" s="14" t="s">
        <v>1</v>
      </c>
      <c r="C14030" s="14" t="s">
        <v>17</v>
      </c>
      <c r="D14030" s="14" t="s">
        <v>104</v>
      </c>
      <c r="E14030" s="15">
        <v>45536</v>
      </c>
      <c r="F14030" s="14" t="s">
        <v>15</v>
      </c>
      <c r="G14030" s="16">
        <v>0</v>
      </c>
    </row>
    <row r="14031" spans="1:7" x14ac:dyDescent="0.3">
      <c r="A14031" s="13" t="s">
        <v>103</v>
      </c>
      <c r="B14031" s="14" t="s">
        <v>1</v>
      </c>
      <c r="C14031" s="14" t="s">
        <v>17</v>
      </c>
      <c r="D14031" s="14" t="s">
        <v>104</v>
      </c>
      <c r="E14031" s="15">
        <v>45537</v>
      </c>
      <c r="F14031" s="14" t="s">
        <v>15</v>
      </c>
      <c r="G14031" s="16">
        <v>0</v>
      </c>
    </row>
    <row r="14032" spans="1:7" x14ac:dyDescent="0.3">
      <c r="A14032" s="13" t="s">
        <v>103</v>
      </c>
      <c r="B14032" s="14" t="s">
        <v>1</v>
      </c>
      <c r="C14032" s="14" t="s">
        <v>17</v>
      </c>
      <c r="D14032" s="14" t="s">
        <v>104</v>
      </c>
      <c r="E14032" s="15">
        <v>45538</v>
      </c>
      <c r="F14032" s="14" t="s">
        <v>15</v>
      </c>
      <c r="G14032" s="16">
        <v>0</v>
      </c>
    </row>
    <row r="14033" spans="1:7" x14ac:dyDescent="0.3">
      <c r="A14033" s="13" t="s">
        <v>103</v>
      </c>
      <c r="B14033" s="14" t="s">
        <v>1</v>
      </c>
      <c r="C14033" s="14" t="s">
        <v>17</v>
      </c>
      <c r="D14033" s="14" t="s">
        <v>104</v>
      </c>
      <c r="E14033" s="15">
        <v>45539</v>
      </c>
      <c r="F14033" s="14" t="s">
        <v>15</v>
      </c>
      <c r="G14033" s="16">
        <v>0</v>
      </c>
    </row>
    <row r="14034" spans="1:7" x14ac:dyDescent="0.3">
      <c r="A14034" s="13" t="s">
        <v>103</v>
      </c>
      <c r="B14034" s="14" t="s">
        <v>1</v>
      </c>
      <c r="C14034" s="14" t="s">
        <v>17</v>
      </c>
      <c r="D14034" s="14" t="s">
        <v>104</v>
      </c>
      <c r="E14034" s="15">
        <v>45540</v>
      </c>
      <c r="F14034" s="14" t="s">
        <v>15</v>
      </c>
      <c r="G14034" s="16">
        <v>0</v>
      </c>
    </row>
    <row r="14035" spans="1:7" x14ac:dyDescent="0.3">
      <c r="A14035" s="13" t="s">
        <v>103</v>
      </c>
      <c r="B14035" s="14" t="s">
        <v>1</v>
      </c>
      <c r="C14035" s="14" t="s">
        <v>17</v>
      </c>
      <c r="D14035" s="14" t="s">
        <v>104</v>
      </c>
      <c r="E14035" s="15">
        <v>45541</v>
      </c>
      <c r="F14035" s="14" t="s">
        <v>15</v>
      </c>
      <c r="G14035" s="16">
        <v>0</v>
      </c>
    </row>
    <row r="14036" spans="1:7" x14ac:dyDescent="0.3">
      <c r="A14036" s="13" t="s">
        <v>103</v>
      </c>
      <c r="B14036" s="14" t="s">
        <v>1</v>
      </c>
      <c r="C14036" s="14" t="s">
        <v>17</v>
      </c>
      <c r="D14036" s="14" t="s">
        <v>104</v>
      </c>
      <c r="E14036" s="15">
        <v>45542</v>
      </c>
      <c r="F14036" s="14" t="s">
        <v>15</v>
      </c>
      <c r="G14036" s="16">
        <v>0</v>
      </c>
    </row>
    <row r="14037" spans="1:7" x14ac:dyDescent="0.3">
      <c r="A14037" s="13" t="s">
        <v>103</v>
      </c>
      <c r="B14037" s="14" t="s">
        <v>1</v>
      </c>
      <c r="C14037" s="14" t="s">
        <v>17</v>
      </c>
      <c r="D14037" s="14" t="s">
        <v>104</v>
      </c>
      <c r="E14037" s="15">
        <v>45543</v>
      </c>
      <c r="F14037" s="14" t="s">
        <v>15</v>
      </c>
      <c r="G14037" s="16">
        <v>0</v>
      </c>
    </row>
    <row r="14038" spans="1:7" x14ac:dyDescent="0.3">
      <c r="A14038" s="13" t="s">
        <v>103</v>
      </c>
      <c r="B14038" s="14" t="s">
        <v>1</v>
      </c>
      <c r="C14038" s="14" t="s">
        <v>17</v>
      </c>
      <c r="D14038" s="14" t="s">
        <v>104</v>
      </c>
      <c r="E14038" s="15">
        <v>45544</v>
      </c>
      <c r="F14038" s="14" t="s">
        <v>15</v>
      </c>
      <c r="G14038" s="16">
        <v>0</v>
      </c>
    </row>
    <row r="14039" spans="1:7" x14ac:dyDescent="0.3">
      <c r="A14039" s="13" t="s">
        <v>103</v>
      </c>
      <c r="B14039" s="14" t="s">
        <v>1</v>
      </c>
      <c r="C14039" s="14" t="s">
        <v>17</v>
      </c>
      <c r="D14039" s="14" t="s">
        <v>104</v>
      </c>
      <c r="E14039" s="15">
        <v>45545</v>
      </c>
      <c r="F14039" s="14" t="s">
        <v>15</v>
      </c>
      <c r="G14039" s="16">
        <v>0</v>
      </c>
    </row>
    <row r="14040" spans="1:7" x14ac:dyDescent="0.3">
      <c r="A14040" s="13" t="s">
        <v>103</v>
      </c>
      <c r="B14040" s="14" t="s">
        <v>1</v>
      </c>
      <c r="C14040" s="14" t="s">
        <v>17</v>
      </c>
      <c r="D14040" s="14" t="s">
        <v>104</v>
      </c>
      <c r="E14040" s="15">
        <v>45546</v>
      </c>
      <c r="F14040" s="14" t="s">
        <v>15</v>
      </c>
      <c r="G14040" s="16">
        <v>0</v>
      </c>
    </row>
    <row r="14041" spans="1:7" x14ac:dyDescent="0.3">
      <c r="A14041" s="13" t="s">
        <v>103</v>
      </c>
      <c r="B14041" s="14" t="s">
        <v>1</v>
      </c>
      <c r="C14041" s="14" t="s">
        <v>17</v>
      </c>
      <c r="D14041" s="14" t="s">
        <v>104</v>
      </c>
      <c r="E14041" s="15">
        <v>45547</v>
      </c>
      <c r="F14041" s="14" t="s">
        <v>15</v>
      </c>
      <c r="G14041" s="16">
        <v>0</v>
      </c>
    </row>
    <row r="14042" spans="1:7" x14ac:dyDescent="0.3">
      <c r="A14042" s="13" t="s">
        <v>103</v>
      </c>
      <c r="B14042" s="14" t="s">
        <v>1</v>
      </c>
      <c r="C14042" s="14" t="s">
        <v>17</v>
      </c>
      <c r="D14042" s="14" t="s">
        <v>104</v>
      </c>
      <c r="E14042" s="15">
        <v>45548</v>
      </c>
      <c r="F14042" s="14" t="s">
        <v>15</v>
      </c>
      <c r="G14042" s="16">
        <v>0</v>
      </c>
    </row>
    <row r="14043" spans="1:7" x14ac:dyDescent="0.3">
      <c r="A14043" s="13" t="s">
        <v>103</v>
      </c>
      <c r="B14043" s="14" t="s">
        <v>1</v>
      </c>
      <c r="C14043" s="14" t="s">
        <v>17</v>
      </c>
      <c r="D14043" s="14" t="s">
        <v>104</v>
      </c>
      <c r="E14043" s="15">
        <v>45549</v>
      </c>
      <c r="F14043" s="14" t="s">
        <v>15</v>
      </c>
      <c r="G14043" s="16">
        <v>0</v>
      </c>
    </row>
    <row r="14044" spans="1:7" x14ac:dyDescent="0.3">
      <c r="A14044" s="13" t="s">
        <v>103</v>
      </c>
      <c r="B14044" s="14" t="s">
        <v>1</v>
      </c>
      <c r="C14044" s="14" t="s">
        <v>17</v>
      </c>
      <c r="D14044" s="14" t="s">
        <v>104</v>
      </c>
      <c r="E14044" s="15">
        <v>45550</v>
      </c>
      <c r="F14044" s="14" t="s">
        <v>15</v>
      </c>
      <c r="G14044" s="16">
        <v>0</v>
      </c>
    </row>
    <row r="14045" spans="1:7" x14ac:dyDescent="0.3">
      <c r="A14045" s="13" t="s">
        <v>103</v>
      </c>
      <c r="B14045" s="14" t="s">
        <v>1</v>
      </c>
      <c r="C14045" s="14" t="s">
        <v>17</v>
      </c>
      <c r="D14045" s="14" t="s">
        <v>104</v>
      </c>
      <c r="E14045" s="15">
        <v>45551</v>
      </c>
      <c r="F14045" s="14" t="s">
        <v>15</v>
      </c>
      <c r="G14045" s="16">
        <v>0</v>
      </c>
    </row>
    <row r="14046" spans="1:7" x14ac:dyDescent="0.3">
      <c r="A14046" s="13" t="s">
        <v>103</v>
      </c>
      <c r="B14046" s="14" t="s">
        <v>1</v>
      </c>
      <c r="C14046" s="14" t="s">
        <v>17</v>
      </c>
      <c r="D14046" s="14" t="s">
        <v>104</v>
      </c>
      <c r="E14046" s="15">
        <v>45552</v>
      </c>
      <c r="F14046" s="14" t="s">
        <v>15</v>
      </c>
      <c r="G14046" s="16">
        <v>0</v>
      </c>
    </row>
    <row r="14047" spans="1:7" x14ac:dyDescent="0.3">
      <c r="A14047" s="13" t="s">
        <v>103</v>
      </c>
      <c r="B14047" s="14" t="s">
        <v>1</v>
      </c>
      <c r="C14047" s="14" t="s">
        <v>17</v>
      </c>
      <c r="D14047" s="14" t="s">
        <v>104</v>
      </c>
      <c r="E14047" s="15">
        <v>45553</v>
      </c>
      <c r="F14047" s="14" t="s">
        <v>15</v>
      </c>
      <c r="G14047" s="16">
        <v>0</v>
      </c>
    </row>
    <row r="14048" spans="1:7" x14ac:dyDescent="0.3">
      <c r="A14048" s="13" t="s">
        <v>103</v>
      </c>
      <c r="B14048" s="14" t="s">
        <v>1</v>
      </c>
      <c r="C14048" s="14" t="s">
        <v>17</v>
      </c>
      <c r="D14048" s="14" t="s">
        <v>104</v>
      </c>
      <c r="E14048" s="15">
        <v>45554</v>
      </c>
      <c r="F14048" s="14" t="s">
        <v>15</v>
      </c>
      <c r="G14048" s="16">
        <v>0</v>
      </c>
    </row>
    <row r="14049" spans="1:7" x14ac:dyDescent="0.3">
      <c r="A14049" s="13" t="s">
        <v>103</v>
      </c>
      <c r="B14049" s="14" t="s">
        <v>1</v>
      </c>
      <c r="C14049" s="14" t="s">
        <v>17</v>
      </c>
      <c r="D14049" s="14" t="s">
        <v>104</v>
      </c>
      <c r="E14049" s="15">
        <v>45555</v>
      </c>
      <c r="F14049" s="14" t="s">
        <v>15</v>
      </c>
      <c r="G14049" s="16">
        <v>0</v>
      </c>
    </row>
    <row r="14050" spans="1:7" x14ac:dyDescent="0.3">
      <c r="A14050" s="13" t="s">
        <v>103</v>
      </c>
      <c r="B14050" s="14" t="s">
        <v>1</v>
      </c>
      <c r="C14050" s="14" t="s">
        <v>17</v>
      </c>
      <c r="D14050" s="14" t="s">
        <v>104</v>
      </c>
      <c r="E14050" s="15">
        <v>45556</v>
      </c>
      <c r="F14050" s="14" t="s">
        <v>15</v>
      </c>
      <c r="G14050" s="16">
        <v>0</v>
      </c>
    </row>
    <row r="14051" spans="1:7" x14ac:dyDescent="0.3">
      <c r="A14051" s="13" t="s">
        <v>103</v>
      </c>
      <c r="B14051" s="14" t="s">
        <v>1</v>
      </c>
      <c r="C14051" s="14" t="s">
        <v>17</v>
      </c>
      <c r="D14051" s="14" t="s">
        <v>104</v>
      </c>
      <c r="E14051" s="15">
        <v>45557</v>
      </c>
      <c r="F14051" s="14" t="s">
        <v>15</v>
      </c>
      <c r="G14051" s="16">
        <v>0</v>
      </c>
    </row>
    <row r="14052" spans="1:7" x14ac:dyDescent="0.3">
      <c r="A14052" s="13" t="s">
        <v>103</v>
      </c>
      <c r="B14052" s="14" t="s">
        <v>1</v>
      </c>
      <c r="C14052" s="14" t="s">
        <v>17</v>
      </c>
      <c r="D14052" s="14" t="s">
        <v>104</v>
      </c>
      <c r="E14052" s="15">
        <v>45558</v>
      </c>
      <c r="F14052" s="14" t="s">
        <v>15</v>
      </c>
      <c r="G14052" s="16">
        <v>0</v>
      </c>
    </row>
    <row r="14053" spans="1:7" x14ac:dyDescent="0.3">
      <c r="A14053" s="13" t="s">
        <v>103</v>
      </c>
      <c r="B14053" s="14" t="s">
        <v>1</v>
      </c>
      <c r="C14053" s="14" t="s">
        <v>17</v>
      </c>
      <c r="D14053" s="14" t="s">
        <v>104</v>
      </c>
      <c r="E14053" s="15">
        <v>45559</v>
      </c>
      <c r="F14053" s="14" t="s">
        <v>15</v>
      </c>
      <c r="G14053" s="16">
        <v>0</v>
      </c>
    </row>
    <row r="14054" spans="1:7" x14ac:dyDescent="0.3">
      <c r="A14054" s="13" t="s">
        <v>103</v>
      </c>
      <c r="B14054" s="14" t="s">
        <v>1</v>
      </c>
      <c r="C14054" s="14" t="s">
        <v>17</v>
      </c>
      <c r="D14054" s="14" t="s">
        <v>104</v>
      </c>
      <c r="E14054" s="15">
        <v>45560</v>
      </c>
      <c r="F14054" s="14" t="s">
        <v>15</v>
      </c>
      <c r="G14054" s="16">
        <v>0</v>
      </c>
    </row>
    <row r="14055" spans="1:7" x14ac:dyDescent="0.3">
      <c r="A14055" s="13" t="s">
        <v>103</v>
      </c>
      <c r="B14055" s="14" t="s">
        <v>1</v>
      </c>
      <c r="C14055" s="14" t="s">
        <v>17</v>
      </c>
      <c r="D14055" s="14" t="s">
        <v>104</v>
      </c>
      <c r="E14055" s="15">
        <v>45561</v>
      </c>
      <c r="F14055" s="14" t="s">
        <v>15</v>
      </c>
      <c r="G14055" s="16">
        <v>0</v>
      </c>
    </row>
    <row r="14056" spans="1:7" x14ac:dyDescent="0.3">
      <c r="A14056" s="13" t="s">
        <v>103</v>
      </c>
      <c r="B14056" s="14" t="s">
        <v>1</v>
      </c>
      <c r="C14056" s="14" t="s">
        <v>17</v>
      </c>
      <c r="D14056" s="14" t="s">
        <v>104</v>
      </c>
      <c r="E14056" s="15">
        <v>45562</v>
      </c>
      <c r="F14056" s="14" t="s">
        <v>15</v>
      </c>
      <c r="G14056" s="16">
        <v>0</v>
      </c>
    </row>
    <row r="14057" spans="1:7" x14ac:dyDescent="0.3">
      <c r="A14057" s="13" t="s">
        <v>103</v>
      </c>
      <c r="B14057" s="14" t="s">
        <v>1</v>
      </c>
      <c r="C14057" s="14" t="s">
        <v>17</v>
      </c>
      <c r="D14057" s="14" t="s">
        <v>104</v>
      </c>
      <c r="E14057" s="15">
        <v>45563</v>
      </c>
      <c r="F14057" s="14" t="s">
        <v>15</v>
      </c>
      <c r="G14057" s="16">
        <v>0</v>
      </c>
    </row>
    <row r="14058" spans="1:7" x14ac:dyDescent="0.3">
      <c r="A14058" s="13" t="s">
        <v>103</v>
      </c>
      <c r="B14058" s="14" t="s">
        <v>1</v>
      </c>
      <c r="C14058" s="14" t="s">
        <v>17</v>
      </c>
      <c r="D14058" s="14" t="s">
        <v>104</v>
      </c>
      <c r="E14058" s="15">
        <v>45564</v>
      </c>
      <c r="F14058" s="14" t="s">
        <v>15</v>
      </c>
      <c r="G14058" s="16">
        <v>0</v>
      </c>
    </row>
    <row r="14059" spans="1:7" x14ac:dyDescent="0.3">
      <c r="A14059" s="13" t="s">
        <v>103</v>
      </c>
      <c r="B14059" s="14" t="s">
        <v>1</v>
      </c>
      <c r="C14059" s="14" t="s">
        <v>17</v>
      </c>
      <c r="D14059" s="14" t="s">
        <v>104</v>
      </c>
      <c r="E14059" s="15">
        <v>45565</v>
      </c>
      <c r="F14059" s="14" t="s">
        <v>15</v>
      </c>
      <c r="G14059" s="16">
        <v>0</v>
      </c>
    </row>
    <row r="14060" spans="1:7" x14ac:dyDescent="0.3">
      <c r="A14060" s="13" t="s">
        <v>103</v>
      </c>
      <c r="B14060" s="14" t="s">
        <v>1</v>
      </c>
      <c r="C14060" s="14" t="s">
        <v>17</v>
      </c>
      <c r="D14060" s="14" t="s">
        <v>104</v>
      </c>
      <c r="E14060" s="15">
        <v>45566</v>
      </c>
      <c r="F14060" s="14" t="s">
        <v>15</v>
      </c>
      <c r="G14060" s="16">
        <v>0</v>
      </c>
    </row>
    <row r="14061" spans="1:7" x14ac:dyDescent="0.3">
      <c r="A14061" s="13" t="s">
        <v>103</v>
      </c>
      <c r="B14061" s="14" t="s">
        <v>1</v>
      </c>
      <c r="C14061" s="14" t="s">
        <v>17</v>
      </c>
      <c r="D14061" s="14" t="s">
        <v>104</v>
      </c>
      <c r="E14061" s="15">
        <v>45567</v>
      </c>
      <c r="F14061" s="14" t="s">
        <v>15</v>
      </c>
      <c r="G14061" s="16">
        <v>0</v>
      </c>
    </row>
    <row r="14062" spans="1:7" x14ac:dyDescent="0.3">
      <c r="A14062" s="13" t="s">
        <v>103</v>
      </c>
      <c r="B14062" s="14" t="s">
        <v>1</v>
      </c>
      <c r="C14062" s="14" t="s">
        <v>17</v>
      </c>
      <c r="D14062" s="14" t="s">
        <v>104</v>
      </c>
      <c r="E14062" s="15">
        <v>45568</v>
      </c>
      <c r="F14062" s="14" t="s">
        <v>15</v>
      </c>
      <c r="G14062" s="16">
        <v>0</v>
      </c>
    </row>
    <row r="14063" spans="1:7" x14ac:dyDescent="0.3">
      <c r="A14063" s="13" t="s">
        <v>103</v>
      </c>
      <c r="B14063" s="14" t="s">
        <v>1</v>
      </c>
      <c r="C14063" s="14" t="s">
        <v>17</v>
      </c>
      <c r="D14063" s="14" t="s">
        <v>104</v>
      </c>
      <c r="E14063" s="15">
        <v>45569</v>
      </c>
      <c r="F14063" s="14" t="s">
        <v>15</v>
      </c>
      <c r="G14063" s="16">
        <v>0</v>
      </c>
    </row>
    <row r="14064" spans="1:7" x14ac:dyDescent="0.3">
      <c r="A14064" s="13" t="s">
        <v>103</v>
      </c>
      <c r="B14064" s="14" t="s">
        <v>1</v>
      </c>
      <c r="C14064" s="14" t="s">
        <v>17</v>
      </c>
      <c r="D14064" s="14" t="s">
        <v>104</v>
      </c>
      <c r="E14064" s="15">
        <v>45570</v>
      </c>
      <c r="F14064" s="14" t="s">
        <v>15</v>
      </c>
      <c r="G14064" s="16">
        <v>0</v>
      </c>
    </row>
    <row r="14065" spans="1:7" x14ac:dyDescent="0.3">
      <c r="A14065" s="13" t="s">
        <v>103</v>
      </c>
      <c r="B14065" s="14" t="s">
        <v>1</v>
      </c>
      <c r="C14065" s="14" t="s">
        <v>17</v>
      </c>
      <c r="D14065" s="14" t="s">
        <v>104</v>
      </c>
      <c r="E14065" s="15">
        <v>45571</v>
      </c>
      <c r="F14065" s="14" t="s">
        <v>15</v>
      </c>
      <c r="G14065" s="16">
        <v>0</v>
      </c>
    </row>
    <row r="14066" spans="1:7" x14ac:dyDescent="0.3">
      <c r="A14066" s="13" t="s">
        <v>103</v>
      </c>
      <c r="B14066" s="14" t="s">
        <v>1</v>
      </c>
      <c r="C14066" s="14" t="s">
        <v>17</v>
      </c>
      <c r="D14066" s="14" t="s">
        <v>104</v>
      </c>
      <c r="E14066" s="15">
        <v>45572</v>
      </c>
      <c r="F14066" s="14" t="s">
        <v>15</v>
      </c>
      <c r="G14066" s="16">
        <v>0</v>
      </c>
    </row>
    <row r="14067" spans="1:7" x14ac:dyDescent="0.3">
      <c r="A14067" s="13" t="s">
        <v>103</v>
      </c>
      <c r="B14067" s="14" t="s">
        <v>1</v>
      </c>
      <c r="C14067" s="14" t="s">
        <v>17</v>
      </c>
      <c r="D14067" s="14" t="s">
        <v>104</v>
      </c>
      <c r="E14067" s="15">
        <v>45573</v>
      </c>
      <c r="F14067" s="14" t="s">
        <v>15</v>
      </c>
      <c r="G14067" s="16">
        <v>0</v>
      </c>
    </row>
    <row r="14068" spans="1:7" x14ac:dyDescent="0.3">
      <c r="A14068" s="13" t="s">
        <v>103</v>
      </c>
      <c r="B14068" s="14" t="s">
        <v>1</v>
      </c>
      <c r="C14068" s="14" t="s">
        <v>17</v>
      </c>
      <c r="D14068" s="14" t="s">
        <v>104</v>
      </c>
      <c r="E14068" s="15">
        <v>45574</v>
      </c>
      <c r="F14068" s="14" t="s">
        <v>15</v>
      </c>
      <c r="G14068" s="16">
        <v>0</v>
      </c>
    </row>
    <row r="14069" spans="1:7" x14ac:dyDescent="0.3">
      <c r="A14069" s="13" t="s">
        <v>103</v>
      </c>
      <c r="B14069" s="14" t="s">
        <v>1</v>
      </c>
      <c r="C14069" s="14" t="s">
        <v>17</v>
      </c>
      <c r="D14069" s="14" t="s">
        <v>104</v>
      </c>
      <c r="E14069" s="15">
        <v>45575</v>
      </c>
      <c r="F14069" s="14" t="s">
        <v>15</v>
      </c>
      <c r="G14069" s="16">
        <v>0</v>
      </c>
    </row>
    <row r="14070" spans="1:7" x14ac:dyDescent="0.3">
      <c r="A14070" s="13" t="s">
        <v>103</v>
      </c>
      <c r="B14070" s="14" t="s">
        <v>1</v>
      </c>
      <c r="C14070" s="14" t="s">
        <v>17</v>
      </c>
      <c r="D14070" s="14" t="s">
        <v>104</v>
      </c>
      <c r="E14070" s="15">
        <v>45576</v>
      </c>
      <c r="F14070" s="14" t="s">
        <v>15</v>
      </c>
      <c r="G14070" s="16">
        <v>0</v>
      </c>
    </row>
    <row r="14071" spans="1:7" x14ac:dyDescent="0.3">
      <c r="A14071" s="13" t="s">
        <v>103</v>
      </c>
      <c r="B14071" s="14" t="s">
        <v>1</v>
      </c>
      <c r="C14071" s="14" t="s">
        <v>17</v>
      </c>
      <c r="D14071" s="14" t="s">
        <v>104</v>
      </c>
      <c r="E14071" s="15">
        <v>45577</v>
      </c>
      <c r="F14071" s="14" t="s">
        <v>15</v>
      </c>
      <c r="G14071" s="16">
        <v>0</v>
      </c>
    </row>
    <row r="14072" spans="1:7" x14ac:dyDescent="0.3">
      <c r="A14072" s="13" t="s">
        <v>103</v>
      </c>
      <c r="B14072" s="14" t="s">
        <v>1</v>
      </c>
      <c r="C14072" s="14" t="s">
        <v>17</v>
      </c>
      <c r="D14072" s="14" t="s">
        <v>104</v>
      </c>
      <c r="E14072" s="15">
        <v>45578</v>
      </c>
      <c r="F14072" s="14" t="s">
        <v>15</v>
      </c>
      <c r="G14072" s="16">
        <v>0</v>
      </c>
    </row>
    <row r="14073" spans="1:7" x14ac:dyDescent="0.3">
      <c r="A14073" s="13" t="s">
        <v>103</v>
      </c>
      <c r="B14073" s="14" t="s">
        <v>1</v>
      </c>
      <c r="C14073" s="14" t="s">
        <v>17</v>
      </c>
      <c r="D14073" s="14" t="s">
        <v>104</v>
      </c>
      <c r="E14073" s="15">
        <v>45579</v>
      </c>
      <c r="F14073" s="14" t="s">
        <v>15</v>
      </c>
      <c r="G14073" s="16">
        <v>0</v>
      </c>
    </row>
    <row r="14074" spans="1:7" x14ac:dyDescent="0.3">
      <c r="A14074" s="13" t="s">
        <v>103</v>
      </c>
      <c r="B14074" s="14" t="s">
        <v>1</v>
      </c>
      <c r="C14074" s="14" t="s">
        <v>17</v>
      </c>
      <c r="D14074" s="14" t="s">
        <v>104</v>
      </c>
      <c r="E14074" s="15">
        <v>45580</v>
      </c>
      <c r="F14074" s="14" t="s">
        <v>15</v>
      </c>
      <c r="G14074" s="16">
        <v>0</v>
      </c>
    </row>
    <row r="14075" spans="1:7" x14ac:dyDescent="0.3">
      <c r="A14075" s="13" t="s">
        <v>103</v>
      </c>
      <c r="B14075" s="14" t="s">
        <v>1</v>
      </c>
      <c r="C14075" s="14" t="s">
        <v>17</v>
      </c>
      <c r="D14075" s="14" t="s">
        <v>104</v>
      </c>
      <c r="E14075" s="15">
        <v>45581</v>
      </c>
      <c r="F14075" s="14" t="s">
        <v>15</v>
      </c>
      <c r="G14075" s="16">
        <v>0</v>
      </c>
    </row>
    <row r="14076" spans="1:7" x14ac:dyDescent="0.3">
      <c r="A14076" s="13" t="s">
        <v>103</v>
      </c>
      <c r="B14076" s="14" t="s">
        <v>1</v>
      </c>
      <c r="C14076" s="14" t="s">
        <v>17</v>
      </c>
      <c r="D14076" s="14" t="s">
        <v>104</v>
      </c>
      <c r="E14076" s="15">
        <v>45582</v>
      </c>
      <c r="F14076" s="14" t="s">
        <v>15</v>
      </c>
      <c r="G14076" s="16">
        <v>0</v>
      </c>
    </row>
    <row r="14077" spans="1:7" x14ac:dyDescent="0.3">
      <c r="A14077" s="13" t="s">
        <v>103</v>
      </c>
      <c r="B14077" s="14" t="s">
        <v>1</v>
      </c>
      <c r="C14077" s="14" t="s">
        <v>17</v>
      </c>
      <c r="D14077" s="14" t="s">
        <v>104</v>
      </c>
      <c r="E14077" s="15">
        <v>45583</v>
      </c>
      <c r="F14077" s="14" t="s">
        <v>15</v>
      </c>
      <c r="G14077" s="16">
        <v>0</v>
      </c>
    </row>
    <row r="14078" spans="1:7" x14ac:dyDescent="0.3">
      <c r="A14078" s="13" t="s">
        <v>103</v>
      </c>
      <c r="B14078" s="14" t="s">
        <v>1</v>
      </c>
      <c r="C14078" s="14" t="s">
        <v>17</v>
      </c>
      <c r="D14078" s="14" t="s">
        <v>104</v>
      </c>
      <c r="E14078" s="15">
        <v>45584</v>
      </c>
      <c r="F14078" s="14" t="s">
        <v>15</v>
      </c>
      <c r="G14078" s="16">
        <v>0</v>
      </c>
    </row>
    <row r="14079" spans="1:7" x14ac:dyDescent="0.3">
      <c r="A14079" s="13" t="s">
        <v>103</v>
      </c>
      <c r="B14079" s="14" t="s">
        <v>1</v>
      </c>
      <c r="C14079" s="14" t="s">
        <v>17</v>
      </c>
      <c r="D14079" s="14" t="s">
        <v>104</v>
      </c>
      <c r="E14079" s="15">
        <v>45585</v>
      </c>
      <c r="F14079" s="14" t="s">
        <v>15</v>
      </c>
      <c r="G14079" s="16">
        <v>0</v>
      </c>
    </row>
    <row r="14080" spans="1:7" x14ac:dyDescent="0.3">
      <c r="A14080" s="13" t="s">
        <v>103</v>
      </c>
      <c r="B14080" s="14" t="s">
        <v>1</v>
      </c>
      <c r="C14080" s="14" t="s">
        <v>17</v>
      </c>
      <c r="D14080" s="14" t="s">
        <v>104</v>
      </c>
      <c r="E14080" s="15">
        <v>45586</v>
      </c>
      <c r="F14080" s="14" t="s">
        <v>15</v>
      </c>
      <c r="G14080" s="16">
        <v>0</v>
      </c>
    </row>
    <row r="14081" spans="1:7" x14ac:dyDescent="0.3">
      <c r="A14081" s="13" t="s">
        <v>103</v>
      </c>
      <c r="B14081" s="14" t="s">
        <v>1</v>
      </c>
      <c r="C14081" s="14" t="s">
        <v>17</v>
      </c>
      <c r="D14081" s="14" t="s">
        <v>104</v>
      </c>
      <c r="E14081" s="15">
        <v>45587</v>
      </c>
      <c r="F14081" s="14" t="s">
        <v>15</v>
      </c>
      <c r="G14081" s="16">
        <v>0</v>
      </c>
    </row>
    <row r="14082" spans="1:7" x14ac:dyDescent="0.3">
      <c r="A14082" s="13" t="s">
        <v>103</v>
      </c>
      <c r="B14082" s="14" t="s">
        <v>1</v>
      </c>
      <c r="C14082" s="14" t="s">
        <v>17</v>
      </c>
      <c r="D14082" s="14" t="s">
        <v>104</v>
      </c>
      <c r="E14082" s="15">
        <v>45588</v>
      </c>
      <c r="F14082" s="14" t="s">
        <v>15</v>
      </c>
      <c r="G14082" s="16">
        <v>0</v>
      </c>
    </row>
    <row r="14083" spans="1:7" x14ac:dyDescent="0.3">
      <c r="A14083" s="13" t="s">
        <v>103</v>
      </c>
      <c r="B14083" s="14" t="s">
        <v>1</v>
      </c>
      <c r="C14083" s="14" t="s">
        <v>17</v>
      </c>
      <c r="D14083" s="14" t="s">
        <v>104</v>
      </c>
      <c r="E14083" s="15">
        <v>45589</v>
      </c>
      <c r="F14083" s="14" t="s">
        <v>15</v>
      </c>
      <c r="G14083" s="16">
        <v>0</v>
      </c>
    </row>
    <row r="14084" spans="1:7" x14ac:dyDescent="0.3">
      <c r="A14084" s="13" t="s">
        <v>103</v>
      </c>
      <c r="B14084" s="14" t="s">
        <v>1</v>
      </c>
      <c r="C14084" s="14" t="s">
        <v>17</v>
      </c>
      <c r="D14084" s="14" t="s">
        <v>104</v>
      </c>
      <c r="E14084" s="15">
        <v>45590</v>
      </c>
      <c r="F14084" s="14" t="s">
        <v>15</v>
      </c>
      <c r="G14084" s="16">
        <v>0</v>
      </c>
    </row>
    <row r="14085" spans="1:7" x14ac:dyDescent="0.3">
      <c r="A14085" s="13" t="s">
        <v>103</v>
      </c>
      <c r="B14085" s="14" t="s">
        <v>1</v>
      </c>
      <c r="C14085" s="14" t="s">
        <v>17</v>
      </c>
      <c r="D14085" s="14" t="s">
        <v>104</v>
      </c>
      <c r="E14085" s="15">
        <v>45591</v>
      </c>
      <c r="F14085" s="14" t="s">
        <v>15</v>
      </c>
      <c r="G14085" s="16">
        <v>0</v>
      </c>
    </row>
    <row r="14086" spans="1:7" x14ac:dyDescent="0.3">
      <c r="A14086" s="13" t="s">
        <v>103</v>
      </c>
      <c r="B14086" s="14" t="s">
        <v>1</v>
      </c>
      <c r="C14086" s="14" t="s">
        <v>17</v>
      </c>
      <c r="D14086" s="14" t="s">
        <v>104</v>
      </c>
      <c r="E14086" s="15">
        <v>45592</v>
      </c>
      <c r="F14086" s="14" t="s">
        <v>15</v>
      </c>
      <c r="G14086" s="16">
        <v>0</v>
      </c>
    </row>
    <row r="14087" spans="1:7" x14ac:dyDescent="0.3">
      <c r="A14087" s="13" t="s">
        <v>103</v>
      </c>
      <c r="B14087" s="14" t="s">
        <v>1</v>
      </c>
      <c r="C14087" s="14" t="s">
        <v>17</v>
      </c>
      <c r="D14087" s="14" t="s">
        <v>104</v>
      </c>
      <c r="E14087" s="15">
        <v>45593</v>
      </c>
      <c r="F14087" s="14" t="s">
        <v>15</v>
      </c>
      <c r="G14087" s="16">
        <v>0</v>
      </c>
    </row>
    <row r="14088" spans="1:7" x14ac:dyDescent="0.3">
      <c r="A14088" s="13" t="s">
        <v>103</v>
      </c>
      <c r="B14088" s="14" t="s">
        <v>1</v>
      </c>
      <c r="C14088" s="14" t="s">
        <v>17</v>
      </c>
      <c r="D14088" s="14" t="s">
        <v>104</v>
      </c>
      <c r="E14088" s="15">
        <v>45594</v>
      </c>
      <c r="F14088" s="14" t="s">
        <v>15</v>
      </c>
      <c r="G14088" s="16">
        <v>0</v>
      </c>
    </row>
    <row r="14089" spans="1:7" x14ac:dyDescent="0.3">
      <c r="A14089" s="13" t="s">
        <v>103</v>
      </c>
      <c r="B14089" s="14" t="s">
        <v>1</v>
      </c>
      <c r="C14089" s="14" t="s">
        <v>17</v>
      </c>
      <c r="D14089" s="14" t="s">
        <v>104</v>
      </c>
      <c r="E14089" s="15">
        <v>45595</v>
      </c>
      <c r="F14089" s="14" t="s">
        <v>15</v>
      </c>
      <c r="G14089" s="16">
        <v>0</v>
      </c>
    </row>
    <row r="14090" spans="1:7" x14ac:dyDescent="0.3">
      <c r="A14090" s="13" t="s">
        <v>103</v>
      </c>
      <c r="B14090" s="14" t="s">
        <v>1</v>
      </c>
      <c r="C14090" s="14" t="s">
        <v>17</v>
      </c>
      <c r="D14090" s="14" t="s">
        <v>104</v>
      </c>
      <c r="E14090" s="15">
        <v>45596</v>
      </c>
      <c r="F14090" s="14" t="s">
        <v>15</v>
      </c>
      <c r="G14090" s="16">
        <v>0</v>
      </c>
    </row>
    <row r="14091" spans="1:7" x14ac:dyDescent="0.3">
      <c r="A14091" s="13" t="s">
        <v>103</v>
      </c>
      <c r="B14091" s="14" t="s">
        <v>1</v>
      </c>
      <c r="C14091" s="14" t="s">
        <v>17</v>
      </c>
      <c r="D14091" s="14" t="s">
        <v>104</v>
      </c>
      <c r="E14091" s="15">
        <v>45597</v>
      </c>
      <c r="F14091" s="14" t="s">
        <v>15</v>
      </c>
      <c r="G14091" s="16">
        <v>0</v>
      </c>
    </row>
    <row r="14092" spans="1:7" x14ac:dyDescent="0.3">
      <c r="A14092" s="13" t="s">
        <v>103</v>
      </c>
      <c r="B14092" s="14" t="s">
        <v>1</v>
      </c>
      <c r="C14092" s="14" t="s">
        <v>17</v>
      </c>
      <c r="D14092" s="14" t="s">
        <v>104</v>
      </c>
      <c r="E14092" s="15">
        <v>45598</v>
      </c>
      <c r="F14092" s="14" t="s">
        <v>15</v>
      </c>
      <c r="G14092" s="16">
        <v>0</v>
      </c>
    </row>
    <row r="14093" spans="1:7" x14ac:dyDescent="0.3">
      <c r="A14093" s="13" t="s">
        <v>103</v>
      </c>
      <c r="B14093" s="14" t="s">
        <v>1</v>
      </c>
      <c r="C14093" s="14" t="s">
        <v>17</v>
      </c>
      <c r="D14093" s="14" t="s">
        <v>104</v>
      </c>
      <c r="E14093" s="15">
        <v>45599</v>
      </c>
      <c r="F14093" s="14" t="s">
        <v>15</v>
      </c>
      <c r="G14093" s="16">
        <v>0</v>
      </c>
    </row>
    <row r="14094" spans="1:7" x14ac:dyDescent="0.3">
      <c r="A14094" s="13" t="s">
        <v>103</v>
      </c>
      <c r="B14094" s="14" t="s">
        <v>1</v>
      </c>
      <c r="C14094" s="14" t="s">
        <v>17</v>
      </c>
      <c r="D14094" s="14" t="s">
        <v>104</v>
      </c>
      <c r="E14094" s="15">
        <v>45600</v>
      </c>
      <c r="F14094" s="14" t="s">
        <v>15</v>
      </c>
      <c r="G14094" s="16">
        <v>0</v>
      </c>
    </row>
    <row r="14095" spans="1:7" x14ac:dyDescent="0.3">
      <c r="A14095" s="13" t="s">
        <v>103</v>
      </c>
      <c r="B14095" s="14" t="s">
        <v>1</v>
      </c>
      <c r="C14095" s="14" t="s">
        <v>17</v>
      </c>
      <c r="D14095" s="14" t="s">
        <v>104</v>
      </c>
      <c r="E14095" s="15">
        <v>45601</v>
      </c>
      <c r="F14095" s="14" t="s">
        <v>15</v>
      </c>
      <c r="G14095" s="16">
        <v>0</v>
      </c>
    </row>
    <row r="14096" spans="1:7" x14ac:dyDescent="0.3">
      <c r="A14096" s="13" t="s">
        <v>103</v>
      </c>
      <c r="B14096" s="14" t="s">
        <v>1</v>
      </c>
      <c r="C14096" s="14" t="s">
        <v>17</v>
      </c>
      <c r="D14096" s="14" t="s">
        <v>104</v>
      </c>
      <c r="E14096" s="15">
        <v>45602</v>
      </c>
      <c r="F14096" s="14" t="s">
        <v>15</v>
      </c>
      <c r="G14096" s="16">
        <v>0</v>
      </c>
    </row>
    <row r="14097" spans="1:7" x14ac:dyDescent="0.3">
      <c r="A14097" s="13" t="s">
        <v>103</v>
      </c>
      <c r="B14097" s="14" t="s">
        <v>1</v>
      </c>
      <c r="C14097" s="14" t="s">
        <v>17</v>
      </c>
      <c r="D14097" s="14" t="s">
        <v>104</v>
      </c>
      <c r="E14097" s="15">
        <v>45603</v>
      </c>
      <c r="F14097" s="14" t="s">
        <v>15</v>
      </c>
      <c r="G14097" s="16">
        <v>0</v>
      </c>
    </row>
    <row r="14098" spans="1:7" x14ac:dyDescent="0.3">
      <c r="A14098" s="13" t="s">
        <v>103</v>
      </c>
      <c r="B14098" s="14" t="s">
        <v>1</v>
      </c>
      <c r="C14098" s="14" t="s">
        <v>17</v>
      </c>
      <c r="D14098" s="14" t="s">
        <v>104</v>
      </c>
      <c r="E14098" s="15">
        <v>45604</v>
      </c>
      <c r="F14098" s="14" t="s">
        <v>15</v>
      </c>
      <c r="G14098" s="16">
        <v>0</v>
      </c>
    </row>
    <row r="14099" spans="1:7" x14ac:dyDescent="0.3">
      <c r="A14099" s="13" t="s">
        <v>103</v>
      </c>
      <c r="B14099" s="14" t="s">
        <v>1</v>
      </c>
      <c r="C14099" s="14" t="s">
        <v>17</v>
      </c>
      <c r="D14099" s="14" t="s">
        <v>104</v>
      </c>
      <c r="E14099" s="15">
        <v>45605</v>
      </c>
      <c r="F14099" s="14" t="s">
        <v>15</v>
      </c>
      <c r="G14099" s="16">
        <v>0</v>
      </c>
    </row>
    <row r="14100" spans="1:7" x14ac:dyDescent="0.3">
      <c r="A14100" s="13" t="s">
        <v>103</v>
      </c>
      <c r="B14100" s="14" t="s">
        <v>1</v>
      </c>
      <c r="C14100" s="14" t="s">
        <v>17</v>
      </c>
      <c r="D14100" s="14" t="s">
        <v>104</v>
      </c>
      <c r="E14100" s="15">
        <v>45606</v>
      </c>
      <c r="F14100" s="14" t="s">
        <v>15</v>
      </c>
      <c r="G14100" s="16">
        <v>0</v>
      </c>
    </row>
    <row r="14101" spans="1:7" x14ac:dyDescent="0.3">
      <c r="A14101" s="13" t="s">
        <v>103</v>
      </c>
      <c r="B14101" s="14" t="s">
        <v>1</v>
      </c>
      <c r="C14101" s="14" t="s">
        <v>17</v>
      </c>
      <c r="D14101" s="14" t="s">
        <v>104</v>
      </c>
      <c r="E14101" s="15">
        <v>45607</v>
      </c>
      <c r="F14101" s="14" t="s">
        <v>15</v>
      </c>
      <c r="G14101" s="16">
        <v>0</v>
      </c>
    </row>
    <row r="14102" spans="1:7" x14ac:dyDescent="0.3">
      <c r="A14102" s="13" t="s">
        <v>103</v>
      </c>
      <c r="B14102" s="14" t="s">
        <v>1</v>
      </c>
      <c r="C14102" s="14" t="s">
        <v>17</v>
      </c>
      <c r="D14102" s="14" t="s">
        <v>104</v>
      </c>
      <c r="E14102" s="15">
        <v>45608</v>
      </c>
      <c r="F14102" s="14" t="s">
        <v>15</v>
      </c>
      <c r="G14102" s="16">
        <v>0</v>
      </c>
    </row>
    <row r="14103" spans="1:7" x14ac:dyDescent="0.3">
      <c r="A14103" s="13" t="s">
        <v>103</v>
      </c>
      <c r="B14103" s="14" t="s">
        <v>1</v>
      </c>
      <c r="C14103" s="14" t="s">
        <v>17</v>
      </c>
      <c r="D14103" s="14" t="s">
        <v>104</v>
      </c>
      <c r="E14103" s="15">
        <v>45609</v>
      </c>
      <c r="F14103" s="14" t="s">
        <v>15</v>
      </c>
      <c r="G14103" s="16">
        <v>0</v>
      </c>
    </row>
    <row r="14104" spans="1:7" x14ac:dyDescent="0.3">
      <c r="A14104" s="13" t="s">
        <v>103</v>
      </c>
      <c r="B14104" s="14" t="s">
        <v>1</v>
      </c>
      <c r="C14104" s="14" t="s">
        <v>17</v>
      </c>
      <c r="D14104" s="14" t="s">
        <v>104</v>
      </c>
      <c r="E14104" s="15">
        <v>45610</v>
      </c>
      <c r="F14104" s="14" t="s">
        <v>15</v>
      </c>
      <c r="G14104" s="16">
        <v>0</v>
      </c>
    </row>
    <row r="14105" spans="1:7" x14ac:dyDescent="0.3">
      <c r="A14105" s="13" t="s">
        <v>103</v>
      </c>
      <c r="B14105" s="14" t="s">
        <v>1</v>
      </c>
      <c r="C14105" s="14" t="s">
        <v>17</v>
      </c>
      <c r="D14105" s="14" t="s">
        <v>104</v>
      </c>
      <c r="E14105" s="15">
        <v>45611</v>
      </c>
      <c r="F14105" s="14" t="s">
        <v>15</v>
      </c>
      <c r="G14105" s="16">
        <v>0</v>
      </c>
    </row>
    <row r="14106" spans="1:7" x14ac:dyDescent="0.3">
      <c r="A14106" s="13" t="s">
        <v>103</v>
      </c>
      <c r="B14106" s="14" t="s">
        <v>1</v>
      </c>
      <c r="C14106" s="14" t="s">
        <v>17</v>
      </c>
      <c r="D14106" s="14" t="s">
        <v>104</v>
      </c>
      <c r="E14106" s="15">
        <v>45612</v>
      </c>
      <c r="F14106" s="14" t="s">
        <v>15</v>
      </c>
      <c r="G14106" s="16">
        <v>0</v>
      </c>
    </row>
    <row r="14107" spans="1:7" x14ac:dyDescent="0.3">
      <c r="A14107" s="13" t="s">
        <v>103</v>
      </c>
      <c r="B14107" s="14" t="s">
        <v>1</v>
      </c>
      <c r="C14107" s="14" t="s">
        <v>17</v>
      </c>
      <c r="D14107" s="14" t="s">
        <v>104</v>
      </c>
      <c r="E14107" s="15">
        <v>45613</v>
      </c>
      <c r="F14107" s="14" t="s">
        <v>15</v>
      </c>
      <c r="G14107" s="16">
        <v>0</v>
      </c>
    </row>
    <row r="14108" spans="1:7" x14ac:dyDescent="0.3">
      <c r="A14108" s="13" t="s">
        <v>103</v>
      </c>
      <c r="B14108" s="14" t="s">
        <v>1</v>
      </c>
      <c r="C14108" s="14" t="s">
        <v>17</v>
      </c>
      <c r="D14108" s="14" t="s">
        <v>104</v>
      </c>
      <c r="E14108" s="15">
        <v>45614</v>
      </c>
      <c r="F14108" s="14" t="s">
        <v>15</v>
      </c>
      <c r="G14108" s="16">
        <v>0</v>
      </c>
    </row>
    <row r="14109" spans="1:7" x14ac:dyDescent="0.3">
      <c r="A14109" s="13" t="s">
        <v>103</v>
      </c>
      <c r="B14109" s="14" t="s">
        <v>1</v>
      </c>
      <c r="C14109" s="14" t="s">
        <v>17</v>
      </c>
      <c r="D14109" s="14" t="s">
        <v>104</v>
      </c>
      <c r="E14109" s="15">
        <v>45615</v>
      </c>
      <c r="F14109" s="14" t="s">
        <v>15</v>
      </c>
      <c r="G14109" s="16">
        <v>0</v>
      </c>
    </row>
    <row r="14110" spans="1:7" x14ac:dyDescent="0.3">
      <c r="A14110" s="13" t="s">
        <v>103</v>
      </c>
      <c r="B14110" s="14" t="s">
        <v>1</v>
      </c>
      <c r="C14110" s="14" t="s">
        <v>17</v>
      </c>
      <c r="D14110" s="14" t="s">
        <v>104</v>
      </c>
      <c r="E14110" s="15">
        <v>45616</v>
      </c>
      <c r="F14110" s="14" t="s">
        <v>15</v>
      </c>
      <c r="G14110" s="16">
        <v>0</v>
      </c>
    </row>
    <row r="14111" spans="1:7" x14ac:dyDescent="0.3">
      <c r="A14111" s="13" t="s">
        <v>103</v>
      </c>
      <c r="B14111" s="14" t="s">
        <v>1</v>
      </c>
      <c r="C14111" s="14" t="s">
        <v>17</v>
      </c>
      <c r="D14111" s="14" t="s">
        <v>104</v>
      </c>
      <c r="E14111" s="15">
        <v>45617</v>
      </c>
      <c r="F14111" s="14" t="s">
        <v>15</v>
      </c>
      <c r="G14111" s="16">
        <v>0</v>
      </c>
    </row>
    <row r="14112" spans="1:7" x14ac:dyDescent="0.3">
      <c r="A14112" s="13" t="s">
        <v>103</v>
      </c>
      <c r="B14112" s="14" t="s">
        <v>1</v>
      </c>
      <c r="C14112" s="14" t="s">
        <v>17</v>
      </c>
      <c r="D14112" s="14" t="s">
        <v>104</v>
      </c>
      <c r="E14112" s="15">
        <v>45618</v>
      </c>
      <c r="F14112" s="14" t="s">
        <v>15</v>
      </c>
      <c r="G14112" s="16">
        <v>0</v>
      </c>
    </row>
    <row r="14113" spans="1:7" x14ac:dyDescent="0.3">
      <c r="A14113" s="13" t="s">
        <v>103</v>
      </c>
      <c r="B14113" s="14" t="s">
        <v>1</v>
      </c>
      <c r="C14113" s="14" t="s">
        <v>17</v>
      </c>
      <c r="D14113" s="14" t="s">
        <v>104</v>
      </c>
      <c r="E14113" s="15">
        <v>45619</v>
      </c>
      <c r="F14113" s="14" t="s">
        <v>15</v>
      </c>
      <c r="G14113" s="16">
        <v>0</v>
      </c>
    </row>
    <row r="14114" spans="1:7" x14ac:dyDescent="0.3">
      <c r="A14114" s="13" t="s">
        <v>103</v>
      </c>
      <c r="B14114" s="14" t="s">
        <v>1</v>
      </c>
      <c r="C14114" s="14" t="s">
        <v>17</v>
      </c>
      <c r="D14114" s="14" t="s">
        <v>104</v>
      </c>
      <c r="E14114" s="15">
        <v>45620</v>
      </c>
      <c r="F14114" s="14" t="s">
        <v>15</v>
      </c>
      <c r="G14114" s="16">
        <v>0</v>
      </c>
    </row>
    <row r="14115" spans="1:7" x14ac:dyDescent="0.3">
      <c r="A14115" s="13" t="s">
        <v>103</v>
      </c>
      <c r="B14115" s="14" t="s">
        <v>1</v>
      </c>
      <c r="C14115" s="14" t="s">
        <v>17</v>
      </c>
      <c r="D14115" s="14" t="s">
        <v>104</v>
      </c>
      <c r="E14115" s="15">
        <v>45621</v>
      </c>
      <c r="F14115" s="14" t="s">
        <v>15</v>
      </c>
      <c r="G14115" s="16">
        <v>0</v>
      </c>
    </row>
    <row r="14116" spans="1:7" x14ac:dyDescent="0.3">
      <c r="A14116" s="13" t="s">
        <v>103</v>
      </c>
      <c r="B14116" s="14" t="s">
        <v>1</v>
      </c>
      <c r="C14116" s="14" t="s">
        <v>17</v>
      </c>
      <c r="D14116" s="14" t="s">
        <v>104</v>
      </c>
      <c r="E14116" s="15">
        <v>45622</v>
      </c>
      <c r="F14116" s="14" t="s">
        <v>15</v>
      </c>
      <c r="G14116" s="16">
        <v>0</v>
      </c>
    </row>
    <row r="14117" spans="1:7" x14ac:dyDescent="0.3">
      <c r="A14117" s="13" t="s">
        <v>103</v>
      </c>
      <c r="B14117" s="14" t="s">
        <v>1</v>
      </c>
      <c r="C14117" s="14" t="s">
        <v>17</v>
      </c>
      <c r="D14117" s="14" t="s">
        <v>104</v>
      </c>
      <c r="E14117" s="15">
        <v>45623</v>
      </c>
      <c r="F14117" s="14" t="s">
        <v>15</v>
      </c>
      <c r="G14117" s="16">
        <v>0</v>
      </c>
    </row>
    <row r="14118" spans="1:7" x14ac:dyDescent="0.3">
      <c r="A14118" s="13" t="s">
        <v>103</v>
      </c>
      <c r="B14118" s="14" t="s">
        <v>1</v>
      </c>
      <c r="C14118" s="14" t="s">
        <v>17</v>
      </c>
      <c r="D14118" s="14" t="s">
        <v>104</v>
      </c>
      <c r="E14118" s="15">
        <v>45624</v>
      </c>
      <c r="F14118" s="14" t="s">
        <v>15</v>
      </c>
      <c r="G14118" s="16">
        <v>0</v>
      </c>
    </row>
    <row r="14119" spans="1:7" x14ac:dyDescent="0.3">
      <c r="A14119" s="13" t="s">
        <v>103</v>
      </c>
      <c r="B14119" s="14" t="s">
        <v>1</v>
      </c>
      <c r="C14119" s="14" t="s">
        <v>17</v>
      </c>
      <c r="D14119" s="14" t="s">
        <v>104</v>
      </c>
      <c r="E14119" s="15">
        <v>45625</v>
      </c>
      <c r="F14119" s="14" t="s">
        <v>15</v>
      </c>
      <c r="G14119" s="16">
        <v>0</v>
      </c>
    </row>
    <row r="14120" spans="1:7" x14ac:dyDescent="0.3">
      <c r="A14120" s="13" t="s">
        <v>103</v>
      </c>
      <c r="B14120" s="14" t="s">
        <v>1</v>
      </c>
      <c r="C14120" s="14" t="s">
        <v>17</v>
      </c>
      <c r="D14120" s="14" t="s">
        <v>104</v>
      </c>
      <c r="E14120" s="15">
        <v>45626</v>
      </c>
      <c r="F14120" s="14" t="s">
        <v>15</v>
      </c>
      <c r="G14120" s="16">
        <v>0</v>
      </c>
    </row>
    <row r="14121" spans="1:7" x14ac:dyDescent="0.3">
      <c r="A14121" s="13" t="s">
        <v>103</v>
      </c>
      <c r="B14121" s="14" t="s">
        <v>1</v>
      </c>
      <c r="C14121" s="14" t="s">
        <v>17</v>
      </c>
      <c r="D14121" s="14" t="s">
        <v>104</v>
      </c>
      <c r="E14121" s="15">
        <v>45627</v>
      </c>
      <c r="F14121" s="14" t="s">
        <v>15</v>
      </c>
      <c r="G14121" s="16">
        <v>0</v>
      </c>
    </row>
    <row r="14122" spans="1:7" x14ac:dyDescent="0.3">
      <c r="A14122" s="13" t="s">
        <v>103</v>
      </c>
      <c r="B14122" s="14" t="s">
        <v>1</v>
      </c>
      <c r="C14122" s="14" t="s">
        <v>17</v>
      </c>
      <c r="D14122" s="14" t="s">
        <v>104</v>
      </c>
      <c r="E14122" s="15">
        <v>45628</v>
      </c>
      <c r="F14122" s="14" t="s">
        <v>15</v>
      </c>
      <c r="G14122" s="16">
        <v>0</v>
      </c>
    </row>
    <row r="14123" spans="1:7" x14ac:dyDescent="0.3">
      <c r="A14123" s="13" t="s">
        <v>103</v>
      </c>
      <c r="B14123" s="14" t="s">
        <v>1</v>
      </c>
      <c r="C14123" s="14" t="s">
        <v>17</v>
      </c>
      <c r="D14123" s="14" t="s">
        <v>104</v>
      </c>
      <c r="E14123" s="15">
        <v>45629</v>
      </c>
      <c r="F14123" s="14" t="s">
        <v>15</v>
      </c>
      <c r="G14123" s="16">
        <v>0</v>
      </c>
    </row>
    <row r="14124" spans="1:7" x14ac:dyDescent="0.3">
      <c r="A14124" s="13" t="s">
        <v>103</v>
      </c>
      <c r="B14124" s="14" t="s">
        <v>1</v>
      </c>
      <c r="C14124" s="14" t="s">
        <v>17</v>
      </c>
      <c r="D14124" s="14" t="s">
        <v>104</v>
      </c>
      <c r="E14124" s="15">
        <v>45630</v>
      </c>
      <c r="F14124" s="14" t="s">
        <v>15</v>
      </c>
      <c r="G14124" s="16">
        <v>0</v>
      </c>
    </row>
    <row r="14125" spans="1:7" x14ac:dyDescent="0.3">
      <c r="A14125" s="13" t="s">
        <v>103</v>
      </c>
      <c r="B14125" s="14" t="s">
        <v>1</v>
      </c>
      <c r="C14125" s="14" t="s">
        <v>17</v>
      </c>
      <c r="D14125" s="14" t="s">
        <v>104</v>
      </c>
      <c r="E14125" s="15">
        <v>45631</v>
      </c>
      <c r="F14125" s="14" t="s">
        <v>15</v>
      </c>
      <c r="G14125" s="16">
        <v>0</v>
      </c>
    </row>
    <row r="14126" spans="1:7" x14ac:dyDescent="0.3">
      <c r="A14126" s="13" t="s">
        <v>103</v>
      </c>
      <c r="B14126" s="14" t="s">
        <v>1</v>
      </c>
      <c r="C14126" s="14" t="s">
        <v>17</v>
      </c>
      <c r="D14126" s="14" t="s">
        <v>104</v>
      </c>
      <c r="E14126" s="15">
        <v>45632</v>
      </c>
      <c r="F14126" s="14" t="s">
        <v>15</v>
      </c>
      <c r="G14126" s="16">
        <v>0</v>
      </c>
    </row>
    <row r="14127" spans="1:7" x14ac:dyDescent="0.3">
      <c r="A14127" s="13" t="s">
        <v>103</v>
      </c>
      <c r="B14127" s="14" t="s">
        <v>1</v>
      </c>
      <c r="C14127" s="14" t="s">
        <v>17</v>
      </c>
      <c r="D14127" s="14" t="s">
        <v>104</v>
      </c>
      <c r="E14127" s="15">
        <v>45633</v>
      </c>
      <c r="F14127" s="14" t="s">
        <v>15</v>
      </c>
      <c r="G14127" s="16">
        <v>0</v>
      </c>
    </row>
    <row r="14128" spans="1:7" x14ac:dyDescent="0.3">
      <c r="A14128" s="13" t="s">
        <v>103</v>
      </c>
      <c r="B14128" s="14" t="s">
        <v>1</v>
      </c>
      <c r="C14128" s="14" t="s">
        <v>17</v>
      </c>
      <c r="D14128" s="14" t="s">
        <v>104</v>
      </c>
      <c r="E14128" s="15">
        <v>45634</v>
      </c>
      <c r="F14128" s="14" t="s">
        <v>15</v>
      </c>
      <c r="G14128" s="16">
        <v>0</v>
      </c>
    </row>
    <row r="14129" spans="1:7" x14ac:dyDescent="0.3">
      <c r="A14129" s="13" t="s">
        <v>103</v>
      </c>
      <c r="B14129" s="14" t="s">
        <v>1</v>
      </c>
      <c r="C14129" s="14" t="s">
        <v>17</v>
      </c>
      <c r="D14129" s="14" t="s">
        <v>104</v>
      </c>
      <c r="E14129" s="15">
        <v>45635</v>
      </c>
      <c r="F14129" s="14" t="s">
        <v>15</v>
      </c>
      <c r="G14129" s="16">
        <v>0</v>
      </c>
    </row>
    <row r="14130" spans="1:7" x14ac:dyDescent="0.3">
      <c r="A14130" s="13" t="s">
        <v>103</v>
      </c>
      <c r="B14130" s="14" t="s">
        <v>1</v>
      </c>
      <c r="C14130" s="14" t="s">
        <v>17</v>
      </c>
      <c r="D14130" s="14" t="s">
        <v>104</v>
      </c>
      <c r="E14130" s="15">
        <v>45636</v>
      </c>
      <c r="F14130" s="14" t="s">
        <v>15</v>
      </c>
      <c r="G14130" s="16">
        <v>0</v>
      </c>
    </row>
    <row r="14131" spans="1:7" x14ac:dyDescent="0.3">
      <c r="A14131" s="13" t="s">
        <v>103</v>
      </c>
      <c r="B14131" s="14" t="s">
        <v>1</v>
      </c>
      <c r="C14131" s="14" t="s">
        <v>17</v>
      </c>
      <c r="D14131" s="14" t="s">
        <v>104</v>
      </c>
      <c r="E14131" s="15">
        <v>45637</v>
      </c>
      <c r="F14131" s="14" t="s">
        <v>15</v>
      </c>
      <c r="G14131" s="16">
        <v>0</v>
      </c>
    </row>
    <row r="14132" spans="1:7" x14ac:dyDescent="0.3">
      <c r="A14132" s="13" t="s">
        <v>103</v>
      </c>
      <c r="B14132" s="14" t="s">
        <v>1</v>
      </c>
      <c r="C14132" s="14" t="s">
        <v>17</v>
      </c>
      <c r="D14132" s="14" t="s">
        <v>104</v>
      </c>
      <c r="E14132" s="15">
        <v>45638</v>
      </c>
      <c r="F14132" s="14" t="s">
        <v>15</v>
      </c>
      <c r="G14132" s="16">
        <v>0</v>
      </c>
    </row>
    <row r="14133" spans="1:7" x14ac:dyDescent="0.3">
      <c r="A14133" s="13" t="s">
        <v>103</v>
      </c>
      <c r="B14133" s="14" t="s">
        <v>1</v>
      </c>
      <c r="C14133" s="14" t="s">
        <v>17</v>
      </c>
      <c r="D14133" s="14" t="s">
        <v>104</v>
      </c>
      <c r="E14133" s="15">
        <v>45639</v>
      </c>
      <c r="F14133" s="14" t="s">
        <v>15</v>
      </c>
      <c r="G14133" s="16">
        <v>0</v>
      </c>
    </row>
    <row r="14134" spans="1:7" x14ac:dyDescent="0.3">
      <c r="A14134" s="13" t="s">
        <v>103</v>
      </c>
      <c r="B14134" s="14" t="s">
        <v>1</v>
      </c>
      <c r="C14134" s="14" t="s">
        <v>17</v>
      </c>
      <c r="D14134" s="14" t="s">
        <v>104</v>
      </c>
      <c r="E14134" s="15">
        <v>45640</v>
      </c>
      <c r="F14134" s="14" t="s">
        <v>15</v>
      </c>
      <c r="G14134" s="16">
        <v>0</v>
      </c>
    </row>
    <row r="14135" spans="1:7" x14ac:dyDescent="0.3">
      <c r="A14135" s="13" t="s">
        <v>103</v>
      </c>
      <c r="B14135" s="14" t="s">
        <v>1</v>
      </c>
      <c r="C14135" s="14" t="s">
        <v>17</v>
      </c>
      <c r="D14135" s="14" t="s">
        <v>104</v>
      </c>
      <c r="E14135" s="15">
        <v>45641</v>
      </c>
      <c r="F14135" s="14" t="s">
        <v>15</v>
      </c>
      <c r="G14135" s="16">
        <v>0</v>
      </c>
    </row>
    <row r="14136" spans="1:7" x14ac:dyDescent="0.3">
      <c r="A14136" s="13" t="s">
        <v>103</v>
      </c>
      <c r="B14136" s="14" t="s">
        <v>1</v>
      </c>
      <c r="C14136" s="14" t="s">
        <v>17</v>
      </c>
      <c r="D14136" s="14" t="s">
        <v>104</v>
      </c>
      <c r="E14136" s="15">
        <v>45642</v>
      </c>
      <c r="F14136" s="14" t="s">
        <v>15</v>
      </c>
      <c r="G14136" s="16">
        <v>0</v>
      </c>
    </row>
    <row r="14137" spans="1:7" x14ac:dyDescent="0.3">
      <c r="A14137" s="13" t="s">
        <v>103</v>
      </c>
      <c r="B14137" s="14" t="s">
        <v>1</v>
      </c>
      <c r="C14137" s="14" t="s">
        <v>17</v>
      </c>
      <c r="D14137" s="14" t="s">
        <v>104</v>
      </c>
      <c r="E14137" s="15">
        <v>45643</v>
      </c>
      <c r="F14137" s="14" t="s">
        <v>15</v>
      </c>
      <c r="G14137" s="16">
        <v>0</v>
      </c>
    </row>
    <row r="14138" spans="1:7" x14ac:dyDescent="0.3">
      <c r="A14138" s="13" t="s">
        <v>103</v>
      </c>
      <c r="B14138" s="14" t="s">
        <v>1</v>
      </c>
      <c r="C14138" s="14" t="s">
        <v>17</v>
      </c>
      <c r="D14138" s="14" t="s">
        <v>104</v>
      </c>
      <c r="E14138" s="15">
        <v>45644</v>
      </c>
      <c r="F14138" s="14" t="s">
        <v>15</v>
      </c>
      <c r="G14138" s="16">
        <v>0</v>
      </c>
    </row>
    <row r="14139" spans="1:7" x14ac:dyDescent="0.3">
      <c r="A14139" s="13" t="s">
        <v>103</v>
      </c>
      <c r="B14139" s="14" t="s">
        <v>1</v>
      </c>
      <c r="C14139" s="14" t="s">
        <v>17</v>
      </c>
      <c r="D14139" s="14" t="s">
        <v>104</v>
      </c>
      <c r="E14139" s="15">
        <v>45645</v>
      </c>
      <c r="F14139" s="14" t="s">
        <v>15</v>
      </c>
      <c r="G14139" s="16">
        <v>0</v>
      </c>
    </row>
    <row r="14140" spans="1:7" x14ac:dyDescent="0.3">
      <c r="A14140" s="13" t="s">
        <v>103</v>
      </c>
      <c r="B14140" s="14" t="s">
        <v>1</v>
      </c>
      <c r="C14140" s="14" t="s">
        <v>17</v>
      </c>
      <c r="D14140" s="14" t="s">
        <v>104</v>
      </c>
      <c r="E14140" s="15">
        <v>45646</v>
      </c>
      <c r="F14140" s="14" t="s">
        <v>15</v>
      </c>
      <c r="G14140" s="16">
        <v>0</v>
      </c>
    </row>
    <row r="14141" spans="1:7" x14ac:dyDescent="0.3">
      <c r="A14141" s="13" t="s">
        <v>103</v>
      </c>
      <c r="B14141" s="14" t="s">
        <v>1</v>
      </c>
      <c r="C14141" s="14" t="s">
        <v>17</v>
      </c>
      <c r="D14141" s="14" t="s">
        <v>104</v>
      </c>
      <c r="E14141" s="15">
        <v>45647</v>
      </c>
      <c r="F14141" s="14" t="s">
        <v>15</v>
      </c>
      <c r="G14141" s="16">
        <v>0</v>
      </c>
    </row>
    <row r="14142" spans="1:7" x14ac:dyDescent="0.3">
      <c r="A14142" s="13" t="s">
        <v>103</v>
      </c>
      <c r="B14142" s="14" t="s">
        <v>1</v>
      </c>
      <c r="C14142" s="14" t="s">
        <v>17</v>
      </c>
      <c r="D14142" s="14" t="s">
        <v>104</v>
      </c>
      <c r="E14142" s="15">
        <v>45648</v>
      </c>
      <c r="F14142" s="14" t="s">
        <v>15</v>
      </c>
      <c r="G14142" s="16">
        <v>0</v>
      </c>
    </row>
    <row r="14143" spans="1:7" x14ac:dyDescent="0.3">
      <c r="A14143" s="13" t="s">
        <v>103</v>
      </c>
      <c r="B14143" s="14" t="s">
        <v>1</v>
      </c>
      <c r="C14143" s="14" t="s">
        <v>17</v>
      </c>
      <c r="D14143" s="14" t="s">
        <v>104</v>
      </c>
      <c r="E14143" s="15">
        <v>45649</v>
      </c>
      <c r="F14143" s="14" t="s">
        <v>15</v>
      </c>
      <c r="G14143" s="16">
        <v>0</v>
      </c>
    </row>
    <row r="14144" spans="1:7" x14ac:dyDescent="0.3">
      <c r="A14144" s="13" t="s">
        <v>103</v>
      </c>
      <c r="B14144" s="14" t="s">
        <v>1</v>
      </c>
      <c r="C14144" s="14" t="s">
        <v>17</v>
      </c>
      <c r="D14144" s="14" t="s">
        <v>104</v>
      </c>
      <c r="E14144" s="15">
        <v>45650</v>
      </c>
      <c r="F14144" s="14" t="s">
        <v>15</v>
      </c>
      <c r="G14144" s="16">
        <v>0</v>
      </c>
    </row>
    <row r="14145" spans="1:7" x14ac:dyDescent="0.3">
      <c r="A14145" s="13" t="s">
        <v>103</v>
      </c>
      <c r="B14145" s="14" t="s">
        <v>1</v>
      </c>
      <c r="C14145" s="14" t="s">
        <v>17</v>
      </c>
      <c r="D14145" s="14" t="s">
        <v>104</v>
      </c>
      <c r="E14145" s="15">
        <v>45651</v>
      </c>
      <c r="F14145" s="14" t="s">
        <v>15</v>
      </c>
      <c r="G14145" s="16">
        <v>0</v>
      </c>
    </row>
    <row r="14146" spans="1:7" x14ac:dyDescent="0.3">
      <c r="A14146" s="13" t="s">
        <v>103</v>
      </c>
      <c r="B14146" s="14" t="s">
        <v>1</v>
      </c>
      <c r="C14146" s="14" t="s">
        <v>17</v>
      </c>
      <c r="D14146" s="14" t="s">
        <v>104</v>
      </c>
      <c r="E14146" s="15">
        <v>45652</v>
      </c>
      <c r="F14146" s="14" t="s">
        <v>15</v>
      </c>
      <c r="G14146" s="16">
        <v>0</v>
      </c>
    </row>
    <row r="14147" spans="1:7" x14ac:dyDescent="0.3">
      <c r="A14147" s="13" t="s">
        <v>103</v>
      </c>
      <c r="B14147" s="14" t="s">
        <v>1</v>
      </c>
      <c r="C14147" s="14" t="s">
        <v>17</v>
      </c>
      <c r="D14147" s="14" t="s">
        <v>104</v>
      </c>
      <c r="E14147" s="15">
        <v>45653</v>
      </c>
      <c r="F14147" s="14" t="s">
        <v>15</v>
      </c>
      <c r="G14147" s="16">
        <v>0</v>
      </c>
    </row>
    <row r="14148" spans="1:7" x14ac:dyDescent="0.3">
      <c r="A14148" s="13" t="s">
        <v>103</v>
      </c>
      <c r="B14148" s="14" t="s">
        <v>1</v>
      </c>
      <c r="C14148" s="14" t="s">
        <v>17</v>
      </c>
      <c r="D14148" s="14" t="s">
        <v>104</v>
      </c>
      <c r="E14148" s="15">
        <v>45654</v>
      </c>
      <c r="F14148" s="14" t="s">
        <v>15</v>
      </c>
      <c r="G14148" s="16">
        <v>0</v>
      </c>
    </row>
    <row r="14149" spans="1:7" x14ac:dyDescent="0.3">
      <c r="A14149" s="13" t="s">
        <v>103</v>
      </c>
      <c r="B14149" s="14" t="s">
        <v>1</v>
      </c>
      <c r="C14149" s="14" t="s">
        <v>17</v>
      </c>
      <c r="D14149" s="14" t="s">
        <v>104</v>
      </c>
      <c r="E14149" s="15">
        <v>45655</v>
      </c>
      <c r="F14149" s="14" t="s">
        <v>15</v>
      </c>
      <c r="G14149" s="16">
        <v>0</v>
      </c>
    </row>
    <row r="14150" spans="1:7" x14ac:dyDescent="0.3">
      <c r="A14150" s="13" t="s">
        <v>103</v>
      </c>
      <c r="B14150" s="14" t="s">
        <v>1</v>
      </c>
      <c r="C14150" s="14" t="s">
        <v>17</v>
      </c>
      <c r="D14150" s="14" t="s">
        <v>104</v>
      </c>
      <c r="E14150" s="15">
        <v>45656</v>
      </c>
      <c r="F14150" s="14" t="s">
        <v>15</v>
      </c>
      <c r="G14150" s="16">
        <v>0</v>
      </c>
    </row>
    <row r="14151" spans="1:7" x14ac:dyDescent="0.3">
      <c r="A14151" s="13" t="s">
        <v>103</v>
      </c>
      <c r="B14151" s="14" t="s">
        <v>1</v>
      </c>
      <c r="C14151" s="14" t="s">
        <v>17</v>
      </c>
      <c r="D14151" s="14" t="s">
        <v>104</v>
      </c>
      <c r="E14151" s="15">
        <v>45657</v>
      </c>
      <c r="F14151" s="14" t="s">
        <v>15</v>
      </c>
      <c r="G14151" s="16">
        <v>0</v>
      </c>
    </row>
    <row r="14152" spans="1:7" x14ac:dyDescent="0.3">
      <c r="A14152" s="13" t="s">
        <v>103</v>
      </c>
      <c r="B14152" s="14" t="s">
        <v>1</v>
      </c>
      <c r="C14152" s="14" t="s">
        <v>17</v>
      </c>
      <c r="D14152" s="14" t="s">
        <v>104</v>
      </c>
      <c r="E14152" s="15">
        <v>45658</v>
      </c>
      <c r="F14152" s="14" t="s">
        <v>15</v>
      </c>
      <c r="G14152" s="16">
        <v>0</v>
      </c>
    </row>
    <row r="14153" spans="1:7" x14ac:dyDescent="0.3">
      <c r="A14153" s="13" t="s">
        <v>103</v>
      </c>
      <c r="B14153" s="14" t="s">
        <v>1</v>
      </c>
      <c r="C14153" s="14" t="s">
        <v>17</v>
      </c>
      <c r="D14153" s="14" t="s">
        <v>104</v>
      </c>
      <c r="E14153" s="15">
        <v>45659</v>
      </c>
      <c r="F14153" s="14" t="s">
        <v>15</v>
      </c>
      <c r="G14153" s="16">
        <v>0</v>
      </c>
    </row>
    <row r="14154" spans="1:7" x14ac:dyDescent="0.3">
      <c r="A14154" s="13" t="s">
        <v>103</v>
      </c>
      <c r="B14154" s="14" t="s">
        <v>1</v>
      </c>
      <c r="C14154" s="14" t="s">
        <v>17</v>
      </c>
      <c r="D14154" s="14" t="s">
        <v>104</v>
      </c>
      <c r="E14154" s="15">
        <v>45660</v>
      </c>
      <c r="F14154" s="14" t="s">
        <v>15</v>
      </c>
      <c r="G14154" s="16">
        <v>0</v>
      </c>
    </row>
    <row r="14155" spans="1:7" x14ac:dyDescent="0.3">
      <c r="A14155" s="13" t="s">
        <v>103</v>
      </c>
      <c r="B14155" s="14" t="s">
        <v>1</v>
      </c>
      <c r="C14155" s="14" t="s">
        <v>17</v>
      </c>
      <c r="D14155" s="14" t="s">
        <v>104</v>
      </c>
      <c r="E14155" s="15">
        <v>45661</v>
      </c>
      <c r="F14155" s="14" t="s">
        <v>15</v>
      </c>
      <c r="G14155" s="16">
        <v>0</v>
      </c>
    </row>
    <row r="14156" spans="1:7" x14ac:dyDescent="0.3">
      <c r="A14156" s="13" t="s">
        <v>103</v>
      </c>
      <c r="B14156" s="14" t="s">
        <v>1</v>
      </c>
      <c r="C14156" s="14" t="s">
        <v>17</v>
      </c>
      <c r="D14156" s="14" t="s">
        <v>104</v>
      </c>
      <c r="E14156" s="15">
        <v>45662</v>
      </c>
      <c r="F14156" s="14" t="s">
        <v>15</v>
      </c>
      <c r="G14156" s="16">
        <v>0</v>
      </c>
    </row>
    <row r="14157" spans="1:7" x14ac:dyDescent="0.3">
      <c r="A14157" s="13" t="s">
        <v>103</v>
      </c>
      <c r="B14157" s="14" t="s">
        <v>1</v>
      </c>
      <c r="C14157" s="14" t="s">
        <v>17</v>
      </c>
      <c r="D14157" s="14" t="s">
        <v>104</v>
      </c>
      <c r="E14157" s="15">
        <v>45663</v>
      </c>
      <c r="F14157" s="14" t="s">
        <v>15</v>
      </c>
      <c r="G14157" s="16">
        <v>0</v>
      </c>
    </row>
    <row r="14158" spans="1:7" x14ac:dyDescent="0.3">
      <c r="A14158" s="13" t="s">
        <v>103</v>
      </c>
      <c r="B14158" s="14" t="s">
        <v>1</v>
      </c>
      <c r="C14158" s="14" t="s">
        <v>17</v>
      </c>
      <c r="D14158" s="14" t="s">
        <v>104</v>
      </c>
      <c r="E14158" s="15">
        <v>45664</v>
      </c>
      <c r="F14158" s="14" t="s">
        <v>15</v>
      </c>
      <c r="G14158" s="16">
        <v>0</v>
      </c>
    </row>
    <row r="14159" spans="1:7" x14ac:dyDescent="0.3">
      <c r="A14159" s="13" t="s">
        <v>103</v>
      </c>
      <c r="B14159" s="14" t="s">
        <v>1</v>
      </c>
      <c r="C14159" s="14" t="s">
        <v>17</v>
      </c>
      <c r="D14159" s="14" t="s">
        <v>104</v>
      </c>
      <c r="E14159" s="15">
        <v>45665</v>
      </c>
      <c r="F14159" s="14" t="s">
        <v>15</v>
      </c>
      <c r="G14159" s="16">
        <v>0</v>
      </c>
    </row>
    <row r="14160" spans="1:7" x14ac:dyDescent="0.3">
      <c r="A14160" s="13" t="s">
        <v>103</v>
      </c>
      <c r="B14160" s="14" t="s">
        <v>1</v>
      </c>
      <c r="C14160" s="14" t="s">
        <v>17</v>
      </c>
      <c r="D14160" s="14" t="s">
        <v>104</v>
      </c>
      <c r="E14160" s="15">
        <v>45666</v>
      </c>
      <c r="F14160" s="14" t="s">
        <v>15</v>
      </c>
      <c r="G14160" s="16">
        <v>0</v>
      </c>
    </row>
    <row r="14161" spans="1:7" x14ac:dyDescent="0.3">
      <c r="A14161" s="13" t="s">
        <v>103</v>
      </c>
      <c r="B14161" s="14" t="s">
        <v>1</v>
      </c>
      <c r="C14161" s="14" t="s">
        <v>17</v>
      </c>
      <c r="D14161" s="14" t="s">
        <v>104</v>
      </c>
      <c r="E14161" s="15">
        <v>45667</v>
      </c>
      <c r="F14161" s="14" t="s">
        <v>15</v>
      </c>
      <c r="G14161" s="16">
        <v>0</v>
      </c>
    </row>
    <row r="14162" spans="1:7" x14ac:dyDescent="0.3">
      <c r="A14162" s="13" t="s">
        <v>103</v>
      </c>
      <c r="B14162" s="14" t="s">
        <v>1</v>
      </c>
      <c r="C14162" s="14" t="s">
        <v>17</v>
      </c>
      <c r="D14162" s="14" t="s">
        <v>104</v>
      </c>
      <c r="E14162" s="15">
        <v>45668</v>
      </c>
      <c r="F14162" s="14" t="s">
        <v>15</v>
      </c>
      <c r="G14162" s="16">
        <v>0</v>
      </c>
    </row>
    <row r="14163" spans="1:7" x14ac:dyDescent="0.3">
      <c r="A14163" s="13" t="s">
        <v>103</v>
      </c>
      <c r="B14163" s="14" t="s">
        <v>1</v>
      </c>
      <c r="C14163" s="14" t="s">
        <v>17</v>
      </c>
      <c r="D14163" s="14" t="s">
        <v>104</v>
      </c>
      <c r="E14163" s="15">
        <v>45669</v>
      </c>
      <c r="F14163" s="14" t="s">
        <v>15</v>
      </c>
      <c r="G14163" s="16">
        <v>0</v>
      </c>
    </row>
    <row r="14164" spans="1:7" x14ac:dyDescent="0.3">
      <c r="A14164" s="13" t="s">
        <v>103</v>
      </c>
      <c r="B14164" s="14" t="s">
        <v>1</v>
      </c>
      <c r="C14164" s="14" t="s">
        <v>17</v>
      </c>
      <c r="D14164" s="14" t="s">
        <v>104</v>
      </c>
      <c r="E14164" s="15">
        <v>45670</v>
      </c>
      <c r="F14164" s="14" t="s">
        <v>15</v>
      </c>
      <c r="G14164" s="16">
        <v>0</v>
      </c>
    </row>
    <row r="14165" spans="1:7" x14ac:dyDescent="0.3">
      <c r="A14165" s="13" t="s">
        <v>103</v>
      </c>
      <c r="B14165" s="14" t="s">
        <v>1</v>
      </c>
      <c r="C14165" s="14" t="s">
        <v>17</v>
      </c>
      <c r="D14165" s="14" t="s">
        <v>104</v>
      </c>
      <c r="E14165" s="15">
        <v>45671</v>
      </c>
      <c r="F14165" s="14" t="s">
        <v>15</v>
      </c>
      <c r="G14165" s="16">
        <v>0</v>
      </c>
    </row>
    <row r="14166" spans="1:7" x14ac:dyDescent="0.3">
      <c r="A14166" s="13" t="s">
        <v>103</v>
      </c>
      <c r="B14166" s="14" t="s">
        <v>1</v>
      </c>
      <c r="C14166" s="14" t="s">
        <v>17</v>
      </c>
      <c r="D14166" s="14" t="s">
        <v>104</v>
      </c>
      <c r="E14166" s="15">
        <v>45672</v>
      </c>
      <c r="F14166" s="14" t="s">
        <v>15</v>
      </c>
      <c r="G14166" s="16">
        <v>0</v>
      </c>
    </row>
    <row r="14167" spans="1:7" x14ac:dyDescent="0.3">
      <c r="A14167" s="13" t="s">
        <v>103</v>
      </c>
      <c r="B14167" s="14" t="s">
        <v>1</v>
      </c>
      <c r="C14167" s="14" t="s">
        <v>17</v>
      </c>
      <c r="D14167" s="14" t="s">
        <v>104</v>
      </c>
      <c r="E14167" s="15">
        <v>45673</v>
      </c>
      <c r="F14167" s="14" t="s">
        <v>15</v>
      </c>
      <c r="G14167" s="16">
        <v>0</v>
      </c>
    </row>
    <row r="14168" spans="1:7" x14ac:dyDescent="0.3">
      <c r="A14168" s="13" t="s">
        <v>103</v>
      </c>
      <c r="B14168" s="14" t="s">
        <v>1</v>
      </c>
      <c r="C14168" s="14" t="s">
        <v>17</v>
      </c>
      <c r="D14168" s="14" t="s">
        <v>104</v>
      </c>
      <c r="E14168" s="15">
        <v>45674</v>
      </c>
      <c r="F14168" s="14" t="s">
        <v>15</v>
      </c>
      <c r="G14168" s="16">
        <v>0</v>
      </c>
    </row>
    <row r="14169" spans="1:7" x14ac:dyDescent="0.3">
      <c r="A14169" s="13" t="s">
        <v>103</v>
      </c>
      <c r="B14169" s="14" t="s">
        <v>1</v>
      </c>
      <c r="C14169" s="14" t="s">
        <v>17</v>
      </c>
      <c r="D14169" s="14" t="s">
        <v>104</v>
      </c>
      <c r="E14169" s="15">
        <v>45675</v>
      </c>
      <c r="F14169" s="14" t="s">
        <v>15</v>
      </c>
      <c r="G14169" s="16">
        <v>0</v>
      </c>
    </row>
    <row r="14170" spans="1:7" x14ac:dyDescent="0.3">
      <c r="A14170" s="13" t="s">
        <v>103</v>
      </c>
      <c r="B14170" s="14" t="s">
        <v>1</v>
      </c>
      <c r="C14170" s="14" t="s">
        <v>17</v>
      </c>
      <c r="D14170" s="14" t="s">
        <v>104</v>
      </c>
      <c r="E14170" s="15">
        <v>45676</v>
      </c>
      <c r="F14170" s="14" t="s">
        <v>15</v>
      </c>
      <c r="G14170" s="16">
        <v>0</v>
      </c>
    </row>
    <row r="14171" spans="1:7" x14ac:dyDescent="0.3">
      <c r="A14171" s="13" t="s">
        <v>103</v>
      </c>
      <c r="B14171" s="14" t="s">
        <v>1</v>
      </c>
      <c r="C14171" s="14" t="s">
        <v>17</v>
      </c>
      <c r="D14171" s="14" t="s">
        <v>104</v>
      </c>
      <c r="E14171" s="15">
        <v>45677</v>
      </c>
      <c r="F14171" s="14" t="s">
        <v>15</v>
      </c>
      <c r="G14171" s="16">
        <v>0</v>
      </c>
    </row>
    <row r="14172" spans="1:7" x14ac:dyDescent="0.3">
      <c r="A14172" s="13" t="s">
        <v>103</v>
      </c>
      <c r="B14172" s="14" t="s">
        <v>1</v>
      </c>
      <c r="C14172" s="14" t="s">
        <v>17</v>
      </c>
      <c r="D14172" s="14" t="s">
        <v>104</v>
      </c>
      <c r="E14172" s="15">
        <v>45678</v>
      </c>
      <c r="F14172" s="14" t="s">
        <v>15</v>
      </c>
      <c r="G14172" s="16">
        <v>0</v>
      </c>
    </row>
    <row r="14173" spans="1:7" x14ac:dyDescent="0.3">
      <c r="A14173" s="13" t="s">
        <v>103</v>
      </c>
      <c r="B14173" s="14" t="s">
        <v>1</v>
      </c>
      <c r="C14173" s="14" t="s">
        <v>17</v>
      </c>
      <c r="D14173" s="14" t="s">
        <v>104</v>
      </c>
      <c r="E14173" s="15">
        <v>45679</v>
      </c>
      <c r="F14173" s="14" t="s">
        <v>15</v>
      </c>
      <c r="G14173" s="16">
        <v>0</v>
      </c>
    </row>
    <row r="14174" spans="1:7" x14ac:dyDescent="0.3">
      <c r="A14174" s="13" t="s">
        <v>103</v>
      </c>
      <c r="B14174" s="14" t="s">
        <v>1</v>
      </c>
      <c r="C14174" s="14" t="s">
        <v>17</v>
      </c>
      <c r="D14174" s="14" t="s">
        <v>104</v>
      </c>
      <c r="E14174" s="15">
        <v>45680</v>
      </c>
      <c r="F14174" s="14" t="s">
        <v>15</v>
      </c>
      <c r="G14174" s="16">
        <v>0</v>
      </c>
    </row>
    <row r="14175" spans="1:7" x14ac:dyDescent="0.3">
      <c r="A14175" s="13" t="s">
        <v>103</v>
      </c>
      <c r="B14175" s="14" t="s">
        <v>1</v>
      </c>
      <c r="C14175" s="14" t="s">
        <v>17</v>
      </c>
      <c r="D14175" s="14" t="s">
        <v>104</v>
      </c>
      <c r="E14175" s="15">
        <v>45681</v>
      </c>
      <c r="F14175" s="14" t="s">
        <v>15</v>
      </c>
      <c r="G14175" s="16">
        <v>0</v>
      </c>
    </row>
    <row r="14176" spans="1:7" x14ac:dyDescent="0.3">
      <c r="A14176" s="13" t="s">
        <v>103</v>
      </c>
      <c r="B14176" s="14" t="s">
        <v>1</v>
      </c>
      <c r="C14176" s="14" t="s">
        <v>17</v>
      </c>
      <c r="D14176" s="14" t="s">
        <v>104</v>
      </c>
      <c r="E14176" s="15">
        <v>45682</v>
      </c>
      <c r="F14176" s="14" t="s">
        <v>15</v>
      </c>
      <c r="G14176" s="16">
        <v>0</v>
      </c>
    </row>
    <row r="14177" spans="1:7" x14ac:dyDescent="0.3">
      <c r="A14177" s="13" t="s">
        <v>103</v>
      </c>
      <c r="B14177" s="14" t="s">
        <v>1</v>
      </c>
      <c r="C14177" s="14" t="s">
        <v>17</v>
      </c>
      <c r="D14177" s="14" t="s">
        <v>104</v>
      </c>
      <c r="E14177" s="15">
        <v>45683</v>
      </c>
      <c r="F14177" s="14" t="s">
        <v>15</v>
      </c>
      <c r="G14177" s="16">
        <v>0</v>
      </c>
    </row>
    <row r="14178" spans="1:7" x14ac:dyDescent="0.3">
      <c r="A14178" s="13" t="s">
        <v>103</v>
      </c>
      <c r="B14178" s="14" t="s">
        <v>1</v>
      </c>
      <c r="C14178" s="14" t="s">
        <v>17</v>
      </c>
      <c r="D14178" s="14" t="s">
        <v>104</v>
      </c>
      <c r="E14178" s="15">
        <v>45684</v>
      </c>
      <c r="F14178" s="14" t="s">
        <v>15</v>
      </c>
      <c r="G14178" s="16">
        <v>0</v>
      </c>
    </row>
    <row r="14179" spans="1:7" x14ac:dyDescent="0.3">
      <c r="A14179" s="13" t="s">
        <v>103</v>
      </c>
      <c r="B14179" s="14" t="s">
        <v>1</v>
      </c>
      <c r="C14179" s="14" t="s">
        <v>17</v>
      </c>
      <c r="D14179" s="14" t="s">
        <v>104</v>
      </c>
      <c r="E14179" s="15">
        <v>45685</v>
      </c>
      <c r="F14179" s="14" t="s">
        <v>15</v>
      </c>
      <c r="G14179" s="16">
        <v>0</v>
      </c>
    </row>
    <row r="14180" spans="1:7" x14ac:dyDescent="0.3">
      <c r="A14180" s="13" t="s">
        <v>103</v>
      </c>
      <c r="B14180" s="14" t="s">
        <v>1</v>
      </c>
      <c r="C14180" s="14" t="s">
        <v>17</v>
      </c>
      <c r="D14180" s="14" t="s">
        <v>104</v>
      </c>
      <c r="E14180" s="15">
        <v>45686</v>
      </c>
      <c r="F14180" s="14" t="s">
        <v>15</v>
      </c>
      <c r="G14180" s="16">
        <v>0</v>
      </c>
    </row>
    <row r="14181" spans="1:7" x14ac:dyDescent="0.3">
      <c r="A14181" s="13" t="s">
        <v>103</v>
      </c>
      <c r="B14181" s="14" t="s">
        <v>1</v>
      </c>
      <c r="C14181" s="14" t="s">
        <v>17</v>
      </c>
      <c r="D14181" s="14" t="s">
        <v>104</v>
      </c>
      <c r="E14181" s="15">
        <v>45687</v>
      </c>
      <c r="F14181" s="14" t="s">
        <v>15</v>
      </c>
      <c r="G14181" s="16">
        <v>0</v>
      </c>
    </row>
    <row r="14182" spans="1:7" x14ac:dyDescent="0.3">
      <c r="A14182" s="13" t="s">
        <v>103</v>
      </c>
      <c r="B14182" s="14" t="s">
        <v>1</v>
      </c>
      <c r="C14182" s="14" t="s">
        <v>17</v>
      </c>
      <c r="D14182" s="14" t="s">
        <v>104</v>
      </c>
      <c r="E14182" s="15">
        <v>45688</v>
      </c>
      <c r="F14182" s="14" t="s">
        <v>15</v>
      </c>
      <c r="G14182" s="16">
        <v>0</v>
      </c>
    </row>
    <row r="14183" spans="1:7" x14ac:dyDescent="0.3">
      <c r="A14183" s="13" t="s">
        <v>103</v>
      </c>
      <c r="B14183" s="14" t="s">
        <v>1</v>
      </c>
      <c r="C14183" s="14" t="s">
        <v>17</v>
      </c>
      <c r="D14183" s="14" t="s">
        <v>104</v>
      </c>
      <c r="E14183" s="15">
        <v>45689</v>
      </c>
      <c r="F14183" s="14" t="s">
        <v>15</v>
      </c>
      <c r="G14183" s="16">
        <v>0</v>
      </c>
    </row>
    <row r="14184" spans="1:7" x14ac:dyDescent="0.3">
      <c r="A14184" s="13" t="s">
        <v>103</v>
      </c>
      <c r="B14184" s="14" t="s">
        <v>1</v>
      </c>
      <c r="C14184" s="14" t="s">
        <v>17</v>
      </c>
      <c r="D14184" s="14" t="s">
        <v>104</v>
      </c>
      <c r="E14184" s="15">
        <v>45690</v>
      </c>
      <c r="F14184" s="14" t="s">
        <v>15</v>
      </c>
      <c r="G14184" s="16">
        <v>0</v>
      </c>
    </row>
    <row r="14185" spans="1:7" x14ac:dyDescent="0.3">
      <c r="A14185" s="13" t="s">
        <v>103</v>
      </c>
      <c r="B14185" s="14" t="s">
        <v>1</v>
      </c>
      <c r="C14185" s="14" t="s">
        <v>17</v>
      </c>
      <c r="D14185" s="14" t="s">
        <v>104</v>
      </c>
      <c r="E14185" s="15">
        <v>45691</v>
      </c>
      <c r="F14185" s="14" t="s">
        <v>15</v>
      </c>
      <c r="G14185" s="16">
        <v>0</v>
      </c>
    </row>
    <row r="14186" spans="1:7" x14ac:dyDescent="0.3">
      <c r="A14186" s="13" t="s">
        <v>103</v>
      </c>
      <c r="B14186" s="14" t="s">
        <v>1</v>
      </c>
      <c r="C14186" s="14" t="s">
        <v>17</v>
      </c>
      <c r="D14186" s="14" t="s">
        <v>104</v>
      </c>
      <c r="E14186" s="15">
        <v>45692</v>
      </c>
      <c r="F14186" s="14" t="s">
        <v>15</v>
      </c>
      <c r="G14186" s="16">
        <v>0</v>
      </c>
    </row>
    <row r="14187" spans="1:7" x14ac:dyDescent="0.3">
      <c r="A14187" s="13" t="s">
        <v>103</v>
      </c>
      <c r="B14187" s="14" t="s">
        <v>1</v>
      </c>
      <c r="C14187" s="14" t="s">
        <v>17</v>
      </c>
      <c r="D14187" s="14" t="s">
        <v>104</v>
      </c>
      <c r="E14187" s="15">
        <v>45693</v>
      </c>
      <c r="F14187" s="14" t="s">
        <v>15</v>
      </c>
      <c r="G14187" s="16">
        <v>0</v>
      </c>
    </row>
    <row r="14188" spans="1:7" x14ac:dyDescent="0.3">
      <c r="A14188" s="13" t="s">
        <v>103</v>
      </c>
      <c r="B14188" s="14" t="s">
        <v>1</v>
      </c>
      <c r="C14188" s="14" t="s">
        <v>17</v>
      </c>
      <c r="D14188" s="14" t="s">
        <v>104</v>
      </c>
      <c r="E14188" s="15">
        <v>45694</v>
      </c>
      <c r="F14188" s="14" t="s">
        <v>15</v>
      </c>
      <c r="G14188" s="16">
        <v>0</v>
      </c>
    </row>
    <row r="14189" spans="1:7" x14ac:dyDescent="0.3">
      <c r="A14189" s="13" t="s">
        <v>103</v>
      </c>
      <c r="B14189" s="14" t="s">
        <v>1</v>
      </c>
      <c r="C14189" s="14" t="s">
        <v>17</v>
      </c>
      <c r="D14189" s="14" t="s">
        <v>104</v>
      </c>
      <c r="E14189" s="15">
        <v>45695</v>
      </c>
      <c r="F14189" s="14" t="s">
        <v>15</v>
      </c>
      <c r="G14189" s="16">
        <v>0</v>
      </c>
    </row>
    <row r="14190" spans="1:7" x14ac:dyDescent="0.3">
      <c r="A14190" s="13" t="s">
        <v>103</v>
      </c>
      <c r="B14190" s="14" t="s">
        <v>1</v>
      </c>
      <c r="C14190" s="14" t="s">
        <v>17</v>
      </c>
      <c r="D14190" s="14" t="s">
        <v>104</v>
      </c>
      <c r="E14190" s="15">
        <v>45696</v>
      </c>
      <c r="F14190" s="14" t="s">
        <v>15</v>
      </c>
      <c r="G14190" s="16">
        <v>0</v>
      </c>
    </row>
    <row r="14191" spans="1:7" x14ac:dyDescent="0.3">
      <c r="A14191" s="13" t="s">
        <v>103</v>
      </c>
      <c r="B14191" s="14" t="s">
        <v>1</v>
      </c>
      <c r="C14191" s="14" t="s">
        <v>17</v>
      </c>
      <c r="D14191" s="14" t="s">
        <v>104</v>
      </c>
      <c r="E14191" s="15">
        <v>45697</v>
      </c>
      <c r="F14191" s="14" t="s">
        <v>15</v>
      </c>
      <c r="G14191" s="16">
        <v>0</v>
      </c>
    </row>
    <row r="14192" spans="1:7" x14ac:dyDescent="0.3">
      <c r="A14192" s="13" t="s">
        <v>103</v>
      </c>
      <c r="B14192" s="14" t="s">
        <v>1</v>
      </c>
      <c r="C14192" s="14" t="s">
        <v>17</v>
      </c>
      <c r="D14192" s="14" t="s">
        <v>104</v>
      </c>
      <c r="E14192" s="15">
        <v>45698</v>
      </c>
      <c r="F14192" s="14" t="s">
        <v>15</v>
      </c>
      <c r="G14192" s="16">
        <v>0</v>
      </c>
    </row>
    <row r="14193" spans="1:7" x14ac:dyDescent="0.3">
      <c r="A14193" s="13" t="s">
        <v>103</v>
      </c>
      <c r="B14193" s="14" t="s">
        <v>1</v>
      </c>
      <c r="C14193" s="14" t="s">
        <v>17</v>
      </c>
      <c r="D14193" s="14" t="s">
        <v>104</v>
      </c>
      <c r="E14193" s="15">
        <v>45699</v>
      </c>
      <c r="F14193" s="14" t="s">
        <v>15</v>
      </c>
      <c r="G14193" s="16">
        <v>0</v>
      </c>
    </row>
    <row r="14194" spans="1:7" x14ac:dyDescent="0.3">
      <c r="A14194" s="13" t="s">
        <v>103</v>
      </c>
      <c r="B14194" s="14" t="s">
        <v>1</v>
      </c>
      <c r="C14194" s="14" t="s">
        <v>17</v>
      </c>
      <c r="D14194" s="14" t="s">
        <v>104</v>
      </c>
      <c r="E14194" s="15">
        <v>45700</v>
      </c>
      <c r="F14194" s="14" t="s">
        <v>15</v>
      </c>
      <c r="G14194" s="16">
        <v>0</v>
      </c>
    </row>
    <row r="14195" spans="1:7" x14ac:dyDescent="0.3">
      <c r="A14195" s="13" t="s">
        <v>103</v>
      </c>
      <c r="B14195" s="14" t="s">
        <v>1</v>
      </c>
      <c r="C14195" s="14" t="s">
        <v>17</v>
      </c>
      <c r="D14195" s="14" t="s">
        <v>104</v>
      </c>
      <c r="E14195" s="15">
        <v>45701</v>
      </c>
      <c r="F14195" s="14" t="s">
        <v>15</v>
      </c>
      <c r="G14195" s="16">
        <v>0</v>
      </c>
    </row>
    <row r="14196" spans="1:7" x14ac:dyDescent="0.3">
      <c r="A14196" s="13" t="s">
        <v>103</v>
      </c>
      <c r="B14196" s="14" t="s">
        <v>1</v>
      </c>
      <c r="C14196" s="14" t="s">
        <v>17</v>
      </c>
      <c r="D14196" s="14" t="s">
        <v>104</v>
      </c>
      <c r="E14196" s="15">
        <v>45702</v>
      </c>
      <c r="F14196" s="14" t="s">
        <v>15</v>
      </c>
      <c r="G14196" s="16">
        <v>0</v>
      </c>
    </row>
    <row r="14197" spans="1:7" x14ac:dyDescent="0.3">
      <c r="A14197" s="13" t="s">
        <v>103</v>
      </c>
      <c r="B14197" s="14" t="s">
        <v>1</v>
      </c>
      <c r="C14197" s="14" t="s">
        <v>17</v>
      </c>
      <c r="D14197" s="14" t="s">
        <v>104</v>
      </c>
      <c r="E14197" s="15">
        <v>45703</v>
      </c>
      <c r="F14197" s="14" t="s">
        <v>15</v>
      </c>
      <c r="G14197" s="16">
        <v>0</v>
      </c>
    </row>
    <row r="14198" spans="1:7" x14ac:dyDescent="0.3">
      <c r="A14198" s="13" t="s">
        <v>103</v>
      </c>
      <c r="B14198" s="14" t="s">
        <v>1</v>
      </c>
      <c r="C14198" s="14" t="s">
        <v>17</v>
      </c>
      <c r="D14198" s="14" t="s">
        <v>104</v>
      </c>
      <c r="E14198" s="15">
        <v>45704</v>
      </c>
      <c r="F14198" s="14" t="s">
        <v>15</v>
      </c>
      <c r="G14198" s="16">
        <v>0</v>
      </c>
    </row>
    <row r="14199" spans="1:7" x14ac:dyDescent="0.3">
      <c r="A14199" s="13" t="s">
        <v>103</v>
      </c>
      <c r="B14199" s="14" t="s">
        <v>1</v>
      </c>
      <c r="C14199" s="14" t="s">
        <v>17</v>
      </c>
      <c r="D14199" s="14" t="s">
        <v>104</v>
      </c>
      <c r="E14199" s="15">
        <v>45705</v>
      </c>
      <c r="F14199" s="14" t="s">
        <v>15</v>
      </c>
      <c r="G14199" s="16">
        <v>0</v>
      </c>
    </row>
    <row r="14200" spans="1:7" x14ac:dyDescent="0.3">
      <c r="A14200" s="13" t="s">
        <v>103</v>
      </c>
      <c r="B14200" s="14" t="s">
        <v>1</v>
      </c>
      <c r="C14200" s="14" t="s">
        <v>17</v>
      </c>
      <c r="D14200" s="14" t="s">
        <v>104</v>
      </c>
      <c r="E14200" s="15">
        <v>45706</v>
      </c>
      <c r="F14200" s="14" t="s">
        <v>15</v>
      </c>
      <c r="G14200" s="16">
        <v>0</v>
      </c>
    </row>
    <row r="14201" spans="1:7" x14ac:dyDescent="0.3">
      <c r="A14201" s="13" t="s">
        <v>103</v>
      </c>
      <c r="B14201" s="14" t="s">
        <v>1</v>
      </c>
      <c r="C14201" s="14" t="s">
        <v>17</v>
      </c>
      <c r="D14201" s="14" t="s">
        <v>104</v>
      </c>
      <c r="E14201" s="15">
        <v>45707</v>
      </c>
      <c r="F14201" s="14" t="s">
        <v>15</v>
      </c>
      <c r="G14201" s="16">
        <v>0</v>
      </c>
    </row>
    <row r="14202" spans="1:7" x14ac:dyDescent="0.3">
      <c r="A14202" s="13" t="s">
        <v>103</v>
      </c>
      <c r="B14202" s="14" t="s">
        <v>1</v>
      </c>
      <c r="C14202" s="14" t="s">
        <v>17</v>
      </c>
      <c r="D14202" s="14" t="s">
        <v>104</v>
      </c>
      <c r="E14202" s="15">
        <v>45708</v>
      </c>
      <c r="F14202" s="14" t="s">
        <v>15</v>
      </c>
      <c r="G14202" s="16">
        <v>0</v>
      </c>
    </row>
    <row r="14203" spans="1:7" x14ac:dyDescent="0.3">
      <c r="A14203" s="13" t="s">
        <v>103</v>
      </c>
      <c r="B14203" s="14" t="s">
        <v>1</v>
      </c>
      <c r="C14203" s="14" t="s">
        <v>17</v>
      </c>
      <c r="D14203" s="14" t="s">
        <v>104</v>
      </c>
      <c r="E14203" s="15">
        <v>45709</v>
      </c>
      <c r="F14203" s="14" t="s">
        <v>15</v>
      </c>
      <c r="G14203" s="16">
        <v>0</v>
      </c>
    </row>
    <row r="14204" spans="1:7" x14ac:dyDescent="0.3">
      <c r="A14204" s="13" t="s">
        <v>103</v>
      </c>
      <c r="B14204" s="14" t="s">
        <v>1</v>
      </c>
      <c r="C14204" s="14" t="s">
        <v>17</v>
      </c>
      <c r="D14204" s="14" t="s">
        <v>104</v>
      </c>
      <c r="E14204" s="15">
        <v>45710</v>
      </c>
      <c r="F14204" s="14" t="s">
        <v>15</v>
      </c>
      <c r="G14204" s="16">
        <v>0</v>
      </c>
    </row>
    <row r="14205" spans="1:7" x14ac:dyDescent="0.3">
      <c r="A14205" s="13" t="s">
        <v>103</v>
      </c>
      <c r="B14205" s="14" t="s">
        <v>1</v>
      </c>
      <c r="C14205" s="14" t="s">
        <v>17</v>
      </c>
      <c r="D14205" s="14" t="s">
        <v>104</v>
      </c>
      <c r="E14205" s="15">
        <v>45711</v>
      </c>
      <c r="F14205" s="14" t="s">
        <v>15</v>
      </c>
      <c r="G14205" s="16">
        <v>0</v>
      </c>
    </row>
    <row r="14206" spans="1:7" x14ac:dyDescent="0.3">
      <c r="A14206" s="13" t="s">
        <v>103</v>
      </c>
      <c r="B14206" s="14" t="s">
        <v>1</v>
      </c>
      <c r="C14206" s="14" t="s">
        <v>17</v>
      </c>
      <c r="D14206" s="14" t="s">
        <v>104</v>
      </c>
      <c r="E14206" s="15">
        <v>45712</v>
      </c>
      <c r="F14206" s="14" t="s">
        <v>15</v>
      </c>
      <c r="G14206" s="16">
        <v>0</v>
      </c>
    </row>
    <row r="14207" spans="1:7" x14ac:dyDescent="0.3">
      <c r="A14207" s="13" t="s">
        <v>103</v>
      </c>
      <c r="B14207" s="14" t="s">
        <v>1</v>
      </c>
      <c r="C14207" s="14" t="s">
        <v>17</v>
      </c>
      <c r="D14207" s="14" t="s">
        <v>104</v>
      </c>
      <c r="E14207" s="15">
        <v>45713</v>
      </c>
      <c r="F14207" s="14" t="s">
        <v>15</v>
      </c>
      <c r="G14207" s="16">
        <v>0</v>
      </c>
    </row>
    <row r="14208" spans="1:7" x14ac:dyDescent="0.3">
      <c r="A14208" s="13" t="s">
        <v>103</v>
      </c>
      <c r="B14208" s="14" t="s">
        <v>1</v>
      </c>
      <c r="C14208" s="14" t="s">
        <v>17</v>
      </c>
      <c r="D14208" s="14" t="s">
        <v>104</v>
      </c>
      <c r="E14208" s="15">
        <v>45714</v>
      </c>
      <c r="F14208" s="14" t="s">
        <v>15</v>
      </c>
      <c r="G14208" s="16">
        <v>0</v>
      </c>
    </row>
    <row r="14209" spans="1:7" x14ac:dyDescent="0.3">
      <c r="A14209" s="13" t="s">
        <v>103</v>
      </c>
      <c r="B14209" s="14" t="s">
        <v>1</v>
      </c>
      <c r="C14209" s="14" t="s">
        <v>17</v>
      </c>
      <c r="D14209" s="14" t="s">
        <v>104</v>
      </c>
      <c r="E14209" s="15">
        <v>45715</v>
      </c>
      <c r="F14209" s="14" t="s">
        <v>15</v>
      </c>
      <c r="G14209" s="16">
        <v>0</v>
      </c>
    </row>
    <row r="14210" spans="1:7" x14ac:dyDescent="0.3">
      <c r="A14210" s="13" t="s">
        <v>103</v>
      </c>
      <c r="B14210" s="14" t="s">
        <v>1</v>
      </c>
      <c r="C14210" s="14" t="s">
        <v>17</v>
      </c>
      <c r="D14210" s="14" t="s">
        <v>104</v>
      </c>
      <c r="E14210" s="15">
        <v>45716</v>
      </c>
      <c r="F14210" s="14" t="s">
        <v>15</v>
      </c>
      <c r="G14210" s="16">
        <v>0</v>
      </c>
    </row>
    <row r="14211" spans="1:7" x14ac:dyDescent="0.3">
      <c r="A14211" s="13" t="s">
        <v>103</v>
      </c>
      <c r="B14211" s="14" t="s">
        <v>1</v>
      </c>
      <c r="C14211" s="14" t="s">
        <v>17</v>
      </c>
      <c r="D14211" s="14" t="s">
        <v>104</v>
      </c>
      <c r="E14211" s="15">
        <v>45717</v>
      </c>
      <c r="F14211" s="14" t="s">
        <v>15</v>
      </c>
      <c r="G14211" s="16">
        <v>0</v>
      </c>
    </row>
    <row r="14212" spans="1:7" x14ac:dyDescent="0.3">
      <c r="A14212" s="13" t="s">
        <v>103</v>
      </c>
      <c r="B14212" s="14" t="s">
        <v>1</v>
      </c>
      <c r="C14212" s="14" t="s">
        <v>17</v>
      </c>
      <c r="D14212" s="14" t="s">
        <v>104</v>
      </c>
      <c r="E14212" s="15">
        <v>45718</v>
      </c>
      <c r="F14212" s="14" t="s">
        <v>15</v>
      </c>
      <c r="G14212" s="16">
        <v>0</v>
      </c>
    </row>
    <row r="14213" spans="1:7" x14ac:dyDescent="0.3">
      <c r="A14213" s="13" t="s">
        <v>103</v>
      </c>
      <c r="B14213" s="14" t="s">
        <v>1</v>
      </c>
      <c r="C14213" s="14" t="s">
        <v>17</v>
      </c>
      <c r="D14213" s="14" t="s">
        <v>104</v>
      </c>
      <c r="E14213" s="15">
        <v>45719</v>
      </c>
      <c r="F14213" s="14" t="s">
        <v>15</v>
      </c>
      <c r="G14213" s="16">
        <v>0</v>
      </c>
    </row>
    <row r="14214" spans="1:7" x14ac:dyDescent="0.3">
      <c r="A14214" s="13" t="s">
        <v>103</v>
      </c>
      <c r="B14214" s="14" t="s">
        <v>1</v>
      </c>
      <c r="C14214" s="14" t="s">
        <v>17</v>
      </c>
      <c r="D14214" s="14" t="s">
        <v>104</v>
      </c>
      <c r="E14214" s="15">
        <v>45720</v>
      </c>
      <c r="F14214" s="14" t="s">
        <v>15</v>
      </c>
      <c r="G14214" s="16">
        <v>0</v>
      </c>
    </row>
    <row r="14215" spans="1:7" x14ac:dyDescent="0.3">
      <c r="A14215" s="13" t="s">
        <v>103</v>
      </c>
      <c r="B14215" s="14" t="s">
        <v>1</v>
      </c>
      <c r="C14215" s="14" t="s">
        <v>17</v>
      </c>
      <c r="D14215" s="14" t="s">
        <v>104</v>
      </c>
      <c r="E14215" s="15">
        <v>45721</v>
      </c>
      <c r="F14215" s="14" t="s">
        <v>15</v>
      </c>
      <c r="G14215" s="16">
        <v>0</v>
      </c>
    </row>
    <row r="14216" spans="1:7" x14ac:dyDescent="0.3">
      <c r="A14216" s="13" t="s">
        <v>103</v>
      </c>
      <c r="B14216" s="14" t="s">
        <v>1</v>
      </c>
      <c r="C14216" s="14" t="s">
        <v>17</v>
      </c>
      <c r="D14216" s="14" t="s">
        <v>104</v>
      </c>
      <c r="E14216" s="15">
        <v>45722</v>
      </c>
      <c r="F14216" s="14" t="s">
        <v>15</v>
      </c>
      <c r="G14216" s="16">
        <v>0</v>
      </c>
    </row>
    <row r="14217" spans="1:7" x14ac:dyDescent="0.3">
      <c r="A14217" s="13" t="s">
        <v>103</v>
      </c>
      <c r="B14217" s="14" t="s">
        <v>1</v>
      </c>
      <c r="C14217" s="14" t="s">
        <v>17</v>
      </c>
      <c r="D14217" s="14" t="s">
        <v>104</v>
      </c>
      <c r="E14217" s="15">
        <v>45723</v>
      </c>
      <c r="F14217" s="14" t="s">
        <v>15</v>
      </c>
      <c r="G14217" s="16">
        <v>0</v>
      </c>
    </row>
    <row r="14218" spans="1:7" x14ac:dyDescent="0.3">
      <c r="A14218" s="13" t="s">
        <v>103</v>
      </c>
      <c r="B14218" s="14" t="s">
        <v>1</v>
      </c>
      <c r="C14218" s="14" t="s">
        <v>17</v>
      </c>
      <c r="D14218" s="14" t="s">
        <v>104</v>
      </c>
      <c r="E14218" s="15">
        <v>45724</v>
      </c>
      <c r="F14218" s="14" t="s">
        <v>15</v>
      </c>
      <c r="G14218" s="16">
        <v>0</v>
      </c>
    </row>
    <row r="14219" spans="1:7" x14ac:dyDescent="0.3">
      <c r="A14219" s="13" t="s">
        <v>103</v>
      </c>
      <c r="B14219" s="14" t="s">
        <v>1</v>
      </c>
      <c r="C14219" s="14" t="s">
        <v>17</v>
      </c>
      <c r="D14219" s="14" t="s">
        <v>104</v>
      </c>
      <c r="E14219" s="15">
        <v>45725</v>
      </c>
      <c r="F14219" s="14" t="s">
        <v>15</v>
      </c>
      <c r="G14219" s="16">
        <v>0</v>
      </c>
    </row>
    <row r="14220" spans="1:7" x14ac:dyDescent="0.3">
      <c r="A14220" s="13" t="s">
        <v>103</v>
      </c>
      <c r="B14220" s="14" t="s">
        <v>1</v>
      </c>
      <c r="C14220" s="14" t="s">
        <v>17</v>
      </c>
      <c r="D14220" s="14" t="s">
        <v>104</v>
      </c>
      <c r="E14220" s="15">
        <v>45726</v>
      </c>
      <c r="F14220" s="14" t="s">
        <v>15</v>
      </c>
      <c r="G14220" s="16">
        <v>0</v>
      </c>
    </row>
    <row r="14221" spans="1:7" x14ac:dyDescent="0.3">
      <c r="A14221" s="13" t="s">
        <v>103</v>
      </c>
      <c r="B14221" s="14" t="s">
        <v>1</v>
      </c>
      <c r="C14221" s="14" t="s">
        <v>17</v>
      </c>
      <c r="D14221" s="14" t="s">
        <v>104</v>
      </c>
      <c r="E14221" s="15">
        <v>45727</v>
      </c>
      <c r="F14221" s="14" t="s">
        <v>15</v>
      </c>
      <c r="G14221" s="16">
        <v>0</v>
      </c>
    </row>
    <row r="14222" spans="1:7" x14ac:dyDescent="0.3">
      <c r="A14222" s="13" t="s">
        <v>103</v>
      </c>
      <c r="B14222" s="14" t="s">
        <v>1</v>
      </c>
      <c r="C14222" s="14" t="s">
        <v>17</v>
      </c>
      <c r="D14222" s="14" t="s">
        <v>104</v>
      </c>
      <c r="E14222" s="15">
        <v>45728</v>
      </c>
      <c r="F14222" s="14" t="s">
        <v>15</v>
      </c>
      <c r="G14222" s="16">
        <v>0</v>
      </c>
    </row>
    <row r="14223" spans="1:7" x14ac:dyDescent="0.3">
      <c r="A14223" s="13" t="s">
        <v>103</v>
      </c>
      <c r="B14223" s="14" t="s">
        <v>1</v>
      </c>
      <c r="C14223" s="14" t="s">
        <v>17</v>
      </c>
      <c r="D14223" s="14" t="s">
        <v>104</v>
      </c>
      <c r="E14223" s="15">
        <v>45729</v>
      </c>
      <c r="F14223" s="14" t="s">
        <v>15</v>
      </c>
      <c r="G14223" s="16">
        <v>0</v>
      </c>
    </row>
    <row r="14224" spans="1:7" x14ac:dyDescent="0.3">
      <c r="A14224" s="13" t="s">
        <v>103</v>
      </c>
      <c r="B14224" s="14" t="s">
        <v>1</v>
      </c>
      <c r="C14224" s="14" t="s">
        <v>17</v>
      </c>
      <c r="D14224" s="14" t="s">
        <v>104</v>
      </c>
      <c r="E14224" s="15">
        <v>45730</v>
      </c>
      <c r="F14224" s="14" t="s">
        <v>15</v>
      </c>
      <c r="G14224" s="16">
        <v>0</v>
      </c>
    </row>
    <row r="14225" spans="1:7" x14ac:dyDescent="0.3">
      <c r="A14225" s="13" t="s">
        <v>103</v>
      </c>
      <c r="B14225" s="14" t="s">
        <v>1</v>
      </c>
      <c r="C14225" s="14" t="s">
        <v>17</v>
      </c>
      <c r="D14225" s="14" t="s">
        <v>104</v>
      </c>
      <c r="E14225" s="15">
        <v>45731</v>
      </c>
      <c r="F14225" s="14" t="s">
        <v>15</v>
      </c>
      <c r="G14225" s="16">
        <v>0</v>
      </c>
    </row>
    <row r="14226" spans="1:7" x14ac:dyDescent="0.3">
      <c r="A14226" s="13" t="s">
        <v>103</v>
      </c>
      <c r="B14226" s="14" t="s">
        <v>1</v>
      </c>
      <c r="C14226" s="14" t="s">
        <v>17</v>
      </c>
      <c r="D14226" s="14" t="s">
        <v>104</v>
      </c>
      <c r="E14226" s="15">
        <v>45732</v>
      </c>
      <c r="F14226" s="14" t="s">
        <v>15</v>
      </c>
      <c r="G14226" s="16">
        <v>0</v>
      </c>
    </row>
    <row r="14227" spans="1:7" x14ac:dyDescent="0.3">
      <c r="A14227" s="13" t="s">
        <v>103</v>
      </c>
      <c r="B14227" s="14" t="s">
        <v>1</v>
      </c>
      <c r="C14227" s="14" t="s">
        <v>17</v>
      </c>
      <c r="D14227" s="14" t="s">
        <v>104</v>
      </c>
      <c r="E14227" s="15">
        <v>45733</v>
      </c>
      <c r="F14227" s="14" t="s">
        <v>15</v>
      </c>
      <c r="G14227" s="16">
        <v>0</v>
      </c>
    </row>
    <row r="14228" spans="1:7" x14ac:dyDescent="0.3">
      <c r="A14228" s="13" t="s">
        <v>103</v>
      </c>
      <c r="B14228" s="14" t="s">
        <v>1</v>
      </c>
      <c r="C14228" s="14" t="s">
        <v>17</v>
      </c>
      <c r="D14228" s="14" t="s">
        <v>104</v>
      </c>
      <c r="E14228" s="15">
        <v>45734</v>
      </c>
      <c r="F14228" s="14" t="s">
        <v>15</v>
      </c>
      <c r="G14228" s="16">
        <v>0</v>
      </c>
    </row>
    <row r="14229" spans="1:7" x14ac:dyDescent="0.3">
      <c r="A14229" s="13" t="s">
        <v>103</v>
      </c>
      <c r="B14229" s="14" t="s">
        <v>1</v>
      </c>
      <c r="C14229" s="14" t="s">
        <v>17</v>
      </c>
      <c r="D14229" s="14" t="s">
        <v>104</v>
      </c>
      <c r="E14229" s="15">
        <v>45735</v>
      </c>
      <c r="F14229" s="14" t="s">
        <v>15</v>
      </c>
      <c r="G14229" s="16">
        <v>0</v>
      </c>
    </row>
    <row r="14230" spans="1:7" x14ac:dyDescent="0.3">
      <c r="A14230" s="13" t="s">
        <v>103</v>
      </c>
      <c r="B14230" s="14" t="s">
        <v>1</v>
      </c>
      <c r="C14230" s="14" t="s">
        <v>17</v>
      </c>
      <c r="D14230" s="14" t="s">
        <v>104</v>
      </c>
      <c r="E14230" s="15">
        <v>45736</v>
      </c>
      <c r="F14230" s="14" t="s">
        <v>15</v>
      </c>
      <c r="G14230" s="16">
        <v>0</v>
      </c>
    </row>
    <row r="14231" spans="1:7" x14ac:dyDescent="0.3">
      <c r="A14231" s="13" t="s">
        <v>103</v>
      </c>
      <c r="B14231" s="14" t="s">
        <v>1</v>
      </c>
      <c r="C14231" s="14" t="s">
        <v>17</v>
      </c>
      <c r="D14231" s="14" t="s">
        <v>104</v>
      </c>
      <c r="E14231" s="15">
        <v>45737</v>
      </c>
      <c r="F14231" s="14" t="s">
        <v>15</v>
      </c>
      <c r="G14231" s="16">
        <v>0</v>
      </c>
    </row>
    <row r="14232" spans="1:7" x14ac:dyDescent="0.3">
      <c r="A14232" s="13" t="s">
        <v>103</v>
      </c>
      <c r="B14232" s="14" t="s">
        <v>1</v>
      </c>
      <c r="C14232" s="14" t="s">
        <v>17</v>
      </c>
      <c r="D14232" s="14" t="s">
        <v>104</v>
      </c>
      <c r="E14232" s="15">
        <v>45738</v>
      </c>
      <c r="F14232" s="14" t="s">
        <v>15</v>
      </c>
      <c r="G14232" s="16">
        <v>0</v>
      </c>
    </row>
    <row r="14233" spans="1:7" x14ac:dyDescent="0.3">
      <c r="A14233" s="13" t="s">
        <v>103</v>
      </c>
      <c r="B14233" s="14" t="s">
        <v>1</v>
      </c>
      <c r="C14233" s="14" t="s">
        <v>17</v>
      </c>
      <c r="D14233" s="14" t="s">
        <v>104</v>
      </c>
      <c r="E14233" s="15">
        <v>45739</v>
      </c>
      <c r="F14233" s="14" t="s">
        <v>15</v>
      </c>
      <c r="G14233" s="16">
        <v>0</v>
      </c>
    </row>
    <row r="14234" spans="1:7" x14ac:dyDescent="0.3">
      <c r="A14234" s="13" t="s">
        <v>103</v>
      </c>
      <c r="B14234" s="14" t="s">
        <v>1</v>
      </c>
      <c r="C14234" s="14" t="s">
        <v>17</v>
      </c>
      <c r="D14234" s="14" t="s">
        <v>104</v>
      </c>
      <c r="E14234" s="15">
        <v>45740</v>
      </c>
      <c r="F14234" s="14" t="s">
        <v>15</v>
      </c>
      <c r="G14234" s="16">
        <v>0</v>
      </c>
    </row>
    <row r="14235" spans="1:7" x14ac:dyDescent="0.3">
      <c r="A14235" s="13" t="s">
        <v>103</v>
      </c>
      <c r="B14235" s="14" t="s">
        <v>1</v>
      </c>
      <c r="C14235" s="14" t="s">
        <v>17</v>
      </c>
      <c r="D14235" s="14" t="s">
        <v>104</v>
      </c>
      <c r="E14235" s="15">
        <v>45741</v>
      </c>
      <c r="F14235" s="14" t="s">
        <v>15</v>
      </c>
      <c r="G14235" s="16">
        <v>0</v>
      </c>
    </row>
    <row r="14236" spans="1:7" x14ac:dyDescent="0.3">
      <c r="A14236" s="13" t="s">
        <v>103</v>
      </c>
      <c r="B14236" s="14" t="s">
        <v>1</v>
      </c>
      <c r="C14236" s="14" t="s">
        <v>17</v>
      </c>
      <c r="D14236" s="14" t="s">
        <v>104</v>
      </c>
      <c r="E14236" s="15">
        <v>45742</v>
      </c>
      <c r="F14236" s="14" t="s">
        <v>15</v>
      </c>
      <c r="G14236" s="16">
        <v>0</v>
      </c>
    </row>
    <row r="14237" spans="1:7" x14ac:dyDescent="0.3">
      <c r="A14237" s="13" t="s">
        <v>103</v>
      </c>
      <c r="B14237" s="14" t="s">
        <v>1</v>
      </c>
      <c r="C14237" s="14" t="s">
        <v>17</v>
      </c>
      <c r="D14237" s="14" t="s">
        <v>104</v>
      </c>
      <c r="E14237" s="15">
        <v>45743</v>
      </c>
      <c r="F14237" s="14" t="s">
        <v>15</v>
      </c>
      <c r="G14237" s="16">
        <v>0</v>
      </c>
    </row>
    <row r="14238" spans="1:7" x14ac:dyDescent="0.3">
      <c r="A14238" s="13" t="s">
        <v>103</v>
      </c>
      <c r="B14238" s="14" t="s">
        <v>1</v>
      </c>
      <c r="C14238" s="14" t="s">
        <v>17</v>
      </c>
      <c r="D14238" s="14" t="s">
        <v>104</v>
      </c>
      <c r="E14238" s="15">
        <v>45744</v>
      </c>
      <c r="F14238" s="14" t="s">
        <v>15</v>
      </c>
      <c r="G14238" s="16">
        <v>0</v>
      </c>
    </row>
    <row r="14239" spans="1:7" x14ac:dyDescent="0.3">
      <c r="A14239" s="13" t="s">
        <v>103</v>
      </c>
      <c r="B14239" s="14" t="s">
        <v>1</v>
      </c>
      <c r="C14239" s="14" t="s">
        <v>17</v>
      </c>
      <c r="D14239" s="14" t="s">
        <v>104</v>
      </c>
      <c r="E14239" s="15">
        <v>45745</v>
      </c>
      <c r="F14239" s="14" t="s">
        <v>15</v>
      </c>
      <c r="G14239" s="16">
        <v>0</v>
      </c>
    </row>
    <row r="14240" spans="1:7" x14ac:dyDescent="0.3">
      <c r="A14240" s="13" t="s">
        <v>103</v>
      </c>
      <c r="B14240" s="14" t="s">
        <v>1</v>
      </c>
      <c r="C14240" s="14" t="s">
        <v>17</v>
      </c>
      <c r="D14240" s="14" t="s">
        <v>104</v>
      </c>
      <c r="E14240" s="15">
        <v>45746</v>
      </c>
      <c r="F14240" s="14" t="s">
        <v>15</v>
      </c>
      <c r="G14240" s="16">
        <v>0</v>
      </c>
    </row>
    <row r="14241" spans="1:7" x14ac:dyDescent="0.3">
      <c r="A14241" s="13" t="s">
        <v>103</v>
      </c>
      <c r="B14241" s="14" t="s">
        <v>1</v>
      </c>
      <c r="C14241" s="14" t="s">
        <v>17</v>
      </c>
      <c r="D14241" s="14" t="s">
        <v>104</v>
      </c>
      <c r="E14241" s="15">
        <v>45747</v>
      </c>
      <c r="F14241" s="14" t="s">
        <v>15</v>
      </c>
      <c r="G14241" s="16">
        <v>0</v>
      </c>
    </row>
    <row r="14242" spans="1:7" x14ac:dyDescent="0.3">
      <c r="A14242" s="13" t="s">
        <v>105</v>
      </c>
      <c r="B14242" s="14" t="s">
        <v>1</v>
      </c>
      <c r="C14242" s="14" t="s">
        <v>106</v>
      </c>
      <c r="D14242" s="14" t="s">
        <v>107</v>
      </c>
      <c r="E14242" s="15">
        <v>45383</v>
      </c>
      <c r="F14242" s="14" t="s">
        <v>25</v>
      </c>
      <c r="G14242" s="16">
        <v>0</v>
      </c>
    </row>
    <row r="14243" spans="1:7" x14ac:dyDescent="0.3">
      <c r="A14243" s="13" t="s">
        <v>105</v>
      </c>
      <c r="B14243" s="14" t="s">
        <v>1</v>
      </c>
      <c r="C14243" s="14" t="s">
        <v>106</v>
      </c>
      <c r="D14243" s="14" t="s">
        <v>107</v>
      </c>
      <c r="E14243" s="15">
        <v>45384</v>
      </c>
      <c r="F14243" s="14" t="s">
        <v>25</v>
      </c>
      <c r="G14243" s="16">
        <v>0</v>
      </c>
    </row>
    <row r="14244" spans="1:7" x14ac:dyDescent="0.3">
      <c r="A14244" s="13" t="s">
        <v>105</v>
      </c>
      <c r="B14244" s="14" t="s">
        <v>1</v>
      </c>
      <c r="C14244" s="14" t="s">
        <v>106</v>
      </c>
      <c r="D14244" s="14" t="s">
        <v>107</v>
      </c>
      <c r="E14244" s="15">
        <v>45385</v>
      </c>
      <c r="F14244" s="14" t="s">
        <v>25</v>
      </c>
      <c r="G14244" s="16">
        <v>2.6048105120917601E-2</v>
      </c>
    </row>
    <row r="14245" spans="1:7" x14ac:dyDescent="0.3">
      <c r="A14245" s="13" t="s">
        <v>105</v>
      </c>
      <c r="B14245" s="14" t="s">
        <v>1</v>
      </c>
      <c r="C14245" s="14" t="s">
        <v>106</v>
      </c>
      <c r="D14245" s="14" t="s">
        <v>107</v>
      </c>
      <c r="E14245" s="15">
        <v>45386</v>
      </c>
      <c r="F14245" s="14" t="s">
        <v>25</v>
      </c>
      <c r="G14245" s="16">
        <v>3.9439329293511113E-2</v>
      </c>
    </row>
    <row r="14246" spans="1:7" x14ac:dyDescent="0.3">
      <c r="A14246" s="13" t="s">
        <v>105</v>
      </c>
      <c r="B14246" s="14" t="s">
        <v>1</v>
      </c>
      <c r="C14246" s="14" t="s">
        <v>106</v>
      </c>
      <c r="D14246" s="14" t="s">
        <v>107</v>
      </c>
      <c r="E14246" s="15">
        <v>45387</v>
      </c>
      <c r="F14246" s="14" t="s">
        <v>25</v>
      </c>
      <c r="G14246" s="16">
        <v>4.5703992172744609E-2</v>
      </c>
    </row>
    <row r="14247" spans="1:7" x14ac:dyDescent="0.3">
      <c r="A14247" s="13" t="s">
        <v>105</v>
      </c>
      <c r="B14247" s="14" t="s">
        <v>1</v>
      </c>
      <c r="C14247" s="14" t="s">
        <v>106</v>
      </c>
      <c r="D14247" s="14" t="s">
        <v>107</v>
      </c>
      <c r="E14247" s="15">
        <v>45388</v>
      </c>
      <c r="F14247" s="14" t="s">
        <v>25</v>
      </c>
      <c r="G14247" s="16">
        <v>4.5703992172744609E-2</v>
      </c>
    </row>
    <row r="14248" spans="1:7" x14ac:dyDescent="0.3">
      <c r="A14248" s="13" t="s">
        <v>105</v>
      </c>
      <c r="B14248" s="14" t="s">
        <v>1</v>
      </c>
      <c r="C14248" s="14" t="s">
        <v>106</v>
      </c>
      <c r="D14248" s="14" t="s">
        <v>107</v>
      </c>
      <c r="E14248" s="15">
        <v>45389</v>
      </c>
      <c r="F14248" s="14" t="s">
        <v>25</v>
      </c>
      <c r="G14248" s="16">
        <v>4.5703992172744609E-2</v>
      </c>
    </row>
    <row r="14249" spans="1:7" x14ac:dyDescent="0.3">
      <c r="A14249" s="13" t="s">
        <v>105</v>
      </c>
      <c r="B14249" s="14" t="s">
        <v>1</v>
      </c>
      <c r="C14249" s="14" t="s">
        <v>106</v>
      </c>
      <c r="D14249" s="14" t="s">
        <v>107</v>
      </c>
      <c r="E14249" s="15">
        <v>45390</v>
      </c>
      <c r="F14249" s="14" t="s">
        <v>25</v>
      </c>
      <c r="G14249" s="16">
        <v>6.1425178169921373E-2</v>
      </c>
    </row>
    <row r="14250" spans="1:7" x14ac:dyDescent="0.3">
      <c r="A14250" s="13" t="s">
        <v>105</v>
      </c>
      <c r="B14250" s="14" t="s">
        <v>1</v>
      </c>
      <c r="C14250" s="14" t="s">
        <v>106</v>
      </c>
      <c r="D14250" s="14" t="s">
        <v>107</v>
      </c>
      <c r="E14250" s="15">
        <v>45391</v>
      </c>
      <c r="F14250" s="14" t="s">
        <v>25</v>
      </c>
      <c r="G14250" s="16">
        <v>8.2609759956883341E-2</v>
      </c>
    </row>
    <row r="14251" spans="1:7" x14ac:dyDescent="0.3">
      <c r="A14251" s="13" t="s">
        <v>105</v>
      </c>
      <c r="B14251" s="14" t="s">
        <v>1</v>
      </c>
      <c r="C14251" s="14" t="s">
        <v>106</v>
      </c>
      <c r="D14251" s="14" t="s">
        <v>107</v>
      </c>
      <c r="E14251" s="15">
        <v>45392</v>
      </c>
      <c r="F14251" s="14" t="s">
        <v>25</v>
      </c>
      <c r="G14251" s="16">
        <v>8.9017361792733327E-2</v>
      </c>
    </row>
    <row r="14252" spans="1:7" x14ac:dyDescent="0.3">
      <c r="A14252" s="13" t="s">
        <v>105</v>
      </c>
      <c r="B14252" s="14" t="s">
        <v>1</v>
      </c>
      <c r="C14252" s="14" t="s">
        <v>106</v>
      </c>
      <c r="D14252" s="14" t="s">
        <v>107</v>
      </c>
      <c r="E14252" s="15">
        <v>45393</v>
      </c>
      <c r="F14252" s="14" t="s">
        <v>25</v>
      </c>
      <c r="G14252" s="16">
        <v>9.52498361829308E-2</v>
      </c>
    </row>
    <row r="14253" spans="1:7" x14ac:dyDescent="0.3">
      <c r="A14253" s="13" t="s">
        <v>105</v>
      </c>
      <c r="B14253" s="14" t="s">
        <v>1</v>
      </c>
      <c r="C14253" s="14" t="s">
        <v>106</v>
      </c>
      <c r="D14253" s="14" t="s">
        <v>107</v>
      </c>
      <c r="E14253" s="15">
        <v>45394</v>
      </c>
      <c r="F14253" s="14" t="s">
        <v>25</v>
      </c>
      <c r="G14253" s="16">
        <v>0.10138749400432397</v>
      </c>
    </row>
    <row r="14254" spans="1:7" x14ac:dyDescent="0.3">
      <c r="A14254" s="13" t="s">
        <v>105</v>
      </c>
      <c r="B14254" s="14" t="s">
        <v>1</v>
      </c>
      <c r="C14254" s="14" t="s">
        <v>106</v>
      </c>
      <c r="D14254" s="14" t="s">
        <v>107</v>
      </c>
      <c r="E14254" s="15">
        <v>45395</v>
      </c>
      <c r="F14254" s="14" t="s">
        <v>25</v>
      </c>
      <c r="G14254" s="16">
        <v>0.10138749400432397</v>
      </c>
    </row>
    <row r="14255" spans="1:7" x14ac:dyDescent="0.3">
      <c r="A14255" s="13" t="s">
        <v>105</v>
      </c>
      <c r="B14255" s="14" t="s">
        <v>1</v>
      </c>
      <c r="C14255" s="14" t="s">
        <v>106</v>
      </c>
      <c r="D14255" s="14" t="s">
        <v>107</v>
      </c>
      <c r="E14255" s="15">
        <v>45396</v>
      </c>
      <c r="F14255" s="14" t="s">
        <v>25</v>
      </c>
      <c r="G14255" s="16">
        <v>0.10138749400432397</v>
      </c>
    </row>
    <row r="14256" spans="1:7" x14ac:dyDescent="0.3">
      <c r="A14256" s="13" t="s">
        <v>105</v>
      </c>
      <c r="B14256" s="14" t="s">
        <v>1</v>
      </c>
      <c r="C14256" s="14" t="s">
        <v>106</v>
      </c>
      <c r="D14256" s="14" t="s">
        <v>107</v>
      </c>
      <c r="E14256" s="15">
        <v>45397</v>
      </c>
      <c r="F14256" s="14" t="s">
        <v>25</v>
      </c>
      <c r="G14256" s="16">
        <v>0.1084086798297024</v>
      </c>
    </row>
    <row r="14257" spans="1:7" x14ac:dyDescent="0.3">
      <c r="A14257" s="13" t="s">
        <v>105</v>
      </c>
      <c r="B14257" s="14" t="s">
        <v>1</v>
      </c>
      <c r="C14257" s="14" t="s">
        <v>106</v>
      </c>
      <c r="D14257" s="14" t="s">
        <v>107</v>
      </c>
      <c r="E14257" s="15">
        <v>45398</v>
      </c>
      <c r="F14257" s="14" t="s">
        <v>25</v>
      </c>
      <c r="G14257" s="16">
        <v>0.12699951726508599</v>
      </c>
    </row>
    <row r="14258" spans="1:7" x14ac:dyDescent="0.3">
      <c r="A14258" s="13" t="s">
        <v>105</v>
      </c>
      <c r="B14258" s="14" t="s">
        <v>1</v>
      </c>
      <c r="C14258" s="14" t="s">
        <v>106</v>
      </c>
      <c r="D14258" s="14" t="s">
        <v>107</v>
      </c>
      <c r="E14258" s="15">
        <v>45399</v>
      </c>
      <c r="F14258" s="14" t="s">
        <v>25</v>
      </c>
      <c r="G14258" s="16">
        <v>0.13321768359691194</v>
      </c>
    </row>
    <row r="14259" spans="1:7" x14ac:dyDescent="0.3">
      <c r="A14259" s="13" t="s">
        <v>105</v>
      </c>
      <c r="B14259" s="14" t="s">
        <v>1</v>
      </c>
      <c r="C14259" s="14" t="s">
        <v>106</v>
      </c>
      <c r="D14259" s="14" t="s">
        <v>107</v>
      </c>
      <c r="E14259" s="15">
        <v>45400</v>
      </c>
      <c r="F14259" s="14" t="s">
        <v>25</v>
      </c>
      <c r="G14259" s="16">
        <v>0.13831460545171811</v>
      </c>
    </row>
    <row r="14260" spans="1:7" x14ac:dyDescent="0.3">
      <c r="A14260" s="13" t="s">
        <v>105</v>
      </c>
      <c r="B14260" s="14" t="s">
        <v>1</v>
      </c>
      <c r="C14260" s="14" t="s">
        <v>106</v>
      </c>
      <c r="D14260" s="14" t="s">
        <v>107</v>
      </c>
      <c r="E14260" s="15">
        <v>45401</v>
      </c>
      <c r="F14260" s="14" t="s">
        <v>25</v>
      </c>
      <c r="G14260" s="16">
        <v>0.14589953044099105</v>
      </c>
    </row>
    <row r="14261" spans="1:7" x14ac:dyDescent="0.3">
      <c r="A14261" s="13" t="s">
        <v>105</v>
      </c>
      <c r="B14261" s="14" t="s">
        <v>1</v>
      </c>
      <c r="C14261" s="14" t="s">
        <v>106</v>
      </c>
      <c r="D14261" s="14" t="s">
        <v>107</v>
      </c>
      <c r="E14261" s="15">
        <v>45402</v>
      </c>
      <c r="F14261" s="14" t="s">
        <v>25</v>
      </c>
      <c r="G14261" s="16">
        <v>0.14589953044099105</v>
      </c>
    </row>
    <row r="14262" spans="1:7" x14ac:dyDescent="0.3">
      <c r="A14262" s="13" t="s">
        <v>105</v>
      </c>
      <c r="B14262" s="14" t="s">
        <v>1</v>
      </c>
      <c r="C14262" s="14" t="s">
        <v>106</v>
      </c>
      <c r="D14262" s="14" t="s">
        <v>107</v>
      </c>
      <c r="E14262" s="15">
        <v>45403</v>
      </c>
      <c r="F14262" s="14" t="s">
        <v>25</v>
      </c>
      <c r="G14262" s="16">
        <v>0.14589953044099105</v>
      </c>
    </row>
    <row r="14263" spans="1:7" x14ac:dyDescent="0.3">
      <c r="A14263" s="13" t="s">
        <v>105</v>
      </c>
      <c r="B14263" s="14" t="s">
        <v>1</v>
      </c>
      <c r="C14263" s="14" t="s">
        <v>106</v>
      </c>
      <c r="D14263" s="14" t="s">
        <v>107</v>
      </c>
      <c r="E14263" s="15">
        <v>45404</v>
      </c>
      <c r="F14263" s="14" t="s">
        <v>25</v>
      </c>
      <c r="G14263" s="16">
        <v>0.15191165977641466</v>
      </c>
    </row>
    <row r="14264" spans="1:7" x14ac:dyDescent="0.3">
      <c r="A14264" s="13" t="s">
        <v>105</v>
      </c>
      <c r="B14264" s="14" t="s">
        <v>1</v>
      </c>
      <c r="C14264" s="14" t="s">
        <v>106</v>
      </c>
      <c r="D14264" s="14" t="s">
        <v>107</v>
      </c>
      <c r="E14264" s="15">
        <v>45405</v>
      </c>
      <c r="F14264" s="14" t="s">
        <v>25</v>
      </c>
      <c r="G14264" s="16">
        <v>0.17861902804445884</v>
      </c>
    </row>
    <row r="14265" spans="1:7" x14ac:dyDescent="0.3">
      <c r="A14265" s="13" t="s">
        <v>105</v>
      </c>
      <c r="B14265" s="14" t="s">
        <v>1</v>
      </c>
      <c r="C14265" s="14" t="s">
        <v>106</v>
      </c>
      <c r="D14265" s="14" t="s">
        <v>107</v>
      </c>
      <c r="E14265" s="15">
        <v>45406</v>
      </c>
      <c r="F14265" s="14" t="s">
        <v>25</v>
      </c>
      <c r="G14265" s="16">
        <v>0.1862154424027041</v>
      </c>
    </row>
    <row r="14266" spans="1:7" x14ac:dyDescent="0.3">
      <c r="A14266" s="13" t="s">
        <v>105</v>
      </c>
      <c r="B14266" s="14" t="s">
        <v>1</v>
      </c>
      <c r="C14266" s="14" t="s">
        <v>106</v>
      </c>
      <c r="D14266" s="14" t="s">
        <v>107</v>
      </c>
      <c r="E14266" s="15">
        <v>45407</v>
      </c>
      <c r="F14266" s="14" t="s">
        <v>25</v>
      </c>
      <c r="G14266" s="16">
        <v>0.19236990954438554</v>
      </c>
    </row>
    <row r="14267" spans="1:7" x14ac:dyDescent="0.3">
      <c r="A14267" s="13" t="s">
        <v>105</v>
      </c>
      <c r="B14267" s="14" t="s">
        <v>1</v>
      </c>
      <c r="C14267" s="14" t="s">
        <v>106</v>
      </c>
      <c r="D14267" s="14" t="s">
        <v>107</v>
      </c>
      <c r="E14267" s="15">
        <v>45408</v>
      </c>
      <c r="F14267" s="14" t="s">
        <v>25</v>
      </c>
      <c r="G14267" s="16">
        <v>0.19948379883910922</v>
      </c>
    </row>
    <row r="14268" spans="1:7" x14ac:dyDescent="0.3">
      <c r="A14268" s="13" t="s">
        <v>105</v>
      </c>
      <c r="B14268" s="14" t="s">
        <v>1</v>
      </c>
      <c r="C14268" s="14" t="s">
        <v>106</v>
      </c>
      <c r="D14268" s="14" t="s">
        <v>107</v>
      </c>
      <c r="E14268" s="15">
        <v>45409</v>
      </c>
      <c r="F14268" s="14" t="s">
        <v>25</v>
      </c>
      <c r="G14268" s="16">
        <v>0.19948379883910922</v>
      </c>
    </row>
    <row r="14269" spans="1:7" x14ac:dyDescent="0.3">
      <c r="A14269" s="13" t="s">
        <v>105</v>
      </c>
      <c r="B14269" s="14" t="s">
        <v>1</v>
      </c>
      <c r="C14269" s="14" t="s">
        <v>106</v>
      </c>
      <c r="D14269" s="14" t="s">
        <v>107</v>
      </c>
      <c r="E14269" s="15">
        <v>45410</v>
      </c>
      <c r="F14269" s="14" t="s">
        <v>25</v>
      </c>
      <c r="G14269" s="16">
        <v>0.19948379883910922</v>
      </c>
    </row>
    <row r="14270" spans="1:7" x14ac:dyDescent="0.3">
      <c r="A14270" s="13" t="s">
        <v>105</v>
      </c>
      <c r="B14270" s="14" t="s">
        <v>1</v>
      </c>
      <c r="C14270" s="14" t="s">
        <v>106</v>
      </c>
      <c r="D14270" s="14" t="s">
        <v>107</v>
      </c>
      <c r="E14270" s="15">
        <v>45411</v>
      </c>
      <c r="F14270" s="14" t="s">
        <v>25</v>
      </c>
      <c r="G14270" s="16">
        <v>0.20566140947185743</v>
      </c>
    </row>
    <row r="14271" spans="1:7" x14ac:dyDescent="0.3">
      <c r="A14271" s="13" t="s">
        <v>105</v>
      </c>
      <c r="B14271" s="14" t="s">
        <v>1</v>
      </c>
      <c r="C14271" s="14" t="s">
        <v>106</v>
      </c>
      <c r="D14271" s="14" t="s">
        <v>107</v>
      </c>
      <c r="E14271" s="15">
        <v>45412</v>
      </c>
      <c r="F14271" s="14" t="s">
        <v>25</v>
      </c>
      <c r="G14271" s="16">
        <v>0.22548590417529188</v>
      </c>
    </row>
    <row r="14272" spans="1:7" x14ac:dyDescent="0.3">
      <c r="A14272" s="13" t="s">
        <v>105</v>
      </c>
      <c r="B14272" s="14" t="s">
        <v>1</v>
      </c>
      <c r="C14272" s="14" t="s">
        <v>106</v>
      </c>
      <c r="D14272" s="14" t="s">
        <v>107</v>
      </c>
      <c r="E14272" s="15">
        <v>45413</v>
      </c>
      <c r="F14272" s="14" t="s">
        <v>25</v>
      </c>
      <c r="G14272" s="16">
        <v>0.22548590417529188</v>
      </c>
    </row>
    <row r="14273" spans="1:7" x14ac:dyDescent="0.3">
      <c r="A14273" s="13" t="s">
        <v>105</v>
      </c>
      <c r="B14273" s="14" t="s">
        <v>1</v>
      </c>
      <c r="C14273" s="14" t="s">
        <v>106</v>
      </c>
      <c r="D14273" s="14" t="s">
        <v>107</v>
      </c>
      <c r="E14273" s="15">
        <v>45414</v>
      </c>
      <c r="F14273" s="14" t="s">
        <v>25</v>
      </c>
      <c r="G14273" s="16">
        <v>0.23268923388687335</v>
      </c>
    </row>
    <row r="14274" spans="1:7" x14ac:dyDescent="0.3">
      <c r="A14274" s="13" t="s">
        <v>105</v>
      </c>
      <c r="B14274" s="14" t="s">
        <v>1</v>
      </c>
      <c r="C14274" s="14" t="s">
        <v>106</v>
      </c>
      <c r="D14274" s="14" t="s">
        <v>107</v>
      </c>
      <c r="E14274" s="15">
        <v>45415</v>
      </c>
      <c r="F14274" s="14" t="s">
        <v>25</v>
      </c>
      <c r="G14274" s="16">
        <v>0.25381894004264266</v>
      </c>
    </row>
    <row r="14275" spans="1:7" x14ac:dyDescent="0.3">
      <c r="A14275" s="13" t="s">
        <v>105</v>
      </c>
      <c r="B14275" s="14" t="s">
        <v>1</v>
      </c>
      <c r="C14275" s="14" t="s">
        <v>106</v>
      </c>
      <c r="D14275" s="14" t="s">
        <v>107</v>
      </c>
      <c r="E14275" s="15">
        <v>45416</v>
      </c>
      <c r="F14275" s="14" t="s">
        <v>25</v>
      </c>
      <c r="G14275" s="16">
        <v>0.25381894004264266</v>
      </c>
    </row>
    <row r="14276" spans="1:7" x14ac:dyDescent="0.3">
      <c r="A14276" s="13" t="s">
        <v>105</v>
      </c>
      <c r="B14276" s="14" t="s">
        <v>1</v>
      </c>
      <c r="C14276" s="14" t="s">
        <v>106</v>
      </c>
      <c r="D14276" s="14" t="s">
        <v>107</v>
      </c>
      <c r="E14276" s="15">
        <v>45417</v>
      </c>
      <c r="F14276" s="14" t="s">
        <v>25</v>
      </c>
      <c r="G14276" s="16">
        <v>0.25381894004264266</v>
      </c>
    </row>
    <row r="14277" spans="1:7" x14ac:dyDescent="0.3">
      <c r="A14277" s="13" t="s">
        <v>105</v>
      </c>
      <c r="B14277" s="14" t="s">
        <v>1</v>
      </c>
      <c r="C14277" s="14" t="s">
        <v>106</v>
      </c>
      <c r="D14277" s="14" t="s">
        <v>107</v>
      </c>
      <c r="E14277" s="15">
        <v>45418</v>
      </c>
      <c r="F14277" s="14" t="s">
        <v>25</v>
      </c>
      <c r="G14277" s="16">
        <v>0.25381894004264266</v>
      </c>
    </row>
    <row r="14278" spans="1:7" x14ac:dyDescent="0.3">
      <c r="A14278" s="13" t="s">
        <v>105</v>
      </c>
      <c r="B14278" s="14" t="s">
        <v>1</v>
      </c>
      <c r="C14278" s="14" t="s">
        <v>106</v>
      </c>
      <c r="D14278" s="14" t="s">
        <v>107</v>
      </c>
      <c r="E14278" s="15">
        <v>45419</v>
      </c>
      <c r="F14278" s="14" t="s">
        <v>25</v>
      </c>
      <c r="G14278" s="16">
        <v>0.26012415736426464</v>
      </c>
    </row>
    <row r="14279" spans="1:7" x14ac:dyDescent="0.3">
      <c r="A14279" s="13" t="s">
        <v>105</v>
      </c>
      <c r="B14279" s="14" t="s">
        <v>1</v>
      </c>
      <c r="C14279" s="14" t="s">
        <v>106</v>
      </c>
      <c r="D14279" s="14" t="s">
        <v>107</v>
      </c>
      <c r="E14279" s="15">
        <v>45420</v>
      </c>
      <c r="F14279" s="14" t="s">
        <v>25</v>
      </c>
      <c r="G14279" s="16">
        <v>0.28516620995960529</v>
      </c>
    </row>
    <row r="14280" spans="1:7" x14ac:dyDescent="0.3">
      <c r="A14280" s="13" t="s">
        <v>105</v>
      </c>
      <c r="B14280" s="14" t="s">
        <v>1</v>
      </c>
      <c r="C14280" s="14" t="s">
        <v>106</v>
      </c>
      <c r="D14280" s="14" t="s">
        <v>107</v>
      </c>
      <c r="E14280" s="15">
        <v>45421</v>
      </c>
      <c r="F14280" s="14" t="s">
        <v>25</v>
      </c>
      <c r="G14280" s="16">
        <v>0.28516620995960529</v>
      </c>
    </row>
    <row r="14281" spans="1:7" x14ac:dyDescent="0.3">
      <c r="A14281" s="13" t="s">
        <v>105</v>
      </c>
      <c r="B14281" s="14" t="s">
        <v>1</v>
      </c>
      <c r="C14281" s="14" t="s">
        <v>106</v>
      </c>
      <c r="D14281" s="14" t="s">
        <v>107</v>
      </c>
      <c r="E14281" s="15">
        <v>45422</v>
      </c>
      <c r="F14281" s="14" t="s">
        <v>25</v>
      </c>
      <c r="G14281" s="16">
        <v>0.29141683967606902</v>
      </c>
    </row>
    <row r="14282" spans="1:7" x14ac:dyDescent="0.3">
      <c r="A14282" s="13" t="s">
        <v>105</v>
      </c>
      <c r="B14282" s="14" t="s">
        <v>1</v>
      </c>
      <c r="C14282" s="14" t="s">
        <v>106</v>
      </c>
      <c r="D14282" s="14" t="s">
        <v>107</v>
      </c>
      <c r="E14282" s="15">
        <v>45423</v>
      </c>
      <c r="F14282" s="14" t="s">
        <v>25</v>
      </c>
      <c r="G14282" s="16">
        <v>0.29141683967606902</v>
      </c>
    </row>
    <row r="14283" spans="1:7" x14ac:dyDescent="0.3">
      <c r="A14283" s="13" t="s">
        <v>105</v>
      </c>
      <c r="B14283" s="14" t="s">
        <v>1</v>
      </c>
      <c r="C14283" s="14" t="s">
        <v>106</v>
      </c>
      <c r="D14283" s="14" t="s">
        <v>107</v>
      </c>
      <c r="E14283" s="15">
        <v>45424</v>
      </c>
      <c r="F14283" s="14" t="s">
        <v>25</v>
      </c>
      <c r="G14283" s="16">
        <v>0.29141683967606902</v>
      </c>
    </row>
    <row r="14284" spans="1:7" x14ac:dyDescent="0.3">
      <c r="A14284" s="13" t="s">
        <v>105</v>
      </c>
      <c r="B14284" s="14" t="s">
        <v>1</v>
      </c>
      <c r="C14284" s="14" t="s">
        <v>106</v>
      </c>
      <c r="D14284" s="14" t="s">
        <v>107</v>
      </c>
      <c r="E14284" s="15">
        <v>45425</v>
      </c>
      <c r="F14284" s="14" t="s">
        <v>25</v>
      </c>
      <c r="G14284" s="16">
        <v>0.30741790864573321</v>
      </c>
    </row>
    <row r="14285" spans="1:7" x14ac:dyDescent="0.3">
      <c r="A14285" s="13" t="s">
        <v>105</v>
      </c>
      <c r="B14285" s="14" t="s">
        <v>1</v>
      </c>
      <c r="C14285" s="14" t="s">
        <v>106</v>
      </c>
      <c r="D14285" s="14" t="s">
        <v>107</v>
      </c>
      <c r="E14285" s="15">
        <v>45426</v>
      </c>
      <c r="F14285" s="14" t="s">
        <v>25</v>
      </c>
      <c r="G14285" s="16">
        <v>0.33219626154079207</v>
      </c>
    </row>
    <row r="14286" spans="1:7" x14ac:dyDescent="0.3">
      <c r="A14286" s="13" t="s">
        <v>105</v>
      </c>
      <c r="B14286" s="14" t="s">
        <v>1</v>
      </c>
      <c r="C14286" s="14" t="s">
        <v>106</v>
      </c>
      <c r="D14286" s="14" t="s">
        <v>107</v>
      </c>
      <c r="E14286" s="15">
        <v>45427</v>
      </c>
      <c r="F14286" s="14" t="s">
        <v>25</v>
      </c>
      <c r="G14286" s="16">
        <v>0.33835112162020159</v>
      </c>
    </row>
    <row r="14287" spans="1:7" x14ac:dyDescent="0.3">
      <c r="A14287" s="13" t="s">
        <v>105</v>
      </c>
      <c r="B14287" s="14" t="s">
        <v>1</v>
      </c>
      <c r="C14287" s="14" t="s">
        <v>106</v>
      </c>
      <c r="D14287" s="14" t="s">
        <v>107</v>
      </c>
      <c r="E14287" s="15">
        <v>45428</v>
      </c>
      <c r="F14287" s="14" t="s">
        <v>25</v>
      </c>
      <c r="G14287" s="16">
        <v>0.34460229144679255</v>
      </c>
    </row>
    <row r="14288" spans="1:7" x14ac:dyDescent="0.3">
      <c r="A14288" s="13" t="s">
        <v>105</v>
      </c>
      <c r="B14288" s="14" t="s">
        <v>1</v>
      </c>
      <c r="C14288" s="14" t="s">
        <v>106</v>
      </c>
      <c r="D14288" s="14" t="s">
        <v>107</v>
      </c>
      <c r="E14288" s="15">
        <v>45429</v>
      </c>
      <c r="F14288" s="14" t="s">
        <v>25</v>
      </c>
      <c r="G14288" s="16">
        <v>0.42469503868354491</v>
      </c>
    </row>
    <row r="14289" spans="1:7" x14ac:dyDescent="0.3">
      <c r="A14289" s="13" t="s">
        <v>105</v>
      </c>
      <c r="B14289" s="14" t="s">
        <v>1</v>
      </c>
      <c r="C14289" s="14" t="s">
        <v>106</v>
      </c>
      <c r="D14289" s="14" t="s">
        <v>107</v>
      </c>
      <c r="E14289" s="15">
        <v>45430</v>
      </c>
      <c r="F14289" s="14" t="s">
        <v>25</v>
      </c>
      <c r="G14289" s="16">
        <v>0.42469503868354491</v>
      </c>
    </row>
    <row r="14290" spans="1:7" x14ac:dyDescent="0.3">
      <c r="A14290" s="13" t="s">
        <v>105</v>
      </c>
      <c r="B14290" s="14" t="s">
        <v>1</v>
      </c>
      <c r="C14290" s="14" t="s">
        <v>106</v>
      </c>
      <c r="D14290" s="14" t="s">
        <v>107</v>
      </c>
      <c r="E14290" s="15">
        <v>45431</v>
      </c>
      <c r="F14290" s="14" t="s">
        <v>25</v>
      </c>
      <c r="G14290" s="16">
        <v>0.42469503868354491</v>
      </c>
    </row>
    <row r="14291" spans="1:7" x14ac:dyDescent="0.3">
      <c r="A14291" s="13" t="s">
        <v>105</v>
      </c>
      <c r="B14291" s="14" t="s">
        <v>1</v>
      </c>
      <c r="C14291" s="14" t="s">
        <v>106</v>
      </c>
      <c r="D14291" s="14" t="s">
        <v>107</v>
      </c>
      <c r="E14291" s="15">
        <v>45432</v>
      </c>
      <c r="F14291" s="14" t="s">
        <v>25</v>
      </c>
      <c r="G14291" s="16">
        <v>0.42469503868354491</v>
      </c>
    </row>
    <row r="14292" spans="1:7" x14ac:dyDescent="0.3">
      <c r="A14292" s="13" t="s">
        <v>105</v>
      </c>
      <c r="B14292" s="14" t="s">
        <v>1</v>
      </c>
      <c r="C14292" s="14" t="s">
        <v>106</v>
      </c>
      <c r="D14292" s="14" t="s">
        <v>107</v>
      </c>
      <c r="E14292" s="15">
        <v>45433</v>
      </c>
      <c r="F14292" s="14" t="s">
        <v>25</v>
      </c>
      <c r="G14292" s="16">
        <v>0.43110561859876995</v>
      </c>
    </row>
    <row r="14293" spans="1:7" x14ac:dyDescent="0.3">
      <c r="A14293" s="13" t="s">
        <v>105</v>
      </c>
      <c r="B14293" s="14" t="s">
        <v>1</v>
      </c>
      <c r="C14293" s="14" t="s">
        <v>106</v>
      </c>
      <c r="D14293" s="14" t="s">
        <v>107</v>
      </c>
      <c r="E14293" s="15">
        <v>45434</v>
      </c>
      <c r="F14293" s="14" t="s">
        <v>25</v>
      </c>
      <c r="G14293" s="16">
        <v>0.45681947013693092</v>
      </c>
    </row>
    <row r="14294" spans="1:7" x14ac:dyDescent="0.3">
      <c r="A14294" s="13" t="s">
        <v>105</v>
      </c>
      <c r="B14294" s="14" t="s">
        <v>1</v>
      </c>
      <c r="C14294" s="14" t="s">
        <v>106</v>
      </c>
      <c r="D14294" s="14" t="s">
        <v>107</v>
      </c>
      <c r="E14294" s="15">
        <v>45435</v>
      </c>
      <c r="F14294" s="14" t="s">
        <v>25</v>
      </c>
      <c r="G14294" s="16">
        <v>0.46329703385423782</v>
      </c>
    </row>
    <row r="14295" spans="1:7" x14ac:dyDescent="0.3">
      <c r="A14295" s="13" t="s">
        <v>105</v>
      </c>
      <c r="B14295" s="14" t="s">
        <v>1</v>
      </c>
      <c r="C14295" s="14" t="s">
        <v>106</v>
      </c>
      <c r="D14295" s="14" t="s">
        <v>107</v>
      </c>
      <c r="E14295" s="15">
        <v>45436</v>
      </c>
      <c r="F14295" s="14" t="s">
        <v>25</v>
      </c>
      <c r="G14295" s="16">
        <v>0.46976828129587772</v>
      </c>
    </row>
    <row r="14296" spans="1:7" x14ac:dyDescent="0.3">
      <c r="A14296" s="13" t="s">
        <v>105</v>
      </c>
      <c r="B14296" s="14" t="s">
        <v>1</v>
      </c>
      <c r="C14296" s="14" t="s">
        <v>106</v>
      </c>
      <c r="D14296" s="14" t="s">
        <v>107</v>
      </c>
      <c r="E14296" s="15">
        <v>45437</v>
      </c>
      <c r="F14296" s="14" t="s">
        <v>25</v>
      </c>
      <c r="G14296" s="16">
        <v>0.46976828129587772</v>
      </c>
    </row>
    <row r="14297" spans="1:7" x14ac:dyDescent="0.3">
      <c r="A14297" s="13" t="s">
        <v>105</v>
      </c>
      <c r="B14297" s="14" t="s">
        <v>1</v>
      </c>
      <c r="C14297" s="14" t="s">
        <v>106</v>
      </c>
      <c r="D14297" s="14" t="s">
        <v>107</v>
      </c>
      <c r="E14297" s="15">
        <v>45438</v>
      </c>
      <c r="F14297" s="14" t="s">
        <v>25</v>
      </c>
      <c r="G14297" s="16">
        <v>0.46976828129587772</v>
      </c>
    </row>
    <row r="14298" spans="1:7" x14ac:dyDescent="0.3">
      <c r="A14298" s="13" t="s">
        <v>105</v>
      </c>
      <c r="B14298" s="14" t="s">
        <v>1</v>
      </c>
      <c r="C14298" s="14" t="s">
        <v>106</v>
      </c>
      <c r="D14298" s="14" t="s">
        <v>107</v>
      </c>
      <c r="E14298" s="15">
        <v>45439</v>
      </c>
      <c r="F14298" s="14" t="s">
        <v>25</v>
      </c>
      <c r="G14298" s="16">
        <v>0.47626189435546673</v>
      </c>
    </row>
    <row r="14299" spans="1:7" x14ac:dyDescent="0.3">
      <c r="A14299" s="13" t="s">
        <v>105</v>
      </c>
      <c r="B14299" s="14" t="s">
        <v>1</v>
      </c>
      <c r="C14299" s="14" t="s">
        <v>106</v>
      </c>
      <c r="D14299" s="14" t="s">
        <v>107</v>
      </c>
      <c r="E14299" s="15">
        <v>45440</v>
      </c>
      <c r="F14299" s="14" t="s">
        <v>25</v>
      </c>
      <c r="G14299" s="16">
        <v>0.49563851822083993</v>
      </c>
    </row>
    <row r="14300" spans="1:7" x14ac:dyDescent="0.3">
      <c r="A14300" s="13" t="s">
        <v>105</v>
      </c>
      <c r="B14300" s="14" t="s">
        <v>1</v>
      </c>
      <c r="C14300" s="14" t="s">
        <v>106</v>
      </c>
      <c r="D14300" s="14" t="s">
        <v>107</v>
      </c>
      <c r="E14300" s="15">
        <v>45441</v>
      </c>
      <c r="F14300" s="14" t="s">
        <v>25</v>
      </c>
      <c r="G14300" s="16">
        <v>0.50414810224768958</v>
      </c>
    </row>
    <row r="14301" spans="1:7" x14ac:dyDescent="0.3">
      <c r="A14301" s="13" t="s">
        <v>105</v>
      </c>
      <c r="B14301" s="14" t="s">
        <v>1</v>
      </c>
      <c r="C14301" s="14" t="s">
        <v>106</v>
      </c>
      <c r="D14301" s="14" t="s">
        <v>107</v>
      </c>
      <c r="E14301" s="15">
        <v>45442</v>
      </c>
      <c r="F14301" s="14" t="s">
        <v>25</v>
      </c>
      <c r="G14301" s="16">
        <v>0.51094338081952106</v>
      </c>
    </row>
    <row r="14302" spans="1:7" x14ac:dyDescent="0.3">
      <c r="A14302" s="13" t="s">
        <v>105</v>
      </c>
      <c r="B14302" s="14" t="s">
        <v>1</v>
      </c>
      <c r="C14302" s="14" t="s">
        <v>106</v>
      </c>
      <c r="D14302" s="14" t="s">
        <v>107</v>
      </c>
      <c r="E14302" s="15">
        <v>45443</v>
      </c>
      <c r="F14302" s="14" t="s">
        <v>25</v>
      </c>
      <c r="G14302" s="16">
        <v>0.51732670334581643</v>
      </c>
    </row>
    <row r="14303" spans="1:7" x14ac:dyDescent="0.3">
      <c r="A14303" s="13" t="s">
        <v>105</v>
      </c>
      <c r="B14303" s="14" t="s">
        <v>1</v>
      </c>
      <c r="C14303" s="14" t="s">
        <v>106</v>
      </c>
      <c r="D14303" s="14" t="s">
        <v>107</v>
      </c>
      <c r="E14303" s="15">
        <v>45444</v>
      </c>
      <c r="F14303" s="14" t="s">
        <v>25</v>
      </c>
      <c r="G14303" s="16">
        <v>0.51732670334581643</v>
      </c>
    </row>
    <row r="14304" spans="1:7" x14ac:dyDescent="0.3">
      <c r="A14304" s="13" t="s">
        <v>105</v>
      </c>
      <c r="B14304" s="14" t="s">
        <v>1</v>
      </c>
      <c r="C14304" s="14" t="s">
        <v>106</v>
      </c>
      <c r="D14304" s="14" t="s">
        <v>107</v>
      </c>
      <c r="E14304" s="15">
        <v>45445</v>
      </c>
      <c r="F14304" s="14" t="s">
        <v>25</v>
      </c>
      <c r="G14304" s="16">
        <v>0.51732670334581643</v>
      </c>
    </row>
    <row r="14305" spans="1:7" x14ac:dyDescent="0.3">
      <c r="A14305" s="13" t="s">
        <v>105</v>
      </c>
      <c r="B14305" s="14" t="s">
        <v>1</v>
      </c>
      <c r="C14305" s="14" t="s">
        <v>106</v>
      </c>
      <c r="D14305" s="14" t="s">
        <v>107</v>
      </c>
      <c r="E14305" s="15">
        <v>45446</v>
      </c>
      <c r="F14305" s="14" t="s">
        <v>25</v>
      </c>
      <c r="G14305" s="16">
        <v>0.51732670334581643</v>
      </c>
    </row>
    <row r="14306" spans="1:7" x14ac:dyDescent="0.3">
      <c r="A14306" s="13" t="s">
        <v>105</v>
      </c>
      <c r="B14306" s="14" t="s">
        <v>1</v>
      </c>
      <c r="C14306" s="14" t="s">
        <v>106</v>
      </c>
      <c r="D14306" s="14" t="s">
        <v>107</v>
      </c>
      <c r="E14306" s="15">
        <v>45447</v>
      </c>
      <c r="F14306" s="14" t="s">
        <v>25</v>
      </c>
      <c r="G14306" s="16">
        <v>0.52371525374541528</v>
      </c>
    </row>
    <row r="14307" spans="1:7" x14ac:dyDescent="0.3">
      <c r="A14307" s="13" t="s">
        <v>105</v>
      </c>
      <c r="B14307" s="14" t="s">
        <v>1</v>
      </c>
      <c r="C14307" s="14" t="s">
        <v>106</v>
      </c>
      <c r="D14307" s="14" t="s">
        <v>107</v>
      </c>
      <c r="E14307" s="15">
        <v>45448</v>
      </c>
      <c r="F14307" s="14" t="s">
        <v>25</v>
      </c>
      <c r="G14307" s="16">
        <v>0.57468799752792732</v>
      </c>
    </row>
    <row r="14308" spans="1:7" x14ac:dyDescent="0.3">
      <c r="A14308" s="13" t="s">
        <v>105</v>
      </c>
      <c r="B14308" s="14" t="s">
        <v>1</v>
      </c>
      <c r="C14308" s="14" t="s">
        <v>106</v>
      </c>
      <c r="D14308" s="14" t="s">
        <v>107</v>
      </c>
      <c r="E14308" s="15">
        <v>45449</v>
      </c>
      <c r="F14308" s="14" t="s">
        <v>25</v>
      </c>
      <c r="G14308" s="16">
        <v>0.58075264912972646</v>
      </c>
    </row>
    <row r="14309" spans="1:7" x14ac:dyDescent="0.3">
      <c r="A14309" s="13" t="s">
        <v>105</v>
      </c>
      <c r="B14309" s="14" t="s">
        <v>1</v>
      </c>
      <c r="C14309" s="14" t="s">
        <v>106</v>
      </c>
      <c r="D14309" s="14" t="s">
        <v>107</v>
      </c>
      <c r="E14309" s="15">
        <v>45450</v>
      </c>
      <c r="F14309" s="14" t="s">
        <v>25</v>
      </c>
      <c r="G14309" s="16">
        <v>0.58676038011916798</v>
      </c>
    </row>
    <row r="14310" spans="1:7" x14ac:dyDescent="0.3">
      <c r="A14310" s="13" t="s">
        <v>105</v>
      </c>
      <c r="B14310" s="14" t="s">
        <v>1</v>
      </c>
      <c r="C14310" s="14" t="s">
        <v>106</v>
      </c>
      <c r="D14310" s="14" t="s">
        <v>107</v>
      </c>
      <c r="E14310" s="15">
        <v>45451</v>
      </c>
      <c r="F14310" s="14" t="s">
        <v>25</v>
      </c>
      <c r="G14310" s="16">
        <v>0.58676038011916798</v>
      </c>
    </row>
    <row r="14311" spans="1:7" x14ac:dyDescent="0.3">
      <c r="A14311" s="13" t="s">
        <v>105</v>
      </c>
      <c r="B14311" s="14" t="s">
        <v>1</v>
      </c>
      <c r="C14311" s="14" t="s">
        <v>106</v>
      </c>
      <c r="D14311" s="14" t="s">
        <v>107</v>
      </c>
      <c r="E14311" s="15">
        <v>45452</v>
      </c>
      <c r="F14311" s="14" t="s">
        <v>25</v>
      </c>
      <c r="G14311" s="16">
        <v>0.58676038011916798</v>
      </c>
    </row>
    <row r="14312" spans="1:7" x14ac:dyDescent="0.3">
      <c r="A14312" s="13" t="s">
        <v>105</v>
      </c>
      <c r="B14312" s="14" t="s">
        <v>1</v>
      </c>
      <c r="C14312" s="14" t="s">
        <v>106</v>
      </c>
      <c r="D14312" s="14" t="s">
        <v>107</v>
      </c>
      <c r="E14312" s="15">
        <v>45453</v>
      </c>
      <c r="F14312" s="14" t="s">
        <v>25</v>
      </c>
      <c r="G14312" s="16">
        <v>0.59576770491268338</v>
      </c>
    </row>
    <row r="14313" spans="1:7" x14ac:dyDescent="0.3">
      <c r="A14313" s="13" t="s">
        <v>105</v>
      </c>
      <c r="B14313" s="14" t="s">
        <v>1</v>
      </c>
      <c r="C14313" s="14" t="s">
        <v>106</v>
      </c>
      <c r="D14313" s="14" t="s">
        <v>107</v>
      </c>
      <c r="E14313" s="15">
        <v>45454</v>
      </c>
      <c r="F14313" s="14" t="s">
        <v>25</v>
      </c>
      <c r="G14313" s="16">
        <v>0.61557091016949483</v>
      </c>
    </row>
    <row r="14314" spans="1:7" x14ac:dyDescent="0.3">
      <c r="A14314" s="13" t="s">
        <v>105</v>
      </c>
      <c r="B14314" s="14" t="s">
        <v>1</v>
      </c>
      <c r="C14314" s="14" t="s">
        <v>106</v>
      </c>
      <c r="D14314" s="14" t="s">
        <v>107</v>
      </c>
      <c r="E14314" s="15">
        <v>45455</v>
      </c>
      <c r="F14314" s="14" t="s">
        <v>25</v>
      </c>
      <c r="G14314" s="16">
        <v>0.62156218000265462</v>
      </c>
    </row>
    <row r="14315" spans="1:7" x14ac:dyDescent="0.3">
      <c r="A14315" s="13" t="s">
        <v>105</v>
      </c>
      <c r="B14315" s="14" t="s">
        <v>1</v>
      </c>
      <c r="C14315" s="14" t="s">
        <v>106</v>
      </c>
      <c r="D14315" s="14" t="s">
        <v>107</v>
      </c>
      <c r="E14315" s="15">
        <v>45456</v>
      </c>
      <c r="F14315" s="14" t="s">
        <v>25</v>
      </c>
      <c r="G14315" s="16">
        <v>0.6274670559394997</v>
      </c>
    </row>
    <row r="14316" spans="1:7" x14ac:dyDescent="0.3">
      <c r="A14316" s="13" t="s">
        <v>105</v>
      </c>
      <c r="B14316" s="14" t="s">
        <v>1</v>
      </c>
      <c r="C14316" s="14" t="s">
        <v>106</v>
      </c>
      <c r="D14316" s="14" t="s">
        <v>107</v>
      </c>
      <c r="E14316" s="15">
        <v>45457</v>
      </c>
      <c r="F14316" s="14" t="s">
        <v>25</v>
      </c>
      <c r="G14316" s="16">
        <v>0.64013021376541535</v>
      </c>
    </row>
    <row r="14317" spans="1:7" x14ac:dyDescent="0.3">
      <c r="A14317" s="13" t="s">
        <v>105</v>
      </c>
      <c r="B14317" s="14" t="s">
        <v>1</v>
      </c>
      <c r="C14317" s="14" t="s">
        <v>106</v>
      </c>
      <c r="D14317" s="14" t="s">
        <v>107</v>
      </c>
      <c r="E14317" s="15">
        <v>45458</v>
      </c>
      <c r="F14317" s="14" t="s">
        <v>25</v>
      </c>
      <c r="G14317" s="16">
        <v>0.64013021376541535</v>
      </c>
    </row>
    <row r="14318" spans="1:7" x14ac:dyDescent="0.3">
      <c r="A14318" s="13" t="s">
        <v>105</v>
      </c>
      <c r="B14318" s="14" t="s">
        <v>1</v>
      </c>
      <c r="C14318" s="14" t="s">
        <v>106</v>
      </c>
      <c r="D14318" s="14" t="s">
        <v>107</v>
      </c>
      <c r="E14318" s="15">
        <v>45459</v>
      </c>
      <c r="F14318" s="14" t="s">
        <v>25</v>
      </c>
      <c r="G14318" s="16">
        <v>0.64013021376541535</v>
      </c>
    </row>
    <row r="14319" spans="1:7" x14ac:dyDescent="0.3">
      <c r="A14319" s="13" t="s">
        <v>105</v>
      </c>
      <c r="B14319" s="14" t="s">
        <v>1</v>
      </c>
      <c r="C14319" s="14" t="s">
        <v>106</v>
      </c>
      <c r="D14319" s="14" t="s">
        <v>107</v>
      </c>
      <c r="E14319" s="15">
        <v>45460</v>
      </c>
      <c r="F14319" s="14" t="s">
        <v>25</v>
      </c>
      <c r="G14319" s="16">
        <v>0.64686164833548232</v>
      </c>
    </row>
    <row r="14320" spans="1:7" x14ac:dyDescent="0.3">
      <c r="A14320" s="13" t="s">
        <v>105</v>
      </c>
      <c r="B14320" s="14" t="s">
        <v>1</v>
      </c>
      <c r="C14320" s="14" t="s">
        <v>106</v>
      </c>
      <c r="D14320" s="14" t="s">
        <v>107</v>
      </c>
      <c r="E14320" s="15">
        <v>45461</v>
      </c>
      <c r="F14320" s="14" t="s">
        <v>25</v>
      </c>
      <c r="G14320" s="16">
        <v>0.66451324975849324</v>
      </c>
    </row>
    <row r="14321" spans="1:7" x14ac:dyDescent="0.3">
      <c r="A14321" s="13" t="s">
        <v>105</v>
      </c>
      <c r="B14321" s="14" t="s">
        <v>1</v>
      </c>
      <c r="C14321" s="14" t="s">
        <v>106</v>
      </c>
      <c r="D14321" s="14" t="s">
        <v>107</v>
      </c>
      <c r="E14321" s="15">
        <v>45462</v>
      </c>
      <c r="F14321" s="14" t="s">
        <v>25</v>
      </c>
      <c r="G14321" s="16">
        <v>0.67088341099410387</v>
      </c>
    </row>
    <row r="14322" spans="1:7" x14ac:dyDescent="0.3">
      <c r="A14322" s="13" t="s">
        <v>105</v>
      </c>
      <c r="B14322" s="14" t="s">
        <v>1</v>
      </c>
      <c r="C14322" s="14" t="s">
        <v>106</v>
      </c>
      <c r="D14322" s="14" t="s">
        <v>107</v>
      </c>
      <c r="E14322" s="15">
        <v>45463</v>
      </c>
      <c r="F14322" s="14" t="s">
        <v>25</v>
      </c>
      <c r="G14322" s="16">
        <v>0.67663543435252382</v>
      </c>
    </row>
    <row r="14323" spans="1:7" x14ac:dyDescent="0.3">
      <c r="A14323" s="13" t="s">
        <v>105</v>
      </c>
      <c r="B14323" s="14" t="s">
        <v>1</v>
      </c>
      <c r="C14323" s="14" t="s">
        <v>106</v>
      </c>
      <c r="D14323" s="14" t="s">
        <v>107</v>
      </c>
      <c r="E14323" s="15">
        <v>45464</v>
      </c>
      <c r="F14323" s="14" t="s">
        <v>25</v>
      </c>
      <c r="G14323" s="16">
        <v>0.68371809500023251</v>
      </c>
    </row>
    <row r="14324" spans="1:7" x14ac:dyDescent="0.3">
      <c r="A14324" s="13" t="s">
        <v>105</v>
      </c>
      <c r="B14324" s="14" t="s">
        <v>1</v>
      </c>
      <c r="C14324" s="14" t="s">
        <v>106</v>
      </c>
      <c r="D14324" s="14" t="s">
        <v>107</v>
      </c>
      <c r="E14324" s="15">
        <v>45465</v>
      </c>
      <c r="F14324" s="14" t="s">
        <v>25</v>
      </c>
      <c r="G14324" s="16">
        <v>0.68371809500023251</v>
      </c>
    </row>
    <row r="14325" spans="1:7" x14ac:dyDescent="0.3">
      <c r="A14325" s="13" t="s">
        <v>105</v>
      </c>
      <c r="B14325" s="14" t="s">
        <v>1</v>
      </c>
      <c r="C14325" s="14" t="s">
        <v>106</v>
      </c>
      <c r="D14325" s="14" t="s">
        <v>107</v>
      </c>
      <c r="E14325" s="15">
        <v>45466</v>
      </c>
      <c r="F14325" s="14" t="s">
        <v>25</v>
      </c>
      <c r="G14325" s="16">
        <v>0.68371809500023251</v>
      </c>
    </row>
    <row r="14326" spans="1:7" x14ac:dyDescent="0.3">
      <c r="A14326" s="13" t="s">
        <v>105</v>
      </c>
      <c r="B14326" s="14" t="s">
        <v>1</v>
      </c>
      <c r="C14326" s="14" t="s">
        <v>106</v>
      </c>
      <c r="D14326" s="14" t="s">
        <v>107</v>
      </c>
      <c r="E14326" s="15">
        <v>45467</v>
      </c>
      <c r="F14326" s="14" t="s">
        <v>25</v>
      </c>
      <c r="G14326" s="16">
        <v>0.68972253047713417</v>
      </c>
    </row>
    <row r="14327" spans="1:7" x14ac:dyDescent="0.3">
      <c r="A14327" s="13" t="s">
        <v>105</v>
      </c>
      <c r="B14327" s="14" t="s">
        <v>1</v>
      </c>
      <c r="C14327" s="14" t="s">
        <v>106</v>
      </c>
      <c r="D14327" s="14" t="s">
        <v>107</v>
      </c>
      <c r="E14327" s="15">
        <v>45468</v>
      </c>
      <c r="F14327" s="14" t="s">
        <v>25</v>
      </c>
      <c r="G14327" s="16">
        <v>0.70772559370590304</v>
      </c>
    </row>
    <row r="14328" spans="1:7" x14ac:dyDescent="0.3">
      <c r="A14328" s="13" t="s">
        <v>105</v>
      </c>
      <c r="B14328" s="14" t="s">
        <v>1</v>
      </c>
      <c r="C14328" s="14" t="s">
        <v>106</v>
      </c>
      <c r="D14328" s="14" t="s">
        <v>107</v>
      </c>
      <c r="E14328" s="15">
        <v>45469</v>
      </c>
      <c r="F14328" s="14" t="s">
        <v>25</v>
      </c>
      <c r="G14328" s="16">
        <v>0.71373721573850035</v>
      </c>
    </row>
    <row r="14329" spans="1:7" x14ac:dyDescent="0.3">
      <c r="A14329" s="13" t="s">
        <v>105</v>
      </c>
      <c r="B14329" s="14" t="s">
        <v>1</v>
      </c>
      <c r="C14329" s="14" t="s">
        <v>106</v>
      </c>
      <c r="D14329" s="14" t="s">
        <v>107</v>
      </c>
      <c r="E14329" s="15">
        <v>45470</v>
      </c>
      <c r="F14329" s="14" t="s">
        <v>25</v>
      </c>
      <c r="G14329" s="16">
        <v>0.7197838318390497</v>
      </c>
    </row>
    <row r="14330" spans="1:7" x14ac:dyDescent="0.3">
      <c r="A14330" s="13" t="s">
        <v>105</v>
      </c>
      <c r="B14330" s="14" t="s">
        <v>1</v>
      </c>
      <c r="C14330" s="14" t="s">
        <v>106</v>
      </c>
      <c r="D14330" s="14" t="s">
        <v>107</v>
      </c>
      <c r="E14330" s="15">
        <v>45471</v>
      </c>
      <c r="F14330" s="14" t="s">
        <v>25</v>
      </c>
      <c r="G14330" s="16">
        <v>0.72352761893230866</v>
      </c>
    </row>
    <row r="14331" spans="1:7" x14ac:dyDescent="0.3">
      <c r="A14331" s="13" t="s">
        <v>105</v>
      </c>
      <c r="B14331" s="14" t="s">
        <v>1</v>
      </c>
      <c r="C14331" s="14" t="s">
        <v>106</v>
      </c>
      <c r="D14331" s="14" t="s">
        <v>107</v>
      </c>
      <c r="E14331" s="15">
        <v>45472</v>
      </c>
      <c r="F14331" s="14" t="s">
        <v>25</v>
      </c>
      <c r="G14331" s="16">
        <v>0.72352761893230866</v>
      </c>
    </row>
    <row r="14332" spans="1:7" x14ac:dyDescent="0.3">
      <c r="A14332" s="13" t="s">
        <v>105</v>
      </c>
      <c r="B14332" s="14" t="s">
        <v>1</v>
      </c>
      <c r="C14332" s="14" t="s">
        <v>106</v>
      </c>
      <c r="D14332" s="14" t="s">
        <v>107</v>
      </c>
      <c r="E14332" s="15">
        <v>45473</v>
      </c>
      <c r="F14332" s="14" t="s">
        <v>25</v>
      </c>
      <c r="G14332" s="16">
        <v>0.72352761893230866</v>
      </c>
    </row>
    <row r="14333" spans="1:7" x14ac:dyDescent="0.3">
      <c r="A14333" s="13" t="s">
        <v>105</v>
      </c>
      <c r="B14333" s="14" t="s">
        <v>1</v>
      </c>
      <c r="C14333" s="14" t="s">
        <v>106</v>
      </c>
      <c r="D14333" s="14" t="s">
        <v>107</v>
      </c>
      <c r="E14333" s="15">
        <v>45474</v>
      </c>
      <c r="F14333" s="14" t="s">
        <v>25</v>
      </c>
      <c r="G14333" s="16">
        <v>0.72982213460540224</v>
      </c>
    </row>
    <row r="14334" spans="1:7" x14ac:dyDescent="0.3">
      <c r="A14334" s="13" t="s">
        <v>105</v>
      </c>
      <c r="B14334" s="14" t="s">
        <v>1</v>
      </c>
      <c r="C14334" s="14" t="s">
        <v>106</v>
      </c>
      <c r="D14334" s="14" t="s">
        <v>107</v>
      </c>
      <c r="E14334" s="15">
        <v>45475</v>
      </c>
      <c r="F14334" s="14" t="s">
        <v>25</v>
      </c>
      <c r="G14334" s="16">
        <v>0.7557192105254622</v>
      </c>
    </row>
    <row r="14335" spans="1:7" x14ac:dyDescent="0.3">
      <c r="A14335" s="13" t="s">
        <v>105</v>
      </c>
      <c r="B14335" s="14" t="s">
        <v>1</v>
      </c>
      <c r="C14335" s="14" t="s">
        <v>106</v>
      </c>
      <c r="D14335" s="14" t="s">
        <v>107</v>
      </c>
      <c r="E14335" s="15">
        <v>45476</v>
      </c>
      <c r="F14335" s="14" t="s">
        <v>25</v>
      </c>
      <c r="G14335" s="16">
        <v>0.76099057342830212</v>
      </c>
    </row>
    <row r="14336" spans="1:7" x14ac:dyDescent="0.3">
      <c r="A14336" s="13" t="s">
        <v>105</v>
      </c>
      <c r="B14336" s="14" t="s">
        <v>1</v>
      </c>
      <c r="C14336" s="14" t="s">
        <v>106</v>
      </c>
      <c r="D14336" s="14" t="s">
        <v>107</v>
      </c>
      <c r="E14336" s="15">
        <v>45477</v>
      </c>
      <c r="F14336" s="14" t="s">
        <v>25</v>
      </c>
      <c r="G14336" s="16">
        <v>0.76691017402295103</v>
      </c>
    </row>
    <row r="14337" spans="1:7" x14ac:dyDescent="0.3">
      <c r="A14337" s="13" t="s">
        <v>105</v>
      </c>
      <c r="B14337" s="14" t="s">
        <v>1</v>
      </c>
      <c r="C14337" s="14" t="s">
        <v>106</v>
      </c>
      <c r="D14337" s="14" t="s">
        <v>107</v>
      </c>
      <c r="E14337" s="15">
        <v>45478</v>
      </c>
      <c r="F14337" s="14" t="s">
        <v>25</v>
      </c>
      <c r="G14337" s="16">
        <v>0.77302453504992064</v>
      </c>
    </row>
    <row r="14338" spans="1:7" x14ac:dyDescent="0.3">
      <c r="A14338" s="13" t="s">
        <v>105</v>
      </c>
      <c r="B14338" s="14" t="s">
        <v>1</v>
      </c>
      <c r="C14338" s="14" t="s">
        <v>106</v>
      </c>
      <c r="D14338" s="14" t="s">
        <v>107</v>
      </c>
      <c r="E14338" s="15">
        <v>45479</v>
      </c>
      <c r="F14338" s="14" t="s">
        <v>25</v>
      </c>
      <c r="G14338" s="16">
        <v>0.77302453504992064</v>
      </c>
    </row>
    <row r="14339" spans="1:7" x14ac:dyDescent="0.3">
      <c r="A14339" s="13" t="s">
        <v>105</v>
      </c>
      <c r="B14339" s="14" t="s">
        <v>1</v>
      </c>
      <c r="C14339" s="14" t="s">
        <v>106</v>
      </c>
      <c r="D14339" s="14" t="s">
        <v>107</v>
      </c>
      <c r="E14339" s="15">
        <v>45480</v>
      </c>
      <c r="F14339" s="14" t="s">
        <v>25</v>
      </c>
      <c r="G14339" s="16">
        <v>0.77302453504992064</v>
      </c>
    </row>
    <row r="14340" spans="1:7" x14ac:dyDescent="0.3">
      <c r="A14340" s="13" t="s">
        <v>105</v>
      </c>
      <c r="B14340" s="14" t="s">
        <v>1</v>
      </c>
      <c r="C14340" s="14" t="s">
        <v>106</v>
      </c>
      <c r="D14340" s="14" t="s">
        <v>107</v>
      </c>
      <c r="E14340" s="15">
        <v>45481</v>
      </c>
      <c r="F14340" s="14" t="s">
        <v>25</v>
      </c>
      <c r="G14340" s="16">
        <v>0.77911008329729436</v>
      </c>
    </row>
    <row r="14341" spans="1:7" x14ac:dyDescent="0.3">
      <c r="A14341" s="13" t="s">
        <v>105</v>
      </c>
      <c r="B14341" s="14" t="s">
        <v>1</v>
      </c>
      <c r="C14341" s="14" t="s">
        <v>106</v>
      </c>
      <c r="D14341" s="14" t="s">
        <v>107</v>
      </c>
      <c r="E14341" s="15">
        <v>45482</v>
      </c>
      <c r="F14341" s="14" t="s">
        <v>25</v>
      </c>
      <c r="G14341" s="16">
        <v>0.79731908212610458</v>
      </c>
    </row>
    <row r="14342" spans="1:7" x14ac:dyDescent="0.3">
      <c r="A14342" s="13" t="s">
        <v>105</v>
      </c>
      <c r="B14342" s="14" t="s">
        <v>1</v>
      </c>
      <c r="C14342" s="14" t="s">
        <v>106</v>
      </c>
      <c r="D14342" s="14" t="s">
        <v>107</v>
      </c>
      <c r="E14342" s="15">
        <v>45483</v>
      </c>
      <c r="F14342" s="14" t="s">
        <v>25</v>
      </c>
      <c r="G14342" s="16">
        <v>0.81257781184140987</v>
      </c>
    </row>
    <row r="14343" spans="1:7" x14ac:dyDescent="0.3">
      <c r="A14343" s="13" t="s">
        <v>105</v>
      </c>
      <c r="B14343" s="14" t="s">
        <v>1</v>
      </c>
      <c r="C14343" s="14" t="s">
        <v>106</v>
      </c>
      <c r="D14343" s="14" t="s">
        <v>107</v>
      </c>
      <c r="E14343" s="15">
        <v>45484</v>
      </c>
      <c r="F14343" s="14" t="s">
        <v>25</v>
      </c>
      <c r="G14343" s="16">
        <v>0.81909483511879055</v>
      </c>
    </row>
    <row r="14344" spans="1:7" x14ac:dyDescent="0.3">
      <c r="A14344" s="13" t="s">
        <v>105</v>
      </c>
      <c r="B14344" s="14" t="s">
        <v>1</v>
      </c>
      <c r="C14344" s="14" t="s">
        <v>106</v>
      </c>
      <c r="D14344" s="14" t="s">
        <v>107</v>
      </c>
      <c r="E14344" s="15">
        <v>45485</v>
      </c>
      <c r="F14344" s="14" t="s">
        <v>25</v>
      </c>
      <c r="G14344" s="16">
        <v>0.82506668877077161</v>
      </c>
    </row>
    <row r="14345" spans="1:7" x14ac:dyDescent="0.3">
      <c r="A14345" s="13" t="s">
        <v>105</v>
      </c>
      <c r="B14345" s="14" t="s">
        <v>1</v>
      </c>
      <c r="C14345" s="14" t="s">
        <v>106</v>
      </c>
      <c r="D14345" s="14" t="s">
        <v>107</v>
      </c>
      <c r="E14345" s="15">
        <v>45486</v>
      </c>
      <c r="F14345" s="14" t="s">
        <v>25</v>
      </c>
      <c r="G14345" s="16">
        <v>0.82506668877077161</v>
      </c>
    </row>
    <row r="14346" spans="1:7" x14ac:dyDescent="0.3">
      <c r="A14346" s="13" t="s">
        <v>105</v>
      </c>
      <c r="B14346" s="14" t="s">
        <v>1</v>
      </c>
      <c r="C14346" s="14" t="s">
        <v>106</v>
      </c>
      <c r="D14346" s="14" t="s">
        <v>107</v>
      </c>
      <c r="E14346" s="15">
        <v>45487</v>
      </c>
      <c r="F14346" s="14" t="s">
        <v>25</v>
      </c>
      <c r="G14346" s="16">
        <v>0.82506668877077161</v>
      </c>
    </row>
    <row r="14347" spans="1:7" x14ac:dyDescent="0.3">
      <c r="A14347" s="13" t="s">
        <v>105</v>
      </c>
      <c r="B14347" s="14" t="s">
        <v>1</v>
      </c>
      <c r="C14347" s="14" t="s">
        <v>106</v>
      </c>
      <c r="D14347" s="14" t="s">
        <v>107</v>
      </c>
      <c r="E14347" s="15">
        <v>45488</v>
      </c>
      <c r="F14347" s="14" t="s">
        <v>25</v>
      </c>
      <c r="G14347" s="16">
        <v>0.83104629554615261</v>
      </c>
    </row>
    <row r="14348" spans="1:7" x14ac:dyDescent="0.3">
      <c r="A14348" s="13" t="s">
        <v>105</v>
      </c>
      <c r="B14348" s="14" t="s">
        <v>1</v>
      </c>
      <c r="C14348" s="14" t="s">
        <v>106</v>
      </c>
      <c r="D14348" s="14" t="s">
        <v>107</v>
      </c>
      <c r="E14348" s="15">
        <v>45489</v>
      </c>
      <c r="F14348" s="14" t="s">
        <v>25</v>
      </c>
      <c r="G14348" s="16">
        <v>0.84888925489559919</v>
      </c>
    </row>
    <row r="14349" spans="1:7" x14ac:dyDescent="0.3">
      <c r="A14349" s="13" t="s">
        <v>105</v>
      </c>
      <c r="B14349" s="14" t="s">
        <v>1</v>
      </c>
      <c r="C14349" s="14" t="s">
        <v>106</v>
      </c>
      <c r="D14349" s="14" t="s">
        <v>107</v>
      </c>
      <c r="E14349" s="15">
        <v>45490</v>
      </c>
      <c r="F14349" s="14" t="s">
        <v>25</v>
      </c>
      <c r="G14349" s="16">
        <v>0.85489696968987305</v>
      </c>
    </row>
    <row r="14350" spans="1:7" x14ac:dyDescent="0.3">
      <c r="A14350" s="13" t="s">
        <v>105</v>
      </c>
      <c r="B14350" s="14" t="s">
        <v>1</v>
      </c>
      <c r="C14350" s="14" t="s">
        <v>106</v>
      </c>
      <c r="D14350" s="14" t="s">
        <v>107</v>
      </c>
      <c r="E14350" s="15">
        <v>45491</v>
      </c>
      <c r="F14350" s="14" t="s">
        <v>25</v>
      </c>
      <c r="G14350" s="16">
        <v>0.86078620144306839</v>
      </c>
    </row>
    <row r="14351" spans="1:7" x14ac:dyDescent="0.3">
      <c r="A14351" s="13" t="s">
        <v>105</v>
      </c>
      <c r="B14351" s="14" t="s">
        <v>1</v>
      </c>
      <c r="C14351" s="14" t="s">
        <v>106</v>
      </c>
      <c r="D14351" s="14" t="s">
        <v>107</v>
      </c>
      <c r="E14351" s="15">
        <v>45492</v>
      </c>
      <c r="F14351" s="14" t="s">
        <v>25</v>
      </c>
      <c r="G14351" s="16">
        <v>0.91201097254790942</v>
      </c>
    </row>
    <row r="14352" spans="1:7" x14ac:dyDescent="0.3">
      <c r="A14352" s="13" t="s">
        <v>105</v>
      </c>
      <c r="B14352" s="14" t="s">
        <v>1</v>
      </c>
      <c r="C14352" s="14" t="s">
        <v>106</v>
      </c>
      <c r="D14352" s="14" t="s">
        <v>107</v>
      </c>
      <c r="E14352" s="15">
        <v>45493</v>
      </c>
      <c r="F14352" s="14" t="s">
        <v>25</v>
      </c>
      <c r="G14352" s="16">
        <v>0.91201097254790942</v>
      </c>
    </row>
    <row r="14353" spans="1:7" x14ac:dyDescent="0.3">
      <c r="A14353" s="13" t="s">
        <v>105</v>
      </c>
      <c r="B14353" s="14" t="s">
        <v>1</v>
      </c>
      <c r="C14353" s="14" t="s">
        <v>106</v>
      </c>
      <c r="D14353" s="14" t="s">
        <v>107</v>
      </c>
      <c r="E14353" s="15">
        <v>45494</v>
      </c>
      <c r="F14353" s="14" t="s">
        <v>25</v>
      </c>
      <c r="G14353" s="16">
        <v>0.91201097254790942</v>
      </c>
    </row>
    <row r="14354" spans="1:7" x14ac:dyDescent="0.3">
      <c r="A14354" s="13" t="s">
        <v>105</v>
      </c>
      <c r="B14354" s="14" t="s">
        <v>1</v>
      </c>
      <c r="C14354" s="14" t="s">
        <v>106</v>
      </c>
      <c r="D14354" s="14" t="s">
        <v>107</v>
      </c>
      <c r="E14354" s="15">
        <v>45495</v>
      </c>
      <c r="F14354" s="14" t="s">
        <v>25</v>
      </c>
      <c r="G14354" s="16">
        <v>0.91661109358753601</v>
      </c>
    </row>
    <row r="14355" spans="1:7" x14ac:dyDescent="0.3">
      <c r="A14355" s="13" t="s">
        <v>105</v>
      </c>
      <c r="B14355" s="14" t="s">
        <v>1</v>
      </c>
      <c r="C14355" s="14" t="s">
        <v>106</v>
      </c>
      <c r="D14355" s="14" t="s">
        <v>107</v>
      </c>
      <c r="E14355" s="15">
        <v>45496</v>
      </c>
      <c r="F14355" s="14" t="s">
        <v>25</v>
      </c>
      <c r="G14355" s="16">
        <v>0.93454699820679188</v>
      </c>
    </row>
    <row r="14356" spans="1:7" x14ac:dyDescent="0.3">
      <c r="A14356" s="13" t="s">
        <v>105</v>
      </c>
      <c r="B14356" s="14" t="s">
        <v>1</v>
      </c>
      <c r="C14356" s="14" t="s">
        <v>106</v>
      </c>
      <c r="D14356" s="14" t="s">
        <v>107</v>
      </c>
      <c r="E14356" s="15">
        <v>45497</v>
      </c>
      <c r="F14356" s="14" t="s">
        <v>25</v>
      </c>
      <c r="G14356" s="16">
        <v>0.94054624637458262</v>
      </c>
    </row>
    <row r="14357" spans="1:7" x14ac:dyDescent="0.3">
      <c r="A14357" s="13" t="s">
        <v>105</v>
      </c>
      <c r="B14357" s="14" t="s">
        <v>1</v>
      </c>
      <c r="C14357" s="14" t="s">
        <v>106</v>
      </c>
      <c r="D14357" s="14" t="s">
        <v>107</v>
      </c>
      <c r="E14357" s="15">
        <v>45498</v>
      </c>
      <c r="F14357" s="14" t="s">
        <v>25</v>
      </c>
      <c r="G14357" s="16">
        <v>0.94644876455779881</v>
      </c>
    </row>
    <row r="14358" spans="1:7" x14ac:dyDescent="0.3">
      <c r="A14358" s="13" t="s">
        <v>105</v>
      </c>
      <c r="B14358" s="14" t="s">
        <v>1</v>
      </c>
      <c r="C14358" s="14" t="s">
        <v>106</v>
      </c>
      <c r="D14358" s="14" t="s">
        <v>107</v>
      </c>
      <c r="E14358" s="15">
        <v>45499</v>
      </c>
      <c r="F14358" s="14" t="s">
        <v>25</v>
      </c>
      <c r="G14358" s="16">
        <v>0.95235561393435419</v>
      </c>
    </row>
    <row r="14359" spans="1:7" x14ac:dyDescent="0.3">
      <c r="A14359" s="13" t="s">
        <v>105</v>
      </c>
      <c r="B14359" s="14" t="s">
        <v>1</v>
      </c>
      <c r="C14359" s="14" t="s">
        <v>106</v>
      </c>
      <c r="D14359" s="14" t="s">
        <v>107</v>
      </c>
      <c r="E14359" s="15">
        <v>45500</v>
      </c>
      <c r="F14359" s="14" t="s">
        <v>25</v>
      </c>
      <c r="G14359" s="16">
        <v>0.95235561393435419</v>
      </c>
    </row>
    <row r="14360" spans="1:7" x14ac:dyDescent="0.3">
      <c r="A14360" s="13" t="s">
        <v>105</v>
      </c>
      <c r="B14360" s="14" t="s">
        <v>1</v>
      </c>
      <c r="C14360" s="14" t="s">
        <v>106</v>
      </c>
      <c r="D14360" s="14" t="s">
        <v>107</v>
      </c>
      <c r="E14360" s="15">
        <v>45501</v>
      </c>
      <c r="F14360" s="14" t="s">
        <v>25</v>
      </c>
      <c r="G14360" s="16">
        <v>0.95235561393435419</v>
      </c>
    </row>
    <row r="14361" spans="1:7" x14ac:dyDescent="0.3">
      <c r="A14361" s="13" t="s">
        <v>105</v>
      </c>
      <c r="B14361" s="14" t="s">
        <v>1</v>
      </c>
      <c r="C14361" s="14" t="s">
        <v>106</v>
      </c>
      <c r="D14361" s="14" t="s">
        <v>107</v>
      </c>
      <c r="E14361" s="15">
        <v>45502</v>
      </c>
      <c r="F14361" s="14" t="s">
        <v>25</v>
      </c>
      <c r="G14361" s="16">
        <v>0.95833791941715962</v>
      </c>
    </row>
    <row r="14362" spans="1:7" x14ac:dyDescent="0.3">
      <c r="A14362" s="13" t="s">
        <v>105</v>
      </c>
      <c r="B14362" s="14" t="s">
        <v>1</v>
      </c>
      <c r="C14362" s="14" t="s">
        <v>106</v>
      </c>
      <c r="D14362" s="14" t="s">
        <v>107</v>
      </c>
      <c r="E14362" s="15">
        <v>45503</v>
      </c>
      <c r="F14362" s="14" t="s">
        <v>25</v>
      </c>
      <c r="G14362" s="16">
        <v>0.97622205094744818</v>
      </c>
    </row>
    <row r="14363" spans="1:7" x14ac:dyDescent="0.3">
      <c r="A14363" s="13" t="s">
        <v>105</v>
      </c>
      <c r="B14363" s="14" t="s">
        <v>1</v>
      </c>
      <c r="C14363" s="14" t="s">
        <v>106</v>
      </c>
      <c r="D14363" s="14" t="s">
        <v>107</v>
      </c>
      <c r="E14363" s="15">
        <v>45504</v>
      </c>
      <c r="F14363" s="14" t="s">
        <v>25</v>
      </c>
      <c r="G14363" s="16">
        <v>0.98703048937740068</v>
      </c>
    </row>
    <row r="14364" spans="1:7" x14ac:dyDescent="0.3">
      <c r="A14364" s="13" t="s">
        <v>105</v>
      </c>
      <c r="B14364" s="14" t="s">
        <v>1</v>
      </c>
      <c r="C14364" s="14" t="s">
        <v>106</v>
      </c>
      <c r="D14364" s="14" t="s">
        <v>107</v>
      </c>
      <c r="E14364" s="15">
        <v>45505</v>
      </c>
      <c r="F14364" s="14" t="s">
        <v>25</v>
      </c>
      <c r="G14364" s="16">
        <v>0.98703048937740068</v>
      </c>
    </row>
    <row r="14365" spans="1:7" x14ac:dyDescent="0.3">
      <c r="A14365" s="13" t="s">
        <v>105</v>
      </c>
      <c r="B14365" s="14" t="s">
        <v>1</v>
      </c>
      <c r="C14365" s="14" t="s">
        <v>106</v>
      </c>
      <c r="D14365" s="14" t="s">
        <v>107</v>
      </c>
      <c r="E14365" s="15">
        <v>45506</v>
      </c>
      <c r="F14365" s="14" t="s">
        <v>25</v>
      </c>
      <c r="G14365" s="16">
        <v>0.99292436032237086</v>
      </c>
    </row>
    <row r="14366" spans="1:7" x14ac:dyDescent="0.3">
      <c r="A14366" s="13" t="s">
        <v>105</v>
      </c>
      <c r="B14366" s="14" t="s">
        <v>1</v>
      </c>
      <c r="C14366" s="14" t="s">
        <v>106</v>
      </c>
      <c r="D14366" s="14" t="s">
        <v>107</v>
      </c>
      <c r="E14366" s="15">
        <v>45507</v>
      </c>
      <c r="F14366" s="14" t="s">
        <v>25</v>
      </c>
      <c r="G14366" s="16">
        <v>0.99292436032237086</v>
      </c>
    </row>
    <row r="14367" spans="1:7" x14ac:dyDescent="0.3">
      <c r="A14367" s="13" t="s">
        <v>105</v>
      </c>
      <c r="B14367" s="14" t="s">
        <v>1</v>
      </c>
      <c r="C14367" s="14" t="s">
        <v>106</v>
      </c>
      <c r="D14367" s="14" t="s">
        <v>107</v>
      </c>
      <c r="E14367" s="15">
        <v>45508</v>
      </c>
      <c r="F14367" s="14" t="s">
        <v>25</v>
      </c>
      <c r="G14367" s="16">
        <v>0.99292436032237086</v>
      </c>
    </row>
    <row r="14368" spans="1:7" x14ac:dyDescent="0.3">
      <c r="A14368" s="13" t="s">
        <v>105</v>
      </c>
      <c r="B14368" s="14" t="s">
        <v>1</v>
      </c>
      <c r="C14368" s="14" t="s">
        <v>106</v>
      </c>
      <c r="D14368" s="14" t="s">
        <v>107</v>
      </c>
      <c r="E14368" s="15">
        <v>45509</v>
      </c>
      <c r="F14368" s="14" t="s">
        <v>25</v>
      </c>
      <c r="G14368" s="16">
        <v>0.99292436032237086</v>
      </c>
    </row>
    <row r="14369" spans="1:7" x14ac:dyDescent="0.3">
      <c r="A14369" s="13" t="s">
        <v>105</v>
      </c>
      <c r="B14369" s="14" t="s">
        <v>1</v>
      </c>
      <c r="C14369" s="14" t="s">
        <v>106</v>
      </c>
      <c r="D14369" s="14" t="s">
        <v>107</v>
      </c>
      <c r="E14369" s="15">
        <v>45510</v>
      </c>
      <c r="F14369" s="14" t="s">
        <v>25</v>
      </c>
      <c r="G14369" s="16">
        <v>1.0072574327825412</v>
      </c>
    </row>
    <row r="14370" spans="1:7" x14ac:dyDescent="0.3">
      <c r="A14370" s="13" t="s">
        <v>105</v>
      </c>
      <c r="B14370" s="14" t="s">
        <v>1</v>
      </c>
      <c r="C14370" s="14" t="s">
        <v>106</v>
      </c>
      <c r="D14370" s="14" t="s">
        <v>107</v>
      </c>
      <c r="E14370" s="15">
        <v>45511</v>
      </c>
      <c r="F14370" s="14" t="s">
        <v>25</v>
      </c>
      <c r="G14370" s="16">
        <v>1.0542629462959934</v>
      </c>
    </row>
    <row r="14371" spans="1:7" x14ac:dyDescent="0.3">
      <c r="A14371" s="13" t="s">
        <v>105</v>
      </c>
      <c r="B14371" s="14" t="s">
        <v>1</v>
      </c>
      <c r="C14371" s="14" t="s">
        <v>106</v>
      </c>
      <c r="D14371" s="14" t="s">
        <v>107</v>
      </c>
      <c r="E14371" s="15">
        <v>45512</v>
      </c>
      <c r="F14371" s="14" t="s">
        <v>25</v>
      </c>
      <c r="G14371" s="16">
        <v>1.0600750271844233</v>
      </c>
    </row>
    <row r="14372" spans="1:7" x14ac:dyDescent="0.3">
      <c r="A14372" s="13" t="s">
        <v>105</v>
      </c>
      <c r="B14372" s="14" t="s">
        <v>1</v>
      </c>
      <c r="C14372" s="14" t="s">
        <v>106</v>
      </c>
      <c r="D14372" s="14" t="s">
        <v>107</v>
      </c>
      <c r="E14372" s="15">
        <v>45513</v>
      </c>
      <c r="F14372" s="14" t="s">
        <v>25</v>
      </c>
      <c r="G14372" s="16">
        <v>1.0657502440548825</v>
      </c>
    </row>
    <row r="14373" spans="1:7" x14ac:dyDescent="0.3">
      <c r="A14373" s="13" t="s">
        <v>105</v>
      </c>
      <c r="B14373" s="14" t="s">
        <v>1</v>
      </c>
      <c r="C14373" s="14" t="s">
        <v>106</v>
      </c>
      <c r="D14373" s="14" t="s">
        <v>107</v>
      </c>
      <c r="E14373" s="15">
        <v>45514</v>
      </c>
      <c r="F14373" s="14" t="s">
        <v>25</v>
      </c>
      <c r="G14373" s="16">
        <v>1.0657502440548825</v>
      </c>
    </row>
    <row r="14374" spans="1:7" x14ac:dyDescent="0.3">
      <c r="A14374" s="13" t="s">
        <v>105</v>
      </c>
      <c r="B14374" s="14" t="s">
        <v>1</v>
      </c>
      <c r="C14374" s="14" t="s">
        <v>106</v>
      </c>
      <c r="D14374" s="14" t="s">
        <v>107</v>
      </c>
      <c r="E14374" s="15">
        <v>45515</v>
      </c>
      <c r="F14374" s="14" t="s">
        <v>25</v>
      </c>
      <c r="G14374" s="16">
        <v>1.0657502440548825</v>
      </c>
    </row>
    <row r="14375" spans="1:7" x14ac:dyDescent="0.3">
      <c r="A14375" s="13" t="s">
        <v>105</v>
      </c>
      <c r="B14375" s="14" t="s">
        <v>1</v>
      </c>
      <c r="C14375" s="14" t="s">
        <v>106</v>
      </c>
      <c r="D14375" s="14" t="s">
        <v>107</v>
      </c>
      <c r="E14375" s="15">
        <v>45516</v>
      </c>
      <c r="F14375" s="14" t="s">
        <v>25</v>
      </c>
      <c r="G14375" s="16">
        <v>1.0722149538737868</v>
      </c>
    </row>
    <row r="14376" spans="1:7" x14ac:dyDescent="0.3">
      <c r="A14376" s="13" t="s">
        <v>105</v>
      </c>
      <c r="B14376" s="14" t="s">
        <v>1</v>
      </c>
      <c r="C14376" s="14" t="s">
        <v>106</v>
      </c>
      <c r="D14376" s="14" t="s">
        <v>107</v>
      </c>
      <c r="E14376" s="15">
        <v>45517</v>
      </c>
      <c r="F14376" s="14" t="s">
        <v>25</v>
      </c>
      <c r="G14376" s="16">
        <v>1.0892060539195998</v>
      </c>
    </row>
    <row r="14377" spans="1:7" x14ac:dyDescent="0.3">
      <c r="A14377" s="13" t="s">
        <v>105</v>
      </c>
      <c r="B14377" s="14" t="s">
        <v>1</v>
      </c>
      <c r="C14377" s="14" t="s">
        <v>106</v>
      </c>
      <c r="D14377" s="14" t="s">
        <v>107</v>
      </c>
      <c r="E14377" s="15">
        <v>45518</v>
      </c>
      <c r="F14377" s="14" t="s">
        <v>25</v>
      </c>
      <c r="G14377" s="16">
        <v>1.0948463955895513</v>
      </c>
    </row>
    <row r="14378" spans="1:7" x14ac:dyDescent="0.3">
      <c r="A14378" s="13" t="s">
        <v>105</v>
      </c>
      <c r="B14378" s="14" t="s">
        <v>1</v>
      </c>
      <c r="C14378" s="14" t="s">
        <v>106</v>
      </c>
      <c r="D14378" s="14" t="s">
        <v>107</v>
      </c>
      <c r="E14378" s="15">
        <v>45519</v>
      </c>
      <c r="F14378" s="14" t="s">
        <v>25</v>
      </c>
      <c r="G14378" s="16">
        <v>1.1009598658712432</v>
      </c>
    </row>
    <row r="14379" spans="1:7" x14ac:dyDescent="0.3">
      <c r="A14379" s="13" t="s">
        <v>105</v>
      </c>
      <c r="B14379" s="14" t="s">
        <v>1</v>
      </c>
      <c r="C14379" s="14" t="s">
        <v>106</v>
      </c>
      <c r="D14379" s="14" t="s">
        <v>107</v>
      </c>
      <c r="E14379" s="15">
        <v>45520</v>
      </c>
      <c r="F14379" s="14" t="s">
        <v>25</v>
      </c>
      <c r="G14379" s="16">
        <v>1.1070549284151494</v>
      </c>
    </row>
    <row r="14380" spans="1:7" x14ac:dyDescent="0.3">
      <c r="A14380" s="13" t="s">
        <v>105</v>
      </c>
      <c r="B14380" s="14" t="s">
        <v>1</v>
      </c>
      <c r="C14380" s="14" t="s">
        <v>106</v>
      </c>
      <c r="D14380" s="14" t="s">
        <v>107</v>
      </c>
      <c r="E14380" s="15">
        <v>45521</v>
      </c>
      <c r="F14380" s="14" t="s">
        <v>25</v>
      </c>
      <c r="G14380" s="16">
        <v>1.1070549284151494</v>
      </c>
    </row>
    <row r="14381" spans="1:7" x14ac:dyDescent="0.3">
      <c r="A14381" s="13" t="s">
        <v>105</v>
      </c>
      <c r="B14381" s="14" t="s">
        <v>1</v>
      </c>
      <c r="C14381" s="14" t="s">
        <v>106</v>
      </c>
      <c r="D14381" s="14" t="s">
        <v>107</v>
      </c>
      <c r="E14381" s="15">
        <v>45522</v>
      </c>
      <c r="F14381" s="14" t="s">
        <v>25</v>
      </c>
      <c r="G14381" s="16">
        <v>1.1070549284151494</v>
      </c>
    </row>
    <row r="14382" spans="1:7" x14ac:dyDescent="0.3">
      <c r="A14382" s="13" t="s">
        <v>105</v>
      </c>
      <c r="B14382" s="14" t="s">
        <v>1</v>
      </c>
      <c r="C14382" s="14" t="s">
        <v>106</v>
      </c>
      <c r="D14382" s="14" t="s">
        <v>107</v>
      </c>
      <c r="E14382" s="15">
        <v>45523</v>
      </c>
      <c r="F14382" s="14" t="s">
        <v>25</v>
      </c>
      <c r="G14382" s="16">
        <v>1.1211958940595568</v>
      </c>
    </row>
    <row r="14383" spans="1:7" x14ac:dyDescent="0.3">
      <c r="A14383" s="13" t="s">
        <v>105</v>
      </c>
      <c r="B14383" s="14" t="s">
        <v>1</v>
      </c>
      <c r="C14383" s="14" t="s">
        <v>106</v>
      </c>
      <c r="D14383" s="14" t="s">
        <v>107</v>
      </c>
      <c r="E14383" s="15">
        <v>45524</v>
      </c>
      <c r="F14383" s="14" t="s">
        <v>25</v>
      </c>
      <c r="G14383" s="16">
        <v>1.137766486039681</v>
      </c>
    </row>
    <row r="14384" spans="1:7" x14ac:dyDescent="0.3">
      <c r="A14384" s="13" t="s">
        <v>105</v>
      </c>
      <c r="B14384" s="14" t="s">
        <v>1</v>
      </c>
      <c r="C14384" s="14" t="s">
        <v>106</v>
      </c>
      <c r="D14384" s="14" t="s">
        <v>107</v>
      </c>
      <c r="E14384" s="15">
        <v>45525</v>
      </c>
      <c r="F14384" s="14" t="s">
        <v>25</v>
      </c>
      <c r="G14384" s="16">
        <v>1.1417175143972262</v>
      </c>
    </row>
    <row r="14385" spans="1:7" x14ac:dyDescent="0.3">
      <c r="A14385" s="13" t="s">
        <v>105</v>
      </c>
      <c r="B14385" s="14" t="s">
        <v>1</v>
      </c>
      <c r="C14385" s="14" t="s">
        <v>106</v>
      </c>
      <c r="D14385" s="14" t="s">
        <v>107</v>
      </c>
      <c r="E14385" s="15">
        <v>45526</v>
      </c>
      <c r="F14385" s="14" t="s">
        <v>25</v>
      </c>
      <c r="G14385" s="16">
        <v>1.1471676078257462</v>
      </c>
    </row>
    <row r="14386" spans="1:7" x14ac:dyDescent="0.3">
      <c r="A14386" s="13" t="s">
        <v>105</v>
      </c>
      <c r="B14386" s="14" t="s">
        <v>1</v>
      </c>
      <c r="C14386" s="14" t="s">
        <v>106</v>
      </c>
      <c r="D14386" s="14" t="s">
        <v>107</v>
      </c>
      <c r="E14386" s="15">
        <v>45527</v>
      </c>
      <c r="F14386" s="14" t="s">
        <v>25</v>
      </c>
      <c r="G14386" s="16">
        <v>1.1525682891513875</v>
      </c>
    </row>
    <row r="14387" spans="1:7" x14ac:dyDescent="0.3">
      <c r="A14387" s="13" t="s">
        <v>105</v>
      </c>
      <c r="B14387" s="14" t="s">
        <v>1</v>
      </c>
      <c r="C14387" s="14" t="s">
        <v>106</v>
      </c>
      <c r="D14387" s="14" t="s">
        <v>107</v>
      </c>
      <c r="E14387" s="15">
        <v>45528</v>
      </c>
      <c r="F14387" s="14" t="s">
        <v>25</v>
      </c>
      <c r="G14387" s="16">
        <v>1.1525682891513875</v>
      </c>
    </row>
    <row r="14388" spans="1:7" x14ac:dyDescent="0.3">
      <c r="A14388" s="13" t="s">
        <v>105</v>
      </c>
      <c r="B14388" s="14" t="s">
        <v>1</v>
      </c>
      <c r="C14388" s="14" t="s">
        <v>106</v>
      </c>
      <c r="D14388" s="14" t="s">
        <v>107</v>
      </c>
      <c r="E14388" s="15">
        <v>45529</v>
      </c>
      <c r="F14388" s="14" t="s">
        <v>25</v>
      </c>
      <c r="G14388" s="16">
        <v>1.1525682891513875</v>
      </c>
    </row>
    <row r="14389" spans="1:7" x14ac:dyDescent="0.3">
      <c r="A14389" s="13" t="s">
        <v>105</v>
      </c>
      <c r="B14389" s="14" t="s">
        <v>1</v>
      </c>
      <c r="C14389" s="14" t="s">
        <v>106</v>
      </c>
      <c r="D14389" s="14" t="s">
        <v>107</v>
      </c>
      <c r="E14389" s="15">
        <v>45530</v>
      </c>
      <c r="F14389" s="14" t="s">
        <v>25</v>
      </c>
      <c r="G14389" s="16">
        <v>1.1580109484621224</v>
      </c>
    </row>
    <row r="14390" spans="1:7" x14ac:dyDescent="0.3">
      <c r="A14390" s="13" t="s">
        <v>105</v>
      </c>
      <c r="B14390" s="14" t="s">
        <v>1</v>
      </c>
      <c r="C14390" s="14" t="s">
        <v>106</v>
      </c>
      <c r="D14390" s="14" t="s">
        <v>107</v>
      </c>
      <c r="E14390" s="15">
        <v>45531</v>
      </c>
      <c r="F14390" s="14" t="s">
        <v>25</v>
      </c>
      <c r="G14390" s="16">
        <v>1.1741858966937233</v>
      </c>
    </row>
    <row r="14391" spans="1:7" x14ac:dyDescent="0.3">
      <c r="A14391" s="13" t="s">
        <v>105</v>
      </c>
      <c r="B14391" s="14" t="s">
        <v>1</v>
      </c>
      <c r="C14391" s="14" t="s">
        <v>106</v>
      </c>
      <c r="D14391" s="14" t="s">
        <v>107</v>
      </c>
      <c r="E14391" s="15">
        <v>45532</v>
      </c>
      <c r="F14391" s="14" t="s">
        <v>25</v>
      </c>
      <c r="G14391" s="16">
        <v>1.1859855033927695</v>
      </c>
    </row>
    <row r="14392" spans="1:7" x14ac:dyDescent="0.3">
      <c r="A14392" s="13" t="s">
        <v>105</v>
      </c>
      <c r="B14392" s="14" t="s">
        <v>1</v>
      </c>
      <c r="C14392" s="14" t="s">
        <v>106</v>
      </c>
      <c r="D14392" s="14" t="s">
        <v>107</v>
      </c>
      <c r="E14392" s="15">
        <v>45533</v>
      </c>
      <c r="F14392" s="14" t="s">
        <v>25</v>
      </c>
      <c r="G14392" s="16">
        <v>1.1913768057551646</v>
      </c>
    </row>
    <row r="14393" spans="1:7" x14ac:dyDescent="0.3">
      <c r="A14393" s="13" t="s">
        <v>105</v>
      </c>
      <c r="B14393" s="14" t="s">
        <v>1</v>
      </c>
      <c r="C14393" s="14" t="s">
        <v>106</v>
      </c>
      <c r="D14393" s="14" t="s">
        <v>107</v>
      </c>
      <c r="E14393" s="15">
        <v>45534</v>
      </c>
      <c r="F14393" s="14" t="s">
        <v>25</v>
      </c>
      <c r="G14393" s="16">
        <v>1.1968462251461045</v>
      </c>
    </row>
    <row r="14394" spans="1:7" x14ac:dyDescent="0.3">
      <c r="A14394" s="13" t="s">
        <v>105</v>
      </c>
      <c r="B14394" s="14" t="s">
        <v>1</v>
      </c>
      <c r="C14394" s="14" t="s">
        <v>106</v>
      </c>
      <c r="D14394" s="14" t="s">
        <v>107</v>
      </c>
      <c r="E14394" s="15">
        <v>45535</v>
      </c>
      <c r="F14394" s="14" t="s">
        <v>25</v>
      </c>
      <c r="G14394" s="16">
        <v>1.1968462251461045</v>
      </c>
    </row>
    <row r="14395" spans="1:7" x14ac:dyDescent="0.3">
      <c r="A14395" s="13" t="s">
        <v>105</v>
      </c>
      <c r="B14395" s="14" t="s">
        <v>1</v>
      </c>
      <c r="C14395" s="14" t="s">
        <v>106</v>
      </c>
      <c r="D14395" s="14" t="s">
        <v>107</v>
      </c>
      <c r="E14395" s="15">
        <v>45536</v>
      </c>
      <c r="F14395" s="14" t="s">
        <v>25</v>
      </c>
      <c r="G14395" s="16">
        <v>1.1968462251461045</v>
      </c>
    </row>
    <row r="14396" spans="1:7" x14ac:dyDescent="0.3">
      <c r="A14396" s="13" t="s">
        <v>105</v>
      </c>
      <c r="B14396" s="14" t="s">
        <v>1</v>
      </c>
      <c r="C14396" s="14" t="s">
        <v>106</v>
      </c>
      <c r="D14396" s="14" t="s">
        <v>107</v>
      </c>
      <c r="E14396" s="15">
        <v>45537</v>
      </c>
      <c r="F14396" s="14" t="s">
        <v>25</v>
      </c>
      <c r="G14396" s="16">
        <v>1.2022952661817721</v>
      </c>
    </row>
    <row r="14397" spans="1:7" x14ac:dyDescent="0.3">
      <c r="A14397" s="13" t="s">
        <v>105</v>
      </c>
      <c r="B14397" s="14" t="s">
        <v>1</v>
      </c>
      <c r="C14397" s="14" t="s">
        <v>106</v>
      </c>
      <c r="D14397" s="14" t="s">
        <v>107</v>
      </c>
      <c r="E14397" s="15">
        <v>45538</v>
      </c>
      <c r="F14397" s="14" t="s">
        <v>25</v>
      </c>
      <c r="G14397" s="16">
        <v>1.2238221302702286</v>
      </c>
    </row>
    <row r="14398" spans="1:7" x14ac:dyDescent="0.3">
      <c r="A14398" s="13" t="s">
        <v>105</v>
      </c>
      <c r="B14398" s="14" t="s">
        <v>1</v>
      </c>
      <c r="C14398" s="14" t="s">
        <v>106</v>
      </c>
      <c r="D14398" s="14" t="s">
        <v>107</v>
      </c>
      <c r="E14398" s="15">
        <v>45539</v>
      </c>
      <c r="F14398" s="14" t="s">
        <v>25</v>
      </c>
      <c r="G14398" s="16">
        <v>1.2291550854410911</v>
      </c>
    </row>
    <row r="14399" spans="1:7" x14ac:dyDescent="0.3">
      <c r="A14399" s="13" t="s">
        <v>105</v>
      </c>
      <c r="B14399" s="14" t="s">
        <v>1</v>
      </c>
      <c r="C14399" s="14" t="s">
        <v>106</v>
      </c>
      <c r="D14399" s="14" t="s">
        <v>107</v>
      </c>
      <c r="E14399" s="15">
        <v>45540</v>
      </c>
      <c r="F14399" s="14" t="s">
        <v>25</v>
      </c>
      <c r="G14399" s="16">
        <v>1.244699470612558</v>
      </c>
    </row>
    <row r="14400" spans="1:7" x14ac:dyDescent="0.3">
      <c r="A14400" s="13" t="s">
        <v>105</v>
      </c>
      <c r="B14400" s="14" t="s">
        <v>1</v>
      </c>
      <c r="C14400" s="14" t="s">
        <v>106</v>
      </c>
      <c r="D14400" s="14" t="s">
        <v>107</v>
      </c>
      <c r="E14400" s="15">
        <v>45541</v>
      </c>
      <c r="F14400" s="14" t="s">
        <v>25</v>
      </c>
      <c r="G14400" s="16">
        <v>1.2503307545006108</v>
      </c>
    </row>
    <row r="14401" spans="1:7" x14ac:dyDescent="0.3">
      <c r="A14401" s="13" t="s">
        <v>105</v>
      </c>
      <c r="B14401" s="14" t="s">
        <v>1</v>
      </c>
      <c r="C14401" s="14" t="s">
        <v>106</v>
      </c>
      <c r="D14401" s="14" t="s">
        <v>107</v>
      </c>
      <c r="E14401" s="15">
        <v>45542</v>
      </c>
      <c r="F14401" s="14" t="s">
        <v>25</v>
      </c>
      <c r="G14401" s="16">
        <v>1.2503307545006108</v>
      </c>
    </row>
    <row r="14402" spans="1:7" x14ac:dyDescent="0.3">
      <c r="A14402" s="13" t="s">
        <v>105</v>
      </c>
      <c r="B14402" s="14" t="s">
        <v>1</v>
      </c>
      <c r="C14402" s="14" t="s">
        <v>106</v>
      </c>
      <c r="D14402" s="14" t="s">
        <v>107</v>
      </c>
      <c r="E14402" s="15">
        <v>45543</v>
      </c>
      <c r="F14402" s="14" t="s">
        <v>25</v>
      </c>
      <c r="G14402" s="16">
        <v>1.2503307545006108</v>
      </c>
    </row>
    <row r="14403" spans="1:7" x14ac:dyDescent="0.3">
      <c r="A14403" s="13" t="s">
        <v>105</v>
      </c>
      <c r="B14403" s="14" t="s">
        <v>1</v>
      </c>
      <c r="C14403" s="14" t="s">
        <v>106</v>
      </c>
      <c r="D14403" s="14" t="s">
        <v>107</v>
      </c>
      <c r="E14403" s="15">
        <v>45544</v>
      </c>
      <c r="F14403" s="14" t="s">
        <v>25</v>
      </c>
      <c r="G14403" s="16">
        <v>1.2560210550487003</v>
      </c>
    </row>
    <row r="14404" spans="1:7" x14ac:dyDescent="0.3">
      <c r="A14404" s="13" t="s">
        <v>105</v>
      </c>
      <c r="B14404" s="14" t="s">
        <v>1</v>
      </c>
      <c r="C14404" s="14" t="s">
        <v>106</v>
      </c>
      <c r="D14404" s="14" t="s">
        <v>107</v>
      </c>
      <c r="E14404" s="15">
        <v>45545</v>
      </c>
      <c r="F14404" s="14" t="s">
        <v>25</v>
      </c>
      <c r="G14404" s="16">
        <v>1.2730951300793405</v>
      </c>
    </row>
    <row r="14405" spans="1:7" x14ac:dyDescent="0.3">
      <c r="A14405" s="13" t="s">
        <v>105</v>
      </c>
      <c r="B14405" s="14" t="s">
        <v>1</v>
      </c>
      <c r="C14405" s="14" t="s">
        <v>106</v>
      </c>
      <c r="D14405" s="14" t="s">
        <v>107</v>
      </c>
      <c r="E14405" s="15">
        <v>45546</v>
      </c>
      <c r="F14405" s="14" t="s">
        <v>25</v>
      </c>
      <c r="G14405" s="16">
        <v>1.2787496311813671</v>
      </c>
    </row>
    <row r="14406" spans="1:7" x14ac:dyDescent="0.3">
      <c r="A14406" s="13" t="s">
        <v>105</v>
      </c>
      <c r="B14406" s="14" t="s">
        <v>1</v>
      </c>
      <c r="C14406" s="14" t="s">
        <v>106</v>
      </c>
      <c r="D14406" s="14" t="s">
        <v>107</v>
      </c>
      <c r="E14406" s="15">
        <v>45547</v>
      </c>
      <c r="F14406" s="14" t="s">
        <v>25</v>
      </c>
      <c r="G14406" s="16">
        <v>1.2845885218988886</v>
      </c>
    </row>
    <row r="14407" spans="1:7" x14ac:dyDescent="0.3">
      <c r="A14407" s="13" t="s">
        <v>105</v>
      </c>
      <c r="B14407" s="14" t="s">
        <v>1</v>
      </c>
      <c r="C14407" s="14" t="s">
        <v>106</v>
      </c>
      <c r="D14407" s="14" t="s">
        <v>107</v>
      </c>
      <c r="E14407" s="15">
        <v>45548</v>
      </c>
      <c r="F14407" s="14" t="s">
        <v>25</v>
      </c>
      <c r="G14407" s="16">
        <v>1.2915821094880484</v>
      </c>
    </row>
    <row r="14408" spans="1:7" x14ac:dyDescent="0.3">
      <c r="A14408" s="13" t="s">
        <v>105</v>
      </c>
      <c r="B14408" s="14" t="s">
        <v>1</v>
      </c>
      <c r="C14408" s="14" t="s">
        <v>106</v>
      </c>
      <c r="D14408" s="14" t="s">
        <v>107</v>
      </c>
      <c r="E14408" s="15">
        <v>45549</v>
      </c>
      <c r="F14408" s="14" t="s">
        <v>25</v>
      </c>
      <c r="G14408" s="16">
        <v>1.2915821094880484</v>
      </c>
    </row>
    <row r="14409" spans="1:7" x14ac:dyDescent="0.3">
      <c r="A14409" s="13" t="s">
        <v>105</v>
      </c>
      <c r="B14409" s="14" t="s">
        <v>1</v>
      </c>
      <c r="C14409" s="14" t="s">
        <v>106</v>
      </c>
      <c r="D14409" s="14" t="s">
        <v>107</v>
      </c>
      <c r="E14409" s="15">
        <v>45550</v>
      </c>
      <c r="F14409" s="14" t="s">
        <v>25</v>
      </c>
      <c r="G14409" s="16">
        <v>1.2915821094880484</v>
      </c>
    </row>
    <row r="14410" spans="1:7" x14ac:dyDescent="0.3">
      <c r="A14410" s="13" t="s">
        <v>105</v>
      </c>
      <c r="B14410" s="14" t="s">
        <v>1</v>
      </c>
      <c r="C14410" s="14" t="s">
        <v>106</v>
      </c>
      <c r="D14410" s="14" t="s">
        <v>107</v>
      </c>
      <c r="E14410" s="15">
        <v>45551</v>
      </c>
      <c r="F14410" s="14" t="s">
        <v>25</v>
      </c>
      <c r="G14410" s="16">
        <v>1.2971926831046807</v>
      </c>
    </row>
    <row r="14411" spans="1:7" x14ac:dyDescent="0.3">
      <c r="A14411" s="13" t="s">
        <v>105</v>
      </c>
      <c r="B14411" s="14" t="s">
        <v>1</v>
      </c>
      <c r="C14411" s="14" t="s">
        <v>106</v>
      </c>
      <c r="D14411" s="14" t="s">
        <v>107</v>
      </c>
      <c r="E14411" s="15">
        <v>45552</v>
      </c>
      <c r="F14411" s="14" t="s">
        <v>25</v>
      </c>
      <c r="G14411" s="16">
        <v>1.3149878946778244</v>
      </c>
    </row>
    <row r="14412" spans="1:7" x14ac:dyDescent="0.3">
      <c r="A14412" s="13" t="s">
        <v>105</v>
      </c>
      <c r="B14412" s="14" t="s">
        <v>1</v>
      </c>
      <c r="C14412" s="14" t="s">
        <v>106</v>
      </c>
      <c r="D14412" s="14" t="s">
        <v>107</v>
      </c>
      <c r="E14412" s="15">
        <v>45553</v>
      </c>
      <c r="F14412" s="14" t="s">
        <v>25</v>
      </c>
      <c r="G14412" s="16">
        <v>1.3206006559208703</v>
      </c>
    </row>
    <row r="14413" spans="1:7" x14ac:dyDescent="0.3">
      <c r="A14413" s="13" t="s">
        <v>105</v>
      </c>
      <c r="B14413" s="14" t="s">
        <v>1</v>
      </c>
      <c r="C14413" s="14" t="s">
        <v>106</v>
      </c>
      <c r="D14413" s="14" t="s">
        <v>107</v>
      </c>
      <c r="E14413" s="15">
        <v>45554</v>
      </c>
      <c r="F14413" s="14" t="s">
        <v>25</v>
      </c>
      <c r="G14413" s="16">
        <v>1.3220639286445834</v>
      </c>
    </row>
    <row r="14414" spans="1:7" x14ac:dyDescent="0.3">
      <c r="A14414" s="13" t="s">
        <v>105</v>
      </c>
      <c r="B14414" s="14" t="s">
        <v>1</v>
      </c>
      <c r="C14414" s="14" t="s">
        <v>106</v>
      </c>
      <c r="D14414" s="14" t="s">
        <v>107</v>
      </c>
      <c r="E14414" s="15">
        <v>45555</v>
      </c>
      <c r="F14414" s="14" t="s">
        <v>25</v>
      </c>
      <c r="G14414" s="16">
        <v>1.3295157601126806</v>
      </c>
    </row>
    <row r="14415" spans="1:7" x14ac:dyDescent="0.3">
      <c r="A14415" s="13" t="s">
        <v>105</v>
      </c>
      <c r="B14415" s="14" t="s">
        <v>1</v>
      </c>
      <c r="C14415" s="14" t="s">
        <v>106</v>
      </c>
      <c r="D14415" s="14" t="s">
        <v>107</v>
      </c>
      <c r="E14415" s="15">
        <v>45556</v>
      </c>
      <c r="F14415" s="14" t="s">
        <v>25</v>
      </c>
      <c r="G14415" s="16">
        <v>1.3295157601126806</v>
      </c>
    </row>
    <row r="14416" spans="1:7" x14ac:dyDescent="0.3">
      <c r="A14416" s="13" t="s">
        <v>105</v>
      </c>
      <c r="B14416" s="14" t="s">
        <v>1</v>
      </c>
      <c r="C14416" s="14" t="s">
        <v>106</v>
      </c>
      <c r="D14416" s="14" t="s">
        <v>107</v>
      </c>
      <c r="E14416" s="15">
        <v>45557</v>
      </c>
      <c r="F14416" s="14" t="s">
        <v>25</v>
      </c>
      <c r="G14416" s="16">
        <v>1.3295157601126806</v>
      </c>
    </row>
    <row r="14417" spans="1:7" x14ac:dyDescent="0.3">
      <c r="A14417" s="13" t="s">
        <v>105</v>
      </c>
      <c r="B14417" s="14" t="s">
        <v>1</v>
      </c>
      <c r="C14417" s="14" t="s">
        <v>106</v>
      </c>
      <c r="D14417" s="14" t="s">
        <v>107</v>
      </c>
      <c r="E14417" s="15">
        <v>45558</v>
      </c>
      <c r="F14417" s="14" t="s">
        <v>25</v>
      </c>
      <c r="G14417" s="16">
        <v>1.3329310411104036</v>
      </c>
    </row>
    <row r="14418" spans="1:7" x14ac:dyDescent="0.3">
      <c r="A14418" s="13" t="s">
        <v>105</v>
      </c>
      <c r="B14418" s="14" t="s">
        <v>1</v>
      </c>
      <c r="C14418" s="14" t="s">
        <v>106</v>
      </c>
      <c r="D14418" s="14" t="s">
        <v>107</v>
      </c>
      <c r="E14418" s="15">
        <v>45559</v>
      </c>
      <c r="F14418" s="14" t="s">
        <v>25</v>
      </c>
      <c r="G14418" s="16">
        <v>1.3494479182499273</v>
      </c>
    </row>
    <row r="14419" spans="1:7" x14ac:dyDescent="0.3">
      <c r="A14419" s="13" t="s">
        <v>105</v>
      </c>
      <c r="B14419" s="14" t="s">
        <v>1</v>
      </c>
      <c r="C14419" s="14" t="s">
        <v>106</v>
      </c>
      <c r="D14419" s="14" t="s">
        <v>107</v>
      </c>
      <c r="E14419" s="15">
        <v>45560</v>
      </c>
      <c r="F14419" s="14" t="s">
        <v>25</v>
      </c>
      <c r="G14419" s="16">
        <v>1.3549379911160231</v>
      </c>
    </row>
    <row r="14420" spans="1:7" x14ac:dyDescent="0.3">
      <c r="A14420" s="13" t="s">
        <v>105</v>
      </c>
      <c r="B14420" s="14" t="s">
        <v>1</v>
      </c>
      <c r="C14420" s="14" t="s">
        <v>106</v>
      </c>
      <c r="D14420" s="14" t="s">
        <v>107</v>
      </c>
      <c r="E14420" s="15">
        <v>45561</v>
      </c>
      <c r="F14420" s="14" t="s">
        <v>25</v>
      </c>
      <c r="G14420" s="16">
        <v>1.360447316867555</v>
      </c>
    </row>
    <row r="14421" spans="1:7" x14ac:dyDescent="0.3">
      <c r="A14421" s="13" t="s">
        <v>105</v>
      </c>
      <c r="B14421" s="14" t="s">
        <v>1</v>
      </c>
      <c r="C14421" s="14" t="s">
        <v>106</v>
      </c>
      <c r="D14421" s="14" t="s">
        <v>107</v>
      </c>
      <c r="E14421" s="15">
        <v>45562</v>
      </c>
      <c r="F14421" s="14" t="s">
        <v>25</v>
      </c>
      <c r="G14421" s="16">
        <v>1.3794987032601835</v>
      </c>
    </row>
    <row r="14422" spans="1:7" x14ac:dyDescent="0.3">
      <c r="A14422" s="13" t="s">
        <v>105</v>
      </c>
      <c r="B14422" s="14" t="s">
        <v>1</v>
      </c>
      <c r="C14422" s="14" t="s">
        <v>106</v>
      </c>
      <c r="D14422" s="14" t="s">
        <v>107</v>
      </c>
      <c r="E14422" s="15">
        <v>45563</v>
      </c>
      <c r="F14422" s="14" t="s">
        <v>25</v>
      </c>
      <c r="G14422" s="16">
        <v>1.3794987032601835</v>
      </c>
    </row>
    <row r="14423" spans="1:7" x14ac:dyDescent="0.3">
      <c r="A14423" s="13" t="s">
        <v>105</v>
      </c>
      <c r="B14423" s="14" t="s">
        <v>1</v>
      </c>
      <c r="C14423" s="14" t="s">
        <v>106</v>
      </c>
      <c r="D14423" s="14" t="s">
        <v>107</v>
      </c>
      <c r="E14423" s="15">
        <v>45564</v>
      </c>
      <c r="F14423" s="14" t="s">
        <v>25</v>
      </c>
      <c r="G14423" s="16">
        <v>1.3794987032601835</v>
      </c>
    </row>
    <row r="14424" spans="1:7" x14ac:dyDescent="0.3">
      <c r="A14424" s="13" t="s">
        <v>105</v>
      </c>
      <c r="B14424" s="14" t="s">
        <v>1</v>
      </c>
      <c r="C14424" s="14" t="s">
        <v>106</v>
      </c>
      <c r="D14424" s="14" t="s">
        <v>107</v>
      </c>
      <c r="E14424" s="15">
        <v>45565</v>
      </c>
      <c r="F14424" s="14" t="s">
        <v>25</v>
      </c>
      <c r="G14424" s="16">
        <v>1.3860173091588681</v>
      </c>
    </row>
    <row r="14425" spans="1:7" x14ac:dyDescent="0.3">
      <c r="A14425" s="13" t="s">
        <v>105</v>
      </c>
      <c r="B14425" s="14" t="s">
        <v>1</v>
      </c>
      <c r="C14425" s="14" t="s">
        <v>106</v>
      </c>
      <c r="D14425" s="14" t="s">
        <v>107</v>
      </c>
      <c r="E14425" s="15">
        <v>45566</v>
      </c>
      <c r="F14425" s="14" t="s">
        <v>25</v>
      </c>
      <c r="G14425" s="16">
        <v>1.4024036672568325</v>
      </c>
    </row>
    <row r="14426" spans="1:7" x14ac:dyDescent="0.3">
      <c r="A14426" s="13" t="s">
        <v>105</v>
      </c>
      <c r="B14426" s="14" t="s">
        <v>1</v>
      </c>
      <c r="C14426" s="14" t="s">
        <v>106</v>
      </c>
      <c r="D14426" s="14" t="s">
        <v>107</v>
      </c>
      <c r="E14426" s="15">
        <v>45567</v>
      </c>
      <c r="F14426" s="14" t="s">
        <v>25</v>
      </c>
      <c r="G14426" s="16">
        <v>1.4121125161746448</v>
      </c>
    </row>
    <row r="14427" spans="1:7" x14ac:dyDescent="0.3">
      <c r="A14427" s="13" t="s">
        <v>105</v>
      </c>
      <c r="B14427" s="14" t="s">
        <v>1</v>
      </c>
      <c r="C14427" s="14" t="s">
        <v>106</v>
      </c>
      <c r="D14427" s="14" t="s">
        <v>107</v>
      </c>
      <c r="E14427" s="15">
        <v>45568</v>
      </c>
      <c r="F14427" s="14" t="s">
        <v>25</v>
      </c>
      <c r="G14427" s="16">
        <v>1.4176031938857701</v>
      </c>
    </row>
    <row r="14428" spans="1:7" x14ac:dyDescent="0.3">
      <c r="A14428" s="13" t="s">
        <v>105</v>
      </c>
      <c r="B14428" s="14" t="s">
        <v>1</v>
      </c>
      <c r="C14428" s="14" t="s">
        <v>106</v>
      </c>
      <c r="D14428" s="14" t="s">
        <v>107</v>
      </c>
      <c r="E14428" s="15">
        <v>45569</v>
      </c>
      <c r="F14428" s="14" t="s">
        <v>25</v>
      </c>
      <c r="G14428" s="16">
        <v>1.4327481351011482</v>
      </c>
    </row>
    <row r="14429" spans="1:7" x14ac:dyDescent="0.3">
      <c r="A14429" s="13" t="s">
        <v>105</v>
      </c>
      <c r="B14429" s="14" t="s">
        <v>1</v>
      </c>
      <c r="C14429" s="14" t="s">
        <v>106</v>
      </c>
      <c r="D14429" s="14" t="s">
        <v>107</v>
      </c>
      <c r="E14429" s="15">
        <v>45570</v>
      </c>
      <c r="F14429" s="14" t="s">
        <v>25</v>
      </c>
      <c r="G14429" s="16">
        <v>1.4327481351011482</v>
      </c>
    </row>
    <row r="14430" spans="1:7" x14ac:dyDescent="0.3">
      <c r="A14430" s="13" t="s">
        <v>105</v>
      </c>
      <c r="B14430" s="14" t="s">
        <v>1</v>
      </c>
      <c r="C14430" s="14" t="s">
        <v>106</v>
      </c>
      <c r="D14430" s="14" t="s">
        <v>107</v>
      </c>
      <c r="E14430" s="15">
        <v>45571</v>
      </c>
      <c r="F14430" s="14" t="s">
        <v>25</v>
      </c>
      <c r="G14430" s="16">
        <v>1.4327481351011482</v>
      </c>
    </row>
    <row r="14431" spans="1:7" x14ac:dyDescent="0.3">
      <c r="A14431" s="13" t="s">
        <v>105</v>
      </c>
      <c r="B14431" s="14" t="s">
        <v>1</v>
      </c>
      <c r="C14431" s="14" t="s">
        <v>106</v>
      </c>
      <c r="D14431" s="14" t="s">
        <v>107</v>
      </c>
      <c r="E14431" s="15">
        <v>45572</v>
      </c>
      <c r="F14431" s="14" t="s">
        <v>25</v>
      </c>
      <c r="G14431" s="16">
        <v>1.4383444830771981</v>
      </c>
    </row>
    <row r="14432" spans="1:7" x14ac:dyDescent="0.3">
      <c r="A14432" s="13" t="s">
        <v>105</v>
      </c>
      <c r="B14432" s="14" t="s">
        <v>1</v>
      </c>
      <c r="C14432" s="14" t="s">
        <v>106</v>
      </c>
      <c r="D14432" s="14" t="s">
        <v>107</v>
      </c>
      <c r="E14432" s="15">
        <v>45573</v>
      </c>
      <c r="F14432" s="14" t="s">
        <v>25</v>
      </c>
      <c r="G14432" s="16">
        <v>1.4550339716704075</v>
      </c>
    </row>
    <row r="14433" spans="1:7" x14ac:dyDescent="0.3">
      <c r="A14433" s="13" t="s">
        <v>105</v>
      </c>
      <c r="B14433" s="14" t="s">
        <v>1</v>
      </c>
      <c r="C14433" s="14" t="s">
        <v>106</v>
      </c>
      <c r="D14433" s="14" t="s">
        <v>107</v>
      </c>
      <c r="E14433" s="15">
        <v>45574</v>
      </c>
      <c r="F14433" s="14" t="s">
        <v>25</v>
      </c>
      <c r="G14433" s="16">
        <v>1.4628554225797472</v>
      </c>
    </row>
    <row r="14434" spans="1:7" x14ac:dyDescent="0.3">
      <c r="A14434" s="13" t="s">
        <v>105</v>
      </c>
      <c r="B14434" s="14" t="s">
        <v>1</v>
      </c>
      <c r="C14434" s="14" t="s">
        <v>106</v>
      </c>
      <c r="D14434" s="14" t="s">
        <v>107</v>
      </c>
      <c r="E14434" s="15">
        <v>45575</v>
      </c>
      <c r="F14434" s="14" t="s">
        <v>25</v>
      </c>
      <c r="G14434" s="16">
        <v>1.4684586256481504</v>
      </c>
    </row>
    <row r="14435" spans="1:7" x14ac:dyDescent="0.3">
      <c r="A14435" s="13" t="s">
        <v>105</v>
      </c>
      <c r="B14435" s="14" t="s">
        <v>1</v>
      </c>
      <c r="C14435" s="14" t="s">
        <v>106</v>
      </c>
      <c r="D14435" s="14" t="s">
        <v>107</v>
      </c>
      <c r="E14435" s="15">
        <v>45576</v>
      </c>
      <c r="F14435" s="14" t="s">
        <v>25</v>
      </c>
      <c r="G14435" s="16">
        <v>1.474657070896374</v>
      </c>
    </row>
    <row r="14436" spans="1:7" x14ac:dyDescent="0.3">
      <c r="A14436" s="13" t="s">
        <v>105</v>
      </c>
      <c r="B14436" s="14" t="s">
        <v>1</v>
      </c>
      <c r="C14436" s="14" t="s">
        <v>106</v>
      </c>
      <c r="D14436" s="14" t="s">
        <v>107</v>
      </c>
      <c r="E14436" s="15">
        <v>45577</v>
      </c>
      <c r="F14436" s="14" t="s">
        <v>25</v>
      </c>
      <c r="G14436" s="16">
        <v>1.474657070896374</v>
      </c>
    </row>
    <row r="14437" spans="1:7" x14ac:dyDescent="0.3">
      <c r="A14437" s="13" t="s">
        <v>105</v>
      </c>
      <c r="B14437" s="14" t="s">
        <v>1</v>
      </c>
      <c r="C14437" s="14" t="s">
        <v>106</v>
      </c>
      <c r="D14437" s="14" t="s">
        <v>107</v>
      </c>
      <c r="E14437" s="15">
        <v>45578</v>
      </c>
      <c r="F14437" s="14" t="s">
        <v>25</v>
      </c>
      <c r="G14437" s="16">
        <v>1.474657070896374</v>
      </c>
    </row>
    <row r="14438" spans="1:7" x14ac:dyDescent="0.3">
      <c r="A14438" s="13" t="s">
        <v>105</v>
      </c>
      <c r="B14438" s="14" t="s">
        <v>1</v>
      </c>
      <c r="C14438" s="14" t="s">
        <v>106</v>
      </c>
      <c r="D14438" s="14" t="s">
        <v>107</v>
      </c>
      <c r="E14438" s="15">
        <v>45579</v>
      </c>
      <c r="F14438" s="14" t="s">
        <v>25</v>
      </c>
      <c r="G14438" s="16">
        <v>1.4802322129444536</v>
      </c>
    </row>
    <row r="14439" spans="1:7" x14ac:dyDescent="0.3">
      <c r="A14439" s="13" t="s">
        <v>105</v>
      </c>
      <c r="B14439" s="14" t="s">
        <v>1</v>
      </c>
      <c r="C14439" s="14" t="s">
        <v>106</v>
      </c>
      <c r="D14439" s="14" t="s">
        <v>107</v>
      </c>
      <c r="E14439" s="15">
        <v>45580</v>
      </c>
      <c r="F14439" s="14" t="s">
        <v>25</v>
      </c>
      <c r="G14439" s="16">
        <v>1.4969409253883756</v>
      </c>
    </row>
    <row r="14440" spans="1:7" x14ac:dyDescent="0.3">
      <c r="A14440" s="13" t="s">
        <v>105</v>
      </c>
      <c r="B14440" s="14" t="s">
        <v>1</v>
      </c>
      <c r="C14440" s="14" t="s">
        <v>106</v>
      </c>
      <c r="D14440" s="14" t="s">
        <v>107</v>
      </c>
      <c r="E14440" s="15">
        <v>45581</v>
      </c>
      <c r="F14440" s="14" t="s">
        <v>25</v>
      </c>
      <c r="G14440" s="16">
        <v>1.5029503156131179</v>
      </c>
    </row>
    <row r="14441" spans="1:7" x14ac:dyDescent="0.3">
      <c r="A14441" s="13" t="s">
        <v>105</v>
      </c>
      <c r="B14441" s="14" t="s">
        <v>1</v>
      </c>
      <c r="C14441" s="14" t="s">
        <v>106</v>
      </c>
      <c r="D14441" s="14" t="s">
        <v>107</v>
      </c>
      <c r="E14441" s="15">
        <v>45582</v>
      </c>
      <c r="F14441" s="14" t="s">
        <v>25</v>
      </c>
      <c r="G14441" s="16">
        <v>1.5085675743759313</v>
      </c>
    </row>
    <row r="14442" spans="1:7" x14ac:dyDescent="0.3">
      <c r="A14442" s="13" t="s">
        <v>105</v>
      </c>
      <c r="B14442" s="14" t="s">
        <v>1</v>
      </c>
      <c r="C14442" s="14" t="s">
        <v>106</v>
      </c>
      <c r="D14442" s="14" t="s">
        <v>107</v>
      </c>
      <c r="E14442" s="15">
        <v>45583</v>
      </c>
      <c r="F14442" s="14" t="s">
        <v>25</v>
      </c>
      <c r="G14442" s="16">
        <v>1.5141921978154922</v>
      </c>
    </row>
    <row r="14443" spans="1:7" x14ac:dyDescent="0.3">
      <c r="A14443" s="13" t="s">
        <v>105</v>
      </c>
      <c r="B14443" s="14" t="s">
        <v>1</v>
      </c>
      <c r="C14443" s="14" t="s">
        <v>106</v>
      </c>
      <c r="D14443" s="14" t="s">
        <v>107</v>
      </c>
      <c r="E14443" s="15">
        <v>45584</v>
      </c>
      <c r="F14443" s="14" t="s">
        <v>25</v>
      </c>
      <c r="G14443" s="16">
        <v>1.5141921978154922</v>
      </c>
    </row>
    <row r="14444" spans="1:7" x14ac:dyDescent="0.3">
      <c r="A14444" s="13" t="s">
        <v>105</v>
      </c>
      <c r="B14444" s="14" t="s">
        <v>1</v>
      </c>
      <c r="C14444" s="14" t="s">
        <v>106</v>
      </c>
      <c r="D14444" s="14" t="s">
        <v>107</v>
      </c>
      <c r="E14444" s="15">
        <v>45585</v>
      </c>
      <c r="F14444" s="14" t="s">
        <v>25</v>
      </c>
      <c r="G14444" s="16">
        <v>1.5141921978154922</v>
      </c>
    </row>
    <row r="14445" spans="1:7" x14ac:dyDescent="0.3">
      <c r="A14445" s="13" t="s">
        <v>105</v>
      </c>
      <c r="B14445" s="14" t="s">
        <v>1</v>
      </c>
      <c r="C14445" s="14" t="s">
        <v>106</v>
      </c>
      <c r="D14445" s="14" t="s">
        <v>107</v>
      </c>
      <c r="E14445" s="15">
        <v>45586</v>
      </c>
      <c r="F14445" s="14" t="s">
        <v>25</v>
      </c>
      <c r="G14445" s="16">
        <v>1.5172725508880422</v>
      </c>
    </row>
    <row r="14446" spans="1:7" x14ac:dyDescent="0.3">
      <c r="A14446" s="13" t="s">
        <v>105</v>
      </c>
      <c r="B14446" s="14" t="s">
        <v>1</v>
      </c>
      <c r="C14446" s="14" t="s">
        <v>106</v>
      </c>
      <c r="D14446" s="14" t="s">
        <v>107</v>
      </c>
      <c r="E14446" s="15">
        <v>45587</v>
      </c>
      <c r="F14446" s="14" t="s">
        <v>25</v>
      </c>
      <c r="G14446" s="16">
        <v>1.5332623807016823</v>
      </c>
    </row>
    <row r="14447" spans="1:7" x14ac:dyDescent="0.3">
      <c r="A14447" s="13" t="s">
        <v>105</v>
      </c>
      <c r="B14447" s="14" t="s">
        <v>1</v>
      </c>
      <c r="C14447" s="14" t="s">
        <v>106</v>
      </c>
      <c r="D14447" s="14" t="s">
        <v>107</v>
      </c>
      <c r="E14447" s="15">
        <v>45588</v>
      </c>
      <c r="F14447" s="14" t="s">
        <v>25</v>
      </c>
      <c r="G14447" s="16">
        <v>1.5387954717302375</v>
      </c>
    </row>
    <row r="14448" spans="1:7" x14ac:dyDescent="0.3">
      <c r="A14448" s="13" t="s">
        <v>105</v>
      </c>
      <c r="B14448" s="14" t="s">
        <v>1</v>
      </c>
      <c r="C14448" s="14" t="s">
        <v>106</v>
      </c>
      <c r="D14448" s="14" t="s">
        <v>107</v>
      </c>
      <c r="E14448" s="15">
        <v>45589</v>
      </c>
      <c r="F14448" s="14" t="s">
        <v>25</v>
      </c>
      <c r="G14448" s="16">
        <v>1.5442092750354179</v>
      </c>
    </row>
    <row r="14449" spans="1:7" x14ac:dyDescent="0.3">
      <c r="A14449" s="13" t="s">
        <v>105</v>
      </c>
      <c r="B14449" s="14" t="s">
        <v>1</v>
      </c>
      <c r="C14449" s="14" t="s">
        <v>106</v>
      </c>
      <c r="D14449" s="14" t="s">
        <v>107</v>
      </c>
      <c r="E14449" s="15">
        <v>45590</v>
      </c>
      <c r="F14449" s="14" t="s">
        <v>25</v>
      </c>
      <c r="G14449" s="16">
        <v>1.5496272867273111</v>
      </c>
    </row>
    <row r="14450" spans="1:7" x14ac:dyDescent="0.3">
      <c r="A14450" s="13" t="s">
        <v>105</v>
      </c>
      <c r="B14450" s="14" t="s">
        <v>1</v>
      </c>
      <c r="C14450" s="14" t="s">
        <v>106</v>
      </c>
      <c r="D14450" s="14" t="s">
        <v>107</v>
      </c>
      <c r="E14450" s="15">
        <v>45591</v>
      </c>
      <c r="F14450" s="14" t="s">
        <v>25</v>
      </c>
      <c r="G14450" s="16">
        <v>1.5496272867273111</v>
      </c>
    </row>
    <row r="14451" spans="1:7" x14ac:dyDescent="0.3">
      <c r="A14451" s="13" t="s">
        <v>105</v>
      </c>
      <c r="B14451" s="14" t="s">
        <v>1</v>
      </c>
      <c r="C14451" s="14" t="s">
        <v>106</v>
      </c>
      <c r="D14451" s="14" t="s">
        <v>107</v>
      </c>
      <c r="E14451" s="15">
        <v>45592</v>
      </c>
      <c r="F14451" s="14" t="s">
        <v>25</v>
      </c>
      <c r="G14451" s="16">
        <v>1.5496272867273111</v>
      </c>
    </row>
    <row r="14452" spans="1:7" x14ac:dyDescent="0.3">
      <c r="A14452" s="13" t="s">
        <v>105</v>
      </c>
      <c r="B14452" s="14" t="s">
        <v>1</v>
      </c>
      <c r="C14452" s="14" t="s">
        <v>106</v>
      </c>
      <c r="D14452" s="14" t="s">
        <v>107</v>
      </c>
      <c r="E14452" s="15">
        <v>45593</v>
      </c>
      <c r="F14452" s="14" t="s">
        <v>25</v>
      </c>
      <c r="G14452" s="16">
        <v>1.5496272867273111</v>
      </c>
    </row>
    <row r="14453" spans="1:7" x14ac:dyDescent="0.3">
      <c r="A14453" s="13" t="s">
        <v>105</v>
      </c>
      <c r="B14453" s="14" t="s">
        <v>1</v>
      </c>
      <c r="C14453" s="14" t="s">
        <v>106</v>
      </c>
      <c r="D14453" s="14" t="s">
        <v>107</v>
      </c>
      <c r="E14453" s="15">
        <v>45594</v>
      </c>
      <c r="F14453" s="14" t="s">
        <v>25</v>
      </c>
      <c r="G14453" s="16">
        <v>1.5624483016288317</v>
      </c>
    </row>
    <row r="14454" spans="1:7" x14ac:dyDescent="0.3">
      <c r="A14454" s="13" t="s">
        <v>105</v>
      </c>
      <c r="B14454" s="14" t="s">
        <v>1</v>
      </c>
      <c r="C14454" s="14" t="s">
        <v>106</v>
      </c>
      <c r="D14454" s="14" t="s">
        <v>107</v>
      </c>
      <c r="E14454" s="15">
        <v>45595</v>
      </c>
      <c r="F14454" s="14" t="s">
        <v>25</v>
      </c>
      <c r="G14454" s="16">
        <v>1.5831787600331981</v>
      </c>
    </row>
    <row r="14455" spans="1:7" x14ac:dyDescent="0.3">
      <c r="A14455" s="13" t="s">
        <v>105</v>
      </c>
      <c r="B14455" s="14" t="s">
        <v>1</v>
      </c>
      <c r="C14455" s="14" t="s">
        <v>106</v>
      </c>
      <c r="D14455" s="14" t="s">
        <v>107</v>
      </c>
      <c r="E14455" s="15">
        <v>45596</v>
      </c>
      <c r="F14455" s="14" t="s">
        <v>25</v>
      </c>
      <c r="G14455" s="16">
        <v>1.5885873313244256</v>
      </c>
    </row>
    <row r="14456" spans="1:7" x14ac:dyDescent="0.3">
      <c r="A14456" s="13" t="s">
        <v>105</v>
      </c>
      <c r="B14456" s="14" t="s">
        <v>1</v>
      </c>
      <c r="C14456" s="14" t="s">
        <v>106</v>
      </c>
      <c r="D14456" s="14" t="s">
        <v>107</v>
      </c>
      <c r="E14456" s="15">
        <v>45597</v>
      </c>
      <c r="F14456" s="14" t="s">
        <v>25</v>
      </c>
      <c r="G14456" s="16">
        <v>1.594019448273184</v>
      </c>
    </row>
    <row r="14457" spans="1:7" x14ac:dyDescent="0.3">
      <c r="A14457" s="13" t="s">
        <v>105</v>
      </c>
      <c r="B14457" s="14" t="s">
        <v>1</v>
      </c>
      <c r="C14457" s="14" t="s">
        <v>106</v>
      </c>
      <c r="D14457" s="14" t="s">
        <v>107</v>
      </c>
      <c r="E14457" s="15">
        <v>45598</v>
      </c>
      <c r="F14457" s="14" t="s">
        <v>25</v>
      </c>
      <c r="G14457" s="16">
        <v>1.594019448273184</v>
      </c>
    </row>
    <row r="14458" spans="1:7" x14ac:dyDescent="0.3">
      <c r="A14458" s="13" t="s">
        <v>105</v>
      </c>
      <c r="B14458" s="14" t="s">
        <v>1</v>
      </c>
      <c r="C14458" s="14" t="s">
        <v>106</v>
      </c>
      <c r="D14458" s="14" t="s">
        <v>107</v>
      </c>
      <c r="E14458" s="15">
        <v>45599</v>
      </c>
      <c r="F14458" s="14" t="s">
        <v>25</v>
      </c>
      <c r="G14458" s="16">
        <v>1.594019448273184</v>
      </c>
    </row>
    <row r="14459" spans="1:7" x14ac:dyDescent="0.3">
      <c r="A14459" s="13" t="s">
        <v>105</v>
      </c>
      <c r="B14459" s="14" t="s">
        <v>1</v>
      </c>
      <c r="C14459" s="14" t="s">
        <v>106</v>
      </c>
      <c r="D14459" s="14" t="s">
        <v>107</v>
      </c>
      <c r="E14459" s="15">
        <v>45600</v>
      </c>
      <c r="F14459" s="14" t="s">
        <v>25</v>
      </c>
      <c r="G14459" s="16">
        <v>1.6028215949803317</v>
      </c>
    </row>
    <row r="14460" spans="1:7" x14ac:dyDescent="0.3">
      <c r="A14460" s="13" t="s">
        <v>105</v>
      </c>
      <c r="B14460" s="14" t="s">
        <v>1</v>
      </c>
      <c r="C14460" s="14" t="s">
        <v>106</v>
      </c>
      <c r="D14460" s="14" t="s">
        <v>107</v>
      </c>
      <c r="E14460" s="15">
        <v>45601</v>
      </c>
      <c r="F14460" s="14" t="s">
        <v>25</v>
      </c>
      <c r="G14460" s="16">
        <v>1.6184918623350757</v>
      </c>
    </row>
    <row r="14461" spans="1:7" x14ac:dyDescent="0.3">
      <c r="A14461" s="13" t="s">
        <v>105</v>
      </c>
      <c r="B14461" s="14" t="s">
        <v>1</v>
      </c>
      <c r="C14461" s="14" t="s">
        <v>106</v>
      </c>
      <c r="D14461" s="14" t="s">
        <v>107</v>
      </c>
      <c r="E14461" s="15">
        <v>45602</v>
      </c>
      <c r="F14461" s="14" t="s">
        <v>25</v>
      </c>
      <c r="G14461" s="16">
        <v>1.6334016095413593</v>
      </c>
    </row>
    <row r="14462" spans="1:7" x14ac:dyDescent="0.3">
      <c r="A14462" s="13" t="s">
        <v>105</v>
      </c>
      <c r="B14462" s="14" t="s">
        <v>1</v>
      </c>
      <c r="C14462" s="14" t="s">
        <v>106</v>
      </c>
      <c r="D14462" s="14" t="s">
        <v>107</v>
      </c>
      <c r="E14462" s="15">
        <v>45603</v>
      </c>
      <c r="F14462" s="14" t="s">
        <v>25</v>
      </c>
      <c r="G14462" s="16">
        <v>1.6387634588547078</v>
      </c>
    </row>
    <row r="14463" spans="1:7" x14ac:dyDescent="0.3">
      <c r="A14463" s="13" t="s">
        <v>105</v>
      </c>
      <c r="B14463" s="14" t="s">
        <v>1</v>
      </c>
      <c r="C14463" s="14" t="s">
        <v>106</v>
      </c>
      <c r="D14463" s="14" t="s">
        <v>107</v>
      </c>
      <c r="E14463" s="15">
        <v>45604</v>
      </c>
      <c r="F14463" s="14" t="s">
        <v>25</v>
      </c>
      <c r="G14463" s="16">
        <v>1.6440576560781306</v>
      </c>
    </row>
    <row r="14464" spans="1:7" x14ac:dyDescent="0.3">
      <c r="A14464" s="13" t="s">
        <v>105</v>
      </c>
      <c r="B14464" s="14" t="s">
        <v>1</v>
      </c>
      <c r="C14464" s="14" t="s">
        <v>106</v>
      </c>
      <c r="D14464" s="14" t="s">
        <v>107</v>
      </c>
      <c r="E14464" s="15">
        <v>45605</v>
      </c>
      <c r="F14464" s="14" t="s">
        <v>25</v>
      </c>
      <c r="G14464" s="16">
        <v>1.6440576560781306</v>
      </c>
    </row>
    <row r="14465" spans="1:7" x14ac:dyDescent="0.3">
      <c r="A14465" s="13" t="s">
        <v>105</v>
      </c>
      <c r="B14465" s="14" t="s">
        <v>1</v>
      </c>
      <c r="C14465" s="14" t="s">
        <v>106</v>
      </c>
      <c r="D14465" s="14" t="s">
        <v>107</v>
      </c>
      <c r="E14465" s="15">
        <v>45606</v>
      </c>
      <c r="F14465" s="14" t="s">
        <v>25</v>
      </c>
      <c r="G14465" s="16">
        <v>1.6440576560781306</v>
      </c>
    </row>
    <row r="14466" spans="1:7" x14ac:dyDescent="0.3">
      <c r="A14466" s="13" t="s">
        <v>105</v>
      </c>
      <c r="B14466" s="14" t="s">
        <v>1</v>
      </c>
      <c r="C14466" s="14" t="s">
        <v>106</v>
      </c>
      <c r="D14466" s="14" t="s">
        <v>107</v>
      </c>
      <c r="E14466" s="15">
        <v>45607</v>
      </c>
      <c r="F14466" s="14" t="s">
        <v>25</v>
      </c>
      <c r="G14466" s="16">
        <v>1.6491930092123446</v>
      </c>
    </row>
    <row r="14467" spans="1:7" x14ac:dyDescent="0.3">
      <c r="A14467" s="13" t="s">
        <v>105</v>
      </c>
      <c r="B14467" s="14" t="s">
        <v>1</v>
      </c>
      <c r="C14467" s="14" t="s">
        <v>106</v>
      </c>
      <c r="D14467" s="14" t="s">
        <v>107</v>
      </c>
      <c r="E14467" s="15">
        <v>45608</v>
      </c>
      <c r="F14467" s="14" t="s">
        <v>25</v>
      </c>
      <c r="G14467" s="16">
        <v>1.6648178566137779</v>
      </c>
    </row>
    <row r="14468" spans="1:7" x14ac:dyDescent="0.3">
      <c r="A14468" s="13" t="s">
        <v>105</v>
      </c>
      <c r="B14468" s="14" t="s">
        <v>1</v>
      </c>
      <c r="C14468" s="14" t="s">
        <v>106</v>
      </c>
      <c r="D14468" s="14" t="s">
        <v>107</v>
      </c>
      <c r="E14468" s="15">
        <v>45609</v>
      </c>
      <c r="F14468" s="14" t="s">
        <v>25</v>
      </c>
      <c r="G14468" s="16">
        <v>1.6700284596085715</v>
      </c>
    </row>
    <row r="14469" spans="1:7" x14ac:dyDescent="0.3">
      <c r="A14469" s="13" t="s">
        <v>105</v>
      </c>
      <c r="B14469" s="14" t="s">
        <v>1</v>
      </c>
      <c r="C14469" s="14" t="s">
        <v>106</v>
      </c>
      <c r="D14469" s="14" t="s">
        <v>107</v>
      </c>
      <c r="E14469" s="15">
        <v>45610</v>
      </c>
      <c r="F14469" s="14" t="s">
        <v>25</v>
      </c>
      <c r="G14469" s="16">
        <v>1.6752901032028138</v>
      </c>
    </row>
    <row r="14470" spans="1:7" x14ac:dyDescent="0.3">
      <c r="A14470" s="13" t="s">
        <v>105</v>
      </c>
      <c r="B14470" s="14" t="s">
        <v>1</v>
      </c>
      <c r="C14470" s="14" t="s">
        <v>106</v>
      </c>
      <c r="D14470" s="14" t="s">
        <v>107</v>
      </c>
      <c r="E14470" s="15">
        <v>45611</v>
      </c>
      <c r="F14470" s="14" t="s">
        <v>25</v>
      </c>
      <c r="G14470" s="16">
        <v>1.7547279185341362</v>
      </c>
    </row>
    <row r="14471" spans="1:7" x14ac:dyDescent="0.3">
      <c r="A14471" s="13" t="s">
        <v>105</v>
      </c>
      <c r="B14471" s="14" t="s">
        <v>1</v>
      </c>
      <c r="C14471" s="14" t="s">
        <v>106</v>
      </c>
      <c r="D14471" s="14" t="s">
        <v>107</v>
      </c>
      <c r="E14471" s="15">
        <v>45612</v>
      </c>
      <c r="F14471" s="14" t="s">
        <v>25</v>
      </c>
      <c r="G14471" s="16">
        <v>1.7547279185341362</v>
      </c>
    </row>
    <row r="14472" spans="1:7" x14ac:dyDescent="0.3">
      <c r="A14472" s="13" t="s">
        <v>105</v>
      </c>
      <c r="B14472" s="14" t="s">
        <v>1</v>
      </c>
      <c r="C14472" s="14" t="s">
        <v>106</v>
      </c>
      <c r="D14472" s="14" t="s">
        <v>107</v>
      </c>
      <c r="E14472" s="15">
        <v>45613</v>
      </c>
      <c r="F14472" s="14" t="s">
        <v>25</v>
      </c>
      <c r="G14472" s="16">
        <v>1.7547279185341362</v>
      </c>
    </row>
    <row r="14473" spans="1:7" x14ac:dyDescent="0.3">
      <c r="A14473" s="13" t="s">
        <v>105</v>
      </c>
      <c r="B14473" s="14" t="s">
        <v>1</v>
      </c>
      <c r="C14473" s="14" t="s">
        <v>106</v>
      </c>
      <c r="D14473" s="14" t="s">
        <v>107</v>
      </c>
      <c r="E14473" s="15">
        <v>45614</v>
      </c>
      <c r="F14473" s="14" t="s">
        <v>25</v>
      </c>
      <c r="G14473" s="16">
        <v>1.7598347305956663</v>
      </c>
    </row>
    <row r="14474" spans="1:7" x14ac:dyDescent="0.3">
      <c r="A14474" s="13" t="s">
        <v>105</v>
      </c>
      <c r="B14474" s="14" t="s">
        <v>1</v>
      </c>
      <c r="C14474" s="14" t="s">
        <v>106</v>
      </c>
      <c r="D14474" s="14" t="s">
        <v>107</v>
      </c>
      <c r="E14474" s="15">
        <v>45615</v>
      </c>
      <c r="F14474" s="14" t="s">
        <v>25</v>
      </c>
      <c r="G14474" s="16">
        <v>1.7834845308545444</v>
      </c>
    </row>
    <row r="14475" spans="1:7" x14ac:dyDescent="0.3">
      <c r="A14475" s="13" t="s">
        <v>105</v>
      </c>
      <c r="B14475" s="14" t="s">
        <v>1</v>
      </c>
      <c r="C14475" s="14" t="s">
        <v>106</v>
      </c>
      <c r="D14475" s="14" t="s">
        <v>107</v>
      </c>
      <c r="E14475" s="15">
        <v>45616</v>
      </c>
      <c r="F14475" s="14" t="s">
        <v>25</v>
      </c>
      <c r="G14475" s="16">
        <v>1.78854559641564</v>
      </c>
    </row>
    <row r="14476" spans="1:7" x14ac:dyDescent="0.3">
      <c r="A14476" s="13" t="s">
        <v>105</v>
      </c>
      <c r="B14476" s="14" t="s">
        <v>1</v>
      </c>
      <c r="C14476" s="14" t="s">
        <v>106</v>
      </c>
      <c r="D14476" s="14" t="s">
        <v>107</v>
      </c>
      <c r="E14476" s="15">
        <v>45617</v>
      </c>
      <c r="F14476" s="14" t="s">
        <v>25</v>
      </c>
      <c r="G14476" s="16">
        <v>1.7936401469181382</v>
      </c>
    </row>
    <row r="14477" spans="1:7" x14ac:dyDescent="0.3">
      <c r="A14477" s="13" t="s">
        <v>105</v>
      </c>
      <c r="B14477" s="14" t="s">
        <v>1</v>
      </c>
      <c r="C14477" s="14" t="s">
        <v>106</v>
      </c>
      <c r="D14477" s="14" t="s">
        <v>107</v>
      </c>
      <c r="E14477" s="15">
        <v>45618</v>
      </c>
      <c r="F14477" s="14" t="s">
        <v>25</v>
      </c>
      <c r="G14477" s="16">
        <v>1.7988582263225514</v>
      </c>
    </row>
    <row r="14478" spans="1:7" x14ac:dyDescent="0.3">
      <c r="A14478" s="13" t="s">
        <v>105</v>
      </c>
      <c r="B14478" s="14" t="s">
        <v>1</v>
      </c>
      <c r="C14478" s="14" t="s">
        <v>106</v>
      </c>
      <c r="D14478" s="14" t="s">
        <v>107</v>
      </c>
      <c r="E14478" s="15">
        <v>45619</v>
      </c>
      <c r="F14478" s="14" t="s">
        <v>25</v>
      </c>
      <c r="G14478" s="16">
        <v>1.7988582263225514</v>
      </c>
    </row>
    <row r="14479" spans="1:7" x14ac:dyDescent="0.3">
      <c r="A14479" s="13" t="s">
        <v>105</v>
      </c>
      <c r="B14479" s="14" t="s">
        <v>1</v>
      </c>
      <c r="C14479" s="14" t="s">
        <v>106</v>
      </c>
      <c r="D14479" s="14" t="s">
        <v>107</v>
      </c>
      <c r="E14479" s="15">
        <v>45620</v>
      </c>
      <c r="F14479" s="14" t="s">
        <v>25</v>
      </c>
      <c r="G14479" s="16">
        <v>1.7988582263225514</v>
      </c>
    </row>
    <row r="14480" spans="1:7" x14ac:dyDescent="0.3">
      <c r="A14480" s="13" t="s">
        <v>105</v>
      </c>
      <c r="B14480" s="14" t="s">
        <v>1</v>
      </c>
      <c r="C14480" s="14" t="s">
        <v>106</v>
      </c>
      <c r="D14480" s="14" t="s">
        <v>107</v>
      </c>
      <c r="E14480" s="15">
        <v>45621</v>
      </c>
      <c r="F14480" s="14" t="s">
        <v>25</v>
      </c>
      <c r="G14480" s="16">
        <v>1.8040252024008485</v>
      </c>
    </row>
    <row r="14481" spans="1:7" x14ac:dyDescent="0.3">
      <c r="A14481" s="13" t="s">
        <v>105</v>
      </c>
      <c r="B14481" s="14" t="s">
        <v>1</v>
      </c>
      <c r="C14481" s="14" t="s">
        <v>106</v>
      </c>
      <c r="D14481" s="14" t="s">
        <v>107</v>
      </c>
      <c r="E14481" s="15">
        <v>45622</v>
      </c>
      <c r="F14481" s="14" t="s">
        <v>25</v>
      </c>
      <c r="G14481" s="16">
        <v>1.8192047265329894</v>
      </c>
    </row>
    <row r="14482" spans="1:7" x14ac:dyDescent="0.3">
      <c r="A14482" s="13" t="s">
        <v>105</v>
      </c>
      <c r="B14482" s="14" t="s">
        <v>1</v>
      </c>
      <c r="C14482" s="14" t="s">
        <v>106</v>
      </c>
      <c r="D14482" s="14" t="s">
        <v>107</v>
      </c>
      <c r="E14482" s="15">
        <v>45623</v>
      </c>
      <c r="F14482" s="14" t="s">
        <v>25</v>
      </c>
      <c r="G14482" s="16">
        <v>1.8246173589526959</v>
      </c>
    </row>
    <row r="14483" spans="1:7" x14ac:dyDescent="0.3">
      <c r="A14483" s="13" t="s">
        <v>105</v>
      </c>
      <c r="B14483" s="14" t="s">
        <v>1</v>
      </c>
      <c r="C14483" s="14" t="s">
        <v>106</v>
      </c>
      <c r="D14483" s="14" t="s">
        <v>107</v>
      </c>
      <c r="E14483" s="15">
        <v>45624</v>
      </c>
      <c r="F14483" s="14" t="s">
        <v>25</v>
      </c>
      <c r="G14483" s="16">
        <v>1.8327601817975263</v>
      </c>
    </row>
    <row r="14484" spans="1:7" x14ac:dyDescent="0.3">
      <c r="A14484" s="13" t="s">
        <v>105</v>
      </c>
      <c r="B14484" s="14" t="s">
        <v>1</v>
      </c>
      <c r="C14484" s="14" t="s">
        <v>106</v>
      </c>
      <c r="D14484" s="14" t="s">
        <v>107</v>
      </c>
      <c r="E14484" s="15">
        <v>45625</v>
      </c>
      <c r="F14484" s="14" t="s">
        <v>25</v>
      </c>
      <c r="G14484" s="16">
        <v>1.8389649348204069</v>
      </c>
    </row>
    <row r="14485" spans="1:7" x14ac:dyDescent="0.3">
      <c r="A14485" s="13" t="s">
        <v>105</v>
      </c>
      <c r="B14485" s="14" t="s">
        <v>1</v>
      </c>
      <c r="C14485" s="14" t="s">
        <v>106</v>
      </c>
      <c r="D14485" s="14" t="s">
        <v>107</v>
      </c>
      <c r="E14485" s="15">
        <v>45626</v>
      </c>
      <c r="F14485" s="14" t="s">
        <v>25</v>
      </c>
      <c r="G14485" s="16">
        <v>1.8389649348204069</v>
      </c>
    </row>
    <row r="14486" spans="1:7" x14ac:dyDescent="0.3">
      <c r="A14486" s="13" t="s">
        <v>105</v>
      </c>
      <c r="B14486" s="14" t="s">
        <v>1</v>
      </c>
      <c r="C14486" s="14" t="s">
        <v>106</v>
      </c>
      <c r="D14486" s="14" t="s">
        <v>107</v>
      </c>
      <c r="E14486" s="15">
        <v>45627</v>
      </c>
      <c r="F14486" s="14" t="s">
        <v>25</v>
      </c>
      <c r="G14486" s="16">
        <v>1.8389649348204069</v>
      </c>
    </row>
    <row r="14487" spans="1:7" x14ac:dyDescent="0.3">
      <c r="A14487" s="13" t="s">
        <v>105</v>
      </c>
      <c r="B14487" s="14" t="s">
        <v>1</v>
      </c>
      <c r="C14487" s="14" t="s">
        <v>106</v>
      </c>
      <c r="D14487" s="14" t="s">
        <v>107</v>
      </c>
      <c r="E14487" s="15">
        <v>45628</v>
      </c>
      <c r="F14487" s="14" t="s">
        <v>25</v>
      </c>
      <c r="G14487" s="16">
        <v>1.8654881601579192</v>
      </c>
    </row>
    <row r="14488" spans="1:7" x14ac:dyDescent="0.3">
      <c r="A14488" s="13" t="s">
        <v>105</v>
      </c>
      <c r="B14488" s="14" t="s">
        <v>1</v>
      </c>
      <c r="C14488" s="14" t="s">
        <v>106</v>
      </c>
      <c r="D14488" s="14" t="s">
        <v>107</v>
      </c>
      <c r="E14488" s="15">
        <v>45629</v>
      </c>
      <c r="F14488" s="14" t="s">
        <v>25</v>
      </c>
      <c r="G14488" s="16">
        <v>1.8774536694224659</v>
      </c>
    </row>
    <row r="14489" spans="1:7" x14ac:dyDescent="0.3">
      <c r="A14489" s="13" t="s">
        <v>105</v>
      </c>
      <c r="B14489" s="14" t="s">
        <v>1</v>
      </c>
      <c r="C14489" s="14" t="s">
        <v>106</v>
      </c>
      <c r="D14489" s="14" t="s">
        <v>107</v>
      </c>
      <c r="E14489" s="15">
        <v>45630</v>
      </c>
      <c r="F14489" s="14" t="s">
        <v>25</v>
      </c>
      <c r="G14489" s="16">
        <v>1.8847394773789137</v>
      </c>
    </row>
    <row r="14490" spans="1:7" x14ac:dyDescent="0.3">
      <c r="A14490" s="13" t="s">
        <v>105</v>
      </c>
      <c r="B14490" s="14" t="s">
        <v>1</v>
      </c>
      <c r="C14490" s="14" t="s">
        <v>106</v>
      </c>
      <c r="D14490" s="14" t="s">
        <v>107</v>
      </c>
      <c r="E14490" s="15">
        <v>45631</v>
      </c>
      <c r="F14490" s="14" t="s">
        <v>25</v>
      </c>
      <c r="G14490" s="16">
        <v>1.8983351336508902</v>
      </c>
    </row>
    <row r="14491" spans="1:7" x14ac:dyDescent="0.3">
      <c r="A14491" s="13" t="s">
        <v>105</v>
      </c>
      <c r="B14491" s="14" t="s">
        <v>1</v>
      </c>
      <c r="C14491" s="14" t="s">
        <v>106</v>
      </c>
      <c r="D14491" s="14" t="s">
        <v>107</v>
      </c>
      <c r="E14491" s="15">
        <v>45632</v>
      </c>
      <c r="F14491" s="14" t="s">
        <v>25</v>
      </c>
      <c r="G14491" s="16">
        <v>1.9031120659135778</v>
      </c>
    </row>
    <row r="14492" spans="1:7" x14ac:dyDescent="0.3">
      <c r="A14492" s="13" t="s">
        <v>105</v>
      </c>
      <c r="B14492" s="14" t="s">
        <v>1</v>
      </c>
      <c r="C14492" s="14" t="s">
        <v>106</v>
      </c>
      <c r="D14492" s="14" t="s">
        <v>107</v>
      </c>
      <c r="E14492" s="15">
        <v>45633</v>
      </c>
      <c r="F14492" s="14" t="s">
        <v>25</v>
      </c>
      <c r="G14492" s="16">
        <v>1.9031120659135778</v>
      </c>
    </row>
    <row r="14493" spans="1:7" x14ac:dyDescent="0.3">
      <c r="A14493" s="13" t="s">
        <v>105</v>
      </c>
      <c r="B14493" s="14" t="s">
        <v>1</v>
      </c>
      <c r="C14493" s="14" t="s">
        <v>106</v>
      </c>
      <c r="D14493" s="14" t="s">
        <v>107</v>
      </c>
      <c r="E14493" s="15">
        <v>45634</v>
      </c>
      <c r="F14493" s="14" t="s">
        <v>25</v>
      </c>
      <c r="G14493" s="16">
        <v>1.9031120659135778</v>
      </c>
    </row>
    <row r="14494" spans="1:7" x14ac:dyDescent="0.3">
      <c r="A14494" s="13" t="s">
        <v>105</v>
      </c>
      <c r="B14494" s="14" t="s">
        <v>1</v>
      </c>
      <c r="C14494" s="14" t="s">
        <v>106</v>
      </c>
      <c r="D14494" s="14" t="s">
        <v>107</v>
      </c>
      <c r="E14494" s="15">
        <v>45635</v>
      </c>
      <c r="F14494" s="14" t="s">
        <v>25</v>
      </c>
      <c r="G14494" s="16">
        <v>1.9079939398030066</v>
      </c>
    </row>
    <row r="14495" spans="1:7" x14ac:dyDescent="0.3">
      <c r="A14495" s="13" t="s">
        <v>105</v>
      </c>
      <c r="B14495" s="14" t="s">
        <v>1</v>
      </c>
      <c r="C14495" s="14" t="s">
        <v>106</v>
      </c>
      <c r="D14495" s="14" t="s">
        <v>107</v>
      </c>
      <c r="E14495" s="15">
        <v>45636</v>
      </c>
      <c r="F14495" s="14" t="s">
        <v>25</v>
      </c>
      <c r="G14495" s="16">
        <v>1.9225173445418318</v>
      </c>
    </row>
    <row r="14496" spans="1:7" x14ac:dyDescent="0.3">
      <c r="A14496" s="13" t="s">
        <v>105</v>
      </c>
      <c r="B14496" s="14" t="s">
        <v>1</v>
      </c>
      <c r="C14496" s="14" t="s">
        <v>106</v>
      </c>
      <c r="D14496" s="14" t="s">
        <v>107</v>
      </c>
      <c r="E14496" s="15">
        <v>45637</v>
      </c>
      <c r="F14496" s="14" t="s">
        <v>25</v>
      </c>
      <c r="G14496" s="16">
        <v>1.9273520123322416</v>
      </c>
    </row>
    <row r="14497" spans="1:7" x14ac:dyDescent="0.3">
      <c r="A14497" s="13" t="s">
        <v>105</v>
      </c>
      <c r="B14497" s="14" t="s">
        <v>1</v>
      </c>
      <c r="C14497" s="14" t="s">
        <v>106</v>
      </c>
      <c r="D14497" s="14" t="s">
        <v>107</v>
      </c>
      <c r="E14497" s="15">
        <v>45638</v>
      </c>
      <c r="F14497" s="14" t="s">
        <v>25</v>
      </c>
      <c r="G14497" s="16">
        <v>1.9322104091222649</v>
      </c>
    </row>
    <row r="14498" spans="1:7" x14ac:dyDescent="0.3">
      <c r="A14498" s="13" t="s">
        <v>105</v>
      </c>
      <c r="B14498" s="14" t="s">
        <v>1</v>
      </c>
      <c r="C14498" s="14" t="s">
        <v>106</v>
      </c>
      <c r="D14498" s="14" t="s">
        <v>107</v>
      </c>
      <c r="E14498" s="15">
        <v>45639</v>
      </c>
      <c r="F14498" s="14" t="s">
        <v>25</v>
      </c>
      <c r="G14498" s="16">
        <v>1.9371008979988149</v>
      </c>
    </row>
    <row r="14499" spans="1:7" x14ac:dyDescent="0.3">
      <c r="A14499" s="13" t="s">
        <v>105</v>
      </c>
      <c r="B14499" s="14" t="s">
        <v>1</v>
      </c>
      <c r="C14499" s="14" t="s">
        <v>106</v>
      </c>
      <c r="D14499" s="14" t="s">
        <v>107</v>
      </c>
      <c r="E14499" s="15">
        <v>45640</v>
      </c>
      <c r="F14499" s="14" t="s">
        <v>25</v>
      </c>
      <c r="G14499" s="16">
        <v>1.9371008979988149</v>
      </c>
    </row>
    <row r="14500" spans="1:7" x14ac:dyDescent="0.3">
      <c r="A14500" s="13" t="s">
        <v>105</v>
      </c>
      <c r="B14500" s="14" t="s">
        <v>1</v>
      </c>
      <c r="C14500" s="14" t="s">
        <v>106</v>
      </c>
      <c r="D14500" s="14" t="s">
        <v>107</v>
      </c>
      <c r="E14500" s="15">
        <v>45641</v>
      </c>
      <c r="F14500" s="14" t="s">
        <v>25</v>
      </c>
      <c r="G14500" s="16">
        <v>1.9371008979988149</v>
      </c>
    </row>
    <row r="14501" spans="1:7" x14ac:dyDescent="0.3">
      <c r="A14501" s="13" t="s">
        <v>105</v>
      </c>
      <c r="B14501" s="14" t="s">
        <v>1</v>
      </c>
      <c r="C14501" s="14" t="s">
        <v>106</v>
      </c>
      <c r="D14501" s="14" t="s">
        <v>107</v>
      </c>
      <c r="E14501" s="15">
        <v>45642</v>
      </c>
      <c r="F14501" s="14" t="s">
        <v>25</v>
      </c>
      <c r="G14501" s="16">
        <v>1.9418424130922274</v>
      </c>
    </row>
    <row r="14502" spans="1:7" x14ac:dyDescent="0.3">
      <c r="A14502" s="13" t="s">
        <v>105</v>
      </c>
      <c r="B14502" s="14" t="s">
        <v>1</v>
      </c>
      <c r="C14502" s="14" t="s">
        <v>106</v>
      </c>
      <c r="D14502" s="14" t="s">
        <v>107</v>
      </c>
      <c r="E14502" s="15">
        <v>45643</v>
      </c>
      <c r="F14502" s="14" t="s">
        <v>25</v>
      </c>
      <c r="G14502" s="16">
        <v>1.9559974893466034</v>
      </c>
    </row>
    <row r="14503" spans="1:7" x14ac:dyDescent="0.3">
      <c r="A14503" s="13" t="s">
        <v>105</v>
      </c>
      <c r="B14503" s="14" t="s">
        <v>1</v>
      </c>
      <c r="C14503" s="14" t="s">
        <v>106</v>
      </c>
      <c r="D14503" s="14" t="s">
        <v>107</v>
      </c>
      <c r="E14503" s="15">
        <v>45644</v>
      </c>
      <c r="F14503" s="14" t="s">
        <v>25</v>
      </c>
      <c r="G14503" s="16">
        <v>1.960046732287805</v>
      </c>
    </row>
    <row r="14504" spans="1:7" x14ac:dyDescent="0.3">
      <c r="A14504" s="13" t="s">
        <v>105</v>
      </c>
      <c r="B14504" s="14" t="s">
        <v>1</v>
      </c>
      <c r="C14504" s="14" t="s">
        <v>106</v>
      </c>
      <c r="D14504" s="14" t="s">
        <v>107</v>
      </c>
      <c r="E14504" s="15">
        <v>45645</v>
      </c>
      <c r="F14504" s="14" t="s">
        <v>25</v>
      </c>
      <c r="G14504" s="16">
        <v>1.9648212463084935</v>
      </c>
    </row>
    <row r="14505" spans="1:7" x14ac:dyDescent="0.3">
      <c r="A14505" s="13" t="s">
        <v>105</v>
      </c>
      <c r="B14505" s="14" t="s">
        <v>1</v>
      </c>
      <c r="C14505" s="14" t="s">
        <v>106</v>
      </c>
      <c r="D14505" s="14" t="s">
        <v>107</v>
      </c>
      <c r="E14505" s="15">
        <v>45646</v>
      </c>
      <c r="F14505" s="14" t="s">
        <v>25</v>
      </c>
      <c r="G14505" s="16">
        <v>1.9696999463436129</v>
      </c>
    </row>
    <row r="14506" spans="1:7" x14ac:dyDescent="0.3">
      <c r="A14506" s="13" t="s">
        <v>105</v>
      </c>
      <c r="B14506" s="14" t="s">
        <v>1</v>
      </c>
      <c r="C14506" s="14" t="s">
        <v>106</v>
      </c>
      <c r="D14506" s="14" t="s">
        <v>107</v>
      </c>
      <c r="E14506" s="15">
        <v>45647</v>
      </c>
      <c r="F14506" s="14" t="s">
        <v>25</v>
      </c>
      <c r="G14506" s="16">
        <v>1.9696999463436129</v>
      </c>
    </row>
    <row r="14507" spans="1:7" x14ac:dyDescent="0.3">
      <c r="A14507" s="13" t="s">
        <v>105</v>
      </c>
      <c r="B14507" s="14" t="s">
        <v>1</v>
      </c>
      <c r="C14507" s="14" t="s">
        <v>106</v>
      </c>
      <c r="D14507" s="14" t="s">
        <v>107</v>
      </c>
      <c r="E14507" s="15">
        <v>45648</v>
      </c>
      <c r="F14507" s="14" t="s">
        <v>25</v>
      </c>
      <c r="G14507" s="16">
        <v>1.9696999463436129</v>
      </c>
    </row>
    <row r="14508" spans="1:7" x14ac:dyDescent="0.3">
      <c r="A14508" s="13" t="s">
        <v>105</v>
      </c>
      <c r="B14508" s="14" t="s">
        <v>1</v>
      </c>
      <c r="C14508" s="14" t="s">
        <v>106</v>
      </c>
      <c r="D14508" s="14" t="s">
        <v>107</v>
      </c>
      <c r="E14508" s="15">
        <v>45649</v>
      </c>
      <c r="F14508" s="14" t="s">
        <v>25</v>
      </c>
      <c r="G14508" s="16">
        <v>1.9746368248915755</v>
      </c>
    </row>
    <row r="14509" spans="1:7" x14ac:dyDescent="0.3">
      <c r="A14509" s="13" t="s">
        <v>105</v>
      </c>
      <c r="B14509" s="14" t="s">
        <v>1</v>
      </c>
      <c r="C14509" s="14" t="s">
        <v>106</v>
      </c>
      <c r="D14509" s="14" t="s">
        <v>107</v>
      </c>
      <c r="E14509" s="15">
        <v>45650</v>
      </c>
      <c r="F14509" s="14" t="s">
        <v>25</v>
      </c>
      <c r="G14509" s="16">
        <v>1.989215595682748</v>
      </c>
    </row>
    <row r="14510" spans="1:7" x14ac:dyDescent="0.3">
      <c r="A14510" s="13" t="s">
        <v>105</v>
      </c>
      <c r="B14510" s="14" t="s">
        <v>1</v>
      </c>
      <c r="C14510" s="14" t="s">
        <v>106</v>
      </c>
      <c r="D14510" s="14" t="s">
        <v>107</v>
      </c>
      <c r="E14510" s="15">
        <v>45651</v>
      </c>
      <c r="F14510" s="14" t="s">
        <v>25</v>
      </c>
      <c r="G14510" s="16">
        <v>1.989215595682748</v>
      </c>
    </row>
    <row r="14511" spans="1:7" x14ac:dyDescent="0.3">
      <c r="A14511" s="13" t="s">
        <v>105</v>
      </c>
      <c r="B14511" s="14" t="s">
        <v>1</v>
      </c>
      <c r="C14511" s="14" t="s">
        <v>106</v>
      </c>
      <c r="D14511" s="14" t="s">
        <v>107</v>
      </c>
      <c r="E14511" s="15">
        <v>45652</v>
      </c>
      <c r="F14511" s="14" t="s">
        <v>25</v>
      </c>
      <c r="G14511" s="16">
        <v>1.989215595682748</v>
      </c>
    </row>
    <row r="14512" spans="1:7" x14ac:dyDescent="0.3">
      <c r="A14512" s="13" t="s">
        <v>105</v>
      </c>
      <c r="B14512" s="14" t="s">
        <v>1</v>
      </c>
      <c r="C14512" s="14" t="s">
        <v>106</v>
      </c>
      <c r="D14512" s="14" t="s">
        <v>107</v>
      </c>
      <c r="E14512" s="15">
        <v>45653</v>
      </c>
      <c r="F14512" s="14" t="s">
        <v>25</v>
      </c>
      <c r="G14512" s="16">
        <v>1.989215595682748</v>
      </c>
    </row>
    <row r="14513" spans="1:7" x14ac:dyDescent="0.3">
      <c r="A14513" s="13" t="s">
        <v>105</v>
      </c>
      <c r="B14513" s="14" t="s">
        <v>1</v>
      </c>
      <c r="C14513" s="14" t="s">
        <v>106</v>
      </c>
      <c r="D14513" s="14" t="s">
        <v>107</v>
      </c>
      <c r="E14513" s="15">
        <v>45654</v>
      </c>
      <c r="F14513" s="14" t="s">
        <v>25</v>
      </c>
      <c r="G14513" s="16">
        <v>1.989215595682748</v>
      </c>
    </row>
    <row r="14514" spans="1:7" x14ac:dyDescent="0.3">
      <c r="A14514" s="13" t="s">
        <v>105</v>
      </c>
      <c r="B14514" s="14" t="s">
        <v>1</v>
      </c>
      <c r="C14514" s="14" t="s">
        <v>106</v>
      </c>
      <c r="D14514" s="14" t="s">
        <v>107</v>
      </c>
      <c r="E14514" s="15">
        <v>45655</v>
      </c>
      <c r="F14514" s="14" t="s">
        <v>25</v>
      </c>
      <c r="G14514" s="16">
        <v>1.989215595682748</v>
      </c>
    </row>
    <row r="14515" spans="1:7" x14ac:dyDescent="0.3">
      <c r="A14515" s="13" t="s">
        <v>105</v>
      </c>
      <c r="B14515" s="14" t="s">
        <v>1</v>
      </c>
      <c r="C14515" s="14" t="s">
        <v>106</v>
      </c>
      <c r="D14515" s="14" t="s">
        <v>107</v>
      </c>
      <c r="E14515" s="15">
        <v>45656</v>
      </c>
      <c r="F14515" s="14" t="s">
        <v>25</v>
      </c>
      <c r="G14515" s="16">
        <v>1.9940765705355425</v>
      </c>
    </row>
    <row r="14516" spans="1:7" x14ac:dyDescent="0.3">
      <c r="A14516" s="13" t="s">
        <v>105</v>
      </c>
      <c r="B14516" s="14" t="s">
        <v>1</v>
      </c>
      <c r="C14516" s="14" t="s">
        <v>106</v>
      </c>
      <c r="D14516" s="14" t="s">
        <v>107</v>
      </c>
      <c r="E14516" s="15">
        <v>45657</v>
      </c>
      <c r="F14516" s="14" t="s">
        <v>25</v>
      </c>
      <c r="G14516" s="16">
        <v>2.0245815737601083</v>
      </c>
    </row>
    <row r="14517" spans="1:7" x14ac:dyDescent="0.3">
      <c r="A14517" s="13" t="s">
        <v>105</v>
      </c>
      <c r="B14517" s="14" t="s">
        <v>1</v>
      </c>
      <c r="C14517" s="14" t="s">
        <v>106</v>
      </c>
      <c r="D14517" s="14" t="s">
        <v>107</v>
      </c>
      <c r="E14517" s="15">
        <v>45658</v>
      </c>
      <c r="F14517" s="14" t="s">
        <v>25</v>
      </c>
      <c r="G14517" s="16">
        <v>2.0245815737601083</v>
      </c>
    </row>
    <row r="14518" spans="1:7" x14ac:dyDescent="0.3">
      <c r="A14518" s="13" t="s">
        <v>105</v>
      </c>
      <c r="B14518" s="14" t="s">
        <v>1</v>
      </c>
      <c r="C14518" s="14" t="s">
        <v>106</v>
      </c>
      <c r="D14518" s="14" t="s">
        <v>107</v>
      </c>
      <c r="E14518" s="15">
        <v>45659</v>
      </c>
      <c r="F14518" s="14" t="s">
        <v>25</v>
      </c>
      <c r="G14518" s="16">
        <v>2.0245815737601083</v>
      </c>
    </row>
    <row r="14519" spans="1:7" x14ac:dyDescent="0.3">
      <c r="A14519" s="13" t="s">
        <v>105</v>
      </c>
      <c r="B14519" s="14" t="s">
        <v>1</v>
      </c>
      <c r="C14519" s="14" t="s">
        <v>106</v>
      </c>
      <c r="D14519" s="14" t="s">
        <v>107</v>
      </c>
      <c r="E14519" s="15">
        <v>45660</v>
      </c>
      <c r="F14519" s="14" t="s">
        <v>25</v>
      </c>
      <c r="G14519" s="16">
        <v>2.0297279098223657</v>
      </c>
    </row>
    <row r="14520" spans="1:7" x14ac:dyDescent="0.3">
      <c r="A14520" s="13" t="s">
        <v>105</v>
      </c>
      <c r="B14520" s="14" t="s">
        <v>1</v>
      </c>
      <c r="C14520" s="14" t="s">
        <v>106</v>
      </c>
      <c r="D14520" s="14" t="s">
        <v>107</v>
      </c>
      <c r="E14520" s="15">
        <v>45661</v>
      </c>
      <c r="F14520" s="14" t="s">
        <v>25</v>
      </c>
      <c r="G14520" s="16">
        <v>2.0297279098223657</v>
      </c>
    </row>
    <row r="14521" spans="1:7" x14ac:dyDescent="0.3">
      <c r="A14521" s="13" t="s">
        <v>105</v>
      </c>
      <c r="B14521" s="14" t="s">
        <v>1</v>
      </c>
      <c r="C14521" s="14" t="s">
        <v>106</v>
      </c>
      <c r="D14521" s="14" t="s">
        <v>107</v>
      </c>
      <c r="E14521" s="15">
        <v>45662</v>
      </c>
      <c r="F14521" s="14" t="s">
        <v>25</v>
      </c>
      <c r="G14521" s="16">
        <v>2.0297279098223657</v>
      </c>
    </row>
    <row r="14522" spans="1:7" x14ac:dyDescent="0.3">
      <c r="A14522" s="13" t="s">
        <v>105</v>
      </c>
      <c r="B14522" s="14" t="s">
        <v>1</v>
      </c>
      <c r="C14522" s="14" t="s">
        <v>106</v>
      </c>
      <c r="D14522" s="14" t="s">
        <v>107</v>
      </c>
      <c r="E14522" s="15">
        <v>45663</v>
      </c>
      <c r="F14522" s="14" t="s">
        <v>25</v>
      </c>
      <c r="G14522" s="16">
        <v>2.0443962819674781</v>
      </c>
    </row>
    <row r="14523" spans="1:7" x14ac:dyDescent="0.3">
      <c r="A14523" s="13" t="s">
        <v>105</v>
      </c>
      <c r="B14523" s="14" t="s">
        <v>1</v>
      </c>
      <c r="C14523" s="14" t="s">
        <v>106</v>
      </c>
      <c r="D14523" s="14" t="s">
        <v>107</v>
      </c>
      <c r="E14523" s="15">
        <v>45664</v>
      </c>
      <c r="F14523" s="14" t="s">
        <v>25</v>
      </c>
      <c r="G14523" s="16">
        <v>2.0724575871403039</v>
      </c>
    </row>
    <row r="14524" spans="1:7" x14ac:dyDescent="0.3">
      <c r="A14524" s="13" t="s">
        <v>105</v>
      </c>
      <c r="B14524" s="14" t="s">
        <v>1</v>
      </c>
      <c r="C14524" s="14" t="s">
        <v>106</v>
      </c>
      <c r="D14524" s="14" t="s">
        <v>107</v>
      </c>
      <c r="E14524" s="15">
        <v>45665</v>
      </c>
      <c r="F14524" s="14" t="s">
        <v>25</v>
      </c>
      <c r="G14524" s="16">
        <v>2.0774040271774825</v>
      </c>
    </row>
    <row r="14525" spans="1:7" x14ac:dyDescent="0.3">
      <c r="A14525" s="13" t="s">
        <v>105</v>
      </c>
      <c r="B14525" s="14" t="s">
        <v>1</v>
      </c>
      <c r="C14525" s="14" t="s">
        <v>106</v>
      </c>
      <c r="D14525" s="14" t="s">
        <v>107</v>
      </c>
      <c r="E14525" s="15">
        <v>45666</v>
      </c>
      <c r="F14525" s="14" t="s">
        <v>25</v>
      </c>
      <c r="G14525" s="16">
        <v>2.0823836322399698</v>
      </c>
    </row>
    <row r="14526" spans="1:7" x14ac:dyDescent="0.3">
      <c r="A14526" s="13" t="s">
        <v>105</v>
      </c>
      <c r="B14526" s="14" t="s">
        <v>1</v>
      </c>
      <c r="C14526" s="14" t="s">
        <v>106</v>
      </c>
      <c r="D14526" s="14" t="s">
        <v>107</v>
      </c>
      <c r="E14526" s="15">
        <v>45667</v>
      </c>
      <c r="F14526" s="14" t="s">
        <v>25</v>
      </c>
      <c r="G14526" s="16">
        <v>2.087375516917291</v>
      </c>
    </row>
    <row r="14527" spans="1:7" x14ac:dyDescent="0.3">
      <c r="A14527" s="13" t="s">
        <v>105</v>
      </c>
      <c r="B14527" s="14" t="s">
        <v>1</v>
      </c>
      <c r="C14527" s="14" t="s">
        <v>106</v>
      </c>
      <c r="D14527" s="14" t="s">
        <v>107</v>
      </c>
      <c r="E14527" s="15">
        <v>45668</v>
      </c>
      <c r="F14527" s="14" t="s">
        <v>25</v>
      </c>
      <c r="G14527" s="16">
        <v>2.087375516917291</v>
      </c>
    </row>
    <row r="14528" spans="1:7" x14ac:dyDescent="0.3">
      <c r="A14528" s="13" t="s">
        <v>105</v>
      </c>
      <c r="B14528" s="14" t="s">
        <v>1</v>
      </c>
      <c r="C14528" s="14" t="s">
        <v>106</v>
      </c>
      <c r="D14528" s="14" t="s">
        <v>107</v>
      </c>
      <c r="E14528" s="15">
        <v>45669</v>
      </c>
      <c r="F14528" s="14" t="s">
        <v>25</v>
      </c>
      <c r="G14528" s="16">
        <v>2.087375516917291</v>
      </c>
    </row>
    <row r="14529" spans="1:7" x14ac:dyDescent="0.3">
      <c r="A14529" s="13" t="s">
        <v>105</v>
      </c>
      <c r="B14529" s="14" t="s">
        <v>1</v>
      </c>
      <c r="C14529" s="14" t="s">
        <v>106</v>
      </c>
      <c r="D14529" s="14" t="s">
        <v>107</v>
      </c>
      <c r="E14529" s="15">
        <v>45670</v>
      </c>
      <c r="F14529" s="14" t="s">
        <v>25</v>
      </c>
      <c r="G14529" s="16">
        <v>2.0928317119489366</v>
      </c>
    </row>
    <row r="14530" spans="1:7" x14ac:dyDescent="0.3">
      <c r="A14530" s="13" t="s">
        <v>105</v>
      </c>
      <c r="B14530" s="14" t="s">
        <v>1</v>
      </c>
      <c r="C14530" s="14" t="s">
        <v>106</v>
      </c>
      <c r="D14530" s="14" t="s">
        <v>107</v>
      </c>
      <c r="E14530" s="15">
        <v>45671</v>
      </c>
      <c r="F14530" s="14" t="s">
        <v>25</v>
      </c>
      <c r="G14530" s="16">
        <v>2.1079689238145014</v>
      </c>
    </row>
    <row r="14531" spans="1:7" x14ac:dyDescent="0.3">
      <c r="A14531" s="13" t="s">
        <v>105</v>
      </c>
      <c r="B14531" s="14" t="s">
        <v>1</v>
      </c>
      <c r="C14531" s="14" t="s">
        <v>106</v>
      </c>
      <c r="D14531" s="14" t="s">
        <v>107</v>
      </c>
      <c r="E14531" s="15">
        <v>45672</v>
      </c>
      <c r="F14531" s="14" t="s">
        <v>25</v>
      </c>
      <c r="G14531" s="16">
        <v>2.112982448796652</v>
      </c>
    </row>
    <row r="14532" spans="1:7" x14ac:dyDescent="0.3">
      <c r="A14532" s="13" t="s">
        <v>105</v>
      </c>
      <c r="B14532" s="14" t="s">
        <v>1</v>
      </c>
      <c r="C14532" s="14" t="s">
        <v>106</v>
      </c>
      <c r="D14532" s="14" t="s">
        <v>107</v>
      </c>
      <c r="E14532" s="15">
        <v>45673</v>
      </c>
      <c r="F14532" s="14" t="s">
        <v>25</v>
      </c>
      <c r="G14532" s="16">
        <v>2.1179721191171996</v>
      </c>
    </row>
    <row r="14533" spans="1:7" x14ac:dyDescent="0.3">
      <c r="A14533" s="13" t="s">
        <v>105</v>
      </c>
      <c r="B14533" s="14" t="s">
        <v>1</v>
      </c>
      <c r="C14533" s="14" t="s">
        <v>106</v>
      </c>
      <c r="D14533" s="14" t="s">
        <v>107</v>
      </c>
      <c r="E14533" s="15">
        <v>45674</v>
      </c>
      <c r="F14533" s="14" t="s">
        <v>25</v>
      </c>
      <c r="G14533" s="16">
        <v>2.1657233233761359</v>
      </c>
    </row>
    <row r="14534" spans="1:7" x14ac:dyDescent="0.3">
      <c r="A14534" s="13" t="s">
        <v>105</v>
      </c>
      <c r="B14534" s="14" t="s">
        <v>1</v>
      </c>
      <c r="C14534" s="14" t="s">
        <v>106</v>
      </c>
      <c r="D14534" s="14" t="s">
        <v>107</v>
      </c>
      <c r="E14534" s="15">
        <v>45675</v>
      </c>
      <c r="F14534" s="14" t="s">
        <v>25</v>
      </c>
      <c r="G14534" s="16">
        <v>2.1657233233761359</v>
      </c>
    </row>
    <row r="14535" spans="1:7" x14ac:dyDescent="0.3">
      <c r="A14535" s="13" t="s">
        <v>105</v>
      </c>
      <c r="B14535" s="14" t="s">
        <v>1</v>
      </c>
      <c r="C14535" s="14" t="s">
        <v>106</v>
      </c>
      <c r="D14535" s="14" t="s">
        <v>107</v>
      </c>
      <c r="E14535" s="15">
        <v>45676</v>
      </c>
      <c r="F14535" s="14" t="s">
        <v>25</v>
      </c>
      <c r="G14535" s="16">
        <v>2.1657233233761359</v>
      </c>
    </row>
    <row r="14536" spans="1:7" x14ac:dyDescent="0.3">
      <c r="A14536" s="13" t="s">
        <v>105</v>
      </c>
      <c r="B14536" s="14" t="s">
        <v>1</v>
      </c>
      <c r="C14536" s="14" t="s">
        <v>106</v>
      </c>
      <c r="D14536" s="14" t="s">
        <v>107</v>
      </c>
      <c r="E14536" s="15">
        <v>45677</v>
      </c>
      <c r="F14536" s="14" t="s">
        <v>25</v>
      </c>
      <c r="G14536" s="16">
        <v>2.1725734478072689</v>
      </c>
    </row>
    <row r="14537" spans="1:7" x14ac:dyDescent="0.3">
      <c r="A14537" s="13" t="s">
        <v>105</v>
      </c>
      <c r="B14537" s="14" t="s">
        <v>1</v>
      </c>
      <c r="C14537" s="14" t="s">
        <v>106</v>
      </c>
      <c r="D14537" s="14" t="s">
        <v>107</v>
      </c>
      <c r="E14537" s="15">
        <v>45678</v>
      </c>
      <c r="F14537" s="14" t="s">
        <v>25</v>
      </c>
      <c r="G14537" s="16">
        <v>2.186598792308887</v>
      </c>
    </row>
    <row r="14538" spans="1:7" x14ac:dyDescent="0.3">
      <c r="A14538" s="13" t="s">
        <v>105</v>
      </c>
      <c r="B14538" s="14" t="s">
        <v>1</v>
      </c>
      <c r="C14538" s="14" t="s">
        <v>106</v>
      </c>
      <c r="D14538" s="14" t="s">
        <v>107</v>
      </c>
      <c r="E14538" s="15">
        <v>45679</v>
      </c>
      <c r="F14538" s="14" t="s">
        <v>25</v>
      </c>
      <c r="G14538" s="16">
        <v>2.1913795889170027</v>
      </c>
    </row>
    <row r="14539" spans="1:7" x14ac:dyDescent="0.3">
      <c r="A14539" s="13" t="s">
        <v>105</v>
      </c>
      <c r="B14539" s="14" t="s">
        <v>1</v>
      </c>
      <c r="C14539" s="14" t="s">
        <v>106</v>
      </c>
      <c r="D14539" s="14" t="s">
        <v>107</v>
      </c>
      <c r="E14539" s="15">
        <v>45680</v>
      </c>
      <c r="F14539" s="14" t="s">
        <v>25</v>
      </c>
      <c r="G14539" s="16">
        <v>2.1961339670781168</v>
      </c>
    </row>
    <row r="14540" spans="1:7" x14ac:dyDescent="0.3">
      <c r="A14540" s="13" t="s">
        <v>105</v>
      </c>
      <c r="B14540" s="14" t="s">
        <v>1</v>
      </c>
      <c r="C14540" s="14" t="s">
        <v>106</v>
      </c>
      <c r="D14540" s="14" t="s">
        <v>107</v>
      </c>
      <c r="E14540" s="15">
        <v>45681</v>
      </c>
      <c r="F14540" s="14" t="s">
        <v>25</v>
      </c>
      <c r="G14540" s="16">
        <v>2.2009009108454789</v>
      </c>
    </row>
    <row r="14541" spans="1:7" x14ac:dyDescent="0.3">
      <c r="A14541" s="13" t="s">
        <v>105</v>
      </c>
      <c r="B14541" s="14" t="s">
        <v>1</v>
      </c>
      <c r="C14541" s="14" t="s">
        <v>106</v>
      </c>
      <c r="D14541" s="14" t="s">
        <v>107</v>
      </c>
      <c r="E14541" s="15">
        <v>45682</v>
      </c>
      <c r="F14541" s="14" t="s">
        <v>25</v>
      </c>
      <c r="G14541" s="16">
        <v>2.2009009108454789</v>
      </c>
    </row>
    <row r="14542" spans="1:7" x14ac:dyDescent="0.3">
      <c r="A14542" s="13" t="s">
        <v>105</v>
      </c>
      <c r="B14542" s="14" t="s">
        <v>1</v>
      </c>
      <c r="C14542" s="14" t="s">
        <v>106</v>
      </c>
      <c r="D14542" s="14" t="s">
        <v>107</v>
      </c>
      <c r="E14542" s="15">
        <v>45683</v>
      </c>
      <c r="F14542" s="14" t="s">
        <v>25</v>
      </c>
      <c r="G14542" s="16">
        <v>2.2009009108454789</v>
      </c>
    </row>
    <row r="14543" spans="1:7" x14ac:dyDescent="0.3">
      <c r="A14543" s="13" t="s">
        <v>105</v>
      </c>
      <c r="B14543" s="14" t="s">
        <v>1</v>
      </c>
      <c r="C14543" s="14" t="s">
        <v>106</v>
      </c>
      <c r="D14543" s="14" t="s">
        <v>107</v>
      </c>
      <c r="E14543" s="15">
        <v>45684</v>
      </c>
      <c r="F14543" s="14" t="s">
        <v>25</v>
      </c>
      <c r="G14543" s="16">
        <v>2.2093899922829983</v>
      </c>
    </row>
    <row r="14544" spans="1:7" x14ac:dyDescent="0.3">
      <c r="A14544" s="13" t="s">
        <v>105</v>
      </c>
      <c r="B14544" s="14" t="s">
        <v>1</v>
      </c>
      <c r="C14544" s="14" t="s">
        <v>106</v>
      </c>
      <c r="D14544" s="14" t="s">
        <v>107</v>
      </c>
      <c r="E14544" s="15">
        <v>45685</v>
      </c>
      <c r="F14544" s="14" t="s">
        <v>25</v>
      </c>
      <c r="G14544" s="16">
        <v>2.2233667388353058</v>
      </c>
    </row>
    <row r="14545" spans="1:7" x14ac:dyDescent="0.3">
      <c r="A14545" s="13" t="s">
        <v>105</v>
      </c>
      <c r="B14545" s="14" t="s">
        <v>1</v>
      </c>
      <c r="C14545" s="14" t="s">
        <v>106</v>
      </c>
      <c r="D14545" s="14" t="s">
        <v>107</v>
      </c>
      <c r="E14545" s="15">
        <v>45686</v>
      </c>
      <c r="F14545" s="14" t="s">
        <v>25</v>
      </c>
      <c r="G14545" s="16">
        <v>2.2280964287881861</v>
      </c>
    </row>
    <row r="14546" spans="1:7" x14ac:dyDescent="0.3">
      <c r="A14546" s="13" t="s">
        <v>105</v>
      </c>
      <c r="B14546" s="14" t="s">
        <v>1</v>
      </c>
      <c r="C14546" s="14" t="s">
        <v>106</v>
      </c>
      <c r="D14546" s="14" t="s">
        <v>107</v>
      </c>
      <c r="E14546" s="15">
        <v>45687</v>
      </c>
      <c r="F14546" s="14" t="s">
        <v>25</v>
      </c>
      <c r="G14546" s="16">
        <v>2.2328157372488513</v>
      </c>
    </row>
    <row r="14547" spans="1:7" x14ac:dyDescent="0.3">
      <c r="A14547" s="13" t="s">
        <v>105</v>
      </c>
      <c r="B14547" s="14" t="s">
        <v>1</v>
      </c>
      <c r="C14547" s="14" t="s">
        <v>106</v>
      </c>
      <c r="D14547" s="14" t="s">
        <v>107</v>
      </c>
      <c r="E14547" s="15">
        <v>45688</v>
      </c>
      <c r="F14547" s="14" t="s">
        <v>25</v>
      </c>
      <c r="G14547" s="16">
        <v>2.2375398101624655</v>
      </c>
    </row>
    <row r="14548" spans="1:7" x14ac:dyDescent="0.3">
      <c r="A14548" s="13" t="s">
        <v>105</v>
      </c>
      <c r="B14548" s="14" t="s">
        <v>1</v>
      </c>
      <c r="C14548" s="14" t="s">
        <v>106</v>
      </c>
      <c r="D14548" s="14" t="s">
        <v>107</v>
      </c>
      <c r="E14548" s="15">
        <v>45689</v>
      </c>
      <c r="F14548" s="14" t="s">
        <v>25</v>
      </c>
      <c r="G14548" s="16">
        <v>2.2375398101624655</v>
      </c>
    </row>
    <row r="14549" spans="1:7" x14ac:dyDescent="0.3">
      <c r="A14549" s="13" t="s">
        <v>105</v>
      </c>
      <c r="B14549" s="14" t="s">
        <v>1</v>
      </c>
      <c r="C14549" s="14" t="s">
        <v>106</v>
      </c>
      <c r="D14549" s="14" t="s">
        <v>107</v>
      </c>
      <c r="E14549" s="15">
        <v>45690</v>
      </c>
      <c r="F14549" s="14" t="s">
        <v>25</v>
      </c>
      <c r="G14549" s="16">
        <v>2.2375398101624655</v>
      </c>
    </row>
    <row r="14550" spans="1:7" x14ac:dyDescent="0.3">
      <c r="A14550" s="13" t="s">
        <v>105</v>
      </c>
      <c r="B14550" s="14" t="s">
        <v>1</v>
      </c>
      <c r="C14550" s="14" t="s">
        <v>106</v>
      </c>
      <c r="D14550" s="14" t="s">
        <v>107</v>
      </c>
      <c r="E14550" s="15">
        <v>45691</v>
      </c>
      <c r="F14550" s="14" t="s">
        <v>25</v>
      </c>
      <c r="G14550" s="16">
        <v>2.2375398101624655</v>
      </c>
    </row>
    <row r="14551" spans="1:7" x14ac:dyDescent="0.3">
      <c r="A14551" s="13" t="s">
        <v>105</v>
      </c>
      <c r="B14551" s="14" t="s">
        <v>1</v>
      </c>
      <c r="C14551" s="14" t="s">
        <v>106</v>
      </c>
      <c r="D14551" s="14" t="s">
        <v>107</v>
      </c>
      <c r="E14551" s="15">
        <v>45692</v>
      </c>
      <c r="F14551" s="14" t="s">
        <v>25</v>
      </c>
      <c r="G14551" s="16">
        <v>2.2421187582335449</v>
      </c>
    </row>
    <row r="14552" spans="1:7" x14ac:dyDescent="0.3">
      <c r="A14552" s="13" t="s">
        <v>105</v>
      </c>
      <c r="B14552" s="14" t="s">
        <v>1</v>
      </c>
      <c r="C14552" s="14" t="s">
        <v>106</v>
      </c>
      <c r="D14552" s="14" t="s">
        <v>107</v>
      </c>
      <c r="E14552" s="15">
        <v>45693</v>
      </c>
      <c r="F14552" s="14" t="s">
        <v>25</v>
      </c>
      <c r="G14552" s="16">
        <v>2.2780756881619215</v>
      </c>
    </row>
    <row r="14553" spans="1:7" x14ac:dyDescent="0.3">
      <c r="A14553" s="13" t="s">
        <v>105</v>
      </c>
      <c r="B14553" s="14" t="s">
        <v>1</v>
      </c>
      <c r="C14553" s="14" t="s">
        <v>106</v>
      </c>
      <c r="D14553" s="14" t="s">
        <v>107</v>
      </c>
      <c r="E14553" s="15">
        <v>45694</v>
      </c>
      <c r="F14553" s="14" t="s">
        <v>25</v>
      </c>
      <c r="G14553" s="16">
        <v>2.2830397393476387</v>
      </c>
    </row>
    <row r="14554" spans="1:7" x14ac:dyDescent="0.3">
      <c r="A14554" s="13" t="s">
        <v>105</v>
      </c>
      <c r="B14554" s="14" t="s">
        <v>1</v>
      </c>
      <c r="C14554" s="14" t="s">
        <v>106</v>
      </c>
      <c r="D14554" s="14" t="s">
        <v>107</v>
      </c>
      <c r="E14554" s="15">
        <v>45695</v>
      </c>
      <c r="F14554" s="14" t="s">
        <v>25</v>
      </c>
      <c r="G14554" s="16">
        <v>2.2967082933806671</v>
      </c>
    </row>
    <row r="14555" spans="1:7" x14ac:dyDescent="0.3">
      <c r="A14555" s="13" t="s">
        <v>105</v>
      </c>
      <c r="B14555" s="14" t="s">
        <v>1</v>
      </c>
      <c r="C14555" s="14" t="s">
        <v>106</v>
      </c>
      <c r="D14555" s="14" t="s">
        <v>107</v>
      </c>
      <c r="E14555" s="15">
        <v>45696</v>
      </c>
      <c r="F14555" s="14" t="s">
        <v>25</v>
      </c>
      <c r="G14555" s="16">
        <v>2.2967082933806671</v>
      </c>
    </row>
    <row r="14556" spans="1:7" x14ac:dyDescent="0.3">
      <c r="A14556" s="13" t="s">
        <v>105</v>
      </c>
      <c r="B14556" s="14" t="s">
        <v>1</v>
      </c>
      <c r="C14556" s="14" t="s">
        <v>106</v>
      </c>
      <c r="D14556" s="14" t="s">
        <v>107</v>
      </c>
      <c r="E14556" s="15">
        <v>45697</v>
      </c>
      <c r="F14556" s="14" t="s">
        <v>25</v>
      </c>
      <c r="G14556" s="16">
        <v>2.2967082933806671</v>
      </c>
    </row>
    <row r="14557" spans="1:7" x14ac:dyDescent="0.3">
      <c r="A14557" s="13" t="s">
        <v>105</v>
      </c>
      <c r="B14557" s="14" t="s">
        <v>1</v>
      </c>
      <c r="C14557" s="14" t="s">
        <v>106</v>
      </c>
      <c r="D14557" s="14" t="s">
        <v>107</v>
      </c>
      <c r="E14557" s="15">
        <v>45698</v>
      </c>
      <c r="F14557" s="14" t="s">
        <v>25</v>
      </c>
      <c r="G14557" s="16">
        <v>2.3017346674113015</v>
      </c>
    </row>
    <row r="14558" spans="1:7" x14ac:dyDescent="0.3">
      <c r="A14558" s="13" t="s">
        <v>105</v>
      </c>
      <c r="B14558" s="14" t="s">
        <v>1</v>
      </c>
      <c r="C14558" s="14" t="s">
        <v>106</v>
      </c>
      <c r="D14558" s="14" t="s">
        <v>107</v>
      </c>
      <c r="E14558" s="15">
        <v>45699</v>
      </c>
      <c r="F14558" s="14" t="s">
        <v>25</v>
      </c>
      <c r="G14558" s="16">
        <v>2.3168514262795816</v>
      </c>
    </row>
    <row r="14559" spans="1:7" x14ac:dyDescent="0.3">
      <c r="A14559" s="13" t="s">
        <v>105</v>
      </c>
      <c r="B14559" s="14" t="s">
        <v>1</v>
      </c>
      <c r="C14559" s="14" t="s">
        <v>106</v>
      </c>
      <c r="D14559" s="14" t="s">
        <v>107</v>
      </c>
      <c r="E14559" s="15">
        <v>45700</v>
      </c>
      <c r="F14559" s="14" t="s">
        <v>25</v>
      </c>
      <c r="G14559" s="16">
        <v>2.3219134916968214</v>
      </c>
    </row>
    <row r="14560" spans="1:7" x14ac:dyDescent="0.3">
      <c r="A14560" s="13" t="s">
        <v>105</v>
      </c>
      <c r="B14560" s="14" t="s">
        <v>1</v>
      </c>
      <c r="C14560" s="14" t="s">
        <v>106</v>
      </c>
      <c r="D14560" s="14" t="s">
        <v>107</v>
      </c>
      <c r="E14560" s="15">
        <v>45701</v>
      </c>
      <c r="F14560" s="14" t="s">
        <v>25</v>
      </c>
      <c r="G14560" s="16">
        <v>2.3269472900457426</v>
      </c>
    </row>
    <row r="14561" spans="1:7" x14ac:dyDescent="0.3">
      <c r="A14561" s="13" t="s">
        <v>105</v>
      </c>
      <c r="B14561" s="14" t="s">
        <v>1</v>
      </c>
      <c r="C14561" s="14" t="s">
        <v>106</v>
      </c>
      <c r="D14561" s="14" t="s">
        <v>107</v>
      </c>
      <c r="E14561" s="15">
        <v>45702</v>
      </c>
      <c r="F14561" s="14" t="s">
        <v>25</v>
      </c>
      <c r="G14561" s="16">
        <v>2.3401294351037665</v>
      </c>
    </row>
    <row r="14562" spans="1:7" x14ac:dyDescent="0.3">
      <c r="A14562" s="13" t="s">
        <v>105</v>
      </c>
      <c r="B14562" s="14" t="s">
        <v>1</v>
      </c>
      <c r="C14562" s="14" t="s">
        <v>106</v>
      </c>
      <c r="D14562" s="14" t="s">
        <v>107</v>
      </c>
      <c r="E14562" s="15">
        <v>45703</v>
      </c>
      <c r="F14562" s="14" t="s">
        <v>25</v>
      </c>
      <c r="G14562" s="16">
        <v>2.3401294351037665</v>
      </c>
    </row>
    <row r="14563" spans="1:7" x14ac:dyDescent="0.3">
      <c r="A14563" s="13" t="s">
        <v>105</v>
      </c>
      <c r="B14563" s="14" t="s">
        <v>1</v>
      </c>
      <c r="C14563" s="14" t="s">
        <v>106</v>
      </c>
      <c r="D14563" s="14" t="s">
        <v>107</v>
      </c>
      <c r="E14563" s="15">
        <v>45704</v>
      </c>
      <c r="F14563" s="14" t="s">
        <v>25</v>
      </c>
      <c r="G14563" s="16">
        <v>2.3401294351037665</v>
      </c>
    </row>
    <row r="14564" spans="1:7" x14ac:dyDescent="0.3">
      <c r="A14564" s="13" t="s">
        <v>105</v>
      </c>
      <c r="B14564" s="14" t="s">
        <v>1</v>
      </c>
      <c r="C14564" s="14" t="s">
        <v>106</v>
      </c>
      <c r="D14564" s="14" t="s">
        <v>107</v>
      </c>
      <c r="E14564" s="15">
        <v>45705</v>
      </c>
      <c r="F14564" s="14" t="s">
        <v>25</v>
      </c>
      <c r="G14564" s="16">
        <v>2.3452155906685763</v>
      </c>
    </row>
    <row r="14565" spans="1:7" x14ac:dyDescent="0.3">
      <c r="A14565" s="13" t="s">
        <v>105</v>
      </c>
      <c r="B14565" s="14" t="s">
        <v>1</v>
      </c>
      <c r="C14565" s="14" t="s">
        <v>106</v>
      </c>
      <c r="D14565" s="14" t="s">
        <v>107</v>
      </c>
      <c r="E14565" s="15">
        <v>45706</v>
      </c>
      <c r="F14565" s="14" t="s">
        <v>25</v>
      </c>
      <c r="G14565" s="16">
        <v>2.3606402564798548</v>
      </c>
    </row>
    <row r="14566" spans="1:7" x14ac:dyDescent="0.3">
      <c r="A14566" s="13" t="s">
        <v>105</v>
      </c>
      <c r="B14566" s="14" t="s">
        <v>1</v>
      </c>
      <c r="C14566" s="14" t="s">
        <v>106</v>
      </c>
      <c r="D14566" s="14" t="s">
        <v>107</v>
      </c>
      <c r="E14566" s="15">
        <v>45707</v>
      </c>
      <c r="F14566" s="14" t="s">
        <v>25</v>
      </c>
      <c r="G14566" s="16">
        <v>2.3641169861978186</v>
      </c>
    </row>
    <row r="14567" spans="1:7" x14ac:dyDescent="0.3">
      <c r="A14567" s="13" t="s">
        <v>105</v>
      </c>
      <c r="B14567" s="14" t="s">
        <v>1</v>
      </c>
      <c r="C14567" s="14" t="s">
        <v>106</v>
      </c>
      <c r="D14567" s="14" t="s">
        <v>107</v>
      </c>
      <c r="E14567" s="15">
        <v>45708</v>
      </c>
      <c r="F14567" s="14" t="s">
        <v>25</v>
      </c>
      <c r="G14567" s="16">
        <v>2.3692539729284765</v>
      </c>
    </row>
    <row r="14568" spans="1:7" x14ac:dyDescent="0.3">
      <c r="A14568" s="13" t="s">
        <v>105</v>
      </c>
      <c r="B14568" s="14" t="s">
        <v>1</v>
      </c>
      <c r="C14568" s="14" t="s">
        <v>106</v>
      </c>
      <c r="D14568" s="14" t="s">
        <v>107</v>
      </c>
      <c r="E14568" s="15">
        <v>45709</v>
      </c>
      <c r="F14568" s="14" t="s">
        <v>25</v>
      </c>
      <c r="G14568" s="16">
        <v>2.3745806670717546</v>
      </c>
    </row>
    <row r="14569" spans="1:7" x14ac:dyDescent="0.3">
      <c r="A14569" s="13" t="s">
        <v>105</v>
      </c>
      <c r="B14569" s="14" t="s">
        <v>1</v>
      </c>
      <c r="C14569" s="14" t="s">
        <v>106</v>
      </c>
      <c r="D14569" s="14" t="s">
        <v>107</v>
      </c>
      <c r="E14569" s="15">
        <v>45710</v>
      </c>
      <c r="F14569" s="14" t="s">
        <v>25</v>
      </c>
      <c r="G14569" s="16">
        <v>2.3745806670717546</v>
      </c>
    </row>
    <row r="14570" spans="1:7" x14ac:dyDescent="0.3">
      <c r="A14570" s="13" t="s">
        <v>105</v>
      </c>
      <c r="B14570" s="14" t="s">
        <v>1</v>
      </c>
      <c r="C14570" s="14" t="s">
        <v>106</v>
      </c>
      <c r="D14570" s="14" t="s">
        <v>107</v>
      </c>
      <c r="E14570" s="15">
        <v>45711</v>
      </c>
      <c r="F14570" s="14" t="s">
        <v>25</v>
      </c>
      <c r="G14570" s="16">
        <v>2.3745806670717546</v>
      </c>
    </row>
    <row r="14571" spans="1:7" x14ac:dyDescent="0.3">
      <c r="A14571" s="13" t="s">
        <v>105</v>
      </c>
      <c r="B14571" s="14" t="s">
        <v>1</v>
      </c>
      <c r="C14571" s="14" t="s">
        <v>106</v>
      </c>
      <c r="D14571" s="14" t="s">
        <v>107</v>
      </c>
      <c r="E14571" s="15">
        <v>45712</v>
      </c>
      <c r="F14571" s="14" t="s">
        <v>25</v>
      </c>
      <c r="G14571" s="16">
        <v>2.3797539921237032</v>
      </c>
    </row>
    <row r="14572" spans="1:7" x14ac:dyDescent="0.3">
      <c r="A14572" s="13" t="s">
        <v>105</v>
      </c>
      <c r="B14572" s="14" t="s">
        <v>1</v>
      </c>
      <c r="C14572" s="14" t="s">
        <v>106</v>
      </c>
      <c r="D14572" s="14" t="s">
        <v>107</v>
      </c>
      <c r="E14572" s="15">
        <v>45713</v>
      </c>
      <c r="F14572" s="14" t="s">
        <v>25</v>
      </c>
      <c r="G14572" s="16">
        <v>2.3952034349398885</v>
      </c>
    </row>
    <row r="14573" spans="1:7" x14ac:dyDescent="0.3">
      <c r="A14573" s="13" t="s">
        <v>105</v>
      </c>
      <c r="B14573" s="14" t="s">
        <v>1</v>
      </c>
      <c r="C14573" s="14" t="s">
        <v>106</v>
      </c>
      <c r="D14573" s="14" t="s">
        <v>107</v>
      </c>
      <c r="E14573" s="15">
        <v>45714</v>
      </c>
      <c r="F14573" s="14" t="s">
        <v>25</v>
      </c>
      <c r="G14573" s="16">
        <v>2.4003553527220571</v>
      </c>
    </row>
    <row r="14574" spans="1:7" x14ac:dyDescent="0.3">
      <c r="A14574" s="13" t="s">
        <v>105</v>
      </c>
      <c r="B14574" s="14" t="s">
        <v>1</v>
      </c>
      <c r="C14574" s="14" t="s">
        <v>106</v>
      </c>
      <c r="D14574" s="14" t="s">
        <v>107</v>
      </c>
      <c r="E14574" s="15">
        <v>45715</v>
      </c>
      <c r="F14574" s="14" t="s">
        <v>25</v>
      </c>
      <c r="G14574" s="16">
        <v>2.4146095579158038</v>
      </c>
    </row>
    <row r="14575" spans="1:7" x14ac:dyDescent="0.3">
      <c r="A14575" s="13" t="s">
        <v>105</v>
      </c>
      <c r="B14575" s="14" t="s">
        <v>1</v>
      </c>
      <c r="C14575" s="14" t="s">
        <v>106</v>
      </c>
      <c r="D14575" s="14" t="s">
        <v>107</v>
      </c>
      <c r="E14575" s="15">
        <v>45716</v>
      </c>
      <c r="F14575" s="14" t="s">
        <v>25</v>
      </c>
      <c r="G14575" s="16">
        <v>2.4197969795243317</v>
      </c>
    </row>
    <row r="14576" spans="1:7" x14ac:dyDescent="0.3">
      <c r="A14576" s="13" t="s">
        <v>105</v>
      </c>
      <c r="B14576" s="14" t="s">
        <v>1</v>
      </c>
      <c r="C14576" s="14" t="s">
        <v>106</v>
      </c>
      <c r="D14576" s="14" t="s">
        <v>107</v>
      </c>
      <c r="E14576" s="15">
        <v>45717</v>
      </c>
      <c r="F14576" s="14" t="s">
        <v>25</v>
      </c>
      <c r="G14576" s="16">
        <v>2.4197969795243317</v>
      </c>
    </row>
    <row r="14577" spans="1:7" x14ac:dyDescent="0.3">
      <c r="A14577" s="13" t="s">
        <v>105</v>
      </c>
      <c r="B14577" s="14" t="s">
        <v>1</v>
      </c>
      <c r="C14577" s="14" t="s">
        <v>106</v>
      </c>
      <c r="D14577" s="14" t="s">
        <v>107</v>
      </c>
      <c r="E14577" s="15">
        <v>45718</v>
      </c>
      <c r="F14577" s="14" t="s">
        <v>25</v>
      </c>
      <c r="G14577" s="16">
        <v>2.4197969795243317</v>
      </c>
    </row>
    <row r="14578" spans="1:7" x14ac:dyDescent="0.3">
      <c r="A14578" s="13" t="s">
        <v>105</v>
      </c>
      <c r="B14578" s="14" t="s">
        <v>1</v>
      </c>
      <c r="C14578" s="14" t="s">
        <v>106</v>
      </c>
      <c r="D14578" s="14" t="s">
        <v>107</v>
      </c>
      <c r="E14578" s="15">
        <v>45719</v>
      </c>
      <c r="F14578" s="14" t="s">
        <v>25</v>
      </c>
      <c r="G14578" s="16">
        <v>2.4255784466871573</v>
      </c>
    </row>
    <row r="14579" spans="1:7" x14ac:dyDescent="0.3">
      <c r="A14579" s="13" t="s">
        <v>105</v>
      </c>
      <c r="B14579" s="14" t="s">
        <v>1</v>
      </c>
      <c r="C14579" s="14" t="s">
        <v>106</v>
      </c>
      <c r="D14579" s="14" t="s">
        <v>107</v>
      </c>
      <c r="E14579" s="15">
        <v>45720</v>
      </c>
      <c r="F14579" s="14" t="s">
        <v>25</v>
      </c>
      <c r="G14579" s="16">
        <v>2.4419231184474595</v>
      </c>
    </row>
    <row r="14580" spans="1:7" x14ac:dyDescent="0.3">
      <c r="A14580" s="13" t="s">
        <v>105</v>
      </c>
      <c r="B14580" s="14" t="s">
        <v>1</v>
      </c>
      <c r="C14580" s="14" t="s">
        <v>106</v>
      </c>
      <c r="D14580" s="14" t="s">
        <v>107</v>
      </c>
      <c r="E14580" s="15">
        <v>45721</v>
      </c>
      <c r="F14580" s="14" t="s">
        <v>25</v>
      </c>
      <c r="G14580" s="16">
        <v>2.4467754332904144</v>
      </c>
    </row>
    <row r="14581" spans="1:7" x14ac:dyDescent="0.3">
      <c r="A14581" s="13" t="s">
        <v>105</v>
      </c>
      <c r="B14581" s="14" t="s">
        <v>1</v>
      </c>
      <c r="C14581" s="14" t="s">
        <v>106</v>
      </c>
      <c r="D14581" s="14" t="s">
        <v>107</v>
      </c>
      <c r="E14581" s="15">
        <v>45722</v>
      </c>
      <c r="F14581" s="14" t="s">
        <v>25</v>
      </c>
      <c r="G14581" s="16">
        <v>2.4593303311015644</v>
      </c>
    </row>
    <row r="14582" spans="1:7" x14ac:dyDescent="0.3">
      <c r="A14582" s="13" t="s">
        <v>105</v>
      </c>
      <c r="B14582" s="14" t="s">
        <v>1</v>
      </c>
      <c r="C14582" s="14" t="s">
        <v>106</v>
      </c>
      <c r="D14582" s="14" t="s">
        <v>107</v>
      </c>
      <c r="E14582" s="15">
        <v>45723</v>
      </c>
      <c r="F14582" s="14" t="s">
        <v>25</v>
      </c>
      <c r="G14582" s="16">
        <v>2.4650970736134656</v>
      </c>
    </row>
    <row r="14583" spans="1:7" x14ac:dyDescent="0.3">
      <c r="A14583" s="13" t="s">
        <v>105</v>
      </c>
      <c r="B14583" s="14" t="s">
        <v>1</v>
      </c>
      <c r="C14583" s="14" t="s">
        <v>106</v>
      </c>
      <c r="D14583" s="14" t="s">
        <v>107</v>
      </c>
      <c r="E14583" s="15">
        <v>45724</v>
      </c>
      <c r="F14583" s="14" t="s">
        <v>25</v>
      </c>
      <c r="G14583" s="16">
        <v>2.4650970736134656</v>
      </c>
    </row>
    <row r="14584" spans="1:7" x14ac:dyDescent="0.3">
      <c r="A14584" s="13" t="s">
        <v>105</v>
      </c>
      <c r="B14584" s="14" t="s">
        <v>1</v>
      </c>
      <c r="C14584" s="14" t="s">
        <v>106</v>
      </c>
      <c r="D14584" s="14" t="s">
        <v>107</v>
      </c>
      <c r="E14584" s="15">
        <v>45725</v>
      </c>
      <c r="F14584" s="14" t="s">
        <v>25</v>
      </c>
      <c r="G14584" s="16">
        <v>2.4650970736134656</v>
      </c>
    </row>
    <row r="14585" spans="1:7" x14ac:dyDescent="0.3">
      <c r="A14585" s="13" t="s">
        <v>105</v>
      </c>
      <c r="B14585" s="14" t="s">
        <v>1</v>
      </c>
      <c r="C14585" s="14" t="s">
        <v>106</v>
      </c>
      <c r="D14585" s="14" t="s">
        <v>107</v>
      </c>
      <c r="E14585" s="15">
        <v>45726</v>
      </c>
      <c r="F14585" s="14" t="s">
        <v>25</v>
      </c>
      <c r="G14585" s="16">
        <v>2.4700136557853991</v>
      </c>
    </row>
    <row r="14586" spans="1:7" x14ac:dyDescent="0.3">
      <c r="A14586" s="13" t="s">
        <v>105</v>
      </c>
      <c r="B14586" s="14" t="s">
        <v>1</v>
      </c>
      <c r="C14586" s="14" t="s">
        <v>106</v>
      </c>
      <c r="D14586" s="14" t="s">
        <v>107</v>
      </c>
      <c r="E14586" s="15">
        <v>45727</v>
      </c>
      <c r="F14586" s="14" t="s">
        <v>25</v>
      </c>
      <c r="G14586" s="16">
        <v>2.4846882101099088</v>
      </c>
    </row>
    <row r="14587" spans="1:7" x14ac:dyDescent="0.3">
      <c r="A14587" s="13" t="s">
        <v>105</v>
      </c>
      <c r="B14587" s="14" t="s">
        <v>1</v>
      </c>
      <c r="C14587" s="14" t="s">
        <v>106</v>
      </c>
      <c r="D14587" s="14" t="s">
        <v>107</v>
      </c>
      <c r="E14587" s="15">
        <v>45728</v>
      </c>
      <c r="F14587" s="14" t="s">
        <v>25</v>
      </c>
      <c r="G14587" s="16">
        <v>2.4895240235080593</v>
      </c>
    </row>
    <row r="14588" spans="1:7" x14ac:dyDescent="0.3">
      <c r="A14588" s="13" t="s">
        <v>105</v>
      </c>
      <c r="B14588" s="14" t="s">
        <v>1</v>
      </c>
      <c r="C14588" s="14" t="s">
        <v>106</v>
      </c>
      <c r="D14588" s="14" t="s">
        <v>107</v>
      </c>
      <c r="E14588" s="15">
        <v>45729</v>
      </c>
      <c r="F14588" s="14" t="s">
        <v>25</v>
      </c>
      <c r="G14588" s="16">
        <v>2.4944333741140401</v>
      </c>
    </row>
    <row r="14589" spans="1:7" x14ac:dyDescent="0.3">
      <c r="A14589" s="13" t="s">
        <v>105</v>
      </c>
      <c r="B14589" s="14" t="s">
        <v>1</v>
      </c>
      <c r="C14589" s="14" t="s">
        <v>106</v>
      </c>
      <c r="D14589" s="14" t="s">
        <v>107</v>
      </c>
      <c r="E14589" s="15">
        <v>45730</v>
      </c>
      <c r="F14589" s="14" t="s">
        <v>25</v>
      </c>
      <c r="G14589" s="16">
        <v>2.4993492233569916</v>
      </c>
    </row>
    <row r="14590" spans="1:7" x14ac:dyDescent="0.3">
      <c r="A14590" s="13" t="s">
        <v>105</v>
      </c>
      <c r="B14590" s="14" t="s">
        <v>1</v>
      </c>
      <c r="C14590" s="14" t="s">
        <v>106</v>
      </c>
      <c r="D14590" s="14" t="s">
        <v>107</v>
      </c>
      <c r="E14590" s="15">
        <v>45731</v>
      </c>
      <c r="F14590" s="14" t="s">
        <v>25</v>
      </c>
      <c r="G14590" s="16">
        <v>2.4993492233569916</v>
      </c>
    </row>
    <row r="14591" spans="1:7" x14ac:dyDescent="0.3">
      <c r="A14591" s="13" t="s">
        <v>105</v>
      </c>
      <c r="B14591" s="14" t="s">
        <v>1</v>
      </c>
      <c r="C14591" s="14" t="s">
        <v>106</v>
      </c>
      <c r="D14591" s="14" t="s">
        <v>107</v>
      </c>
      <c r="E14591" s="15">
        <v>45732</v>
      </c>
      <c r="F14591" s="14" t="s">
        <v>25</v>
      </c>
      <c r="G14591" s="16">
        <v>2.4993492233569916</v>
      </c>
    </row>
    <row r="14592" spans="1:7" x14ac:dyDescent="0.3">
      <c r="A14592" s="13" t="s">
        <v>105</v>
      </c>
      <c r="B14592" s="14" t="s">
        <v>1</v>
      </c>
      <c r="C14592" s="14" t="s">
        <v>106</v>
      </c>
      <c r="D14592" s="14" t="s">
        <v>107</v>
      </c>
      <c r="E14592" s="15">
        <v>45733</v>
      </c>
      <c r="F14592" s="14" t="s">
        <v>25</v>
      </c>
      <c r="G14592" s="16">
        <v>2.4993492233569916</v>
      </c>
    </row>
    <row r="14593" spans="1:7" x14ac:dyDescent="0.3">
      <c r="A14593" s="13" t="s">
        <v>105</v>
      </c>
      <c r="B14593" s="14" t="s">
        <v>1</v>
      </c>
      <c r="C14593" s="14" t="s">
        <v>106</v>
      </c>
      <c r="D14593" s="14" t="s">
        <v>107</v>
      </c>
      <c r="E14593" s="15">
        <v>45734</v>
      </c>
      <c r="F14593" s="14" t="s">
        <v>25</v>
      </c>
      <c r="G14593" s="16">
        <v>2.5040291671917032</v>
      </c>
    </row>
    <row r="14594" spans="1:7" x14ac:dyDescent="0.3">
      <c r="A14594" s="13" t="s">
        <v>105</v>
      </c>
      <c r="B14594" s="14" t="s">
        <v>1</v>
      </c>
      <c r="C14594" s="14" t="s">
        <v>106</v>
      </c>
      <c r="D14594" s="14" t="s">
        <v>107</v>
      </c>
      <c r="E14594" s="15">
        <v>45735</v>
      </c>
      <c r="F14594" s="14" t="s">
        <v>25</v>
      </c>
      <c r="G14594" s="16">
        <v>2.5225437132659101</v>
      </c>
    </row>
    <row r="14595" spans="1:7" x14ac:dyDescent="0.3">
      <c r="A14595" s="13" t="s">
        <v>105</v>
      </c>
      <c r="B14595" s="14" t="s">
        <v>1</v>
      </c>
      <c r="C14595" s="14" t="s">
        <v>106</v>
      </c>
      <c r="D14595" s="14" t="s">
        <v>107</v>
      </c>
      <c r="E14595" s="15">
        <v>45736</v>
      </c>
      <c r="F14595" s="14" t="s">
        <v>25</v>
      </c>
      <c r="G14595" s="16">
        <v>2.5272782942985561</v>
      </c>
    </row>
    <row r="14596" spans="1:7" x14ac:dyDescent="0.3">
      <c r="A14596" s="13" t="s">
        <v>105</v>
      </c>
      <c r="B14596" s="14" t="s">
        <v>1</v>
      </c>
      <c r="C14596" s="14" t="s">
        <v>106</v>
      </c>
      <c r="D14596" s="14" t="s">
        <v>107</v>
      </c>
      <c r="E14596" s="15">
        <v>45737</v>
      </c>
      <c r="F14596" s="14" t="s">
        <v>25</v>
      </c>
      <c r="G14596" s="16">
        <v>2.5319958212378517</v>
      </c>
    </row>
    <row r="14597" spans="1:7" x14ac:dyDescent="0.3">
      <c r="A14597" s="13" t="s">
        <v>105</v>
      </c>
      <c r="B14597" s="14" t="s">
        <v>1</v>
      </c>
      <c r="C14597" s="14" t="s">
        <v>106</v>
      </c>
      <c r="D14597" s="14" t="s">
        <v>107</v>
      </c>
      <c r="E14597" s="15">
        <v>45738</v>
      </c>
      <c r="F14597" s="14" t="s">
        <v>25</v>
      </c>
      <c r="G14597" s="16">
        <v>2.5319958212378517</v>
      </c>
    </row>
    <row r="14598" spans="1:7" x14ac:dyDescent="0.3">
      <c r="A14598" s="13" t="s">
        <v>105</v>
      </c>
      <c r="B14598" s="14" t="s">
        <v>1</v>
      </c>
      <c r="C14598" s="14" t="s">
        <v>106</v>
      </c>
      <c r="D14598" s="14" t="s">
        <v>107</v>
      </c>
      <c r="E14598" s="15">
        <v>45739</v>
      </c>
      <c r="F14598" s="14" t="s">
        <v>25</v>
      </c>
      <c r="G14598" s="16">
        <v>2.5319958212378517</v>
      </c>
    </row>
    <row r="14599" spans="1:7" x14ac:dyDescent="0.3">
      <c r="A14599" s="13" t="s">
        <v>105</v>
      </c>
      <c r="B14599" s="14" t="s">
        <v>1</v>
      </c>
      <c r="C14599" s="14" t="s">
        <v>106</v>
      </c>
      <c r="D14599" s="14" t="s">
        <v>107</v>
      </c>
      <c r="E14599" s="15">
        <v>45740</v>
      </c>
      <c r="F14599" s="14" t="s">
        <v>25</v>
      </c>
      <c r="G14599" s="16">
        <v>2.5349204528889429</v>
      </c>
    </row>
    <row r="14600" spans="1:7" x14ac:dyDescent="0.3">
      <c r="A14600" s="13" t="s">
        <v>105</v>
      </c>
      <c r="B14600" s="14" t="s">
        <v>1</v>
      </c>
      <c r="C14600" s="14" t="s">
        <v>106</v>
      </c>
      <c r="D14600" s="14" t="s">
        <v>107</v>
      </c>
      <c r="E14600" s="15">
        <v>45741</v>
      </c>
      <c r="F14600" s="14" t="s">
        <v>25</v>
      </c>
      <c r="G14600" s="16">
        <v>2.5490991889399219</v>
      </c>
    </row>
    <row r="14601" spans="1:7" x14ac:dyDescent="0.3">
      <c r="A14601" s="13" t="s">
        <v>105</v>
      </c>
      <c r="B14601" s="14" t="s">
        <v>1</v>
      </c>
      <c r="C14601" s="14" t="s">
        <v>106</v>
      </c>
      <c r="D14601" s="14" t="s">
        <v>107</v>
      </c>
      <c r="E14601" s="15">
        <v>45742</v>
      </c>
      <c r="F14601" s="14" t="s">
        <v>25</v>
      </c>
      <c r="G14601" s="16">
        <v>2.5542557314196728</v>
      </c>
    </row>
    <row r="14602" spans="1:7" x14ac:dyDescent="0.3">
      <c r="A14602" s="13" t="s">
        <v>105</v>
      </c>
      <c r="B14602" s="14" t="s">
        <v>1</v>
      </c>
      <c r="C14602" s="14" t="s">
        <v>106</v>
      </c>
      <c r="D14602" s="14" t="s">
        <v>107</v>
      </c>
      <c r="E14602" s="15">
        <v>45743</v>
      </c>
      <c r="F14602" s="14" t="s">
        <v>25</v>
      </c>
      <c r="G14602" s="16">
        <v>2.5624170413328962</v>
      </c>
    </row>
    <row r="14603" spans="1:7" x14ac:dyDescent="0.3">
      <c r="A14603" s="13" t="s">
        <v>105</v>
      </c>
      <c r="B14603" s="14" t="s">
        <v>1</v>
      </c>
      <c r="C14603" s="14" t="s">
        <v>106</v>
      </c>
      <c r="D14603" s="14" t="s">
        <v>107</v>
      </c>
      <c r="E14603" s="15">
        <v>45744</v>
      </c>
      <c r="F14603" s="14" t="s">
        <v>25</v>
      </c>
      <c r="G14603" s="16">
        <v>2.5671389068088546</v>
      </c>
    </row>
    <row r="14604" spans="1:7" x14ac:dyDescent="0.3">
      <c r="A14604" s="13" t="s">
        <v>105</v>
      </c>
      <c r="B14604" s="14" t="s">
        <v>1</v>
      </c>
      <c r="C14604" s="14" t="s">
        <v>106</v>
      </c>
      <c r="D14604" s="14" t="s">
        <v>107</v>
      </c>
      <c r="E14604" s="15">
        <v>45745</v>
      </c>
      <c r="F14604" s="14" t="s">
        <v>25</v>
      </c>
      <c r="G14604" s="16">
        <v>2.5671389068088546</v>
      </c>
    </row>
    <row r="14605" spans="1:7" x14ac:dyDescent="0.3">
      <c r="A14605" s="13" t="s">
        <v>105</v>
      </c>
      <c r="B14605" s="14" t="s">
        <v>1</v>
      </c>
      <c r="C14605" s="14" t="s">
        <v>106</v>
      </c>
      <c r="D14605" s="14" t="s">
        <v>107</v>
      </c>
      <c r="E14605" s="15">
        <v>45746</v>
      </c>
      <c r="F14605" s="14" t="s">
        <v>25</v>
      </c>
      <c r="G14605" s="16">
        <v>2.5671389068088546</v>
      </c>
    </row>
    <row r="14606" spans="1:7" x14ac:dyDescent="0.3">
      <c r="A14606" s="13" t="s">
        <v>105</v>
      </c>
      <c r="B14606" s="14" t="s">
        <v>1</v>
      </c>
      <c r="C14606" s="14" t="s">
        <v>106</v>
      </c>
      <c r="D14606" s="14" t="s">
        <v>107</v>
      </c>
      <c r="E14606" s="15">
        <v>45747</v>
      </c>
      <c r="F14606" s="14" t="s">
        <v>25</v>
      </c>
      <c r="G14606" s="16">
        <v>2.5739006945876386</v>
      </c>
    </row>
    <row r="14607" spans="1:7" x14ac:dyDescent="0.3">
      <c r="A14607" s="13" t="s">
        <v>108</v>
      </c>
      <c r="B14607" s="14" t="s">
        <v>1</v>
      </c>
      <c r="C14607" s="14" t="s">
        <v>109</v>
      </c>
      <c r="D14607" s="14" t="s">
        <v>110</v>
      </c>
      <c r="E14607" s="15">
        <v>45383</v>
      </c>
      <c r="F14607" s="14" t="s">
        <v>25</v>
      </c>
      <c r="G14607" s="16">
        <v>0</v>
      </c>
    </row>
    <row r="14608" spans="1:7" x14ac:dyDescent="0.3">
      <c r="A14608" s="13" t="s">
        <v>108</v>
      </c>
      <c r="B14608" s="14" t="s">
        <v>1</v>
      </c>
      <c r="C14608" s="14" t="s">
        <v>109</v>
      </c>
      <c r="D14608" s="14" t="s">
        <v>110</v>
      </c>
      <c r="E14608" s="15">
        <v>45384</v>
      </c>
      <c r="F14608" s="14" t="s">
        <v>25</v>
      </c>
      <c r="G14608" s="16">
        <v>0</v>
      </c>
    </row>
    <row r="14609" spans="1:7" x14ac:dyDescent="0.3">
      <c r="A14609" s="13" t="s">
        <v>108</v>
      </c>
      <c r="B14609" s="14" t="s">
        <v>1</v>
      </c>
      <c r="C14609" s="14" t="s">
        <v>109</v>
      </c>
      <c r="D14609" s="14" t="s">
        <v>110</v>
      </c>
      <c r="E14609" s="15">
        <v>45385</v>
      </c>
      <c r="F14609" s="14" t="s">
        <v>25</v>
      </c>
      <c r="G14609" s="16">
        <v>0</v>
      </c>
    </row>
    <row r="14610" spans="1:7" x14ac:dyDescent="0.3">
      <c r="A14610" s="13" t="s">
        <v>108</v>
      </c>
      <c r="B14610" s="14" t="s">
        <v>1</v>
      </c>
      <c r="C14610" s="14" t="s">
        <v>109</v>
      </c>
      <c r="D14610" s="14" t="s">
        <v>110</v>
      </c>
      <c r="E14610" s="15">
        <v>45386</v>
      </c>
      <c r="F14610" s="14" t="s">
        <v>25</v>
      </c>
      <c r="G14610" s="16">
        <v>0</v>
      </c>
    </row>
    <row r="14611" spans="1:7" x14ac:dyDescent="0.3">
      <c r="A14611" s="13" t="s">
        <v>108</v>
      </c>
      <c r="B14611" s="14" t="s">
        <v>1</v>
      </c>
      <c r="C14611" s="14" t="s">
        <v>109</v>
      </c>
      <c r="D14611" s="14" t="s">
        <v>110</v>
      </c>
      <c r="E14611" s="15">
        <v>45387</v>
      </c>
      <c r="F14611" s="14" t="s">
        <v>25</v>
      </c>
      <c r="G14611" s="16">
        <v>0</v>
      </c>
    </row>
    <row r="14612" spans="1:7" x14ac:dyDescent="0.3">
      <c r="A14612" s="13" t="s">
        <v>108</v>
      </c>
      <c r="B14612" s="14" t="s">
        <v>1</v>
      </c>
      <c r="C14612" s="14" t="s">
        <v>109</v>
      </c>
      <c r="D14612" s="14" t="s">
        <v>110</v>
      </c>
      <c r="E14612" s="15">
        <v>45388</v>
      </c>
      <c r="F14612" s="14" t="s">
        <v>25</v>
      </c>
      <c r="G14612" s="16">
        <v>0</v>
      </c>
    </row>
    <row r="14613" spans="1:7" x14ac:dyDescent="0.3">
      <c r="A14613" s="13" t="s">
        <v>108</v>
      </c>
      <c r="B14613" s="14" t="s">
        <v>1</v>
      </c>
      <c r="C14613" s="14" t="s">
        <v>109</v>
      </c>
      <c r="D14613" s="14" t="s">
        <v>110</v>
      </c>
      <c r="E14613" s="15">
        <v>45389</v>
      </c>
      <c r="F14613" s="14" t="s">
        <v>25</v>
      </c>
      <c r="G14613" s="16">
        <v>0</v>
      </c>
    </row>
    <row r="14614" spans="1:7" x14ac:dyDescent="0.3">
      <c r="A14614" s="13" t="s">
        <v>108</v>
      </c>
      <c r="B14614" s="14" t="s">
        <v>1</v>
      </c>
      <c r="C14614" s="14" t="s">
        <v>109</v>
      </c>
      <c r="D14614" s="14" t="s">
        <v>110</v>
      </c>
      <c r="E14614" s="15">
        <v>45390</v>
      </c>
      <c r="F14614" s="14" t="s">
        <v>25</v>
      </c>
      <c r="G14614" s="16">
        <v>0</v>
      </c>
    </row>
    <row r="14615" spans="1:7" x14ac:dyDescent="0.3">
      <c r="A14615" s="13" t="s">
        <v>108</v>
      </c>
      <c r="B14615" s="14" t="s">
        <v>1</v>
      </c>
      <c r="C14615" s="14" t="s">
        <v>109</v>
      </c>
      <c r="D14615" s="14" t="s">
        <v>110</v>
      </c>
      <c r="E14615" s="15">
        <v>45391</v>
      </c>
      <c r="F14615" s="14" t="s">
        <v>25</v>
      </c>
      <c r="G14615" s="16">
        <v>0</v>
      </c>
    </row>
    <row r="14616" spans="1:7" x14ac:dyDescent="0.3">
      <c r="A14616" s="13" t="s">
        <v>108</v>
      </c>
      <c r="B14616" s="14" t="s">
        <v>1</v>
      </c>
      <c r="C14616" s="14" t="s">
        <v>109</v>
      </c>
      <c r="D14616" s="14" t="s">
        <v>110</v>
      </c>
      <c r="E14616" s="15">
        <v>45392</v>
      </c>
      <c r="F14616" s="14" t="s">
        <v>25</v>
      </c>
      <c r="G14616" s="16">
        <v>0</v>
      </c>
    </row>
    <row r="14617" spans="1:7" x14ac:dyDescent="0.3">
      <c r="A14617" s="13" t="s">
        <v>108</v>
      </c>
      <c r="B14617" s="14" t="s">
        <v>1</v>
      </c>
      <c r="C14617" s="14" t="s">
        <v>109</v>
      </c>
      <c r="D14617" s="14" t="s">
        <v>110</v>
      </c>
      <c r="E14617" s="15">
        <v>45393</v>
      </c>
      <c r="F14617" s="14" t="s">
        <v>25</v>
      </c>
      <c r="G14617" s="16">
        <v>0</v>
      </c>
    </row>
    <row r="14618" spans="1:7" x14ac:dyDescent="0.3">
      <c r="A14618" s="13" t="s">
        <v>108</v>
      </c>
      <c r="B14618" s="14" t="s">
        <v>1</v>
      </c>
      <c r="C14618" s="14" t="s">
        <v>109</v>
      </c>
      <c r="D14618" s="14" t="s">
        <v>110</v>
      </c>
      <c r="E14618" s="15">
        <v>45394</v>
      </c>
      <c r="F14618" s="14" t="s">
        <v>25</v>
      </c>
      <c r="G14618" s="16">
        <v>0</v>
      </c>
    </row>
    <row r="14619" spans="1:7" x14ac:dyDescent="0.3">
      <c r="A14619" s="13" t="s">
        <v>108</v>
      </c>
      <c r="B14619" s="14" t="s">
        <v>1</v>
      </c>
      <c r="C14619" s="14" t="s">
        <v>109</v>
      </c>
      <c r="D14619" s="14" t="s">
        <v>110</v>
      </c>
      <c r="E14619" s="15">
        <v>45395</v>
      </c>
      <c r="F14619" s="14" t="s">
        <v>25</v>
      </c>
      <c r="G14619" s="16">
        <v>0</v>
      </c>
    </row>
    <row r="14620" spans="1:7" x14ac:dyDescent="0.3">
      <c r="A14620" s="13" t="s">
        <v>108</v>
      </c>
      <c r="B14620" s="14" t="s">
        <v>1</v>
      </c>
      <c r="C14620" s="14" t="s">
        <v>109</v>
      </c>
      <c r="D14620" s="14" t="s">
        <v>110</v>
      </c>
      <c r="E14620" s="15">
        <v>45396</v>
      </c>
      <c r="F14620" s="14" t="s">
        <v>25</v>
      </c>
      <c r="G14620" s="16">
        <v>0</v>
      </c>
    </row>
    <row r="14621" spans="1:7" x14ac:dyDescent="0.3">
      <c r="A14621" s="13" t="s">
        <v>108</v>
      </c>
      <c r="B14621" s="14" t="s">
        <v>1</v>
      </c>
      <c r="C14621" s="14" t="s">
        <v>109</v>
      </c>
      <c r="D14621" s="14" t="s">
        <v>110</v>
      </c>
      <c r="E14621" s="15">
        <v>45397</v>
      </c>
      <c r="F14621" s="14" t="s">
        <v>25</v>
      </c>
      <c r="G14621" s="16">
        <v>0</v>
      </c>
    </row>
    <row r="14622" spans="1:7" x14ac:dyDescent="0.3">
      <c r="A14622" s="13" t="s">
        <v>108</v>
      </c>
      <c r="B14622" s="14" t="s">
        <v>1</v>
      </c>
      <c r="C14622" s="14" t="s">
        <v>109</v>
      </c>
      <c r="D14622" s="14" t="s">
        <v>110</v>
      </c>
      <c r="E14622" s="15">
        <v>45398</v>
      </c>
      <c r="F14622" s="14" t="s">
        <v>25</v>
      </c>
      <c r="G14622" s="16">
        <v>0</v>
      </c>
    </row>
    <row r="14623" spans="1:7" x14ac:dyDescent="0.3">
      <c r="A14623" s="13" t="s">
        <v>108</v>
      </c>
      <c r="B14623" s="14" t="s">
        <v>1</v>
      </c>
      <c r="C14623" s="14" t="s">
        <v>109</v>
      </c>
      <c r="D14623" s="14" t="s">
        <v>110</v>
      </c>
      <c r="E14623" s="15">
        <v>45399</v>
      </c>
      <c r="F14623" s="14" t="s">
        <v>25</v>
      </c>
      <c r="G14623" s="16">
        <v>0</v>
      </c>
    </row>
    <row r="14624" spans="1:7" x14ac:dyDescent="0.3">
      <c r="A14624" s="13" t="s">
        <v>108</v>
      </c>
      <c r="B14624" s="14" t="s">
        <v>1</v>
      </c>
      <c r="C14624" s="14" t="s">
        <v>109</v>
      </c>
      <c r="D14624" s="14" t="s">
        <v>110</v>
      </c>
      <c r="E14624" s="15">
        <v>45400</v>
      </c>
      <c r="F14624" s="14" t="s">
        <v>25</v>
      </c>
      <c r="G14624" s="16">
        <v>0</v>
      </c>
    </row>
    <row r="14625" spans="1:7" x14ac:dyDescent="0.3">
      <c r="A14625" s="13" t="s">
        <v>108</v>
      </c>
      <c r="B14625" s="14" t="s">
        <v>1</v>
      </c>
      <c r="C14625" s="14" t="s">
        <v>109</v>
      </c>
      <c r="D14625" s="14" t="s">
        <v>110</v>
      </c>
      <c r="E14625" s="15">
        <v>45401</v>
      </c>
      <c r="F14625" s="14" t="s">
        <v>25</v>
      </c>
      <c r="G14625" s="16">
        <v>0</v>
      </c>
    </row>
    <row r="14626" spans="1:7" x14ac:dyDescent="0.3">
      <c r="A14626" s="13" t="s">
        <v>108</v>
      </c>
      <c r="B14626" s="14" t="s">
        <v>1</v>
      </c>
      <c r="C14626" s="14" t="s">
        <v>109</v>
      </c>
      <c r="D14626" s="14" t="s">
        <v>110</v>
      </c>
      <c r="E14626" s="15">
        <v>45402</v>
      </c>
      <c r="F14626" s="14" t="s">
        <v>25</v>
      </c>
      <c r="G14626" s="16">
        <v>0</v>
      </c>
    </row>
    <row r="14627" spans="1:7" x14ac:dyDescent="0.3">
      <c r="A14627" s="13" t="s">
        <v>108</v>
      </c>
      <c r="B14627" s="14" t="s">
        <v>1</v>
      </c>
      <c r="C14627" s="14" t="s">
        <v>109</v>
      </c>
      <c r="D14627" s="14" t="s">
        <v>110</v>
      </c>
      <c r="E14627" s="15">
        <v>45403</v>
      </c>
      <c r="F14627" s="14" t="s">
        <v>25</v>
      </c>
      <c r="G14627" s="16">
        <v>0</v>
      </c>
    </row>
    <row r="14628" spans="1:7" x14ac:dyDescent="0.3">
      <c r="A14628" s="13" t="s">
        <v>108</v>
      </c>
      <c r="B14628" s="14" t="s">
        <v>1</v>
      </c>
      <c r="C14628" s="14" t="s">
        <v>109</v>
      </c>
      <c r="D14628" s="14" t="s">
        <v>110</v>
      </c>
      <c r="E14628" s="15">
        <v>45404</v>
      </c>
      <c r="F14628" s="14" t="s">
        <v>25</v>
      </c>
      <c r="G14628" s="16">
        <v>0</v>
      </c>
    </row>
    <row r="14629" spans="1:7" x14ac:dyDescent="0.3">
      <c r="A14629" s="13" t="s">
        <v>108</v>
      </c>
      <c r="B14629" s="14" t="s">
        <v>1</v>
      </c>
      <c r="C14629" s="14" t="s">
        <v>109</v>
      </c>
      <c r="D14629" s="14" t="s">
        <v>110</v>
      </c>
      <c r="E14629" s="15">
        <v>45405</v>
      </c>
      <c r="F14629" s="14" t="s">
        <v>25</v>
      </c>
      <c r="G14629" s="16">
        <v>0</v>
      </c>
    </row>
    <row r="14630" spans="1:7" x14ac:dyDescent="0.3">
      <c r="A14630" s="13" t="s">
        <v>108</v>
      </c>
      <c r="B14630" s="14" t="s">
        <v>1</v>
      </c>
      <c r="C14630" s="14" t="s">
        <v>109</v>
      </c>
      <c r="D14630" s="14" t="s">
        <v>110</v>
      </c>
      <c r="E14630" s="15">
        <v>45406</v>
      </c>
      <c r="F14630" s="14" t="s">
        <v>25</v>
      </c>
      <c r="G14630" s="16">
        <v>0</v>
      </c>
    </row>
    <row r="14631" spans="1:7" x14ac:dyDescent="0.3">
      <c r="A14631" s="13" t="s">
        <v>108</v>
      </c>
      <c r="B14631" s="14" t="s">
        <v>1</v>
      </c>
      <c r="C14631" s="14" t="s">
        <v>109</v>
      </c>
      <c r="D14631" s="14" t="s">
        <v>110</v>
      </c>
      <c r="E14631" s="15">
        <v>45407</v>
      </c>
      <c r="F14631" s="14" t="s">
        <v>25</v>
      </c>
      <c r="G14631" s="16">
        <v>0</v>
      </c>
    </row>
    <row r="14632" spans="1:7" x14ac:dyDescent="0.3">
      <c r="A14632" s="13" t="s">
        <v>108</v>
      </c>
      <c r="B14632" s="14" t="s">
        <v>1</v>
      </c>
      <c r="C14632" s="14" t="s">
        <v>109</v>
      </c>
      <c r="D14632" s="14" t="s">
        <v>110</v>
      </c>
      <c r="E14632" s="15">
        <v>45408</v>
      </c>
      <c r="F14632" s="14" t="s">
        <v>25</v>
      </c>
      <c r="G14632" s="16">
        <v>0</v>
      </c>
    </row>
    <row r="14633" spans="1:7" x14ac:dyDescent="0.3">
      <c r="A14633" s="13" t="s">
        <v>108</v>
      </c>
      <c r="B14633" s="14" t="s">
        <v>1</v>
      </c>
      <c r="C14633" s="14" t="s">
        <v>109</v>
      </c>
      <c r="D14633" s="14" t="s">
        <v>110</v>
      </c>
      <c r="E14633" s="15">
        <v>45409</v>
      </c>
      <c r="F14633" s="14" t="s">
        <v>25</v>
      </c>
      <c r="G14633" s="16">
        <v>0</v>
      </c>
    </row>
    <row r="14634" spans="1:7" x14ac:dyDescent="0.3">
      <c r="A14634" s="13" t="s">
        <v>108</v>
      </c>
      <c r="B14634" s="14" t="s">
        <v>1</v>
      </c>
      <c r="C14634" s="14" t="s">
        <v>109</v>
      </c>
      <c r="D14634" s="14" t="s">
        <v>110</v>
      </c>
      <c r="E14634" s="15">
        <v>45410</v>
      </c>
      <c r="F14634" s="14" t="s">
        <v>25</v>
      </c>
      <c r="G14634" s="16">
        <v>0</v>
      </c>
    </row>
    <row r="14635" spans="1:7" x14ac:dyDescent="0.3">
      <c r="A14635" s="13" t="s">
        <v>108</v>
      </c>
      <c r="B14635" s="14" t="s">
        <v>1</v>
      </c>
      <c r="C14635" s="14" t="s">
        <v>109</v>
      </c>
      <c r="D14635" s="14" t="s">
        <v>110</v>
      </c>
      <c r="E14635" s="15">
        <v>45411</v>
      </c>
      <c r="F14635" s="14" t="s">
        <v>25</v>
      </c>
      <c r="G14635" s="16">
        <v>0</v>
      </c>
    </row>
    <row r="14636" spans="1:7" x14ac:dyDescent="0.3">
      <c r="A14636" s="13" t="s">
        <v>108</v>
      </c>
      <c r="B14636" s="14" t="s">
        <v>1</v>
      </c>
      <c r="C14636" s="14" t="s">
        <v>109</v>
      </c>
      <c r="D14636" s="14" t="s">
        <v>110</v>
      </c>
      <c r="E14636" s="15">
        <v>45412</v>
      </c>
      <c r="F14636" s="14" t="s">
        <v>25</v>
      </c>
      <c r="G14636" s="16">
        <v>0</v>
      </c>
    </row>
    <row r="14637" spans="1:7" x14ac:dyDescent="0.3">
      <c r="A14637" s="13" t="s">
        <v>108</v>
      </c>
      <c r="B14637" s="14" t="s">
        <v>1</v>
      </c>
      <c r="C14637" s="14" t="s">
        <v>109</v>
      </c>
      <c r="D14637" s="14" t="s">
        <v>110</v>
      </c>
      <c r="E14637" s="15">
        <v>45413</v>
      </c>
      <c r="F14637" s="14" t="s">
        <v>25</v>
      </c>
      <c r="G14637" s="16">
        <v>0</v>
      </c>
    </row>
    <row r="14638" spans="1:7" x14ac:dyDescent="0.3">
      <c r="A14638" s="13" t="s">
        <v>108</v>
      </c>
      <c r="B14638" s="14" t="s">
        <v>1</v>
      </c>
      <c r="C14638" s="14" t="s">
        <v>109</v>
      </c>
      <c r="D14638" s="14" t="s">
        <v>110</v>
      </c>
      <c r="E14638" s="15">
        <v>45414</v>
      </c>
      <c r="F14638" s="14" t="s">
        <v>25</v>
      </c>
      <c r="G14638" s="16">
        <v>0</v>
      </c>
    </row>
    <row r="14639" spans="1:7" x14ac:dyDescent="0.3">
      <c r="A14639" s="13" t="s">
        <v>108</v>
      </c>
      <c r="B14639" s="14" t="s">
        <v>1</v>
      </c>
      <c r="C14639" s="14" t="s">
        <v>109</v>
      </c>
      <c r="D14639" s="14" t="s">
        <v>110</v>
      </c>
      <c r="E14639" s="15">
        <v>45415</v>
      </c>
      <c r="F14639" s="14" t="s">
        <v>25</v>
      </c>
      <c r="G14639" s="16">
        <v>0</v>
      </c>
    </row>
    <row r="14640" spans="1:7" x14ac:dyDescent="0.3">
      <c r="A14640" s="13" t="s">
        <v>108</v>
      </c>
      <c r="B14640" s="14" t="s">
        <v>1</v>
      </c>
      <c r="C14640" s="14" t="s">
        <v>109</v>
      </c>
      <c r="D14640" s="14" t="s">
        <v>110</v>
      </c>
      <c r="E14640" s="15">
        <v>45416</v>
      </c>
      <c r="F14640" s="14" t="s">
        <v>25</v>
      </c>
      <c r="G14640" s="16">
        <v>0</v>
      </c>
    </row>
    <row r="14641" spans="1:7" x14ac:dyDescent="0.3">
      <c r="A14641" s="13" t="s">
        <v>108</v>
      </c>
      <c r="B14641" s="14" t="s">
        <v>1</v>
      </c>
      <c r="C14641" s="14" t="s">
        <v>109</v>
      </c>
      <c r="D14641" s="14" t="s">
        <v>110</v>
      </c>
      <c r="E14641" s="15">
        <v>45417</v>
      </c>
      <c r="F14641" s="14" t="s">
        <v>25</v>
      </c>
      <c r="G14641" s="16">
        <v>0</v>
      </c>
    </row>
    <row r="14642" spans="1:7" x14ac:dyDescent="0.3">
      <c r="A14642" s="13" t="s">
        <v>108</v>
      </c>
      <c r="B14642" s="14" t="s">
        <v>1</v>
      </c>
      <c r="C14642" s="14" t="s">
        <v>109</v>
      </c>
      <c r="D14642" s="14" t="s">
        <v>110</v>
      </c>
      <c r="E14642" s="15">
        <v>45418</v>
      </c>
      <c r="F14642" s="14" t="s">
        <v>25</v>
      </c>
      <c r="G14642" s="16">
        <v>0</v>
      </c>
    </row>
    <row r="14643" spans="1:7" x14ac:dyDescent="0.3">
      <c r="A14643" s="13" t="s">
        <v>108</v>
      </c>
      <c r="B14643" s="14" t="s">
        <v>1</v>
      </c>
      <c r="C14643" s="14" t="s">
        <v>109</v>
      </c>
      <c r="D14643" s="14" t="s">
        <v>110</v>
      </c>
      <c r="E14643" s="15">
        <v>45419</v>
      </c>
      <c r="F14643" s="14" t="s">
        <v>25</v>
      </c>
      <c r="G14643" s="16">
        <v>0</v>
      </c>
    </row>
    <row r="14644" spans="1:7" x14ac:dyDescent="0.3">
      <c r="A14644" s="13" t="s">
        <v>108</v>
      </c>
      <c r="B14644" s="14" t="s">
        <v>1</v>
      </c>
      <c r="C14644" s="14" t="s">
        <v>109</v>
      </c>
      <c r="D14644" s="14" t="s">
        <v>110</v>
      </c>
      <c r="E14644" s="15">
        <v>45420</v>
      </c>
      <c r="F14644" s="14" t="s">
        <v>25</v>
      </c>
      <c r="G14644" s="16">
        <v>0</v>
      </c>
    </row>
    <row r="14645" spans="1:7" x14ac:dyDescent="0.3">
      <c r="A14645" s="13" t="s">
        <v>108</v>
      </c>
      <c r="B14645" s="14" t="s">
        <v>1</v>
      </c>
      <c r="C14645" s="14" t="s">
        <v>109</v>
      </c>
      <c r="D14645" s="14" t="s">
        <v>110</v>
      </c>
      <c r="E14645" s="15">
        <v>45421</v>
      </c>
      <c r="F14645" s="14" t="s">
        <v>25</v>
      </c>
      <c r="G14645" s="16">
        <v>0</v>
      </c>
    </row>
    <row r="14646" spans="1:7" x14ac:dyDescent="0.3">
      <c r="A14646" s="13" t="s">
        <v>108</v>
      </c>
      <c r="B14646" s="14" t="s">
        <v>1</v>
      </c>
      <c r="C14646" s="14" t="s">
        <v>109</v>
      </c>
      <c r="D14646" s="14" t="s">
        <v>110</v>
      </c>
      <c r="E14646" s="15">
        <v>45422</v>
      </c>
      <c r="F14646" s="14" t="s">
        <v>25</v>
      </c>
      <c r="G14646" s="16">
        <v>0</v>
      </c>
    </row>
    <row r="14647" spans="1:7" x14ac:dyDescent="0.3">
      <c r="A14647" s="13" t="s">
        <v>108</v>
      </c>
      <c r="B14647" s="14" t="s">
        <v>1</v>
      </c>
      <c r="C14647" s="14" t="s">
        <v>109</v>
      </c>
      <c r="D14647" s="14" t="s">
        <v>110</v>
      </c>
      <c r="E14647" s="15">
        <v>45423</v>
      </c>
      <c r="F14647" s="14" t="s">
        <v>25</v>
      </c>
      <c r="G14647" s="16">
        <v>0</v>
      </c>
    </row>
    <row r="14648" spans="1:7" x14ac:dyDescent="0.3">
      <c r="A14648" s="13" t="s">
        <v>108</v>
      </c>
      <c r="B14648" s="14" t="s">
        <v>1</v>
      </c>
      <c r="C14648" s="14" t="s">
        <v>109</v>
      </c>
      <c r="D14648" s="14" t="s">
        <v>110</v>
      </c>
      <c r="E14648" s="15">
        <v>45424</v>
      </c>
      <c r="F14648" s="14" t="s">
        <v>25</v>
      </c>
      <c r="G14648" s="16">
        <v>0</v>
      </c>
    </row>
    <row r="14649" spans="1:7" x14ac:dyDescent="0.3">
      <c r="A14649" s="13" t="s">
        <v>108</v>
      </c>
      <c r="B14649" s="14" t="s">
        <v>1</v>
      </c>
      <c r="C14649" s="14" t="s">
        <v>109</v>
      </c>
      <c r="D14649" s="14" t="s">
        <v>110</v>
      </c>
      <c r="E14649" s="15">
        <v>45425</v>
      </c>
      <c r="F14649" s="14" t="s">
        <v>25</v>
      </c>
      <c r="G14649" s="16">
        <v>0</v>
      </c>
    </row>
    <row r="14650" spans="1:7" x14ac:dyDescent="0.3">
      <c r="A14650" s="13" t="s">
        <v>108</v>
      </c>
      <c r="B14650" s="14" t="s">
        <v>1</v>
      </c>
      <c r="C14650" s="14" t="s">
        <v>109</v>
      </c>
      <c r="D14650" s="14" t="s">
        <v>110</v>
      </c>
      <c r="E14650" s="15">
        <v>45426</v>
      </c>
      <c r="F14650" s="14" t="s">
        <v>25</v>
      </c>
      <c r="G14650" s="16">
        <v>0</v>
      </c>
    </row>
    <row r="14651" spans="1:7" x14ac:dyDescent="0.3">
      <c r="A14651" s="13" t="s">
        <v>108</v>
      </c>
      <c r="B14651" s="14" t="s">
        <v>1</v>
      </c>
      <c r="C14651" s="14" t="s">
        <v>109</v>
      </c>
      <c r="D14651" s="14" t="s">
        <v>110</v>
      </c>
      <c r="E14651" s="15">
        <v>45427</v>
      </c>
      <c r="F14651" s="14" t="s">
        <v>25</v>
      </c>
      <c r="G14651" s="16">
        <v>0</v>
      </c>
    </row>
    <row r="14652" spans="1:7" x14ac:dyDescent="0.3">
      <c r="A14652" s="13" t="s">
        <v>108</v>
      </c>
      <c r="B14652" s="14" t="s">
        <v>1</v>
      </c>
      <c r="C14652" s="14" t="s">
        <v>109</v>
      </c>
      <c r="D14652" s="14" t="s">
        <v>110</v>
      </c>
      <c r="E14652" s="15">
        <v>45428</v>
      </c>
      <c r="F14652" s="14" t="s">
        <v>25</v>
      </c>
      <c r="G14652" s="16">
        <v>0</v>
      </c>
    </row>
    <row r="14653" spans="1:7" x14ac:dyDescent="0.3">
      <c r="A14653" s="13" t="s">
        <v>108</v>
      </c>
      <c r="B14653" s="14" t="s">
        <v>1</v>
      </c>
      <c r="C14653" s="14" t="s">
        <v>109</v>
      </c>
      <c r="D14653" s="14" t="s">
        <v>110</v>
      </c>
      <c r="E14653" s="15">
        <v>45429</v>
      </c>
      <c r="F14653" s="14" t="s">
        <v>25</v>
      </c>
      <c r="G14653" s="16">
        <v>0</v>
      </c>
    </row>
    <row r="14654" spans="1:7" x14ac:dyDescent="0.3">
      <c r="A14654" s="13" t="s">
        <v>108</v>
      </c>
      <c r="B14654" s="14" t="s">
        <v>1</v>
      </c>
      <c r="C14654" s="14" t="s">
        <v>109</v>
      </c>
      <c r="D14654" s="14" t="s">
        <v>110</v>
      </c>
      <c r="E14654" s="15">
        <v>45430</v>
      </c>
      <c r="F14654" s="14" t="s">
        <v>25</v>
      </c>
      <c r="G14654" s="16">
        <v>0</v>
      </c>
    </row>
    <row r="14655" spans="1:7" x14ac:dyDescent="0.3">
      <c r="A14655" s="13" t="s">
        <v>108</v>
      </c>
      <c r="B14655" s="14" t="s">
        <v>1</v>
      </c>
      <c r="C14655" s="14" t="s">
        <v>109</v>
      </c>
      <c r="D14655" s="14" t="s">
        <v>110</v>
      </c>
      <c r="E14655" s="15">
        <v>45431</v>
      </c>
      <c r="F14655" s="14" t="s">
        <v>25</v>
      </c>
      <c r="G14655" s="16">
        <v>0</v>
      </c>
    </row>
    <row r="14656" spans="1:7" x14ac:dyDescent="0.3">
      <c r="A14656" s="13" t="s">
        <v>108</v>
      </c>
      <c r="B14656" s="14" t="s">
        <v>1</v>
      </c>
      <c r="C14656" s="14" t="s">
        <v>109</v>
      </c>
      <c r="D14656" s="14" t="s">
        <v>110</v>
      </c>
      <c r="E14656" s="15">
        <v>45432</v>
      </c>
      <c r="F14656" s="14" t="s">
        <v>25</v>
      </c>
      <c r="G14656" s="16">
        <v>0</v>
      </c>
    </row>
    <row r="14657" spans="1:7" x14ac:dyDescent="0.3">
      <c r="A14657" s="13" t="s">
        <v>108</v>
      </c>
      <c r="B14657" s="14" t="s">
        <v>1</v>
      </c>
      <c r="C14657" s="14" t="s">
        <v>109</v>
      </c>
      <c r="D14657" s="14" t="s">
        <v>110</v>
      </c>
      <c r="E14657" s="15">
        <v>45433</v>
      </c>
      <c r="F14657" s="14" t="s">
        <v>25</v>
      </c>
      <c r="G14657" s="16">
        <v>0</v>
      </c>
    </row>
    <row r="14658" spans="1:7" x14ac:dyDescent="0.3">
      <c r="A14658" s="13" t="s">
        <v>108</v>
      </c>
      <c r="B14658" s="14" t="s">
        <v>1</v>
      </c>
      <c r="C14658" s="14" t="s">
        <v>109</v>
      </c>
      <c r="D14658" s="14" t="s">
        <v>110</v>
      </c>
      <c r="E14658" s="15">
        <v>45434</v>
      </c>
      <c r="F14658" s="14" t="s">
        <v>25</v>
      </c>
      <c r="G14658" s="16">
        <v>0</v>
      </c>
    </row>
    <row r="14659" spans="1:7" x14ac:dyDescent="0.3">
      <c r="A14659" s="13" t="s">
        <v>108</v>
      </c>
      <c r="B14659" s="14" t="s">
        <v>1</v>
      </c>
      <c r="C14659" s="14" t="s">
        <v>109</v>
      </c>
      <c r="D14659" s="14" t="s">
        <v>110</v>
      </c>
      <c r="E14659" s="15">
        <v>45435</v>
      </c>
      <c r="F14659" s="14" t="s">
        <v>25</v>
      </c>
      <c r="G14659" s="16">
        <v>0</v>
      </c>
    </row>
    <row r="14660" spans="1:7" x14ac:dyDescent="0.3">
      <c r="A14660" s="13" t="s">
        <v>108</v>
      </c>
      <c r="B14660" s="14" t="s">
        <v>1</v>
      </c>
      <c r="C14660" s="14" t="s">
        <v>109</v>
      </c>
      <c r="D14660" s="14" t="s">
        <v>110</v>
      </c>
      <c r="E14660" s="15">
        <v>45436</v>
      </c>
      <c r="F14660" s="14" t="s">
        <v>25</v>
      </c>
      <c r="G14660" s="16">
        <v>0</v>
      </c>
    </row>
    <row r="14661" spans="1:7" x14ac:dyDescent="0.3">
      <c r="A14661" s="13" t="s">
        <v>108</v>
      </c>
      <c r="B14661" s="14" t="s">
        <v>1</v>
      </c>
      <c r="C14661" s="14" t="s">
        <v>109</v>
      </c>
      <c r="D14661" s="14" t="s">
        <v>110</v>
      </c>
      <c r="E14661" s="15">
        <v>45437</v>
      </c>
      <c r="F14661" s="14" t="s">
        <v>25</v>
      </c>
      <c r="G14661" s="16">
        <v>0</v>
      </c>
    </row>
    <row r="14662" spans="1:7" x14ac:dyDescent="0.3">
      <c r="A14662" s="13" t="s">
        <v>108</v>
      </c>
      <c r="B14662" s="14" t="s">
        <v>1</v>
      </c>
      <c r="C14662" s="14" t="s">
        <v>109</v>
      </c>
      <c r="D14662" s="14" t="s">
        <v>110</v>
      </c>
      <c r="E14662" s="15">
        <v>45438</v>
      </c>
      <c r="F14662" s="14" t="s">
        <v>25</v>
      </c>
      <c r="G14662" s="16">
        <v>0</v>
      </c>
    </row>
    <row r="14663" spans="1:7" x14ac:dyDescent="0.3">
      <c r="A14663" s="13" t="s">
        <v>108</v>
      </c>
      <c r="B14663" s="14" t="s">
        <v>1</v>
      </c>
      <c r="C14663" s="14" t="s">
        <v>109</v>
      </c>
      <c r="D14663" s="14" t="s">
        <v>110</v>
      </c>
      <c r="E14663" s="15">
        <v>45439</v>
      </c>
      <c r="F14663" s="14" t="s">
        <v>25</v>
      </c>
      <c r="G14663" s="16">
        <v>0</v>
      </c>
    </row>
    <row r="14664" spans="1:7" x14ac:dyDescent="0.3">
      <c r="A14664" s="13" t="s">
        <v>108</v>
      </c>
      <c r="B14664" s="14" t="s">
        <v>1</v>
      </c>
      <c r="C14664" s="14" t="s">
        <v>109</v>
      </c>
      <c r="D14664" s="14" t="s">
        <v>110</v>
      </c>
      <c r="E14664" s="15">
        <v>45440</v>
      </c>
      <c r="F14664" s="14" t="s">
        <v>25</v>
      </c>
      <c r="G14664" s="16">
        <v>0</v>
      </c>
    </row>
    <row r="14665" spans="1:7" x14ac:dyDescent="0.3">
      <c r="A14665" s="13" t="s">
        <v>108</v>
      </c>
      <c r="B14665" s="14" t="s">
        <v>1</v>
      </c>
      <c r="C14665" s="14" t="s">
        <v>109</v>
      </c>
      <c r="D14665" s="14" t="s">
        <v>110</v>
      </c>
      <c r="E14665" s="15">
        <v>45441</v>
      </c>
      <c r="F14665" s="14" t="s">
        <v>25</v>
      </c>
      <c r="G14665" s="16">
        <v>0</v>
      </c>
    </row>
    <row r="14666" spans="1:7" x14ac:dyDescent="0.3">
      <c r="A14666" s="13" t="s">
        <v>108</v>
      </c>
      <c r="B14666" s="14" t="s">
        <v>1</v>
      </c>
      <c r="C14666" s="14" t="s">
        <v>109</v>
      </c>
      <c r="D14666" s="14" t="s">
        <v>110</v>
      </c>
      <c r="E14666" s="15">
        <v>45442</v>
      </c>
      <c r="F14666" s="14" t="s">
        <v>25</v>
      </c>
      <c r="G14666" s="16">
        <v>0</v>
      </c>
    </row>
    <row r="14667" spans="1:7" x14ac:dyDescent="0.3">
      <c r="A14667" s="13" t="s">
        <v>108</v>
      </c>
      <c r="B14667" s="14" t="s">
        <v>1</v>
      </c>
      <c r="C14667" s="14" t="s">
        <v>109</v>
      </c>
      <c r="D14667" s="14" t="s">
        <v>110</v>
      </c>
      <c r="E14667" s="15">
        <v>45443</v>
      </c>
      <c r="F14667" s="14" t="s">
        <v>25</v>
      </c>
      <c r="G14667" s="16">
        <v>0</v>
      </c>
    </row>
    <row r="14668" spans="1:7" x14ac:dyDescent="0.3">
      <c r="A14668" s="13" t="s">
        <v>108</v>
      </c>
      <c r="B14668" s="14" t="s">
        <v>1</v>
      </c>
      <c r="C14668" s="14" t="s">
        <v>109</v>
      </c>
      <c r="D14668" s="14" t="s">
        <v>110</v>
      </c>
      <c r="E14668" s="15">
        <v>45444</v>
      </c>
      <c r="F14668" s="14" t="s">
        <v>25</v>
      </c>
      <c r="G14668" s="16">
        <v>0</v>
      </c>
    </row>
    <row r="14669" spans="1:7" x14ac:dyDescent="0.3">
      <c r="A14669" s="13" t="s">
        <v>108</v>
      </c>
      <c r="B14669" s="14" t="s">
        <v>1</v>
      </c>
      <c r="C14669" s="14" t="s">
        <v>109</v>
      </c>
      <c r="D14669" s="14" t="s">
        <v>110</v>
      </c>
      <c r="E14669" s="15">
        <v>45445</v>
      </c>
      <c r="F14669" s="14" t="s">
        <v>25</v>
      </c>
      <c r="G14669" s="16">
        <v>0</v>
      </c>
    </row>
    <row r="14670" spans="1:7" x14ac:dyDescent="0.3">
      <c r="A14670" s="13" t="s">
        <v>108</v>
      </c>
      <c r="B14670" s="14" t="s">
        <v>1</v>
      </c>
      <c r="C14670" s="14" t="s">
        <v>109</v>
      </c>
      <c r="D14670" s="14" t="s">
        <v>110</v>
      </c>
      <c r="E14670" s="15">
        <v>45446</v>
      </c>
      <c r="F14670" s="14" t="s">
        <v>25</v>
      </c>
      <c r="G14670" s="16">
        <v>0</v>
      </c>
    </row>
    <row r="14671" spans="1:7" x14ac:dyDescent="0.3">
      <c r="A14671" s="13" t="s">
        <v>108</v>
      </c>
      <c r="B14671" s="14" t="s">
        <v>1</v>
      </c>
      <c r="C14671" s="14" t="s">
        <v>109</v>
      </c>
      <c r="D14671" s="14" t="s">
        <v>110</v>
      </c>
      <c r="E14671" s="15">
        <v>45447</v>
      </c>
      <c r="F14671" s="14" t="s">
        <v>25</v>
      </c>
      <c r="G14671" s="16">
        <v>0</v>
      </c>
    </row>
    <row r="14672" spans="1:7" x14ac:dyDescent="0.3">
      <c r="A14672" s="13" t="s">
        <v>108</v>
      </c>
      <c r="B14672" s="14" t="s">
        <v>1</v>
      </c>
      <c r="C14672" s="14" t="s">
        <v>109</v>
      </c>
      <c r="D14672" s="14" t="s">
        <v>110</v>
      </c>
      <c r="E14672" s="15">
        <v>45448</v>
      </c>
      <c r="F14672" s="14" t="s">
        <v>25</v>
      </c>
      <c r="G14672" s="16">
        <v>0</v>
      </c>
    </row>
    <row r="14673" spans="1:7" x14ac:dyDescent="0.3">
      <c r="A14673" s="13" t="s">
        <v>108</v>
      </c>
      <c r="B14673" s="14" t="s">
        <v>1</v>
      </c>
      <c r="C14673" s="14" t="s">
        <v>109</v>
      </c>
      <c r="D14673" s="14" t="s">
        <v>110</v>
      </c>
      <c r="E14673" s="15">
        <v>45449</v>
      </c>
      <c r="F14673" s="14" t="s">
        <v>25</v>
      </c>
      <c r="G14673" s="16">
        <v>0</v>
      </c>
    </row>
    <row r="14674" spans="1:7" x14ac:dyDescent="0.3">
      <c r="A14674" s="13" t="s">
        <v>108</v>
      </c>
      <c r="B14674" s="14" t="s">
        <v>1</v>
      </c>
      <c r="C14674" s="14" t="s">
        <v>109</v>
      </c>
      <c r="D14674" s="14" t="s">
        <v>110</v>
      </c>
      <c r="E14674" s="15">
        <v>45450</v>
      </c>
      <c r="F14674" s="14" t="s">
        <v>25</v>
      </c>
      <c r="G14674" s="16">
        <v>0</v>
      </c>
    </row>
    <row r="14675" spans="1:7" x14ac:dyDescent="0.3">
      <c r="A14675" s="13" t="s">
        <v>108</v>
      </c>
      <c r="B14675" s="14" t="s">
        <v>1</v>
      </c>
      <c r="C14675" s="14" t="s">
        <v>109</v>
      </c>
      <c r="D14675" s="14" t="s">
        <v>110</v>
      </c>
      <c r="E14675" s="15">
        <v>45451</v>
      </c>
      <c r="F14675" s="14" t="s">
        <v>25</v>
      </c>
      <c r="G14675" s="16">
        <v>0</v>
      </c>
    </row>
    <row r="14676" spans="1:7" x14ac:dyDescent="0.3">
      <c r="A14676" s="13" t="s">
        <v>108</v>
      </c>
      <c r="B14676" s="14" t="s">
        <v>1</v>
      </c>
      <c r="C14676" s="14" t="s">
        <v>109</v>
      </c>
      <c r="D14676" s="14" t="s">
        <v>110</v>
      </c>
      <c r="E14676" s="15">
        <v>45452</v>
      </c>
      <c r="F14676" s="14" t="s">
        <v>25</v>
      </c>
      <c r="G14676" s="16">
        <v>0</v>
      </c>
    </row>
    <row r="14677" spans="1:7" x14ac:dyDescent="0.3">
      <c r="A14677" s="13" t="s">
        <v>108</v>
      </c>
      <c r="B14677" s="14" t="s">
        <v>1</v>
      </c>
      <c r="C14677" s="14" t="s">
        <v>109</v>
      </c>
      <c r="D14677" s="14" t="s">
        <v>110</v>
      </c>
      <c r="E14677" s="15">
        <v>45453</v>
      </c>
      <c r="F14677" s="14" t="s">
        <v>25</v>
      </c>
      <c r="G14677" s="16">
        <v>0</v>
      </c>
    </row>
    <row r="14678" spans="1:7" x14ac:dyDescent="0.3">
      <c r="A14678" s="13" t="s">
        <v>108</v>
      </c>
      <c r="B14678" s="14" t="s">
        <v>1</v>
      </c>
      <c r="C14678" s="14" t="s">
        <v>109</v>
      </c>
      <c r="D14678" s="14" t="s">
        <v>110</v>
      </c>
      <c r="E14678" s="15">
        <v>45454</v>
      </c>
      <c r="F14678" s="14" t="s">
        <v>25</v>
      </c>
      <c r="G14678" s="16">
        <v>0</v>
      </c>
    </row>
    <row r="14679" spans="1:7" x14ac:dyDescent="0.3">
      <c r="A14679" s="13" t="s">
        <v>108</v>
      </c>
      <c r="B14679" s="14" t="s">
        <v>1</v>
      </c>
      <c r="C14679" s="14" t="s">
        <v>109</v>
      </c>
      <c r="D14679" s="14" t="s">
        <v>110</v>
      </c>
      <c r="E14679" s="15">
        <v>45455</v>
      </c>
      <c r="F14679" s="14" t="s">
        <v>25</v>
      </c>
      <c r="G14679" s="16">
        <v>0</v>
      </c>
    </row>
    <row r="14680" spans="1:7" x14ac:dyDescent="0.3">
      <c r="A14680" s="13" t="s">
        <v>108</v>
      </c>
      <c r="B14680" s="14" t="s">
        <v>1</v>
      </c>
      <c r="C14680" s="14" t="s">
        <v>109</v>
      </c>
      <c r="D14680" s="14" t="s">
        <v>110</v>
      </c>
      <c r="E14680" s="15">
        <v>45456</v>
      </c>
      <c r="F14680" s="14" t="s">
        <v>25</v>
      </c>
      <c r="G14680" s="16">
        <v>0</v>
      </c>
    </row>
    <row r="14681" spans="1:7" x14ac:dyDescent="0.3">
      <c r="A14681" s="13" t="s">
        <v>108</v>
      </c>
      <c r="B14681" s="14" t="s">
        <v>1</v>
      </c>
      <c r="C14681" s="14" t="s">
        <v>109</v>
      </c>
      <c r="D14681" s="14" t="s">
        <v>110</v>
      </c>
      <c r="E14681" s="15">
        <v>45457</v>
      </c>
      <c r="F14681" s="14" t="s">
        <v>25</v>
      </c>
      <c r="G14681" s="16">
        <v>0</v>
      </c>
    </row>
    <row r="14682" spans="1:7" x14ac:dyDescent="0.3">
      <c r="A14682" s="13" t="s">
        <v>108</v>
      </c>
      <c r="B14682" s="14" t="s">
        <v>1</v>
      </c>
      <c r="C14682" s="14" t="s">
        <v>109</v>
      </c>
      <c r="D14682" s="14" t="s">
        <v>110</v>
      </c>
      <c r="E14682" s="15">
        <v>45458</v>
      </c>
      <c r="F14682" s="14" t="s">
        <v>25</v>
      </c>
      <c r="G14682" s="16">
        <v>0</v>
      </c>
    </row>
    <row r="14683" spans="1:7" x14ac:dyDescent="0.3">
      <c r="A14683" s="13" t="s">
        <v>108</v>
      </c>
      <c r="B14683" s="14" t="s">
        <v>1</v>
      </c>
      <c r="C14683" s="14" t="s">
        <v>109</v>
      </c>
      <c r="D14683" s="14" t="s">
        <v>110</v>
      </c>
      <c r="E14683" s="15">
        <v>45459</v>
      </c>
      <c r="F14683" s="14" t="s">
        <v>25</v>
      </c>
      <c r="G14683" s="16">
        <v>0</v>
      </c>
    </row>
    <row r="14684" spans="1:7" x14ac:dyDescent="0.3">
      <c r="A14684" s="13" t="s">
        <v>108</v>
      </c>
      <c r="B14684" s="14" t="s">
        <v>1</v>
      </c>
      <c r="C14684" s="14" t="s">
        <v>109</v>
      </c>
      <c r="D14684" s="14" t="s">
        <v>110</v>
      </c>
      <c r="E14684" s="15">
        <v>45460</v>
      </c>
      <c r="F14684" s="14" t="s">
        <v>25</v>
      </c>
      <c r="G14684" s="16">
        <v>0</v>
      </c>
    </row>
    <row r="14685" spans="1:7" x14ac:dyDescent="0.3">
      <c r="A14685" s="13" t="s">
        <v>108</v>
      </c>
      <c r="B14685" s="14" t="s">
        <v>1</v>
      </c>
      <c r="C14685" s="14" t="s">
        <v>109</v>
      </c>
      <c r="D14685" s="14" t="s">
        <v>110</v>
      </c>
      <c r="E14685" s="15">
        <v>45461</v>
      </c>
      <c r="F14685" s="14" t="s">
        <v>25</v>
      </c>
      <c r="G14685" s="16">
        <v>0</v>
      </c>
    </row>
    <row r="14686" spans="1:7" x14ac:dyDescent="0.3">
      <c r="A14686" s="13" t="s">
        <v>108</v>
      </c>
      <c r="B14686" s="14" t="s">
        <v>1</v>
      </c>
      <c r="C14686" s="14" t="s">
        <v>109</v>
      </c>
      <c r="D14686" s="14" t="s">
        <v>110</v>
      </c>
      <c r="E14686" s="15">
        <v>45462</v>
      </c>
      <c r="F14686" s="14" t="s">
        <v>25</v>
      </c>
      <c r="G14686" s="16">
        <v>0</v>
      </c>
    </row>
    <row r="14687" spans="1:7" x14ac:dyDescent="0.3">
      <c r="A14687" s="13" t="s">
        <v>108</v>
      </c>
      <c r="B14687" s="14" t="s">
        <v>1</v>
      </c>
      <c r="C14687" s="14" t="s">
        <v>109</v>
      </c>
      <c r="D14687" s="14" t="s">
        <v>110</v>
      </c>
      <c r="E14687" s="15">
        <v>45463</v>
      </c>
      <c r="F14687" s="14" t="s">
        <v>25</v>
      </c>
      <c r="G14687" s="16">
        <v>0</v>
      </c>
    </row>
    <row r="14688" spans="1:7" x14ac:dyDescent="0.3">
      <c r="A14688" s="13" t="s">
        <v>108</v>
      </c>
      <c r="B14688" s="14" t="s">
        <v>1</v>
      </c>
      <c r="C14688" s="14" t="s">
        <v>109</v>
      </c>
      <c r="D14688" s="14" t="s">
        <v>110</v>
      </c>
      <c r="E14688" s="15">
        <v>45464</v>
      </c>
      <c r="F14688" s="14" t="s">
        <v>25</v>
      </c>
      <c r="G14688" s="16">
        <v>0</v>
      </c>
    </row>
    <row r="14689" spans="1:7" x14ac:dyDescent="0.3">
      <c r="A14689" s="13" t="s">
        <v>108</v>
      </c>
      <c r="B14689" s="14" t="s">
        <v>1</v>
      </c>
      <c r="C14689" s="14" t="s">
        <v>109</v>
      </c>
      <c r="D14689" s="14" t="s">
        <v>110</v>
      </c>
      <c r="E14689" s="15">
        <v>45465</v>
      </c>
      <c r="F14689" s="14" t="s">
        <v>25</v>
      </c>
      <c r="G14689" s="16">
        <v>0</v>
      </c>
    </row>
    <row r="14690" spans="1:7" x14ac:dyDescent="0.3">
      <c r="A14690" s="13" t="s">
        <v>108</v>
      </c>
      <c r="B14690" s="14" t="s">
        <v>1</v>
      </c>
      <c r="C14690" s="14" t="s">
        <v>109</v>
      </c>
      <c r="D14690" s="14" t="s">
        <v>110</v>
      </c>
      <c r="E14690" s="15">
        <v>45466</v>
      </c>
      <c r="F14690" s="14" t="s">
        <v>25</v>
      </c>
      <c r="G14690" s="16">
        <v>0</v>
      </c>
    </row>
    <row r="14691" spans="1:7" x14ac:dyDescent="0.3">
      <c r="A14691" s="13" t="s">
        <v>108</v>
      </c>
      <c r="B14691" s="14" t="s">
        <v>1</v>
      </c>
      <c r="C14691" s="14" t="s">
        <v>109</v>
      </c>
      <c r="D14691" s="14" t="s">
        <v>110</v>
      </c>
      <c r="E14691" s="15">
        <v>45467</v>
      </c>
      <c r="F14691" s="14" t="s">
        <v>25</v>
      </c>
      <c r="G14691" s="16">
        <v>0</v>
      </c>
    </row>
    <row r="14692" spans="1:7" x14ac:dyDescent="0.3">
      <c r="A14692" s="13" t="s">
        <v>108</v>
      </c>
      <c r="B14692" s="14" t="s">
        <v>1</v>
      </c>
      <c r="C14692" s="14" t="s">
        <v>109</v>
      </c>
      <c r="D14692" s="14" t="s">
        <v>110</v>
      </c>
      <c r="E14692" s="15">
        <v>45468</v>
      </c>
      <c r="F14692" s="14" t="s">
        <v>25</v>
      </c>
      <c r="G14692" s="16">
        <v>0</v>
      </c>
    </row>
    <row r="14693" spans="1:7" x14ac:dyDescent="0.3">
      <c r="A14693" s="13" t="s">
        <v>108</v>
      </c>
      <c r="B14693" s="14" t="s">
        <v>1</v>
      </c>
      <c r="C14693" s="14" t="s">
        <v>109</v>
      </c>
      <c r="D14693" s="14" t="s">
        <v>110</v>
      </c>
      <c r="E14693" s="15">
        <v>45469</v>
      </c>
      <c r="F14693" s="14" t="s">
        <v>25</v>
      </c>
      <c r="G14693" s="16">
        <v>0</v>
      </c>
    </row>
    <row r="14694" spans="1:7" x14ac:dyDescent="0.3">
      <c r="A14694" s="13" t="s">
        <v>108</v>
      </c>
      <c r="B14694" s="14" t="s">
        <v>1</v>
      </c>
      <c r="C14694" s="14" t="s">
        <v>109</v>
      </c>
      <c r="D14694" s="14" t="s">
        <v>110</v>
      </c>
      <c r="E14694" s="15">
        <v>45470</v>
      </c>
      <c r="F14694" s="14" t="s">
        <v>25</v>
      </c>
      <c r="G14694" s="16">
        <v>0</v>
      </c>
    </row>
    <row r="14695" spans="1:7" x14ac:dyDescent="0.3">
      <c r="A14695" s="13" t="s">
        <v>108</v>
      </c>
      <c r="B14695" s="14" t="s">
        <v>1</v>
      </c>
      <c r="C14695" s="14" t="s">
        <v>109</v>
      </c>
      <c r="D14695" s="14" t="s">
        <v>110</v>
      </c>
      <c r="E14695" s="15">
        <v>45471</v>
      </c>
      <c r="F14695" s="14" t="s">
        <v>25</v>
      </c>
      <c r="G14695" s="16">
        <v>0</v>
      </c>
    </row>
    <row r="14696" spans="1:7" x14ac:dyDescent="0.3">
      <c r="A14696" s="13" t="s">
        <v>108</v>
      </c>
      <c r="B14696" s="14" t="s">
        <v>1</v>
      </c>
      <c r="C14696" s="14" t="s">
        <v>109</v>
      </c>
      <c r="D14696" s="14" t="s">
        <v>110</v>
      </c>
      <c r="E14696" s="15">
        <v>45472</v>
      </c>
      <c r="F14696" s="14" t="s">
        <v>25</v>
      </c>
      <c r="G14696" s="16">
        <v>0</v>
      </c>
    </row>
    <row r="14697" spans="1:7" x14ac:dyDescent="0.3">
      <c r="A14697" s="13" t="s">
        <v>108</v>
      </c>
      <c r="B14697" s="14" t="s">
        <v>1</v>
      </c>
      <c r="C14697" s="14" t="s">
        <v>109</v>
      </c>
      <c r="D14697" s="14" t="s">
        <v>110</v>
      </c>
      <c r="E14697" s="15">
        <v>45473</v>
      </c>
      <c r="F14697" s="14" t="s">
        <v>25</v>
      </c>
      <c r="G14697" s="16">
        <v>0</v>
      </c>
    </row>
    <row r="14698" spans="1:7" x14ac:dyDescent="0.3">
      <c r="A14698" s="13" t="s">
        <v>108</v>
      </c>
      <c r="B14698" s="14" t="s">
        <v>1</v>
      </c>
      <c r="C14698" s="14" t="s">
        <v>109</v>
      </c>
      <c r="D14698" s="14" t="s">
        <v>110</v>
      </c>
      <c r="E14698" s="15">
        <v>45474</v>
      </c>
      <c r="F14698" s="14" t="s">
        <v>25</v>
      </c>
      <c r="G14698" s="16">
        <v>0</v>
      </c>
    </row>
    <row r="14699" spans="1:7" x14ac:dyDescent="0.3">
      <c r="A14699" s="13" t="s">
        <v>108</v>
      </c>
      <c r="B14699" s="14" t="s">
        <v>1</v>
      </c>
      <c r="C14699" s="14" t="s">
        <v>109</v>
      </c>
      <c r="D14699" s="14" t="s">
        <v>110</v>
      </c>
      <c r="E14699" s="15">
        <v>45475</v>
      </c>
      <c r="F14699" s="14" t="s">
        <v>25</v>
      </c>
      <c r="G14699" s="16">
        <v>0</v>
      </c>
    </row>
    <row r="14700" spans="1:7" x14ac:dyDescent="0.3">
      <c r="A14700" s="13" t="s">
        <v>108</v>
      </c>
      <c r="B14700" s="14" t="s">
        <v>1</v>
      </c>
      <c r="C14700" s="14" t="s">
        <v>109</v>
      </c>
      <c r="D14700" s="14" t="s">
        <v>110</v>
      </c>
      <c r="E14700" s="15">
        <v>45476</v>
      </c>
      <c r="F14700" s="14" t="s">
        <v>25</v>
      </c>
      <c r="G14700" s="16">
        <v>0</v>
      </c>
    </row>
    <row r="14701" spans="1:7" x14ac:dyDescent="0.3">
      <c r="A14701" s="13" t="s">
        <v>108</v>
      </c>
      <c r="B14701" s="14" t="s">
        <v>1</v>
      </c>
      <c r="C14701" s="14" t="s">
        <v>109</v>
      </c>
      <c r="D14701" s="14" t="s">
        <v>110</v>
      </c>
      <c r="E14701" s="15">
        <v>45477</v>
      </c>
      <c r="F14701" s="14" t="s">
        <v>25</v>
      </c>
      <c r="G14701" s="16">
        <v>0</v>
      </c>
    </row>
    <row r="14702" spans="1:7" x14ac:dyDescent="0.3">
      <c r="A14702" s="13" t="s">
        <v>108</v>
      </c>
      <c r="B14702" s="14" t="s">
        <v>1</v>
      </c>
      <c r="C14702" s="14" t="s">
        <v>109</v>
      </c>
      <c r="D14702" s="14" t="s">
        <v>110</v>
      </c>
      <c r="E14702" s="15">
        <v>45478</v>
      </c>
      <c r="F14702" s="14" t="s">
        <v>25</v>
      </c>
      <c r="G14702" s="16">
        <v>0</v>
      </c>
    </row>
    <row r="14703" spans="1:7" x14ac:dyDescent="0.3">
      <c r="A14703" s="13" t="s">
        <v>108</v>
      </c>
      <c r="B14703" s="14" t="s">
        <v>1</v>
      </c>
      <c r="C14703" s="14" t="s">
        <v>109</v>
      </c>
      <c r="D14703" s="14" t="s">
        <v>110</v>
      </c>
      <c r="E14703" s="15">
        <v>45479</v>
      </c>
      <c r="F14703" s="14" t="s">
        <v>25</v>
      </c>
      <c r="G14703" s="16">
        <v>0</v>
      </c>
    </row>
    <row r="14704" spans="1:7" x14ac:dyDescent="0.3">
      <c r="A14704" s="13" t="s">
        <v>108</v>
      </c>
      <c r="B14704" s="14" t="s">
        <v>1</v>
      </c>
      <c r="C14704" s="14" t="s">
        <v>109</v>
      </c>
      <c r="D14704" s="14" t="s">
        <v>110</v>
      </c>
      <c r="E14704" s="15">
        <v>45480</v>
      </c>
      <c r="F14704" s="14" t="s">
        <v>25</v>
      </c>
      <c r="G14704" s="16">
        <v>0</v>
      </c>
    </row>
    <row r="14705" spans="1:7" x14ac:dyDescent="0.3">
      <c r="A14705" s="13" t="s">
        <v>108</v>
      </c>
      <c r="B14705" s="14" t="s">
        <v>1</v>
      </c>
      <c r="C14705" s="14" t="s">
        <v>109</v>
      </c>
      <c r="D14705" s="14" t="s">
        <v>110</v>
      </c>
      <c r="E14705" s="15">
        <v>45481</v>
      </c>
      <c r="F14705" s="14" t="s">
        <v>25</v>
      </c>
      <c r="G14705" s="16">
        <v>0</v>
      </c>
    </row>
    <row r="14706" spans="1:7" x14ac:dyDescent="0.3">
      <c r="A14706" s="13" t="s">
        <v>108</v>
      </c>
      <c r="B14706" s="14" t="s">
        <v>1</v>
      </c>
      <c r="C14706" s="14" t="s">
        <v>109</v>
      </c>
      <c r="D14706" s="14" t="s">
        <v>110</v>
      </c>
      <c r="E14706" s="15">
        <v>45482</v>
      </c>
      <c r="F14706" s="14" t="s">
        <v>25</v>
      </c>
      <c r="G14706" s="16">
        <v>0</v>
      </c>
    </row>
    <row r="14707" spans="1:7" x14ac:dyDescent="0.3">
      <c r="A14707" s="13" t="s">
        <v>108</v>
      </c>
      <c r="B14707" s="14" t="s">
        <v>1</v>
      </c>
      <c r="C14707" s="14" t="s">
        <v>109</v>
      </c>
      <c r="D14707" s="14" t="s">
        <v>110</v>
      </c>
      <c r="E14707" s="15">
        <v>45483</v>
      </c>
      <c r="F14707" s="14" t="s">
        <v>25</v>
      </c>
      <c r="G14707" s="16">
        <v>0</v>
      </c>
    </row>
    <row r="14708" spans="1:7" x14ac:dyDescent="0.3">
      <c r="A14708" s="13" t="s">
        <v>108</v>
      </c>
      <c r="B14708" s="14" t="s">
        <v>1</v>
      </c>
      <c r="C14708" s="14" t="s">
        <v>109</v>
      </c>
      <c r="D14708" s="14" t="s">
        <v>110</v>
      </c>
      <c r="E14708" s="15">
        <v>45484</v>
      </c>
      <c r="F14708" s="14" t="s">
        <v>25</v>
      </c>
      <c r="G14708" s="16">
        <v>0</v>
      </c>
    </row>
    <row r="14709" spans="1:7" x14ac:dyDescent="0.3">
      <c r="A14709" s="13" t="s">
        <v>108</v>
      </c>
      <c r="B14709" s="14" t="s">
        <v>1</v>
      </c>
      <c r="C14709" s="14" t="s">
        <v>109</v>
      </c>
      <c r="D14709" s="14" t="s">
        <v>110</v>
      </c>
      <c r="E14709" s="15">
        <v>45485</v>
      </c>
      <c r="F14709" s="14" t="s">
        <v>25</v>
      </c>
      <c r="G14709" s="16">
        <v>0</v>
      </c>
    </row>
    <row r="14710" spans="1:7" x14ac:dyDescent="0.3">
      <c r="A14710" s="13" t="s">
        <v>108</v>
      </c>
      <c r="B14710" s="14" t="s">
        <v>1</v>
      </c>
      <c r="C14710" s="14" t="s">
        <v>109</v>
      </c>
      <c r="D14710" s="14" t="s">
        <v>110</v>
      </c>
      <c r="E14710" s="15">
        <v>45486</v>
      </c>
      <c r="F14710" s="14" t="s">
        <v>25</v>
      </c>
      <c r="G14710" s="16">
        <v>0</v>
      </c>
    </row>
    <row r="14711" spans="1:7" x14ac:dyDescent="0.3">
      <c r="A14711" s="13" t="s">
        <v>108</v>
      </c>
      <c r="B14711" s="14" t="s">
        <v>1</v>
      </c>
      <c r="C14711" s="14" t="s">
        <v>109</v>
      </c>
      <c r="D14711" s="14" t="s">
        <v>110</v>
      </c>
      <c r="E14711" s="15">
        <v>45487</v>
      </c>
      <c r="F14711" s="14" t="s">
        <v>25</v>
      </c>
      <c r="G14711" s="16">
        <v>0</v>
      </c>
    </row>
    <row r="14712" spans="1:7" x14ac:dyDescent="0.3">
      <c r="A14712" s="13" t="s">
        <v>108</v>
      </c>
      <c r="B14712" s="14" t="s">
        <v>1</v>
      </c>
      <c r="C14712" s="14" t="s">
        <v>109</v>
      </c>
      <c r="D14712" s="14" t="s">
        <v>110</v>
      </c>
      <c r="E14712" s="15">
        <v>45488</v>
      </c>
      <c r="F14712" s="14" t="s">
        <v>25</v>
      </c>
      <c r="G14712" s="16">
        <v>0</v>
      </c>
    </row>
    <row r="14713" spans="1:7" x14ac:dyDescent="0.3">
      <c r="A14713" s="13" t="s">
        <v>108</v>
      </c>
      <c r="B14713" s="14" t="s">
        <v>1</v>
      </c>
      <c r="C14713" s="14" t="s">
        <v>109</v>
      </c>
      <c r="D14713" s="14" t="s">
        <v>110</v>
      </c>
      <c r="E14713" s="15">
        <v>45489</v>
      </c>
      <c r="F14713" s="14" t="s">
        <v>25</v>
      </c>
      <c r="G14713" s="16">
        <v>0</v>
      </c>
    </row>
    <row r="14714" spans="1:7" x14ac:dyDescent="0.3">
      <c r="A14714" s="13" t="s">
        <v>108</v>
      </c>
      <c r="B14714" s="14" t="s">
        <v>1</v>
      </c>
      <c r="C14714" s="14" t="s">
        <v>109</v>
      </c>
      <c r="D14714" s="14" t="s">
        <v>110</v>
      </c>
      <c r="E14714" s="15">
        <v>45490</v>
      </c>
      <c r="F14714" s="14" t="s">
        <v>25</v>
      </c>
      <c r="G14714" s="16">
        <v>0</v>
      </c>
    </row>
    <row r="14715" spans="1:7" x14ac:dyDescent="0.3">
      <c r="A14715" s="13" t="s">
        <v>108</v>
      </c>
      <c r="B14715" s="14" t="s">
        <v>1</v>
      </c>
      <c r="C14715" s="14" t="s">
        <v>109</v>
      </c>
      <c r="D14715" s="14" t="s">
        <v>110</v>
      </c>
      <c r="E14715" s="15">
        <v>45491</v>
      </c>
      <c r="F14715" s="14" t="s">
        <v>25</v>
      </c>
      <c r="G14715" s="16">
        <v>0</v>
      </c>
    </row>
    <row r="14716" spans="1:7" x14ac:dyDescent="0.3">
      <c r="A14716" s="13" t="s">
        <v>108</v>
      </c>
      <c r="B14716" s="14" t="s">
        <v>1</v>
      </c>
      <c r="C14716" s="14" t="s">
        <v>109</v>
      </c>
      <c r="D14716" s="14" t="s">
        <v>110</v>
      </c>
      <c r="E14716" s="15">
        <v>45492</v>
      </c>
      <c r="F14716" s="14" t="s">
        <v>25</v>
      </c>
      <c r="G14716" s="16">
        <v>0</v>
      </c>
    </row>
    <row r="14717" spans="1:7" x14ac:dyDescent="0.3">
      <c r="A14717" s="13" t="s">
        <v>108</v>
      </c>
      <c r="B14717" s="14" t="s">
        <v>1</v>
      </c>
      <c r="C14717" s="14" t="s">
        <v>109</v>
      </c>
      <c r="D14717" s="14" t="s">
        <v>110</v>
      </c>
      <c r="E14717" s="15">
        <v>45493</v>
      </c>
      <c r="F14717" s="14" t="s">
        <v>25</v>
      </c>
      <c r="G14717" s="16">
        <v>0</v>
      </c>
    </row>
    <row r="14718" spans="1:7" x14ac:dyDescent="0.3">
      <c r="A14718" s="13" t="s">
        <v>108</v>
      </c>
      <c r="B14718" s="14" t="s">
        <v>1</v>
      </c>
      <c r="C14718" s="14" t="s">
        <v>109</v>
      </c>
      <c r="D14718" s="14" t="s">
        <v>110</v>
      </c>
      <c r="E14718" s="15">
        <v>45494</v>
      </c>
      <c r="F14718" s="14" t="s">
        <v>25</v>
      </c>
      <c r="G14718" s="16">
        <v>0</v>
      </c>
    </row>
    <row r="14719" spans="1:7" x14ac:dyDescent="0.3">
      <c r="A14719" s="13" t="s">
        <v>108</v>
      </c>
      <c r="B14719" s="14" t="s">
        <v>1</v>
      </c>
      <c r="C14719" s="14" t="s">
        <v>109</v>
      </c>
      <c r="D14719" s="14" t="s">
        <v>110</v>
      </c>
      <c r="E14719" s="15">
        <v>45495</v>
      </c>
      <c r="F14719" s="14" t="s">
        <v>25</v>
      </c>
      <c r="G14719" s="16">
        <v>0</v>
      </c>
    </row>
    <row r="14720" spans="1:7" x14ac:dyDescent="0.3">
      <c r="A14720" s="13" t="s">
        <v>108</v>
      </c>
      <c r="B14720" s="14" t="s">
        <v>1</v>
      </c>
      <c r="C14720" s="14" t="s">
        <v>109</v>
      </c>
      <c r="D14720" s="14" t="s">
        <v>110</v>
      </c>
      <c r="E14720" s="15">
        <v>45496</v>
      </c>
      <c r="F14720" s="14" t="s">
        <v>25</v>
      </c>
      <c r="G14720" s="16">
        <v>0</v>
      </c>
    </row>
    <row r="14721" spans="1:7" x14ac:dyDescent="0.3">
      <c r="A14721" s="13" t="s">
        <v>108</v>
      </c>
      <c r="B14721" s="14" t="s">
        <v>1</v>
      </c>
      <c r="C14721" s="14" t="s">
        <v>109</v>
      </c>
      <c r="D14721" s="14" t="s">
        <v>110</v>
      </c>
      <c r="E14721" s="15">
        <v>45497</v>
      </c>
      <c r="F14721" s="14" t="s">
        <v>25</v>
      </c>
      <c r="G14721" s="16">
        <v>0</v>
      </c>
    </row>
    <row r="14722" spans="1:7" x14ac:dyDescent="0.3">
      <c r="A14722" s="13" t="s">
        <v>108</v>
      </c>
      <c r="B14722" s="14" t="s">
        <v>1</v>
      </c>
      <c r="C14722" s="14" t="s">
        <v>109</v>
      </c>
      <c r="D14722" s="14" t="s">
        <v>110</v>
      </c>
      <c r="E14722" s="15">
        <v>45498</v>
      </c>
      <c r="F14722" s="14" t="s">
        <v>25</v>
      </c>
      <c r="G14722" s="16">
        <v>0</v>
      </c>
    </row>
    <row r="14723" spans="1:7" x14ac:dyDescent="0.3">
      <c r="A14723" s="13" t="s">
        <v>108</v>
      </c>
      <c r="B14723" s="14" t="s">
        <v>1</v>
      </c>
      <c r="C14723" s="14" t="s">
        <v>109</v>
      </c>
      <c r="D14723" s="14" t="s">
        <v>110</v>
      </c>
      <c r="E14723" s="15">
        <v>45499</v>
      </c>
      <c r="F14723" s="14" t="s">
        <v>25</v>
      </c>
      <c r="G14723" s="16">
        <v>0</v>
      </c>
    </row>
    <row r="14724" spans="1:7" x14ac:dyDescent="0.3">
      <c r="A14724" s="13" t="s">
        <v>108</v>
      </c>
      <c r="B14724" s="14" t="s">
        <v>1</v>
      </c>
      <c r="C14724" s="14" t="s">
        <v>109</v>
      </c>
      <c r="D14724" s="14" t="s">
        <v>110</v>
      </c>
      <c r="E14724" s="15">
        <v>45500</v>
      </c>
      <c r="F14724" s="14" t="s">
        <v>25</v>
      </c>
      <c r="G14724" s="16">
        <v>0</v>
      </c>
    </row>
    <row r="14725" spans="1:7" x14ac:dyDescent="0.3">
      <c r="A14725" s="13" t="s">
        <v>108</v>
      </c>
      <c r="B14725" s="14" t="s">
        <v>1</v>
      </c>
      <c r="C14725" s="14" t="s">
        <v>109</v>
      </c>
      <c r="D14725" s="14" t="s">
        <v>110</v>
      </c>
      <c r="E14725" s="15">
        <v>45501</v>
      </c>
      <c r="F14725" s="14" t="s">
        <v>25</v>
      </c>
      <c r="G14725" s="16">
        <v>0</v>
      </c>
    </row>
    <row r="14726" spans="1:7" x14ac:dyDescent="0.3">
      <c r="A14726" s="13" t="s">
        <v>108</v>
      </c>
      <c r="B14726" s="14" t="s">
        <v>1</v>
      </c>
      <c r="C14726" s="14" t="s">
        <v>109</v>
      </c>
      <c r="D14726" s="14" t="s">
        <v>110</v>
      </c>
      <c r="E14726" s="15">
        <v>45502</v>
      </c>
      <c r="F14726" s="14" t="s">
        <v>25</v>
      </c>
      <c r="G14726" s="16">
        <v>0</v>
      </c>
    </row>
    <row r="14727" spans="1:7" x14ac:dyDescent="0.3">
      <c r="A14727" s="13" t="s">
        <v>108</v>
      </c>
      <c r="B14727" s="14" t="s">
        <v>1</v>
      </c>
      <c r="C14727" s="14" t="s">
        <v>109</v>
      </c>
      <c r="D14727" s="14" t="s">
        <v>110</v>
      </c>
      <c r="E14727" s="15">
        <v>45503</v>
      </c>
      <c r="F14727" s="14" t="s">
        <v>25</v>
      </c>
      <c r="G14727" s="16">
        <v>0</v>
      </c>
    </row>
    <row r="14728" spans="1:7" x14ac:dyDescent="0.3">
      <c r="A14728" s="13" t="s">
        <v>108</v>
      </c>
      <c r="B14728" s="14" t="s">
        <v>1</v>
      </c>
      <c r="C14728" s="14" t="s">
        <v>109</v>
      </c>
      <c r="D14728" s="14" t="s">
        <v>110</v>
      </c>
      <c r="E14728" s="15">
        <v>45504</v>
      </c>
      <c r="F14728" s="14" t="s">
        <v>25</v>
      </c>
      <c r="G14728" s="16">
        <v>0</v>
      </c>
    </row>
    <row r="14729" spans="1:7" x14ac:dyDescent="0.3">
      <c r="A14729" s="13" t="s">
        <v>108</v>
      </c>
      <c r="B14729" s="14" t="s">
        <v>1</v>
      </c>
      <c r="C14729" s="14" t="s">
        <v>109</v>
      </c>
      <c r="D14729" s="14" t="s">
        <v>110</v>
      </c>
      <c r="E14729" s="15">
        <v>45505</v>
      </c>
      <c r="F14729" s="14" t="s">
        <v>25</v>
      </c>
      <c r="G14729" s="16">
        <v>0</v>
      </c>
    </row>
    <row r="14730" spans="1:7" x14ac:dyDescent="0.3">
      <c r="A14730" s="13" t="s">
        <v>108</v>
      </c>
      <c r="B14730" s="14" t="s">
        <v>1</v>
      </c>
      <c r="C14730" s="14" t="s">
        <v>109</v>
      </c>
      <c r="D14730" s="14" t="s">
        <v>110</v>
      </c>
      <c r="E14730" s="15">
        <v>45506</v>
      </c>
      <c r="F14730" s="14" t="s">
        <v>25</v>
      </c>
      <c r="G14730" s="16">
        <v>0</v>
      </c>
    </row>
    <row r="14731" spans="1:7" x14ac:dyDescent="0.3">
      <c r="A14731" s="13" t="s">
        <v>108</v>
      </c>
      <c r="B14731" s="14" t="s">
        <v>1</v>
      </c>
      <c r="C14731" s="14" t="s">
        <v>109</v>
      </c>
      <c r="D14731" s="14" t="s">
        <v>110</v>
      </c>
      <c r="E14731" s="15">
        <v>45507</v>
      </c>
      <c r="F14731" s="14" t="s">
        <v>25</v>
      </c>
      <c r="G14731" s="16">
        <v>0</v>
      </c>
    </row>
    <row r="14732" spans="1:7" x14ac:dyDescent="0.3">
      <c r="A14732" s="13" t="s">
        <v>108</v>
      </c>
      <c r="B14732" s="14" t="s">
        <v>1</v>
      </c>
      <c r="C14732" s="14" t="s">
        <v>109</v>
      </c>
      <c r="D14732" s="14" t="s">
        <v>110</v>
      </c>
      <c r="E14732" s="15">
        <v>45508</v>
      </c>
      <c r="F14732" s="14" t="s">
        <v>25</v>
      </c>
      <c r="G14732" s="16">
        <v>0</v>
      </c>
    </row>
    <row r="14733" spans="1:7" x14ac:dyDescent="0.3">
      <c r="A14733" s="13" t="s">
        <v>108</v>
      </c>
      <c r="B14733" s="14" t="s">
        <v>1</v>
      </c>
      <c r="C14733" s="14" t="s">
        <v>109</v>
      </c>
      <c r="D14733" s="14" t="s">
        <v>110</v>
      </c>
      <c r="E14733" s="15">
        <v>45509</v>
      </c>
      <c r="F14733" s="14" t="s">
        <v>25</v>
      </c>
      <c r="G14733" s="16">
        <v>0</v>
      </c>
    </row>
    <row r="14734" spans="1:7" x14ac:dyDescent="0.3">
      <c r="A14734" s="13" t="s">
        <v>108</v>
      </c>
      <c r="B14734" s="14" t="s">
        <v>1</v>
      </c>
      <c r="C14734" s="14" t="s">
        <v>109</v>
      </c>
      <c r="D14734" s="14" t="s">
        <v>110</v>
      </c>
      <c r="E14734" s="15">
        <v>45510</v>
      </c>
      <c r="F14734" s="14" t="s">
        <v>25</v>
      </c>
      <c r="G14734" s="16">
        <v>0</v>
      </c>
    </row>
    <row r="14735" spans="1:7" x14ac:dyDescent="0.3">
      <c r="A14735" s="13" t="s">
        <v>108</v>
      </c>
      <c r="B14735" s="14" t="s">
        <v>1</v>
      </c>
      <c r="C14735" s="14" t="s">
        <v>109</v>
      </c>
      <c r="D14735" s="14" t="s">
        <v>110</v>
      </c>
      <c r="E14735" s="15">
        <v>45511</v>
      </c>
      <c r="F14735" s="14" t="s">
        <v>25</v>
      </c>
      <c r="G14735" s="16">
        <v>0</v>
      </c>
    </row>
    <row r="14736" spans="1:7" x14ac:dyDescent="0.3">
      <c r="A14736" s="13" t="s">
        <v>108</v>
      </c>
      <c r="B14736" s="14" t="s">
        <v>1</v>
      </c>
      <c r="C14736" s="14" t="s">
        <v>109</v>
      </c>
      <c r="D14736" s="14" t="s">
        <v>110</v>
      </c>
      <c r="E14736" s="15">
        <v>45512</v>
      </c>
      <c r="F14736" s="14" t="s">
        <v>25</v>
      </c>
      <c r="G14736" s="16">
        <v>0</v>
      </c>
    </row>
    <row r="14737" spans="1:7" x14ac:dyDescent="0.3">
      <c r="A14737" s="13" t="s">
        <v>108</v>
      </c>
      <c r="B14737" s="14" t="s">
        <v>1</v>
      </c>
      <c r="C14737" s="14" t="s">
        <v>109</v>
      </c>
      <c r="D14737" s="14" t="s">
        <v>110</v>
      </c>
      <c r="E14737" s="15">
        <v>45513</v>
      </c>
      <c r="F14737" s="14" t="s">
        <v>25</v>
      </c>
      <c r="G14737" s="16">
        <v>0</v>
      </c>
    </row>
    <row r="14738" spans="1:7" x14ac:dyDescent="0.3">
      <c r="A14738" s="13" t="s">
        <v>108</v>
      </c>
      <c r="B14738" s="14" t="s">
        <v>1</v>
      </c>
      <c r="C14738" s="14" t="s">
        <v>109</v>
      </c>
      <c r="D14738" s="14" t="s">
        <v>110</v>
      </c>
      <c r="E14738" s="15">
        <v>45514</v>
      </c>
      <c r="F14738" s="14" t="s">
        <v>25</v>
      </c>
      <c r="G14738" s="16">
        <v>0</v>
      </c>
    </row>
    <row r="14739" spans="1:7" x14ac:dyDescent="0.3">
      <c r="A14739" s="13" t="s">
        <v>108</v>
      </c>
      <c r="B14739" s="14" t="s">
        <v>1</v>
      </c>
      <c r="C14739" s="14" t="s">
        <v>109</v>
      </c>
      <c r="D14739" s="14" t="s">
        <v>110</v>
      </c>
      <c r="E14739" s="15">
        <v>45515</v>
      </c>
      <c r="F14739" s="14" t="s">
        <v>25</v>
      </c>
      <c r="G14739" s="16">
        <v>0</v>
      </c>
    </row>
    <row r="14740" spans="1:7" x14ac:dyDescent="0.3">
      <c r="A14740" s="13" t="s">
        <v>108</v>
      </c>
      <c r="B14740" s="14" t="s">
        <v>1</v>
      </c>
      <c r="C14740" s="14" t="s">
        <v>109</v>
      </c>
      <c r="D14740" s="14" t="s">
        <v>110</v>
      </c>
      <c r="E14740" s="15">
        <v>45516</v>
      </c>
      <c r="F14740" s="14" t="s">
        <v>25</v>
      </c>
      <c r="G14740" s="16">
        <v>0</v>
      </c>
    </row>
    <row r="14741" spans="1:7" x14ac:dyDescent="0.3">
      <c r="A14741" s="13" t="s">
        <v>108</v>
      </c>
      <c r="B14741" s="14" t="s">
        <v>1</v>
      </c>
      <c r="C14741" s="14" t="s">
        <v>109</v>
      </c>
      <c r="D14741" s="14" t="s">
        <v>110</v>
      </c>
      <c r="E14741" s="15">
        <v>45517</v>
      </c>
      <c r="F14741" s="14" t="s">
        <v>25</v>
      </c>
      <c r="G14741" s="16">
        <v>0</v>
      </c>
    </row>
    <row r="14742" spans="1:7" x14ac:dyDescent="0.3">
      <c r="A14742" s="13" t="s">
        <v>108</v>
      </c>
      <c r="B14742" s="14" t="s">
        <v>1</v>
      </c>
      <c r="C14742" s="14" t="s">
        <v>109</v>
      </c>
      <c r="D14742" s="14" t="s">
        <v>110</v>
      </c>
      <c r="E14742" s="15">
        <v>45518</v>
      </c>
      <c r="F14742" s="14" t="s">
        <v>25</v>
      </c>
      <c r="G14742" s="16">
        <v>0</v>
      </c>
    </row>
    <row r="14743" spans="1:7" x14ac:dyDescent="0.3">
      <c r="A14743" s="13" t="s">
        <v>108</v>
      </c>
      <c r="B14743" s="14" t="s">
        <v>1</v>
      </c>
      <c r="C14743" s="14" t="s">
        <v>109</v>
      </c>
      <c r="D14743" s="14" t="s">
        <v>110</v>
      </c>
      <c r="E14743" s="15">
        <v>45519</v>
      </c>
      <c r="F14743" s="14" t="s">
        <v>25</v>
      </c>
      <c r="G14743" s="16">
        <v>0</v>
      </c>
    </row>
    <row r="14744" spans="1:7" x14ac:dyDescent="0.3">
      <c r="A14744" s="13" t="s">
        <v>108</v>
      </c>
      <c r="B14744" s="14" t="s">
        <v>1</v>
      </c>
      <c r="C14744" s="14" t="s">
        <v>109</v>
      </c>
      <c r="D14744" s="14" t="s">
        <v>110</v>
      </c>
      <c r="E14744" s="15">
        <v>45520</v>
      </c>
      <c r="F14744" s="14" t="s">
        <v>25</v>
      </c>
      <c r="G14744" s="16">
        <v>0</v>
      </c>
    </row>
    <row r="14745" spans="1:7" x14ac:dyDescent="0.3">
      <c r="A14745" s="13" t="s">
        <v>108</v>
      </c>
      <c r="B14745" s="14" t="s">
        <v>1</v>
      </c>
      <c r="C14745" s="14" t="s">
        <v>109</v>
      </c>
      <c r="D14745" s="14" t="s">
        <v>110</v>
      </c>
      <c r="E14745" s="15">
        <v>45521</v>
      </c>
      <c r="F14745" s="14" t="s">
        <v>25</v>
      </c>
      <c r="G14745" s="16">
        <v>0</v>
      </c>
    </row>
    <row r="14746" spans="1:7" x14ac:dyDescent="0.3">
      <c r="A14746" s="13" t="s">
        <v>108</v>
      </c>
      <c r="B14746" s="14" t="s">
        <v>1</v>
      </c>
      <c r="C14746" s="14" t="s">
        <v>109</v>
      </c>
      <c r="D14746" s="14" t="s">
        <v>110</v>
      </c>
      <c r="E14746" s="15">
        <v>45522</v>
      </c>
      <c r="F14746" s="14" t="s">
        <v>25</v>
      </c>
      <c r="G14746" s="16">
        <v>0</v>
      </c>
    </row>
    <row r="14747" spans="1:7" x14ac:dyDescent="0.3">
      <c r="A14747" s="13" t="s">
        <v>108</v>
      </c>
      <c r="B14747" s="14" t="s">
        <v>1</v>
      </c>
      <c r="C14747" s="14" t="s">
        <v>109</v>
      </c>
      <c r="D14747" s="14" t="s">
        <v>110</v>
      </c>
      <c r="E14747" s="15">
        <v>45523</v>
      </c>
      <c r="F14747" s="14" t="s">
        <v>25</v>
      </c>
      <c r="G14747" s="16">
        <v>0</v>
      </c>
    </row>
    <row r="14748" spans="1:7" x14ac:dyDescent="0.3">
      <c r="A14748" s="13" t="s">
        <v>108</v>
      </c>
      <c r="B14748" s="14" t="s">
        <v>1</v>
      </c>
      <c r="C14748" s="14" t="s">
        <v>109</v>
      </c>
      <c r="D14748" s="14" t="s">
        <v>110</v>
      </c>
      <c r="E14748" s="15">
        <v>45524</v>
      </c>
      <c r="F14748" s="14" t="s">
        <v>25</v>
      </c>
      <c r="G14748" s="16">
        <v>0</v>
      </c>
    </row>
    <row r="14749" spans="1:7" x14ac:dyDescent="0.3">
      <c r="A14749" s="13" t="s">
        <v>108</v>
      </c>
      <c r="B14749" s="14" t="s">
        <v>1</v>
      </c>
      <c r="C14749" s="14" t="s">
        <v>109</v>
      </c>
      <c r="D14749" s="14" t="s">
        <v>110</v>
      </c>
      <c r="E14749" s="15">
        <v>45525</v>
      </c>
      <c r="F14749" s="14" t="s">
        <v>25</v>
      </c>
      <c r="G14749" s="16">
        <v>0</v>
      </c>
    </row>
    <row r="14750" spans="1:7" x14ac:dyDescent="0.3">
      <c r="A14750" s="13" t="s">
        <v>108</v>
      </c>
      <c r="B14750" s="14" t="s">
        <v>1</v>
      </c>
      <c r="C14750" s="14" t="s">
        <v>109</v>
      </c>
      <c r="D14750" s="14" t="s">
        <v>110</v>
      </c>
      <c r="E14750" s="15">
        <v>45526</v>
      </c>
      <c r="F14750" s="14" t="s">
        <v>25</v>
      </c>
      <c r="G14750" s="16">
        <v>0</v>
      </c>
    </row>
    <row r="14751" spans="1:7" x14ac:dyDescent="0.3">
      <c r="A14751" s="13" t="s">
        <v>108</v>
      </c>
      <c r="B14751" s="14" t="s">
        <v>1</v>
      </c>
      <c r="C14751" s="14" t="s">
        <v>109</v>
      </c>
      <c r="D14751" s="14" t="s">
        <v>110</v>
      </c>
      <c r="E14751" s="15">
        <v>45527</v>
      </c>
      <c r="F14751" s="14" t="s">
        <v>25</v>
      </c>
      <c r="G14751" s="16">
        <v>0</v>
      </c>
    </row>
    <row r="14752" spans="1:7" x14ac:dyDescent="0.3">
      <c r="A14752" s="13" t="s">
        <v>108</v>
      </c>
      <c r="B14752" s="14" t="s">
        <v>1</v>
      </c>
      <c r="C14752" s="14" t="s">
        <v>109</v>
      </c>
      <c r="D14752" s="14" t="s">
        <v>110</v>
      </c>
      <c r="E14752" s="15">
        <v>45528</v>
      </c>
      <c r="F14752" s="14" t="s">
        <v>25</v>
      </c>
      <c r="G14752" s="16">
        <v>0</v>
      </c>
    </row>
    <row r="14753" spans="1:7" x14ac:dyDescent="0.3">
      <c r="A14753" s="13" t="s">
        <v>108</v>
      </c>
      <c r="B14753" s="14" t="s">
        <v>1</v>
      </c>
      <c r="C14753" s="14" t="s">
        <v>109</v>
      </c>
      <c r="D14753" s="14" t="s">
        <v>110</v>
      </c>
      <c r="E14753" s="15">
        <v>45529</v>
      </c>
      <c r="F14753" s="14" t="s">
        <v>25</v>
      </c>
      <c r="G14753" s="16">
        <v>0</v>
      </c>
    </row>
    <row r="14754" spans="1:7" x14ac:dyDescent="0.3">
      <c r="A14754" s="13" t="s">
        <v>108</v>
      </c>
      <c r="B14754" s="14" t="s">
        <v>1</v>
      </c>
      <c r="C14754" s="14" t="s">
        <v>109</v>
      </c>
      <c r="D14754" s="14" t="s">
        <v>110</v>
      </c>
      <c r="E14754" s="15">
        <v>45530</v>
      </c>
      <c r="F14754" s="14" t="s">
        <v>25</v>
      </c>
      <c r="G14754" s="16">
        <v>0</v>
      </c>
    </row>
    <row r="14755" spans="1:7" x14ac:dyDescent="0.3">
      <c r="A14755" s="13" t="s">
        <v>108</v>
      </c>
      <c r="B14755" s="14" t="s">
        <v>1</v>
      </c>
      <c r="C14755" s="14" t="s">
        <v>109</v>
      </c>
      <c r="D14755" s="14" t="s">
        <v>110</v>
      </c>
      <c r="E14755" s="15">
        <v>45531</v>
      </c>
      <c r="F14755" s="14" t="s">
        <v>25</v>
      </c>
      <c r="G14755" s="16">
        <v>0</v>
      </c>
    </row>
    <row r="14756" spans="1:7" x14ac:dyDescent="0.3">
      <c r="A14756" s="13" t="s">
        <v>108</v>
      </c>
      <c r="B14756" s="14" t="s">
        <v>1</v>
      </c>
      <c r="C14756" s="14" t="s">
        <v>109</v>
      </c>
      <c r="D14756" s="14" t="s">
        <v>110</v>
      </c>
      <c r="E14756" s="15">
        <v>45532</v>
      </c>
      <c r="F14756" s="14" t="s">
        <v>25</v>
      </c>
      <c r="G14756" s="16">
        <v>0</v>
      </c>
    </row>
    <row r="14757" spans="1:7" x14ac:dyDescent="0.3">
      <c r="A14757" s="13" t="s">
        <v>108</v>
      </c>
      <c r="B14757" s="14" t="s">
        <v>1</v>
      </c>
      <c r="C14757" s="14" t="s">
        <v>109</v>
      </c>
      <c r="D14757" s="14" t="s">
        <v>110</v>
      </c>
      <c r="E14757" s="15">
        <v>45533</v>
      </c>
      <c r="F14757" s="14" t="s">
        <v>25</v>
      </c>
      <c r="G14757" s="16">
        <v>0</v>
      </c>
    </row>
    <row r="14758" spans="1:7" x14ac:dyDescent="0.3">
      <c r="A14758" s="13" t="s">
        <v>108</v>
      </c>
      <c r="B14758" s="14" t="s">
        <v>1</v>
      </c>
      <c r="C14758" s="14" t="s">
        <v>109</v>
      </c>
      <c r="D14758" s="14" t="s">
        <v>110</v>
      </c>
      <c r="E14758" s="15">
        <v>45534</v>
      </c>
      <c r="F14758" s="14" t="s">
        <v>25</v>
      </c>
      <c r="G14758" s="16">
        <v>0</v>
      </c>
    </row>
    <row r="14759" spans="1:7" x14ac:dyDescent="0.3">
      <c r="A14759" s="13" t="s">
        <v>108</v>
      </c>
      <c r="B14759" s="14" t="s">
        <v>1</v>
      </c>
      <c r="C14759" s="14" t="s">
        <v>109</v>
      </c>
      <c r="D14759" s="14" t="s">
        <v>110</v>
      </c>
      <c r="E14759" s="15">
        <v>45535</v>
      </c>
      <c r="F14759" s="14" t="s">
        <v>25</v>
      </c>
      <c r="G14759" s="16">
        <v>0</v>
      </c>
    </row>
    <row r="14760" spans="1:7" x14ac:dyDescent="0.3">
      <c r="A14760" s="13" t="s">
        <v>108</v>
      </c>
      <c r="B14760" s="14" t="s">
        <v>1</v>
      </c>
      <c r="C14760" s="14" t="s">
        <v>109</v>
      </c>
      <c r="D14760" s="14" t="s">
        <v>110</v>
      </c>
      <c r="E14760" s="15">
        <v>45536</v>
      </c>
      <c r="F14760" s="14" t="s">
        <v>25</v>
      </c>
      <c r="G14760" s="16">
        <v>0</v>
      </c>
    </row>
    <row r="14761" spans="1:7" x14ac:dyDescent="0.3">
      <c r="A14761" s="13" t="s">
        <v>108</v>
      </c>
      <c r="B14761" s="14" t="s">
        <v>1</v>
      </c>
      <c r="C14761" s="14" t="s">
        <v>109</v>
      </c>
      <c r="D14761" s="14" t="s">
        <v>110</v>
      </c>
      <c r="E14761" s="15">
        <v>45537</v>
      </c>
      <c r="F14761" s="14" t="s">
        <v>25</v>
      </c>
      <c r="G14761" s="16">
        <v>0</v>
      </c>
    </row>
    <row r="14762" spans="1:7" x14ac:dyDescent="0.3">
      <c r="A14762" s="13" t="s">
        <v>108</v>
      </c>
      <c r="B14762" s="14" t="s">
        <v>1</v>
      </c>
      <c r="C14762" s="14" t="s">
        <v>109</v>
      </c>
      <c r="D14762" s="14" t="s">
        <v>110</v>
      </c>
      <c r="E14762" s="15">
        <v>45538</v>
      </c>
      <c r="F14762" s="14" t="s">
        <v>25</v>
      </c>
      <c r="G14762" s="16">
        <v>0</v>
      </c>
    </row>
    <row r="14763" spans="1:7" x14ac:dyDescent="0.3">
      <c r="A14763" s="13" t="s">
        <v>108</v>
      </c>
      <c r="B14763" s="14" t="s">
        <v>1</v>
      </c>
      <c r="C14763" s="14" t="s">
        <v>109</v>
      </c>
      <c r="D14763" s="14" t="s">
        <v>110</v>
      </c>
      <c r="E14763" s="15">
        <v>45539</v>
      </c>
      <c r="F14763" s="14" t="s">
        <v>25</v>
      </c>
      <c r="G14763" s="16">
        <v>0</v>
      </c>
    </row>
    <row r="14764" spans="1:7" x14ac:dyDescent="0.3">
      <c r="A14764" s="13" t="s">
        <v>108</v>
      </c>
      <c r="B14764" s="14" t="s">
        <v>1</v>
      </c>
      <c r="C14764" s="14" t="s">
        <v>109</v>
      </c>
      <c r="D14764" s="14" t="s">
        <v>110</v>
      </c>
      <c r="E14764" s="15">
        <v>45540</v>
      </c>
      <c r="F14764" s="14" t="s">
        <v>25</v>
      </c>
      <c r="G14764" s="16">
        <v>0</v>
      </c>
    </row>
    <row r="14765" spans="1:7" x14ac:dyDescent="0.3">
      <c r="A14765" s="13" t="s">
        <v>108</v>
      </c>
      <c r="B14765" s="14" t="s">
        <v>1</v>
      </c>
      <c r="C14765" s="14" t="s">
        <v>109</v>
      </c>
      <c r="D14765" s="14" t="s">
        <v>110</v>
      </c>
      <c r="E14765" s="15">
        <v>45541</v>
      </c>
      <c r="F14765" s="14" t="s">
        <v>25</v>
      </c>
      <c r="G14765" s="16">
        <v>0</v>
      </c>
    </row>
    <row r="14766" spans="1:7" x14ac:dyDescent="0.3">
      <c r="A14766" s="13" t="s">
        <v>108</v>
      </c>
      <c r="B14766" s="14" t="s">
        <v>1</v>
      </c>
      <c r="C14766" s="14" t="s">
        <v>109</v>
      </c>
      <c r="D14766" s="14" t="s">
        <v>110</v>
      </c>
      <c r="E14766" s="15">
        <v>45542</v>
      </c>
      <c r="F14766" s="14" t="s">
        <v>25</v>
      </c>
      <c r="G14766" s="16">
        <v>0</v>
      </c>
    </row>
    <row r="14767" spans="1:7" x14ac:dyDescent="0.3">
      <c r="A14767" s="13" t="s">
        <v>108</v>
      </c>
      <c r="B14767" s="14" t="s">
        <v>1</v>
      </c>
      <c r="C14767" s="14" t="s">
        <v>109</v>
      </c>
      <c r="D14767" s="14" t="s">
        <v>110</v>
      </c>
      <c r="E14767" s="15">
        <v>45543</v>
      </c>
      <c r="F14767" s="14" t="s">
        <v>25</v>
      </c>
      <c r="G14767" s="16">
        <v>0</v>
      </c>
    </row>
    <row r="14768" spans="1:7" x14ac:dyDescent="0.3">
      <c r="A14768" s="13" t="s">
        <v>108</v>
      </c>
      <c r="B14768" s="14" t="s">
        <v>1</v>
      </c>
      <c r="C14768" s="14" t="s">
        <v>109</v>
      </c>
      <c r="D14768" s="14" t="s">
        <v>110</v>
      </c>
      <c r="E14768" s="15">
        <v>45544</v>
      </c>
      <c r="F14768" s="14" t="s">
        <v>25</v>
      </c>
      <c r="G14768" s="16">
        <v>0</v>
      </c>
    </row>
    <row r="14769" spans="1:7" x14ac:dyDescent="0.3">
      <c r="A14769" s="13" t="s">
        <v>108</v>
      </c>
      <c r="B14769" s="14" t="s">
        <v>1</v>
      </c>
      <c r="C14769" s="14" t="s">
        <v>109</v>
      </c>
      <c r="D14769" s="14" t="s">
        <v>110</v>
      </c>
      <c r="E14769" s="15">
        <v>45545</v>
      </c>
      <c r="F14769" s="14" t="s">
        <v>25</v>
      </c>
      <c r="G14769" s="16">
        <v>0</v>
      </c>
    </row>
    <row r="14770" spans="1:7" x14ac:dyDescent="0.3">
      <c r="A14770" s="13" t="s">
        <v>108</v>
      </c>
      <c r="B14770" s="14" t="s">
        <v>1</v>
      </c>
      <c r="C14770" s="14" t="s">
        <v>109</v>
      </c>
      <c r="D14770" s="14" t="s">
        <v>110</v>
      </c>
      <c r="E14770" s="15">
        <v>45546</v>
      </c>
      <c r="F14770" s="14" t="s">
        <v>25</v>
      </c>
      <c r="G14770" s="16">
        <v>0</v>
      </c>
    </row>
    <row r="14771" spans="1:7" x14ac:dyDescent="0.3">
      <c r="A14771" s="13" t="s">
        <v>108</v>
      </c>
      <c r="B14771" s="14" t="s">
        <v>1</v>
      </c>
      <c r="C14771" s="14" t="s">
        <v>109</v>
      </c>
      <c r="D14771" s="14" t="s">
        <v>110</v>
      </c>
      <c r="E14771" s="15">
        <v>45547</v>
      </c>
      <c r="F14771" s="14" t="s">
        <v>25</v>
      </c>
      <c r="G14771" s="16">
        <v>0</v>
      </c>
    </row>
    <row r="14772" spans="1:7" x14ac:dyDescent="0.3">
      <c r="A14772" s="13" t="s">
        <v>108</v>
      </c>
      <c r="B14772" s="14" t="s">
        <v>1</v>
      </c>
      <c r="C14772" s="14" t="s">
        <v>109</v>
      </c>
      <c r="D14772" s="14" t="s">
        <v>110</v>
      </c>
      <c r="E14772" s="15">
        <v>45548</v>
      </c>
      <c r="F14772" s="14" t="s">
        <v>25</v>
      </c>
      <c r="G14772" s="16">
        <v>0</v>
      </c>
    </row>
    <row r="14773" spans="1:7" x14ac:dyDescent="0.3">
      <c r="A14773" s="13" t="s">
        <v>108</v>
      </c>
      <c r="B14773" s="14" t="s">
        <v>1</v>
      </c>
      <c r="C14773" s="14" t="s">
        <v>109</v>
      </c>
      <c r="D14773" s="14" t="s">
        <v>110</v>
      </c>
      <c r="E14773" s="15">
        <v>45549</v>
      </c>
      <c r="F14773" s="14" t="s">
        <v>25</v>
      </c>
      <c r="G14773" s="16">
        <v>0</v>
      </c>
    </row>
    <row r="14774" spans="1:7" x14ac:dyDescent="0.3">
      <c r="A14774" s="13" t="s">
        <v>108</v>
      </c>
      <c r="B14774" s="14" t="s">
        <v>1</v>
      </c>
      <c r="C14774" s="14" t="s">
        <v>109</v>
      </c>
      <c r="D14774" s="14" t="s">
        <v>110</v>
      </c>
      <c r="E14774" s="15">
        <v>45550</v>
      </c>
      <c r="F14774" s="14" t="s">
        <v>25</v>
      </c>
      <c r="G14774" s="16">
        <v>0</v>
      </c>
    </row>
    <row r="14775" spans="1:7" x14ac:dyDescent="0.3">
      <c r="A14775" s="13" t="s">
        <v>108</v>
      </c>
      <c r="B14775" s="14" t="s">
        <v>1</v>
      </c>
      <c r="C14775" s="14" t="s">
        <v>109</v>
      </c>
      <c r="D14775" s="14" t="s">
        <v>110</v>
      </c>
      <c r="E14775" s="15">
        <v>45551</v>
      </c>
      <c r="F14775" s="14" t="s">
        <v>25</v>
      </c>
      <c r="G14775" s="16">
        <v>0</v>
      </c>
    </row>
    <row r="14776" spans="1:7" x14ac:dyDescent="0.3">
      <c r="A14776" s="13" t="s">
        <v>108</v>
      </c>
      <c r="B14776" s="14" t="s">
        <v>1</v>
      </c>
      <c r="C14776" s="14" t="s">
        <v>109</v>
      </c>
      <c r="D14776" s="14" t="s">
        <v>110</v>
      </c>
      <c r="E14776" s="15">
        <v>45552</v>
      </c>
      <c r="F14776" s="14" t="s">
        <v>25</v>
      </c>
      <c r="G14776" s="16">
        <v>0</v>
      </c>
    </row>
    <row r="14777" spans="1:7" x14ac:dyDescent="0.3">
      <c r="A14777" s="13" t="s">
        <v>108</v>
      </c>
      <c r="B14777" s="14" t="s">
        <v>1</v>
      </c>
      <c r="C14777" s="14" t="s">
        <v>109</v>
      </c>
      <c r="D14777" s="14" t="s">
        <v>110</v>
      </c>
      <c r="E14777" s="15">
        <v>45553</v>
      </c>
      <c r="F14777" s="14" t="s">
        <v>25</v>
      </c>
      <c r="G14777" s="16">
        <v>0</v>
      </c>
    </row>
    <row r="14778" spans="1:7" x14ac:dyDescent="0.3">
      <c r="A14778" s="13" t="s">
        <v>108</v>
      </c>
      <c r="B14778" s="14" t="s">
        <v>1</v>
      </c>
      <c r="C14778" s="14" t="s">
        <v>109</v>
      </c>
      <c r="D14778" s="14" t="s">
        <v>110</v>
      </c>
      <c r="E14778" s="15">
        <v>45554</v>
      </c>
      <c r="F14778" s="14" t="s">
        <v>25</v>
      </c>
      <c r="G14778" s="16">
        <v>0</v>
      </c>
    </row>
    <row r="14779" spans="1:7" x14ac:dyDescent="0.3">
      <c r="A14779" s="13" t="s">
        <v>108</v>
      </c>
      <c r="B14779" s="14" t="s">
        <v>1</v>
      </c>
      <c r="C14779" s="14" t="s">
        <v>109</v>
      </c>
      <c r="D14779" s="14" t="s">
        <v>110</v>
      </c>
      <c r="E14779" s="15">
        <v>45555</v>
      </c>
      <c r="F14779" s="14" t="s">
        <v>25</v>
      </c>
      <c r="G14779" s="16">
        <v>0</v>
      </c>
    </row>
    <row r="14780" spans="1:7" x14ac:dyDescent="0.3">
      <c r="A14780" s="13" t="s">
        <v>108</v>
      </c>
      <c r="B14780" s="14" t="s">
        <v>1</v>
      </c>
      <c r="C14780" s="14" t="s">
        <v>109</v>
      </c>
      <c r="D14780" s="14" t="s">
        <v>110</v>
      </c>
      <c r="E14780" s="15">
        <v>45556</v>
      </c>
      <c r="F14780" s="14" t="s">
        <v>25</v>
      </c>
      <c r="G14780" s="16">
        <v>0</v>
      </c>
    </row>
    <row r="14781" spans="1:7" x14ac:dyDescent="0.3">
      <c r="A14781" s="13" t="s">
        <v>108</v>
      </c>
      <c r="B14781" s="14" t="s">
        <v>1</v>
      </c>
      <c r="C14781" s="14" t="s">
        <v>109</v>
      </c>
      <c r="D14781" s="14" t="s">
        <v>110</v>
      </c>
      <c r="E14781" s="15">
        <v>45557</v>
      </c>
      <c r="F14781" s="14" t="s">
        <v>25</v>
      </c>
      <c r="G14781" s="16">
        <v>0</v>
      </c>
    </row>
    <row r="14782" spans="1:7" x14ac:dyDescent="0.3">
      <c r="A14782" s="13" t="s">
        <v>108</v>
      </c>
      <c r="B14782" s="14" t="s">
        <v>1</v>
      </c>
      <c r="C14782" s="14" t="s">
        <v>109</v>
      </c>
      <c r="D14782" s="14" t="s">
        <v>110</v>
      </c>
      <c r="E14782" s="15">
        <v>45558</v>
      </c>
      <c r="F14782" s="14" t="s">
        <v>25</v>
      </c>
      <c r="G14782" s="16">
        <v>0</v>
      </c>
    </row>
    <row r="14783" spans="1:7" x14ac:dyDescent="0.3">
      <c r="A14783" s="13" t="s">
        <v>108</v>
      </c>
      <c r="B14783" s="14" t="s">
        <v>1</v>
      </c>
      <c r="C14783" s="14" t="s">
        <v>109</v>
      </c>
      <c r="D14783" s="14" t="s">
        <v>110</v>
      </c>
      <c r="E14783" s="15">
        <v>45559</v>
      </c>
      <c r="F14783" s="14" t="s">
        <v>25</v>
      </c>
      <c r="G14783" s="16">
        <v>0</v>
      </c>
    </row>
    <row r="14784" spans="1:7" x14ac:dyDescent="0.3">
      <c r="A14784" s="13" t="s">
        <v>108</v>
      </c>
      <c r="B14784" s="14" t="s">
        <v>1</v>
      </c>
      <c r="C14784" s="14" t="s">
        <v>109</v>
      </c>
      <c r="D14784" s="14" t="s">
        <v>110</v>
      </c>
      <c r="E14784" s="15">
        <v>45560</v>
      </c>
      <c r="F14784" s="14" t="s">
        <v>25</v>
      </c>
      <c r="G14784" s="16">
        <v>0</v>
      </c>
    </row>
    <row r="14785" spans="1:7" x14ac:dyDescent="0.3">
      <c r="A14785" s="13" t="s">
        <v>108</v>
      </c>
      <c r="B14785" s="14" t="s">
        <v>1</v>
      </c>
      <c r="C14785" s="14" t="s">
        <v>109</v>
      </c>
      <c r="D14785" s="14" t="s">
        <v>110</v>
      </c>
      <c r="E14785" s="15">
        <v>45561</v>
      </c>
      <c r="F14785" s="14" t="s">
        <v>25</v>
      </c>
      <c r="G14785" s="16">
        <v>0</v>
      </c>
    </row>
    <row r="14786" spans="1:7" x14ac:dyDescent="0.3">
      <c r="A14786" s="13" t="s">
        <v>108</v>
      </c>
      <c r="B14786" s="14" t="s">
        <v>1</v>
      </c>
      <c r="C14786" s="14" t="s">
        <v>109</v>
      </c>
      <c r="D14786" s="14" t="s">
        <v>110</v>
      </c>
      <c r="E14786" s="15">
        <v>45562</v>
      </c>
      <c r="F14786" s="14" t="s">
        <v>25</v>
      </c>
      <c r="G14786" s="16">
        <v>0</v>
      </c>
    </row>
    <row r="14787" spans="1:7" x14ac:dyDescent="0.3">
      <c r="A14787" s="13" t="s">
        <v>108</v>
      </c>
      <c r="B14787" s="14" t="s">
        <v>1</v>
      </c>
      <c r="C14787" s="14" t="s">
        <v>109</v>
      </c>
      <c r="D14787" s="14" t="s">
        <v>110</v>
      </c>
      <c r="E14787" s="15">
        <v>45563</v>
      </c>
      <c r="F14787" s="14" t="s">
        <v>25</v>
      </c>
      <c r="G14787" s="16">
        <v>0</v>
      </c>
    </row>
    <row r="14788" spans="1:7" x14ac:dyDescent="0.3">
      <c r="A14788" s="13" t="s">
        <v>108</v>
      </c>
      <c r="B14788" s="14" t="s">
        <v>1</v>
      </c>
      <c r="C14788" s="14" t="s">
        <v>109</v>
      </c>
      <c r="D14788" s="14" t="s">
        <v>110</v>
      </c>
      <c r="E14788" s="15">
        <v>45564</v>
      </c>
      <c r="F14788" s="14" t="s">
        <v>25</v>
      </c>
      <c r="G14788" s="16">
        <v>0</v>
      </c>
    </row>
    <row r="14789" spans="1:7" x14ac:dyDescent="0.3">
      <c r="A14789" s="13" t="s">
        <v>108</v>
      </c>
      <c r="B14789" s="14" t="s">
        <v>1</v>
      </c>
      <c r="C14789" s="14" t="s">
        <v>109</v>
      </c>
      <c r="D14789" s="14" t="s">
        <v>110</v>
      </c>
      <c r="E14789" s="15">
        <v>45565</v>
      </c>
      <c r="F14789" s="14" t="s">
        <v>25</v>
      </c>
      <c r="G14789" s="16">
        <v>0</v>
      </c>
    </row>
    <row r="14790" spans="1:7" x14ac:dyDescent="0.3">
      <c r="A14790" s="13" t="s">
        <v>108</v>
      </c>
      <c r="B14790" s="14" t="s">
        <v>1</v>
      </c>
      <c r="C14790" s="14" t="s">
        <v>109</v>
      </c>
      <c r="D14790" s="14" t="s">
        <v>110</v>
      </c>
      <c r="E14790" s="15">
        <v>45566</v>
      </c>
      <c r="F14790" s="14" t="s">
        <v>25</v>
      </c>
      <c r="G14790" s="16">
        <v>0</v>
      </c>
    </row>
    <row r="14791" spans="1:7" x14ac:dyDescent="0.3">
      <c r="A14791" s="13" t="s">
        <v>108</v>
      </c>
      <c r="B14791" s="14" t="s">
        <v>1</v>
      </c>
      <c r="C14791" s="14" t="s">
        <v>109</v>
      </c>
      <c r="D14791" s="14" t="s">
        <v>110</v>
      </c>
      <c r="E14791" s="15">
        <v>45567</v>
      </c>
      <c r="F14791" s="14" t="s">
        <v>25</v>
      </c>
      <c r="G14791" s="16">
        <v>0</v>
      </c>
    </row>
    <row r="14792" spans="1:7" x14ac:dyDescent="0.3">
      <c r="A14792" s="13" t="s">
        <v>108</v>
      </c>
      <c r="B14792" s="14" t="s">
        <v>1</v>
      </c>
      <c r="C14792" s="14" t="s">
        <v>109</v>
      </c>
      <c r="D14792" s="14" t="s">
        <v>110</v>
      </c>
      <c r="E14792" s="15">
        <v>45568</v>
      </c>
      <c r="F14792" s="14" t="s">
        <v>25</v>
      </c>
      <c r="G14792" s="16">
        <v>0</v>
      </c>
    </row>
    <row r="14793" spans="1:7" x14ac:dyDescent="0.3">
      <c r="A14793" s="13" t="s">
        <v>108</v>
      </c>
      <c r="B14793" s="14" t="s">
        <v>1</v>
      </c>
      <c r="C14793" s="14" t="s">
        <v>109</v>
      </c>
      <c r="D14793" s="14" t="s">
        <v>110</v>
      </c>
      <c r="E14793" s="15">
        <v>45569</v>
      </c>
      <c r="F14793" s="14" t="s">
        <v>25</v>
      </c>
      <c r="G14793" s="16">
        <v>0</v>
      </c>
    </row>
    <row r="14794" spans="1:7" x14ac:dyDescent="0.3">
      <c r="A14794" s="13" t="s">
        <v>108</v>
      </c>
      <c r="B14794" s="14" t="s">
        <v>1</v>
      </c>
      <c r="C14794" s="14" t="s">
        <v>109</v>
      </c>
      <c r="D14794" s="14" t="s">
        <v>110</v>
      </c>
      <c r="E14794" s="15">
        <v>45570</v>
      </c>
      <c r="F14794" s="14" t="s">
        <v>25</v>
      </c>
      <c r="G14794" s="16">
        <v>0</v>
      </c>
    </row>
    <row r="14795" spans="1:7" x14ac:dyDescent="0.3">
      <c r="A14795" s="13" t="s">
        <v>108</v>
      </c>
      <c r="B14795" s="14" t="s">
        <v>1</v>
      </c>
      <c r="C14795" s="14" t="s">
        <v>109</v>
      </c>
      <c r="D14795" s="14" t="s">
        <v>110</v>
      </c>
      <c r="E14795" s="15">
        <v>45571</v>
      </c>
      <c r="F14795" s="14" t="s">
        <v>25</v>
      </c>
      <c r="G14795" s="16">
        <v>0</v>
      </c>
    </row>
    <row r="14796" spans="1:7" x14ac:dyDescent="0.3">
      <c r="A14796" s="13" t="s">
        <v>108</v>
      </c>
      <c r="B14796" s="14" t="s">
        <v>1</v>
      </c>
      <c r="C14796" s="14" t="s">
        <v>109</v>
      </c>
      <c r="D14796" s="14" t="s">
        <v>110</v>
      </c>
      <c r="E14796" s="15">
        <v>45572</v>
      </c>
      <c r="F14796" s="14" t="s">
        <v>25</v>
      </c>
      <c r="G14796" s="16">
        <v>0</v>
      </c>
    </row>
    <row r="14797" spans="1:7" x14ac:dyDescent="0.3">
      <c r="A14797" s="13" t="s">
        <v>108</v>
      </c>
      <c r="B14797" s="14" t="s">
        <v>1</v>
      </c>
      <c r="C14797" s="14" t="s">
        <v>109</v>
      </c>
      <c r="D14797" s="14" t="s">
        <v>110</v>
      </c>
      <c r="E14797" s="15">
        <v>45573</v>
      </c>
      <c r="F14797" s="14" t="s">
        <v>25</v>
      </c>
      <c r="G14797" s="16">
        <v>0</v>
      </c>
    </row>
    <row r="14798" spans="1:7" x14ac:dyDescent="0.3">
      <c r="A14798" s="13" t="s">
        <v>108</v>
      </c>
      <c r="B14798" s="14" t="s">
        <v>1</v>
      </c>
      <c r="C14798" s="14" t="s">
        <v>109</v>
      </c>
      <c r="D14798" s="14" t="s">
        <v>110</v>
      </c>
      <c r="E14798" s="15">
        <v>45574</v>
      </c>
      <c r="F14798" s="14" t="s">
        <v>25</v>
      </c>
      <c r="G14798" s="16">
        <v>0</v>
      </c>
    </row>
    <row r="14799" spans="1:7" x14ac:dyDescent="0.3">
      <c r="A14799" s="13" t="s">
        <v>108</v>
      </c>
      <c r="B14799" s="14" t="s">
        <v>1</v>
      </c>
      <c r="C14799" s="14" t="s">
        <v>109</v>
      </c>
      <c r="D14799" s="14" t="s">
        <v>110</v>
      </c>
      <c r="E14799" s="15">
        <v>45575</v>
      </c>
      <c r="F14799" s="14" t="s">
        <v>25</v>
      </c>
      <c r="G14799" s="16">
        <v>0</v>
      </c>
    </row>
    <row r="14800" spans="1:7" x14ac:dyDescent="0.3">
      <c r="A14800" s="13" t="s">
        <v>108</v>
      </c>
      <c r="B14800" s="14" t="s">
        <v>1</v>
      </c>
      <c r="C14800" s="14" t="s">
        <v>109</v>
      </c>
      <c r="D14800" s="14" t="s">
        <v>110</v>
      </c>
      <c r="E14800" s="15">
        <v>45576</v>
      </c>
      <c r="F14800" s="14" t="s">
        <v>25</v>
      </c>
      <c r="G14800" s="16">
        <v>0</v>
      </c>
    </row>
    <row r="14801" spans="1:7" x14ac:dyDescent="0.3">
      <c r="A14801" s="13" t="s">
        <v>108</v>
      </c>
      <c r="B14801" s="14" t="s">
        <v>1</v>
      </c>
      <c r="C14801" s="14" t="s">
        <v>109</v>
      </c>
      <c r="D14801" s="14" t="s">
        <v>110</v>
      </c>
      <c r="E14801" s="15">
        <v>45577</v>
      </c>
      <c r="F14801" s="14" t="s">
        <v>25</v>
      </c>
      <c r="G14801" s="16">
        <v>0</v>
      </c>
    </row>
    <row r="14802" spans="1:7" x14ac:dyDescent="0.3">
      <c r="A14802" s="13" t="s">
        <v>108</v>
      </c>
      <c r="B14802" s="14" t="s">
        <v>1</v>
      </c>
      <c r="C14802" s="14" t="s">
        <v>109</v>
      </c>
      <c r="D14802" s="14" t="s">
        <v>110</v>
      </c>
      <c r="E14802" s="15">
        <v>45578</v>
      </c>
      <c r="F14802" s="14" t="s">
        <v>25</v>
      </c>
      <c r="G14802" s="16">
        <v>0</v>
      </c>
    </row>
    <row r="14803" spans="1:7" x14ac:dyDescent="0.3">
      <c r="A14803" s="13" t="s">
        <v>108</v>
      </c>
      <c r="B14803" s="14" t="s">
        <v>1</v>
      </c>
      <c r="C14803" s="14" t="s">
        <v>109</v>
      </c>
      <c r="D14803" s="14" t="s">
        <v>110</v>
      </c>
      <c r="E14803" s="15">
        <v>45579</v>
      </c>
      <c r="F14803" s="14" t="s">
        <v>25</v>
      </c>
      <c r="G14803" s="16">
        <v>0</v>
      </c>
    </row>
    <row r="14804" spans="1:7" x14ac:dyDescent="0.3">
      <c r="A14804" s="13" t="s">
        <v>108</v>
      </c>
      <c r="B14804" s="14" t="s">
        <v>1</v>
      </c>
      <c r="C14804" s="14" t="s">
        <v>109</v>
      </c>
      <c r="D14804" s="14" t="s">
        <v>110</v>
      </c>
      <c r="E14804" s="15">
        <v>45580</v>
      </c>
      <c r="F14804" s="14" t="s">
        <v>25</v>
      </c>
      <c r="G14804" s="16">
        <v>0</v>
      </c>
    </row>
    <row r="14805" spans="1:7" x14ac:dyDescent="0.3">
      <c r="A14805" s="13" t="s">
        <v>108</v>
      </c>
      <c r="B14805" s="14" t="s">
        <v>1</v>
      </c>
      <c r="C14805" s="14" t="s">
        <v>109</v>
      </c>
      <c r="D14805" s="14" t="s">
        <v>110</v>
      </c>
      <c r="E14805" s="15">
        <v>45581</v>
      </c>
      <c r="F14805" s="14" t="s">
        <v>25</v>
      </c>
      <c r="G14805" s="16">
        <v>0</v>
      </c>
    </row>
    <row r="14806" spans="1:7" x14ac:dyDescent="0.3">
      <c r="A14806" s="13" t="s">
        <v>108</v>
      </c>
      <c r="B14806" s="14" t="s">
        <v>1</v>
      </c>
      <c r="C14806" s="14" t="s">
        <v>109</v>
      </c>
      <c r="D14806" s="14" t="s">
        <v>110</v>
      </c>
      <c r="E14806" s="15">
        <v>45582</v>
      </c>
      <c r="F14806" s="14" t="s">
        <v>25</v>
      </c>
      <c r="G14806" s="16">
        <v>0</v>
      </c>
    </row>
    <row r="14807" spans="1:7" x14ac:dyDescent="0.3">
      <c r="A14807" s="13" t="s">
        <v>108</v>
      </c>
      <c r="B14807" s="14" t="s">
        <v>1</v>
      </c>
      <c r="C14807" s="14" t="s">
        <v>109</v>
      </c>
      <c r="D14807" s="14" t="s">
        <v>110</v>
      </c>
      <c r="E14807" s="15">
        <v>45583</v>
      </c>
      <c r="F14807" s="14" t="s">
        <v>25</v>
      </c>
      <c r="G14807" s="16">
        <v>0</v>
      </c>
    </row>
    <row r="14808" spans="1:7" x14ac:dyDescent="0.3">
      <c r="A14808" s="13" t="s">
        <v>108</v>
      </c>
      <c r="B14808" s="14" t="s">
        <v>1</v>
      </c>
      <c r="C14808" s="14" t="s">
        <v>109</v>
      </c>
      <c r="D14808" s="14" t="s">
        <v>110</v>
      </c>
      <c r="E14808" s="15">
        <v>45584</v>
      </c>
      <c r="F14808" s="14" t="s">
        <v>25</v>
      </c>
      <c r="G14808" s="16">
        <v>0</v>
      </c>
    </row>
    <row r="14809" spans="1:7" x14ac:dyDescent="0.3">
      <c r="A14809" s="13" t="s">
        <v>108</v>
      </c>
      <c r="B14809" s="14" t="s">
        <v>1</v>
      </c>
      <c r="C14809" s="14" t="s">
        <v>109</v>
      </c>
      <c r="D14809" s="14" t="s">
        <v>110</v>
      </c>
      <c r="E14809" s="15">
        <v>45585</v>
      </c>
      <c r="F14809" s="14" t="s">
        <v>25</v>
      </c>
      <c r="G14809" s="16">
        <v>0</v>
      </c>
    </row>
    <row r="14810" spans="1:7" x14ac:dyDescent="0.3">
      <c r="A14810" s="13" t="s">
        <v>108</v>
      </c>
      <c r="B14810" s="14" t="s">
        <v>1</v>
      </c>
      <c r="C14810" s="14" t="s">
        <v>109</v>
      </c>
      <c r="D14810" s="14" t="s">
        <v>110</v>
      </c>
      <c r="E14810" s="15">
        <v>45586</v>
      </c>
      <c r="F14810" s="14" t="s">
        <v>25</v>
      </c>
      <c r="G14810" s="16">
        <v>0</v>
      </c>
    </row>
    <row r="14811" spans="1:7" x14ac:dyDescent="0.3">
      <c r="A14811" s="13" t="s">
        <v>108</v>
      </c>
      <c r="B14811" s="14" t="s">
        <v>1</v>
      </c>
      <c r="C14811" s="14" t="s">
        <v>109</v>
      </c>
      <c r="D14811" s="14" t="s">
        <v>110</v>
      </c>
      <c r="E14811" s="15">
        <v>45587</v>
      </c>
      <c r="F14811" s="14" t="s">
        <v>25</v>
      </c>
      <c r="G14811" s="16">
        <v>0</v>
      </c>
    </row>
    <row r="14812" spans="1:7" x14ac:dyDescent="0.3">
      <c r="A14812" s="13" t="s">
        <v>108</v>
      </c>
      <c r="B14812" s="14" t="s">
        <v>1</v>
      </c>
      <c r="C14812" s="14" t="s">
        <v>109</v>
      </c>
      <c r="D14812" s="14" t="s">
        <v>110</v>
      </c>
      <c r="E14812" s="15">
        <v>45588</v>
      </c>
      <c r="F14812" s="14" t="s">
        <v>25</v>
      </c>
      <c r="G14812" s="16">
        <v>0</v>
      </c>
    </row>
    <row r="14813" spans="1:7" x14ac:dyDescent="0.3">
      <c r="A14813" s="13" t="s">
        <v>108</v>
      </c>
      <c r="B14813" s="14" t="s">
        <v>1</v>
      </c>
      <c r="C14813" s="14" t="s">
        <v>109</v>
      </c>
      <c r="D14813" s="14" t="s">
        <v>110</v>
      </c>
      <c r="E14813" s="15">
        <v>45589</v>
      </c>
      <c r="F14813" s="14" t="s">
        <v>25</v>
      </c>
      <c r="G14813" s="16">
        <v>0</v>
      </c>
    </row>
    <row r="14814" spans="1:7" x14ac:dyDescent="0.3">
      <c r="A14814" s="13" t="s">
        <v>108</v>
      </c>
      <c r="B14814" s="14" t="s">
        <v>1</v>
      </c>
      <c r="C14814" s="14" t="s">
        <v>109</v>
      </c>
      <c r="D14814" s="14" t="s">
        <v>110</v>
      </c>
      <c r="E14814" s="15">
        <v>45590</v>
      </c>
      <c r="F14814" s="14" t="s">
        <v>25</v>
      </c>
      <c r="G14814" s="16">
        <v>0</v>
      </c>
    </row>
    <row r="14815" spans="1:7" x14ac:dyDescent="0.3">
      <c r="A14815" s="13" t="s">
        <v>108</v>
      </c>
      <c r="B14815" s="14" t="s">
        <v>1</v>
      </c>
      <c r="C14815" s="14" t="s">
        <v>109</v>
      </c>
      <c r="D14815" s="14" t="s">
        <v>110</v>
      </c>
      <c r="E14815" s="15">
        <v>45591</v>
      </c>
      <c r="F14815" s="14" t="s">
        <v>25</v>
      </c>
      <c r="G14815" s="16">
        <v>0</v>
      </c>
    </row>
    <row r="14816" spans="1:7" x14ac:dyDescent="0.3">
      <c r="A14816" s="13" t="s">
        <v>108</v>
      </c>
      <c r="B14816" s="14" t="s">
        <v>1</v>
      </c>
      <c r="C14816" s="14" t="s">
        <v>109</v>
      </c>
      <c r="D14816" s="14" t="s">
        <v>110</v>
      </c>
      <c r="E14816" s="15">
        <v>45592</v>
      </c>
      <c r="F14816" s="14" t="s">
        <v>25</v>
      </c>
      <c r="G14816" s="16">
        <v>0</v>
      </c>
    </row>
    <row r="14817" spans="1:7" x14ac:dyDescent="0.3">
      <c r="A14817" s="13" t="s">
        <v>108</v>
      </c>
      <c r="B14817" s="14" t="s">
        <v>1</v>
      </c>
      <c r="C14817" s="14" t="s">
        <v>109</v>
      </c>
      <c r="D14817" s="14" t="s">
        <v>110</v>
      </c>
      <c r="E14817" s="15">
        <v>45593</v>
      </c>
      <c r="F14817" s="14" t="s">
        <v>25</v>
      </c>
      <c r="G14817" s="16">
        <v>0</v>
      </c>
    </row>
    <row r="14818" spans="1:7" x14ac:dyDescent="0.3">
      <c r="A14818" s="13" t="s">
        <v>108</v>
      </c>
      <c r="B14818" s="14" t="s">
        <v>1</v>
      </c>
      <c r="C14818" s="14" t="s">
        <v>109</v>
      </c>
      <c r="D14818" s="14" t="s">
        <v>110</v>
      </c>
      <c r="E14818" s="15">
        <v>45594</v>
      </c>
      <c r="F14818" s="14" t="s">
        <v>25</v>
      </c>
      <c r="G14818" s="16">
        <v>0</v>
      </c>
    </row>
    <row r="14819" spans="1:7" x14ac:dyDescent="0.3">
      <c r="A14819" s="13" t="s">
        <v>108</v>
      </c>
      <c r="B14819" s="14" t="s">
        <v>1</v>
      </c>
      <c r="C14819" s="14" t="s">
        <v>109</v>
      </c>
      <c r="D14819" s="14" t="s">
        <v>110</v>
      </c>
      <c r="E14819" s="15">
        <v>45595</v>
      </c>
      <c r="F14819" s="14" t="s">
        <v>25</v>
      </c>
      <c r="G14819" s="16">
        <v>0</v>
      </c>
    </row>
    <row r="14820" spans="1:7" x14ac:dyDescent="0.3">
      <c r="A14820" s="13" t="s">
        <v>108</v>
      </c>
      <c r="B14820" s="14" t="s">
        <v>1</v>
      </c>
      <c r="C14820" s="14" t="s">
        <v>109</v>
      </c>
      <c r="D14820" s="14" t="s">
        <v>110</v>
      </c>
      <c r="E14820" s="15">
        <v>45596</v>
      </c>
      <c r="F14820" s="14" t="s">
        <v>25</v>
      </c>
      <c r="G14820" s="16">
        <v>0</v>
      </c>
    </row>
    <row r="14821" spans="1:7" x14ac:dyDescent="0.3">
      <c r="A14821" s="13" t="s">
        <v>108</v>
      </c>
      <c r="B14821" s="14" t="s">
        <v>1</v>
      </c>
      <c r="C14821" s="14" t="s">
        <v>109</v>
      </c>
      <c r="D14821" s="14" t="s">
        <v>110</v>
      </c>
      <c r="E14821" s="15">
        <v>45597</v>
      </c>
      <c r="F14821" s="14" t="s">
        <v>25</v>
      </c>
      <c r="G14821" s="16">
        <v>0</v>
      </c>
    </row>
    <row r="14822" spans="1:7" x14ac:dyDescent="0.3">
      <c r="A14822" s="13" t="s">
        <v>108</v>
      </c>
      <c r="B14822" s="14" t="s">
        <v>1</v>
      </c>
      <c r="C14822" s="14" t="s">
        <v>109</v>
      </c>
      <c r="D14822" s="14" t="s">
        <v>110</v>
      </c>
      <c r="E14822" s="15">
        <v>45598</v>
      </c>
      <c r="F14822" s="14" t="s">
        <v>25</v>
      </c>
      <c r="G14822" s="16">
        <v>0</v>
      </c>
    </row>
    <row r="14823" spans="1:7" x14ac:dyDescent="0.3">
      <c r="A14823" s="13" t="s">
        <v>108</v>
      </c>
      <c r="B14823" s="14" t="s">
        <v>1</v>
      </c>
      <c r="C14823" s="14" t="s">
        <v>109</v>
      </c>
      <c r="D14823" s="14" t="s">
        <v>110</v>
      </c>
      <c r="E14823" s="15">
        <v>45599</v>
      </c>
      <c r="F14823" s="14" t="s">
        <v>25</v>
      </c>
      <c r="G14823" s="16">
        <v>0</v>
      </c>
    </row>
    <row r="14824" spans="1:7" x14ac:dyDescent="0.3">
      <c r="A14824" s="13" t="s">
        <v>108</v>
      </c>
      <c r="B14824" s="14" t="s">
        <v>1</v>
      </c>
      <c r="C14824" s="14" t="s">
        <v>109</v>
      </c>
      <c r="D14824" s="14" t="s">
        <v>110</v>
      </c>
      <c r="E14824" s="15">
        <v>45600</v>
      </c>
      <c r="F14824" s="14" t="s">
        <v>25</v>
      </c>
      <c r="G14824" s="16">
        <v>0</v>
      </c>
    </row>
    <row r="14825" spans="1:7" x14ac:dyDescent="0.3">
      <c r="A14825" s="13" t="s">
        <v>108</v>
      </c>
      <c r="B14825" s="14" t="s">
        <v>1</v>
      </c>
      <c r="C14825" s="14" t="s">
        <v>109</v>
      </c>
      <c r="D14825" s="14" t="s">
        <v>110</v>
      </c>
      <c r="E14825" s="15">
        <v>45601</v>
      </c>
      <c r="F14825" s="14" t="s">
        <v>25</v>
      </c>
      <c r="G14825" s="16">
        <v>0</v>
      </c>
    </row>
    <row r="14826" spans="1:7" x14ac:dyDescent="0.3">
      <c r="A14826" s="13" t="s">
        <v>108</v>
      </c>
      <c r="B14826" s="14" t="s">
        <v>1</v>
      </c>
      <c r="C14826" s="14" t="s">
        <v>109</v>
      </c>
      <c r="D14826" s="14" t="s">
        <v>110</v>
      </c>
      <c r="E14826" s="15">
        <v>45602</v>
      </c>
      <c r="F14826" s="14" t="s">
        <v>25</v>
      </c>
      <c r="G14826" s="16">
        <v>0</v>
      </c>
    </row>
    <row r="14827" spans="1:7" x14ac:dyDescent="0.3">
      <c r="A14827" s="13" t="s">
        <v>108</v>
      </c>
      <c r="B14827" s="14" t="s">
        <v>1</v>
      </c>
      <c r="C14827" s="14" t="s">
        <v>109</v>
      </c>
      <c r="D14827" s="14" t="s">
        <v>110</v>
      </c>
      <c r="E14827" s="15">
        <v>45603</v>
      </c>
      <c r="F14827" s="14" t="s">
        <v>25</v>
      </c>
      <c r="G14827" s="16">
        <v>0</v>
      </c>
    </row>
    <row r="14828" spans="1:7" x14ac:dyDescent="0.3">
      <c r="A14828" s="13" t="s">
        <v>108</v>
      </c>
      <c r="B14828" s="14" t="s">
        <v>1</v>
      </c>
      <c r="C14828" s="14" t="s">
        <v>109</v>
      </c>
      <c r="D14828" s="14" t="s">
        <v>110</v>
      </c>
      <c r="E14828" s="15">
        <v>45604</v>
      </c>
      <c r="F14828" s="14" t="s">
        <v>25</v>
      </c>
      <c r="G14828" s="16">
        <v>0</v>
      </c>
    </row>
    <row r="14829" spans="1:7" x14ac:dyDescent="0.3">
      <c r="A14829" s="13" t="s">
        <v>108</v>
      </c>
      <c r="B14829" s="14" t="s">
        <v>1</v>
      </c>
      <c r="C14829" s="14" t="s">
        <v>109</v>
      </c>
      <c r="D14829" s="14" t="s">
        <v>110</v>
      </c>
      <c r="E14829" s="15">
        <v>45605</v>
      </c>
      <c r="F14829" s="14" t="s">
        <v>25</v>
      </c>
      <c r="G14829" s="16">
        <v>0</v>
      </c>
    </row>
    <row r="14830" spans="1:7" x14ac:dyDescent="0.3">
      <c r="A14830" s="13" t="s">
        <v>108</v>
      </c>
      <c r="B14830" s="14" t="s">
        <v>1</v>
      </c>
      <c r="C14830" s="14" t="s">
        <v>109</v>
      </c>
      <c r="D14830" s="14" t="s">
        <v>110</v>
      </c>
      <c r="E14830" s="15">
        <v>45606</v>
      </c>
      <c r="F14830" s="14" t="s">
        <v>25</v>
      </c>
      <c r="G14830" s="16">
        <v>0</v>
      </c>
    </row>
    <row r="14831" spans="1:7" x14ac:dyDescent="0.3">
      <c r="A14831" s="13" t="s">
        <v>108</v>
      </c>
      <c r="B14831" s="14" t="s">
        <v>1</v>
      </c>
      <c r="C14831" s="14" t="s">
        <v>109</v>
      </c>
      <c r="D14831" s="14" t="s">
        <v>110</v>
      </c>
      <c r="E14831" s="15">
        <v>45607</v>
      </c>
      <c r="F14831" s="14" t="s">
        <v>25</v>
      </c>
      <c r="G14831" s="16">
        <v>0</v>
      </c>
    </row>
    <row r="14832" spans="1:7" x14ac:dyDescent="0.3">
      <c r="A14832" s="13" t="s">
        <v>108</v>
      </c>
      <c r="B14832" s="14" t="s">
        <v>1</v>
      </c>
      <c r="C14832" s="14" t="s">
        <v>109</v>
      </c>
      <c r="D14832" s="14" t="s">
        <v>110</v>
      </c>
      <c r="E14832" s="15">
        <v>45608</v>
      </c>
      <c r="F14832" s="14" t="s">
        <v>25</v>
      </c>
      <c r="G14832" s="16">
        <v>0</v>
      </c>
    </row>
    <row r="14833" spans="1:7" x14ac:dyDescent="0.3">
      <c r="A14833" s="13" t="s">
        <v>108</v>
      </c>
      <c r="B14833" s="14" t="s">
        <v>1</v>
      </c>
      <c r="C14833" s="14" t="s">
        <v>109</v>
      </c>
      <c r="D14833" s="14" t="s">
        <v>110</v>
      </c>
      <c r="E14833" s="15">
        <v>45609</v>
      </c>
      <c r="F14833" s="14" t="s">
        <v>25</v>
      </c>
      <c r="G14833" s="16">
        <v>0</v>
      </c>
    </row>
    <row r="14834" spans="1:7" x14ac:dyDescent="0.3">
      <c r="A14834" s="13" t="s">
        <v>108</v>
      </c>
      <c r="B14834" s="14" t="s">
        <v>1</v>
      </c>
      <c r="C14834" s="14" t="s">
        <v>109</v>
      </c>
      <c r="D14834" s="14" t="s">
        <v>110</v>
      </c>
      <c r="E14834" s="15">
        <v>45610</v>
      </c>
      <c r="F14834" s="14" t="s">
        <v>25</v>
      </c>
      <c r="G14834" s="16">
        <v>0</v>
      </c>
    </row>
    <row r="14835" spans="1:7" x14ac:dyDescent="0.3">
      <c r="A14835" s="13" t="s">
        <v>108</v>
      </c>
      <c r="B14835" s="14" t="s">
        <v>1</v>
      </c>
      <c r="C14835" s="14" t="s">
        <v>109</v>
      </c>
      <c r="D14835" s="14" t="s">
        <v>110</v>
      </c>
      <c r="E14835" s="15">
        <v>45611</v>
      </c>
      <c r="F14835" s="14" t="s">
        <v>25</v>
      </c>
      <c r="G14835" s="16">
        <v>0</v>
      </c>
    </row>
    <row r="14836" spans="1:7" x14ac:dyDescent="0.3">
      <c r="A14836" s="13" t="s">
        <v>108</v>
      </c>
      <c r="B14836" s="14" t="s">
        <v>1</v>
      </c>
      <c r="C14836" s="14" t="s">
        <v>109</v>
      </c>
      <c r="D14836" s="14" t="s">
        <v>110</v>
      </c>
      <c r="E14836" s="15">
        <v>45612</v>
      </c>
      <c r="F14836" s="14" t="s">
        <v>25</v>
      </c>
      <c r="G14836" s="16">
        <v>0</v>
      </c>
    </row>
    <row r="14837" spans="1:7" x14ac:dyDescent="0.3">
      <c r="A14837" s="13" t="s">
        <v>108</v>
      </c>
      <c r="B14837" s="14" t="s">
        <v>1</v>
      </c>
      <c r="C14837" s="14" t="s">
        <v>109</v>
      </c>
      <c r="D14837" s="14" t="s">
        <v>110</v>
      </c>
      <c r="E14837" s="15">
        <v>45613</v>
      </c>
      <c r="F14837" s="14" t="s">
        <v>25</v>
      </c>
      <c r="G14837" s="16">
        <v>0</v>
      </c>
    </row>
    <row r="14838" spans="1:7" x14ac:dyDescent="0.3">
      <c r="A14838" s="13" t="s">
        <v>108</v>
      </c>
      <c r="B14838" s="14" t="s">
        <v>1</v>
      </c>
      <c r="C14838" s="14" t="s">
        <v>109</v>
      </c>
      <c r="D14838" s="14" t="s">
        <v>110</v>
      </c>
      <c r="E14838" s="15">
        <v>45614</v>
      </c>
      <c r="F14838" s="14" t="s">
        <v>25</v>
      </c>
      <c r="G14838" s="16">
        <v>0</v>
      </c>
    </row>
    <row r="14839" spans="1:7" x14ac:dyDescent="0.3">
      <c r="A14839" s="13" t="s">
        <v>108</v>
      </c>
      <c r="B14839" s="14" t="s">
        <v>1</v>
      </c>
      <c r="C14839" s="14" t="s">
        <v>109</v>
      </c>
      <c r="D14839" s="14" t="s">
        <v>110</v>
      </c>
      <c r="E14839" s="15">
        <v>45615</v>
      </c>
      <c r="F14839" s="14" t="s">
        <v>25</v>
      </c>
      <c r="G14839" s="16">
        <v>0</v>
      </c>
    </row>
    <row r="14840" spans="1:7" x14ac:dyDescent="0.3">
      <c r="A14840" s="13" t="s">
        <v>108</v>
      </c>
      <c r="B14840" s="14" t="s">
        <v>1</v>
      </c>
      <c r="C14840" s="14" t="s">
        <v>109</v>
      </c>
      <c r="D14840" s="14" t="s">
        <v>110</v>
      </c>
      <c r="E14840" s="15">
        <v>45616</v>
      </c>
      <c r="F14840" s="14" t="s">
        <v>25</v>
      </c>
      <c r="G14840" s="16">
        <v>0</v>
      </c>
    </row>
    <row r="14841" spans="1:7" x14ac:dyDescent="0.3">
      <c r="A14841" s="13" t="s">
        <v>108</v>
      </c>
      <c r="B14841" s="14" t="s">
        <v>1</v>
      </c>
      <c r="C14841" s="14" t="s">
        <v>109</v>
      </c>
      <c r="D14841" s="14" t="s">
        <v>110</v>
      </c>
      <c r="E14841" s="15">
        <v>45617</v>
      </c>
      <c r="F14841" s="14" t="s">
        <v>25</v>
      </c>
      <c r="G14841" s="16">
        <v>0</v>
      </c>
    </row>
    <row r="14842" spans="1:7" x14ac:dyDescent="0.3">
      <c r="A14842" s="13" t="s">
        <v>108</v>
      </c>
      <c r="B14842" s="14" t="s">
        <v>1</v>
      </c>
      <c r="C14842" s="14" t="s">
        <v>109</v>
      </c>
      <c r="D14842" s="14" t="s">
        <v>110</v>
      </c>
      <c r="E14842" s="15">
        <v>45618</v>
      </c>
      <c r="F14842" s="14" t="s">
        <v>25</v>
      </c>
      <c r="G14842" s="16">
        <v>0</v>
      </c>
    </row>
    <row r="14843" spans="1:7" x14ac:dyDescent="0.3">
      <c r="A14843" s="13" t="s">
        <v>108</v>
      </c>
      <c r="B14843" s="14" t="s">
        <v>1</v>
      </c>
      <c r="C14843" s="14" t="s">
        <v>109</v>
      </c>
      <c r="D14843" s="14" t="s">
        <v>110</v>
      </c>
      <c r="E14843" s="15">
        <v>45619</v>
      </c>
      <c r="F14843" s="14" t="s">
        <v>25</v>
      </c>
      <c r="G14843" s="16">
        <v>0</v>
      </c>
    </row>
    <row r="14844" spans="1:7" x14ac:dyDescent="0.3">
      <c r="A14844" s="13" t="s">
        <v>108</v>
      </c>
      <c r="B14844" s="14" t="s">
        <v>1</v>
      </c>
      <c r="C14844" s="14" t="s">
        <v>109</v>
      </c>
      <c r="D14844" s="14" t="s">
        <v>110</v>
      </c>
      <c r="E14844" s="15">
        <v>45620</v>
      </c>
      <c r="F14844" s="14" t="s">
        <v>25</v>
      </c>
      <c r="G14844" s="16">
        <v>0</v>
      </c>
    </row>
    <row r="14845" spans="1:7" x14ac:dyDescent="0.3">
      <c r="A14845" s="13" t="s">
        <v>108</v>
      </c>
      <c r="B14845" s="14" t="s">
        <v>1</v>
      </c>
      <c r="C14845" s="14" t="s">
        <v>109</v>
      </c>
      <c r="D14845" s="14" t="s">
        <v>110</v>
      </c>
      <c r="E14845" s="15">
        <v>45621</v>
      </c>
      <c r="F14845" s="14" t="s">
        <v>25</v>
      </c>
      <c r="G14845" s="16">
        <v>0</v>
      </c>
    </row>
    <row r="14846" spans="1:7" x14ac:dyDescent="0.3">
      <c r="A14846" s="13" t="s">
        <v>108</v>
      </c>
      <c r="B14846" s="14" t="s">
        <v>1</v>
      </c>
      <c r="C14846" s="14" t="s">
        <v>109</v>
      </c>
      <c r="D14846" s="14" t="s">
        <v>110</v>
      </c>
      <c r="E14846" s="15">
        <v>45622</v>
      </c>
      <c r="F14846" s="14" t="s">
        <v>25</v>
      </c>
      <c r="G14846" s="16">
        <v>0</v>
      </c>
    </row>
    <row r="14847" spans="1:7" x14ac:dyDescent="0.3">
      <c r="A14847" s="13" t="s">
        <v>108</v>
      </c>
      <c r="B14847" s="14" t="s">
        <v>1</v>
      </c>
      <c r="C14847" s="14" t="s">
        <v>109</v>
      </c>
      <c r="D14847" s="14" t="s">
        <v>110</v>
      </c>
      <c r="E14847" s="15">
        <v>45623</v>
      </c>
      <c r="F14847" s="14" t="s">
        <v>25</v>
      </c>
      <c r="G14847" s="16">
        <v>0</v>
      </c>
    </row>
    <row r="14848" spans="1:7" x14ac:dyDescent="0.3">
      <c r="A14848" s="13" t="s">
        <v>108</v>
      </c>
      <c r="B14848" s="14" t="s">
        <v>1</v>
      </c>
      <c r="C14848" s="14" t="s">
        <v>109</v>
      </c>
      <c r="D14848" s="14" t="s">
        <v>110</v>
      </c>
      <c r="E14848" s="15">
        <v>45624</v>
      </c>
      <c r="F14848" s="14" t="s">
        <v>25</v>
      </c>
      <c r="G14848" s="16">
        <v>0</v>
      </c>
    </row>
    <row r="14849" spans="1:7" x14ac:dyDescent="0.3">
      <c r="A14849" s="13" t="s">
        <v>108</v>
      </c>
      <c r="B14849" s="14" t="s">
        <v>1</v>
      </c>
      <c r="C14849" s="14" t="s">
        <v>109</v>
      </c>
      <c r="D14849" s="14" t="s">
        <v>110</v>
      </c>
      <c r="E14849" s="15">
        <v>45625</v>
      </c>
      <c r="F14849" s="14" t="s">
        <v>25</v>
      </c>
      <c r="G14849" s="16">
        <v>0</v>
      </c>
    </row>
    <row r="14850" spans="1:7" x14ac:dyDescent="0.3">
      <c r="A14850" s="13" t="s">
        <v>108</v>
      </c>
      <c r="B14850" s="14" t="s">
        <v>1</v>
      </c>
      <c r="C14850" s="14" t="s">
        <v>109</v>
      </c>
      <c r="D14850" s="14" t="s">
        <v>110</v>
      </c>
      <c r="E14850" s="15">
        <v>45626</v>
      </c>
      <c r="F14850" s="14" t="s">
        <v>25</v>
      </c>
      <c r="G14850" s="16">
        <v>0</v>
      </c>
    </row>
    <row r="14851" spans="1:7" x14ac:dyDescent="0.3">
      <c r="A14851" s="13" t="s">
        <v>108</v>
      </c>
      <c r="B14851" s="14" t="s">
        <v>1</v>
      </c>
      <c r="C14851" s="14" t="s">
        <v>109</v>
      </c>
      <c r="D14851" s="14" t="s">
        <v>110</v>
      </c>
      <c r="E14851" s="15">
        <v>45627</v>
      </c>
      <c r="F14851" s="14" t="s">
        <v>25</v>
      </c>
      <c r="G14851" s="16">
        <v>0</v>
      </c>
    </row>
    <row r="14852" spans="1:7" x14ac:dyDescent="0.3">
      <c r="A14852" s="13" t="s">
        <v>108</v>
      </c>
      <c r="B14852" s="14" t="s">
        <v>1</v>
      </c>
      <c r="C14852" s="14" t="s">
        <v>109</v>
      </c>
      <c r="D14852" s="14" t="s">
        <v>110</v>
      </c>
      <c r="E14852" s="15">
        <v>45628</v>
      </c>
      <c r="F14852" s="14" t="s">
        <v>25</v>
      </c>
      <c r="G14852" s="16">
        <v>0</v>
      </c>
    </row>
    <row r="14853" spans="1:7" x14ac:dyDescent="0.3">
      <c r="A14853" s="13" t="s">
        <v>108</v>
      </c>
      <c r="B14853" s="14" t="s">
        <v>1</v>
      </c>
      <c r="C14853" s="14" t="s">
        <v>109</v>
      </c>
      <c r="D14853" s="14" t="s">
        <v>110</v>
      </c>
      <c r="E14853" s="15">
        <v>45629</v>
      </c>
      <c r="F14853" s="14" t="s">
        <v>25</v>
      </c>
      <c r="G14853" s="16">
        <v>0</v>
      </c>
    </row>
    <row r="14854" spans="1:7" x14ac:dyDescent="0.3">
      <c r="A14854" s="13" t="s">
        <v>108</v>
      </c>
      <c r="B14854" s="14" t="s">
        <v>1</v>
      </c>
      <c r="C14854" s="14" t="s">
        <v>109</v>
      </c>
      <c r="D14854" s="14" t="s">
        <v>110</v>
      </c>
      <c r="E14854" s="15">
        <v>45630</v>
      </c>
      <c r="F14854" s="14" t="s">
        <v>25</v>
      </c>
      <c r="G14854" s="16">
        <v>0</v>
      </c>
    </row>
    <row r="14855" spans="1:7" x14ac:dyDescent="0.3">
      <c r="A14855" s="13" t="s">
        <v>108</v>
      </c>
      <c r="B14855" s="14" t="s">
        <v>1</v>
      </c>
      <c r="C14855" s="14" t="s">
        <v>109</v>
      </c>
      <c r="D14855" s="14" t="s">
        <v>110</v>
      </c>
      <c r="E14855" s="15">
        <v>45631</v>
      </c>
      <c r="F14855" s="14" t="s">
        <v>25</v>
      </c>
      <c r="G14855" s="16">
        <v>0</v>
      </c>
    </row>
    <row r="14856" spans="1:7" x14ac:dyDescent="0.3">
      <c r="A14856" s="13" t="s">
        <v>108</v>
      </c>
      <c r="B14856" s="14" t="s">
        <v>1</v>
      </c>
      <c r="C14856" s="14" t="s">
        <v>109</v>
      </c>
      <c r="D14856" s="14" t="s">
        <v>110</v>
      </c>
      <c r="E14856" s="15">
        <v>45632</v>
      </c>
      <c r="F14856" s="14" t="s">
        <v>25</v>
      </c>
      <c r="G14856" s="16">
        <v>0</v>
      </c>
    </row>
    <row r="14857" spans="1:7" x14ac:dyDescent="0.3">
      <c r="A14857" s="13" t="s">
        <v>108</v>
      </c>
      <c r="B14857" s="14" t="s">
        <v>1</v>
      </c>
      <c r="C14857" s="14" t="s">
        <v>109</v>
      </c>
      <c r="D14857" s="14" t="s">
        <v>110</v>
      </c>
      <c r="E14857" s="15">
        <v>45633</v>
      </c>
      <c r="F14857" s="14" t="s">
        <v>25</v>
      </c>
      <c r="G14857" s="16">
        <v>0</v>
      </c>
    </row>
    <row r="14858" spans="1:7" x14ac:dyDescent="0.3">
      <c r="A14858" s="13" t="s">
        <v>108</v>
      </c>
      <c r="B14858" s="14" t="s">
        <v>1</v>
      </c>
      <c r="C14858" s="14" t="s">
        <v>109</v>
      </c>
      <c r="D14858" s="14" t="s">
        <v>110</v>
      </c>
      <c r="E14858" s="15">
        <v>45634</v>
      </c>
      <c r="F14858" s="14" t="s">
        <v>25</v>
      </c>
      <c r="G14858" s="16">
        <v>0</v>
      </c>
    </row>
    <row r="14859" spans="1:7" x14ac:dyDescent="0.3">
      <c r="A14859" s="13" t="s">
        <v>108</v>
      </c>
      <c r="B14859" s="14" t="s">
        <v>1</v>
      </c>
      <c r="C14859" s="14" t="s">
        <v>109</v>
      </c>
      <c r="D14859" s="14" t="s">
        <v>110</v>
      </c>
      <c r="E14859" s="15">
        <v>45635</v>
      </c>
      <c r="F14859" s="14" t="s">
        <v>25</v>
      </c>
      <c r="G14859" s="16">
        <v>0</v>
      </c>
    </row>
    <row r="14860" spans="1:7" x14ac:dyDescent="0.3">
      <c r="A14860" s="13" t="s">
        <v>108</v>
      </c>
      <c r="B14860" s="14" t="s">
        <v>1</v>
      </c>
      <c r="C14860" s="14" t="s">
        <v>109</v>
      </c>
      <c r="D14860" s="14" t="s">
        <v>110</v>
      </c>
      <c r="E14860" s="15">
        <v>45636</v>
      </c>
      <c r="F14860" s="14" t="s">
        <v>25</v>
      </c>
      <c r="G14860" s="16">
        <v>0</v>
      </c>
    </row>
    <row r="14861" spans="1:7" x14ac:dyDescent="0.3">
      <c r="A14861" s="13" t="s">
        <v>108</v>
      </c>
      <c r="B14861" s="14" t="s">
        <v>1</v>
      </c>
      <c r="C14861" s="14" t="s">
        <v>109</v>
      </c>
      <c r="D14861" s="14" t="s">
        <v>110</v>
      </c>
      <c r="E14861" s="15">
        <v>45637</v>
      </c>
      <c r="F14861" s="14" t="s">
        <v>25</v>
      </c>
      <c r="G14861" s="16">
        <v>0</v>
      </c>
    </row>
    <row r="14862" spans="1:7" x14ac:dyDescent="0.3">
      <c r="A14862" s="13" t="s">
        <v>108</v>
      </c>
      <c r="B14862" s="14" t="s">
        <v>1</v>
      </c>
      <c r="C14862" s="14" t="s">
        <v>109</v>
      </c>
      <c r="D14862" s="14" t="s">
        <v>110</v>
      </c>
      <c r="E14862" s="15">
        <v>45638</v>
      </c>
      <c r="F14862" s="14" t="s">
        <v>25</v>
      </c>
      <c r="G14862" s="16">
        <v>0</v>
      </c>
    </row>
    <row r="14863" spans="1:7" x14ac:dyDescent="0.3">
      <c r="A14863" s="13" t="s">
        <v>108</v>
      </c>
      <c r="B14863" s="14" t="s">
        <v>1</v>
      </c>
      <c r="C14863" s="14" t="s">
        <v>109</v>
      </c>
      <c r="D14863" s="14" t="s">
        <v>110</v>
      </c>
      <c r="E14863" s="15">
        <v>45639</v>
      </c>
      <c r="F14863" s="14" t="s">
        <v>25</v>
      </c>
      <c r="G14863" s="16">
        <v>0</v>
      </c>
    </row>
    <row r="14864" spans="1:7" x14ac:dyDescent="0.3">
      <c r="A14864" s="13" t="s">
        <v>108</v>
      </c>
      <c r="B14864" s="14" t="s">
        <v>1</v>
      </c>
      <c r="C14864" s="14" t="s">
        <v>109</v>
      </c>
      <c r="D14864" s="14" t="s">
        <v>110</v>
      </c>
      <c r="E14864" s="15">
        <v>45640</v>
      </c>
      <c r="F14864" s="14" t="s">
        <v>25</v>
      </c>
      <c r="G14864" s="16">
        <v>0</v>
      </c>
    </row>
    <row r="14865" spans="1:7" x14ac:dyDescent="0.3">
      <c r="A14865" s="13" t="s">
        <v>108</v>
      </c>
      <c r="B14865" s="14" t="s">
        <v>1</v>
      </c>
      <c r="C14865" s="14" t="s">
        <v>109</v>
      </c>
      <c r="D14865" s="14" t="s">
        <v>110</v>
      </c>
      <c r="E14865" s="15">
        <v>45641</v>
      </c>
      <c r="F14865" s="14" t="s">
        <v>25</v>
      </c>
      <c r="G14865" s="16">
        <v>0</v>
      </c>
    </row>
    <row r="14866" spans="1:7" x14ac:dyDescent="0.3">
      <c r="A14866" s="13" t="s">
        <v>108</v>
      </c>
      <c r="B14866" s="14" t="s">
        <v>1</v>
      </c>
      <c r="C14866" s="14" t="s">
        <v>109</v>
      </c>
      <c r="D14866" s="14" t="s">
        <v>110</v>
      </c>
      <c r="E14866" s="15">
        <v>45642</v>
      </c>
      <c r="F14866" s="14" t="s">
        <v>25</v>
      </c>
      <c r="G14866" s="16">
        <v>0</v>
      </c>
    </row>
    <row r="14867" spans="1:7" x14ac:dyDescent="0.3">
      <c r="A14867" s="13" t="s">
        <v>108</v>
      </c>
      <c r="B14867" s="14" t="s">
        <v>1</v>
      </c>
      <c r="C14867" s="14" t="s">
        <v>109</v>
      </c>
      <c r="D14867" s="14" t="s">
        <v>110</v>
      </c>
      <c r="E14867" s="15">
        <v>45643</v>
      </c>
      <c r="F14867" s="14" t="s">
        <v>25</v>
      </c>
      <c r="G14867" s="16">
        <v>0</v>
      </c>
    </row>
    <row r="14868" spans="1:7" x14ac:dyDescent="0.3">
      <c r="A14868" s="13" t="s">
        <v>108</v>
      </c>
      <c r="B14868" s="14" t="s">
        <v>1</v>
      </c>
      <c r="C14868" s="14" t="s">
        <v>109</v>
      </c>
      <c r="D14868" s="14" t="s">
        <v>110</v>
      </c>
      <c r="E14868" s="15">
        <v>45644</v>
      </c>
      <c r="F14868" s="14" t="s">
        <v>25</v>
      </c>
      <c r="G14868" s="16">
        <v>0</v>
      </c>
    </row>
    <row r="14869" spans="1:7" x14ac:dyDescent="0.3">
      <c r="A14869" s="13" t="s">
        <v>108</v>
      </c>
      <c r="B14869" s="14" t="s">
        <v>1</v>
      </c>
      <c r="C14869" s="14" t="s">
        <v>109</v>
      </c>
      <c r="D14869" s="14" t="s">
        <v>110</v>
      </c>
      <c r="E14869" s="15">
        <v>45645</v>
      </c>
      <c r="F14869" s="14" t="s">
        <v>25</v>
      </c>
      <c r="G14869" s="16">
        <v>0</v>
      </c>
    </row>
    <row r="14870" spans="1:7" x14ac:dyDescent="0.3">
      <c r="A14870" s="13" t="s">
        <v>108</v>
      </c>
      <c r="B14870" s="14" t="s">
        <v>1</v>
      </c>
      <c r="C14870" s="14" t="s">
        <v>109</v>
      </c>
      <c r="D14870" s="14" t="s">
        <v>110</v>
      </c>
      <c r="E14870" s="15">
        <v>45646</v>
      </c>
      <c r="F14870" s="14" t="s">
        <v>25</v>
      </c>
      <c r="G14870" s="16">
        <v>0</v>
      </c>
    </row>
    <row r="14871" spans="1:7" x14ac:dyDescent="0.3">
      <c r="A14871" s="13" t="s">
        <v>108</v>
      </c>
      <c r="B14871" s="14" t="s">
        <v>1</v>
      </c>
      <c r="C14871" s="14" t="s">
        <v>109</v>
      </c>
      <c r="D14871" s="14" t="s">
        <v>110</v>
      </c>
      <c r="E14871" s="15">
        <v>45647</v>
      </c>
      <c r="F14871" s="14" t="s">
        <v>25</v>
      </c>
      <c r="G14871" s="16">
        <v>0</v>
      </c>
    </row>
    <row r="14872" spans="1:7" x14ac:dyDescent="0.3">
      <c r="A14872" s="13" t="s">
        <v>108</v>
      </c>
      <c r="B14872" s="14" t="s">
        <v>1</v>
      </c>
      <c r="C14872" s="14" t="s">
        <v>109</v>
      </c>
      <c r="D14872" s="14" t="s">
        <v>110</v>
      </c>
      <c r="E14872" s="15">
        <v>45648</v>
      </c>
      <c r="F14872" s="14" t="s">
        <v>25</v>
      </c>
      <c r="G14872" s="16">
        <v>0</v>
      </c>
    </row>
    <row r="14873" spans="1:7" x14ac:dyDescent="0.3">
      <c r="A14873" s="13" t="s">
        <v>108</v>
      </c>
      <c r="B14873" s="14" t="s">
        <v>1</v>
      </c>
      <c r="C14873" s="14" t="s">
        <v>109</v>
      </c>
      <c r="D14873" s="14" t="s">
        <v>110</v>
      </c>
      <c r="E14873" s="15">
        <v>45649</v>
      </c>
      <c r="F14873" s="14" t="s">
        <v>25</v>
      </c>
      <c r="G14873" s="16">
        <v>0</v>
      </c>
    </row>
    <row r="14874" spans="1:7" x14ac:dyDescent="0.3">
      <c r="A14874" s="13" t="s">
        <v>108</v>
      </c>
      <c r="B14874" s="14" t="s">
        <v>1</v>
      </c>
      <c r="C14874" s="14" t="s">
        <v>109</v>
      </c>
      <c r="D14874" s="14" t="s">
        <v>110</v>
      </c>
      <c r="E14874" s="15">
        <v>45650</v>
      </c>
      <c r="F14874" s="14" t="s">
        <v>25</v>
      </c>
      <c r="G14874" s="16">
        <v>0</v>
      </c>
    </row>
    <row r="14875" spans="1:7" x14ac:dyDescent="0.3">
      <c r="A14875" s="13" t="s">
        <v>108</v>
      </c>
      <c r="B14875" s="14" t="s">
        <v>1</v>
      </c>
      <c r="C14875" s="14" t="s">
        <v>109</v>
      </c>
      <c r="D14875" s="14" t="s">
        <v>110</v>
      </c>
      <c r="E14875" s="15">
        <v>45651</v>
      </c>
      <c r="F14875" s="14" t="s">
        <v>25</v>
      </c>
      <c r="G14875" s="16">
        <v>0</v>
      </c>
    </row>
    <row r="14876" spans="1:7" x14ac:dyDescent="0.3">
      <c r="A14876" s="13" t="s">
        <v>108</v>
      </c>
      <c r="B14876" s="14" t="s">
        <v>1</v>
      </c>
      <c r="C14876" s="14" t="s">
        <v>109</v>
      </c>
      <c r="D14876" s="14" t="s">
        <v>110</v>
      </c>
      <c r="E14876" s="15">
        <v>45652</v>
      </c>
      <c r="F14876" s="14" t="s">
        <v>25</v>
      </c>
      <c r="G14876" s="16">
        <v>0</v>
      </c>
    </row>
    <row r="14877" spans="1:7" x14ac:dyDescent="0.3">
      <c r="A14877" s="13" t="s">
        <v>108</v>
      </c>
      <c r="B14877" s="14" t="s">
        <v>1</v>
      </c>
      <c r="C14877" s="14" t="s">
        <v>109</v>
      </c>
      <c r="D14877" s="14" t="s">
        <v>110</v>
      </c>
      <c r="E14877" s="15">
        <v>45653</v>
      </c>
      <c r="F14877" s="14" t="s">
        <v>25</v>
      </c>
      <c r="G14877" s="16">
        <v>0</v>
      </c>
    </row>
    <row r="14878" spans="1:7" x14ac:dyDescent="0.3">
      <c r="A14878" s="13" t="s">
        <v>108</v>
      </c>
      <c r="B14878" s="14" t="s">
        <v>1</v>
      </c>
      <c r="C14878" s="14" t="s">
        <v>109</v>
      </c>
      <c r="D14878" s="14" t="s">
        <v>110</v>
      </c>
      <c r="E14878" s="15">
        <v>45654</v>
      </c>
      <c r="F14878" s="14" t="s">
        <v>25</v>
      </c>
      <c r="G14878" s="16">
        <v>0</v>
      </c>
    </row>
    <row r="14879" spans="1:7" x14ac:dyDescent="0.3">
      <c r="A14879" s="13" t="s">
        <v>108</v>
      </c>
      <c r="B14879" s="14" t="s">
        <v>1</v>
      </c>
      <c r="C14879" s="14" t="s">
        <v>109</v>
      </c>
      <c r="D14879" s="14" t="s">
        <v>110</v>
      </c>
      <c r="E14879" s="15">
        <v>45655</v>
      </c>
      <c r="F14879" s="14" t="s">
        <v>25</v>
      </c>
      <c r="G14879" s="16">
        <v>0</v>
      </c>
    </row>
    <row r="14880" spans="1:7" x14ac:dyDescent="0.3">
      <c r="A14880" s="13" t="s">
        <v>108</v>
      </c>
      <c r="B14880" s="14" t="s">
        <v>1</v>
      </c>
      <c r="C14880" s="14" t="s">
        <v>109</v>
      </c>
      <c r="D14880" s="14" t="s">
        <v>110</v>
      </c>
      <c r="E14880" s="15">
        <v>45656</v>
      </c>
      <c r="F14880" s="14" t="s">
        <v>25</v>
      </c>
      <c r="G14880" s="16">
        <v>0</v>
      </c>
    </row>
    <row r="14881" spans="1:7" x14ac:dyDescent="0.3">
      <c r="A14881" s="13" t="s">
        <v>108</v>
      </c>
      <c r="B14881" s="14" t="s">
        <v>1</v>
      </c>
      <c r="C14881" s="14" t="s">
        <v>109</v>
      </c>
      <c r="D14881" s="14" t="s">
        <v>110</v>
      </c>
      <c r="E14881" s="15">
        <v>45657</v>
      </c>
      <c r="F14881" s="14" t="s">
        <v>25</v>
      </c>
      <c r="G14881" s="16">
        <v>0</v>
      </c>
    </row>
    <row r="14882" spans="1:7" x14ac:dyDescent="0.3">
      <c r="A14882" s="13" t="s">
        <v>108</v>
      </c>
      <c r="B14882" s="14" t="s">
        <v>1</v>
      </c>
      <c r="C14882" s="14" t="s">
        <v>109</v>
      </c>
      <c r="D14882" s="14" t="s">
        <v>110</v>
      </c>
      <c r="E14882" s="15">
        <v>45658</v>
      </c>
      <c r="F14882" s="14" t="s">
        <v>25</v>
      </c>
      <c r="G14882" s="16">
        <v>0</v>
      </c>
    </row>
    <row r="14883" spans="1:7" x14ac:dyDescent="0.3">
      <c r="A14883" s="13" t="s">
        <v>108</v>
      </c>
      <c r="B14883" s="14" t="s">
        <v>1</v>
      </c>
      <c r="C14883" s="14" t="s">
        <v>109</v>
      </c>
      <c r="D14883" s="14" t="s">
        <v>110</v>
      </c>
      <c r="E14883" s="15">
        <v>45659</v>
      </c>
      <c r="F14883" s="14" t="s">
        <v>25</v>
      </c>
      <c r="G14883" s="16">
        <v>0</v>
      </c>
    </row>
    <row r="14884" spans="1:7" x14ac:dyDescent="0.3">
      <c r="A14884" s="13" t="s">
        <v>108</v>
      </c>
      <c r="B14884" s="14" t="s">
        <v>1</v>
      </c>
      <c r="C14884" s="14" t="s">
        <v>109</v>
      </c>
      <c r="D14884" s="14" t="s">
        <v>110</v>
      </c>
      <c r="E14884" s="15">
        <v>45660</v>
      </c>
      <c r="F14884" s="14" t="s">
        <v>25</v>
      </c>
      <c r="G14884" s="16">
        <v>0</v>
      </c>
    </row>
    <row r="14885" spans="1:7" x14ac:dyDescent="0.3">
      <c r="A14885" s="13" t="s">
        <v>108</v>
      </c>
      <c r="B14885" s="14" t="s">
        <v>1</v>
      </c>
      <c r="C14885" s="14" t="s">
        <v>109</v>
      </c>
      <c r="D14885" s="14" t="s">
        <v>110</v>
      </c>
      <c r="E14885" s="15">
        <v>45661</v>
      </c>
      <c r="F14885" s="14" t="s">
        <v>25</v>
      </c>
      <c r="G14885" s="16">
        <v>0</v>
      </c>
    </row>
    <row r="14886" spans="1:7" x14ac:dyDescent="0.3">
      <c r="A14886" s="13" t="s">
        <v>108</v>
      </c>
      <c r="B14886" s="14" t="s">
        <v>1</v>
      </c>
      <c r="C14886" s="14" t="s">
        <v>109</v>
      </c>
      <c r="D14886" s="14" t="s">
        <v>110</v>
      </c>
      <c r="E14886" s="15">
        <v>45662</v>
      </c>
      <c r="F14886" s="14" t="s">
        <v>25</v>
      </c>
      <c r="G14886" s="16">
        <v>0</v>
      </c>
    </row>
    <row r="14887" spans="1:7" x14ac:dyDescent="0.3">
      <c r="A14887" s="13" t="s">
        <v>108</v>
      </c>
      <c r="B14887" s="14" t="s">
        <v>1</v>
      </c>
      <c r="C14887" s="14" t="s">
        <v>109</v>
      </c>
      <c r="D14887" s="14" t="s">
        <v>110</v>
      </c>
      <c r="E14887" s="15">
        <v>45663</v>
      </c>
      <c r="F14887" s="14" t="s">
        <v>25</v>
      </c>
      <c r="G14887" s="16">
        <v>0</v>
      </c>
    </row>
    <row r="14888" spans="1:7" x14ac:dyDescent="0.3">
      <c r="A14888" s="13" t="s">
        <v>108</v>
      </c>
      <c r="B14888" s="14" t="s">
        <v>1</v>
      </c>
      <c r="C14888" s="14" t="s">
        <v>109</v>
      </c>
      <c r="D14888" s="14" t="s">
        <v>110</v>
      </c>
      <c r="E14888" s="15">
        <v>45664</v>
      </c>
      <c r="F14888" s="14" t="s">
        <v>25</v>
      </c>
      <c r="G14888" s="16">
        <v>0</v>
      </c>
    </row>
    <row r="14889" spans="1:7" x14ac:dyDescent="0.3">
      <c r="A14889" s="13" t="s">
        <v>108</v>
      </c>
      <c r="B14889" s="14" t="s">
        <v>1</v>
      </c>
      <c r="C14889" s="14" t="s">
        <v>109</v>
      </c>
      <c r="D14889" s="14" t="s">
        <v>110</v>
      </c>
      <c r="E14889" s="15">
        <v>45665</v>
      </c>
      <c r="F14889" s="14" t="s">
        <v>25</v>
      </c>
      <c r="G14889" s="16">
        <v>0</v>
      </c>
    </row>
    <row r="14890" spans="1:7" x14ac:dyDescent="0.3">
      <c r="A14890" s="13" t="s">
        <v>108</v>
      </c>
      <c r="B14890" s="14" t="s">
        <v>1</v>
      </c>
      <c r="C14890" s="14" t="s">
        <v>109</v>
      </c>
      <c r="D14890" s="14" t="s">
        <v>110</v>
      </c>
      <c r="E14890" s="15">
        <v>45666</v>
      </c>
      <c r="F14890" s="14" t="s">
        <v>25</v>
      </c>
      <c r="G14890" s="16">
        <v>0</v>
      </c>
    </row>
    <row r="14891" spans="1:7" x14ac:dyDescent="0.3">
      <c r="A14891" s="13" t="s">
        <v>108</v>
      </c>
      <c r="B14891" s="14" t="s">
        <v>1</v>
      </c>
      <c r="C14891" s="14" t="s">
        <v>109</v>
      </c>
      <c r="D14891" s="14" t="s">
        <v>110</v>
      </c>
      <c r="E14891" s="15">
        <v>45667</v>
      </c>
      <c r="F14891" s="14" t="s">
        <v>25</v>
      </c>
      <c r="G14891" s="16">
        <v>0</v>
      </c>
    </row>
    <row r="14892" spans="1:7" x14ac:dyDescent="0.3">
      <c r="A14892" s="13" t="s">
        <v>108</v>
      </c>
      <c r="B14892" s="14" t="s">
        <v>1</v>
      </c>
      <c r="C14892" s="14" t="s">
        <v>109</v>
      </c>
      <c r="D14892" s="14" t="s">
        <v>110</v>
      </c>
      <c r="E14892" s="15">
        <v>45668</v>
      </c>
      <c r="F14892" s="14" t="s">
        <v>25</v>
      </c>
      <c r="G14892" s="16">
        <v>0</v>
      </c>
    </row>
    <row r="14893" spans="1:7" x14ac:dyDescent="0.3">
      <c r="A14893" s="13" t="s">
        <v>108</v>
      </c>
      <c r="B14893" s="14" t="s">
        <v>1</v>
      </c>
      <c r="C14893" s="14" t="s">
        <v>109</v>
      </c>
      <c r="D14893" s="14" t="s">
        <v>110</v>
      </c>
      <c r="E14893" s="15">
        <v>45669</v>
      </c>
      <c r="F14893" s="14" t="s">
        <v>25</v>
      </c>
      <c r="G14893" s="16">
        <v>0</v>
      </c>
    </row>
    <row r="14894" spans="1:7" x14ac:dyDescent="0.3">
      <c r="A14894" s="13" t="s">
        <v>108</v>
      </c>
      <c r="B14894" s="14" t="s">
        <v>1</v>
      </c>
      <c r="C14894" s="14" t="s">
        <v>109</v>
      </c>
      <c r="D14894" s="14" t="s">
        <v>110</v>
      </c>
      <c r="E14894" s="15">
        <v>45670</v>
      </c>
      <c r="F14894" s="14" t="s">
        <v>25</v>
      </c>
      <c r="G14894" s="16">
        <v>0</v>
      </c>
    </row>
    <row r="14895" spans="1:7" x14ac:dyDescent="0.3">
      <c r="A14895" s="13" t="s">
        <v>108</v>
      </c>
      <c r="B14895" s="14" t="s">
        <v>1</v>
      </c>
      <c r="C14895" s="14" t="s">
        <v>109</v>
      </c>
      <c r="D14895" s="14" t="s">
        <v>110</v>
      </c>
      <c r="E14895" s="15">
        <v>45671</v>
      </c>
      <c r="F14895" s="14" t="s">
        <v>25</v>
      </c>
      <c r="G14895" s="16">
        <v>0</v>
      </c>
    </row>
    <row r="14896" spans="1:7" x14ac:dyDescent="0.3">
      <c r="A14896" s="13" t="s">
        <v>108</v>
      </c>
      <c r="B14896" s="14" t="s">
        <v>1</v>
      </c>
      <c r="C14896" s="14" t="s">
        <v>109</v>
      </c>
      <c r="D14896" s="14" t="s">
        <v>110</v>
      </c>
      <c r="E14896" s="15">
        <v>45672</v>
      </c>
      <c r="F14896" s="14" t="s">
        <v>25</v>
      </c>
      <c r="G14896" s="16">
        <v>0</v>
      </c>
    </row>
    <row r="14897" spans="1:7" x14ac:dyDescent="0.3">
      <c r="A14897" s="13" t="s">
        <v>108</v>
      </c>
      <c r="B14897" s="14" t="s">
        <v>1</v>
      </c>
      <c r="C14897" s="14" t="s">
        <v>109</v>
      </c>
      <c r="D14897" s="14" t="s">
        <v>110</v>
      </c>
      <c r="E14897" s="15">
        <v>45673</v>
      </c>
      <c r="F14897" s="14" t="s">
        <v>25</v>
      </c>
      <c r="G14897" s="16">
        <v>0</v>
      </c>
    </row>
    <row r="14898" spans="1:7" x14ac:dyDescent="0.3">
      <c r="A14898" s="13" t="s">
        <v>108</v>
      </c>
      <c r="B14898" s="14" t="s">
        <v>1</v>
      </c>
      <c r="C14898" s="14" t="s">
        <v>109</v>
      </c>
      <c r="D14898" s="14" t="s">
        <v>110</v>
      </c>
      <c r="E14898" s="15">
        <v>45674</v>
      </c>
      <c r="F14898" s="14" t="s">
        <v>25</v>
      </c>
      <c r="G14898" s="16">
        <v>0</v>
      </c>
    </row>
    <row r="14899" spans="1:7" x14ac:dyDescent="0.3">
      <c r="A14899" s="13" t="s">
        <v>108</v>
      </c>
      <c r="B14899" s="14" t="s">
        <v>1</v>
      </c>
      <c r="C14899" s="14" t="s">
        <v>109</v>
      </c>
      <c r="D14899" s="14" t="s">
        <v>110</v>
      </c>
      <c r="E14899" s="15">
        <v>45675</v>
      </c>
      <c r="F14899" s="14" t="s">
        <v>25</v>
      </c>
      <c r="G14899" s="16">
        <v>0</v>
      </c>
    </row>
    <row r="14900" spans="1:7" x14ac:dyDescent="0.3">
      <c r="A14900" s="13" t="s">
        <v>108</v>
      </c>
      <c r="B14900" s="14" t="s">
        <v>1</v>
      </c>
      <c r="C14900" s="14" t="s">
        <v>109</v>
      </c>
      <c r="D14900" s="14" t="s">
        <v>110</v>
      </c>
      <c r="E14900" s="15">
        <v>45676</v>
      </c>
      <c r="F14900" s="14" t="s">
        <v>25</v>
      </c>
      <c r="G14900" s="16">
        <v>0</v>
      </c>
    </row>
    <row r="14901" spans="1:7" x14ac:dyDescent="0.3">
      <c r="A14901" s="13" t="s">
        <v>108</v>
      </c>
      <c r="B14901" s="14" t="s">
        <v>1</v>
      </c>
      <c r="C14901" s="14" t="s">
        <v>109</v>
      </c>
      <c r="D14901" s="14" t="s">
        <v>110</v>
      </c>
      <c r="E14901" s="15">
        <v>45677</v>
      </c>
      <c r="F14901" s="14" t="s">
        <v>25</v>
      </c>
      <c r="G14901" s="16">
        <v>0</v>
      </c>
    </row>
    <row r="14902" spans="1:7" x14ac:dyDescent="0.3">
      <c r="A14902" s="13" t="s">
        <v>108</v>
      </c>
      <c r="B14902" s="14" t="s">
        <v>1</v>
      </c>
      <c r="C14902" s="14" t="s">
        <v>109</v>
      </c>
      <c r="D14902" s="14" t="s">
        <v>110</v>
      </c>
      <c r="E14902" s="15">
        <v>45678</v>
      </c>
      <c r="F14902" s="14" t="s">
        <v>25</v>
      </c>
      <c r="G14902" s="16">
        <v>0</v>
      </c>
    </row>
    <row r="14903" spans="1:7" x14ac:dyDescent="0.3">
      <c r="A14903" s="13" t="s">
        <v>108</v>
      </c>
      <c r="B14903" s="14" t="s">
        <v>1</v>
      </c>
      <c r="C14903" s="14" t="s">
        <v>109</v>
      </c>
      <c r="D14903" s="14" t="s">
        <v>110</v>
      </c>
      <c r="E14903" s="15">
        <v>45679</v>
      </c>
      <c r="F14903" s="14" t="s">
        <v>25</v>
      </c>
      <c r="G14903" s="16">
        <v>0</v>
      </c>
    </row>
    <row r="14904" spans="1:7" x14ac:dyDescent="0.3">
      <c r="A14904" s="13" t="s">
        <v>108</v>
      </c>
      <c r="B14904" s="14" t="s">
        <v>1</v>
      </c>
      <c r="C14904" s="14" t="s">
        <v>109</v>
      </c>
      <c r="D14904" s="14" t="s">
        <v>110</v>
      </c>
      <c r="E14904" s="15">
        <v>45680</v>
      </c>
      <c r="F14904" s="14" t="s">
        <v>25</v>
      </c>
      <c r="G14904" s="16">
        <v>0</v>
      </c>
    </row>
    <row r="14905" spans="1:7" x14ac:dyDescent="0.3">
      <c r="A14905" s="13" t="s">
        <v>108</v>
      </c>
      <c r="B14905" s="14" t="s">
        <v>1</v>
      </c>
      <c r="C14905" s="14" t="s">
        <v>109</v>
      </c>
      <c r="D14905" s="14" t="s">
        <v>110</v>
      </c>
      <c r="E14905" s="15">
        <v>45681</v>
      </c>
      <c r="F14905" s="14" t="s">
        <v>25</v>
      </c>
      <c r="G14905" s="16">
        <v>0</v>
      </c>
    </row>
    <row r="14906" spans="1:7" x14ac:dyDescent="0.3">
      <c r="A14906" s="13" t="s">
        <v>108</v>
      </c>
      <c r="B14906" s="14" t="s">
        <v>1</v>
      </c>
      <c r="C14906" s="14" t="s">
        <v>109</v>
      </c>
      <c r="D14906" s="14" t="s">
        <v>110</v>
      </c>
      <c r="E14906" s="15">
        <v>45682</v>
      </c>
      <c r="F14906" s="14" t="s">
        <v>25</v>
      </c>
      <c r="G14906" s="16">
        <v>0</v>
      </c>
    </row>
    <row r="14907" spans="1:7" x14ac:dyDescent="0.3">
      <c r="A14907" s="13" t="s">
        <v>108</v>
      </c>
      <c r="B14907" s="14" t="s">
        <v>1</v>
      </c>
      <c r="C14907" s="14" t="s">
        <v>109</v>
      </c>
      <c r="D14907" s="14" t="s">
        <v>110</v>
      </c>
      <c r="E14907" s="15">
        <v>45683</v>
      </c>
      <c r="F14907" s="14" t="s">
        <v>25</v>
      </c>
      <c r="G14907" s="16">
        <v>0</v>
      </c>
    </row>
    <row r="14908" spans="1:7" x14ac:dyDescent="0.3">
      <c r="A14908" s="13" t="s">
        <v>108</v>
      </c>
      <c r="B14908" s="14" t="s">
        <v>1</v>
      </c>
      <c r="C14908" s="14" t="s">
        <v>109</v>
      </c>
      <c r="D14908" s="14" t="s">
        <v>110</v>
      </c>
      <c r="E14908" s="15">
        <v>45684</v>
      </c>
      <c r="F14908" s="14" t="s">
        <v>25</v>
      </c>
      <c r="G14908" s="16">
        <v>0</v>
      </c>
    </row>
    <row r="14909" spans="1:7" x14ac:dyDescent="0.3">
      <c r="A14909" s="13" t="s">
        <v>108</v>
      </c>
      <c r="B14909" s="14" t="s">
        <v>1</v>
      </c>
      <c r="C14909" s="14" t="s">
        <v>109</v>
      </c>
      <c r="D14909" s="14" t="s">
        <v>110</v>
      </c>
      <c r="E14909" s="15">
        <v>45685</v>
      </c>
      <c r="F14909" s="14" t="s">
        <v>25</v>
      </c>
      <c r="G14909" s="16">
        <v>0</v>
      </c>
    </row>
    <row r="14910" spans="1:7" x14ac:dyDescent="0.3">
      <c r="A14910" s="13" t="s">
        <v>108</v>
      </c>
      <c r="B14910" s="14" t="s">
        <v>1</v>
      </c>
      <c r="C14910" s="14" t="s">
        <v>109</v>
      </c>
      <c r="D14910" s="14" t="s">
        <v>110</v>
      </c>
      <c r="E14910" s="15">
        <v>45686</v>
      </c>
      <c r="F14910" s="14" t="s">
        <v>25</v>
      </c>
      <c r="G14910" s="16">
        <v>0</v>
      </c>
    </row>
    <row r="14911" spans="1:7" x14ac:dyDescent="0.3">
      <c r="A14911" s="13" t="s">
        <v>108</v>
      </c>
      <c r="B14911" s="14" t="s">
        <v>1</v>
      </c>
      <c r="C14911" s="14" t="s">
        <v>109</v>
      </c>
      <c r="D14911" s="14" t="s">
        <v>110</v>
      </c>
      <c r="E14911" s="15">
        <v>45687</v>
      </c>
      <c r="F14911" s="14" t="s">
        <v>25</v>
      </c>
      <c r="G14911" s="16">
        <v>0</v>
      </c>
    </row>
    <row r="14912" spans="1:7" x14ac:dyDescent="0.3">
      <c r="A14912" s="13" t="s">
        <v>108</v>
      </c>
      <c r="B14912" s="14" t="s">
        <v>1</v>
      </c>
      <c r="C14912" s="14" t="s">
        <v>109</v>
      </c>
      <c r="D14912" s="14" t="s">
        <v>110</v>
      </c>
      <c r="E14912" s="15">
        <v>45688</v>
      </c>
      <c r="F14912" s="14" t="s">
        <v>25</v>
      </c>
      <c r="G14912" s="16">
        <v>0</v>
      </c>
    </row>
    <row r="14913" spans="1:7" x14ac:dyDescent="0.3">
      <c r="A14913" s="13" t="s">
        <v>108</v>
      </c>
      <c r="B14913" s="14" t="s">
        <v>1</v>
      </c>
      <c r="C14913" s="14" t="s">
        <v>109</v>
      </c>
      <c r="D14913" s="14" t="s">
        <v>110</v>
      </c>
      <c r="E14913" s="15">
        <v>45689</v>
      </c>
      <c r="F14913" s="14" t="s">
        <v>25</v>
      </c>
      <c r="G14913" s="16">
        <v>0</v>
      </c>
    </row>
    <row r="14914" spans="1:7" x14ac:dyDescent="0.3">
      <c r="A14914" s="13" t="s">
        <v>108</v>
      </c>
      <c r="B14914" s="14" t="s">
        <v>1</v>
      </c>
      <c r="C14914" s="14" t="s">
        <v>109</v>
      </c>
      <c r="D14914" s="14" t="s">
        <v>110</v>
      </c>
      <c r="E14914" s="15">
        <v>45690</v>
      </c>
      <c r="F14914" s="14" t="s">
        <v>25</v>
      </c>
      <c r="G14914" s="16">
        <v>0</v>
      </c>
    </row>
    <row r="14915" spans="1:7" x14ac:dyDescent="0.3">
      <c r="A14915" s="13" t="s">
        <v>108</v>
      </c>
      <c r="B14915" s="14" t="s">
        <v>1</v>
      </c>
      <c r="C14915" s="14" t="s">
        <v>109</v>
      </c>
      <c r="D14915" s="14" t="s">
        <v>110</v>
      </c>
      <c r="E14915" s="15">
        <v>45691</v>
      </c>
      <c r="F14915" s="14" t="s">
        <v>25</v>
      </c>
      <c r="G14915" s="16">
        <v>0</v>
      </c>
    </row>
    <row r="14916" spans="1:7" x14ac:dyDescent="0.3">
      <c r="A14916" s="13" t="s">
        <v>108</v>
      </c>
      <c r="B14916" s="14" t="s">
        <v>1</v>
      </c>
      <c r="C14916" s="14" t="s">
        <v>109</v>
      </c>
      <c r="D14916" s="14" t="s">
        <v>110</v>
      </c>
      <c r="E14916" s="15">
        <v>45692</v>
      </c>
      <c r="F14916" s="14" t="s">
        <v>25</v>
      </c>
      <c r="G14916" s="16">
        <v>0</v>
      </c>
    </row>
    <row r="14917" spans="1:7" x14ac:dyDescent="0.3">
      <c r="A14917" s="13" t="s">
        <v>108</v>
      </c>
      <c r="B14917" s="14" t="s">
        <v>1</v>
      </c>
      <c r="C14917" s="14" t="s">
        <v>109</v>
      </c>
      <c r="D14917" s="14" t="s">
        <v>110</v>
      </c>
      <c r="E14917" s="15">
        <v>45693</v>
      </c>
      <c r="F14917" s="14" t="s">
        <v>25</v>
      </c>
      <c r="G14917" s="16">
        <v>0</v>
      </c>
    </row>
    <row r="14918" spans="1:7" x14ac:dyDescent="0.3">
      <c r="A14918" s="13" t="s">
        <v>108</v>
      </c>
      <c r="B14918" s="14" t="s">
        <v>1</v>
      </c>
      <c r="C14918" s="14" t="s">
        <v>109</v>
      </c>
      <c r="D14918" s="14" t="s">
        <v>110</v>
      </c>
      <c r="E14918" s="15">
        <v>45694</v>
      </c>
      <c r="F14918" s="14" t="s">
        <v>25</v>
      </c>
      <c r="G14918" s="16">
        <v>0</v>
      </c>
    </row>
    <row r="14919" spans="1:7" x14ac:dyDescent="0.3">
      <c r="A14919" s="13" t="s">
        <v>108</v>
      </c>
      <c r="B14919" s="14" t="s">
        <v>1</v>
      </c>
      <c r="C14919" s="14" t="s">
        <v>109</v>
      </c>
      <c r="D14919" s="14" t="s">
        <v>110</v>
      </c>
      <c r="E14919" s="15">
        <v>45695</v>
      </c>
      <c r="F14919" s="14" t="s">
        <v>25</v>
      </c>
      <c r="G14919" s="16">
        <v>0</v>
      </c>
    </row>
    <row r="14920" spans="1:7" x14ac:dyDescent="0.3">
      <c r="A14920" s="13" t="s">
        <v>108</v>
      </c>
      <c r="B14920" s="14" t="s">
        <v>1</v>
      </c>
      <c r="C14920" s="14" t="s">
        <v>109</v>
      </c>
      <c r="D14920" s="14" t="s">
        <v>110</v>
      </c>
      <c r="E14920" s="15">
        <v>45696</v>
      </c>
      <c r="F14920" s="14" t="s">
        <v>25</v>
      </c>
      <c r="G14920" s="16">
        <v>0</v>
      </c>
    </row>
    <row r="14921" spans="1:7" x14ac:dyDescent="0.3">
      <c r="A14921" s="13" t="s">
        <v>108</v>
      </c>
      <c r="B14921" s="14" t="s">
        <v>1</v>
      </c>
      <c r="C14921" s="14" t="s">
        <v>109</v>
      </c>
      <c r="D14921" s="14" t="s">
        <v>110</v>
      </c>
      <c r="E14921" s="15">
        <v>45697</v>
      </c>
      <c r="F14921" s="14" t="s">
        <v>25</v>
      </c>
      <c r="G14921" s="16">
        <v>0</v>
      </c>
    </row>
    <row r="14922" spans="1:7" x14ac:dyDescent="0.3">
      <c r="A14922" s="13" t="s">
        <v>108</v>
      </c>
      <c r="B14922" s="14" t="s">
        <v>1</v>
      </c>
      <c r="C14922" s="14" t="s">
        <v>109</v>
      </c>
      <c r="D14922" s="14" t="s">
        <v>110</v>
      </c>
      <c r="E14922" s="15">
        <v>45698</v>
      </c>
      <c r="F14922" s="14" t="s">
        <v>25</v>
      </c>
      <c r="G14922" s="16">
        <v>0</v>
      </c>
    </row>
    <row r="14923" spans="1:7" x14ac:dyDescent="0.3">
      <c r="A14923" s="13" t="s">
        <v>108</v>
      </c>
      <c r="B14923" s="14" t="s">
        <v>1</v>
      </c>
      <c r="C14923" s="14" t="s">
        <v>109</v>
      </c>
      <c r="D14923" s="14" t="s">
        <v>110</v>
      </c>
      <c r="E14923" s="15">
        <v>45699</v>
      </c>
      <c r="F14923" s="14" t="s">
        <v>25</v>
      </c>
      <c r="G14923" s="16">
        <v>0</v>
      </c>
    </row>
    <row r="14924" spans="1:7" x14ac:dyDescent="0.3">
      <c r="A14924" s="13" t="s">
        <v>108</v>
      </c>
      <c r="B14924" s="14" t="s">
        <v>1</v>
      </c>
      <c r="C14924" s="14" t="s">
        <v>109</v>
      </c>
      <c r="D14924" s="14" t="s">
        <v>110</v>
      </c>
      <c r="E14924" s="15">
        <v>45700</v>
      </c>
      <c r="F14924" s="14" t="s">
        <v>25</v>
      </c>
      <c r="G14924" s="16">
        <v>0</v>
      </c>
    </row>
    <row r="14925" spans="1:7" x14ac:dyDescent="0.3">
      <c r="A14925" s="13" t="s">
        <v>108</v>
      </c>
      <c r="B14925" s="14" t="s">
        <v>1</v>
      </c>
      <c r="C14925" s="14" t="s">
        <v>109</v>
      </c>
      <c r="D14925" s="14" t="s">
        <v>110</v>
      </c>
      <c r="E14925" s="15">
        <v>45701</v>
      </c>
      <c r="F14925" s="14" t="s">
        <v>25</v>
      </c>
      <c r="G14925" s="16">
        <v>0</v>
      </c>
    </row>
    <row r="14926" spans="1:7" x14ac:dyDescent="0.3">
      <c r="A14926" s="13" t="s">
        <v>108</v>
      </c>
      <c r="B14926" s="14" t="s">
        <v>1</v>
      </c>
      <c r="C14926" s="14" t="s">
        <v>109</v>
      </c>
      <c r="D14926" s="14" t="s">
        <v>110</v>
      </c>
      <c r="E14926" s="15">
        <v>45702</v>
      </c>
      <c r="F14926" s="14" t="s">
        <v>25</v>
      </c>
      <c r="G14926" s="16">
        <v>0</v>
      </c>
    </row>
    <row r="14927" spans="1:7" x14ac:dyDescent="0.3">
      <c r="A14927" s="13" t="s">
        <v>108</v>
      </c>
      <c r="B14927" s="14" t="s">
        <v>1</v>
      </c>
      <c r="C14927" s="14" t="s">
        <v>109</v>
      </c>
      <c r="D14927" s="14" t="s">
        <v>110</v>
      </c>
      <c r="E14927" s="15">
        <v>45703</v>
      </c>
      <c r="F14927" s="14" t="s">
        <v>25</v>
      </c>
      <c r="G14927" s="16">
        <v>0</v>
      </c>
    </row>
    <row r="14928" spans="1:7" x14ac:dyDescent="0.3">
      <c r="A14928" s="13" t="s">
        <v>108</v>
      </c>
      <c r="B14928" s="14" t="s">
        <v>1</v>
      </c>
      <c r="C14928" s="14" t="s">
        <v>109</v>
      </c>
      <c r="D14928" s="14" t="s">
        <v>110</v>
      </c>
      <c r="E14928" s="15">
        <v>45704</v>
      </c>
      <c r="F14928" s="14" t="s">
        <v>25</v>
      </c>
      <c r="G14928" s="16">
        <v>0</v>
      </c>
    </row>
    <row r="14929" spans="1:7" x14ac:dyDescent="0.3">
      <c r="A14929" s="13" t="s">
        <v>108</v>
      </c>
      <c r="B14929" s="14" t="s">
        <v>1</v>
      </c>
      <c r="C14929" s="14" t="s">
        <v>109</v>
      </c>
      <c r="D14929" s="14" t="s">
        <v>110</v>
      </c>
      <c r="E14929" s="15">
        <v>45705</v>
      </c>
      <c r="F14929" s="14" t="s">
        <v>25</v>
      </c>
      <c r="G14929" s="16">
        <v>0</v>
      </c>
    </row>
    <row r="14930" spans="1:7" x14ac:dyDescent="0.3">
      <c r="A14930" s="13" t="s">
        <v>108</v>
      </c>
      <c r="B14930" s="14" t="s">
        <v>1</v>
      </c>
      <c r="C14930" s="14" t="s">
        <v>109</v>
      </c>
      <c r="D14930" s="14" t="s">
        <v>110</v>
      </c>
      <c r="E14930" s="15">
        <v>45706</v>
      </c>
      <c r="F14930" s="14" t="s">
        <v>25</v>
      </c>
      <c r="G14930" s="16">
        <v>0</v>
      </c>
    </row>
    <row r="14931" spans="1:7" x14ac:dyDescent="0.3">
      <c r="A14931" s="13" t="s">
        <v>108</v>
      </c>
      <c r="B14931" s="14" t="s">
        <v>1</v>
      </c>
      <c r="C14931" s="14" t="s">
        <v>109</v>
      </c>
      <c r="D14931" s="14" t="s">
        <v>110</v>
      </c>
      <c r="E14931" s="15">
        <v>45707</v>
      </c>
      <c r="F14931" s="14" t="s">
        <v>25</v>
      </c>
      <c r="G14931" s="16">
        <v>0</v>
      </c>
    </row>
    <row r="14932" spans="1:7" x14ac:dyDescent="0.3">
      <c r="A14932" s="13" t="s">
        <v>108</v>
      </c>
      <c r="B14932" s="14" t="s">
        <v>1</v>
      </c>
      <c r="C14932" s="14" t="s">
        <v>109</v>
      </c>
      <c r="D14932" s="14" t="s">
        <v>110</v>
      </c>
      <c r="E14932" s="15">
        <v>45708</v>
      </c>
      <c r="F14932" s="14" t="s">
        <v>25</v>
      </c>
      <c r="G14932" s="16">
        <v>0</v>
      </c>
    </row>
    <row r="14933" spans="1:7" x14ac:dyDescent="0.3">
      <c r="A14933" s="13" t="s">
        <v>108</v>
      </c>
      <c r="B14933" s="14" t="s">
        <v>1</v>
      </c>
      <c r="C14933" s="14" t="s">
        <v>109</v>
      </c>
      <c r="D14933" s="14" t="s">
        <v>110</v>
      </c>
      <c r="E14933" s="15">
        <v>45709</v>
      </c>
      <c r="F14933" s="14" t="s">
        <v>25</v>
      </c>
      <c r="G14933" s="16">
        <v>0</v>
      </c>
    </row>
    <row r="14934" spans="1:7" x14ac:dyDescent="0.3">
      <c r="A14934" s="13" t="s">
        <v>108</v>
      </c>
      <c r="B14934" s="14" t="s">
        <v>1</v>
      </c>
      <c r="C14934" s="14" t="s">
        <v>109</v>
      </c>
      <c r="D14934" s="14" t="s">
        <v>110</v>
      </c>
      <c r="E14934" s="15">
        <v>45710</v>
      </c>
      <c r="F14934" s="14" t="s">
        <v>25</v>
      </c>
      <c r="G14934" s="16">
        <v>0</v>
      </c>
    </row>
    <row r="14935" spans="1:7" x14ac:dyDescent="0.3">
      <c r="A14935" s="13" t="s">
        <v>108</v>
      </c>
      <c r="B14935" s="14" t="s">
        <v>1</v>
      </c>
      <c r="C14935" s="14" t="s">
        <v>109</v>
      </c>
      <c r="D14935" s="14" t="s">
        <v>110</v>
      </c>
      <c r="E14935" s="15">
        <v>45711</v>
      </c>
      <c r="F14935" s="14" t="s">
        <v>25</v>
      </c>
      <c r="G14935" s="16">
        <v>0</v>
      </c>
    </row>
    <row r="14936" spans="1:7" x14ac:dyDescent="0.3">
      <c r="A14936" s="13" t="s">
        <v>108</v>
      </c>
      <c r="B14936" s="14" t="s">
        <v>1</v>
      </c>
      <c r="C14936" s="14" t="s">
        <v>109</v>
      </c>
      <c r="D14936" s="14" t="s">
        <v>110</v>
      </c>
      <c r="E14936" s="15">
        <v>45712</v>
      </c>
      <c r="F14936" s="14" t="s">
        <v>25</v>
      </c>
      <c r="G14936" s="16">
        <v>0</v>
      </c>
    </row>
    <row r="14937" spans="1:7" x14ac:dyDescent="0.3">
      <c r="A14937" s="13" t="s">
        <v>108</v>
      </c>
      <c r="B14937" s="14" t="s">
        <v>1</v>
      </c>
      <c r="C14937" s="14" t="s">
        <v>109</v>
      </c>
      <c r="D14937" s="14" t="s">
        <v>110</v>
      </c>
      <c r="E14937" s="15">
        <v>45713</v>
      </c>
      <c r="F14937" s="14" t="s">
        <v>25</v>
      </c>
      <c r="G14937" s="16">
        <v>0</v>
      </c>
    </row>
    <row r="14938" spans="1:7" x14ac:dyDescent="0.3">
      <c r="A14938" s="13" t="s">
        <v>108</v>
      </c>
      <c r="B14938" s="14" t="s">
        <v>1</v>
      </c>
      <c r="C14938" s="14" t="s">
        <v>109</v>
      </c>
      <c r="D14938" s="14" t="s">
        <v>110</v>
      </c>
      <c r="E14938" s="15">
        <v>45714</v>
      </c>
      <c r="F14938" s="14" t="s">
        <v>25</v>
      </c>
      <c r="G14938" s="16">
        <v>0</v>
      </c>
    </row>
    <row r="14939" spans="1:7" x14ac:dyDescent="0.3">
      <c r="A14939" s="13" t="s">
        <v>108</v>
      </c>
      <c r="B14939" s="14" t="s">
        <v>1</v>
      </c>
      <c r="C14939" s="14" t="s">
        <v>109</v>
      </c>
      <c r="D14939" s="14" t="s">
        <v>110</v>
      </c>
      <c r="E14939" s="15">
        <v>45715</v>
      </c>
      <c r="F14939" s="14" t="s">
        <v>25</v>
      </c>
      <c r="G14939" s="16">
        <v>0</v>
      </c>
    </row>
    <row r="14940" spans="1:7" x14ac:dyDescent="0.3">
      <c r="A14940" s="13" t="s">
        <v>108</v>
      </c>
      <c r="B14940" s="14" t="s">
        <v>1</v>
      </c>
      <c r="C14940" s="14" t="s">
        <v>109</v>
      </c>
      <c r="D14940" s="14" t="s">
        <v>110</v>
      </c>
      <c r="E14940" s="15">
        <v>45716</v>
      </c>
      <c r="F14940" s="14" t="s">
        <v>25</v>
      </c>
      <c r="G14940" s="16">
        <v>0</v>
      </c>
    </row>
    <row r="14941" spans="1:7" x14ac:dyDescent="0.3">
      <c r="A14941" s="13" t="s">
        <v>108</v>
      </c>
      <c r="B14941" s="14" t="s">
        <v>1</v>
      </c>
      <c r="C14941" s="14" t="s">
        <v>109</v>
      </c>
      <c r="D14941" s="14" t="s">
        <v>110</v>
      </c>
      <c r="E14941" s="15">
        <v>45717</v>
      </c>
      <c r="F14941" s="14" t="s">
        <v>25</v>
      </c>
      <c r="G14941" s="16">
        <v>0</v>
      </c>
    </row>
    <row r="14942" spans="1:7" x14ac:dyDescent="0.3">
      <c r="A14942" s="13" t="s">
        <v>108</v>
      </c>
      <c r="B14942" s="14" t="s">
        <v>1</v>
      </c>
      <c r="C14942" s="14" t="s">
        <v>109</v>
      </c>
      <c r="D14942" s="14" t="s">
        <v>110</v>
      </c>
      <c r="E14942" s="15">
        <v>45718</v>
      </c>
      <c r="F14942" s="14" t="s">
        <v>25</v>
      </c>
      <c r="G14942" s="16">
        <v>0</v>
      </c>
    </row>
    <row r="14943" spans="1:7" x14ac:dyDescent="0.3">
      <c r="A14943" s="13" t="s">
        <v>108</v>
      </c>
      <c r="B14943" s="14" t="s">
        <v>1</v>
      </c>
      <c r="C14943" s="14" t="s">
        <v>109</v>
      </c>
      <c r="D14943" s="14" t="s">
        <v>110</v>
      </c>
      <c r="E14943" s="15">
        <v>45719</v>
      </c>
      <c r="F14943" s="14" t="s">
        <v>25</v>
      </c>
      <c r="G14943" s="16">
        <v>0</v>
      </c>
    </row>
    <row r="14944" spans="1:7" x14ac:dyDescent="0.3">
      <c r="A14944" s="13" t="s">
        <v>108</v>
      </c>
      <c r="B14944" s="14" t="s">
        <v>1</v>
      </c>
      <c r="C14944" s="14" t="s">
        <v>109</v>
      </c>
      <c r="D14944" s="14" t="s">
        <v>110</v>
      </c>
      <c r="E14944" s="15">
        <v>45720</v>
      </c>
      <c r="F14944" s="14" t="s">
        <v>25</v>
      </c>
      <c r="G14944" s="16">
        <v>0</v>
      </c>
    </row>
    <row r="14945" spans="1:7" x14ac:dyDescent="0.3">
      <c r="A14945" s="13" t="s">
        <v>108</v>
      </c>
      <c r="B14945" s="14" t="s">
        <v>1</v>
      </c>
      <c r="C14945" s="14" t="s">
        <v>109</v>
      </c>
      <c r="D14945" s="14" t="s">
        <v>110</v>
      </c>
      <c r="E14945" s="15">
        <v>45721</v>
      </c>
      <c r="F14945" s="14" t="s">
        <v>25</v>
      </c>
      <c r="G14945" s="16">
        <v>0</v>
      </c>
    </row>
    <row r="14946" spans="1:7" x14ac:dyDescent="0.3">
      <c r="A14946" s="13" t="s">
        <v>108</v>
      </c>
      <c r="B14946" s="14" t="s">
        <v>1</v>
      </c>
      <c r="C14946" s="14" t="s">
        <v>109</v>
      </c>
      <c r="D14946" s="14" t="s">
        <v>110</v>
      </c>
      <c r="E14946" s="15">
        <v>45722</v>
      </c>
      <c r="F14946" s="14" t="s">
        <v>25</v>
      </c>
      <c r="G14946" s="16">
        <v>0</v>
      </c>
    </row>
    <row r="14947" spans="1:7" x14ac:dyDescent="0.3">
      <c r="A14947" s="13" t="s">
        <v>108</v>
      </c>
      <c r="B14947" s="14" t="s">
        <v>1</v>
      </c>
      <c r="C14947" s="14" t="s">
        <v>109</v>
      </c>
      <c r="D14947" s="14" t="s">
        <v>110</v>
      </c>
      <c r="E14947" s="15">
        <v>45723</v>
      </c>
      <c r="F14947" s="14" t="s">
        <v>25</v>
      </c>
      <c r="G14947" s="16">
        <v>0</v>
      </c>
    </row>
    <row r="14948" spans="1:7" x14ac:dyDescent="0.3">
      <c r="A14948" s="13" t="s">
        <v>108</v>
      </c>
      <c r="B14948" s="14" t="s">
        <v>1</v>
      </c>
      <c r="C14948" s="14" t="s">
        <v>109</v>
      </c>
      <c r="D14948" s="14" t="s">
        <v>110</v>
      </c>
      <c r="E14948" s="15">
        <v>45724</v>
      </c>
      <c r="F14948" s="14" t="s">
        <v>25</v>
      </c>
      <c r="G14948" s="16">
        <v>0</v>
      </c>
    </row>
    <row r="14949" spans="1:7" x14ac:dyDescent="0.3">
      <c r="A14949" s="13" t="s">
        <v>108</v>
      </c>
      <c r="B14949" s="14" t="s">
        <v>1</v>
      </c>
      <c r="C14949" s="14" t="s">
        <v>109</v>
      </c>
      <c r="D14949" s="14" t="s">
        <v>110</v>
      </c>
      <c r="E14949" s="15">
        <v>45725</v>
      </c>
      <c r="F14949" s="14" t="s">
        <v>25</v>
      </c>
      <c r="G14949" s="16">
        <v>0</v>
      </c>
    </row>
    <row r="14950" spans="1:7" x14ac:dyDescent="0.3">
      <c r="A14950" s="13" t="s">
        <v>108</v>
      </c>
      <c r="B14950" s="14" t="s">
        <v>1</v>
      </c>
      <c r="C14950" s="14" t="s">
        <v>109</v>
      </c>
      <c r="D14950" s="14" t="s">
        <v>110</v>
      </c>
      <c r="E14950" s="15">
        <v>45726</v>
      </c>
      <c r="F14950" s="14" t="s">
        <v>25</v>
      </c>
      <c r="G14950" s="16">
        <v>0</v>
      </c>
    </row>
    <row r="14951" spans="1:7" x14ac:dyDescent="0.3">
      <c r="A14951" s="13" t="s">
        <v>108</v>
      </c>
      <c r="B14951" s="14" t="s">
        <v>1</v>
      </c>
      <c r="C14951" s="14" t="s">
        <v>109</v>
      </c>
      <c r="D14951" s="14" t="s">
        <v>110</v>
      </c>
      <c r="E14951" s="15">
        <v>45727</v>
      </c>
      <c r="F14951" s="14" t="s">
        <v>25</v>
      </c>
      <c r="G14951" s="16">
        <v>0</v>
      </c>
    </row>
    <row r="14952" spans="1:7" x14ac:dyDescent="0.3">
      <c r="A14952" s="13" t="s">
        <v>108</v>
      </c>
      <c r="B14952" s="14" t="s">
        <v>1</v>
      </c>
      <c r="C14952" s="14" t="s">
        <v>109</v>
      </c>
      <c r="D14952" s="14" t="s">
        <v>110</v>
      </c>
      <c r="E14952" s="15">
        <v>45728</v>
      </c>
      <c r="F14952" s="14" t="s">
        <v>25</v>
      </c>
      <c r="G14952" s="16">
        <v>0</v>
      </c>
    </row>
    <row r="14953" spans="1:7" x14ac:dyDescent="0.3">
      <c r="A14953" s="13" t="s">
        <v>108</v>
      </c>
      <c r="B14953" s="14" t="s">
        <v>1</v>
      </c>
      <c r="C14953" s="14" t="s">
        <v>109</v>
      </c>
      <c r="D14953" s="14" t="s">
        <v>110</v>
      </c>
      <c r="E14953" s="15">
        <v>45729</v>
      </c>
      <c r="F14953" s="14" t="s">
        <v>25</v>
      </c>
      <c r="G14953" s="16">
        <v>0</v>
      </c>
    </row>
    <row r="14954" spans="1:7" x14ac:dyDescent="0.3">
      <c r="A14954" s="13" t="s">
        <v>108</v>
      </c>
      <c r="B14954" s="14" t="s">
        <v>1</v>
      </c>
      <c r="C14954" s="14" t="s">
        <v>109</v>
      </c>
      <c r="D14954" s="14" t="s">
        <v>110</v>
      </c>
      <c r="E14954" s="15">
        <v>45730</v>
      </c>
      <c r="F14954" s="14" t="s">
        <v>25</v>
      </c>
      <c r="G14954" s="16">
        <v>0</v>
      </c>
    </row>
    <row r="14955" spans="1:7" x14ac:dyDescent="0.3">
      <c r="A14955" s="13" t="s">
        <v>108</v>
      </c>
      <c r="B14955" s="14" t="s">
        <v>1</v>
      </c>
      <c r="C14955" s="14" t="s">
        <v>109</v>
      </c>
      <c r="D14955" s="14" t="s">
        <v>110</v>
      </c>
      <c r="E14955" s="15">
        <v>45731</v>
      </c>
      <c r="F14955" s="14" t="s">
        <v>25</v>
      </c>
      <c r="G14955" s="16">
        <v>0</v>
      </c>
    </row>
    <row r="14956" spans="1:7" x14ac:dyDescent="0.3">
      <c r="A14956" s="13" t="s">
        <v>108</v>
      </c>
      <c r="B14956" s="14" t="s">
        <v>1</v>
      </c>
      <c r="C14956" s="14" t="s">
        <v>109</v>
      </c>
      <c r="D14956" s="14" t="s">
        <v>110</v>
      </c>
      <c r="E14956" s="15">
        <v>45732</v>
      </c>
      <c r="F14956" s="14" t="s">
        <v>25</v>
      </c>
      <c r="G14956" s="16">
        <v>0</v>
      </c>
    </row>
    <row r="14957" spans="1:7" x14ac:dyDescent="0.3">
      <c r="A14957" s="13" t="s">
        <v>108</v>
      </c>
      <c r="B14957" s="14" t="s">
        <v>1</v>
      </c>
      <c r="C14957" s="14" t="s">
        <v>109</v>
      </c>
      <c r="D14957" s="14" t="s">
        <v>110</v>
      </c>
      <c r="E14957" s="15">
        <v>45733</v>
      </c>
      <c r="F14957" s="14" t="s">
        <v>25</v>
      </c>
      <c r="G14957" s="16">
        <v>0</v>
      </c>
    </row>
    <row r="14958" spans="1:7" x14ac:dyDescent="0.3">
      <c r="A14958" s="13" t="s">
        <v>108</v>
      </c>
      <c r="B14958" s="14" t="s">
        <v>1</v>
      </c>
      <c r="C14958" s="14" t="s">
        <v>109</v>
      </c>
      <c r="D14958" s="14" t="s">
        <v>110</v>
      </c>
      <c r="E14958" s="15">
        <v>45734</v>
      </c>
      <c r="F14958" s="14" t="s">
        <v>25</v>
      </c>
      <c r="G14958" s="16">
        <v>0</v>
      </c>
    </row>
    <row r="14959" spans="1:7" x14ac:dyDescent="0.3">
      <c r="A14959" s="13" t="s">
        <v>108</v>
      </c>
      <c r="B14959" s="14" t="s">
        <v>1</v>
      </c>
      <c r="C14959" s="14" t="s">
        <v>109</v>
      </c>
      <c r="D14959" s="14" t="s">
        <v>110</v>
      </c>
      <c r="E14959" s="15">
        <v>45735</v>
      </c>
      <c r="F14959" s="14" t="s">
        <v>25</v>
      </c>
      <c r="G14959" s="16">
        <v>0</v>
      </c>
    </row>
    <row r="14960" spans="1:7" x14ac:dyDescent="0.3">
      <c r="A14960" s="13" t="s">
        <v>108</v>
      </c>
      <c r="B14960" s="14" t="s">
        <v>1</v>
      </c>
      <c r="C14960" s="14" t="s">
        <v>109</v>
      </c>
      <c r="D14960" s="14" t="s">
        <v>110</v>
      </c>
      <c r="E14960" s="15">
        <v>45736</v>
      </c>
      <c r="F14960" s="14" t="s">
        <v>25</v>
      </c>
      <c r="G14960" s="16">
        <v>0</v>
      </c>
    </row>
    <row r="14961" spans="1:7" x14ac:dyDescent="0.3">
      <c r="A14961" s="13" t="s">
        <v>108</v>
      </c>
      <c r="B14961" s="14" t="s">
        <v>1</v>
      </c>
      <c r="C14961" s="14" t="s">
        <v>109</v>
      </c>
      <c r="D14961" s="14" t="s">
        <v>110</v>
      </c>
      <c r="E14961" s="15">
        <v>45737</v>
      </c>
      <c r="F14961" s="14" t="s">
        <v>25</v>
      </c>
      <c r="G14961" s="16">
        <v>0</v>
      </c>
    </row>
    <row r="14962" spans="1:7" x14ac:dyDescent="0.3">
      <c r="A14962" s="13" t="s">
        <v>108</v>
      </c>
      <c r="B14962" s="14" t="s">
        <v>1</v>
      </c>
      <c r="C14962" s="14" t="s">
        <v>109</v>
      </c>
      <c r="D14962" s="14" t="s">
        <v>110</v>
      </c>
      <c r="E14962" s="15">
        <v>45738</v>
      </c>
      <c r="F14962" s="14" t="s">
        <v>25</v>
      </c>
      <c r="G14962" s="16">
        <v>0</v>
      </c>
    </row>
    <row r="14963" spans="1:7" x14ac:dyDescent="0.3">
      <c r="A14963" s="13" t="s">
        <v>108</v>
      </c>
      <c r="B14963" s="14" t="s">
        <v>1</v>
      </c>
      <c r="C14963" s="14" t="s">
        <v>109</v>
      </c>
      <c r="D14963" s="14" t="s">
        <v>110</v>
      </c>
      <c r="E14963" s="15">
        <v>45739</v>
      </c>
      <c r="F14963" s="14" t="s">
        <v>25</v>
      </c>
      <c r="G14963" s="16">
        <v>0</v>
      </c>
    </row>
    <row r="14964" spans="1:7" x14ac:dyDescent="0.3">
      <c r="A14964" s="13" t="s">
        <v>108</v>
      </c>
      <c r="B14964" s="14" t="s">
        <v>1</v>
      </c>
      <c r="C14964" s="14" t="s">
        <v>109</v>
      </c>
      <c r="D14964" s="14" t="s">
        <v>110</v>
      </c>
      <c r="E14964" s="15">
        <v>45740</v>
      </c>
      <c r="F14964" s="14" t="s">
        <v>25</v>
      </c>
      <c r="G14964" s="16">
        <v>0</v>
      </c>
    </row>
    <row r="14965" spans="1:7" x14ac:dyDescent="0.3">
      <c r="A14965" s="13" t="s">
        <v>108</v>
      </c>
      <c r="B14965" s="14" t="s">
        <v>1</v>
      </c>
      <c r="C14965" s="14" t="s">
        <v>109</v>
      </c>
      <c r="D14965" s="14" t="s">
        <v>110</v>
      </c>
      <c r="E14965" s="15">
        <v>45741</v>
      </c>
      <c r="F14965" s="14" t="s">
        <v>25</v>
      </c>
      <c r="G14965" s="16">
        <v>0</v>
      </c>
    </row>
    <row r="14966" spans="1:7" x14ac:dyDescent="0.3">
      <c r="A14966" s="13" t="s">
        <v>108</v>
      </c>
      <c r="B14966" s="14" t="s">
        <v>1</v>
      </c>
      <c r="C14966" s="14" t="s">
        <v>109</v>
      </c>
      <c r="D14966" s="14" t="s">
        <v>110</v>
      </c>
      <c r="E14966" s="15">
        <v>45742</v>
      </c>
      <c r="F14966" s="14" t="s">
        <v>25</v>
      </c>
      <c r="G14966" s="16">
        <v>0</v>
      </c>
    </row>
    <row r="14967" spans="1:7" x14ac:dyDescent="0.3">
      <c r="A14967" s="13" t="s">
        <v>108</v>
      </c>
      <c r="B14967" s="14" t="s">
        <v>1</v>
      </c>
      <c r="C14967" s="14" t="s">
        <v>109</v>
      </c>
      <c r="D14967" s="14" t="s">
        <v>110</v>
      </c>
      <c r="E14967" s="15">
        <v>45743</v>
      </c>
      <c r="F14967" s="14" t="s">
        <v>25</v>
      </c>
      <c r="G14967" s="16">
        <v>0</v>
      </c>
    </row>
    <row r="14968" spans="1:7" x14ac:dyDescent="0.3">
      <c r="A14968" s="13" t="s">
        <v>108</v>
      </c>
      <c r="B14968" s="14" t="s">
        <v>1</v>
      </c>
      <c r="C14968" s="14" t="s">
        <v>109</v>
      </c>
      <c r="D14968" s="14" t="s">
        <v>110</v>
      </c>
      <c r="E14968" s="15">
        <v>45744</v>
      </c>
      <c r="F14968" s="14" t="s">
        <v>25</v>
      </c>
      <c r="G14968" s="16">
        <v>0</v>
      </c>
    </row>
    <row r="14969" spans="1:7" x14ac:dyDescent="0.3">
      <c r="A14969" s="13" t="s">
        <v>108</v>
      </c>
      <c r="B14969" s="14" t="s">
        <v>1</v>
      </c>
      <c r="C14969" s="14" t="s">
        <v>109</v>
      </c>
      <c r="D14969" s="14" t="s">
        <v>110</v>
      </c>
      <c r="E14969" s="15">
        <v>45745</v>
      </c>
      <c r="F14969" s="14" t="s">
        <v>25</v>
      </c>
      <c r="G14969" s="16">
        <v>0</v>
      </c>
    </row>
    <row r="14970" spans="1:7" x14ac:dyDescent="0.3">
      <c r="A14970" s="13" t="s">
        <v>108</v>
      </c>
      <c r="B14970" s="14" t="s">
        <v>1</v>
      </c>
      <c r="C14970" s="14" t="s">
        <v>109</v>
      </c>
      <c r="D14970" s="14" t="s">
        <v>110</v>
      </c>
      <c r="E14970" s="15">
        <v>45746</v>
      </c>
      <c r="F14970" s="14" t="s">
        <v>25</v>
      </c>
      <c r="G14970" s="16">
        <v>0</v>
      </c>
    </row>
    <row r="14971" spans="1:7" x14ac:dyDescent="0.3">
      <c r="A14971" s="13" t="s">
        <v>108</v>
      </c>
      <c r="B14971" s="14" t="s">
        <v>1</v>
      </c>
      <c r="C14971" s="14" t="s">
        <v>109</v>
      </c>
      <c r="D14971" s="14" t="s">
        <v>110</v>
      </c>
      <c r="E14971" s="15">
        <v>45747</v>
      </c>
      <c r="F14971" s="14" t="s">
        <v>25</v>
      </c>
      <c r="G14971" s="16">
        <v>0</v>
      </c>
    </row>
    <row r="14972" spans="1:7" x14ac:dyDescent="0.3">
      <c r="A14972" s="13" t="s">
        <v>111</v>
      </c>
      <c r="B14972" s="14" t="s">
        <v>1</v>
      </c>
      <c r="C14972" s="14" t="s">
        <v>96</v>
      </c>
      <c r="D14972" s="14" t="s">
        <v>112</v>
      </c>
      <c r="E14972" s="15">
        <v>45383</v>
      </c>
      <c r="F14972" s="14" t="s">
        <v>28</v>
      </c>
      <c r="G14972" s="16">
        <v>0</v>
      </c>
    </row>
    <row r="14973" spans="1:7" x14ac:dyDescent="0.3">
      <c r="A14973" s="13" t="s">
        <v>111</v>
      </c>
      <c r="B14973" s="14" t="s">
        <v>1</v>
      </c>
      <c r="C14973" s="14" t="s">
        <v>96</v>
      </c>
      <c r="D14973" s="14" t="s">
        <v>112</v>
      </c>
      <c r="E14973" s="15">
        <v>45384</v>
      </c>
      <c r="F14973" s="14" t="s">
        <v>28</v>
      </c>
      <c r="G14973" s="16">
        <v>0</v>
      </c>
    </row>
    <row r="14974" spans="1:7" x14ac:dyDescent="0.3">
      <c r="A14974" s="13" t="s">
        <v>111</v>
      </c>
      <c r="B14974" s="14" t="s">
        <v>1</v>
      </c>
      <c r="C14974" s="14" t="s">
        <v>96</v>
      </c>
      <c r="D14974" s="14" t="s">
        <v>112</v>
      </c>
      <c r="E14974" s="15">
        <v>45385</v>
      </c>
      <c r="F14974" s="14" t="s">
        <v>28</v>
      </c>
      <c r="G14974" s="16">
        <v>0</v>
      </c>
    </row>
    <row r="14975" spans="1:7" x14ac:dyDescent="0.3">
      <c r="A14975" s="13" t="s">
        <v>111</v>
      </c>
      <c r="B14975" s="14" t="s">
        <v>1</v>
      </c>
      <c r="C14975" s="14" t="s">
        <v>96</v>
      </c>
      <c r="D14975" s="14" t="s">
        <v>112</v>
      </c>
      <c r="E14975" s="15">
        <v>45386</v>
      </c>
      <c r="F14975" s="14" t="s">
        <v>28</v>
      </c>
      <c r="G14975" s="16">
        <v>0</v>
      </c>
    </row>
    <row r="14976" spans="1:7" x14ac:dyDescent="0.3">
      <c r="A14976" s="13" t="s">
        <v>111</v>
      </c>
      <c r="B14976" s="14" t="s">
        <v>1</v>
      </c>
      <c r="C14976" s="14" t="s">
        <v>96</v>
      </c>
      <c r="D14976" s="14" t="s">
        <v>112</v>
      </c>
      <c r="E14976" s="15">
        <v>45387</v>
      </c>
      <c r="F14976" s="14" t="s">
        <v>28</v>
      </c>
      <c r="G14976" s="16">
        <v>0</v>
      </c>
    </row>
    <row r="14977" spans="1:7" x14ac:dyDescent="0.3">
      <c r="A14977" s="13" t="s">
        <v>111</v>
      </c>
      <c r="B14977" s="14" t="s">
        <v>1</v>
      </c>
      <c r="C14977" s="14" t="s">
        <v>96</v>
      </c>
      <c r="D14977" s="14" t="s">
        <v>112</v>
      </c>
      <c r="E14977" s="15">
        <v>45388</v>
      </c>
      <c r="F14977" s="14" t="s">
        <v>28</v>
      </c>
      <c r="G14977" s="16">
        <v>0</v>
      </c>
    </row>
    <row r="14978" spans="1:7" x14ac:dyDescent="0.3">
      <c r="A14978" s="13" t="s">
        <v>111</v>
      </c>
      <c r="B14978" s="14" t="s">
        <v>1</v>
      </c>
      <c r="C14978" s="14" t="s">
        <v>96</v>
      </c>
      <c r="D14978" s="14" t="s">
        <v>112</v>
      </c>
      <c r="E14978" s="15">
        <v>45389</v>
      </c>
      <c r="F14978" s="14" t="s">
        <v>28</v>
      </c>
      <c r="G14978" s="16">
        <v>0</v>
      </c>
    </row>
    <row r="14979" spans="1:7" x14ac:dyDescent="0.3">
      <c r="A14979" s="13" t="s">
        <v>111</v>
      </c>
      <c r="B14979" s="14" t="s">
        <v>1</v>
      </c>
      <c r="C14979" s="14" t="s">
        <v>96</v>
      </c>
      <c r="D14979" s="14" t="s">
        <v>112</v>
      </c>
      <c r="E14979" s="15">
        <v>45390</v>
      </c>
      <c r="F14979" s="14" t="s">
        <v>28</v>
      </c>
      <c r="G14979" s="16">
        <v>0</v>
      </c>
    </row>
    <row r="14980" spans="1:7" x14ac:dyDescent="0.3">
      <c r="A14980" s="13" t="s">
        <v>111</v>
      </c>
      <c r="B14980" s="14" t="s">
        <v>1</v>
      </c>
      <c r="C14980" s="14" t="s">
        <v>96</v>
      </c>
      <c r="D14980" s="14" t="s">
        <v>112</v>
      </c>
      <c r="E14980" s="15">
        <v>45391</v>
      </c>
      <c r="F14980" s="14" t="s">
        <v>28</v>
      </c>
      <c r="G14980" s="16">
        <v>0</v>
      </c>
    </row>
    <row r="14981" spans="1:7" x14ac:dyDescent="0.3">
      <c r="A14981" s="13" t="s">
        <v>111</v>
      </c>
      <c r="B14981" s="14" t="s">
        <v>1</v>
      </c>
      <c r="C14981" s="14" t="s">
        <v>96</v>
      </c>
      <c r="D14981" s="14" t="s">
        <v>112</v>
      </c>
      <c r="E14981" s="15">
        <v>45392</v>
      </c>
      <c r="F14981" s="14" t="s">
        <v>28</v>
      </c>
      <c r="G14981" s="16">
        <v>0</v>
      </c>
    </row>
    <row r="14982" spans="1:7" x14ac:dyDescent="0.3">
      <c r="A14982" s="13" t="s">
        <v>111</v>
      </c>
      <c r="B14982" s="14" t="s">
        <v>1</v>
      </c>
      <c r="C14982" s="14" t="s">
        <v>96</v>
      </c>
      <c r="D14982" s="14" t="s">
        <v>112</v>
      </c>
      <c r="E14982" s="15">
        <v>45393</v>
      </c>
      <c r="F14982" s="14" t="s">
        <v>28</v>
      </c>
      <c r="G14982" s="16">
        <v>0</v>
      </c>
    </row>
    <row r="14983" spans="1:7" x14ac:dyDescent="0.3">
      <c r="A14983" s="13" t="s">
        <v>111</v>
      </c>
      <c r="B14983" s="14" t="s">
        <v>1</v>
      </c>
      <c r="C14983" s="14" t="s">
        <v>96</v>
      </c>
      <c r="D14983" s="14" t="s">
        <v>112</v>
      </c>
      <c r="E14983" s="15">
        <v>45394</v>
      </c>
      <c r="F14983" s="14" t="s">
        <v>28</v>
      </c>
      <c r="G14983" s="16">
        <v>0</v>
      </c>
    </row>
    <row r="14984" spans="1:7" x14ac:dyDescent="0.3">
      <c r="A14984" s="13" t="s">
        <v>111</v>
      </c>
      <c r="B14984" s="14" t="s">
        <v>1</v>
      </c>
      <c r="C14984" s="14" t="s">
        <v>96</v>
      </c>
      <c r="D14984" s="14" t="s">
        <v>112</v>
      </c>
      <c r="E14984" s="15">
        <v>45395</v>
      </c>
      <c r="F14984" s="14" t="s">
        <v>28</v>
      </c>
      <c r="G14984" s="16">
        <v>0</v>
      </c>
    </row>
    <row r="14985" spans="1:7" x14ac:dyDescent="0.3">
      <c r="A14985" s="13" t="s">
        <v>111</v>
      </c>
      <c r="B14985" s="14" t="s">
        <v>1</v>
      </c>
      <c r="C14985" s="14" t="s">
        <v>96</v>
      </c>
      <c r="D14985" s="14" t="s">
        <v>112</v>
      </c>
      <c r="E14985" s="15">
        <v>45396</v>
      </c>
      <c r="F14985" s="14" t="s">
        <v>28</v>
      </c>
      <c r="G14985" s="16">
        <v>0</v>
      </c>
    </row>
    <row r="14986" spans="1:7" x14ac:dyDescent="0.3">
      <c r="A14986" s="13" t="s">
        <v>111</v>
      </c>
      <c r="B14986" s="14" t="s">
        <v>1</v>
      </c>
      <c r="C14986" s="14" t="s">
        <v>96</v>
      </c>
      <c r="D14986" s="14" t="s">
        <v>112</v>
      </c>
      <c r="E14986" s="15">
        <v>45397</v>
      </c>
      <c r="F14986" s="14" t="s">
        <v>28</v>
      </c>
      <c r="G14986" s="16">
        <v>0</v>
      </c>
    </row>
    <row r="14987" spans="1:7" x14ac:dyDescent="0.3">
      <c r="A14987" s="13" t="s">
        <v>111</v>
      </c>
      <c r="B14987" s="14" t="s">
        <v>1</v>
      </c>
      <c r="C14987" s="14" t="s">
        <v>96</v>
      </c>
      <c r="D14987" s="14" t="s">
        <v>112</v>
      </c>
      <c r="E14987" s="15">
        <v>45398</v>
      </c>
      <c r="F14987" s="14" t="s">
        <v>28</v>
      </c>
      <c r="G14987" s="16">
        <v>0</v>
      </c>
    </row>
    <row r="14988" spans="1:7" x14ac:dyDescent="0.3">
      <c r="A14988" s="13" t="s">
        <v>111</v>
      </c>
      <c r="B14988" s="14" t="s">
        <v>1</v>
      </c>
      <c r="C14988" s="14" t="s">
        <v>96</v>
      </c>
      <c r="D14988" s="14" t="s">
        <v>112</v>
      </c>
      <c r="E14988" s="15">
        <v>45399</v>
      </c>
      <c r="F14988" s="14" t="s">
        <v>28</v>
      </c>
      <c r="G14988" s="16">
        <v>0</v>
      </c>
    </row>
    <row r="14989" spans="1:7" x14ac:dyDescent="0.3">
      <c r="A14989" s="13" t="s">
        <v>111</v>
      </c>
      <c r="B14989" s="14" t="s">
        <v>1</v>
      </c>
      <c r="C14989" s="14" t="s">
        <v>96</v>
      </c>
      <c r="D14989" s="14" t="s">
        <v>112</v>
      </c>
      <c r="E14989" s="15">
        <v>45400</v>
      </c>
      <c r="F14989" s="14" t="s">
        <v>28</v>
      </c>
      <c r="G14989" s="16">
        <v>0</v>
      </c>
    </row>
    <row r="14990" spans="1:7" x14ac:dyDescent="0.3">
      <c r="A14990" s="13" t="s">
        <v>111</v>
      </c>
      <c r="B14990" s="14" t="s">
        <v>1</v>
      </c>
      <c r="C14990" s="14" t="s">
        <v>96</v>
      </c>
      <c r="D14990" s="14" t="s">
        <v>112</v>
      </c>
      <c r="E14990" s="15">
        <v>45401</v>
      </c>
      <c r="F14990" s="14" t="s">
        <v>28</v>
      </c>
      <c r="G14990" s="16">
        <v>0</v>
      </c>
    </row>
    <row r="14991" spans="1:7" x14ac:dyDescent="0.3">
      <c r="A14991" s="13" t="s">
        <v>111</v>
      </c>
      <c r="B14991" s="14" t="s">
        <v>1</v>
      </c>
      <c r="C14991" s="14" t="s">
        <v>96</v>
      </c>
      <c r="D14991" s="14" t="s">
        <v>112</v>
      </c>
      <c r="E14991" s="15">
        <v>45402</v>
      </c>
      <c r="F14991" s="14" t="s">
        <v>28</v>
      </c>
      <c r="G14991" s="16">
        <v>0</v>
      </c>
    </row>
    <row r="14992" spans="1:7" x14ac:dyDescent="0.3">
      <c r="A14992" s="13" t="s">
        <v>111</v>
      </c>
      <c r="B14992" s="14" t="s">
        <v>1</v>
      </c>
      <c r="C14992" s="14" t="s">
        <v>96</v>
      </c>
      <c r="D14992" s="14" t="s">
        <v>112</v>
      </c>
      <c r="E14992" s="15">
        <v>45403</v>
      </c>
      <c r="F14992" s="14" t="s">
        <v>28</v>
      </c>
      <c r="G14992" s="16">
        <v>0</v>
      </c>
    </row>
    <row r="14993" spans="1:7" x14ac:dyDescent="0.3">
      <c r="A14993" s="13" t="s">
        <v>111</v>
      </c>
      <c r="B14993" s="14" t="s">
        <v>1</v>
      </c>
      <c r="C14993" s="14" t="s">
        <v>96</v>
      </c>
      <c r="D14993" s="14" t="s">
        <v>112</v>
      </c>
      <c r="E14993" s="15">
        <v>45404</v>
      </c>
      <c r="F14993" s="14" t="s">
        <v>28</v>
      </c>
      <c r="G14993" s="16">
        <v>0</v>
      </c>
    </row>
    <row r="14994" spans="1:7" x14ac:dyDescent="0.3">
      <c r="A14994" s="13" t="s">
        <v>111</v>
      </c>
      <c r="B14994" s="14" t="s">
        <v>1</v>
      </c>
      <c r="C14994" s="14" t="s">
        <v>96</v>
      </c>
      <c r="D14994" s="14" t="s">
        <v>112</v>
      </c>
      <c r="E14994" s="15">
        <v>45405</v>
      </c>
      <c r="F14994" s="14" t="s">
        <v>28</v>
      </c>
      <c r="G14994" s="16">
        <v>0</v>
      </c>
    </row>
    <row r="14995" spans="1:7" x14ac:dyDescent="0.3">
      <c r="A14995" s="13" t="s">
        <v>111</v>
      </c>
      <c r="B14995" s="14" t="s">
        <v>1</v>
      </c>
      <c r="C14995" s="14" t="s">
        <v>96</v>
      </c>
      <c r="D14995" s="14" t="s">
        <v>112</v>
      </c>
      <c r="E14995" s="15">
        <v>45406</v>
      </c>
      <c r="F14995" s="14" t="s">
        <v>28</v>
      </c>
      <c r="G14995" s="16">
        <v>0</v>
      </c>
    </row>
    <row r="14996" spans="1:7" x14ac:dyDescent="0.3">
      <c r="A14996" s="13" t="s">
        <v>111</v>
      </c>
      <c r="B14996" s="14" t="s">
        <v>1</v>
      </c>
      <c r="C14996" s="14" t="s">
        <v>96</v>
      </c>
      <c r="D14996" s="14" t="s">
        <v>112</v>
      </c>
      <c r="E14996" s="15">
        <v>45407</v>
      </c>
      <c r="F14996" s="14" t="s">
        <v>28</v>
      </c>
      <c r="G14996" s="16">
        <v>0</v>
      </c>
    </row>
    <row r="14997" spans="1:7" x14ac:dyDescent="0.3">
      <c r="A14997" s="13" t="s">
        <v>111</v>
      </c>
      <c r="B14997" s="14" t="s">
        <v>1</v>
      </c>
      <c r="C14997" s="14" t="s">
        <v>96</v>
      </c>
      <c r="D14997" s="14" t="s">
        <v>112</v>
      </c>
      <c r="E14997" s="15">
        <v>45408</v>
      </c>
      <c r="F14997" s="14" t="s">
        <v>28</v>
      </c>
      <c r="G14997" s="16">
        <v>0</v>
      </c>
    </row>
    <row r="14998" spans="1:7" x14ac:dyDescent="0.3">
      <c r="A14998" s="13" t="s">
        <v>111</v>
      </c>
      <c r="B14998" s="14" t="s">
        <v>1</v>
      </c>
      <c r="C14998" s="14" t="s">
        <v>96</v>
      </c>
      <c r="D14998" s="14" t="s">
        <v>112</v>
      </c>
      <c r="E14998" s="15">
        <v>45409</v>
      </c>
      <c r="F14998" s="14" t="s">
        <v>28</v>
      </c>
      <c r="G14998" s="16">
        <v>0</v>
      </c>
    </row>
    <row r="14999" spans="1:7" x14ac:dyDescent="0.3">
      <c r="A14999" s="13" t="s">
        <v>111</v>
      </c>
      <c r="B14999" s="14" t="s">
        <v>1</v>
      </c>
      <c r="C14999" s="14" t="s">
        <v>96</v>
      </c>
      <c r="D14999" s="14" t="s">
        <v>112</v>
      </c>
      <c r="E14999" s="15">
        <v>45410</v>
      </c>
      <c r="F14999" s="14" t="s">
        <v>28</v>
      </c>
      <c r="G14999" s="16">
        <v>0</v>
      </c>
    </row>
    <row r="15000" spans="1:7" x14ac:dyDescent="0.3">
      <c r="A15000" s="13" t="s">
        <v>111</v>
      </c>
      <c r="B15000" s="14" t="s">
        <v>1</v>
      </c>
      <c r="C15000" s="14" t="s">
        <v>96</v>
      </c>
      <c r="D15000" s="14" t="s">
        <v>112</v>
      </c>
      <c r="E15000" s="15">
        <v>45411</v>
      </c>
      <c r="F15000" s="14" t="s">
        <v>28</v>
      </c>
      <c r="G15000" s="16">
        <v>0</v>
      </c>
    </row>
    <row r="15001" spans="1:7" x14ac:dyDescent="0.3">
      <c r="A15001" s="13" t="s">
        <v>111</v>
      </c>
      <c r="B15001" s="14" t="s">
        <v>1</v>
      </c>
      <c r="C15001" s="14" t="s">
        <v>96</v>
      </c>
      <c r="D15001" s="14" t="s">
        <v>112</v>
      </c>
      <c r="E15001" s="15">
        <v>45412</v>
      </c>
      <c r="F15001" s="14" t="s">
        <v>28</v>
      </c>
      <c r="G15001" s="16">
        <v>0</v>
      </c>
    </row>
    <row r="15002" spans="1:7" x14ac:dyDescent="0.3">
      <c r="A15002" s="13" t="s">
        <v>111</v>
      </c>
      <c r="B15002" s="14" t="s">
        <v>1</v>
      </c>
      <c r="C15002" s="14" t="s">
        <v>96</v>
      </c>
      <c r="D15002" s="14" t="s">
        <v>112</v>
      </c>
      <c r="E15002" s="15">
        <v>45413</v>
      </c>
      <c r="F15002" s="14" t="s">
        <v>28</v>
      </c>
      <c r="G15002" s="16">
        <v>0</v>
      </c>
    </row>
    <row r="15003" spans="1:7" x14ac:dyDescent="0.3">
      <c r="A15003" s="13" t="s">
        <v>111</v>
      </c>
      <c r="B15003" s="14" t="s">
        <v>1</v>
      </c>
      <c r="C15003" s="14" t="s">
        <v>96</v>
      </c>
      <c r="D15003" s="14" t="s">
        <v>112</v>
      </c>
      <c r="E15003" s="15">
        <v>45414</v>
      </c>
      <c r="F15003" s="14" t="s">
        <v>28</v>
      </c>
      <c r="G15003" s="16">
        <v>0</v>
      </c>
    </row>
    <row r="15004" spans="1:7" x14ac:dyDescent="0.3">
      <c r="A15004" s="13" t="s">
        <v>111</v>
      </c>
      <c r="B15004" s="14" t="s">
        <v>1</v>
      </c>
      <c r="C15004" s="14" t="s">
        <v>96</v>
      </c>
      <c r="D15004" s="14" t="s">
        <v>112</v>
      </c>
      <c r="E15004" s="15">
        <v>45415</v>
      </c>
      <c r="F15004" s="14" t="s">
        <v>28</v>
      </c>
      <c r="G15004" s="16">
        <v>0</v>
      </c>
    </row>
    <row r="15005" spans="1:7" x14ac:dyDescent="0.3">
      <c r="A15005" s="13" t="s">
        <v>111</v>
      </c>
      <c r="B15005" s="14" t="s">
        <v>1</v>
      </c>
      <c r="C15005" s="14" t="s">
        <v>96</v>
      </c>
      <c r="D15005" s="14" t="s">
        <v>112</v>
      </c>
      <c r="E15005" s="15">
        <v>45416</v>
      </c>
      <c r="F15005" s="14" t="s">
        <v>28</v>
      </c>
      <c r="G15005" s="16">
        <v>0</v>
      </c>
    </row>
    <row r="15006" spans="1:7" x14ac:dyDescent="0.3">
      <c r="A15006" s="13" t="s">
        <v>111</v>
      </c>
      <c r="B15006" s="14" t="s">
        <v>1</v>
      </c>
      <c r="C15006" s="14" t="s">
        <v>96</v>
      </c>
      <c r="D15006" s="14" t="s">
        <v>112</v>
      </c>
      <c r="E15006" s="15">
        <v>45417</v>
      </c>
      <c r="F15006" s="14" t="s">
        <v>28</v>
      </c>
      <c r="G15006" s="16">
        <v>0</v>
      </c>
    </row>
    <row r="15007" spans="1:7" x14ac:dyDescent="0.3">
      <c r="A15007" s="13" t="s">
        <v>111</v>
      </c>
      <c r="B15007" s="14" t="s">
        <v>1</v>
      </c>
      <c r="C15007" s="14" t="s">
        <v>96</v>
      </c>
      <c r="D15007" s="14" t="s">
        <v>112</v>
      </c>
      <c r="E15007" s="15">
        <v>45418</v>
      </c>
      <c r="F15007" s="14" t="s">
        <v>28</v>
      </c>
      <c r="G15007" s="16">
        <v>0</v>
      </c>
    </row>
    <row r="15008" spans="1:7" x14ac:dyDescent="0.3">
      <c r="A15008" s="13" t="s">
        <v>111</v>
      </c>
      <c r="B15008" s="14" t="s">
        <v>1</v>
      </c>
      <c r="C15008" s="14" t="s">
        <v>96</v>
      </c>
      <c r="D15008" s="14" t="s">
        <v>112</v>
      </c>
      <c r="E15008" s="15">
        <v>45419</v>
      </c>
      <c r="F15008" s="14" t="s">
        <v>28</v>
      </c>
      <c r="G15008" s="16">
        <v>0</v>
      </c>
    </row>
    <row r="15009" spans="1:7" x14ac:dyDescent="0.3">
      <c r="A15009" s="13" t="s">
        <v>111</v>
      </c>
      <c r="B15009" s="14" t="s">
        <v>1</v>
      </c>
      <c r="C15009" s="14" t="s">
        <v>96</v>
      </c>
      <c r="D15009" s="14" t="s">
        <v>112</v>
      </c>
      <c r="E15009" s="15">
        <v>45420</v>
      </c>
      <c r="F15009" s="14" t="s">
        <v>28</v>
      </c>
      <c r="G15009" s="16">
        <v>0</v>
      </c>
    </row>
    <row r="15010" spans="1:7" x14ac:dyDescent="0.3">
      <c r="A15010" s="13" t="s">
        <v>111</v>
      </c>
      <c r="B15010" s="14" t="s">
        <v>1</v>
      </c>
      <c r="C15010" s="14" t="s">
        <v>96</v>
      </c>
      <c r="D15010" s="14" t="s">
        <v>112</v>
      </c>
      <c r="E15010" s="15">
        <v>45421</v>
      </c>
      <c r="F15010" s="14" t="s">
        <v>28</v>
      </c>
      <c r="G15010" s="16">
        <v>0</v>
      </c>
    </row>
    <row r="15011" spans="1:7" x14ac:dyDescent="0.3">
      <c r="A15011" s="13" t="s">
        <v>111</v>
      </c>
      <c r="B15011" s="14" t="s">
        <v>1</v>
      </c>
      <c r="C15011" s="14" t="s">
        <v>96</v>
      </c>
      <c r="D15011" s="14" t="s">
        <v>112</v>
      </c>
      <c r="E15011" s="15">
        <v>45422</v>
      </c>
      <c r="F15011" s="14" t="s">
        <v>28</v>
      </c>
      <c r="G15011" s="16">
        <v>0</v>
      </c>
    </row>
    <row r="15012" spans="1:7" x14ac:dyDescent="0.3">
      <c r="A15012" s="13" t="s">
        <v>111</v>
      </c>
      <c r="B15012" s="14" t="s">
        <v>1</v>
      </c>
      <c r="C15012" s="14" t="s">
        <v>96</v>
      </c>
      <c r="D15012" s="14" t="s">
        <v>112</v>
      </c>
      <c r="E15012" s="15">
        <v>45423</v>
      </c>
      <c r="F15012" s="14" t="s">
        <v>28</v>
      </c>
      <c r="G15012" s="16">
        <v>0</v>
      </c>
    </row>
    <row r="15013" spans="1:7" x14ac:dyDescent="0.3">
      <c r="A15013" s="13" t="s">
        <v>111</v>
      </c>
      <c r="B15013" s="14" t="s">
        <v>1</v>
      </c>
      <c r="C15013" s="14" t="s">
        <v>96</v>
      </c>
      <c r="D15013" s="14" t="s">
        <v>112</v>
      </c>
      <c r="E15013" s="15">
        <v>45424</v>
      </c>
      <c r="F15013" s="14" t="s">
        <v>28</v>
      </c>
      <c r="G15013" s="16">
        <v>0</v>
      </c>
    </row>
    <row r="15014" spans="1:7" x14ac:dyDescent="0.3">
      <c r="A15014" s="13" t="s">
        <v>111</v>
      </c>
      <c r="B15014" s="14" t="s">
        <v>1</v>
      </c>
      <c r="C15014" s="14" t="s">
        <v>96</v>
      </c>
      <c r="D15014" s="14" t="s">
        <v>112</v>
      </c>
      <c r="E15014" s="15">
        <v>45425</v>
      </c>
      <c r="F15014" s="14" t="s">
        <v>28</v>
      </c>
      <c r="G15014" s="16">
        <v>0</v>
      </c>
    </row>
    <row r="15015" spans="1:7" x14ac:dyDescent="0.3">
      <c r="A15015" s="13" t="s">
        <v>111</v>
      </c>
      <c r="B15015" s="14" t="s">
        <v>1</v>
      </c>
      <c r="C15015" s="14" t="s">
        <v>96</v>
      </c>
      <c r="D15015" s="14" t="s">
        <v>112</v>
      </c>
      <c r="E15015" s="15">
        <v>45426</v>
      </c>
      <c r="F15015" s="14" t="s">
        <v>28</v>
      </c>
      <c r="G15015" s="16">
        <v>0</v>
      </c>
    </row>
    <row r="15016" spans="1:7" x14ac:dyDescent="0.3">
      <c r="A15016" s="13" t="s">
        <v>111</v>
      </c>
      <c r="B15016" s="14" t="s">
        <v>1</v>
      </c>
      <c r="C15016" s="14" t="s">
        <v>96</v>
      </c>
      <c r="D15016" s="14" t="s">
        <v>112</v>
      </c>
      <c r="E15016" s="15">
        <v>45427</v>
      </c>
      <c r="F15016" s="14" t="s">
        <v>28</v>
      </c>
      <c r="G15016" s="16">
        <v>0</v>
      </c>
    </row>
    <row r="15017" spans="1:7" x14ac:dyDescent="0.3">
      <c r="A15017" s="13" t="s">
        <v>111</v>
      </c>
      <c r="B15017" s="14" t="s">
        <v>1</v>
      </c>
      <c r="C15017" s="14" t="s">
        <v>96</v>
      </c>
      <c r="D15017" s="14" t="s">
        <v>112</v>
      </c>
      <c r="E15017" s="15">
        <v>45428</v>
      </c>
      <c r="F15017" s="14" t="s">
        <v>28</v>
      </c>
      <c r="G15017" s="16">
        <v>0</v>
      </c>
    </row>
    <row r="15018" spans="1:7" x14ac:dyDescent="0.3">
      <c r="A15018" s="13" t="s">
        <v>111</v>
      </c>
      <c r="B15018" s="14" t="s">
        <v>1</v>
      </c>
      <c r="C15018" s="14" t="s">
        <v>96</v>
      </c>
      <c r="D15018" s="14" t="s">
        <v>112</v>
      </c>
      <c r="E15018" s="15">
        <v>45429</v>
      </c>
      <c r="F15018" s="14" t="s">
        <v>28</v>
      </c>
      <c r="G15018" s="16">
        <v>0</v>
      </c>
    </row>
    <row r="15019" spans="1:7" x14ac:dyDescent="0.3">
      <c r="A15019" s="13" t="s">
        <v>111</v>
      </c>
      <c r="B15019" s="14" t="s">
        <v>1</v>
      </c>
      <c r="C15019" s="14" t="s">
        <v>96</v>
      </c>
      <c r="D15019" s="14" t="s">
        <v>112</v>
      </c>
      <c r="E15019" s="15">
        <v>45430</v>
      </c>
      <c r="F15019" s="14" t="s">
        <v>28</v>
      </c>
      <c r="G15019" s="16">
        <v>0</v>
      </c>
    </row>
    <row r="15020" spans="1:7" x14ac:dyDescent="0.3">
      <c r="A15020" s="13" t="s">
        <v>111</v>
      </c>
      <c r="B15020" s="14" t="s">
        <v>1</v>
      </c>
      <c r="C15020" s="14" t="s">
        <v>96</v>
      </c>
      <c r="D15020" s="14" t="s">
        <v>112</v>
      </c>
      <c r="E15020" s="15">
        <v>45431</v>
      </c>
      <c r="F15020" s="14" t="s">
        <v>28</v>
      </c>
      <c r="G15020" s="16">
        <v>0</v>
      </c>
    </row>
    <row r="15021" spans="1:7" x14ac:dyDescent="0.3">
      <c r="A15021" s="13" t="s">
        <v>111</v>
      </c>
      <c r="B15021" s="14" t="s">
        <v>1</v>
      </c>
      <c r="C15021" s="14" t="s">
        <v>96</v>
      </c>
      <c r="D15021" s="14" t="s">
        <v>112</v>
      </c>
      <c r="E15021" s="15">
        <v>45432</v>
      </c>
      <c r="F15021" s="14" t="s">
        <v>28</v>
      </c>
      <c r="G15021" s="16">
        <v>0</v>
      </c>
    </row>
    <row r="15022" spans="1:7" x14ac:dyDescent="0.3">
      <c r="A15022" s="13" t="s">
        <v>111</v>
      </c>
      <c r="B15022" s="14" t="s">
        <v>1</v>
      </c>
      <c r="C15022" s="14" t="s">
        <v>96</v>
      </c>
      <c r="D15022" s="14" t="s">
        <v>112</v>
      </c>
      <c r="E15022" s="15">
        <v>45433</v>
      </c>
      <c r="F15022" s="14" t="s">
        <v>28</v>
      </c>
      <c r="G15022" s="16">
        <v>0</v>
      </c>
    </row>
    <row r="15023" spans="1:7" x14ac:dyDescent="0.3">
      <c r="A15023" s="13" t="s">
        <v>111</v>
      </c>
      <c r="B15023" s="14" t="s">
        <v>1</v>
      </c>
      <c r="C15023" s="14" t="s">
        <v>96</v>
      </c>
      <c r="D15023" s="14" t="s">
        <v>112</v>
      </c>
      <c r="E15023" s="15">
        <v>45434</v>
      </c>
      <c r="F15023" s="14" t="s">
        <v>28</v>
      </c>
      <c r="G15023" s="16">
        <v>0</v>
      </c>
    </row>
    <row r="15024" spans="1:7" x14ac:dyDescent="0.3">
      <c r="A15024" s="13" t="s">
        <v>111</v>
      </c>
      <c r="B15024" s="14" t="s">
        <v>1</v>
      </c>
      <c r="C15024" s="14" t="s">
        <v>96</v>
      </c>
      <c r="D15024" s="14" t="s">
        <v>112</v>
      </c>
      <c r="E15024" s="15">
        <v>45435</v>
      </c>
      <c r="F15024" s="14" t="s">
        <v>28</v>
      </c>
      <c r="G15024" s="16">
        <v>0</v>
      </c>
    </row>
    <row r="15025" spans="1:7" x14ac:dyDescent="0.3">
      <c r="A15025" s="13" t="s">
        <v>111</v>
      </c>
      <c r="B15025" s="14" t="s">
        <v>1</v>
      </c>
      <c r="C15025" s="14" t="s">
        <v>96</v>
      </c>
      <c r="D15025" s="14" t="s">
        <v>112</v>
      </c>
      <c r="E15025" s="15">
        <v>45436</v>
      </c>
      <c r="F15025" s="14" t="s">
        <v>28</v>
      </c>
      <c r="G15025" s="16">
        <v>0</v>
      </c>
    </row>
    <row r="15026" spans="1:7" x14ac:dyDescent="0.3">
      <c r="A15026" s="13" t="s">
        <v>111</v>
      </c>
      <c r="B15026" s="14" t="s">
        <v>1</v>
      </c>
      <c r="C15026" s="14" t="s">
        <v>96</v>
      </c>
      <c r="D15026" s="14" t="s">
        <v>112</v>
      </c>
      <c r="E15026" s="15">
        <v>45437</v>
      </c>
      <c r="F15026" s="14" t="s">
        <v>28</v>
      </c>
      <c r="G15026" s="16">
        <v>0</v>
      </c>
    </row>
    <row r="15027" spans="1:7" x14ac:dyDescent="0.3">
      <c r="A15027" s="13" t="s">
        <v>111</v>
      </c>
      <c r="B15027" s="14" t="s">
        <v>1</v>
      </c>
      <c r="C15027" s="14" t="s">
        <v>96</v>
      </c>
      <c r="D15027" s="14" t="s">
        <v>112</v>
      </c>
      <c r="E15027" s="15">
        <v>45438</v>
      </c>
      <c r="F15027" s="14" t="s">
        <v>28</v>
      </c>
      <c r="G15027" s="16">
        <v>0</v>
      </c>
    </row>
    <row r="15028" spans="1:7" x14ac:dyDescent="0.3">
      <c r="A15028" s="13" t="s">
        <v>111</v>
      </c>
      <c r="B15028" s="14" t="s">
        <v>1</v>
      </c>
      <c r="C15028" s="14" t="s">
        <v>96</v>
      </c>
      <c r="D15028" s="14" t="s">
        <v>112</v>
      </c>
      <c r="E15028" s="15">
        <v>45439</v>
      </c>
      <c r="F15028" s="14" t="s">
        <v>28</v>
      </c>
      <c r="G15028" s="16">
        <v>0</v>
      </c>
    </row>
    <row r="15029" spans="1:7" x14ac:dyDescent="0.3">
      <c r="A15029" s="13" t="s">
        <v>111</v>
      </c>
      <c r="B15029" s="14" t="s">
        <v>1</v>
      </c>
      <c r="C15029" s="14" t="s">
        <v>96</v>
      </c>
      <c r="D15029" s="14" t="s">
        <v>112</v>
      </c>
      <c r="E15029" s="15">
        <v>45440</v>
      </c>
      <c r="F15029" s="14" t="s">
        <v>28</v>
      </c>
      <c r="G15029" s="16">
        <v>0</v>
      </c>
    </row>
    <row r="15030" spans="1:7" x14ac:dyDescent="0.3">
      <c r="A15030" s="13" t="s">
        <v>111</v>
      </c>
      <c r="B15030" s="14" t="s">
        <v>1</v>
      </c>
      <c r="C15030" s="14" t="s">
        <v>96</v>
      </c>
      <c r="D15030" s="14" t="s">
        <v>112</v>
      </c>
      <c r="E15030" s="15">
        <v>45441</v>
      </c>
      <c r="F15030" s="14" t="s">
        <v>28</v>
      </c>
      <c r="G15030" s="16">
        <v>0</v>
      </c>
    </row>
    <row r="15031" spans="1:7" x14ac:dyDescent="0.3">
      <c r="A15031" s="13" t="s">
        <v>111</v>
      </c>
      <c r="B15031" s="14" t="s">
        <v>1</v>
      </c>
      <c r="C15031" s="14" t="s">
        <v>96</v>
      </c>
      <c r="D15031" s="14" t="s">
        <v>112</v>
      </c>
      <c r="E15031" s="15">
        <v>45442</v>
      </c>
      <c r="F15031" s="14" t="s">
        <v>28</v>
      </c>
      <c r="G15031" s="16">
        <v>0</v>
      </c>
    </row>
    <row r="15032" spans="1:7" x14ac:dyDescent="0.3">
      <c r="A15032" s="13" t="s">
        <v>111</v>
      </c>
      <c r="B15032" s="14" t="s">
        <v>1</v>
      </c>
      <c r="C15032" s="14" t="s">
        <v>96</v>
      </c>
      <c r="D15032" s="14" t="s">
        <v>112</v>
      </c>
      <c r="E15032" s="15">
        <v>45443</v>
      </c>
      <c r="F15032" s="14" t="s">
        <v>28</v>
      </c>
      <c r="G15032" s="16">
        <v>0</v>
      </c>
    </row>
    <row r="15033" spans="1:7" x14ac:dyDescent="0.3">
      <c r="A15033" s="13" t="s">
        <v>111</v>
      </c>
      <c r="B15033" s="14" t="s">
        <v>1</v>
      </c>
      <c r="C15033" s="14" t="s">
        <v>96</v>
      </c>
      <c r="D15033" s="14" t="s">
        <v>112</v>
      </c>
      <c r="E15033" s="15">
        <v>45444</v>
      </c>
      <c r="F15033" s="14" t="s">
        <v>28</v>
      </c>
      <c r="G15033" s="16">
        <v>0</v>
      </c>
    </row>
    <row r="15034" spans="1:7" x14ac:dyDescent="0.3">
      <c r="A15034" s="13" t="s">
        <v>111</v>
      </c>
      <c r="B15034" s="14" t="s">
        <v>1</v>
      </c>
      <c r="C15034" s="14" t="s">
        <v>96</v>
      </c>
      <c r="D15034" s="14" t="s">
        <v>112</v>
      </c>
      <c r="E15034" s="15">
        <v>45445</v>
      </c>
      <c r="F15034" s="14" t="s">
        <v>28</v>
      </c>
      <c r="G15034" s="16">
        <v>0</v>
      </c>
    </row>
    <row r="15035" spans="1:7" x14ac:dyDescent="0.3">
      <c r="A15035" s="13" t="s">
        <v>111</v>
      </c>
      <c r="B15035" s="14" t="s">
        <v>1</v>
      </c>
      <c r="C15035" s="14" t="s">
        <v>96</v>
      </c>
      <c r="D15035" s="14" t="s">
        <v>112</v>
      </c>
      <c r="E15035" s="15">
        <v>45446</v>
      </c>
      <c r="F15035" s="14" t="s">
        <v>28</v>
      </c>
      <c r="G15035" s="16">
        <v>0</v>
      </c>
    </row>
    <row r="15036" spans="1:7" x14ac:dyDescent="0.3">
      <c r="A15036" s="13" t="s">
        <v>111</v>
      </c>
      <c r="B15036" s="14" t="s">
        <v>1</v>
      </c>
      <c r="C15036" s="14" t="s">
        <v>96</v>
      </c>
      <c r="D15036" s="14" t="s">
        <v>112</v>
      </c>
      <c r="E15036" s="15">
        <v>45447</v>
      </c>
      <c r="F15036" s="14" t="s">
        <v>28</v>
      </c>
      <c r="G15036" s="16">
        <v>0</v>
      </c>
    </row>
    <row r="15037" spans="1:7" x14ac:dyDescent="0.3">
      <c r="A15037" s="13" t="s">
        <v>111</v>
      </c>
      <c r="B15037" s="14" t="s">
        <v>1</v>
      </c>
      <c r="C15037" s="14" t="s">
        <v>96</v>
      </c>
      <c r="D15037" s="14" t="s">
        <v>112</v>
      </c>
      <c r="E15037" s="15">
        <v>45448</v>
      </c>
      <c r="F15037" s="14" t="s">
        <v>28</v>
      </c>
      <c r="G15037" s="16">
        <v>0</v>
      </c>
    </row>
    <row r="15038" spans="1:7" x14ac:dyDescent="0.3">
      <c r="A15038" s="13" t="s">
        <v>111</v>
      </c>
      <c r="B15038" s="14" t="s">
        <v>1</v>
      </c>
      <c r="C15038" s="14" t="s">
        <v>96</v>
      </c>
      <c r="D15038" s="14" t="s">
        <v>112</v>
      </c>
      <c r="E15038" s="15">
        <v>45449</v>
      </c>
      <c r="F15038" s="14" t="s">
        <v>28</v>
      </c>
      <c r="G15038" s="16">
        <v>0</v>
      </c>
    </row>
    <row r="15039" spans="1:7" x14ac:dyDescent="0.3">
      <c r="A15039" s="13" t="s">
        <v>111</v>
      </c>
      <c r="B15039" s="14" t="s">
        <v>1</v>
      </c>
      <c r="C15039" s="14" t="s">
        <v>96</v>
      </c>
      <c r="D15039" s="14" t="s">
        <v>112</v>
      </c>
      <c r="E15039" s="15">
        <v>45450</v>
      </c>
      <c r="F15039" s="14" t="s">
        <v>28</v>
      </c>
      <c r="G15039" s="16">
        <v>0</v>
      </c>
    </row>
    <row r="15040" spans="1:7" x14ac:dyDescent="0.3">
      <c r="A15040" s="13" t="s">
        <v>111</v>
      </c>
      <c r="B15040" s="14" t="s">
        <v>1</v>
      </c>
      <c r="C15040" s="14" t="s">
        <v>96</v>
      </c>
      <c r="D15040" s="14" t="s">
        <v>112</v>
      </c>
      <c r="E15040" s="15">
        <v>45451</v>
      </c>
      <c r="F15040" s="14" t="s">
        <v>28</v>
      </c>
      <c r="G15040" s="16">
        <v>0</v>
      </c>
    </row>
    <row r="15041" spans="1:7" x14ac:dyDescent="0.3">
      <c r="A15041" s="13" t="s">
        <v>111</v>
      </c>
      <c r="B15041" s="14" t="s">
        <v>1</v>
      </c>
      <c r="C15041" s="14" t="s">
        <v>96</v>
      </c>
      <c r="D15041" s="14" t="s">
        <v>112</v>
      </c>
      <c r="E15041" s="15">
        <v>45452</v>
      </c>
      <c r="F15041" s="14" t="s">
        <v>28</v>
      </c>
      <c r="G15041" s="16">
        <v>0</v>
      </c>
    </row>
    <row r="15042" spans="1:7" x14ac:dyDescent="0.3">
      <c r="A15042" s="13" t="s">
        <v>111</v>
      </c>
      <c r="B15042" s="14" t="s">
        <v>1</v>
      </c>
      <c r="C15042" s="14" t="s">
        <v>96</v>
      </c>
      <c r="D15042" s="14" t="s">
        <v>112</v>
      </c>
      <c r="E15042" s="15">
        <v>45453</v>
      </c>
      <c r="F15042" s="14" t="s">
        <v>28</v>
      </c>
      <c r="G15042" s="16">
        <v>0</v>
      </c>
    </row>
    <row r="15043" spans="1:7" x14ac:dyDescent="0.3">
      <c r="A15043" s="13" t="s">
        <v>111</v>
      </c>
      <c r="B15043" s="14" t="s">
        <v>1</v>
      </c>
      <c r="C15043" s="14" t="s">
        <v>96</v>
      </c>
      <c r="D15043" s="14" t="s">
        <v>112</v>
      </c>
      <c r="E15043" s="15">
        <v>45454</v>
      </c>
      <c r="F15043" s="14" t="s">
        <v>28</v>
      </c>
      <c r="G15043" s="16">
        <v>0</v>
      </c>
    </row>
    <row r="15044" spans="1:7" x14ac:dyDescent="0.3">
      <c r="A15044" s="13" t="s">
        <v>111</v>
      </c>
      <c r="B15044" s="14" t="s">
        <v>1</v>
      </c>
      <c r="C15044" s="14" t="s">
        <v>96</v>
      </c>
      <c r="D15044" s="14" t="s">
        <v>112</v>
      </c>
      <c r="E15044" s="15">
        <v>45455</v>
      </c>
      <c r="F15044" s="14" t="s">
        <v>28</v>
      </c>
      <c r="G15044" s="16">
        <v>0</v>
      </c>
    </row>
    <row r="15045" spans="1:7" x14ac:dyDescent="0.3">
      <c r="A15045" s="13" t="s">
        <v>111</v>
      </c>
      <c r="B15045" s="14" t="s">
        <v>1</v>
      </c>
      <c r="C15045" s="14" t="s">
        <v>96</v>
      </c>
      <c r="D15045" s="14" t="s">
        <v>112</v>
      </c>
      <c r="E15045" s="15">
        <v>45456</v>
      </c>
      <c r="F15045" s="14" t="s">
        <v>28</v>
      </c>
      <c r="G15045" s="16">
        <v>0</v>
      </c>
    </row>
    <row r="15046" spans="1:7" x14ac:dyDescent="0.3">
      <c r="A15046" s="13" t="s">
        <v>111</v>
      </c>
      <c r="B15046" s="14" t="s">
        <v>1</v>
      </c>
      <c r="C15046" s="14" t="s">
        <v>96</v>
      </c>
      <c r="D15046" s="14" t="s">
        <v>112</v>
      </c>
      <c r="E15046" s="15">
        <v>45457</v>
      </c>
      <c r="F15046" s="14" t="s">
        <v>28</v>
      </c>
      <c r="G15046" s="16">
        <v>0</v>
      </c>
    </row>
    <row r="15047" spans="1:7" x14ac:dyDescent="0.3">
      <c r="A15047" s="13" t="s">
        <v>111</v>
      </c>
      <c r="B15047" s="14" t="s">
        <v>1</v>
      </c>
      <c r="C15047" s="14" t="s">
        <v>96</v>
      </c>
      <c r="D15047" s="14" t="s">
        <v>112</v>
      </c>
      <c r="E15047" s="15">
        <v>45458</v>
      </c>
      <c r="F15047" s="14" t="s">
        <v>28</v>
      </c>
      <c r="G15047" s="16">
        <v>0</v>
      </c>
    </row>
    <row r="15048" spans="1:7" x14ac:dyDescent="0.3">
      <c r="A15048" s="13" t="s">
        <v>111</v>
      </c>
      <c r="B15048" s="14" t="s">
        <v>1</v>
      </c>
      <c r="C15048" s="14" t="s">
        <v>96</v>
      </c>
      <c r="D15048" s="14" t="s">
        <v>112</v>
      </c>
      <c r="E15048" s="15">
        <v>45459</v>
      </c>
      <c r="F15048" s="14" t="s">
        <v>28</v>
      </c>
      <c r="G15048" s="16">
        <v>0</v>
      </c>
    </row>
    <row r="15049" spans="1:7" x14ac:dyDescent="0.3">
      <c r="A15049" s="13" t="s">
        <v>111</v>
      </c>
      <c r="B15049" s="14" t="s">
        <v>1</v>
      </c>
      <c r="C15049" s="14" t="s">
        <v>96</v>
      </c>
      <c r="D15049" s="14" t="s">
        <v>112</v>
      </c>
      <c r="E15049" s="15">
        <v>45460</v>
      </c>
      <c r="F15049" s="14" t="s">
        <v>28</v>
      </c>
      <c r="G15049" s="16">
        <v>0</v>
      </c>
    </row>
    <row r="15050" spans="1:7" x14ac:dyDescent="0.3">
      <c r="A15050" s="13" t="s">
        <v>111</v>
      </c>
      <c r="B15050" s="14" t="s">
        <v>1</v>
      </c>
      <c r="C15050" s="14" t="s">
        <v>96</v>
      </c>
      <c r="D15050" s="14" t="s">
        <v>112</v>
      </c>
      <c r="E15050" s="15">
        <v>45461</v>
      </c>
      <c r="F15050" s="14" t="s">
        <v>28</v>
      </c>
      <c r="G15050" s="16">
        <v>0</v>
      </c>
    </row>
    <row r="15051" spans="1:7" x14ac:dyDescent="0.3">
      <c r="A15051" s="13" t="s">
        <v>111</v>
      </c>
      <c r="B15051" s="14" t="s">
        <v>1</v>
      </c>
      <c r="C15051" s="14" t="s">
        <v>96</v>
      </c>
      <c r="D15051" s="14" t="s">
        <v>112</v>
      </c>
      <c r="E15051" s="15">
        <v>45462</v>
      </c>
      <c r="F15051" s="14" t="s">
        <v>28</v>
      </c>
      <c r="G15051" s="16">
        <v>0</v>
      </c>
    </row>
    <row r="15052" spans="1:7" x14ac:dyDescent="0.3">
      <c r="A15052" s="13" t="s">
        <v>111</v>
      </c>
      <c r="B15052" s="14" t="s">
        <v>1</v>
      </c>
      <c r="C15052" s="14" t="s">
        <v>96</v>
      </c>
      <c r="D15052" s="14" t="s">
        <v>112</v>
      </c>
      <c r="E15052" s="15">
        <v>45463</v>
      </c>
      <c r="F15052" s="14" t="s">
        <v>28</v>
      </c>
      <c r="G15052" s="16">
        <v>0</v>
      </c>
    </row>
    <row r="15053" spans="1:7" x14ac:dyDescent="0.3">
      <c r="A15053" s="13" t="s">
        <v>111</v>
      </c>
      <c r="B15053" s="14" t="s">
        <v>1</v>
      </c>
      <c r="C15053" s="14" t="s">
        <v>96</v>
      </c>
      <c r="D15053" s="14" t="s">
        <v>112</v>
      </c>
      <c r="E15053" s="15">
        <v>45464</v>
      </c>
      <c r="F15053" s="14" t="s">
        <v>28</v>
      </c>
      <c r="G15053" s="16">
        <v>0</v>
      </c>
    </row>
    <row r="15054" spans="1:7" x14ac:dyDescent="0.3">
      <c r="A15054" s="13" t="s">
        <v>111</v>
      </c>
      <c r="B15054" s="14" t="s">
        <v>1</v>
      </c>
      <c r="C15054" s="14" t="s">
        <v>96</v>
      </c>
      <c r="D15054" s="14" t="s">
        <v>112</v>
      </c>
      <c r="E15054" s="15">
        <v>45465</v>
      </c>
      <c r="F15054" s="14" t="s">
        <v>28</v>
      </c>
      <c r="G15054" s="16">
        <v>0</v>
      </c>
    </row>
    <row r="15055" spans="1:7" x14ac:dyDescent="0.3">
      <c r="A15055" s="13" t="s">
        <v>111</v>
      </c>
      <c r="B15055" s="14" t="s">
        <v>1</v>
      </c>
      <c r="C15055" s="14" t="s">
        <v>96</v>
      </c>
      <c r="D15055" s="14" t="s">
        <v>112</v>
      </c>
      <c r="E15055" s="15">
        <v>45466</v>
      </c>
      <c r="F15055" s="14" t="s">
        <v>28</v>
      </c>
      <c r="G15055" s="16">
        <v>0</v>
      </c>
    </row>
    <row r="15056" spans="1:7" x14ac:dyDescent="0.3">
      <c r="A15056" s="13" t="s">
        <v>111</v>
      </c>
      <c r="B15056" s="14" t="s">
        <v>1</v>
      </c>
      <c r="C15056" s="14" t="s">
        <v>96</v>
      </c>
      <c r="D15056" s="14" t="s">
        <v>112</v>
      </c>
      <c r="E15056" s="15">
        <v>45467</v>
      </c>
      <c r="F15056" s="14" t="s">
        <v>28</v>
      </c>
      <c r="G15056" s="16">
        <v>0</v>
      </c>
    </row>
    <row r="15057" spans="1:7" x14ac:dyDescent="0.3">
      <c r="A15057" s="13" t="s">
        <v>111</v>
      </c>
      <c r="B15057" s="14" t="s">
        <v>1</v>
      </c>
      <c r="C15057" s="14" t="s">
        <v>96</v>
      </c>
      <c r="D15057" s="14" t="s">
        <v>112</v>
      </c>
      <c r="E15057" s="15">
        <v>45468</v>
      </c>
      <c r="F15057" s="14" t="s">
        <v>28</v>
      </c>
      <c r="G15057" s="16">
        <v>0</v>
      </c>
    </row>
    <row r="15058" spans="1:7" x14ac:dyDescent="0.3">
      <c r="A15058" s="13" t="s">
        <v>111</v>
      </c>
      <c r="B15058" s="14" t="s">
        <v>1</v>
      </c>
      <c r="C15058" s="14" t="s">
        <v>96</v>
      </c>
      <c r="D15058" s="14" t="s">
        <v>112</v>
      </c>
      <c r="E15058" s="15">
        <v>45469</v>
      </c>
      <c r="F15058" s="14" t="s">
        <v>28</v>
      </c>
      <c r="G15058" s="16">
        <v>0</v>
      </c>
    </row>
    <row r="15059" spans="1:7" x14ac:dyDescent="0.3">
      <c r="A15059" s="13" t="s">
        <v>111</v>
      </c>
      <c r="B15059" s="14" t="s">
        <v>1</v>
      </c>
      <c r="C15059" s="14" t="s">
        <v>96</v>
      </c>
      <c r="D15059" s="14" t="s">
        <v>112</v>
      </c>
      <c r="E15059" s="15">
        <v>45470</v>
      </c>
      <c r="F15059" s="14" t="s">
        <v>28</v>
      </c>
      <c r="G15059" s="16">
        <v>0</v>
      </c>
    </row>
    <row r="15060" spans="1:7" x14ac:dyDescent="0.3">
      <c r="A15060" s="13" t="s">
        <v>111</v>
      </c>
      <c r="B15060" s="14" t="s">
        <v>1</v>
      </c>
      <c r="C15060" s="14" t="s">
        <v>96</v>
      </c>
      <c r="D15060" s="14" t="s">
        <v>112</v>
      </c>
      <c r="E15060" s="15">
        <v>45471</v>
      </c>
      <c r="F15060" s="14" t="s">
        <v>28</v>
      </c>
      <c r="G15060" s="16">
        <v>0</v>
      </c>
    </row>
    <row r="15061" spans="1:7" x14ac:dyDescent="0.3">
      <c r="A15061" s="13" t="s">
        <v>111</v>
      </c>
      <c r="B15061" s="14" t="s">
        <v>1</v>
      </c>
      <c r="C15061" s="14" t="s">
        <v>96</v>
      </c>
      <c r="D15061" s="14" t="s">
        <v>112</v>
      </c>
      <c r="E15061" s="15">
        <v>45472</v>
      </c>
      <c r="F15061" s="14" t="s">
        <v>28</v>
      </c>
      <c r="G15061" s="16">
        <v>0</v>
      </c>
    </row>
    <row r="15062" spans="1:7" x14ac:dyDescent="0.3">
      <c r="A15062" s="13" t="s">
        <v>111</v>
      </c>
      <c r="B15062" s="14" t="s">
        <v>1</v>
      </c>
      <c r="C15062" s="14" t="s">
        <v>96</v>
      </c>
      <c r="D15062" s="14" t="s">
        <v>112</v>
      </c>
      <c r="E15062" s="15">
        <v>45473</v>
      </c>
      <c r="F15062" s="14" t="s">
        <v>28</v>
      </c>
      <c r="G15062" s="16">
        <v>0</v>
      </c>
    </row>
    <row r="15063" spans="1:7" x14ac:dyDescent="0.3">
      <c r="A15063" s="13" t="s">
        <v>111</v>
      </c>
      <c r="B15063" s="14" t="s">
        <v>1</v>
      </c>
      <c r="C15063" s="14" t="s">
        <v>96</v>
      </c>
      <c r="D15063" s="14" t="s">
        <v>112</v>
      </c>
      <c r="E15063" s="15">
        <v>45474</v>
      </c>
      <c r="F15063" s="14" t="s">
        <v>28</v>
      </c>
      <c r="G15063" s="16">
        <v>0</v>
      </c>
    </row>
    <row r="15064" spans="1:7" x14ac:dyDescent="0.3">
      <c r="A15064" s="13" t="s">
        <v>111</v>
      </c>
      <c r="B15064" s="14" t="s">
        <v>1</v>
      </c>
      <c r="C15064" s="14" t="s">
        <v>96</v>
      </c>
      <c r="D15064" s="14" t="s">
        <v>112</v>
      </c>
      <c r="E15064" s="15">
        <v>45475</v>
      </c>
      <c r="F15064" s="14" t="s">
        <v>28</v>
      </c>
      <c r="G15064" s="16">
        <v>0</v>
      </c>
    </row>
    <row r="15065" spans="1:7" x14ac:dyDescent="0.3">
      <c r="A15065" s="13" t="s">
        <v>111</v>
      </c>
      <c r="B15065" s="14" t="s">
        <v>1</v>
      </c>
      <c r="C15065" s="14" t="s">
        <v>96</v>
      </c>
      <c r="D15065" s="14" t="s">
        <v>112</v>
      </c>
      <c r="E15065" s="15">
        <v>45476</v>
      </c>
      <c r="F15065" s="14" t="s">
        <v>28</v>
      </c>
      <c r="G15065" s="16">
        <v>0</v>
      </c>
    </row>
    <row r="15066" spans="1:7" x14ac:dyDescent="0.3">
      <c r="A15066" s="13" t="s">
        <v>111</v>
      </c>
      <c r="B15066" s="14" t="s">
        <v>1</v>
      </c>
      <c r="C15066" s="14" t="s">
        <v>96</v>
      </c>
      <c r="D15066" s="14" t="s">
        <v>112</v>
      </c>
      <c r="E15066" s="15">
        <v>45477</v>
      </c>
      <c r="F15066" s="14" t="s">
        <v>28</v>
      </c>
      <c r="G15066" s="16">
        <v>0</v>
      </c>
    </row>
    <row r="15067" spans="1:7" x14ac:dyDescent="0.3">
      <c r="A15067" s="13" t="s">
        <v>111</v>
      </c>
      <c r="B15067" s="14" t="s">
        <v>1</v>
      </c>
      <c r="C15067" s="14" t="s">
        <v>96</v>
      </c>
      <c r="D15067" s="14" t="s">
        <v>112</v>
      </c>
      <c r="E15067" s="15">
        <v>45478</v>
      </c>
      <c r="F15067" s="14" t="s">
        <v>28</v>
      </c>
      <c r="G15067" s="16">
        <v>0</v>
      </c>
    </row>
    <row r="15068" spans="1:7" x14ac:dyDescent="0.3">
      <c r="A15068" s="13" t="s">
        <v>111</v>
      </c>
      <c r="B15068" s="14" t="s">
        <v>1</v>
      </c>
      <c r="C15068" s="14" t="s">
        <v>96</v>
      </c>
      <c r="D15068" s="14" t="s">
        <v>112</v>
      </c>
      <c r="E15068" s="15">
        <v>45479</v>
      </c>
      <c r="F15068" s="14" t="s">
        <v>28</v>
      </c>
      <c r="G15068" s="16">
        <v>0</v>
      </c>
    </row>
    <row r="15069" spans="1:7" x14ac:dyDescent="0.3">
      <c r="A15069" s="13" t="s">
        <v>111</v>
      </c>
      <c r="B15069" s="14" t="s">
        <v>1</v>
      </c>
      <c r="C15069" s="14" t="s">
        <v>96</v>
      </c>
      <c r="D15069" s="14" t="s">
        <v>112</v>
      </c>
      <c r="E15069" s="15">
        <v>45480</v>
      </c>
      <c r="F15069" s="14" t="s">
        <v>28</v>
      </c>
      <c r="G15069" s="16">
        <v>0</v>
      </c>
    </row>
    <row r="15070" spans="1:7" x14ac:dyDescent="0.3">
      <c r="A15070" s="13" t="s">
        <v>111</v>
      </c>
      <c r="B15070" s="14" t="s">
        <v>1</v>
      </c>
      <c r="C15070" s="14" t="s">
        <v>96</v>
      </c>
      <c r="D15070" s="14" t="s">
        <v>112</v>
      </c>
      <c r="E15070" s="15">
        <v>45481</v>
      </c>
      <c r="F15070" s="14" t="s">
        <v>28</v>
      </c>
      <c r="G15070" s="16">
        <v>0</v>
      </c>
    </row>
    <row r="15071" spans="1:7" x14ac:dyDescent="0.3">
      <c r="A15071" s="13" t="s">
        <v>111</v>
      </c>
      <c r="B15071" s="14" t="s">
        <v>1</v>
      </c>
      <c r="C15071" s="14" t="s">
        <v>96</v>
      </c>
      <c r="D15071" s="14" t="s">
        <v>112</v>
      </c>
      <c r="E15071" s="15">
        <v>45482</v>
      </c>
      <c r="F15071" s="14" t="s">
        <v>28</v>
      </c>
      <c r="G15071" s="16">
        <v>0</v>
      </c>
    </row>
    <row r="15072" spans="1:7" x14ac:dyDescent="0.3">
      <c r="A15072" s="13" t="s">
        <v>111</v>
      </c>
      <c r="B15072" s="14" t="s">
        <v>1</v>
      </c>
      <c r="C15072" s="14" t="s">
        <v>96</v>
      </c>
      <c r="D15072" s="14" t="s">
        <v>112</v>
      </c>
      <c r="E15072" s="15">
        <v>45483</v>
      </c>
      <c r="F15072" s="14" t="s">
        <v>28</v>
      </c>
      <c r="G15072" s="16">
        <v>0</v>
      </c>
    </row>
    <row r="15073" spans="1:7" x14ac:dyDescent="0.3">
      <c r="A15073" s="13" t="s">
        <v>111</v>
      </c>
      <c r="B15073" s="14" t="s">
        <v>1</v>
      </c>
      <c r="C15073" s="14" t="s">
        <v>96</v>
      </c>
      <c r="D15073" s="14" t="s">
        <v>112</v>
      </c>
      <c r="E15073" s="15">
        <v>45484</v>
      </c>
      <c r="F15073" s="14" t="s">
        <v>28</v>
      </c>
      <c r="G15073" s="16">
        <v>0</v>
      </c>
    </row>
    <row r="15074" spans="1:7" x14ac:dyDescent="0.3">
      <c r="A15074" s="13" t="s">
        <v>111</v>
      </c>
      <c r="B15074" s="14" t="s">
        <v>1</v>
      </c>
      <c r="C15074" s="14" t="s">
        <v>96</v>
      </c>
      <c r="D15074" s="14" t="s">
        <v>112</v>
      </c>
      <c r="E15074" s="15">
        <v>45485</v>
      </c>
      <c r="F15074" s="14" t="s">
        <v>28</v>
      </c>
      <c r="G15074" s="16">
        <v>0</v>
      </c>
    </row>
    <row r="15075" spans="1:7" x14ac:dyDescent="0.3">
      <c r="A15075" s="13" t="s">
        <v>111</v>
      </c>
      <c r="B15075" s="14" t="s">
        <v>1</v>
      </c>
      <c r="C15075" s="14" t="s">
        <v>96</v>
      </c>
      <c r="D15075" s="14" t="s">
        <v>112</v>
      </c>
      <c r="E15075" s="15">
        <v>45486</v>
      </c>
      <c r="F15075" s="14" t="s">
        <v>28</v>
      </c>
      <c r="G15075" s="16">
        <v>0</v>
      </c>
    </row>
    <row r="15076" spans="1:7" x14ac:dyDescent="0.3">
      <c r="A15076" s="13" t="s">
        <v>111</v>
      </c>
      <c r="B15076" s="14" t="s">
        <v>1</v>
      </c>
      <c r="C15076" s="14" t="s">
        <v>96</v>
      </c>
      <c r="D15076" s="14" t="s">
        <v>112</v>
      </c>
      <c r="E15076" s="15">
        <v>45487</v>
      </c>
      <c r="F15076" s="14" t="s">
        <v>28</v>
      </c>
      <c r="G15076" s="16">
        <v>0</v>
      </c>
    </row>
    <row r="15077" spans="1:7" x14ac:dyDescent="0.3">
      <c r="A15077" s="13" t="s">
        <v>111</v>
      </c>
      <c r="B15077" s="14" t="s">
        <v>1</v>
      </c>
      <c r="C15077" s="14" t="s">
        <v>96</v>
      </c>
      <c r="D15077" s="14" t="s">
        <v>112</v>
      </c>
      <c r="E15077" s="15">
        <v>45488</v>
      </c>
      <c r="F15077" s="14" t="s">
        <v>28</v>
      </c>
      <c r="G15077" s="16">
        <v>0</v>
      </c>
    </row>
    <row r="15078" spans="1:7" x14ac:dyDescent="0.3">
      <c r="A15078" s="13" t="s">
        <v>111</v>
      </c>
      <c r="B15078" s="14" t="s">
        <v>1</v>
      </c>
      <c r="C15078" s="14" t="s">
        <v>96</v>
      </c>
      <c r="D15078" s="14" t="s">
        <v>112</v>
      </c>
      <c r="E15078" s="15">
        <v>45489</v>
      </c>
      <c r="F15078" s="14" t="s">
        <v>28</v>
      </c>
      <c r="G15078" s="16">
        <v>0</v>
      </c>
    </row>
    <row r="15079" spans="1:7" x14ac:dyDescent="0.3">
      <c r="A15079" s="13" t="s">
        <v>111</v>
      </c>
      <c r="B15079" s="14" t="s">
        <v>1</v>
      </c>
      <c r="C15079" s="14" t="s">
        <v>96</v>
      </c>
      <c r="D15079" s="14" t="s">
        <v>112</v>
      </c>
      <c r="E15079" s="15">
        <v>45490</v>
      </c>
      <c r="F15079" s="14" t="s">
        <v>28</v>
      </c>
      <c r="G15079" s="16">
        <v>0</v>
      </c>
    </row>
    <row r="15080" spans="1:7" x14ac:dyDescent="0.3">
      <c r="A15080" s="13" t="s">
        <v>111</v>
      </c>
      <c r="B15080" s="14" t="s">
        <v>1</v>
      </c>
      <c r="C15080" s="14" t="s">
        <v>96</v>
      </c>
      <c r="D15080" s="14" t="s">
        <v>112</v>
      </c>
      <c r="E15080" s="15">
        <v>45491</v>
      </c>
      <c r="F15080" s="14" t="s">
        <v>28</v>
      </c>
      <c r="G15080" s="16">
        <v>0</v>
      </c>
    </row>
    <row r="15081" spans="1:7" x14ac:dyDescent="0.3">
      <c r="A15081" s="13" t="s">
        <v>111</v>
      </c>
      <c r="B15081" s="14" t="s">
        <v>1</v>
      </c>
      <c r="C15081" s="14" t="s">
        <v>96</v>
      </c>
      <c r="D15081" s="14" t="s">
        <v>112</v>
      </c>
      <c r="E15081" s="15">
        <v>45492</v>
      </c>
      <c r="F15081" s="14" t="s">
        <v>28</v>
      </c>
      <c r="G15081" s="16">
        <v>0</v>
      </c>
    </row>
    <row r="15082" spans="1:7" x14ac:dyDescent="0.3">
      <c r="A15082" s="13" t="s">
        <v>111</v>
      </c>
      <c r="B15082" s="14" t="s">
        <v>1</v>
      </c>
      <c r="C15082" s="14" t="s">
        <v>96</v>
      </c>
      <c r="D15082" s="14" t="s">
        <v>112</v>
      </c>
      <c r="E15082" s="15">
        <v>45493</v>
      </c>
      <c r="F15082" s="14" t="s">
        <v>28</v>
      </c>
      <c r="G15082" s="16">
        <v>0</v>
      </c>
    </row>
    <row r="15083" spans="1:7" x14ac:dyDescent="0.3">
      <c r="A15083" s="13" t="s">
        <v>111</v>
      </c>
      <c r="B15083" s="14" t="s">
        <v>1</v>
      </c>
      <c r="C15083" s="14" t="s">
        <v>96</v>
      </c>
      <c r="D15083" s="14" t="s">
        <v>112</v>
      </c>
      <c r="E15083" s="15">
        <v>45494</v>
      </c>
      <c r="F15083" s="14" t="s">
        <v>28</v>
      </c>
      <c r="G15083" s="16">
        <v>0</v>
      </c>
    </row>
    <row r="15084" spans="1:7" x14ac:dyDescent="0.3">
      <c r="A15084" s="13" t="s">
        <v>111</v>
      </c>
      <c r="B15084" s="14" t="s">
        <v>1</v>
      </c>
      <c r="C15084" s="14" t="s">
        <v>96</v>
      </c>
      <c r="D15084" s="14" t="s">
        <v>112</v>
      </c>
      <c r="E15084" s="15">
        <v>45495</v>
      </c>
      <c r="F15084" s="14" t="s">
        <v>28</v>
      </c>
      <c r="G15084" s="16">
        <v>0</v>
      </c>
    </row>
    <row r="15085" spans="1:7" x14ac:dyDescent="0.3">
      <c r="A15085" s="13" t="s">
        <v>111</v>
      </c>
      <c r="B15085" s="14" t="s">
        <v>1</v>
      </c>
      <c r="C15085" s="14" t="s">
        <v>96</v>
      </c>
      <c r="D15085" s="14" t="s">
        <v>112</v>
      </c>
      <c r="E15085" s="15">
        <v>45496</v>
      </c>
      <c r="F15085" s="14" t="s">
        <v>28</v>
      </c>
      <c r="G15085" s="16">
        <v>0</v>
      </c>
    </row>
    <row r="15086" spans="1:7" x14ac:dyDescent="0.3">
      <c r="A15086" s="13" t="s">
        <v>111</v>
      </c>
      <c r="B15086" s="14" t="s">
        <v>1</v>
      </c>
      <c r="C15086" s="14" t="s">
        <v>96</v>
      </c>
      <c r="D15086" s="14" t="s">
        <v>112</v>
      </c>
      <c r="E15086" s="15">
        <v>45497</v>
      </c>
      <c r="F15086" s="14" t="s">
        <v>28</v>
      </c>
      <c r="G15086" s="16">
        <v>0</v>
      </c>
    </row>
    <row r="15087" spans="1:7" x14ac:dyDescent="0.3">
      <c r="A15087" s="13" t="s">
        <v>111</v>
      </c>
      <c r="B15087" s="14" t="s">
        <v>1</v>
      </c>
      <c r="C15087" s="14" t="s">
        <v>96</v>
      </c>
      <c r="D15087" s="14" t="s">
        <v>112</v>
      </c>
      <c r="E15087" s="15">
        <v>45498</v>
      </c>
      <c r="F15087" s="14" t="s">
        <v>28</v>
      </c>
      <c r="G15087" s="16">
        <v>0</v>
      </c>
    </row>
    <row r="15088" spans="1:7" x14ac:dyDescent="0.3">
      <c r="A15088" s="13" t="s">
        <v>111</v>
      </c>
      <c r="B15088" s="14" t="s">
        <v>1</v>
      </c>
      <c r="C15088" s="14" t="s">
        <v>96</v>
      </c>
      <c r="D15088" s="14" t="s">
        <v>112</v>
      </c>
      <c r="E15088" s="15">
        <v>45499</v>
      </c>
      <c r="F15088" s="14" t="s">
        <v>28</v>
      </c>
      <c r="G15088" s="16">
        <v>0</v>
      </c>
    </row>
    <row r="15089" spans="1:7" x14ac:dyDescent="0.3">
      <c r="A15089" s="13" t="s">
        <v>111</v>
      </c>
      <c r="B15089" s="14" t="s">
        <v>1</v>
      </c>
      <c r="C15089" s="14" t="s">
        <v>96</v>
      </c>
      <c r="D15089" s="14" t="s">
        <v>112</v>
      </c>
      <c r="E15089" s="15">
        <v>45500</v>
      </c>
      <c r="F15089" s="14" t="s">
        <v>28</v>
      </c>
      <c r="G15089" s="16">
        <v>0</v>
      </c>
    </row>
    <row r="15090" spans="1:7" x14ac:dyDescent="0.3">
      <c r="A15090" s="13" t="s">
        <v>111</v>
      </c>
      <c r="B15090" s="14" t="s">
        <v>1</v>
      </c>
      <c r="C15090" s="14" t="s">
        <v>96</v>
      </c>
      <c r="D15090" s="14" t="s">
        <v>112</v>
      </c>
      <c r="E15090" s="15">
        <v>45501</v>
      </c>
      <c r="F15090" s="14" t="s">
        <v>28</v>
      </c>
      <c r="G15090" s="16">
        <v>0</v>
      </c>
    </row>
    <row r="15091" spans="1:7" x14ac:dyDescent="0.3">
      <c r="A15091" s="13" t="s">
        <v>111</v>
      </c>
      <c r="B15091" s="14" t="s">
        <v>1</v>
      </c>
      <c r="C15091" s="14" t="s">
        <v>96</v>
      </c>
      <c r="D15091" s="14" t="s">
        <v>112</v>
      </c>
      <c r="E15091" s="15">
        <v>45502</v>
      </c>
      <c r="F15091" s="14" t="s">
        <v>28</v>
      </c>
      <c r="G15091" s="16">
        <v>0</v>
      </c>
    </row>
    <row r="15092" spans="1:7" x14ac:dyDescent="0.3">
      <c r="A15092" s="13" t="s">
        <v>111</v>
      </c>
      <c r="B15092" s="14" t="s">
        <v>1</v>
      </c>
      <c r="C15092" s="14" t="s">
        <v>96</v>
      </c>
      <c r="D15092" s="14" t="s">
        <v>112</v>
      </c>
      <c r="E15092" s="15">
        <v>45503</v>
      </c>
      <c r="F15092" s="14" t="s">
        <v>28</v>
      </c>
      <c r="G15092" s="16">
        <v>0</v>
      </c>
    </row>
    <row r="15093" spans="1:7" x14ac:dyDescent="0.3">
      <c r="A15093" s="13" t="s">
        <v>111</v>
      </c>
      <c r="B15093" s="14" t="s">
        <v>1</v>
      </c>
      <c r="C15093" s="14" t="s">
        <v>96</v>
      </c>
      <c r="D15093" s="14" t="s">
        <v>112</v>
      </c>
      <c r="E15093" s="15">
        <v>45504</v>
      </c>
      <c r="F15093" s="14" t="s">
        <v>28</v>
      </c>
      <c r="G15093" s="16">
        <v>0</v>
      </c>
    </row>
    <row r="15094" spans="1:7" x14ac:dyDescent="0.3">
      <c r="A15094" s="13" t="s">
        <v>111</v>
      </c>
      <c r="B15094" s="14" t="s">
        <v>1</v>
      </c>
      <c r="C15094" s="14" t="s">
        <v>96</v>
      </c>
      <c r="D15094" s="14" t="s">
        <v>112</v>
      </c>
      <c r="E15094" s="15">
        <v>45505</v>
      </c>
      <c r="F15094" s="14" t="s">
        <v>28</v>
      </c>
      <c r="G15094" s="16">
        <v>0</v>
      </c>
    </row>
    <row r="15095" spans="1:7" x14ac:dyDescent="0.3">
      <c r="A15095" s="13" t="s">
        <v>111</v>
      </c>
      <c r="B15095" s="14" t="s">
        <v>1</v>
      </c>
      <c r="C15095" s="14" t="s">
        <v>96</v>
      </c>
      <c r="D15095" s="14" t="s">
        <v>112</v>
      </c>
      <c r="E15095" s="15">
        <v>45506</v>
      </c>
      <c r="F15095" s="14" t="s">
        <v>28</v>
      </c>
      <c r="G15095" s="16">
        <v>0</v>
      </c>
    </row>
    <row r="15096" spans="1:7" x14ac:dyDescent="0.3">
      <c r="A15096" s="13" t="s">
        <v>111</v>
      </c>
      <c r="B15096" s="14" t="s">
        <v>1</v>
      </c>
      <c r="C15096" s="14" t="s">
        <v>96</v>
      </c>
      <c r="D15096" s="14" t="s">
        <v>112</v>
      </c>
      <c r="E15096" s="15">
        <v>45507</v>
      </c>
      <c r="F15096" s="14" t="s">
        <v>28</v>
      </c>
      <c r="G15096" s="16">
        <v>0</v>
      </c>
    </row>
    <row r="15097" spans="1:7" x14ac:dyDescent="0.3">
      <c r="A15097" s="13" t="s">
        <v>111</v>
      </c>
      <c r="B15097" s="14" t="s">
        <v>1</v>
      </c>
      <c r="C15097" s="14" t="s">
        <v>96</v>
      </c>
      <c r="D15097" s="14" t="s">
        <v>112</v>
      </c>
      <c r="E15097" s="15">
        <v>45508</v>
      </c>
      <c r="F15097" s="14" t="s">
        <v>28</v>
      </c>
      <c r="G15097" s="16">
        <v>0</v>
      </c>
    </row>
    <row r="15098" spans="1:7" x14ac:dyDescent="0.3">
      <c r="A15098" s="13" t="s">
        <v>111</v>
      </c>
      <c r="B15098" s="14" t="s">
        <v>1</v>
      </c>
      <c r="C15098" s="14" t="s">
        <v>96</v>
      </c>
      <c r="D15098" s="14" t="s">
        <v>112</v>
      </c>
      <c r="E15098" s="15">
        <v>45509</v>
      </c>
      <c r="F15098" s="14" t="s">
        <v>28</v>
      </c>
      <c r="G15098" s="16">
        <v>0</v>
      </c>
    </row>
    <row r="15099" spans="1:7" x14ac:dyDescent="0.3">
      <c r="A15099" s="13" t="s">
        <v>111</v>
      </c>
      <c r="B15099" s="14" t="s">
        <v>1</v>
      </c>
      <c r="C15099" s="14" t="s">
        <v>96</v>
      </c>
      <c r="D15099" s="14" t="s">
        <v>112</v>
      </c>
      <c r="E15099" s="15">
        <v>45510</v>
      </c>
      <c r="F15099" s="14" t="s">
        <v>28</v>
      </c>
      <c r="G15099" s="16">
        <v>0</v>
      </c>
    </row>
    <row r="15100" spans="1:7" x14ac:dyDescent="0.3">
      <c r="A15100" s="13" t="s">
        <v>111</v>
      </c>
      <c r="B15100" s="14" t="s">
        <v>1</v>
      </c>
      <c r="C15100" s="14" t="s">
        <v>96</v>
      </c>
      <c r="D15100" s="14" t="s">
        <v>112</v>
      </c>
      <c r="E15100" s="15">
        <v>45511</v>
      </c>
      <c r="F15100" s="14" t="s">
        <v>28</v>
      </c>
      <c r="G15100" s="16">
        <v>0</v>
      </c>
    </row>
    <row r="15101" spans="1:7" x14ac:dyDescent="0.3">
      <c r="A15101" s="13" t="s">
        <v>111</v>
      </c>
      <c r="B15101" s="14" t="s">
        <v>1</v>
      </c>
      <c r="C15101" s="14" t="s">
        <v>96</v>
      </c>
      <c r="D15101" s="14" t="s">
        <v>112</v>
      </c>
      <c r="E15101" s="15">
        <v>45512</v>
      </c>
      <c r="F15101" s="14" t="s">
        <v>28</v>
      </c>
      <c r="G15101" s="16">
        <v>0</v>
      </c>
    </row>
    <row r="15102" spans="1:7" x14ac:dyDescent="0.3">
      <c r="A15102" s="13" t="s">
        <v>111</v>
      </c>
      <c r="B15102" s="14" t="s">
        <v>1</v>
      </c>
      <c r="C15102" s="14" t="s">
        <v>96</v>
      </c>
      <c r="D15102" s="14" t="s">
        <v>112</v>
      </c>
      <c r="E15102" s="15">
        <v>45513</v>
      </c>
      <c r="F15102" s="14" t="s">
        <v>28</v>
      </c>
      <c r="G15102" s="16">
        <v>0</v>
      </c>
    </row>
    <row r="15103" spans="1:7" x14ac:dyDescent="0.3">
      <c r="A15103" s="13" t="s">
        <v>111</v>
      </c>
      <c r="B15103" s="14" t="s">
        <v>1</v>
      </c>
      <c r="C15103" s="14" t="s">
        <v>96</v>
      </c>
      <c r="D15103" s="14" t="s">
        <v>112</v>
      </c>
      <c r="E15103" s="15">
        <v>45514</v>
      </c>
      <c r="F15103" s="14" t="s">
        <v>28</v>
      </c>
      <c r="G15103" s="16">
        <v>0</v>
      </c>
    </row>
    <row r="15104" spans="1:7" x14ac:dyDescent="0.3">
      <c r="A15104" s="13" t="s">
        <v>111</v>
      </c>
      <c r="B15104" s="14" t="s">
        <v>1</v>
      </c>
      <c r="C15104" s="14" t="s">
        <v>96</v>
      </c>
      <c r="D15104" s="14" t="s">
        <v>112</v>
      </c>
      <c r="E15104" s="15">
        <v>45515</v>
      </c>
      <c r="F15104" s="14" t="s">
        <v>28</v>
      </c>
      <c r="G15104" s="16">
        <v>0</v>
      </c>
    </row>
    <row r="15105" spans="1:7" x14ac:dyDescent="0.3">
      <c r="A15105" s="13" t="s">
        <v>111</v>
      </c>
      <c r="B15105" s="14" t="s">
        <v>1</v>
      </c>
      <c r="C15105" s="14" t="s">
        <v>96</v>
      </c>
      <c r="D15105" s="14" t="s">
        <v>112</v>
      </c>
      <c r="E15105" s="15">
        <v>45516</v>
      </c>
      <c r="F15105" s="14" t="s">
        <v>28</v>
      </c>
      <c r="G15105" s="16">
        <v>0</v>
      </c>
    </row>
    <row r="15106" spans="1:7" x14ac:dyDescent="0.3">
      <c r="A15106" s="13" t="s">
        <v>111</v>
      </c>
      <c r="B15106" s="14" t="s">
        <v>1</v>
      </c>
      <c r="C15106" s="14" t="s">
        <v>96</v>
      </c>
      <c r="D15106" s="14" t="s">
        <v>112</v>
      </c>
      <c r="E15106" s="15">
        <v>45517</v>
      </c>
      <c r="F15106" s="14" t="s">
        <v>28</v>
      </c>
      <c r="G15106" s="16">
        <v>0</v>
      </c>
    </row>
    <row r="15107" spans="1:7" x14ac:dyDescent="0.3">
      <c r="A15107" s="13" t="s">
        <v>111</v>
      </c>
      <c r="B15107" s="14" t="s">
        <v>1</v>
      </c>
      <c r="C15107" s="14" t="s">
        <v>96</v>
      </c>
      <c r="D15107" s="14" t="s">
        <v>112</v>
      </c>
      <c r="E15107" s="15">
        <v>45518</v>
      </c>
      <c r="F15107" s="14" t="s">
        <v>28</v>
      </c>
      <c r="G15107" s="16">
        <v>0</v>
      </c>
    </row>
    <row r="15108" spans="1:7" x14ac:dyDescent="0.3">
      <c r="A15108" s="13" t="s">
        <v>111</v>
      </c>
      <c r="B15108" s="14" t="s">
        <v>1</v>
      </c>
      <c r="C15108" s="14" t="s">
        <v>96</v>
      </c>
      <c r="D15108" s="14" t="s">
        <v>112</v>
      </c>
      <c r="E15108" s="15">
        <v>45519</v>
      </c>
      <c r="F15108" s="14" t="s">
        <v>28</v>
      </c>
      <c r="G15108" s="16">
        <v>0</v>
      </c>
    </row>
    <row r="15109" spans="1:7" x14ac:dyDescent="0.3">
      <c r="A15109" s="13" t="s">
        <v>111</v>
      </c>
      <c r="B15109" s="14" t="s">
        <v>1</v>
      </c>
      <c r="C15109" s="14" t="s">
        <v>96</v>
      </c>
      <c r="D15109" s="14" t="s">
        <v>112</v>
      </c>
      <c r="E15109" s="15">
        <v>45520</v>
      </c>
      <c r="F15109" s="14" t="s">
        <v>28</v>
      </c>
      <c r="G15109" s="16">
        <v>0</v>
      </c>
    </row>
    <row r="15110" spans="1:7" x14ac:dyDescent="0.3">
      <c r="A15110" s="13" t="s">
        <v>111</v>
      </c>
      <c r="B15110" s="14" t="s">
        <v>1</v>
      </c>
      <c r="C15110" s="14" t="s">
        <v>96</v>
      </c>
      <c r="D15110" s="14" t="s">
        <v>112</v>
      </c>
      <c r="E15110" s="15">
        <v>45521</v>
      </c>
      <c r="F15110" s="14" t="s">
        <v>28</v>
      </c>
      <c r="G15110" s="16">
        <v>0</v>
      </c>
    </row>
    <row r="15111" spans="1:7" x14ac:dyDescent="0.3">
      <c r="A15111" s="13" t="s">
        <v>111</v>
      </c>
      <c r="B15111" s="14" t="s">
        <v>1</v>
      </c>
      <c r="C15111" s="14" t="s">
        <v>96</v>
      </c>
      <c r="D15111" s="14" t="s">
        <v>112</v>
      </c>
      <c r="E15111" s="15">
        <v>45522</v>
      </c>
      <c r="F15111" s="14" t="s">
        <v>28</v>
      </c>
      <c r="G15111" s="16">
        <v>0</v>
      </c>
    </row>
    <row r="15112" spans="1:7" x14ac:dyDescent="0.3">
      <c r="A15112" s="13" t="s">
        <v>111</v>
      </c>
      <c r="B15112" s="14" t="s">
        <v>1</v>
      </c>
      <c r="C15112" s="14" t="s">
        <v>96</v>
      </c>
      <c r="D15112" s="14" t="s">
        <v>112</v>
      </c>
      <c r="E15112" s="15">
        <v>45523</v>
      </c>
      <c r="F15112" s="14" t="s">
        <v>28</v>
      </c>
      <c r="G15112" s="16">
        <v>0</v>
      </c>
    </row>
    <row r="15113" spans="1:7" x14ac:dyDescent="0.3">
      <c r="A15113" s="13" t="s">
        <v>111</v>
      </c>
      <c r="B15113" s="14" t="s">
        <v>1</v>
      </c>
      <c r="C15113" s="14" t="s">
        <v>96</v>
      </c>
      <c r="D15113" s="14" t="s">
        <v>112</v>
      </c>
      <c r="E15113" s="15">
        <v>45524</v>
      </c>
      <c r="F15113" s="14" t="s">
        <v>28</v>
      </c>
      <c r="G15113" s="16">
        <v>0</v>
      </c>
    </row>
    <row r="15114" spans="1:7" x14ac:dyDescent="0.3">
      <c r="A15114" s="13" t="s">
        <v>111</v>
      </c>
      <c r="B15114" s="14" t="s">
        <v>1</v>
      </c>
      <c r="C15114" s="14" t="s">
        <v>96</v>
      </c>
      <c r="D15114" s="14" t="s">
        <v>112</v>
      </c>
      <c r="E15114" s="15">
        <v>45525</v>
      </c>
      <c r="F15114" s="14" t="s">
        <v>28</v>
      </c>
      <c r="G15114" s="16">
        <v>0</v>
      </c>
    </row>
    <row r="15115" spans="1:7" x14ac:dyDescent="0.3">
      <c r="A15115" s="13" t="s">
        <v>111</v>
      </c>
      <c r="B15115" s="14" t="s">
        <v>1</v>
      </c>
      <c r="C15115" s="14" t="s">
        <v>96</v>
      </c>
      <c r="D15115" s="14" t="s">
        <v>112</v>
      </c>
      <c r="E15115" s="15">
        <v>45526</v>
      </c>
      <c r="F15115" s="14" t="s">
        <v>28</v>
      </c>
      <c r="G15115" s="16">
        <v>0</v>
      </c>
    </row>
    <row r="15116" spans="1:7" x14ac:dyDescent="0.3">
      <c r="A15116" s="13" t="s">
        <v>111</v>
      </c>
      <c r="B15116" s="14" t="s">
        <v>1</v>
      </c>
      <c r="C15116" s="14" t="s">
        <v>96</v>
      </c>
      <c r="D15116" s="14" t="s">
        <v>112</v>
      </c>
      <c r="E15116" s="15">
        <v>45527</v>
      </c>
      <c r="F15116" s="14" t="s">
        <v>28</v>
      </c>
      <c r="G15116" s="16">
        <v>0</v>
      </c>
    </row>
    <row r="15117" spans="1:7" x14ac:dyDescent="0.3">
      <c r="A15117" s="13" t="s">
        <v>111</v>
      </c>
      <c r="B15117" s="14" t="s">
        <v>1</v>
      </c>
      <c r="C15117" s="14" t="s">
        <v>96</v>
      </c>
      <c r="D15117" s="14" t="s">
        <v>112</v>
      </c>
      <c r="E15117" s="15">
        <v>45528</v>
      </c>
      <c r="F15117" s="14" t="s">
        <v>28</v>
      </c>
      <c r="G15117" s="16">
        <v>0</v>
      </c>
    </row>
    <row r="15118" spans="1:7" x14ac:dyDescent="0.3">
      <c r="A15118" s="13" t="s">
        <v>111</v>
      </c>
      <c r="B15118" s="14" t="s">
        <v>1</v>
      </c>
      <c r="C15118" s="14" t="s">
        <v>96</v>
      </c>
      <c r="D15118" s="14" t="s">
        <v>112</v>
      </c>
      <c r="E15118" s="15">
        <v>45529</v>
      </c>
      <c r="F15118" s="14" t="s">
        <v>28</v>
      </c>
      <c r="G15118" s="16">
        <v>0</v>
      </c>
    </row>
    <row r="15119" spans="1:7" x14ac:dyDescent="0.3">
      <c r="A15119" s="13" t="s">
        <v>111</v>
      </c>
      <c r="B15119" s="14" t="s">
        <v>1</v>
      </c>
      <c r="C15119" s="14" t="s">
        <v>96</v>
      </c>
      <c r="D15119" s="14" t="s">
        <v>112</v>
      </c>
      <c r="E15119" s="15">
        <v>45530</v>
      </c>
      <c r="F15119" s="14" t="s">
        <v>28</v>
      </c>
      <c r="G15119" s="16">
        <v>0</v>
      </c>
    </row>
    <row r="15120" spans="1:7" x14ac:dyDescent="0.3">
      <c r="A15120" s="13" t="s">
        <v>111</v>
      </c>
      <c r="B15120" s="14" t="s">
        <v>1</v>
      </c>
      <c r="C15120" s="14" t="s">
        <v>96</v>
      </c>
      <c r="D15120" s="14" t="s">
        <v>112</v>
      </c>
      <c r="E15120" s="15">
        <v>45531</v>
      </c>
      <c r="F15120" s="14" t="s">
        <v>28</v>
      </c>
      <c r="G15120" s="16">
        <v>0</v>
      </c>
    </row>
    <row r="15121" spans="1:7" x14ac:dyDescent="0.3">
      <c r="A15121" s="13" t="s">
        <v>111</v>
      </c>
      <c r="B15121" s="14" t="s">
        <v>1</v>
      </c>
      <c r="C15121" s="14" t="s">
        <v>96</v>
      </c>
      <c r="D15121" s="14" t="s">
        <v>112</v>
      </c>
      <c r="E15121" s="15">
        <v>45532</v>
      </c>
      <c r="F15121" s="14" t="s">
        <v>28</v>
      </c>
      <c r="G15121" s="16">
        <v>0</v>
      </c>
    </row>
    <row r="15122" spans="1:7" x14ac:dyDescent="0.3">
      <c r="A15122" s="13" t="s">
        <v>111</v>
      </c>
      <c r="B15122" s="14" t="s">
        <v>1</v>
      </c>
      <c r="C15122" s="14" t="s">
        <v>96</v>
      </c>
      <c r="D15122" s="14" t="s">
        <v>112</v>
      </c>
      <c r="E15122" s="15">
        <v>45533</v>
      </c>
      <c r="F15122" s="14" t="s">
        <v>28</v>
      </c>
      <c r="G15122" s="16">
        <v>0</v>
      </c>
    </row>
    <row r="15123" spans="1:7" x14ac:dyDescent="0.3">
      <c r="A15123" s="13" t="s">
        <v>111</v>
      </c>
      <c r="B15123" s="14" t="s">
        <v>1</v>
      </c>
      <c r="C15123" s="14" t="s">
        <v>96</v>
      </c>
      <c r="D15123" s="14" t="s">
        <v>112</v>
      </c>
      <c r="E15123" s="15">
        <v>45534</v>
      </c>
      <c r="F15123" s="14" t="s">
        <v>28</v>
      </c>
      <c r="G15123" s="16">
        <v>0</v>
      </c>
    </row>
    <row r="15124" spans="1:7" x14ac:dyDescent="0.3">
      <c r="A15124" s="13" t="s">
        <v>111</v>
      </c>
      <c r="B15124" s="14" t="s">
        <v>1</v>
      </c>
      <c r="C15124" s="14" t="s">
        <v>96</v>
      </c>
      <c r="D15124" s="14" t="s">
        <v>112</v>
      </c>
      <c r="E15124" s="15">
        <v>45535</v>
      </c>
      <c r="F15124" s="14" t="s">
        <v>28</v>
      </c>
      <c r="G15124" s="16">
        <v>0</v>
      </c>
    </row>
    <row r="15125" spans="1:7" x14ac:dyDescent="0.3">
      <c r="A15125" s="13" t="s">
        <v>111</v>
      </c>
      <c r="B15125" s="14" t="s">
        <v>1</v>
      </c>
      <c r="C15125" s="14" t="s">
        <v>96</v>
      </c>
      <c r="D15125" s="14" t="s">
        <v>112</v>
      </c>
      <c r="E15125" s="15">
        <v>45536</v>
      </c>
      <c r="F15125" s="14" t="s">
        <v>28</v>
      </c>
      <c r="G15125" s="16">
        <v>0</v>
      </c>
    </row>
    <row r="15126" spans="1:7" x14ac:dyDescent="0.3">
      <c r="A15126" s="13" t="s">
        <v>111</v>
      </c>
      <c r="B15126" s="14" t="s">
        <v>1</v>
      </c>
      <c r="C15126" s="14" t="s">
        <v>96</v>
      </c>
      <c r="D15126" s="14" t="s">
        <v>112</v>
      </c>
      <c r="E15126" s="15">
        <v>45537</v>
      </c>
      <c r="F15126" s="14" t="s">
        <v>28</v>
      </c>
      <c r="G15126" s="16">
        <v>0</v>
      </c>
    </row>
    <row r="15127" spans="1:7" x14ac:dyDescent="0.3">
      <c r="A15127" s="13" t="s">
        <v>111</v>
      </c>
      <c r="B15127" s="14" t="s">
        <v>1</v>
      </c>
      <c r="C15127" s="14" t="s">
        <v>96</v>
      </c>
      <c r="D15127" s="14" t="s">
        <v>112</v>
      </c>
      <c r="E15127" s="15">
        <v>45538</v>
      </c>
      <c r="F15127" s="14" t="s">
        <v>28</v>
      </c>
      <c r="G15127" s="16">
        <v>0</v>
      </c>
    </row>
    <row r="15128" spans="1:7" x14ac:dyDescent="0.3">
      <c r="A15128" s="13" t="s">
        <v>111</v>
      </c>
      <c r="B15128" s="14" t="s">
        <v>1</v>
      </c>
      <c r="C15128" s="14" t="s">
        <v>96</v>
      </c>
      <c r="D15128" s="14" t="s">
        <v>112</v>
      </c>
      <c r="E15128" s="15">
        <v>45539</v>
      </c>
      <c r="F15128" s="14" t="s">
        <v>28</v>
      </c>
      <c r="G15128" s="16">
        <v>0</v>
      </c>
    </row>
    <row r="15129" spans="1:7" x14ac:dyDescent="0.3">
      <c r="A15129" s="13" t="s">
        <v>111</v>
      </c>
      <c r="B15129" s="14" t="s">
        <v>1</v>
      </c>
      <c r="C15129" s="14" t="s">
        <v>96</v>
      </c>
      <c r="D15129" s="14" t="s">
        <v>112</v>
      </c>
      <c r="E15129" s="15">
        <v>45540</v>
      </c>
      <c r="F15129" s="14" t="s">
        <v>28</v>
      </c>
      <c r="G15129" s="16">
        <v>0</v>
      </c>
    </row>
    <row r="15130" spans="1:7" x14ac:dyDescent="0.3">
      <c r="A15130" s="13" t="s">
        <v>111</v>
      </c>
      <c r="B15130" s="14" t="s">
        <v>1</v>
      </c>
      <c r="C15130" s="14" t="s">
        <v>96</v>
      </c>
      <c r="D15130" s="14" t="s">
        <v>112</v>
      </c>
      <c r="E15130" s="15">
        <v>45541</v>
      </c>
      <c r="F15130" s="14" t="s">
        <v>28</v>
      </c>
      <c r="G15130" s="16">
        <v>0</v>
      </c>
    </row>
    <row r="15131" spans="1:7" x14ac:dyDescent="0.3">
      <c r="A15131" s="13" t="s">
        <v>111</v>
      </c>
      <c r="B15131" s="14" t="s">
        <v>1</v>
      </c>
      <c r="C15131" s="14" t="s">
        <v>96</v>
      </c>
      <c r="D15131" s="14" t="s">
        <v>112</v>
      </c>
      <c r="E15131" s="15">
        <v>45542</v>
      </c>
      <c r="F15131" s="14" t="s">
        <v>28</v>
      </c>
      <c r="G15131" s="16">
        <v>0</v>
      </c>
    </row>
    <row r="15132" spans="1:7" x14ac:dyDescent="0.3">
      <c r="A15132" s="13" t="s">
        <v>111</v>
      </c>
      <c r="B15132" s="14" t="s">
        <v>1</v>
      </c>
      <c r="C15132" s="14" t="s">
        <v>96</v>
      </c>
      <c r="D15132" s="14" t="s">
        <v>112</v>
      </c>
      <c r="E15132" s="15">
        <v>45543</v>
      </c>
      <c r="F15132" s="14" t="s">
        <v>28</v>
      </c>
      <c r="G15132" s="16">
        <v>0</v>
      </c>
    </row>
    <row r="15133" spans="1:7" x14ac:dyDescent="0.3">
      <c r="A15133" s="13" t="s">
        <v>111</v>
      </c>
      <c r="B15133" s="14" t="s">
        <v>1</v>
      </c>
      <c r="C15133" s="14" t="s">
        <v>96</v>
      </c>
      <c r="D15133" s="14" t="s">
        <v>112</v>
      </c>
      <c r="E15133" s="15">
        <v>45544</v>
      </c>
      <c r="F15133" s="14" t="s">
        <v>28</v>
      </c>
      <c r="G15133" s="16">
        <v>0</v>
      </c>
    </row>
    <row r="15134" spans="1:7" x14ac:dyDescent="0.3">
      <c r="A15134" s="13" t="s">
        <v>111</v>
      </c>
      <c r="B15134" s="14" t="s">
        <v>1</v>
      </c>
      <c r="C15134" s="14" t="s">
        <v>96</v>
      </c>
      <c r="D15134" s="14" t="s">
        <v>112</v>
      </c>
      <c r="E15134" s="15">
        <v>45545</v>
      </c>
      <c r="F15134" s="14" t="s">
        <v>28</v>
      </c>
      <c r="G15134" s="16">
        <v>0</v>
      </c>
    </row>
    <row r="15135" spans="1:7" x14ac:dyDescent="0.3">
      <c r="A15135" s="13" t="s">
        <v>111</v>
      </c>
      <c r="B15135" s="14" t="s">
        <v>1</v>
      </c>
      <c r="C15135" s="14" t="s">
        <v>96</v>
      </c>
      <c r="D15135" s="14" t="s">
        <v>112</v>
      </c>
      <c r="E15135" s="15">
        <v>45546</v>
      </c>
      <c r="F15135" s="14" t="s">
        <v>28</v>
      </c>
      <c r="G15135" s="16">
        <v>0</v>
      </c>
    </row>
    <row r="15136" spans="1:7" x14ac:dyDescent="0.3">
      <c r="A15136" s="13" t="s">
        <v>111</v>
      </c>
      <c r="B15136" s="14" t="s">
        <v>1</v>
      </c>
      <c r="C15136" s="14" t="s">
        <v>96</v>
      </c>
      <c r="D15136" s="14" t="s">
        <v>112</v>
      </c>
      <c r="E15136" s="15">
        <v>45547</v>
      </c>
      <c r="F15136" s="14" t="s">
        <v>28</v>
      </c>
      <c r="G15136" s="16">
        <v>0</v>
      </c>
    </row>
    <row r="15137" spans="1:7" x14ac:dyDescent="0.3">
      <c r="A15137" s="13" t="s">
        <v>111</v>
      </c>
      <c r="B15137" s="14" t="s">
        <v>1</v>
      </c>
      <c r="C15137" s="14" t="s">
        <v>96</v>
      </c>
      <c r="D15137" s="14" t="s">
        <v>112</v>
      </c>
      <c r="E15137" s="15">
        <v>45548</v>
      </c>
      <c r="F15137" s="14" t="s">
        <v>28</v>
      </c>
      <c r="G15137" s="16">
        <v>0</v>
      </c>
    </row>
    <row r="15138" spans="1:7" x14ac:dyDescent="0.3">
      <c r="A15138" s="13" t="s">
        <v>111</v>
      </c>
      <c r="B15138" s="14" t="s">
        <v>1</v>
      </c>
      <c r="C15138" s="14" t="s">
        <v>96</v>
      </c>
      <c r="D15138" s="14" t="s">
        <v>112</v>
      </c>
      <c r="E15138" s="15">
        <v>45549</v>
      </c>
      <c r="F15138" s="14" t="s">
        <v>28</v>
      </c>
      <c r="G15138" s="16">
        <v>0</v>
      </c>
    </row>
    <row r="15139" spans="1:7" x14ac:dyDescent="0.3">
      <c r="A15139" s="13" t="s">
        <v>111</v>
      </c>
      <c r="B15139" s="14" t="s">
        <v>1</v>
      </c>
      <c r="C15139" s="14" t="s">
        <v>96</v>
      </c>
      <c r="D15139" s="14" t="s">
        <v>112</v>
      </c>
      <c r="E15139" s="15">
        <v>45550</v>
      </c>
      <c r="F15139" s="14" t="s">
        <v>28</v>
      </c>
      <c r="G15139" s="16">
        <v>0</v>
      </c>
    </row>
    <row r="15140" spans="1:7" x14ac:dyDescent="0.3">
      <c r="A15140" s="13" t="s">
        <v>111</v>
      </c>
      <c r="B15140" s="14" t="s">
        <v>1</v>
      </c>
      <c r="C15140" s="14" t="s">
        <v>96</v>
      </c>
      <c r="D15140" s="14" t="s">
        <v>112</v>
      </c>
      <c r="E15140" s="15">
        <v>45551</v>
      </c>
      <c r="F15140" s="14" t="s">
        <v>28</v>
      </c>
      <c r="G15140" s="16">
        <v>0</v>
      </c>
    </row>
    <row r="15141" spans="1:7" x14ac:dyDescent="0.3">
      <c r="A15141" s="13" t="s">
        <v>111</v>
      </c>
      <c r="B15141" s="14" t="s">
        <v>1</v>
      </c>
      <c r="C15141" s="14" t="s">
        <v>96</v>
      </c>
      <c r="D15141" s="14" t="s">
        <v>112</v>
      </c>
      <c r="E15141" s="15">
        <v>45552</v>
      </c>
      <c r="F15141" s="14" t="s">
        <v>28</v>
      </c>
      <c r="G15141" s="16">
        <v>0</v>
      </c>
    </row>
    <row r="15142" spans="1:7" x14ac:dyDescent="0.3">
      <c r="A15142" s="13" t="s">
        <v>111</v>
      </c>
      <c r="B15142" s="14" t="s">
        <v>1</v>
      </c>
      <c r="C15142" s="14" t="s">
        <v>96</v>
      </c>
      <c r="D15142" s="14" t="s">
        <v>112</v>
      </c>
      <c r="E15142" s="15">
        <v>45553</v>
      </c>
      <c r="F15142" s="14" t="s">
        <v>28</v>
      </c>
      <c r="G15142" s="16">
        <v>0</v>
      </c>
    </row>
    <row r="15143" spans="1:7" x14ac:dyDescent="0.3">
      <c r="A15143" s="13" t="s">
        <v>111</v>
      </c>
      <c r="B15143" s="14" t="s">
        <v>1</v>
      </c>
      <c r="C15143" s="14" t="s">
        <v>96</v>
      </c>
      <c r="D15143" s="14" t="s">
        <v>112</v>
      </c>
      <c r="E15143" s="15">
        <v>45554</v>
      </c>
      <c r="F15143" s="14" t="s">
        <v>28</v>
      </c>
      <c r="G15143" s="16">
        <v>0</v>
      </c>
    </row>
    <row r="15144" spans="1:7" x14ac:dyDescent="0.3">
      <c r="A15144" s="13" t="s">
        <v>111</v>
      </c>
      <c r="B15144" s="14" t="s">
        <v>1</v>
      </c>
      <c r="C15144" s="14" t="s">
        <v>96</v>
      </c>
      <c r="D15144" s="14" t="s">
        <v>112</v>
      </c>
      <c r="E15144" s="15">
        <v>45555</v>
      </c>
      <c r="F15144" s="14" t="s">
        <v>28</v>
      </c>
      <c r="G15144" s="16">
        <v>0</v>
      </c>
    </row>
    <row r="15145" spans="1:7" x14ac:dyDescent="0.3">
      <c r="A15145" s="13" t="s">
        <v>111</v>
      </c>
      <c r="B15145" s="14" t="s">
        <v>1</v>
      </c>
      <c r="C15145" s="14" t="s">
        <v>96</v>
      </c>
      <c r="D15145" s="14" t="s">
        <v>112</v>
      </c>
      <c r="E15145" s="15">
        <v>45556</v>
      </c>
      <c r="F15145" s="14" t="s">
        <v>28</v>
      </c>
      <c r="G15145" s="16">
        <v>0</v>
      </c>
    </row>
    <row r="15146" spans="1:7" x14ac:dyDescent="0.3">
      <c r="A15146" s="13" t="s">
        <v>111</v>
      </c>
      <c r="B15146" s="14" t="s">
        <v>1</v>
      </c>
      <c r="C15146" s="14" t="s">
        <v>96</v>
      </c>
      <c r="D15146" s="14" t="s">
        <v>112</v>
      </c>
      <c r="E15146" s="15">
        <v>45557</v>
      </c>
      <c r="F15146" s="14" t="s">
        <v>28</v>
      </c>
      <c r="G15146" s="16">
        <v>0</v>
      </c>
    </row>
    <row r="15147" spans="1:7" x14ac:dyDescent="0.3">
      <c r="A15147" s="13" t="s">
        <v>111</v>
      </c>
      <c r="B15147" s="14" t="s">
        <v>1</v>
      </c>
      <c r="C15147" s="14" t="s">
        <v>96</v>
      </c>
      <c r="D15147" s="14" t="s">
        <v>112</v>
      </c>
      <c r="E15147" s="15">
        <v>45558</v>
      </c>
      <c r="F15147" s="14" t="s">
        <v>28</v>
      </c>
      <c r="G15147" s="16">
        <v>0</v>
      </c>
    </row>
    <row r="15148" spans="1:7" x14ac:dyDescent="0.3">
      <c r="A15148" s="13" t="s">
        <v>111</v>
      </c>
      <c r="B15148" s="14" t="s">
        <v>1</v>
      </c>
      <c r="C15148" s="14" t="s">
        <v>96</v>
      </c>
      <c r="D15148" s="14" t="s">
        <v>112</v>
      </c>
      <c r="E15148" s="15">
        <v>45559</v>
      </c>
      <c r="F15148" s="14" t="s">
        <v>28</v>
      </c>
      <c r="G15148" s="16">
        <v>0</v>
      </c>
    </row>
    <row r="15149" spans="1:7" x14ac:dyDescent="0.3">
      <c r="A15149" s="13" t="s">
        <v>111</v>
      </c>
      <c r="B15149" s="14" t="s">
        <v>1</v>
      </c>
      <c r="C15149" s="14" t="s">
        <v>96</v>
      </c>
      <c r="D15149" s="14" t="s">
        <v>112</v>
      </c>
      <c r="E15149" s="15">
        <v>45560</v>
      </c>
      <c r="F15149" s="14" t="s">
        <v>28</v>
      </c>
      <c r="G15149" s="16">
        <v>0</v>
      </c>
    </row>
    <row r="15150" spans="1:7" x14ac:dyDescent="0.3">
      <c r="A15150" s="13" t="s">
        <v>111</v>
      </c>
      <c r="B15150" s="14" t="s">
        <v>1</v>
      </c>
      <c r="C15150" s="14" t="s">
        <v>96</v>
      </c>
      <c r="D15150" s="14" t="s">
        <v>112</v>
      </c>
      <c r="E15150" s="15">
        <v>45561</v>
      </c>
      <c r="F15150" s="14" t="s">
        <v>28</v>
      </c>
      <c r="G15150" s="16">
        <v>0</v>
      </c>
    </row>
    <row r="15151" spans="1:7" x14ac:dyDescent="0.3">
      <c r="A15151" s="13" t="s">
        <v>111</v>
      </c>
      <c r="B15151" s="14" t="s">
        <v>1</v>
      </c>
      <c r="C15151" s="14" t="s">
        <v>96</v>
      </c>
      <c r="D15151" s="14" t="s">
        <v>112</v>
      </c>
      <c r="E15151" s="15">
        <v>45562</v>
      </c>
      <c r="F15151" s="14" t="s">
        <v>28</v>
      </c>
      <c r="G15151" s="16">
        <v>0</v>
      </c>
    </row>
    <row r="15152" spans="1:7" x14ac:dyDescent="0.3">
      <c r="A15152" s="13" t="s">
        <v>111</v>
      </c>
      <c r="B15152" s="14" t="s">
        <v>1</v>
      </c>
      <c r="C15152" s="14" t="s">
        <v>96</v>
      </c>
      <c r="D15152" s="14" t="s">
        <v>112</v>
      </c>
      <c r="E15152" s="15">
        <v>45563</v>
      </c>
      <c r="F15152" s="14" t="s">
        <v>28</v>
      </c>
      <c r="G15152" s="16">
        <v>0</v>
      </c>
    </row>
    <row r="15153" spans="1:7" x14ac:dyDescent="0.3">
      <c r="A15153" s="13" t="s">
        <v>111</v>
      </c>
      <c r="B15153" s="14" t="s">
        <v>1</v>
      </c>
      <c r="C15153" s="14" t="s">
        <v>96</v>
      </c>
      <c r="D15153" s="14" t="s">
        <v>112</v>
      </c>
      <c r="E15153" s="15">
        <v>45564</v>
      </c>
      <c r="F15153" s="14" t="s">
        <v>28</v>
      </c>
      <c r="G15153" s="16">
        <v>0</v>
      </c>
    </row>
    <row r="15154" spans="1:7" x14ac:dyDescent="0.3">
      <c r="A15154" s="13" t="s">
        <v>111</v>
      </c>
      <c r="B15154" s="14" t="s">
        <v>1</v>
      </c>
      <c r="C15154" s="14" t="s">
        <v>96</v>
      </c>
      <c r="D15154" s="14" t="s">
        <v>112</v>
      </c>
      <c r="E15154" s="15">
        <v>45565</v>
      </c>
      <c r="F15154" s="14" t="s">
        <v>28</v>
      </c>
      <c r="G15154" s="16">
        <v>0</v>
      </c>
    </row>
    <row r="15155" spans="1:7" x14ac:dyDescent="0.3">
      <c r="A15155" s="13" t="s">
        <v>111</v>
      </c>
      <c r="B15155" s="14" t="s">
        <v>1</v>
      </c>
      <c r="C15155" s="14" t="s">
        <v>96</v>
      </c>
      <c r="D15155" s="14" t="s">
        <v>112</v>
      </c>
      <c r="E15155" s="15">
        <v>45566</v>
      </c>
      <c r="F15155" s="14" t="s">
        <v>28</v>
      </c>
      <c r="G15155" s="16">
        <v>0</v>
      </c>
    </row>
    <row r="15156" spans="1:7" x14ac:dyDescent="0.3">
      <c r="A15156" s="13" t="s">
        <v>111</v>
      </c>
      <c r="B15156" s="14" t="s">
        <v>1</v>
      </c>
      <c r="C15156" s="14" t="s">
        <v>96</v>
      </c>
      <c r="D15156" s="14" t="s">
        <v>112</v>
      </c>
      <c r="E15156" s="15">
        <v>45567</v>
      </c>
      <c r="F15156" s="14" t="s">
        <v>28</v>
      </c>
      <c r="G15156" s="16">
        <v>0</v>
      </c>
    </row>
    <row r="15157" spans="1:7" x14ac:dyDescent="0.3">
      <c r="A15157" s="13" t="s">
        <v>111</v>
      </c>
      <c r="B15157" s="14" t="s">
        <v>1</v>
      </c>
      <c r="C15157" s="14" t="s">
        <v>96</v>
      </c>
      <c r="D15157" s="14" t="s">
        <v>112</v>
      </c>
      <c r="E15157" s="15">
        <v>45568</v>
      </c>
      <c r="F15157" s="14" t="s">
        <v>28</v>
      </c>
      <c r="G15157" s="16">
        <v>0</v>
      </c>
    </row>
    <row r="15158" spans="1:7" x14ac:dyDescent="0.3">
      <c r="A15158" s="13" t="s">
        <v>111</v>
      </c>
      <c r="B15158" s="14" t="s">
        <v>1</v>
      </c>
      <c r="C15158" s="14" t="s">
        <v>96</v>
      </c>
      <c r="D15158" s="14" t="s">
        <v>112</v>
      </c>
      <c r="E15158" s="15">
        <v>45569</v>
      </c>
      <c r="F15158" s="14" t="s">
        <v>28</v>
      </c>
      <c r="G15158" s="16">
        <v>0</v>
      </c>
    </row>
    <row r="15159" spans="1:7" x14ac:dyDescent="0.3">
      <c r="A15159" s="13" t="s">
        <v>111</v>
      </c>
      <c r="B15159" s="14" t="s">
        <v>1</v>
      </c>
      <c r="C15159" s="14" t="s">
        <v>96</v>
      </c>
      <c r="D15159" s="14" t="s">
        <v>112</v>
      </c>
      <c r="E15159" s="15">
        <v>45570</v>
      </c>
      <c r="F15159" s="14" t="s">
        <v>28</v>
      </c>
      <c r="G15159" s="16">
        <v>0</v>
      </c>
    </row>
    <row r="15160" spans="1:7" x14ac:dyDescent="0.3">
      <c r="A15160" s="13" t="s">
        <v>111</v>
      </c>
      <c r="B15160" s="14" t="s">
        <v>1</v>
      </c>
      <c r="C15160" s="14" t="s">
        <v>96</v>
      </c>
      <c r="D15160" s="14" t="s">
        <v>112</v>
      </c>
      <c r="E15160" s="15">
        <v>45571</v>
      </c>
      <c r="F15160" s="14" t="s">
        <v>28</v>
      </c>
      <c r="G15160" s="16">
        <v>0</v>
      </c>
    </row>
    <row r="15161" spans="1:7" x14ac:dyDescent="0.3">
      <c r="A15161" s="13" t="s">
        <v>111</v>
      </c>
      <c r="B15161" s="14" t="s">
        <v>1</v>
      </c>
      <c r="C15161" s="14" t="s">
        <v>96</v>
      </c>
      <c r="D15161" s="14" t="s">
        <v>112</v>
      </c>
      <c r="E15161" s="15">
        <v>45572</v>
      </c>
      <c r="F15161" s="14" t="s">
        <v>28</v>
      </c>
      <c r="G15161" s="16">
        <v>0</v>
      </c>
    </row>
    <row r="15162" spans="1:7" x14ac:dyDescent="0.3">
      <c r="A15162" s="13" t="s">
        <v>111</v>
      </c>
      <c r="B15162" s="14" t="s">
        <v>1</v>
      </c>
      <c r="C15162" s="14" t="s">
        <v>96</v>
      </c>
      <c r="D15162" s="14" t="s">
        <v>112</v>
      </c>
      <c r="E15162" s="15">
        <v>45573</v>
      </c>
      <c r="F15162" s="14" t="s">
        <v>28</v>
      </c>
      <c r="G15162" s="16">
        <v>0</v>
      </c>
    </row>
    <row r="15163" spans="1:7" x14ac:dyDescent="0.3">
      <c r="A15163" s="13" t="s">
        <v>111</v>
      </c>
      <c r="B15163" s="14" t="s">
        <v>1</v>
      </c>
      <c r="C15163" s="14" t="s">
        <v>96</v>
      </c>
      <c r="D15163" s="14" t="s">
        <v>112</v>
      </c>
      <c r="E15163" s="15">
        <v>45574</v>
      </c>
      <c r="F15163" s="14" t="s">
        <v>28</v>
      </c>
      <c r="G15163" s="16">
        <v>0</v>
      </c>
    </row>
    <row r="15164" spans="1:7" x14ac:dyDescent="0.3">
      <c r="A15164" s="13" t="s">
        <v>111</v>
      </c>
      <c r="B15164" s="14" t="s">
        <v>1</v>
      </c>
      <c r="C15164" s="14" t="s">
        <v>96</v>
      </c>
      <c r="D15164" s="14" t="s">
        <v>112</v>
      </c>
      <c r="E15164" s="15">
        <v>45575</v>
      </c>
      <c r="F15164" s="14" t="s">
        <v>28</v>
      </c>
      <c r="G15164" s="16">
        <v>0</v>
      </c>
    </row>
    <row r="15165" spans="1:7" x14ac:dyDescent="0.3">
      <c r="A15165" s="13" t="s">
        <v>111</v>
      </c>
      <c r="B15165" s="14" t="s">
        <v>1</v>
      </c>
      <c r="C15165" s="14" t="s">
        <v>96</v>
      </c>
      <c r="D15165" s="14" t="s">
        <v>112</v>
      </c>
      <c r="E15165" s="15">
        <v>45576</v>
      </c>
      <c r="F15165" s="14" t="s">
        <v>28</v>
      </c>
      <c r="G15165" s="16">
        <v>0</v>
      </c>
    </row>
    <row r="15166" spans="1:7" x14ac:dyDescent="0.3">
      <c r="A15166" s="13" t="s">
        <v>111</v>
      </c>
      <c r="B15166" s="14" t="s">
        <v>1</v>
      </c>
      <c r="C15166" s="14" t="s">
        <v>96</v>
      </c>
      <c r="D15166" s="14" t="s">
        <v>112</v>
      </c>
      <c r="E15166" s="15">
        <v>45577</v>
      </c>
      <c r="F15166" s="14" t="s">
        <v>28</v>
      </c>
      <c r="G15166" s="16">
        <v>0</v>
      </c>
    </row>
    <row r="15167" spans="1:7" x14ac:dyDescent="0.3">
      <c r="A15167" s="13" t="s">
        <v>111</v>
      </c>
      <c r="B15167" s="14" t="s">
        <v>1</v>
      </c>
      <c r="C15167" s="14" t="s">
        <v>96</v>
      </c>
      <c r="D15167" s="14" t="s">
        <v>112</v>
      </c>
      <c r="E15167" s="15">
        <v>45578</v>
      </c>
      <c r="F15167" s="14" t="s">
        <v>28</v>
      </c>
      <c r="G15167" s="16">
        <v>0</v>
      </c>
    </row>
    <row r="15168" spans="1:7" x14ac:dyDescent="0.3">
      <c r="A15168" s="13" t="s">
        <v>111</v>
      </c>
      <c r="B15168" s="14" t="s">
        <v>1</v>
      </c>
      <c r="C15168" s="14" t="s">
        <v>96</v>
      </c>
      <c r="D15168" s="14" t="s">
        <v>112</v>
      </c>
      <c r="E15168" s="15">
        <v>45579</v>
      </c>
      <c r="F15168" s="14" t="s">
        <v>28</v>
      </c>
      <c r="G15168" s="16">
        <v>0</v>
      </c>
    </row>
    <row r="15169" spans="1:7" x14ac:dyDescent="0.3">
      <c r="A15169" s="13" t="s">
        <v>111</v>
      </c>
      <c r="B15169" s="14" t="s">
        <v>1</v>
      </c>
      <c r="C15169" s="14" t="s">
        <v>96</v>
      </c>
      <c r="D15169" s="14" t="s">
        <v>112</v>
      </c>
      <c r="E15169" s="15">
        <v>45580</v>
      </c>
      <c r="F15169" s="14" t="s">
        <v>28</v>
      </c>
      <c r="G15169" s="16">
        <v>0</v>
      </c>
    </row>
    <row r="15170" spans="1:7" x14ac:dyDescent="0.3">
      <c r="A15170" s="13" t="s">
        <v>111</v>
      </c>
      <c r="B15170" s="14" t="s">
        <v>1</v>
      </c>
      <c r="C15170" s="14" t="s">
        <v>96</v>
      </c>
      <c r="D15170" s="14" t="s">
        <v>112</v>
      </c>
      <c r="E15170" s="15">
        <v>45581</v>
      </c>
      <c r="F15170" s="14" t="s">
        <v>28</v>
      </c>
      <c r="G15170" s="16">
        <v>0</v>
      </c>
    </row>
    <row r="15171" spans="1:7" x14ac:dyDescent="0.3">
      <c r="A15171" s="13" t="s">
        <v>111</v>
      </c>
      <c r="B15171" s="14" t="s">
        <v>1</v>
      </c>
      <c r="C15171" s="14" t="s">
        <v>96</v>
      </c>
      <c r="D15171" s="14" t="s">
        <v>112</v>
      </c>
      <c r="E15171" s="15">
        <v>45582</v>
      </c>
      <c r="F15171" s="14" t="s">
        <v>28</v>
      </c>
      <c r="G15171" s="16">
        <v>0</v>
      </c>
    </row>
    <row r="15172" spans="1:7" x14ac:dyDescent="0.3">
      <c r="A15172" s="13" t="s">
        <v>111</v>
      </c>
      <c r="B15172" s="14" t="s">
        <v>1</v>
      </c>
      <c r="C15172" s="14" t="s">
        <v>96</v>
      </c>
      <c r="D15172" s="14" t="s">
        <v>112</v>
      </c>
      <c r="E15172" s="15">
        <v>45583</v>
      </c>
      <c r="F15172" s="14" t="s">
        <v>28</v>
      </c>
      <c r="G15172" s="16">
        <v>0</v>
      </c>
    </row>
    <row r="15173" spans="1:7" x14ac:dyDescent="0.3">
      <c r="A15173" s="13" t="s">
        <v>111</v>
      </c>
      <c r="B15173" s="14" t="s">
        <v>1</v>
      </c>
      <c r="C15173" s="14" t="s">
        <v>96</v>
      </c>
      <c r="D15173" s="14" t="s">
        <v>112</v>
      </c>
      <c r="E15173" s="15">
        <v>45584</v>
      </c>
      <c r="F15173" s="14" t="s">
        <v>28</v>
      </c>
      <c r="G15173" s="16">
        <v>0</v>
      </c>
    </row>
    <row r="15174" spans="1:7" x14ac:dyDescent="0.3">
      <c r="A15174" s="13" t="s">
        <v>111</v>
      </c>
      <c r="B15174" s="14" t="s">
        <v>1</v>
      </c>
      <c r="C15174" s="14" t="s">
        <v>96</v>
      </c>
      <c r="D15174" s="14" t="s">
        <v>112</v>
      </c>
      <c r="E15174" s="15">
        <v>45585</v>
      </c>
      <c r="F15174" s="14" t="s">
        <v>28</v>
      </c>
      <c r="G15174" s="16">
        <v>0</v>
      </c>
    </row>
    <row r="15175" spans="1:7" x14ac:dyDescent="0.3">
      <c r="A15175" s="13" t="s">
        <v>111</v>
      </c>
      <c r="B15175" s="14" t="s">
        <v>1</v>
      </c>
      <c r="C15175" s="14" t="s">
        <v>96</v>
      </c>
      <c r="D15175" s="14" t="s">
        <v>112</v>
      </c>
      <c r="E15175" s="15">
        <v>45586</v>
      </c>
      <c r="F15175" s="14" t="s">
        <v>28</v>
      </c>
      <c r="G15175" s="16">
        <v>0</v>
      </c>
    </row>
    <row r="15176" spans="1:7" x14ac:dyDescent="0.3">
      <c r="A15176" s="13" t="s">
        <v>111</v>
      </c>
      <c r="B15176" s="14" t="s">
        <v>1</v>
      </c>
      <c r="C15176" s="14" t="s">
        <v>96</v>
      </c>
      <c r="D15176" s="14" t="s">
        <v>112</v>
      </c>
      <c r="E15176" s="15">
        <v>45587</v>
      </c>
      <c r="F15176" s="14" t="s">
        <v>28</v>
      </c>
      <c r="G15176" s="16">
        <v>0</v>
      </c>
    </row>
    <row r="15177" spans="1:7" x14ac:dyDescent="0.3">
      <c r="A15177" s="13" t="s">
        <v>111</v>
      </c>
      <c r="B15177" s="14" t="s">
        <v>1</v>
      </c>
      <c r="C15177" s="14" t="s">
        <v>96</v>
      </c>
      <c r="D15177" s="14" t="s">
        <v>112</v>
      </c>
      <c r="E15177" s="15">
        <v>45588</v>
      </c>
      <c r="F15177" s="14" t="s">
        <v>28</v>
      </c>
      <c r="G15177" s="16">
        <v>0</v>
      </c>
    </row>
    <row r="15178" spans="1:7" x14ac:dyDescent="0.3">
      <c r="A15178" s="13" t="s">
        <v>111</v>
      </c>
      <c r="B15178" s="14" t="s">
        <v>1</v>
      </c>
      <c r="C15178" s="14" t="s">
        <v>96</v>
      </c>
      <c r="D15178" s="14" t="s">
        <v>112</v>
      </c>
      <c r="E15178" s="15">
        <v>45589</v>
      </c>
      <c r="F15178" s="14" t="s">
        <v>28</v>
      </c>
      <c r="G15178" s="16">
        <v>0</v>
      </c>
    </row>
    <row r="15179" spans="1:7" x14ac:dyDescent="0.3">
      <c r="A15179" s="13" t="s">
        <v>111</v>
      </c>
      <c r="B15179" s="14" t="s">
        <v>1</v>
      </c>
      <c r="C15179" s="14" t="s">
        <v>96</v>
      </c>
      <c r="D15179" s="14" t="s">
        <v>112</v>
      </c>
      <c r="E15179" s="15">
        <v>45590</v>
      </c>
      <c r="F15179" s="14" t="s">
        <v>28</v>
      </c>
      <c r="G15179" s="16">
        <v>0</v>
      </c>
    </row>
    <row r="15180" spans="1:7" x14ac:dyDescent="0.3">
      <c r="A15180" s="13" t="s">
        <v>111</v>
      </c>
      <c r="B15180" s="14" t="s">
        <v>1</v>
      </c>
      <c r="C15180" s="14" t="s">
        <v>96</v>
      </c>
      <c r="D15180" s="14" t="s">
        <v>112</v>
      </c>
      <c r="E15180" s="15">
        <v>45591</v>
      </c>
      <c r="F15180" s="14" t="s">
        <v>28</v>
      </c>
      <c r="G15180" s="16">
        <v>0</v>
      </c>
    </row>
    <row r="15181" spans="1:7" x14ac:dyDescent="0.3">
      <c r="A15181" s="13" t="s">
        <v>111</v>
      </c>
      <c r="B15181" s="14" t="s">
        <v>1</v>
      </c>
      <c r="C15181" s="14" t="s">
        <v>96</v>
      </c>
      <c r="D15181" s="14" t="s">
        <v>112</v>
      </c>
      <c r="E15181" s="15">
        <v>45592</v>
      </c>
      <c r="F15181" s="14" t="s">
        <v>28</v>
      </c>
      <c r="G15181" s="16">
        <v>0</v>
      </c>
    </row>
    <row r="15182" spans="1:7" x14ac:dyDescent="0.3">
      <c r="A15182" s="13" t="s">
        <v>111</v>
      </c>
      <c r="B15182" s="14" t="s">
        <v>1</v>
      </c>
      <c r="C15182" s="14" t="s">
        <v>96</v>
      </c>
      <c r="D15182" s="14" t="s">
        <v>112</v>
      </c>
      <c r="E15182" s="15">
        <v>45593</v>
      </c>
      <c r="F15182" s="14" t="s">
        <v>28</v>
      </c>
      <c r="G15182" s="16">
        <v>0</v>
      </c>
    </row>
    <row r="15183" spans="1:7" x14ac:dyDescent="0.3">
      <c r="A15183" s="13" t="s">
        <v>111</v>
      </c>
      <c r="B15183" s="14" t="s">
        <v>1</v>
      </c>
      <c r="C15183" s="14" t="s">
        <v>96</v>
      </c>
      <c r="D15183" s="14" t="s">
        <v>112</v>
      </c>
      <c r="E15183" s="15">
        <v>45594</v>
      </c>
      <c r="F15183" s="14" t="s">
        <v>28</v>
      </c>
      <c r="G15183" s="16">
        <v>0</v>
      </c>
    </row>
    <row r="15184" spans="1:7" x14ac:dyDescent="0.3">
      <c r="A15184" s="13" t="s">
        <v>111</v>
      </c>
      <c r="B15184" s="14" t="s">
        <v>1</v>
      </c>
      <c r="C15184" s="14" t="s">
        <v>96</v>
      </c>
      <c r="D15184" s="14" t="s">
        <v>112</v>
      </c>
      <c r="E15184" s="15">
        <v>45595</v>
      </c>
      <c r="F15184" s="14" t="s">
        <v>28</v>
      </c>
      <c r="G15184" s="16">
        <v>0</v>
      </c>
    </row>
    <row r="15185" spans="1:7" x14ac:dyDescent="0.3">
      <c r="A15185" s="13" t="s">
        <v>111</v>
      </c>
      <c r="B15185" s="14" t="s">
        <v>1</v>
      </c>
      <c r="C15185" s="14" t="s">
        <v>96</v>
      </c>
      <c r="D15185" s="14" t="s">
        <v>112</v>
      </c>
      <c r="E15185" s="15">
        <v>45596</v>
      </c>
      <c r="F15185" s="14" t="s">
        <v>28</v>
      </c>
      <c r="G15185" s="16">
        <v>0</v>
      </c>
    </row>
    <row r="15186" spans="1:7" x14ac:dyDescent="0.3">
      <c r="A15186" s="13" t="s">
        <v>111</v>
      </c>
      <c r="B15186" s="14" t="s">
        <v>1</v>
      </c>
      <c r="C15186" s="14" t="s">
        <v>96</v>
      </c>
      <c r="D15186" s="14" t="s">
        <v>112</v>
      </c>
      <c r="E15186" s="15">
        <v>45597</v>
      </c>
      <c r="F15186" s="14" t="s">
        <v>28</v>
      </c>
      <c r="G15186" s="16">
        <v>0</v>
      </c>
    </row>
    <row r="15187" spans="1:7" x14ac:dyDescent="0.3">
      <c r="A15187" s="13" t="s">
        <v>111</v>
      </c>
      <c r="B15187" s="14" t="s">
        <v>1</v>
      </c>
      <c r="C15187" s="14" t="s">
        <v>96</v>
      </c>
      <c r="D15187" s="14" t="s">
        <v>112</v>
      </c>
      <c r="E15187" s="15">
        <v>45598</v>
      </c>
      <c r="F15187" s="14" t="s">
        <v>28</v>
      </c>
      <c r="G15187" s="16">
        <v>0</v>
      </c>
    </row>
    <row r="15188" spans="1:7" x14ac:dyDescent="0.3">
      <c r="A15188" s="13" t="s">
        <v>111</v>
      </c>
      <c r="B15188" s="14" t="s">
        <v>1</v>
      </c>
      <c r="C15188" s="14" t="s">
        <v>96</v>
      </c>
      <c r="D15188" s="14" t="s">
        <v>112</v>
      </c>
      <c r="E15188" s="15">
        <v>45599</v>
      </c>
      <c r="F15188" s="14" t="s">
        <v>28</v>
      </c>
      <c r="G15188" s="16">
        <v>0</v>
      </c>
    </row>
    <row r="15189" spans="1:7" x14ac:dyDescent="0.3">
      <c r="A15189" s="13" t="s">
        <v>111</v>
      </c>
      <c r="B15189" s="14" t="s">
        <v>1</v>
      </c>
      <c r="C15189" s="14" t="s">
        <v>96</v>
      </c>
      <c r="D15189" s="14" t="s">
        <v>112</v>
      </c>
      <c r="E15189" s="15">
        <v>45600</v>
      </c>
      <c r="F15189" s="14" t="s">
        <v>28</v>
      </c>
      <c r="G15189" s="16">
        <v>0</v>
      </c>
    </row>
    <row r="15190" spans="1:7" x14ac:dyDescent="0.3">
      <c r="A15190" s="13" t="s">
        <v>111</v>
      </c>
      <c r="B15190" s="14" t="s">
        <v>1</v>
      </c>
      <c r="C15190" s="14" t="s">
        <v>96</v>
      </c>
      <c r="D15190" s="14" t="s">
        <v>112</v>
      </c>
      <c r="E15190" s="15">
        <v>45601</v>
      </c>
      <c r="F15190" s="14" t="s">
        <v>28</v>
      </c>
      <c r="G15190" s="16">
        <v>0</v>
      </c>
    </row>
    <row r="15191" spans="1:7" x14ac:dyDescent="0.3">
      <c r="A15191" s="13" t="s">
        <v>111</v>
      </c>
      <c r="B15191" s="14" t="s">
        <v>1</v>
      </c>
      <c r="C15191" s="14" t="s">
        <v>96</v>
      </c>
      <c r="D15191" s="14" t="s">
        <v>112</v>
      </c>
      <c r="E15191" s="15">
        <v>45602</v>
      </c>
      <c r="F15191" s="14" t="s">
        <v>28</v>
      </c>
      <c r="G15191" s="16">
        <v>0</v>
      </c>
    </row>
    <row r="15192" spans="1:7" x14ac:dyDescent="0.3">
      <c r="A15192" s="13" t="s">
        <v>111</v>
      </c>
      <c r="B15192" s="14" t="s">
        <v>1</v>
      </c>
      <c r="C15192" s="14" t="s">
        <v>96</v>
      </c>
      <c r="D15192" s="14" t="s">
        <v>112</v>
      </c>
      <c r="E15192" s="15">
        <v>45603</v>
      </c>
      <c r="F15192" s="14" t="s">
        <v>28</v>
      </c>
      <c r="G15192" s="16">
        <v>0</v>
      </c>
    </row>
    <row r="15193" spans="1:7" x14ac:dyDescent="0.3">
      <c r="A15193" s="13" t="s">
        <v>111</v>
      </c>
      <c r="B15193" s="14" t="s">
        <v>1</v>
      </c>
      <c r="C15193" s="14" t="s">
        <v>96</v>
      </c>
      <c r="D15193" s="14" t="s">
        <v>112</v>
      </c>
      <c r="E15193" s="15">
        <v>45604</v>
      </c>
      <c r="F15193" s="14" t="s">
        <v>28</v>
      </c>
      <c r="G15193" s="16">
        <v>0</v>
      </c>
    </row>
    <row r="15194" spans="1:7" x14ac:dyDescent="0.3">
      <c r="A15194" s="13" t="s">
        <v>111</v>
      </c>
      <c r="B15194" s="14" t="s">
        <v>1</v>
      </c>
      <c r="C15194" s="14" t="s">
        <v>96</v>
      </c>
      <c r="D15194" s="14" t="s">
        <v>112</v>
      </c>
      <c r="E15194" s="15">
        <v>45605</v>
      </c>
      <c r="F15194" s="14" t="s">
        <v>28</v>
      </c>
      <c r="G15194" s="16">
        <v>0</v>
      </c>
    </row>
    <row r="15195" spans="1:7" x14ac:dyDescent="0.3">
      <c r="A15195" s="13" t="s">
        <v>111</v>
      </c>
      <c r="B15195" s="14" t="s">
        <v>1</v>
      </c>
      <c r="C15195" s="14" t="s">
        <v>96</v>
      </c>
      <c r="D15195" s="14" t="s">
        <v>112</v>
      </c>
      <c r="E15195" s="15">
        <v>45606</v>
      </c>
      <c r="F15195" s="14" t="s">
        <v>28</v>
      </c>
      <c r="G15195" s="16">
        <v>0</v>
      </c>
    </row>
    <row r="15196" spans="1:7" x14ac:dyDescent="0.3">
      <c r="A15196" s="13" t="s">
        <v>111</v>
      </c>
      <c r="B15196" s="14" t="s">
        <v>1</v>
      </c>
      <c r="C15196" s="14" t="s">
        <v>96</v>
      </c>
      <c r="D15196" s="14" t="s">
        <v>112</v>
      </c>
      <c r="E15196" s="15">
        <v>45607</v>
      </c>
      <c r="F15196" s="14" t="s">
        <v>28</v>
      </c>
      <c r="G15196" s="16">
        <v>0</v>
      </c>
    </row>
    <row r="15197" spans="1:7" x14ac:dyDescent="0.3">
      <c r="A15197" s="13" t="s">
        <v>111</v>
      </c>
      <c r="B15197" s="14" t="s">
        <v>1</v>
      </c>
      <c r="C15197" s="14" t="s">
        <v>96</v>
      </c>
      <c r="D15197" s="14" t="s">
        <v>112</v>
      </c>
      <c r="E15197" s="15">
        <v>45608</v>
      </c>
      <c r="F15197" s="14" t="s">
        <v>28</v>
      </c>
      <c r="G15197" s="16">
        <v>0</v>
      </c>
    </row>
    <row r="15198" spans="1:7" x14ac:dyDescent="0.3">
      <c r="A15198" s="13" t="s">
        <v>111</v>
      </c>
      <c r="B15198" s="14" t="s">
        <v>1</v>
      </c>
      <c r="C15198" s="14" t="s">
        <v>96</v>
      </c>
      <c r="D15198" s="14" t="s">
        <v>112</v>
      </c>
      <c r="E15198" s="15">
        <v>45609</v>
      </c>
      <c r="F15198" s="14" t="s">
        <v>28</v>
      </c>
      <c r="G15198" s="16">
        <v>0</v>
      </c>
    </row>
    <row r="15199" spans="1:7" x14ac:dyDescent="0.3">
      <c r="A15199" s="13" t="s">
        <v>111</v>
      </c>
      <c r="B15199" s="14" t="s">
        <v>1</v>
      </c>
      <c r="C15199" s="14" t="s">
        <v>96</v>
      </c>
      <c r="D15199" s="14" t="s">
        <v>112</v>
      </c>
      <c r="E15199" s="15">
        <v>45610</v>
      </c>
      <c r="F15199" s="14" t="s">
        <v>28</v>
      </c>
      <c r="G15199" s="16">
        <v>0</v>
      </c>
    </row>
    <row r="15200" spans="1:7" x14ac:dyDescent="0.3">
      <c r="A15200" s="13" t="s">
        <v>111</v>
      </c>
      <c r="B15200" s="14" t="s">
        <v>1</v>
      </c>
      <c r="C15200" s="14" t="s">
        <v>96</v>
      </c>
      <c r="D15200" s="14" t="s">
        <v>112</v>
      </c>
      <c r="E15200" s="15">
        <v>45611</v>
      </c>
      <c r="F15200" s="14" t="s">
        <v>28</v>
      </c>
      <c r="G15200" s="16">
        <v>0</v>
      </c>
    </row>
    <row r="15201" spans="1:7" x14ac:dyDescent="0.3">
      <c r="A15201" s="13" t="s">
        <v>111</v>
      </c>
      <c r="B15201" s="14" t="s">
        <v>1</v>
      </c>
      <c r="C15201" s="14" t="s">
        <v>96</v>
      </c>
      <c r="D15201" s="14" t="s">
        <v>112</v>
      </c>
      <c r="E15201" s="15">
        <v>45612</v>
      </c>
      <c r="F15201" s="14" t="s">
        <v>28</v>
      </c>
      <c r="G15201" s="16">
        <v>0</v>
      </c>
    </row>
    <row r="15202" spans="1:7" x14ac:dyDescent="0.3">
      <c r="A15202" s="13" t="s">
        <v>111</v>
      </c>
      <c r="B15202" s="14" t="s">
        <v>1</v>
      </c>
      <c r="C15202" s="14" t="s">
        <v>96</v>
      </c>
      <c r="D15202" s="14" t="s">
        <v>112</v>
      </c>
      <c r="E15202" s="15">
        <v>45613</v>
      </c>
      <c r="F15202" s="14" t="s">
        <v>28</v>
      </c>
      <c r="G15202" s="16">
        <v>0</v>
      </c>
    </row>
    <row r="15203" spans="1:7" x14ac:dyDescent="0.3">
      <c r="A15203" s="13" t="s">
        <v>111</v>
      </c>
      <c r="B15203" s="14" t="s">
        <v>1</v>
      </c>
      <c r="C15203" s="14" t="s">
        <v>96</v>
      </c>
      <c r="D15203" s="14" t="s">
        <v>112</v>
      </c>
      <c r="E15203" s="15">
        <v>45614</v>
      </c>
      <c r="F15203" s="14" t="s">
        <v>28</v>
      </c>
      <c r="G15203" s="16">
        <v>0</v>
      </c>
    </row>
    <row r="15204" spans="1:7" x14ac:dyDescent="0.3">
      <c r="A15204" s="13" t="s">
        <v>111</v>
      </c>
      <c r="B15204" s="14" t="s">
        <v>1</v>
      </c>
      <c r="C15204" s="14" t="s">
        <v>96</v>
      </c>
      <c r="D15204" s="14" t="s">
        <v>112</v>
      </c>
      <c r="E15204" s="15">
        <v>45615</v>
      </c>
      <c r="F15204" s="14" t="s">
        <v>28</v>
      </c>
      <c r="G15204" s="16">
        <v>0</v>
      </c>
    </row>
    <row r="15205" spans="1:7" x14ac:dyDescent="0.3">
      <c r="A15205" s="13" t="s">
        <v>111</v>
      </c>
      <c r="B15205" s="14" t="s">
        <v>1</v>
      </c>
      <c r="C15205" s="14" t="s">
        <v>96</v>
      </c>
      <c r="D15205" s="14" t="s">
        <v>112</v>
      </c>
      <c r="E15205" s="15">
        <v>45616</v>
      </c>
      <c r="F15205" s="14" t="s">
        <v>28</v>
      </c>
      <c r="G15205" s="16">
        <v>0</v>
      </c>
    </row>
    <row r="15206" spans="1:7" x14ac:dyDescent="0.3">
      <c r="A15206" s="13" t="s">
        <v>111</v>
      </c>
      <c r="B15206" s="14" t="s">
        <v>1</v>
      </c>
      <c r="C15206" s="14" t="s">
        <v>96</v>
      </c>
      <c r="D15206" s="14" t="s">
        <v>112</v>
      </c>
      <c r="E15206" s="15">
        <v>45617</v>
      </c>
      <c r="F15206" s="14" t="s">
        <v>28</v>
      </c>
      <c r="G15206" s="16">
        <v>0</v>
      </c>
    </row>
    <row r="15207" spans="1:7" x14ac:dyDescent="0.3">
      <c r="A15207" s="13" t="s">
        <v>111</v>
      </c>
      <c r="B15207" s="14" t="s">
        <v>1</v>
      </c>
      <c r="C15207" s="14" t="s">
        <v>96</v>
      </c>
      <c r="D15207" s="14" t="s">
        <v>112</v>
      </c>
      <c r="E15207" s="15">
        <v>45618</v>
      </c>
      <c r="F15207" s="14" t="s">
        <v>28</v>
      </c>
      <c r="G15207" s="16">
        <v>0</v>
      </c>
    </row>
    <row r="15208" spans="1:7" x14ac:dyDescent="0.3">
      <c r="A15208" s="13" t="s">
        <v>111</v>
      </c>
      <c r="B15208" s="14" t="s">
        <v>1</v>
      </c>
      <c r="C15208" s="14" t="s">
        <v>96</v>
      </c>
      <c r="D15208" s="14" t="s">
        <v>112</v>
      </c>
      <c r="E15208" s="15">
        <v>45619</v>
      </c>
      <c r="F15208" s="14" t="s">
        <v>28</v>
      </c>
      <c r="G15208" s="16">
        <v>0</v>
      </c>
    </row>
    <row r="15209" spans="1:7" x14ac:dyDescent="0.3">
      <c r="A15209" s="13" t="s">
        <v>111</v>
      </c>
      <c r="B15209" s="14" t="s">
        <v>1</v>
      </c>
      <c r="C15209" s="14" t="s">
        <v>96</v>
      </c>
      <c r="D15209" s="14" t="s">
        <v>112</v>
      </c>
      <c r="E15209" s="15">
        <v>45620</v>
      </c>
      <c r="F15209" s="14" t="s">
        <v>28</v>
      </c>
      <c r="G15209" s="16">
        <v>0</v>
      </c>
    </row>
    <row r="15210" spans="1:7" x14ac:dyDescent="0.3">
      <c r="A15210" s="13" t="s">
        <v>111</v>
      </c>
      <c r="B15210" s="14" t="s">
        <v>1</v>
      </c>
      <c r="C15210" s="14" t="s">
        <v>96</v>
      </c>
      <c r="D15210" s="14" t="s">
        <v>112</v>
      </c>
      <c r="E15210" s="15">
        <v>45621</v>
      </c>
      <c r="F15210" s="14" t="s">
        <v>28</v>
      </c>
      <c r="G15210" s="16">
        <v>0</v>
      </c>
    </row>
    <row r="15211" spans="1:7" x14ac:dyDescent="0.3">
      <c r="A15211" s="13" t="s">
        <v>111</v>
      </c>
      <c r="B15211" s="14" t="s">
        <v>1</v>
      </c>
      <c r="C15211" s="14" t="s">
        <v>96</v>
      </c>
      <c r="D15211" s="14" t="s">
        <v>112</v>
      </c>
      <c r="E15211" s="15">
        <v>45622</v>
      </c>
      <c r="F15211" s="14" t="s">
        <v>28</v>
      </c>
      <c r="G15211" s="16">
        <v>0</v>
      </c>
    </row>
    <row r="15212" spans="1:7" x14ac:dyDescent="0.3">
      <c r="A15212" s="13" t="s">
        <v>111</v>
      </c>
      <c r="B15212" s="14" t="s">
        <v>1</v>
      </c>
      <c r="C15212" s="14" t="s">
        <v>96</v>
      </c>
      <c r="D15212" s="14" t="s">
        <v>112</v>
      </c>
      <c r="E15212" s="15">
        <v>45623</v>
      </c>
      <c r="F15212" s="14" t="s">
        <v>28</v>
      </c>
      <c r="G15212" s="16">
        <v>0</v>
      </c>
    </row>
    <row r="15213" spans="1:7" x14ac:dyDescent="0.3">
      <c r="A15213" s="13" t="s">
        <v>111</v>
      </c>
      <c r="B15213" s="14" t="s">
        <v>1</v>
      </c>
      <c r="C15213" s="14" t="s">
        <v>96</v>
      </c>
      <c r="D15213" s="14" t="s">
        <v>112</v>
      </c>
      <c r="E15213" s="15">
        <v>45624</v>
      </c>
      <c r="F15213" s="14" t="s">
        <v>28</v>
      </c>
      <c r="G15213" s="16">
        <v>0</v>
      </c>
    </row>
    <row r="15214" spans="1:7" x14ac:dyDescent="0.3">
      <c r="A15214" s="13" t="s">
        <v>111</v>
      </c>
      <c r="B15214" s="14" t="s">
        <v>1</v>
      </c>
      <c r="C15214" s="14" t="s">
        <v>96</v>
      </c>
      <c r="D15214" s="14" t="s">
        <v>112</v>
      </c>
      <c r="E15214" s="15">
        <v>45625</v>
      </c>
      <c r="F15214" s="14" t="s">
        <v>28</v>
      </c>
      <c r="G15214" s="16">
        <v>0</v>
      </c>
    </row>
    <row r="15215" spans="1:7" x14ac:dyDescent="0.3">
      <c r="A15215" s="13" t="s">
        <v>111</v>
      </c>
      <c r="B15215" s="14" t="s">
        <v>1</v>
      </c>
      <c r="C15215" s="14" t="s">
        <v>96</v>
      </c>
      <c r="D15215" s="14" t="s">
        <v>112</v>
      </c>
      <c r="E15215" s="15">
        <v>45626</v>
      </c>
      <c r="F15215" s="14" t="s">
        <v>28</v>
      </c>
      <c r="G15215" s="16">
        <v>0</v>
      </c>
    </row>
    <row r="15216" spans="1:7" x14ac:dyDescent="0.3">
      <c r="A15216" s="13" t="s">
        <v>111</v>
      </c>
      <c r="B15216" s="14" t="s">
        <v>1</v>
      </c>
      <c r="C15216" s="14" t="s">
        <v>96</v>
      </c>
      <c r="D15216" s="14" t="s">
        <v>112</v>
      </c>
      <c r="E15216" s="15">
        <v>45627</v>
      </c>
      <c r="F15216" s="14" t="s">
        <v>28</v>
      </c>
      <c r="G15216" s="16">
        <v>0</v>
      </c>
    </row>
    <row r="15217" spans="1:7" x14ac:dyDescent="0.3">
      <c r="A15217" s="13" t="s">
        <v>111</v>
      </c>
      <c r="B15217" s="14" t="s">
        <v>1</v>
      </c>
      <c r="C15217" s="14" t="s">
        <v>96</v>
      </c>
      <c r="D15217" s="14" t="s">
        <v>112</v>
      </c>
      <c r="E15217" s="15">
        <v>45628</v>
      </c>
      <c r="F15217" s="14" t="s">
        <v>28</v>
      </c>
      <c r="G15217" s="16">
        <v>0</v>
      </c>
    </row>
    <row r="15218" spans="1:7" x14ac:dyDescent="0.3">
      <c r="A15218" s="13" t="s">
        <v>111</v>
      </c>
      <c r="B15218" s="14" t="s">
        <v>1</v>
      </c>
      <c r="C15218" s="14" t="s">
        <v>96</v>
      </c>
      <c r="D15218" s="14" t="s">
        <v>112</v>
      </c>
      <c r="E15218" s="15">
        <v>45629</v>
      </c>
      <c r="F15218" s="14" t="s">
        <v>28</v>
      </c>
      <c r="G15218" s="16">
        <v>0</v>
      </c>
    </row>
    <row r="15219" spans="1:7" x14ac:dyDescent="0.3">
      <c r="A15219" s="13" t="s">
        <v>111</v>
      </c>
      <c r="B15219" s="14" t="s">
        <v>1</v>
      </c>
      <c r="C15219" s="14" t="s">
        <v>96</v>
      </c>
      <c r="D15219" s="14" t="s">
        <v>112</v>
      </c>
      <c r="E15219" s="15">
        <v>45630</v>
      </c>
      <c r="F15219" s="14" t="s">
        <v>28</v>
      </c>
      <c r="G15219" s="16">
        <v>0</v>
      </c>
    </row>
    <row r="15220" spans="1:7" x14ac:dyDescent="0.3">
      <c r="A15220" s="13" t="s">
        <v>111</v>
      </c>
      <c r="B15220" s="14" t="s">
        <v>1</v>
      </c>
      <c r="C15220" s="14" t="s">
        <v>96</v>
      </c>
      <c r="D15220" s="14" t="s">
        <v>112</v>
      </c>
      <c r="E15220" s="15">
        <v>45631</v>
      </c>
      <c r="F15220" s="14" t="s">
        <v>28</v>
      </c>
      <c r="G15220" s="16">
        <v>0</v>
      </c>
    </row>
    <row r="15221" spans="1:7" x14ac:dyDescent="0.3">
      <c r="A15221" s="13" t="s">
        <v>111</v>
      </c>
      <c r="B15221" s="14" t="s">
        <v>1</v>
      </c>
      <c r="C15221" s="14" t="s">
        <v>96</v>
      </c>
      <c r="D15221" s="14" t="s">
        <v>112</v>
      </c>
      <c r="E15221" s="15">
        <v>45632</v>
      </c>
      <c r="F15221" s="14" t="s">
        <v>28</v>
      </c>
      <c r="G15221" s="16">
        <v>0</v>
      </c>
    </row>
    <row r="15222" spans="1:7" x14ac:dyDescent="0.3">
      <c r="A15222" s="13" t="s">
        <v>111</v>
      </c>
      <c r="B15222" s="14" t="s">
        <v>1</v>
      </c>
      <c r="C15222" s="14" t="s">
        <v>96</v>
      </c>
      <c r="D15222" s="14" t="s">
        <v>112</v>
      </c>
      <c r="E15222" s="15">
        <v>45633</v>
      </c>
      <c r="F15222" s="14" t="s">
        <v>28</v>
      </c>
      <c r="G15222" s="16">
        <v>0</v>
      </c>
    </row>
    <row r="15223" spans="1:7" x14ac:dyDescent="0.3">
      <c r="A15223" s="13" t="s">
        <v>111</v>
      </c>
      <c r="B15223" s="14" t="s">
        <v>1</v>
      </c>
      <c r="C15223" s="14" t="s">
        <v>96</v>
      </c>
      <c r="D15223" s="14" t="s">
        <v>112</v>
      </c>
      <c r="E15223" s="15">
        <v>45634</v>
      </c>
      <c r="F15223" s="14" t="s">
        <v>28</v>
      </c>
      <c r="G15223" s="16">
        <v>0</v>
      </c>
    </row>
    <row r="15224" spans="1:7" x14ac:dyDescent="0.3">
      <c r="A15224" s="13" t="s">
        <v>111</v>
      </c>
      <c r="B15224" s="14" t="s">
        <v>1</v>
      </c>
      <c r="C15224" s="14" t="s">
        <v>96</v>
      </c>
      <c r="D15224" s="14" t="s">
        <v>112</v>
      </c>
      <c r="E15224" s="15">
        <v>45635</v>
      </c>
      <c r="F15224" s="14" t="s">
        <v>28</v>
      </c>
      <c r="G15224" s="16">
        <v>0</v>
      </c>
    </row>
    <row r="15225" spans="1:7" x14ac:dyDescent="0.3">
      <c r="A15225" s="13" t="s">
        <v>111</v>
      </c>
      <c r="B15225" s="14" t="s">
        <v>1</v>
      </c>
      <c r="C15225" s="14" t="s">
        <v>96</v>
      </c>
      <c r="D15225" s="14" t="s">
        <v>112</v>
      </c>
      <c r="E15225" s="15">
        <v>45636</v>
      </c>
      <c r="F15225" s="14" t="s">
        <v>28</v>
      </c>
      <c r="G15225" s="16">
        <v>0</v>
      </c>
    </row>
    <row r="15226" spans="1:7" x14ac:dyDescent="0.3">
      <c r="A15226" s="13" t="s">
        <v>111</v>
      </c>
      <c r="B15226" s="14" t="s">
        <v>1</v>
      </c>
      <c r="C15226" s="14" t="s">
        <v>96</v>
      </c>
      <c r="D15226" s="14" t="s">
        <v>112</v>
      </c>
      <c r="E15226" s="15">
        <v>45637</v>
      </c>
      <c r="F15226" s="14" t="s">
        <v>28</v>
      </c>
      <c r="G15226" s="16">
        <v>0</v>
      </c>
    </row>
    <row r="15227" spans="1:7" x14ac:dyDescent="0.3">
      <c r="A15227" s="13" t="s">
        <v>111</v>
      </c>
      <c r="B15227" s="14" t="s">
        <v>1</v>
      </c>
      <c r="C15227" s="14" t="s">
        <v>96</v>
      </c>
      <c r="D15227" s="14" t="s">
        <v>112</v>
      </c>
      <c r="E15227" s="15">
        <v>45638</v>
      </c>
      <c r="F15227" s="14" t="s">
        <v>28</v>
      </c>
      <c r="G15227" s="16">
        <v>0</v>
      </c>
    </row>
    <row r="15228" spans="1:7" x14ac:dyDescent="0.3">
      <c r="A15228" s="13" t="s">
        <v>111</v>
      </c>
      <c r="B15228" s="14" t="s">
        <v>1</v>
      </c>
      <c r="C15228" s="14" t="s">
        <v>96</v>
      </c>
      <c r="D15228" s="14" t="s">
        <v>112</v>
      </c>
      <c r="E15228" s="15">
        <v>45639</v>
      </c>
      <c r="F15228" s="14" t="s">
        <v>28</v>
      </c>
      <c r="G15228" s="16">
        <v>0</v>
      </c>
    </row>
    <row r="15229" spans="1:7" x14ac:dyDescent="0.3">
      <c r="A15229" s="13" t="s">
        <v>111</v>
      </c>
      <c r="B15229" s="14" t="s">
        <v>1</v>
      </c>
      <c r="C15229" s="14" t="s">
        <v>96</v>
      </c>
      <c r="D15229" s="14" t="s">
        <v>112</v>
      </c>
      <c r="E15229" s="15">
        <v>45640</v>
      </c>
      <c r="F15229" s="14" t="s">
        <v>28</v>
      </c>
      <c r="G15229" s="16">
        <v>0</v>
      </c>
    </row>
    <row r="15230" spans="1:7" x14ac:dyDescent="0.3">
      <c r="A15230" s="13" t="s">
        <v>111</v>
      </c>
      <c r="B15230" s="14" t="s">
        <v>1</v>
      </c>
      <c r="C15230" s="14" t="s">
        <v>96</v>
      </c>
      <c r="D15230" s="14" t="s">
        <v>112</v>
      </c>
      <c r="E15230" s="15">
        <v>45641</v>
      </c>
      <c r="F15230" s="14" t="s">
        <v>28</v>
      </c>
      <c r="G15230" s="16">
        <v>0</v>
      </c>
    </row>
    <row r="15231" spans="1:7" x14ac:dyDescent="0.3">
      <c r="A15231" s="13" t="s">
        <v>111</v>
      </c>
      <c r="B15231" s="14" t="s">
        <v>1</v>
      </c>
      <c r="C15231" s="14" t="s">
        <v>96</v>
      </c>
      <c r="D15231" s="14" t="s">
        <v>112</v>
      </c>
      <c r="E15231" s="15">
        <v>45642</v>
      </c>
      <c r="F15231" s="14" t="s">
        <v>28</v>
      </c>
      <c r="G15231" s="16">
        <v>0</v>
      </c>
    </row>
    <row r="15232" spans="1:7" x14ac:dyDescent="0.3">
      <c r="A15232" s="13" t="s">
        <v>111</v>
      </c>
      <c r="B15232" s="14" t="s">
        <v>1</v>
      </c>
      <c r="C15232" s="14" t="s">
        <v>96</v>
      </c>
      <c r="D15232" s="14" t="s">
        <v>112</v>
      </c>
      <c r="E15232" s="15">
        <v>45643</v>
      </c>
      <c r="F15232" s="14" t="s">
        <v>28</v>
      </c>
      <c r="G15232" s="16">
        <v>0</v>
      </c>
    </row>
    <row r="15233" spans="1:7" x14ac:dyDescent="0.3">
      <c r="A15233" s="13" t="s">
        <v>111</v>
      </c>
      <c r="B15233" s="14" t="s">
        <v>1</v>
      </c>
      <c r="C15233" s="14" t="s">
        <v>96</v>
      </c>
      <c r="D15233" s="14" t="s">
        <v>112</v>
      </c>
      <c r="E15233" s="15">
        <v>45644</v>
      </c>
      <c r="F15233" s="14" t="s">
        <v>28</v>
      </c>
      <c r="G15233" s="16">
        <v>0</v>
      </c>
    </row>
    <row r="15234" spans="1:7" x14ac:dyDescent="0.3">
      <c r="A15234" s="13" t="s">
        <v>111</v>
      </c>
      <c r="B15234" s="14" t="s">
        <v>1</v>
      </c>
      <c r="C15234" s="14" t="s">
        <v>96</v>
      </c>
      <c r="D15234" s="14" t="s">
        <v>112</v>
      </c>
      <c r="E15234" s="15">
        <v>45645</v>
      </c>
      <c r="F15234" s="14" t="s">
        <v>28</v>
      </c>
      <c r="G15234" s="16">
        <v>0</v>
      </c>
    </row>
    <row r="15235" spans="1:7" x14ac:dyDescent="0.3">
      <c r="A15235" s="13" t="s">
        <v>111</v>
      </c>
      <c r="B15235" s="14" t="s">
        <v>1</v>
      </c>
      <c r="C15235" s="14" t="s">
        <v>96</v>
      </c>
      <c r="D15235" s="14" t="s">
        <v>112</v>
      </c>
      <c r="E15235" s="15">
        <v>45646</v>
      </c>
      <c r="F15235" s="14" t="s">
        <v>28</v>
      </c>
      <c r="G15235" s="16">
        <v>0</v>
      </c>
    </row>
    <row r="15236" spans="1:7" x14ac:dyDescent="0.3">
      <c r="A15236" s="13" t="s">
        <v>111</v>
      </c>
      <c r="B15236" s="14" t="s">
        <v>1</v>
      </c>
      <c r="C15236" s="14" t="s">
        <v>96</v>
      </c>
      <c r="D15236" s="14" t="s">
        <v>112</v>
      </c>
      <c r="E15236" s="15">
        <v>45647</v>
      </c>
      <c r="F15236" s="14" t="s">
        <v>28</v>
      </c>
      <c r="G15236" s="16">
        <v>0</v>
      </c>
    </row>
    <row r="15237" spans="1:7" x14ac:dyDescent="0.3">
      <c r="A15237" s="13" t="s">
        <v>111</v>
      </c>
      <c r="B15237" s="14" t="s">
        <v>1</v>
      </c>
      <c r="C15237" s="14" t="s">
        <v>96</v>
      </c>
      <c r="D15237" s="14" t="s">
        <v>112</v>
      </c>
      <c r="E15237" s="15">
        <v>45648</v>
      </c>
      <c r="F15237" s="14" t="s">
        <v>28</v>
      </c>
      <c r="G15237" s="16">
        <v>0</v>
      </c>
    </row>
    <row r="15238" spans="1:7" x14ac:dyDescent="0.3">
      <c r="A15238" s="13" t="s">
        <v>111</v>
      </c>
      <c r="B15238" s="14" t="s">
        <v>1</v>
      </c>
      <c r="C15238" s="14" t="s">
        <v>96</v>
      </c>
      <c r="D15238" s="14" t="s">
        <v>112</v>
      </c>
      <c r="E15238" s="15">
        <v>45649</v>
      </c>
      <c r="F15238" s="14" t="s">
        <v>28</v>
      </c>
      <c r="G15238" s="16">
        <v>0</v>
      </c>
    </row>
    <row r="15239" spans="1:7" x14ac:dyDescent="0.3">
      <c r="A15239" s="13" t="s">
        <v>111</v>
      </c>
      <c r="B15239" s="14" t="s">
        <v>1</v>
      </c>
      <c r="C15239" s="14" t="s">
        <v>96</v>
      </c>
      <c r="D15239" s="14" t="s">
        <v>112</v>
      </c>
      <c r="E15239" s="15">
        <v>45650</v>
      </c>
      <c r="F15239" s="14" t="s">
        <v>28</v>
      </c>
      <c r="G15239" s="16">
        <v>0</v>
      </c>
    </row>
    <row r="15240" spans="1:7" x14ac:dyDescent="0.3">
      <c r="A15240" s="13" t="s">
        <v>111</v>
      </c>
      <c r="B15240" s="14" t="s">
        <v>1</v>
      </c>
      <c r="C15240" s="14" t="s">
        <v>96</v>
      </c>
      <c r="D15240" s="14" t="s">
        <v>112</v>
      </c>
      <c r="E15240" s="15">
        <v>45651</v>
      </c>
      <c r="F15240" s="14" t="s">
        <v>28</v>
      </c>
      <c r="G15240" s="16">
        <v>0</v>
      </c>
    </row>
    <row r="15241" spans="1:7" x14ac:dyDescent="0.3">
      <c r="A15241" s="13" t="s">
        <v>111</v>
      </c>
      <c r="B15241" s="14" t="s">
        <v>1</v>
      </c>
      <c r="C15241" s="14" t="s">
        <v>96</v>
      </c>
      <c r="D15241" s="14" t="s">
        <v>112</v>
      </c>
      <c r="E15241" s="15">
        <v>45652</v>
      </c>
      <c r="F15241" s="14" t="s">
        <v>28</v>
      </c>
      <c r="G15241" s="16">
        <v>0</v>
      </c>
    </row>
    <row r="15242" spans="1:7" x14ac:dyDescent="0.3">
      <c r="A15242" s="13" t="s">
        <v>111</v>
      </c>
      <c r="B15242" s="14" t="s">
        <v>1</v>
      </c>
      <c r="C15242" s="14" t="s">
        <v>96</v>
      </c>
      <c r="D15242" s="14" t="s">
        <v>112</v>
      </c>
      <c r="E15242" s="15">
        <v>45653</v>
      </c>
      <c r="F15242" s="14" t="s">
        <v>28</v>
      </c>
      <c r="G15242" s="16">
        <v>0</v>
      </c>
    </row>
    <row r="15243" spans="1:7" x14ac:dyDescent="0.3">
      <c r="A15243" s="13" t="s">
        <v>111</v>
      </c>
      <c r="B15243" s="14" t="s">
        <v>1</v>
      </c>
      <c r="C15243" s="14" t="s">
        <v>96</v>
      </c>
      <c r="D15243" s="14" t="s">
        <v>112</v>
      </c>
      <c r="E15243" s="15">
        <v>45654</v>
      </c>
      <c r="F15243" s="14" t="s">
        <v>28</v>
      </c>
      <c r="G15243" s="16">
        <v>0</v>
      </c>
    </row>
    <row r="15244" spans="1:7" x14ac:dyDescent="0.3">
      <c r="A15244" s="13" t="s">
        <v>111</v>
      </c>
      <c r="B15244" s="14" t="s">
        <v>1</v>
      </c>
      <c r="C15244" s="14" t="s">
        <v>96</v>
      </c>
      <c r="D15244" s="14" t="s">
        <v>112</v>
      </c>
      <c r="E15244" s="15">
        <v>45655</v>
      </c>
      <c r="F15244" s="14" t="s">
        <v>28</v>
      </c>
      <c r="G15244" s="16">
        <v>0</v>
      </c>
    </row>
    <row r="15245" spans="1:7" x14ac:dyDescent="0.3">
      <c r="A15245" s="13" t="s">
        <v>111</v>
      </c>
      <c r="B15245" s="14" t="s">
        <v>1</v>
      </c>
      <c r="C15245" s="14" t="s">
        <v>96</v>
      </c>
      <c r="D15245" s="14" t="s">
        <v>112</v>
      </c>
      <c r="E15245" s="15">
        <v>45656</v>
      </c>
      <c r="F15245" s="14" t="s">
        <v>28</v>
      </c>
      <c r="G15245" s="16">
        <v>0</v>
      </c>
    </row>
    <row r="15246" spans="1:7" x14ac:dyDescent="0.3">
      <c r="A15246" s="13" t="s">
        <v>111</v>
      </c>
      <c r="B15246" s="14" t="s">
        <v>1</v>
      </c>
      <c r="C15246" s="14" t="s">
        <v>96</v>
      </c>
      <c r="D15246" s="14" t="s">
        <v>112</v>
      </c>
      <c r="E15246" s="15">
        <v>45657</v>
      </c>
      <c r="F15246" s="14" t="s">
        <v>28</v>
      </c>
      <c r="G15246" s="16">
        <v>0</v>
      </c>
    </row>
    <row r="15247" spans="1:7" x14ac:dyDescent="0.3">
      <c r="A15247" s="13" t="s">
        <v>111</v>
      </c>
      <c r="B15247" s="14" t="s">
        <v>1</v>
      </c>
      <c r="C15247" s="14" t="s">
        <v>96</v>
      </c>
      <c r="D15247" s="14" t="s">
        <v>112</v>
      </c>
      <c r="E15247" s="15">
        <v>45658</v>
      </c>
      <c r="F15247" s="14" t="s">
        <v>28</v>
      </c>
      <c r="G15247" s="16">
        <v>0</v>
      </c>
    </row>
    <row r="15248" spans="1:7" x14ac:dyDescent="0.3">
      <c r="A15248" s="13" t="s">
        <v>111</v>
      </c>
      <c r="B15248" s="14" t="s">
        <v>1</v>
      </c>
      <c r="C15248" s="14" t="s">
        <v>96</v>
      </c>
      <c r="D15248" s="14" t="s">
        <v>112</v>
      </c>
      <c r="E15248" s="15">
        <v>45659</v>
      </c>
      <c r="F15248" s="14" t="s">
        <v>28</v>
      </c>
      <c r="G15248" s="16">
        <v>0</v>
      </c>
    </row>
    <row r="15249" spans="1:7" x14ac:dyDescent="0.3">
      <c r="A15249" s="13" t="s">
        <v>111</v>
      </c>
      <c r="B15249" s="14" t="s">
        <v>1</v>
      </c>
      <c r="C15249" s="14" t="s">
        <v>96</v>
      </c>
      <c r="D15249" s="14" t="s">
        <v>112</v>
      </c>
      <c r="E15249" s="15">
        <v>45660</v>
      </c>
      <c r="F15249" s="14" t="s">
        <v>28</v>
      </c>
      <c r="G15249" s="16">
        <v>0</v>
      </c>
    </row>
    <row r="15250" spans="1:7" x14ac:dyDescent="0.3">
      <c r="A15250" s="13" t="s">
        <v>111</v>
      </c>
      <c r="B15250" s="14" t="s">
        <v>1</v>
      </c>
      <c r="C15250" s="14" t="s">
        <v>96</v>
      </c>
      <c r="D15250" s="14" t="s">
        <v>112</v>
      </c>
      <c r="E15250" s="15">
        <v>45661</v>
      </c>
      <c r="F15250" s="14" t="s">
        <v>28</v>
      </c>
      <c r="G15250" s="16">
        <v>0</v>
      </c>
    </row>
    <row r="15251" spans="1:7" x14ac:dyDescent="0.3">
      <c r="A15251" s="13" t="s">
        <v>111</v>
      </c>
      <c r="B15251" s="14" t="s">
        <v>1</v>
      </c>
      <c r="C15251" s="14" t="s">
        <v>96</v>
      </c>
      <c r="D15251" s="14" t="s">
        <v>112</v>
      </c>
      <c r="E15251" s="15">
        <v>45662</v>
      </c>
      <c r="F15251" s="14" t="s">
        <v>28</v>
      </c>
      <c r="G15251" s="16">
        <v>0</v>
      </c>
    </row>
    <row r="15252" spans="1:7" x14ac:dyDescent="0.3">
      <c r="A15252" s="13" t="s">
        <v>111</v>
      </c>
      <c r="B15252" s="14" t="s">
        <v>1</v>
      </c>
      <c r="C15252" s="14" t="s">
        <v>96</v>
      </c>
      <c r="D15252" s="14" t="s">
        <v>112</v>
      </c>
      <c r="E15252" s="15">
        <v>45663</v>
      </c>
      <c r="F15252" s="14" t="s">
        <v>28</v>
      </c>
      <c r="G15252" s="16">
        <v>0</v>
      </c>
    </row>
    <row r="15253" spans="1:7" x14ac:dyDescent="0.3">
      <c r="A15253" s="13" t="s">
        <v>111</v>
      </c>
      <c r="B15253" s="14" t="s">
        <v>1</v>
      </c>
      <c r="C15253" s="14" t="s">
        <v>96</v>
      </c>
      <c r="D15253" s="14" t="s">
        <v>112</v>
      </c>
      <c r="E15253" s="15">
        <v>45664</v>
      </c>
      <c r="F15253" s="14" t="s">
        <v>28</v>
      </c>
      <c r="G15253" s="16">
        <v>0</v>
      </c>
    </row>
    <row r="15254" spans="1:7" x14ac:dyDescent="0.3">
      <c r="A15254" s="13" t="s">
        <v>111</v>
      </c>
      <c r="B15254" s="14" t="s">
        <v>1</v>
      </c>
      <c r="C15254" s="14" t="s">
        <v>96</v>
      </c>
      <c r="D15254" s="14" t="s">
        <v>112</v>
      </c>
      <c r="E15254" s="15">
        <v>45665</v>
      </c>
      <c r="F15254" s="14" t="s">
        <v>28</v>
      </c>
      <c r="G15254" s="16">
        <v>0</v>
      </c>
    </row>
    <row r="15255" spans="1:7" x14ac:dyDescent="0.3">
      <c r="A15255" s="13" t="s">
        <v>111</v>
      </c>
      <c r="B15255" s="14" t="s">
        <v>1</v>
      </c>
      <c r="C15255" s="14" t="s">
        <v>96</v>
      </c>
      <c r="D15255" s="14" t="s">
        <v>112</v>
      </c>
      <c r="E15255" s="15">
        <v>45666</v>
      </c>
      <c r="F15255" s="14" t="s">
        <v>28</v>
      </c>
      <c r="G15255" s="16">
        <v>0</v>
      </c>
    </row>
    <row r="15256" spans="1:7" x14ac:dyDescent="0.3">
      <c r="A15256" s="13" t="s">
        <v>111</v>
      </c>
      <c r="B15256" s="14" t="s">
        <v>1</v>
      </c>
      <c r="C15256" s="14" t="s">
        <v>96</v>
      </c>
      <c r="D15256" s="14" t="s">
        <v>112</v>
      </c>
      <c r="E15256" s="15">
        <v>45667</v>
      </c>
      <c r="F15256" s="14" t="s">
        <v>28</v>
      </c>
      <c r="G15256" s="16">
        <v>0</v>
      </c>
    </row>
    <row r="15257" spans="1:7" x14ac:dyDescent="0.3">
      <c r="A15257" s="13" t="s">
        <v>111</v>
      </c>
      <c r="B15257" s="14" t="s">
        <v>1</v>
      </c>
      <c r="C15257" s="14" t="s">
        <v>96</v>
      </c>
      <c r="D15257" s="14" t="s">
        <v>112</v>
      </c>
      <c r="E15257" s="15">
        <v>45668</v>
      </c>
      <c r="F15257" s="14" t="s">
        <v>28</v>
      </c>
      <c r="G15257" s="16">
        <v>0</v>
      </c>
    </row>
    <row r="15258" spans="1:7" x14ac:dyDescent="0.3">
      <c r="A15258" s="13" t="s">
        <v>111</v>
      </c>
      <c r="B15258" s="14" t="s">
        <v>1</v>
      </c>
      <c r="C15258" s="14" t="s">
        <v>96</v>
      </c>
      <c r="D15258" s="14" t="s">
        <v>112</v>
      </c>
      <c r="E15258" s="15">
        <v>45669</v>
      </c>
      <c r="F15258" s="14" t="s">
        <v>28</v>
      </c>
      <c r="G15258" s="16">
        <v>0</v>
      </c>
    </row>
    <row r="15259" spans="1:7" x14ac:dyDescent="0.3">
      <c r="A15259" s="13" t="s">
        <v>111</v>
      </c>
      <c r="B15259" s="14" t="s">
        <v>1</v>
      </c>
      <c r="C15259" s="14" t="s">
        <v>96</v>
      </c>
      <c r="D15259" s="14" t="s">
        <v>112</v>
      </c>
      <c r="E15259" s="15">
        <v>45670</v>
      </c>
      <c r="F15259" s="14" t="s">
        <v>28</v>
      </c>
      <c r="G15259" s="16">
        <v>0</v>
      </c>
    </row>
    <row r="15260" spans="1:7" x14ac:dyDescent="0.3">
      <c r="A15260" s="13" t="s">
        <v>111</v>
      </c>
      <c r="B15260" s="14" t="s">
        <v>1</v>
      </c>
      <c r="C15260" s="14" t="s">
        <v>96</v>
      </c>
      <c r="D15260" s="14" t="s">
        <v>112</v>
      </c>
      <c r="E15260" s="15">
        <v>45671</v>
      </c>
      <c r="F15260" s="14" t="s">
        <v>28</v>
      </c>
      <c r="G15260" s="16">
        <v>0</v>
      </c>
    </row>
    <row r="15261" spans="1:7" x14ac:dyDescent="0.3">
      <c r="A15261" s="13" t="s">
        <v>111</v>
      </c>
      <c r="B15261" s="14" t="s">
        <v>1</v>
      </c>
      <c r="C15261" s="14" t="s">
        <v>96</v>
      </c>
      <c r="D15261" s="14" t="s">
        <v>112</v>
      </c>
      <c r="E15261" s="15">
        <v>45672</v>
      </c>
      <c r="F15261" s="14" t="s">
        <v>28</v>
      </c>
      <c r="G15261" s="16">
        <v>0</v>
      </c>
    </row>
    <row r="15262" spans="1:7" x14ac:dyDescent="0.3">
      <c r="A15262" s="13" t="s">
        <v>111</v>
      </c>
      <c r="B15262" s="14" t="s">
        <v>1</v>
      </c>
      <c r="C15262" s="14" t="s">
        <v>96</v>
      </c>
      <c r="D15262" s="14" t="s">
        <v>112</v>
      </c>
      <c r="E15262" s="15">
        <v>45673</v>
      </c>
      <c r="F15262" s="14" t="s">
        <v>28</v>
      </c>
      <c r="G15262" s="16">
        <v>0</v>
      </c>
    </row>
    <row r="15263" spans="1:7" x14ac:dyDescent="0.3">
      <c r="A15263" s="13" t="s">
        <v>111</v>
      </c>
      <c r="B15263" s="14" t="s">
        <v>1</v>
      </c>
      <c r="C15263" s="14" t="s">
        <v>96</v>
      </c>
      <c r="D15263" s="14" t="s">
        <v>112</v>
      </c>
      <c r="E15263" s="15">
        <v>45674</v>
      </c>
      <c r="F15263" s="14" t="s">
        <v>28</v>
      </c>
      <c r="G15263" s="16">
        <v>0</v>
      </c>
    </row>
    <row r="15264" spans="1:7" x14ac:dyDescent="0.3">
      <c r="A15264" s="13" t="s">
        <v>111</v>
      </c>
      <c r="B15264" s="14" t="s">
        <v>1</v>
      </c>
      <c r="C15264" s="14" t="s">
        <v>96</v>
      </c>
      <c r="D15264" s="14" t="s">
        <v>112</v>
      </c>
      <c r="E15264" s="15">
        <v>45675</v>
      </c>
      <c r="F15264" s="14" t="s">
        <v>28</v>
      </c>
      <c r="G15264" s="16">
        <v>0</v>
      </c>
    </row>
    <row r="15265" spans="1:7" x14ac:dyDescent="0.3">
      <c r="A15265" s="13" t="s">
        <v>111</v>
      </c>
      <c r="B15265" s="14" t="s">
        <v>1</v>
      </c>
      <c r="C15265" s="14" t="s">
        <v>96</v>
      </c>
      <c r="D15265" s="14" t="s">
        <v>112</v>
      </c>
      <c r="E15265" s="15">
        <v>45676</v>
      </c>
      <c r="F15265" s="14" t="s">
        <v>28</v>
      </c>
      <c r="G15265" s="16">
        <v>0</v>
      </c>
    </row>
    <row r="15266" spans="1:7" x14ac:dyDescent="0.3">
      <c r="A15266" s="13" t="s">
        <v>111</v>
      </c>
      <c r="B15266" s="14" t="s">
        <v>1</v>
      </c>
      <c r="C15266" s="14" t="s">
        <v>96</v>
      </c>
      <c r="D15266" s="14" t="s">
        <v>112</v>
      </c>
      <c r="E15266" s="15">
        <v>45677</v>
      </c>
      <c r="F15266" s="14" t="s">
        <v>28</v>
      </c>
      <c r="G15266" s="16">
        <v>0</v>
      </c>
    </row>
    <row r="15267" spans="1:7" x14ac:dyDescent="0.3">
      <c r="A15267" s="13" t="s">
        <v>111</v>
      </c>
      <c r="B15267" s="14" t="s">
        <v>1</v>
      </c>
      <c r="C15267" s="14" t="s">
        <v>96</v>
      </c>
      <c r="D15267" s="14" t="s">
        <v>112</v>
      </c>
      <c r="E15267" s="15">
        <v>45678</v>
      </c>
      <c r="F15267" s="14" t="s">
        <v>28</v>
      </c>
      <c r="G15267" s="16">
        <v>0</v>
      </c>
    </row>
    <row r="15268" spans="1:7" x14ac:dyDescent="0.3">
      <c r="A15268" s="13" t="s">
        <v>111</v>
      </c>
      <c r="B15268" s="14" t="s">
        <v>1</v>
      </c>
      <c r="C15268" s="14" t="s">
        <v>96</v>
      </c>
      <c r="D15268" s="14" t="s">
        <v>112</v>
      </c>
      <c r="E15268" s="15">
        <v>45679</v>
      </c>
      <c r="F15268" s="14" t="s">
        <v>28</v>
      </c>
      <c r="G15268" s="16">
        <v>0</v>
      </c>
    </row>
    <row r="15269" spans="1:7" x14ac:dyDescent="0.3">
      <c r="A15269" s="13" t="s">
        <v>111</v>
      </c>
      <c r="B15269" s="14" t="s">
        <v>1</v>
      </c>
      <c r="C15269" s="14" t="s">
        <v>96</v>
      </c>
      <c r="D15269" s="14" t="s">
        <v>112</v>
      </c>
      <c r="E15269" s="15">
        <v>45680</v>
      </c>
      <c r="F15269" s="14" t="s">
        <v>28</v>
      </c>
      <c r="G15269" s="16">
        <v>0</v>
      </c>
    </row>
    <row r="15270" spans="1:7" x14ac:dyDescent="0.3">
      <c r="A15270" s="13" t="s">
        <v>111</v>
      </c>
      <c r="B15270" s="14" t="s">
        <v>1</v>
      </c>
      <c r="C15270" s="14" t="s">
        <v>96</v>
      </c>
      <c r="D15270" s="14" t="s">
        <v>112</v>
      </c>
      <c r="E15270" s="15">
        <v>45681</v>
      </c>
      <c r="F15270" s="14" t="s">
        <v>28</v>
      </c>
      <c r="G15270" s="16">
        <v>0</v>
      </c>
    </row>
    <row r="15271" spans="1:7" x14ac:dyDescent="0.3">
      <c r="A15271" s="13" t="s">
        <v>111</v>
      </c>
      <c r="B15271" s="14" t="s">
        <v>1</v>
      </c>
      <c r="C15271" s="14" t="s">
        <v>96</v>
      </c>
      <c r="D15271" s="14" t="s">
        <v>112</v>
      </c>
      <c r="E15271" s="15">
        <v>45682</v>
      </c>
      <c r="F15271" s="14" t="s">
        <v>28</v>
      </c>
      <c r="G15271" s="16">
        <v>0</v>
      </c>
    </row>
    <row r="15272" spans="1:7" x14ac:dyDescent="0.3">
      <c r="A15272" s="13" t="s">
        <v>111</v>
      </c>
      <c r="B15272" s="14" t="s">
        <v>1</v>
      </c>
      <c r="C15272" s="14" t="s">
        <v>96</v>
      </c>
      <c r="D15272" s="14" t="s">
        <v>112</v>
      </c>
      <c r="E15272" s="15">
        <v>45683</v>
      </c>
      <c r="F15272" s="14" t="s">
        <v>28</v>
      </c>
      <c r="G15272" s="16">
        <v>0</v>
      </c>
    </row>
    <row r="15273" spans="1:7" x14ac:dyDescent="0.3">
      <c r="A15273" s="13" t="s">
        <v>111</v>
      </c>
      <c r="B15273" s="14" t="s">
        <v>1</v>
      </c>
      <c r="C15273" s="14" t="s">
        <v>96</v>
      </c>
      <c r="D15273" s="14" t="s">
        <v>112</v>
      </c>
      <c r="E15273" s="15">
        <v>45684</v>
      </c>
      <c r="F15273" s="14" t="s">
        <v>28</v>
      </c>
      <c r="G15273" s="16">
        <v>0</v>
      </c>
    </row>
    <row r="15274" spans="1:7" x14ac:dyDescent="0.3">
      <c r="A15274" s="13" t="s">
        <v>111</v>
      </c>
      <c r="B15274" s="14" t="s">
        <v>1</v>
      </c>
      <c r="C15274" s="14" t="s">
        <v>96</v>
      </c>
      <c r="D15274" s="14" t="s">
        <v>112</v>
      </c>
      <c r="E15274" s="15">
        <v>45685</v>
      </c>
      <c r="F15274" s="14" t="s">
        <v>28</v>
      </c>
      <c r="G15274" s="16">
        <v>0</v>
      </c>
    </row>
    <row r="15275" spans="1:7" x14ac:dyDescent="0.3">
      <c r="A15275" s="13" t="s">
        <v>111</v>
      </c>
      <c r="B15275" s="14" t="s">
        <v>1</v>
      </c>
      <c r="C15275" s="14" t="s">
        <v>96</v>
      </c>
      <c r="D15275" s="14" t="s">
        <v>112</v>
      </c>
      <c r="E15275" s="15">
        <v>45686</v>
      </c>
      <c r="F15275" s="14" t="s">
        <v>28</v>
      </c>
      <c r="G15275" s="16">
        <v>0</v>
      </c>
    </row>
    <row r="15276" spans="1:7" x14ac:dyDescent="0.3">
      <c r="A15276" s="13" t="s">
        <v>111</v>
      </c>
      <c r="B15276" s="14" t="s">
        <v>1</v>
      </c>
      <c r="C15276" s="14" t="s">
        <v>96</v>
      </c>
      <c r="D15276" s="14" t="s">
        <v>112</v>
      </c>
      <c r="E15276" s="15">
        <v>45687</v>
      </c>
      <c r="F15276" s="14" t="s">
        <v>28</v>
      </c>
      <c r="G15276" s="16">
        <v>0</v>
      </c>
    </row>
    <row r="15277" spans="1:7" x14ac:dyDescent="0.3">
      <c r="A15277" s="13" t="s">
        <v>111</v>
      </c>
      <c r="B15277" s="14" t="s">
        <v>1</v>
      </c>
      <c r="C15277" s="14" t="s">
        <v>96</v>
      </c>
      <c r="D15277" s="14" t="s">
        <v>112</v>
      </c>
      <c r="E15277" s="15">
        <v>45688</v>
      </c>
      <c r="F15277" s="14" t="s">
        <v>28</v>
      </c>
      <c r="G15277" s="16">
        <v>0</v>
      </c>
    </row>
    <row r="15278" spans="1:7" x14ac:dyDescent="0.3">
      <c r="A15278" s="13" t="s">
        <v>111</v>
      </c>
      <c r="B15278" s="14" t="s">
        <v>1</v>
      </c>
      <c r="C15278" s="14" t="s">
        <v>96</v>
      </c>
      <c r="D15278" s="14" t="s">
        <v>112</v>
      </c>
      <c r="E15278" s="15">
        <v>45689</v>
      </c>
      <c r="F15278" s="14" t="s">
        <v>28</v>
      </c>
      <c r="G15278" s="16">
        <v>0</v>
      </c>
    </row>
    <row r="15279" spans="1:7" x14ac:dyDescent="0.3">
      <c r="A15279" s="13" t="s">
        <v>111</v>
      </c>
      <c r="B15279" s="14" t="s">
        <v>1</v>
      </c>
      <c r="C15279" s="14" t="s">
        <v>96</v>
      </c>
      <c r="D15279" s="14" t="s">
        <v>112</v>
      </c>
      <c r="E15279" s="15">
        <v>45690</v>
      </c>
      <c r="F15279" s="14" t="s">
        <v>28</v>
      </c>
      <c r="G15279" s="16">
        <v>0</v>
      </c>
    </row>
    <row r="15280" spans="1:7" x14ac:dyDescent="0.3">
      <c r="A15280" s="13" t="s">
        <v>111</v>
      </c>
      <c r="B15280" s="14" t="s">
        <v>1</v>
      </c>
      <c r="C15280" s="14" t="s">
        <v>96</v>
      </c>
      <c r="D15280" s="14" t="s">
        <v>112</v>
      </c>
      <c r="E15280" s="15">
        <v>45691</v>
      </c>
      <c r="F15280" s="14" t="s">
        <v>28</v>
      </c>
      <c r="G15280" s="16">
        <v>0</v>
      </c>
    </row>
    <row r="15281" spans="1:7" x14ac:dyDescent="0.3">
      <c r="A15281" s="13" t="s">
        <v>111</v>
      </c>
      <c r="B15281" s="14" t="s">
        <v>1</v>
      </c>
      <c r="C15281" s="14" t="s">
        <v>96</v>
      </c>
      <c r="D15281" s="14" t="s">
        <v>112</v>
      </c>
      <c r="E15281" s="15">
        <v>45692</v>
      </c>
      <c r="F15281" s="14" t="s">
        <v>28</v>
      </c>
      <c r="G15281" s="16">
        <v>0</v>
      </c>
    </row>
    <row r="15282" spans="1:7" x14ac:dyDescent="0.3">
      <c r="A15282" s="13" t="s">
        <v>111</v>
      </c>
      <c r="B15282" s="14" t="s">
        <v>1</v>
      </c>
      <c r="C15282" s="14" t="s">
        <v>96</v>
      </c>
      <c r="D15282" s="14" t="s">
        <v>112</v>
      </c>
      <c r="E15282" s="15">
        <v>45693</v>
      </c>
      <c r="F15282" s="14" t="s">
        <v>28</v>
      </c>
      <c r="G15282" s="16">
        <v>0</v>
      </c>
    </row>
    <row r="15283" spans="1:7" x14ac:dyDescent="0.3">
      <c r="A15283" s="13" t="s">
        <v>111</v>
      </c>
      <c r="B15283" s="14" t="s">
        <v>1</v>
      </c>
      <c r="C15283" s="14" t="s">
        <v>96</v>
      </c>
      <c r="D15283" s="14" t="s">
        <v>112</v>
      </c>
      <c r="E15283" s="15">
        <v>45694</v>
      </c>
      <c r="F15283" s="14" t="s">
        <v>28</v>
      </c>
      <c r="G15283" s="16">
        <v>0</v>
      </c>
    </row>
    <row r="15284" spans="1:7" x14ac:dyDescent="0.3">
      <c r="A15284" s="13" t="s">
        <v>111</v>
      </c>
      <c r="B15284" s="14" t="s">
        <v>1</v>
      </c>
      <c r="C15284" s="14" t="s">
        <v>96</v>
      </c>
      <c r="D15284" s="14" t="s">
        <v>112</v>
      </c>
      <c r="E15284" s="15">
        <v>45695</v>
      </c>
      <c r="F15284" s="14" t="s">
        <v>28</v>
      </c>
      <c r="G15284" s="16">
        <v>0</v>
      </c>
    </row>
    <row r="15285" spans="1:7" x14ac:dyDescent="0.3">
      <c r="A15285" s="13" t="s">
        <v>111</v>
      </c>
      <c r="B15285" s="14" t="s">
        <v>1</v>
      </c>
      <c r="C15285" s="14" t="s">
        <v>96</v>
      </c>
      <c r="D15285" s="14" t="s">
        <v>112</v>
      </c>
      <c r="E15285" s="15">
        <v>45696</v>
      </c>
      <c r="F15285" s="14" t="s">
        <v>28</v>
      </c>
      <c r="G15285" s="16">
        <v>0</v>
      </c>
    </row>
    <row r="15286" spans="1:7" x14ac:dyDescent="0.3">
      <c r="A15286" s="13" t="s">
        <v>111</v>
      </c>
      <c r="B15286" s="14" t="s">
        <v>1</v>
      </c>
      <c r="C15286" s="14" t="s">
        <v>96</v>
      </c>
      <c r="D15286" s="14" t="s">
        <v>112</v>
      </c>
      <c r="E15286" s="15">
        <v>45697</v>
      </c>
      <c r="F15286" s="14" t="s">
        <v>28</v>
      </c>
      <c r="G15286" s="16">
        <v>0</v>
      </c>
    </row>
    <row r="15287" spans="1:7" x14ac:dyDescent="0.3">
      <c r="A15287" s="13" t="s">
        <v>111</v>
      </c>
      <c r="B15287" s="14" t="s">
        <v>1</v>
      </c>
      <c r="C15287" s="14" t="s">
        <v>96</v>
      </c>
      <c r="D15287" s="14" t="s">
        <v>112</v>
      </c>
      <c r="E15287" s="15">
        <v>45698</v>
      </c>
      <c r="F15287" s="14" t="s">
        <v>28</v>
      </c>
      <c r="G15287" s="16">
        <v>0</v>
      </c>
    </row>
    <row r="15288" spans="1:7" x14ac:dyDescent="0.3">
      <c r="A15288" s="13" t="s">
        <v>111</v>
      </c>
      <c r="B15288" s="14" t="s">
        <v>1</v>
      </c>
      <c r="C15288" s="14" t="s">
        <v>96</v>
      </c>
      <c r="D15288" s="14" t="s">
        <v>112</v>
      </c>
      <c r="E15288" s="15">
        <v>45699</v>
      </c>
      <c r="F15288" s="14" t="s">
        <v>28</v>
      </c>
      <c r="G15288" s="16">
        <v>0</v>
      </c>
    </row>
    <row r="15289" spans="1:7" x14ac:dyDescent="0.3">
      <c r="A15289" s="13" t="s">
        <v>111</v>
      </c>
      <c r="B15289" s="14" t="s">
        <v>1</v>
      </c>
      <c r="C15289" s="14" t="s">
        <v>96</v>
      </c>
      <c r="D15289" s="14" t="s">
        <v>112</v>
      </c>
      <c r="E15289" s="15">
        <v>45700</v>
      </c>
      <c r="F15289" s="14" t="s">
        <v>28</v>
      </c>
      <c r="G15289" s="16">
        <v>0</v>
      </c>
    </row>
    <row r="15290" spans="1:7" x14ac:dyDescent="0.3">
      <c r="A15290" s="13" t="s">
        <v>111</v>
      </c>
      <c r="B15290" s="14" t="s">
        <v>1</v>
      </c>
      <c r="C15290" s="14" t="s">
        <v>96</v>
      </c>
      <c r="D15290" s="14" t="s">
        <v>112</v>
      </c>
      <c r="E15290" s="15">
        <v>45701</v>
      </c>
      <c r="F15290" s="14" t="s">
        <v>28</v>
      </c>
      <c r="G15290" s="16">
        <v>0</v>
      </c>
    </row>
    <row r="15291" spans="1:7" x14ac:dyDescent="0.3">
      <c r="A15291" s="13" t="s">
        <v>111</v>
      </c>
      <c r="B15291" s="14" t="s">
        <v>1</v>
      </c>
      <c r="C15291" s="14" t="s">
        <v>96</v>
      </c>
      <c r="D15291" s="14" t="s">
        <v>112</v>
      </c>
      <c r="E15291" s="15">
        <v>45702</v>
      </c>
      <c r="F15291" s="14" t="s">
        <v>28</v>
      </c>
      <c r="G15291" s="16">
        <v>0</v>
      </c>
    </row>
    <row r="15292" spans="1:7" x14ac:dyDescent="0.3">
      <c r="A15292" s="13" t="s">
        <v>111</v>
      </c>
      <c r="B15292" s="14" t="s">
        <v>1</v>
      </c>
      <c r="C15292" s="14" t="s">
        <v>96</v>
      </c>
      <c r="D15292" s="14" t="s">
        <v>112</v>
      </c>
      <c r="E15292" s="15">
        <v>45703</v>
      </c>
      <c r="F15292" s="14" t="s">
        <v>28</v>
      </c>
      <c r="G15292" s="16">
        <v>0</v>
      </c>
    </row>
    <row r="15293" spans="1:7" x14ac:dyDescent="0.3">
      <c r="A15293" s="13" t="s">
        <v>111</v>
      </c>
      <c r="B15293" s="14" t="s">
        <v>1</v>
      </c>
      <c r="C15293" s="14" t="s">
        <v>96</v>
      </c>
      <c r="D15293" s="14" t="s">
        <v>112</v>
      </c>
      <c r="E15293" s="15">
        <v>45704</v>
      </c>
      <c r="F15293" s="14" t="s">
        <v>28</v>
      </c>
      <c r="G15293" s="16">
        <v>0</v>
      </c>
    </row>
    <row r="15294" spans="1:7" x14ac:dyDescent="0.3">
      <c r="A15294" s="13" t="s">
        <v>111</v>
      </c>
      <c r="B15294" s="14" t="s">
        <v>1</v>
      </c>
      <c r="C15294" s="14" t="s">
        <v>96</v>
      </c>
      <c r="D15294" s="14" t="s">
        <v>112</v>
      </c>
      <c r="E15294" s="15">
        <v>45705</v>
      </c>
      <c r="F15294" s="14" t="s">
        <v>28</v>
      </c>
      <c r="G15294" s="16">
        <v>0</v>
      </c>
    </row>
    <row r="15295" spans="1:7" x14ac:dyDescent="0.3">
      <c r="A15295" s="13" t="s">
        <v>111</v>
      </c>
      <c r="B15295" s="14" t="s">
        <v>1</v>
      </c>
      <c r="C15295" s="14" t="s">
        <v>96</v>
      </c>
      <c r="D15295" s="14" t="s">
        <v>112</v>
      </c>
      <c r="E15295" s="15">
        <v>45706</v>
      </c>
      <c r="F15295" s="14" t="s">
        <v>28</v>
      </c>
      <c r="G15295" s="16">
        <v>0</v>
      </c>
    </row>
    <row r="15296" spans="1:7" x14ac:dyDescent="0.3">
      <c r="A15296" s="13" t="s">
        <v>111</v>
      </c>
      <c r="B15296" s="14" t="s">
        <v>1</v>
      </c>
      <c r="C15296" s="14" t="s">
        <v>96</v>
      </c>
      <c r="D15296" s="14" t="s">
        <v>112</v>
      </c>
      <c r="E15296" s="15">
        <v>45707</v>
      </c>
      <c r="F15296" s="14" t="s">
        <v>28</v>
      </c>
      <c r="G15296" s="16">
        <v>0</v>
      </c>
    </row>
    <row r="15297" spans="1:7" x14ac:dyDescent="0.3">
      <c r="A15297" s="13" t="s">
        <v>111</v>
      </c>
      <c r="B15297" s="14" t="s">
        <v>1</v>
      </c>
      <c r="C15297" s="14" t="s">
        <v>96</v>
      </c>
      <c r="D15297" s="14" t="s">
        <v>112</v>
      </c>
      <c r="E15297" s="15">
        <v>45708</v>
      </c>
      <c r="F15297" s="14" t="s">
        <v>28</v>
      </c>
      <c r="G15297" s="16">
        <v>0</v>
      </c>
    </row>
    <row r="15298" spans="1:7" x14ac:dyDescent="0.3">
      <c r="A15298" s="13" t="s">
        <v>111</v>
      </c>
      <c r="B15298" s="14" t="s">
        <v>1</v>
      </c>
      <c r="C15298" s="14" t="s">
        <v>96</v>
      </c>
      <c r="D15298" s="14" t="s">
        <v>112</v>
      </c>
      <c r="E15298" s="15">
        <v>45709</v>
      </c>
      <c r="F15298" s="14" t="s">
        <v>28</v>
      </c>
      <c r="G15298" s="16">
        <v>0</v>
      </c>
    </row>
    <row r="15299" spans="1:7" x14ac:dyDescent="0.3">
      <c r="A15299" s="13" t="s">
        <v>111</v>
      </c>
      <c r="B15299" s="14" t="s">
        <v>1</v>
      </c>
      <c r="C15299" s="14" t="s">
        <v>96</v>
      </c>
      <c r="D15299" s="14" t="s">
        <v>112</v>
      </c>
      <c r="E15299" s="15">
        <v>45710</v>
      </c>
      <c r="F15299" s="14" t="s">
        <v>28</v>
      </c>
      <c r="G15299" s="16">
        <v>0</v>
      </c>
    </row>
    <row r="15300" spans="1:7" x14ac:dyDescent="0.3">
      <c r="A15300" s="13" t="s">
        <v>111</v>
      </c>
      <c r="B15300" s="14" t="s">
        <v>1</v>
      </c>
      <c r="C15300" s="14" t="s">
        <v>96</v>
      </c>
      <c r="D15300" s="14" t="s">
        <v>112</v>
      </c>
      <c r="E15300" s="15">
        <v>45711</v>
      </c>
      <c r="F15300" s="14" t="s">
        <v>28</v>
      </c>
      <c r="G15300" s="16">
        <v>0</v>
      </c>
    </row>
    <row r="15301" spans="1:7" x14ac:dyDescent="0.3">
      <c r="A15301" s="13" t="s">
        <v>111</v>
      </c>
      <c r="B15301" s="14" t="s">
        <v>1</v>
      </c>
      <c r="C15301" s="14" t="s">
        <v>96</v>
      </c>
      <c r="D15301" s="14" t="s">
        <v>112</v>
      </c>
      <c r="E15301" s="15">
        <v>45712</v>
      </c>
      <c r="F15301" s="14" t="s">
        <v>28</v>
      </c>
      <c r="G15301" s="16">
        <v>0</v>
      </c>
    </row>
    <row r="15302" spans="1:7" x14ac:dyDescent="0.3">
      <c r="A15302" s="13" t="s">
        <v>111</v>
      </c>
      <c r="B15302" s="14" t="s">
        <v>1</v>
      </c>
      <c r="C15302" s="14" t="s">
        <v>96</v>
      </c>
      <c r="D15302" s="14" t="s">
        <v>112</v>
      </c>
      <c r="E15302" s="15">
        <v>45713</v>
      </c>
      <c r="F15302" s="14" t="s">
        <v>28</v>
      </c>
      <c r="G15302" s="16">
        <v>0</v>
      </c>
    </row>
    <row r="15303" spans="1:7" x14ac:dyDescent="0.3">
      <c r="A15303" s="13" t="s">
        <v>111</v>
      </c>
      <c r="B15303" s="14" t="s">
        <v>1</v>
      </c>
      <c r="C15303" s="14" t="s">
        <v>96</v>
      </c>
      <c r="D15303" s="14" t="s">
        <v>112</v>
      </c>
      <c r="E15303" s="15">
        <v>45714</v>
      </c>
      <c r="F15303" s="14" t="s">
        <v>28</v>
      </c>
      <c r="G15303" s="16">
        <v>0</v>
      </c>
    </row>
    <row r="15304" spans="1:7" x14ac:dyDescent="0.3">
      <c r="A15304" s="13" t="s">
        <v>111</v>
      </c>
      <c r="B15304" s="14" t="s">
        <v>1</v>
      </c>
      <c r="C15304" s="14" t="s">
        <v>96</v>
      </c>
      <c r="D15304" s="14" t="s">
        <v>112</v>
      </c>
      <c r="E15304" s="15">
        <v>45715</v>
      </c>
      <c r="F15304" s="14" t="s">
        <v>28</v>
      </c>
      <c r="G15304" s="16">
        <v>0</v>
      </c>
    </row>
    <row r="15305" spans="1:7" x14ac:dyDescent="0.3">
      <c r="A15305" s="13" t="s">
        <v>111</v>
      </c>
      <c r="B15305" s="14" t="s">
        <v>1</v>
      </c>
      <c r="C15305" s="14" t="s">
        <v>96</v>
      </c>
      <c r="D15305" s="14" t="s">
        <v>112</v>
      </c>
      <c r="E15305" s="15">
        <v>45716</v>
      </c>
      <c r="F15305" s="14" t="s">
        <v>28</v>
      </c>
      <c r="G15305" s="16">
        <v>0</v>
      </c>
    </row>
    <row r="15306" spans="1:7" x14ac:dyDescent="0.3">
      <c r="A15306" s="13" t="s">
        <v>111</v>
      </c>
      <c r="B15306" s="14" t="s">
        <v>1</v>
      </c>
      <c r="C15306" s="14" t="s">
        <v>96</v>
      </c>
      <c r="D15306" s="14" t="s">
        <v>112</v>
      </c>
      <c r="E15306" s="15">
        <v>45717</v>
      </c>
      <c r="F15306" s="14" t="s">
        <v>28</v>
      </c>
      <c r="G15306" s="16">
        <v>0</v>
      </c>
    </row>
    <row r="15307" spans="1:7" x14ac:dyDescent="0.3">
      <c r="A15307" s="13" t="s">
        <v>111</v>
      </c>
      <c r="B15307" s="14" t="s">
        <v>1</v>
      </c>
      <c r="C15307" s="14" t="s">
        <v>96</v>
      </c>
      <c r="D15307" s="14" t="s">
        <v>112</v>
      </c>
      <c r="E15307" s="15">
        <v>45718</v>
      </c>
      <c r="F15307" s="14" t="s">
        <v>28</v>
      </c>
      <c r="G15307" s="16">
        <v>0</v>
      </c>
    </row>
    <row r="15308" spans="1:7" x14ac:dyDescent="0.3">
      <c r="A15308" s="13" t="s">
        <v>111</v>
      </c>
      <c r="B15308" s="14" t="s">
        <v>1</v>
      </c>
      <c r="C15308" s="14" t="s">
        <v>96</v>
      </c>
      <c r="D15308" s="14" t="s">
        <v>112</v>
      </c>
      <c r="E15308" s="15">
        <v>45719</v>
      </c>
      <c r="F15308" s="14" t="s">
        <v>28</v>
      </c>
      <c r="G15308" s="16">
        <v>0</v>
      </c>
    </row>
    <row r="15309" spans="1:7" x14ac:dyDescent="0.3">
      <c r="A15309" s="13" t="s">
        <v>111</v>
      </c>
      <c r="B15309" s="14" t="s">
        <v>1</v>
      </c>
      <c r="C15309" s="14" t="s">
        <v>96</v>
      </c>
      <c r="D15309" s="14" t="s">
        <v>112</v>
      </c>
      <c r="E15309" s="15">
        <v>45720</v>
      </c>
      <c r="F15309" s="14" t="s">
        <v>28</v>
      </c>
      <c r="G15309" s="16">
        <v>0</v>
      </c>
    </row>
    <row r="15310" spans="1:7" x14ac:dyDescent="0.3">
      <c r="A15310" s="13" t="s">
        <v>111</v>
      </c>
      <c r="B15310" s="14" t="s">
        <v>1</v>
      </c>
      <c r="C15310" s="14" t="s">
        <v>96</v>
      </c>
      <c r="D15310" s="14" t="s">
        <v>112</v>
      </c>
      <c r="E15310" s="15">
        <v>45721</v>
      </c>
      <c r="F15310" s="14" t="s">
        <v>28</v>
      </c>
      <c r="G15310" s="16">
        <v>0</v>
      </c>
    </row>
    <row r="15311" spans="1:7" x14ac:dyDescent="0.3">
      <c r="A15311" s="13" t="s">
        <v>111</v>
      </c>
      <c r="B15311" s="14" t="s">
        <v>1</v>
      </c>
      <c r="C15311" s="14" t="s">
        <v>96</v>
      </c>
      <c r="D15311" s="14" t="s">
        <v>112</v>
      </c>
      <c r="E15311" s="15">
        <v>45722</v>
      </c>
      <c r="F15311" s="14" t="s">
        <v>28</v>
      </c>
      <c r="G15311" s="16">
        <v>0</v>
      </c>
    </row>
    <row r="15312" spans="1:7" x14ac:dyDescent="0.3">
      <c r="A15312" s="13" t="s">
        <v>111</v>
      </c>
      <c r="B15312" s="14" t="s">
        <v>1</v>
      </c>
      <c r="C15312" s="14" t="s">
        <v>96</v>
      </c>
      <c r="D15312" s="14" t="s">
        <v>112</v>
      </c>
      <c r="E15312" s="15">
        <v>45723</v>
      </c>
      <c r="F15312" s="14" t="s">
        <v>28</v>
      </c>
      <c r="G15312" s="16">
        <v>0</v>
      </c>
    </row>
    <row r="15313" spans="1:7" x14ac:dyDescent="0.3">
      <c r="A15313" s="13" t="s">
        <v>111</v>
      </c>
      <c r="B15313" s="14" t="s">
        <v>1</v>
      </c>
      <c r="C15313" s="14" t="s">
        <v>96</v>
      </c>
      <c r="D15313" s="14" t="s">
        <v>112</v>
      </c>
      <c r="E15313" s="15">
        <v>45724</v>
      </c>
      <c r="F15313" s="14" t="s">
        <v>28</v>
      </c>
      <c r="G15313" s="16">
        <v>0</v>
      </c>
    </row>
    <row r="15314" spans="1:7" x14ac:dyDescent="0.3">
      <c r="A15314" s="13" t="s">
        <v>111</v>
      </c>
      <c r="B15314" s="14" t="s">
        <v>1</v>
      </c>
      <c r="C15314" s="14" t="s">
        <v>96</v>
      </c>
      <c r="D15314" s="14" t="s">
        <v>112</v>
      </c>
      <c r="E15314" s="15">
        <v>45725</v>
      </c>
      <c r="F15314" s="14" t="s">
        <v>28</v>
      </c>
      <c r="G15314" s="16">
        <v>0</v>
      </c>
    </row>
    <row r="15315" spans="1:7" x14ac:dyDescent="0.3">
      <c r="A15315" s="13" t="s">
        <v>111</v>
      </c>
      <c r="B15315" s="14" t="s">
        <v>1</v>
      </c>
      <c r="C15315" s="14" t="s">
        <v>96</v>
      </c>
      <c r="D15315" s="14" t="s">
        <v>112</v>
      </c>
      <c r="E15315" s="15">
        <v>45726</v>
      </c>
      <c r="F15315" s="14" t="s">
        <v>28</v>
      </c>
      <c r="G15315" s="16">
        <v>0</v>
      </c>
    </row>
    <row r="15316" spans="1:7" x14ac:dyDescent="0.3">
      <c r="A15316" s="13" t="s">
        <v>111</v>
      </c>
      <c r="B15316" s="14" t="s">
        <v>1</v>
      </c>
      <c r="C15316" s="14" t="s">
        <v>96</v>
      </c>
      <c r="D15316" s="14" t="s">
        <v>112</v>
      </c>
      <c r="E15316" s="15">
        <v>45727</v>
      </c>
      <c r="F15316" s="14" t="s">
        <v>28</v>
      </c>
      <c r="G15316" s="16">
        <v>0</v>
      </c>
    </row>
    <row r="15317" spans="1:7" x14ac:dyDescent="0.3">
      <c r="A15317" s="13" t="s">
        <v>111</v>
      </c>
      <c r="B15317" s="14" t="s">
        <v>1</v>
      </c>
      <c r="C15317" s="14" t="s">
        <v>96</v>
      </c>
      <c r="D15317" s="14" t="s">
        <v>112</v>
      </c>
      <c r="E15317" s="15">
        <v>45728</v>
      </c>
      <c r="F15317" s="14" t="s">
        <v>28</v>
      </c>
      <c r="G15317" s="16">
        <v>0</v>
      </c>
    </row>
    <row r="15318" spans="1:7" x14ac:dyDescent="0.3">
      <c r="A15318" s="13" t="s">
        <v>111</v>
      </c>
      <c r="B15318" s="14" t="s">
        <v>1</v>
      </c>
      <c r="C15318" s="14" t="s">
        <v>96</v>
      </c>
      <c r="D15318" s="14" t="s">
        <v>112</v>
      </c>
      <c r="E15318" s="15">
        <v>45729</v>
      </c>
      <c r="F15318" s="14" t="s">
        <v>28</v>
      </c>
      <c r="G15318" s="16">
        <v>0</v>
      </c>
    </row>
    <row r="15319" spans="1:7" x14ac:dyDescent="0.3">
      <c r="A15319" s="13" t="s">
        <v>111</v>
      </c>
      <c r="B15319" s="14" t="s">
        <v>1</v>
      </c>
      <c r="C15319" s="14" t="s">
        <v>96</v>
      </c>
      <c r="D15319" s="14" t="s">
        <v>112</v>
      </c>
      <c r="E15319" s="15">
        <v>45730</v>
      </c>
      <c r="F15319" s="14" t="s">
        <v>28</v>
      </c>
      <c r="G15319" s="16">
        <v>0</v>
      </c>
    </row>
    <row r="15320" spans="1:7" x14ac:dyDescent="0.3">
      <c r="A15320" s="13" t="s">
        <v>111</v>
      </c>
      <c r="B15320" s="14" t="s">
        <v>1</v>
      </c>
      <c r="C15320" s="14" t="s">
        <v>96</v>
      </c>
      <c r="D15320" s="14" t="s">
        <v>112</v>
      </c>
      <c r="E15320" s="15">
        <v>45731</v>
      </c>
      <c r="F15320" s="14" t="s">
        <v>28</v>
      </c>
      <c r="G15320" s="16">
        <v>0</v>
      </c>
    </row>
    <row r="15321" spans="1:7" x14ac:dyDescent="0.3">
      <c r="A15321" s="13" t="s">
        <v>111</v>
      </c>
      <c r="B15321" s="14" t="s">
        <v>1</v>
      </c>
      <c r="C15321" s="14" t="s">
        <v>96</v>
      </c>
      <c r="D15321" s="14" t="s">
        <v>112</v>
      </c>
      <c r="E15321" s="15">
        <v>45732</v>
      </c>
      <c r="F15321" s="14" t="s">
        <v>28</v>
      </c>
      <c r="G15321" s="16">
        <v>0</v>
      </c>
    </row>
    <row r="15322" spans="1:7" x14ac:dyDescent="0.3">
      <c r="A15322" s="13" t="s">
        <v>111</v>
      </c>
      <c r="B15322" s="14" t="s">
        <v>1</v>
      </c>
      <c r="C15322" s="14" t="s">
        <v>96</v>
      </c>
      <c r="D15322" s="14" t="s">
        <v>112</v>
      </c>
      <c r="E15322" s="15">
        <v>45733</v>
      </c>
      <c r="F15322" s="14" t="s">
        <v>28</v>
      </c>
      <c r="G15322" s="16">
        <v>0</v>
      </c>
    </row>
    <row r="15323" spans="1:7" x14ac:dyDescent="0.3">
      <c r="A15323" s="13" t="s">
        <v>111</v>
      </c>
      <c r="B15323" s="14" t="s">
        <v>1</v>
      </c>
      <c r="C15323" s="14" t="s">
        <v>96</v>
      </c>
      <c r="D15323" s="14" t="s">
        <v>112</v>
      </c>
      <c r="E15323" s="15">
        <v>45734</v>
      </c>
      <c r="F15323" s="14" t="s">
        <v>28</v>
      </c>
      <c r="G15323" s="16">
        <v>0</v>
      </c>
    </row>
    <row r="15324" spans="1:7" x14ac:dyDescent="0.3">
      <c r="A15324" s="13" t="s">
        <v>111</v>
      </c>
      <c r="B15324" s="14" t="s">
        <v>1</v>
      </c>
      <c r="C15324" s="14" t="s">
        <v>96</v>
      </c>
      <c r="D15324" s="14" t="s">
        <v>112</v>
      </c>
      <c r="E15324" s="15">
        <v>45735</v>
      </c>
      <c r="F15324" s="14" t="s">
        <v>28</v>
      </c>
      <c r="G15324" s="16">
        <v>0</v>
      </c>
    </row>
    <row r="15325" spans="1:7" x14ac:dyDescent="0.3">
      <c r="A15325" s="13" t="s">
        <v>111</v>
      </c>
      <c r="B15325" s="14" t="s">
        <v>1</v>
      </c>
      <c r="C15325" s="14" t="s">
        <v>96</v>
      </c>
      <c r="D15325" s="14" t="s">
        <v>112</v>
      </c>
      <c r="E15325" s="15">
        <v>45736</v>
      </c>
      <c r="F15325" s="14" t="s">
        <v>28</v>
      </c>
      <c r="G15325" s="16">
        <v>0</v>
      </c>
    </row>
    <row r="15326" spans="1:7" x14ac:dyDescent="0.3">
      <c r="A15326" s="13" t="s">
        <v>111</v>
      </c>
      <c r="B15326" s="14" t="s">
        <v>1</v>
      </c>
      <c r="C15326" s="14" t="s">
        <v>96</v>
      </c>
      <c r="D15326" s="14" t="s">
        <v>112</v>
      </c>
      <c r="E15326" s="15">
        <v>45737</v>
      </c>
      <c r="F15326" s="14" t="s">
        <v>28</v>
      </c>
      <c r="G15326" s="16">
        <v>0</v>
      </c>
    </row>
    <row r="15327" spans="1:7" x14ac:dyDescent="0.3">
      <c r="A15327" s="13" t="s">
        <v>111</v>
      </c>
      <c r="B15327" s="14" t="s">
        <v>1</v>
      </c>
      <c r="C15327" s="14" t="s">
        <v>96</v>
      </c>
      <c r="D15327" s="14" t="s">
        <v>112</v>
      </c>
      <c r="E15327" s="15">
        <v>45738</v>
      </c>
      <c r="F15327" s="14" t="s">
        <v>28</v>
      </c>
      <c r="G15327" s="16">
        <v>0</v>
      </c>
    </row>
    <row r="15328" spans="1:7" x14ac:dyDescent="0.3">
      <c r="A15328" s="13" t="s">
        <v>111</v>
      </c>
      <c r="B15328" s="14" t="s">
        <v>1</v>
      </c>
      <c r="C15328" s="14" t="s">
        <v>96</v>
      </c>
      <c r="D15328" s="14" t="s">
        <v>112</v>
      </c>
      <c r="E15328" s="15">
        <v>45739</v>
      </c>
      <c r="F15328" s="14" t="s">
        <v>28</v>
      </c>
      <c r="G15328" s="16">
        <v>0</v>
      </c>
    </row>
    <row r="15329" spans="1:7" x14ac:dyDescent="0.3">
      <c r="A15329" s="13" t="s">
        <v>111</v>
      </c>
      <c r="B15329" s="14" t="s">
        <v>1</v>
      </c>
      <c r="C15329" s="14" t="s">
        <v>96</v>
      </c>
      <c r="D15329" s="14" t="s">
        <v>112</v>
      </c>
      <c r="E15329" s="15">
        <v>45740</v>
      </c>
      <c r="F15329" s="14" t="s">
        <v>28</v>
      </c>
      <c r="G15329" s="16">
        <v>0</v>
      </c>
    </row>
    <row r="15330" spans="1:7" x14ac:dyDescent="0.3">
      <c r="A15330" s="13" t="s">
        <v>111</v>
      </c>
      <c r="B15330" s="14" t="s">
        <v>1</v>
      </c>
      <c r="C15330" s="14" t="s">
        <v>96</v>
      </c>
      <c r="D15330" s="14" t="s">
        <v>112</v>
      </c>
      <c r="E15330" s="15">
        <v>45741</v>
      </c>
      <c r="F15330" s="14" t="s">
        <v>28</v>
      </c>
      <c r="G15330" s="16">
        <v>0</v>
      </c>
    </row>
    <row r="15331" spans="1:7" x14ac:dyDescent="0.3">
      <c r="A15331" s="13" t="s">
        <v>111</v>
      </c>
      <c r="B15331" s="14" t="s">
        <v>1</v>
      </c>
      <c r="C15331" s="14" t="s">
        <v>96</v>
      </c>
      <c r="D15331" s="14" t="s">
        <v>112</v>
      </c>
      <c r="E15331" s="15">
        <v>45742</v>
      </c>
      <c r="F15331" s="14" t="s">
        <v>28</v>
      </c>
      <c r="G15331" s="16">
        <v>1.1316777589134108E-2</v>
      </c>
    </row>
    <row r="15332" spans="1:7" x14ac:dyDescent="0.3">
      <c r="A15332" s="13" t="s">
        <v>111</v>
      </c>
      <c r="B15332" s="14" t="s">
        <v>1</v>
      </c>
      <c r="C15332" s="14" t="s">
        <v>96</v>
      </c>
      <c r="D15332" s="14" t="s">
        <v>112</v>
      </c>
      <c r="E15332" s="15">
        <v>45743</v>
      </c>
      <c r="F15332" s="14" t="s">
        <v>28</v>
      </c>
      <c r="G15332" s="16">
        <v>1.9357852855678339E-2</v>
      </c>
    </row>
    <row r="15333" spans="1:7" x14ac:dyDescent="0.3">
      <c r="A15333" s="13" t="s">
        <v>111</v>
      </c>
      <c r="B15333" s="14" t="s">
        <v>1</v>
      </c>
      <c r="C15333" s="14" t="s">
        <v>96</v>
      </c>
      <c r="D15333" s="14" t="s">
        <v>112</v>
      </c>
      <c r="E15333" s="15">
        <v>45744</v>
      </c>
      <c r="F15333" s="14" t="s">
        <v>28</v>
      </c>
      <c r="G15333" s="16">
        <v>8.5205206098254143E-3</v>
      </c>
    </row>
    <row r="15334" spans="1:7" x14ac:dyDescent="0.3">
      <c r="A15334" s="13" t="s">
        <v>111</v>
      </c>
      <c r="B15334" s="14" t="s">
        <v>1</v>
      </c>
      <c r="C15334" s="14" t="s">
        <v>96</v>
      </c>
      <c r="D15334" s="14" t="s">
        <v>112</v>
      </c>
      <c r="E15334" s="15">
        <v>45745</v>
      </c>
      <c r="F15334" s="14" t="s">
        <v>28</v>
      </c>
      <c r="G15334" s="16">
        <v>8.5205206098254143E-3</v>
      </c>
    </row>
    <row r="15335" spans="1:7" x14ac:dyDescent="0.3">
      <c r="A15335" s="13" t="s">
        <v>111</v>
      </c>
      <c r="B15335" s="14" t="s">
        <v>1</v>
      </c>
      <c r="C15335" s="14" t="s">
        <v>96</v>
      </c>
      <c r="D15335" s="14" t="s">
        <v>112</v>
      </c>
      <c r="E15335" s="15">
        <v>45746</v>
      </c>
      <c r="F15335" s="14" t="s">
        <v>28</v>
      </c>
      <c r="G15335" s="16">
        <v>8.5205206098254143E-3</v>
      </c>
    </row>
    <row r="15336" spans="1:7" x14ac:dyDescent="0.3">
      <c r="A15336" s="13" t="s">
        <v>111</v>
      </c>
      <c r="B15336" s="14" t="s">
        <v>1</v>
      </c>
      <c r="C15336" s="14" t="s">
        <v>96</v>
      </c>
      <c r="D15336" s="14" t="s">
        <v>112</v>
      </c>
      <c r="E15336" s="15">
        <v>45747</v>
      </c>
      <c r="F15336" s="14" t="s">
        <v>28</v>
      </c>
      <c r="G15336" s="16">
        <v>8.5205206098254143E-3</v>
      </c>
    </row>
    <row r="15337" spans="1:7" x14ac:dyDescent="0.3">
      <c r="A15337" s="13" t="s">
        <v>113</v>
      </c>
      <c r="B15337" s="14" t="s">
        <v>1</v>
      </c>
      <c r="C15337" s="14" t="s">
        <v>23</v>
      </c>
      <c r="D15337" s="14" t="s">
        <v>114</v>
      </c>
      <c r="E15337" s="15">
        <v>45383</v>
      </c>
      <c r="F15337" s="14" t="s">
        <v>15</v>
      </c>
      <c r="G15337" s="16">
        <v>0</v>
      </c>
    </row>
    <row r="15338" spans="1:7" x14ac:dyDescent="0.3">
      <c r="A15338" s="13" t="s">
        <v>113</v>
      </c>
      <c r="B15338" s="14" t="s">
        <v>1</v>
      </c>
      <c r="C15338" s="14" t="s">
        <v>23</v>
      </c>
      <c r="D15338" s="14" t="s">
        <v>114</v>
      </c>
      <c r="E15338" s="15">
        <v>45384</v>
      </c>
      <c r="F15338" s="14" t="s">
        <v>15</v>
      </c>
      <c r="G15338" s="16">
        <v>0</v>
      </c>
    </row>
    <row r="15339" spans="1:7" x14ac:dyDescent="0.3">
      <c r="A15339" s="13" t="s">
        <v>113</v>
      </c>
      <c r="B15339" s="14" t="s">
        <v>1</v>
      </c>
      <c r="C15339" s="14" t="s">
        <v>23</v>
      </c>
      <c r="D15339" s="14" t="s">
        <v>114</v>
      </c>
      <c r="E15339" s="15">
        <v>45385</v>
      </c>
      <c r="F15339" s="14" t="s">
        <v>15</v>
      </c>
      <c r="G15339" s="16">
        <v>7.9457240021598957E-2</v>
      </c>
    </row>
    <row r="15340" spans="1:7" x14ac:dyDescent="0.3">
      <c r="A15340" s="13" t="s">
        <v>113</v>
      </c>
      <c r="B15340" s="14" t="s">
        <v>1</v>
      </c>
      <c r="C15340" s="14" t="s">
        <v>23</v>
      </c>
      <c r="D15340" s="14" t="s">
        <v>114</v>
      </c>
      <c r="E15340" s="15">
        <v>45386</v>
      </c>
      <c r="F15340" s="14" t="s">
        <v>15</v>
      </c>
      <c r="G15340" s="16">
        <v>9.9614101893293061E-2</v>
      </c>
    </row>
    <row r="15341" spans="1:7" x14ac:dyDescent="0.3">
      <c r="A15341" s="13" t="s">
        <v>113</v>
      </c>
      <c r="B15341" s="14" t="s">
        <v>1</v>
      </c>
      <c r="C15341" s="14" t="s">
        <v>23</v>
      </c>
      <c r="D15341" s="14" t="s">
        <v>114</v>
      </c>
      <c r="E15341" s="15">
        <v>45387</v>
      </c>
      <c r="F15341" s="14" t="s">
        <v>15</v>
      </c>
      <c r="G15341" s="16">
        <v>0.13131605320560633</v>
      </c>
    </row>
    <row r="15342" spans="1:7" x14ac:dyDescent="0.3">
      <c r="A15342" s="13" t="s">
        <v>113</v>
      </c>
      <c r="B15342" s="14" t="s">
        <v>1</v>
      </c>
      <c r="C15342" s="14" t="s">
        <v>23</v>
      </c>
      <c r="D15342" s="14" t="s">
        <v>114</v>
      </c>
      <c r="E15342" s="15">
        <v>45388</v>
      </c>
      <c r="F15342" s="14" t="s">
        <v>15</v>
      </c>
      <c r="G15342" s="16">
        <v>0.13131605320560633</v>
      </c>
    </row>
    <row r="15343" spans="1:7" x14ac:dyDescent="0.3">
      <c r="A15343" s="13" t="s">
        <v>113</v>
      </c>
      <c r="B15343" s="14" t="s">
        <v>1</v>
      </c>
      <c r="C15343" s="14" t="s">
        <v>23</v>
      </c>
      <c r="D15343" s="14" t="s">
        <v>114</v>
      </c>
      <c r="E15343" s="15">
        <v>45389</v>
      </c>
      <c r="F15343" s="14" t="s">
        <v>15</v>
      </c>
      <c r="G15343" s="16">
        <v>0.13131605320560633</v>
      </c>
    </row>
    <row r="15344" spans="1:7" x14ac:dyDescent="0.3">
      <c r="A15344" s="13" t="s">
        <v>113</v>
      </c>
      <c r="B15344" s="14" t="s">
        <v>1</v>
      </c>
      <c r="C15344" s="14" t="s">
        <v>23</v>
      </c>
      <c r="D15344" s="14" t="s">
        <v>114</v>
      </c>
      <c r="E15344" s="15">
        <v>45390</v>
      </c>
      <c r="F15344" s="14" t="s">
        <v>15</v>
      </c>
      <c r="G15344" s="16">
        <v>0.14925981999684299</v>
      </c>
    </row>
    <row r="15345" spans="1:7" x14ac:dyDescent="0.3">
      <c r="A15345" s="13" t="s">
        <v>113</v>
      </c>
      <c r="B15345" s="14" t="s">
        <v>1</v>
      </c>
      <c r="C15345" s="14" t="s">
        <v>23</v>
      </c>
      <c r="D15345" s="14" t="s">
        <v>114</v>
      </c>
      <c r="E15345" s="15">
        <v>45391</v>
      </c>
      <c r="F15345" s="14" t="s">
        <v>15</v>
      </c>
      <c r="G15345" s="16">
        <v>0.20318785217092039</v>
      </c>
    </row>
    <row r="15346" spans="1:7" x14ac:dyDescent="0.3">
      <c r="A15346" s="13" t="s">
        <v>113</v>
      </c>
      <c r="B15346" s="14" t="s">
        <v>1</v>
      </c>
      <c r="C15346" s="14" t="s">
        <v>23</v>
      </c>
      <c r="D15346" s="14" t="s">
        <v>114</v>
      </c>
      <c r="E15346" s="15">
        <v>45392</v>
      </c>
      <c r="F15346" s="14" t="s">
        <v>15</v>
      </c>
      <c r="G15346" s="16">
        <v>0.22433829463993032</v>
      </c>
    </row>
    <row r="15347" spans="1:7" x14ac:dyDescent="0.3">
      <c r="A15347" s="13" t="s">
        <v>113</v>
      </c>
      <c r="B15347" s="14" t="s">
        <v>1</v>
      </c>
      <c r="C15347" s="14" t="s">
        <v>23</v>
      </c>
      <c r="D15347" s="14" t="s">
        <v>114</v>
      </c>
      <c r="E15347" s="15">
        <v>45393</v>
      </c>
      <c r="F15347" s="14" t="s">
        <v>15</v>
      </c>
      <c r="G15347" s="16">
        <v>0.24371958229536861</v>
      </c>
    </row>
    <row r="15348" spans="1:7" x14ac:dyDescent="0.3">
      <c r="A15348" s="13" t="s">
        <v>113</v>
      </c>
      <c r="B15348" s="14" t="s">
        <v>1</v>
      </c>
      <c r="C15348" s="14" t="s">
        <v>23</v>
      </c>
      <c r="D15348" s="14" t="s">
        <v>114</v>
      </c>
      <c r="E15348" s="15">
        <v>45394</v>
      </c>
      <c r="F15348" s="14" t="s">
        <v>15</v>
      </c>
      <c r="G15348" s="16">
        <v>0.2616395665723078</v>
      </c>
    </row>
    <row r="15349" spans="1:7" x14ac:dyDescent="0.3">
      <c r="A15349" s="13" t="s">
        <v>113</v>
      </c>
      <c r="B15349" s="14" t="s">
        <v>1</v>
      </c>
      <c r="C15349" s="14" t="s">
        <v>23</v>
      </c>
      <c r="D15349" s="14" t="s">
        <v>114</v>
      </c>
      <c r="E15349" s="15">
        <v>45395</v>
      </c>
      <c r="F15349" s="14" t="s">
        <v>15</v>
      </c>
      <c r="G15349" s="16">
        <v>0.2616395665723078</v>
      </c>
    </row>
    <row r="15350" spans="1:7" x14ac:dyDescent="0.3">
      <c r="A15350" s="13" t="s">
        <v>113</v>
      </c>
      <c r="B15350" s="14" t="s">
        <v>1</v>
      </c>
      <c r="C15350" s="14" t="s">
        <v>23</v>
      </c>
      <c r="D15350" s="14" t="s">
        <v>114</v>
      </c>
      <c r="E15350" s="15">
        <v>45396</v>
      </c>
      <c r="F15350" s="14" t="s">
        <v>15</v>
      </c>
      <c r="G15350" s="16">
        <v>0.2616395665723078</v>
      </c>
    </row>
    <row r="15351" spans="1:7" x14ac:dyDescent="0.3">
      <c r="A15351" s="13" t="s">
        <v>113</v>
      </c>
      <c r="B15351" s="14" t="s">
        <v>1</v>
      </c>
      <c r="C15351" s="14" t="s">
        <v>23</v>
      </c>
      <c r="D15351" s="14" t="s">
        <v>114</v>
      </c>
      <c r="E15351" s="15">
        <v>45397</v>
      </c>
      <c r="F15351" s="14" t="s">
        <v>15</v>
      </c>
      <c r="G15351" s="16">
        <v>0.28100235671662588</v>
      </c>
    </row>
    <row r="15352" spans="1:7" x14ac:dyDescent="0.3">
      <c r="A15352" s="13" t="s">
        <v>113</v>
      </c>
      <c r="B15352" s="14" t="s">
        <v>1</v>
      </c>
      <c r="C15352" s="14" t="s">
        <v>23</v>
      </c>
      <c r="D15352" s="14" t="s">
        <v>114</v>
      </c>
      <c r="E15352" s="15">
        <v>45398</v>
      </c>
      <c r="F15352" s="14" t="s">
        <v>15</v>
      </c>
      <c r="G15352" s="16">
        <v>0.33411385589982406</v>
      </c>
    </row>
    <row r="15353" spans="1:7" x14ac:dyDescent="0.3">
      <c r="A15353" s="13" t="s">
        <v>113</v>
      </c>
      <c r="B15353" s="14" t="s">
        <v>1</v>
      </c>
      <c r="C15353" s="14" t="s">
        <v>23</v>
      </c>
      <c r="D15353" s="14" t="s">
        <v>114</v>
      </c>
      <c r="E15353" s="15">
        <v>45399</v>
      </c>
      <c r="F15353" s="14" t="s">
        <v>15</v>
      </c>
      <c r="G15353" s="16">
        <v>0.35175637750995964</v>
      </c>
    </row>
    <row r="15354" spans="1:7" x14ac:dyDescent="0.3">
      <c r="A15354" s="13" t="s">
        <v>113</v>
      </c>
      <c r="B15354" s="14" t="s">
        <v>1</v>
      </c>
      <c r="C15354" s="14" t="s">
        <v>23</v>
      </c>
      <c r="D15354" s="14" t="s">
        <v>114</v>
      </c>
      <c r="E15354" s="15">
        <v>45400</v>
      </c>
      <c r="F15354" s="14" t="s">
        <v>15</v>
      </c>
      <c r="G15354" s="16">
        <v>0.36942003913280408</v>
      </c>
    </row>
    <row r="15355" spans="1:7" x14ac:dyDescent="0.3">
      <c r="A15355" s="13" t="s">
        <v>113</v>
      </c>
      <c r="B15355" s="14" t="s">
        <v>1</v>
      </c>
      <c r="C15355" s="14" t="s">
        <v>23</v>
      </c>
      <c r="D15355" s="14" t="s">
        <v>114</v>
      </c>
      <c r="E15355" s="15">
        <v>45401</v>
      </c>
      <c r="F15355" s="14" t="s">
        <v>15</v>
      </c>
      <c r="G15355" s="16">
        <v>0.38714844204456939</v>
      </c>
    </row>
    <row r="15356" spans="1:7" x14ac:dyDescent="0.3">
      <c r="A15356" s="13" t="s">
        <v>113</v>
      </c>
      <c r="B15356" s="14" t="s">
        <v>1</v>
      </c>
      <c r="C15356" s="14" t="s">
        <v>23</v>
      </c>
      <c r="D15356" s="14" t="s">
        <v>114</v>
      </c>
      <c r="E15356" s="15">
        <v>45402</v>
      </c>
      <c r="F15356" s="14" t="s">
        <v>15</v>
      </c>
      <c r="G15356" s="16">
        <v>0.38714844204456939</v>
      </c>
    </row>
    <row r="15357" spans="1:7" x14ac:dyDescent="0.3">
      <c r="A15357" s="13" t="s">
        <v>113</v>
      </c>
      <c r="B15357" s="14" t="s">
        <v>1</v>
      </c>
      <c r="C15357" s="14" t="s">
        <v>23</v>
      </c>
      <c r="D15357" s="14" t="s">
        <v>114</v>
      </c>
      <c r="E15357" s="15">
        <v>45403</v>
      </c>
      <c r="F15357" s="14" t="s">
        <v>15</v>
      </c>
      <c r="G15357" s="16">
        <v>0.38714844204456939</v>
      </c>
    </row>
    <row r="15358" spans="1:7" x14ac:dyDescent="0.3">
      <c r="A15358" s="13" t="s">
        <v>113</v>
      </c>
      <c r="B15358" s="14" t="s">
        <v>1</v>
      </c>
      <c r="C15358" s="14" t="s">
        <v>23</v>
      </c>
      <c r="D15358" s="14" t="s">
        <v>114</v>
      </c>
      <c r="E15358" s="15">
        <v>45404</v>
      </c>
      <c r="F15358" s="14" t="s">
        <v>15</v>
      </c>
      <c r="G15358" s="16">
        <v>0.41278119660925133</v>
      </c>
    </row>
    <row r="15359" spans="1:7" x14ac:dyDescent="0.3">
      <c r="A15359" s="13" t="s">
        <v>113</v>
      </c>
      <c r="B15359" s="14" t="s">
        <v>1</v>
      </c>
      <c r="C15359" s="14" t="s">
        <v>23</v>
      </c>
      <c r="D15359" s="14" t="s">
        <v>114</v>
      </c>
      <c r="E15359" s="15">
        <v>45405</v>
      </c>
      <c r="F15359" s="14" t="s">
        <v>15</v>
      </c>
      <c r="G15359" s="16">
        <v>0.45870372398817855</v>
      </c>
    </row>
    <row r="15360" spans="1:7" x14ac:dyDescent="0.3">
      <c r="A15360" s="13" t="s">
        <v>113</v>
      </c>
      <c r="B15360" s="14" t="s">
        <v>1</v>
      </c>
      <c r="C15360" s="14" t="s">
        <v>23</v>
      </c>
      <c r="D15360" s="14" t="s">
        <v>114</v>
      </c>
      <c r="E15360" s="15">
        <v>45406</v>
      </c>
      <c r="F15360" s="14" t="s">
        <v>15</v>
      </c>
      <c r="G15360" s="16">
        <v>0.47332437483050066</v>
      </c>
    </row>
    <row r="15361" spans="1:7" x14ac:dyDescent="0.3">
      <c r="A15361" s="13" t="s">
        <v>113</v>
      </c>
      <c r="B15361" s="14" t="s">
        <v>1</v>
      </c>
      <c r="C15361" s="14" t="s">
        <v>23</v>
      </c>
      <c r="D15361" s="14" t="s">
        <v>114</v>
      </c>
      <c r="E15361" s="15">
        <v>45407</v>
      </c>
      <c r="F15361" s="14" t="s">
        <v>15</v>
      </c>
      <c r="G15361" s="16">
        <v>0.43583842183135846</v>
      </c>
    </row>
    <row r="15362" spans="1:7" x14ac:dyDescent="0.3">
      <c r="A15362" s="13" t="s">
        <v>113</v>
      </c>
      <c r="B15362" s="14" t="s">
        <v>1</v>
      </c>
      <c r="C15362" s="14" t="s">
        <v>23</v>
      </c>
      <c r="D15362" s="14" t="s">
        <v>114</v>
      </c>
      <c r="E15362" s="15">
        <v>45408</v>
      </c>
      <c r="F15362" s="14" t="s">
        <v>15</v>
      </c>
      <c r="G15362" s="16">
        <v>0.45222321621707506</v>
      </c>
    </row>
    <row r="15363" spans="1:7" x14ac:dyDescent="0.3">
      <c r="A15363" s="13" t="s">
        <v>113</v>
      </c>
      <c r="B15363" s="14" t="s">
        <v>1</v>
      </c>
      <c r="C15363" s="14" t="s">
        <v>23</v>
      </c>
      <c r="D15363" s="14" t="s">
        <v>114</v>
      </c>
      <c r="E15363" s="15">
        <v>45409</v>
      </c>
      <c r="F15363" s="14" t="s">
        <v>15</v>
      </c>
      <c r="G15363" s="16">
        <v>0.45222321621707506</v>
      </c>
    </row>
    <row r="15364" spans="1:7" x14ac:dyDescent="0.3">
      <c r="A15364" s="13" t="s">
        <v>113</v>
      </c>
      <c r="B15364" s="14" t="s">
        <v>1</v>
      </c>
      <c r="C15364" s="14" t="s">
        <v>23</v>
      </c>
      <c r="D15364" s="14" t="s">
        <v>114</v>
      </c>
      <c r="E15364" s="15">
        <v>45410</v>
      </c>
      <c r="F15364" s="14" t="s">
        <v>15</v>
      </c>
      <c r="G15364" s="16">
        <v>0.45222321621707506</v>
      </c>
    </row>
    <row r="15365" spans="1:7" x14ac:dyDescent="0.3">
      <c r="A15365" s="13" t="s">
        <v>113</v>
      </c>
      <c r="B15365" s="14" t="s">
        <v>1</v>
      </c>
      <c r="C15365" s="14" t="s">
        <v>23</v>
      </c>
      <c r="D15365" s="14" t="s">
        <v>114</v>
      </c>
      <c r="E15365" s="15">
        <v>45411</v>
      </c>
      <c r="F15365" s="14" t="s">
        <v>15</v>
      </c>
      <c r="G15365" s="16">
        <v>0.47040893660980143</v>
      </c>
    </row>
    <row r="15366" spans="1:7" x14ac:dyDescent="0.3">
      <c r="A15366" s="13" t="s">
        <v>113</v>
      </c>
      <c r="B15366" s="14" t="s">
        <v>1</v>
      </c>
      <c r="C15366" s="14" t="s">
        <v>23</v>
      </c>
      <c r="D15366" s="14" t="s">
        <v>114</v>
      </c>
      <c r="E15366" s="15">
        <v>45412</v>
      </c>
      <c r="F15366" s="14" t="s">
        <v>15</v>
      </c>
      <c r="G15366" s="16">
        <v>0.5253219469223871</v>
      </c>
    </row>
    <row r="15367" spans="1:7" x14ac:dyDescent="0.3">
      <c r="A15367" s="13" t="s">
        <v>113</v>
      </c>
      <c r="B15367" s="14" t="s">
        <v>1</v>
      </c>
      <c r="C15367" s="14" t="s">
        <v>23</v>
      </c>
      <c r="D15367" s="14" t="s">
        <v>114</v>
      </c>
      <c r="E15367" s="15">
        <v>45413</v>
      </c>
      <c r="F15367" s="14" t="s">
        <v>15</v>
      </c>
      <c r="G15367" s="16">
        <v>0.54342844354732667</v>
      </c>
    </row>
    <row r="15368" spans="1:7" x14ac:dyDescent="0.3">
      <c r="A15368" s="13" t="s">
        <v>113</v>
      </c>
      <c r="B15368" s="14" t="s">
        <v>1</v>
      </c>
      <c r="C15368" s="14" t="s">
        <v>23</v>
      </c>
      <c r="D15368" s="14" t="s">
        <v>114</v>
      </c>
      <c r="E15368" s="15">
        <v>45414</v>
      </c>
      <c r="F15368" s="14" t="s">
        <v>15</v>
      </c>
      <c r="G15368" s="16">
        <v>0.56198481799648392</v>
      </c>
    </row>
    <row r="15369" spans="1:7" x14ac:dyDescent="0.3">
      <c r="A15369" s="13" t="s">
        <v>113</v>
      </c>
      <c r="B15369" s="14" t="s">
        <v>1</v>
      </c>
      <c r="C15369" s="14" t="s">
        <v>23</v>
      </c>
      <c r="D15369" s="14" t="s">
        <v>114</v>
      </c>
      <c r="E15369" s="15">
        <v>45415</v>
      </c>
      <c r="F15369" s="14" t="s">
        <v>15</v>
      </c>
      <c r="G15369" s="16">
        <v>0.58022005324407722</v>
      </c>
    </row>
    <row r="15370" spans="1:7" x14ac:dyDescent="0.3">
      <c r="A15370" s="13" t="s">
        <v>113</v>
      </c>
      <c r="B15370" s="14" t="s">
        <v>1</v>
      </c>
      <c r="C15370" s="14" t="s">
        <v>23</v>
      </c>
      <c r="D15370" s="14" t="s">
        <v>114</v>
      </c>
      <c r="E15370" s="15">
        <v>45416</v>
      </c>
      <c r="F15370" s="14" t="s">
        <v>15</v>
      </c>
      <c r="G15370" s="16">
        <v>0.58022005324407722</v>
      </c>
    </row>
    <row r="15371" spans="1:7" x14ac:dyDescent="0.3">
      <c r="A15371" s="13" t="s">
        <v>113</v>
      </c>
      <c r="B15371" s="14" t="s">
        <v>1</v>
      </c>
      <c r="C15371" s="14" t="s">
        <v>23</v>
      </c>
      <c r="D15371" s="14" t="s">
        <v>114</v>
      </c>
      <c r="E15371" s="15">
        <v>45417</v>
      </c>
      <c r="F15371" s="14" t="s">
        <v>15</v>
      </c>
      <c r="G15371" s="16">
        <v>0.58022005324407722</v>
      </c>
    </row>
    <row r="15372" spans="1:7" x14ac:dyDescent="0.3">
      <c r="A15372" s="13" t="s">
        <v>113</v>
      </c>
      <c r="B15372" s="14" t="s">
        <v>1</v>
      </c>
      <c r="C15372" s="14" t="s">
        <v>23</v>
      </c>
      <c r="D15372" s="14" t="s">
        <v>114</v>
      </c>
      <c r="E15372" s="15">
        <v>45418</v>
      </c>
      <c r="F15372" s="14" t="s">
        <v>15</v>
      </c>
      <c r="G15372" s="16">
        <v>0.58022005324407722</v>
      </c>
    </row>
    <row r="15373" spans="1:7" x14ac:dyDescent="0.3">
      <c r="A15373" s="13" t="s">
        <v>113</v>
      </c>
      <c r="B15373" s="14" t="s">
        <v>1</v>
      </c>
      <c r="C15373" s="14" t="s">
        <v>23</v>
      </c>
      <c r="D15373" s="14" t="s">
        <v>114</v>
      </c>
      <c r="E15373" s="15">
        <v>45419</v>
      </c>
      <c r="F15373" s="14" t="s">
        <v>15</v>
      </c>
      <c r="G15373" s="16">
        <v>0.59779037472631702</v>
      </c>
    </row>
    <row r="15374" spans="1:7" x14ac:dyDescent="0.3">
      <c r="A15374" s="13" t="s">
        <v>113</v>
      </c>
      <c r="B15374" s="14" t="s">
        <v>1</v>
      </c>
      <c r="C15374" s="14" t="s">
        <v>23</v>
      </c>
      <c r="D15374" s="14" t="s">
        <v>114</v>
      </c>
      <c r="E15374" s="15">
        <v>45420</v>
      </c>
      <c r="F15374" s="14" t="s">
        <v>15</v>
      </c>
      <c r="G15374" s="16">
        <v>0.68732134214143925</v>
      </c>
    </row>
    <row r="15375" spans="1:7" x14ac:dyDescent="0.3">
      <c r="A15375" s="13" t="s">
        <v>113</v>
      </c>
      <c r="B15375" s="14" t="s">
        <v>1</v>
      </c>
      <c r="C15375" s="14" t="s">
        <v>23</v>
      </c>
      <c r="D15375" s="14" t="s">
        <v>114</v>
      </c>
      <c r="E15375" s="15">
        <v>45421</v>
      </c>
      <c r="F15375" s="14" t="s">
        <v>15</v>
      </c>
      <c r="G15375" s="16">
        <v>0.70556930978028376</v>
      </c>
    </row>
    <row r="15376" spans="1:7" x14ac:dyDescent="0.3">
      <c r="A15376" s="13" t="s">
        <v>113</v>
      </c>
      <c r="B15376" s="14" t="s">
        <v>1</v>
      </c>
      <c r="C15376" s="14" t="s">
        <v>23</v>
      </c>
      <c r="D15376" s="14" t="s">
        <v>114</v>
      </c>
      <c r="E15376" s="15">
        <v>45422</v>
      </c>
      <c r="F15376" s="14" t="s">
        <v>15</v>
      </c>
      <c r="G15376" s="16">
        <v>0.72365882988355479</v>
      </c>
    </row>
    <row r="15377" spans="1:7" x14ac:dyDescent="0.3">
      <c r="A15377" s="13" t="s">
        <v>113</v>
      </c>
      <c r="B15377" s="14" t="s">
        <v>1</v>
      </c>
      <c r="C15377" s="14" t="s">
        <v>23</v>
      </c>
      <c r="D15377" s="14" t="s">
        <v>114</v>
      </c>
      <c r="E15377" s="15">
        <v>45423</v>
      </c>
      <c r="F15377" s="14" t="s">
        <v>15</v>
      </c>
      <c r="G15377" s="16">
        <v>0.72365882988355479</v>
      </c>
    </row>
    <row r="15378" spans="1:7" x14ac:dyDescent="0.3">
      <c r="A15378" s="13" t="s">
        <v>113</v>
      </c>
      <c r="B15378" s="14" t="s">
        <v>1</v>
      </c>
      <c r="C15378" s="14" t="s">
        <v>23</v>
      </c>
      <c r="D15378" s="14" t="s">
        <v>114</v>
      </c>
      <c r="E15378" s="15">
        <v>45424</v>
      </c>
      <c r="F15378" s="14" t="s">
        <v>15</v>
      </c>
      <c r="G15378" s="16">
        <v>0.72365882988355479</v>
      </c>
    </row>
    <row r="15379" spans="1:7" x14ac:dyDescent="0.3">
      <c r="A15379" s="13" t="s">
        <v>113</v>
      </c>
      <c r="B15379" s="14" t="s">
        <v>1</v>
      </c>
      <c r="C15379" s="14" t="s">
        <v>23</v>
      </c>
      <c r="D15379" s="14" t="s">
        <v>114</v>
      </c>
      <c r="E15379" s="15">
        <v>45425</v>
      </c>
      <c r="F15379" s="14" t="s">
        <v>15</v>
      </c>
      <c r="G15379" s="16">
        <v>0.74246419331718472</v>
      </c>
    </row>
    <row r="15380" spans="1:7" x14ac:dyDescent="0.3">
      <c r="A15380" s="13" t="s">
        <v>113</v>
      </c>
      <c r="B15380" s="14" t="s">
        <v>1</v>
      </c>
      <c r="C15380" s="14" t="s">
        <v>23</v>
      </c>
      <c r="D15380" s="14" t="s">
        <v>114</v>
      </c>
      <c r="E15380" s="15">
        <v>45426</v>
      </c>
      <c r="F15380" s="14" t="s">
        <v>15</v>
      </c>
      <c r="G15380" s="16">
        <v>0.79881171971076637</v>
      </c>
    </row>
    <row r="15381" spans="1:7" x14ac:dyDescent="0.3">
      <c r="A15381" s="13" t="s">
        <v>113</v>
      </c>
      <c r="B15381" s="14" t="s">
        <v>1</v>
      </c>
      <c r="C15381" s="14" t="s">
        <v>23</v>
      </c>
      <c r="D15381" s="14" t="s">
        <v>114</v>
      </c>
      <c r="E15381" s="15">
        <v>45427</v>
      </c>
      <c r="F15381" s="14" t="s">
        <v>15</v>
      </c>
      <c r="G15381" s="16">
        <v>0.8168786044518126</v>
      </c>
    </row>
    <row r="15382" spans="1:7" x14ac:dyDescent="0.3">
      <c r="A15382" s="13" t="s">
        <v>113</v>
      </c>
      <c r="B15382" s="14" t="s">
        <v>1</v>
      </c>
      <c r="C15382" s="14" t="s">
        <v>23</v>
      </c>
      <c r="D15382" s="14" t="s">
        <v>114</v>
      </c>
      <c r="E15382" s="15">
        <v>45428</v>
      </c>
      <c r="F15382" s="14" t="s">
        <v>15</v>
      </c>
      <c r="G15382" s="16">
        <v>0.83520862527872208</v>
      </c>
    </row>
    <row r="15383" spans="1:7" x14ac:dyDescent="0.3">
      <c r="A15383" s="13" t="s">
        <v>113</v>
      </c>
      <c r="B15383" s="14" t="s">
        <v>1</v>
      </c>
      <c r="C15383" s="14" t="s">
        <v>23</v>
      </c>
      <c r="D15383" s="14" t="s">
        <v>114</v>
      </c>
      <c r="E15383" s="15">
        <v>45429</v>
      </c>
      <c r="F15383" s="14" t="s">
        <v>15</v>
      </c>
      <c r="G15383" s="16">
        <v>0.85353440197521424</v>
      </c>
    </row>
    <row r="15384" spans="1:7" x14ac:dyDescent="0.3">
      <c r="A15384" s="13" t="s">
        <v>113</v>
      </c>
      <c r="B15384" s="14" t="s">
        <v>1</v>
      </c>
      <c r="C15384" s="14" t="s">
        <v>23</v>
      </c>
      <c r="D15384" s="14" t="s">
        <v>114</v>
      </c>
      <c r="E15384" s="15">
        <v>45430</v>
      </c>
      <c r="F15384" s="14" t="s">
        <v>15</v>
      </c>
      <c r="G15384" s="16">
        <v>0.85353440197521424</v>
      </c>
    </row>
    <row r="15385" spans="1:7" x14ac:dyDescent="0.3">
      <c r="A15385" s="13" t="s">
        <v>113</v>
      </c>
      <c r="B15385" s="14" t="s">
        <v>1</v>
      </c>
      <c r="C15385" s="14" t="s">
        <v>23</v>
      </c>
      <c r="D15385" s="14" t="s">
        <v>114</v>
      </c>
      <c r="E15385" s="15">
        <v>45431</v>
      </c>
      <c r="F15385" s="14" t="s">
        <v>15</v>
      </c>
      <c r="G15385" s="16">
        <v>0.85353440197521424</v>
      </c>
    </row>
    <row r="15386" spans="1:7" x14ac:dyDescent="0.3">
      <c r="A15386" s="13" t="s">
        <v>113</v>
      </c>
      <c r="B15386" s="14" t="s">
        <v>1</v>
      </c>
      <c r="C15386" s="14" t="s">
        <v>23</v>
      </c>
      <c r="D15386" s="14" t="s">
        <v>114</v>
      </c>
      <c r="E15386" s="15">
        <v>45432</v>
      </c>
      <c r="F15386" s="14" t="s">
        <v>15</v>
      </c>
      <c r="G15386" s="16">
        <v>0.87206955577228584</v>
      </c>
    </row>
    <row r="15387" spans="1:7" x14ac:dyDescent="0.3">
      <c r="A15387" s="13" t="s">
        <v>113</v>
      </c>
      <c r="B15387" s="14" t="s">
        <v>1</v>
      </c>
      <c r="C15387" s="14" t="s">
        <v>23</v>
      </c>
      <c r="D15387" s="14" t="s">
        <v>114</v>
      </c>
      <c r="E15387" s="15">
        <v>45433</v>
      </c>
      <c r="F15387" s="14" t="s">
        <v>15</v>
      </c>
      <c r="G15387" s="16">
        <v>0.92740132028603006</v>
      </c>
    </row>
    <row r="15388" spans="1:7" x14ac:dyDescent="0.3">
      <c r="A15388" s="13" t="s">
        <v>113</v>
      </c>
      <c r="B15388" s="14" t="s">
        <v>1</v>
      </c>
      <c r="C15388" s="14" t="s">
        <v>23</v>
      </c>
      <c r="D15388" s="14" t="s">
        <v>114</v>
      </c>
      <c r="E15388" s="15">
        <v>45434</v>
      </c>
      <c r="F15388" s="14" t="s">
        <v>15</v>
      </c>
      <c r="G15388" s="16">
        <v>0.94572426756224426</v>
      </c>
    </row>
    <row r="15389" spans="1:7" x14ac:dyDescent="0.3">
      <c r="A15389" s="13" t="s">
        <v>113</v>
      </c>
      <c r="B15389" s="14" t="s">
        <v>1</v>
      </c>
      <c r="C15389" s="14" t="s">
        <v>23</v>
      </c>
      <c r="D15389" s="14" t="s">
        <v>114</v>
      </c>
      <c r="E15389" s="15">
        <v>45435</v>
      </c>
      <c r="F15389" s="14" t="s">
        <v>15</v>
      </c>
      <c r="G15389" s="16">
        <v>0.96682429084141219</v>
      </c>
    </row>
    <row r="15390" spans="1:7" x14ac:dyDescent="0.3">
      <c r="A15390" s="13" t="s">
        <v>113</v>
      </c>
      <c r="B15390" s="14" t="s">
        <v>1</v>
      </c>
      <c r="C15390" s="14" t="s">
        <v>23</v>
      </c>
      <c r="D15390" s="14" t="s">
        <v>114</v>
      </c>
      <c r="E15390" s="15">
        <v>45436</v>
      </c>
      <c r="F15390" s="14" t="s">
        <v>15</v>
      </c>
      <c r="G15390" s="16">
        <v>0.98483034304647932</v>
      </c>
    </row>
    <row r="15391" spans="1:7" x14ac:dyDescent="0.3">
      <c r="A15391" s="13" t="s">
        <v>113</v>
      </c>
      <c r="B15391" s="14" t="s">
        <v>1</v>
      </c>
      <c r="C15391" s="14" t="s">
        <v>23</v>
      </c>
      <c r="D15391" s="14" t="s">
        <v>114</v>
      </c>
      <c r="E15391" s="15">
        <v>45437</v>
      </c>
      <c r="F15391" s="14" t="s">
        <v>15</v>
      </c>
      <c r="G15391" s="16">
        <v>0.98483034304647932</v>
      </c>
    </row>
    <row r="15392" spans="1:7" x14ac:dyDescent="0.3">
      <c r="A15392" s="13" t="s">
        <v>113</v>
      </c>
      <c r="B15392" s="14" t="s">
        <v>1</v>
      </c>
      <c r="C15392" s="14" t="s">
        <v>23</v>
      </c>
      <c r="D15392" s="14" t="s">
        <v>114</v>
      </c>
      <c r="E15392" s="15">
        <v>45438</v>
      </c>
      <c r="F15392" s="14" t="s">
        <v>15</v>
      </c>
      <c r="G15392" s="16">
        <v>0.98483034304647932</v>
      </c>
    </row>
    <row r="15393" spans="1:7" x14ac:dyDescent="0.3">
      <c r="A15393" s="13" t="s">
        <v>113</v>
      </c>
      <c r="B15393" s="14" t="s">
        <v>1</v>
      </c>
      <c r="C15393" s="14" t="s">
        <v>23</v>
      </c>
      <c r="D15393" s="14" t="s">
        <v>114</v>
      </c>
      <c r="E15393" s="15">
        <v>45439</v>
      </c>
      <c r="F15393" s="14" t="s">
        <v>15</v>
      </c>
      <c r="G15393" s="16">
        <v>0.98483034304647932</v>
      </c>
    </row>
    <row r="15394" spans="1:7" x14ac:dyDescent="0.3">
      <c r="A15394" s="13" t="s">
        <v>113</v>
      </c>
      <c r="B15394" s="14" t="s">
        <v>1</v>
      </c>
      <c r="C15394" s="14" t="s">
        <v>23</v>
      </c>
      <c r="D15394" s="14" t="s">
        <v>114</v>
      </c>
      <c r="E15394" s="15">
        <v>45440</v>
      </c>
      <c r="F15394" s="14" t="s">
        <v>15</v>
      </c>
      <c r="G15394" s="16">
        <v>1.0027642450344549</v>
      </c>
    </row>
    <row r="15395" spans="1:7" x14ac:dyDescent="0.3">
      <c r="A15395" s="13" t="s">
        <v>113</v>
      </c>
      <c r="B15395" s="14" t="s">
        <v>1</v>
      </c>
      <c r="C15395" s="14" t="s">
        <v>23</v>
      </c>
      <c r="D15395" s="14" t="s">
        <v>114</v>
      </c>
      <c r="E15395" s="15">
        <v>45441</v>
      </c>
      <c r="F15395" s="14" t="s">
        <v>15</v>
      </c>
      <c r="G15395" s="16">
        <v>1.0698395184124474</v>
      </c>
    </row>
    <row r="15396" spans="1:7" x14ac:dyDescent="0.3">
      <c r="A15396" s="13" t="s">
        <v>113</v>
      </c>
      <c r="B15396" s="14" t="s">
        <v>1</v>
      </c>
      <c r="C15396" s="14" t="s">
        <v>23</v>
      </c>
      <c r="D15396" s="14" t="s">
        <v>114</v>
      </c>
      <c r="E15396" s="15">
        <v>45442</v>
      </c>
      <c r="F15396" s="14" t="s">
        <v>15</v>
      </c>
      <c r="G15396" s="16">
        <v>1.0898587031453817</v>
      </c>
    </row>
    <row r="15397" spans="1:7" x14ac:dyDescent="0.3">
      <c r="A15397" s="13" t="s">
        <v>113</v>
      </c>
      <c r="B15397" s="14" t="s">
        <v>1</v>
      </c>
      <c r="C15397" s="14" t="s">
        <v>23</v>
      </c>
      <c r="D15397" s="14" t="s">
        <v>114</v>
      </c>
      <c r="E15397" s="15">
        <v>45443</v>
      </c>
      <c r="F15397" s="14" t="s">
        <v>15</v>
      </c>
      <c r="G15397" s="16">
        <v>1.1022681620403698</v>
      </c>
    </row>
    <row r="15398" spans="1:7" x14ac:dyDescent="0.3">
      <c r="A15398" s="13" t="s">
        <v>113</v>
      </c>
      <c r="B15398" s="14" t="s">
        <v>1</v>
      </c>
      <c r="C15398" s="14" t="s">
        <v>23</v>
      </c>
      <c r="D15398" s="14" t="s">
        <v>114</v>
      </c>
      <c r="E15398" s="15">
        <v>45444</v>
      </c>
      <c r="F15398" s="14" t="s">
        <v>15</v>
      </c>
      <c r="G15398" s="16">
        <v>1.1022681620403698</v>
      </c>
    </row>
    <row r="15399" spans="1:7" x14ac:dyDescent="0.3">
      <c r="A15399" s="13" t="s">
        <v>113</v>
      </c>
      <c r="B15399" s="14" t="s">
        <v>1</v>
      </c>
      <c r="C15399" s="14" t="s">
        <v>23</v>
      </c>
      <c r="D15399" s="14" t="s">
        <v>114</v>
      </c>
      <c r="E15399" s="15">
        <v>45445</v>
      </c>
      <c r="F15399" s="14" t="s">
        <v>15</v>
      </c>
      <c r="G15399" s="16">
        <v>1.1022681620403698</v>
      </c>
    </row>
    <row r="15400" spans="1:7" x14ac:dyDescent="0.3">
      <c r="A15400" s="13" t="s">
        <v>113</v>
      </c>
      <c r="B15400" s="14" t="s">
        <v>1</v>
      </c>
      <c r="C15400" s="14" t="s">
        <v>23</v>
      </c>
      <c r="D15400" s="14" t="s">
        <v>114</v>
      </c>
      <c r="E15400" s="15">
        <v>45446</v>
      </c>
      <c r="F15400" s="14" t="s">
        <v>15</v>
      </c>
      <c r="G15400" s="16">
        <v>1.1022681620403698</v>
      </c>
    </row>
    <row r="15401" spans="1:7" x14ac:dyDescent="0.3">
      <c r="A15401" s="13" t="s">
        <v>113</v>
      </c>
      <c r="B15401" s="14" t="s">
        <v>1</v>
      </c>
      <c r="C15401" s="14" t="s">
        <v>23</v>
      </c>
      <c r="D15401" s="14" t="s">
        <v>114</v>
      </c>
      <c r="E15401" s="15">
        <v>45447</v>
      </c>
      <c r="F15401" s="14" t="s">
        <v>15</v>
      </c>
      <c r="G15401" s="16">
        <v>1.123578977130256</v>
      </c>
    </row>
    <row r="15402" spans="1:7" x14ac:dyDescent="0.3">
      <c r="A15402" s="13" t="s">
        <v>113</v>
      </c>
      <c r="B15402" s="14" t="s">
        <v>1</v>
      </c>
      <c r="C15402" s="14" t="s">
        <v>23</v>
      </c>
      <c r="D15402" s="14" t="s">
        <v>114</v>
      </c>
      <c r="E15402" s="15">
        <v>45448</v>
      </c>
      <c r="F15402" s="14" t="s">
        <v>15</v>
      </c>
      <c r="G15402" s="16">
        <v>1.2010537847404001</v>
      </c>
    </row>
    <row r="15403" spans="1:7" x14ac:dyDescent="0.3">
      <c r="A15403" s="13" t="s">
        <v>113</v>
      </c>
      <c r="B15403" s="14" t="s">
        <v>1</v>
      </c>
      <c r="C15403" s="14" t="s">
        <v>23</v>
      </c>
      <c r="D15403" s="14" t="s">
        <v>114</v>
      </c>
      <c r="E15403" s="15">
        <v>45449</v>
      </c>
      <c r="F15403" s="14" t="s">
        <v>15</v>
      </c>
      <c r="G15403" s="16">
        <v>1.21853497948388</v>
      </c>
    </row>
    <row r="15404" spans="1:7" x14ac:dyDescent="0.3">
      <c r="A15404" s="13" t="s">
        <v>113</v>
      </c>
      <c r="B15404" s="14" t="s">
        <v>1</v>
      </c>
      <c r="C15404" s="14" t="s">
        <v>23</v>
      </c>
      <c r="D15404" s="14" t="s">
        <v>114</v>
      </c>
      <c r="E15404" s="15">
        <v>45450</v>
      </c>
      <c r="F15404" s="14" t="s">
        <v>15</v>
      </c>
      <c r="G15404" s="16">
        <v>1.2586501217420096</v>
      </c>
    </row>
    <row r="15405" spans="1:7" x14ac:dyDescent="0.3">
      <c r="A15405" s="13" t="s">
        <v>113</v>
      </c>
      <c r="B15405" s="14" t="s">
        <v>1</v>
      </c>
      <c r="C15405" s="14" t="s">
        <v>23</v>
      </c>
      <c r="D15405" s="14" t="s">
        <v>114</v>
      </c>
      <c r="E15405" s="15">
        <v>45451</v>
      </c>
      <c r="F15405" s="14" t="s">
        <v>15</v>
      </c>
      <c r="G15405" s="16">
        <v>1.2586501217420096</v>
      </c>
    </row>
    <row r="15406" spans="1:7" x14ac:dyDescent="0.3">
      <c r="A15406" s="13" t="s">
        <v>113</v>
      </c>
      <c r="B15406" s="14" t="s">
        <v>1</v>
      </c>
      <c r="C15406" s="14" t="s">
        <v>23</v>
      </c>
      <c r="D15406" s="14" t="s">
        <v>114</v>
      </c>
      <c r="E15406" s="15">
        <v>45452</v>
      </c>
      <c r="F15406" s="14" t="s">
        <v>15</v>
      </c>
      <c r="G15406" s="16">
        <v>1.2586501217420096</v>
      </c>
    </row>
    <row r="15407" spans="1:7" x14ac:dyDescent="0.3">
      <c r="A15407" s="13" t="s">
        <v>113</v>
      </c>
      <c r="B15407" s="14" t="s">
        <v>1</v>
      </c>
      <c r="C15407" s="14" t="s">
        <v>23</v>
      </c>
      <c r="D15407" s="14" t="s">
        <v>114</v>
      </c>
      <c r="E15407" s="15">
        <v>45453</v>
      </c>
      <c r="F15407" s="14" t="s">
        <v>15</v>
      </c>
      <c r="G15407" s="16">
        <v>1.276088875181318</v>
      </c>
    </row>
    <row r="15408" spans="1:7" x14ac:dyDescent="0.3">
      <c r="A15408" s="13" t="s">
        <v>113</v>
      </c>
      <c r="B15408" s="14" t="s">
        <v>1</v>
      </c>
      <c r="C15408" s="14" t="s">
        <v>23</v>
      </c>
      <c r="D15408" s="14" t="s">
        <v>114</v>
      </c>
      <c r="E15408" s="15">
        <v>45454</v>
      </c>
      <c r="F15408" s="14" t="s">
        <v>15</v>
      </c>
      <c r="G15408" s="16">
        <v>1.3286011223879368</v>
      </c>
    </row>
    <row r="15409" spans="1:7" x14ac:dyDescent="0.3">
      <c r="A15409" s="13" t="s">
        <v>113</v>
      </c>
      <c r="B15409" s="14" t="s">
        <v>1</v>
      </c>
      <c r="C15409" s="14" t="s">
        <v>23</v>
      </c>
      <c r="D15409" s="14" t="s">
        <v>114</v>
      </c>
      <c r="E15409" s="15">
        <v>45455</v>
      </c>
      <c r="F15409" s="14" t="s">
        <v>15</v>
      </c>
      <c r="G15409" s="16">
        <v>1.3460823171314167</v>
      </c>
    </row>
    <row r="15410" spans="1:7" x14ac:dyDescent="0.3">
      <c r="A15410" s="13" t="s">
        <v>113</v>
      </c>
      <c r="B15410" s="14" t="s">
        <v>1</v>
      </c>
      <c r="C15410" s="14" t="s">
        <v>23</v>
      </c>
      <c r="D15410" s="14" t="s">
        <v>114</v>
      </c>
      <c r="E15410" s="15">
        <v>45456</v>
      </c>
      <c r="F15410" s="14" t="s">
        <v>15</v>
      </c>
      <c r="G15410" s="16">
        <v>1.3629127452109338</v>
      </c>
    </row>
    <row r="15411" spans="1:7" x14ac:dyDescent="0.3">
      <c r="A15411" s="13" t="s">
        <v>113</v>
      </c>
      <c r="B15411" s="14" t="s">
        <v>1</v>
      </c>
      <c r="C15411" s="14" t="s">
        <v>23</v>
      </c>
      <c r="D15411" s="14" t="s">
        <v>114</v>
      </c>
      <c r="E15411" s="15">
        <v>45457</v>
      </c>
      <c r="F15411" s="14" t="s">
        <v>15</v>
      </c>
      <c r="G15411" s="16">
        <v>1.3820604684982136</v>
      </c>
    </row>
    <row r="15412" spans="1:7" x14ac:dyDescent="0.3">
      <c r="A15412" s="13" t="s">
        <v>113</v>
      </c>
      <c r="B15412" s="14" t="s">
        <v>1</v>
      </c>
      <c r="C15412" s="14" t="s">
        <v>23</v>
      </c>
      <c r="D15412" s="14" t="s">
        <v>114</v>
      </c>
      <c r="E15412" s="15">
        <v>45458</v>
      </c>
      <c r="F15412" s="14" t="s">
        <v>15</v>
      </c>
      <c r="G15412" s="16">
        <v>1.3820604684982136</v>
      </c>
    </row>
    <row r="15413" spans="1:7" x14ac:dyDescent="0.3">
      <c r="A15413" s="13" t="s">
        <v>113</v>
      </c>
      <c r="B15413" s="14" t="s">
        <v>1</v>
      </c>
      <c r="C15413" s="14" t="s">
        <v>23</v>
      </c>
      <c r="D15413" s="14" t="s">
        <v>114</v>
      </c>
      <c r="E15413" s="15">
        <v>45459</v>
      </c>
      <c r="F15413" s="14" t="s">
        <v>15</v>
      </c>
      <c r="G15413" s="16">
        <v>1.3820604684982136</v>
      </c>
    </row>
    <row r="15414" spans="1:7" x14ac:dyDescent="0.3">
      <c r="A15414" s="13" t="s">
        <v>113</v>
      </c>
      <c r="B15414" s="14" t="s">
        <v>1</v>
      </c>
      <c r="C15414" s="14" t="s">
        <v>23</v>
      </c>
      <c r="D15414" s="14" t="s">
        <v>114</v>
      </c>
      <c r="E15414" s="15">
        <v>45460</v>
      </c>
      <c r="F15414" s="14" t="s">
        <v>15</v>
      </c>
      <c r="G15414" s="16">
        <v>1.399644937081844</v>
      </c>
    </row>
    <row r="15415" spans="1:7" x14ac:dyDescent="0.3">
      <c r="A15415" s="13" t="s">
        <v>113</v>
      </c>
      <c r="B15415" s="14" t="s">
        <v>1</v>
      </c>
      <c r="C15415" s="14" t="s">
        <v>23</v>
      </c>
      <c r="D15415" s="14" t="s">
        <v>114</v>
      </c>
      <c r="E15415" s="15">
        <v>45461</v>
      </c>
      <c r="F15415" s="14" t="s">
        <v>15</v>
      </c>
      <c r="G15415" s="16">
        <v>1.4526056474025415</v>
      </c>
    </row>
    <row r="15416" spans="1:7" x14ac:dyDescent="0.3">
      <c r="A15416" s="13" t="s">
        <v>113</v>
      </c>
      <c r="B15416" s="14" t="s">
        <v>1</v>
      </c>
      <c r="C15416" s="14" t="s">
        <v>23</v>
      </c>
      <c r="D15416" s="14" t="s">
        <v>114</v>
      </c>
      <c r="E15416" s="15">
        <v>45462</v>
      </c>
      <c r="F15416" s="14" t="s">
        <v>15</v>
      </c>
      <c r="G15416" s="16">
        <v>1.4526056474025415</v>
      </c>
    </row>
    <row r="15417" spans="1:7" x14ac:dyDescent="0.3">
      <c r="A15417" s="13" t="s">
        <v>113</v>
      </c>
      <c r="B15417" s="14" t="s">
        <v>1</v>
      </c>
      <c r="C15417" s="14" t="s">
        <v>23</v>
      </c>
      <c r="D15417" s="14" t="s">
        <v>114</v>
      </c>
      <c r="E15417" s="15">
        <v>45463</v>
      </c>
      <c r="F15417" s="14" t="s">
        <v>15</v>
      </c>
      <c r="G15417" s="16">
        <v>1.4702283131599263</v>
      </c>
    </row>
    <row r="15418" spans="1:7" x14ac:dyDescent="0.3">
      <c r="A15418" s="13" t="s">
        <v>113</v>
      </c>
      <c r="B15418" s="14" t="s">
        <v>1</v>
      </c>
      <c r="C15418" s="14" t="s">
        <v>23</v>
      </c>
      <c r="D15418" s="14" t="s">
        <v>114</v>
      </c>
      <c r="E15418" s="15">
        <v>45464</v>
      </c>
      <c r="F15418" s="14" t="s">
        <v>15</v>
      </c>
      <c r="G15418" s="16">
        <v>1.5072537284743723</v>
      </c>
    </row>
    <row r="15419" spans="1:7" x14ac:dyDescent="0.3">
      <c r="A15419" s="13" t="s">
        <v>113</v>
      </c>
      <c r="B15419" s="14" t="s">
        <v>1</v>
      </c>
      <c r="C15419" s="14" t="s">
        <v>23</v>
      </c>
      <c r="D15419" s="14" t="s">
        <v>114</v>
      </c>
      <c r="E15419" s="15">
        <v>45465</v>
      </c>
      <c r="F15419" s="14" t="s">
        <v>15</v>
      </c>
      <c r="G15419" s="16">
        <v>1.5072537284743723</v>
      </c>
    </row>
    <row r="15420" spans="1:7" x14ac:dyDescent="0.3">
      <c r="A15420" s="13" t="s">
        <v>113</v>
      </c>
      <c r="B15420" s="14" t="s">
        <v>1</v>
      </c>
      <c r="C15420" s="14" t="s">
        <v>23</v>
      </c>
      <c r="D15420" s="14" t="s">
        <v>114</v>
      </c>
      <c r="E15420" s="15">
        <v>45466</v>
      </c>
      <c r="F15420" s="14" t="s">
        <v>15</v>
      </c>
      <c r="G15420" s="16">
        <v>1.5072537284743723</v>
      </c>
    </row>
    <row r="15421" spans="1:7" x14ac:dyDescent="0.3">
      <c r="A15421" s="13" t="s">
        <v>113</v>
      </c>
      <c r="B15421" s="14" t="s">
        <v>1</v>
      </c>
      <c r="C15421" s="14" t="s">
        <v>23</v>
      </c>
      <c r="D15421" s="14" t="s">
        <v>114</v>
      </c>
      <c r="E15421" s="15">
        <v>45467</v>
      </c>
      <c r="F15421" s="14" t="s">
        <v>15</v>
      </c>
      <c r="G15421" s="16">
        <v>1.5247773645220237</v>
      </c>
    </row>
    <row r="15422" spans="1:7" x14ac:dyDescent="0.3">
      <c r="A15422" s="13" t="s">
        <v>113</v>
      </c>
      <c r="B15422" s="14" t="s">
        <v>1</v>
      </c>
      <c r="C15422" s="14" t="s">
        <v>23</v>
      </c>
      <c r="D15422" s="14" t="s">
        <v>114</v>
      </c>
      <c r="E15422" s="15">
        <v>45468</v>
      </c>
      <c r="F15422" s="14" t="s">
        <v>15</v>
      </c>
      <c r="G15422" s="16">
        <v>1.580457147729974</v>
      </c>
    </row>
    <row r="15423" spans="1:7" x14ac:dyDescent="0.3">
      <c r="A15423" s="13" t="s">
        <v>113</v>
      </c>
      <c r="B15423" s="14" t="s">
        <v>1</v>
      </c>
      <c r="C15423" s="14" t="s">
        <v>23</v>
      </c>
      <c r="D15423" s="14" t="s">
        <v>114</v>
      </c>
      <c r="E15423" s="15">
        <v>45469</v>
      </c>
      <c r="F15423" s="14" t="s">
        <v>15</v>
      </c>
      <c r="G15423" s="16">
        <v>1.5966933975510904</v>
      </c>
    </row>
    <row r="15424" spans="1:7" x14ac:dyDescent="0.3">
      <c r="A15424" s="13" t="s">
        <v>113</v>
      </c>
      <c r="B15424" s="14" t="s">
        <v>1</v>
      </c>
      <c r="C15424" s="14" t="s">
        <v>23</v>
      </c>
      <c r="D15424" s="14" t="s">
        <v>114</v>
      </c>
      <c r="E15424" s="15">
        <v>45470</v>
      </c>
      <c r="F15424" s="14" t="s">
        <v>15</v>
      </c>
      <c r="G15424" s="16">
        <v>1.6140911243963665</v>
      </c>
    </row>
    <row r="15425" spans="1:7" x14ac:dyDescent="0.3">
      <c r="A15425" s="13" t="s">
        <v>113</v>
      </c>
      <c r="B15425" s="14" t="s">
        <v>1</v>
      </c>
      <c r="C15425" s="14" t="s">
        <v>23</v>
      </c>
      <c r="D15425" s="14" t="s">
        <v>114</v>
      </c>
      <c r="E15425" s="15">
        <v>45471</v>
      </c>
      <c r="F15425" s="14" t="s">
        <v>15</v>
      </c>
      <c r="G15425" s="16">
        <v>1.6315553426181775</v>
      </c>
    </row>
    <row r="15426" spans="1:7" x14ac:dyDescent="0.3">
      <c r="A15426" s="13" t="s">
        <v>113</v>
      </c>
      <c r="B15426" s="14" t="s">
        <v>1</v>
      </c>
      <c r="C15426" s="14" t="s">
        <v>23</v>
      </c>
      <c r="D15426" s="14" t="s">
        <v>114</v>
      </c>
      <c r="E15426" s="15">
        <v>45472</v>
      </c>
      <c r="F15426" s="14" t="s">
        <v>15</v>
      </c>
      <c r="G15426" s="16">
        <v>1.6315553426181775</v>
      </c>
    </row>
    <row r="15427" spans="1:7" x14ac:dyDescent="0.3">
      <c r="A15427" s="13" t="s">
        <v>113</v>
      </c>
      <c r="B15427" s="14" t="s">
        <v>1</v>
      </c>
      <c r="C15427" s="14" t="s">
        <v>23</v>
      </c>
      <c r="D15427" s="14" t="s">
        <v>114</v>
      </c>
      <c r="E15427" s="15">
        <v>45473</v>
      </c>
      <c r="F15427" s="14" t="s">
        <v>15</v>
      </c>
      <c r="G15427" s="16">
        <v>1.6315553426181775</v>
      </c>
    </row>
    <row r="15428" spans="1:7" x14ac:dyDescent="0.3">
      <c r="A15428" s="13" t="s">
        <v>113</v>
      </c>
      <c r="B15428" s="14" t="s">
        <v>1</v>
      </c>
      <c r="C15428" s="14" t="s">
        <v>23</v>
      </c>
      <c r="D15428" s="14" t="s">
        <v>114</v>
      </c>
      <c r="E15428" s="15">
        <v>45474</v>
      </c>
      <c r="F15428" s="14" t="s">
        <v>15</v>
      </c>
      <c r="G15428" s="16">
        <v>1.649168105404589</v>
      </c>
    </row>
    <row r="15429" spans="1:7" x14ac:dyDescent="0.3">
      <c r="A15429" s="13" t="s">
        <v>113</v>
      </c>
      <c r="B15429" s="14" t="s">
        <v>1</v>
      </c>
      <c r="C15429" s="14" t="s">
        <v>23</v>
      </c>
      <c r="D15429" s="14" t="s">
        <v>114</v>
      </c>
      <c r="E15429" s="15">
        <v>45475</v>
      </c>
      <c r="F15429" s="14" t="s">
        <v>15</v>
      </c>
      <c r="G15429" s="16">
        <v>1.7029054915916246</v>
      </c>
    </row>
    <row r="15430" spans="1:7" x14ac:dyDescent="0.3">
      <c r="A15430" s="13" t="s">
        <v>113</v>
      </c>
      <c r="B15430" s="14" t="s">
        <v>1</v>
      </c>
      <c r="C15430" s="14" t="s">
        <v>23</v>
      </c>
      <c r="D15430" s="14" t="s">
        <v>114</v>
      </c>
      <c r="E15430" s="15">
        <v>45476</v>
      </c>
      <c r="F15430" s="14" t="s">
        <v>15</v>
      </c>
      <c r="G15430" s="16">
        <v>1.720634260609438</v>
      </c>
    </row>
    <row r="15431" spans="1:7" x14ac:dyDescent="0.3">
      <c r="A15431" s="13" t="s">
        <v>113</v>
      </c>
      <c r="B15431" s="14" t="s">
        <v>1</v>
      </c>
      <c r="C15431" s="14" t="s">
        <v>23</v>
      </c>
      <c r="D15431" s="14" t="s">
        <v>114</v>
      </c>
      <c r="E15431" s="15">
        <v>45477</v>
      </c>
      <c r="F15431" s="14" t="s">
        <v>15</v>
      </c>
      <c r="G15431" s="16">
        <v>1.720634260609438</v>
      </c>
    </row>
    <row r="15432" spans="1:7" x14ac:dyDescent="0.3">
      <c r="A15432" s="13" t="s">
        <v>113</v>
      </c>
      <c r="B15432" s="14" t="s">
        <v>1</v>
      </c>
      <c r="C15432" s="14" t="s">
        <v>23</v>
      </c>
      <c r="D15432" s="14" t="s">
        <v>114</v>
      </c>
      <c r="E15432" s="15">
        <v>45478</v>
      </c>
      <c r="F15432" s="14" t="s">
        <v>15</v>
      </c>
      <c r="G15432" s="16">
        <v>1.7385129889019908</v>
      </c>
    </row>
    <row r="15433" spans="1:7" x14ac:dyDescent="0.3">
      <c r="A15433" s="13" t="s">
        <v>113</v>
      </c>
      <c r="B15433" s="14" t="s">
        <v>1</v>
      </c>
      <c r="C15433" s="14" t="s">
        <v>23</v>
      </c>
      <c r="D15433" s="14" t="s">
        <v>114</v>
      </c>
      <c r="E15433" s="15">
        <v>45479</v>
      </c>
      <c r="F15433" s="14" t="s">
        <v>15</v>
      </c>
      <c r="G15433" s="16">
        <v>1.7385129889019908</v>
      </c>
    </row>
    <row r="15434" spans="1:7" x14ac:dyDescent="0.3">
      <c r="A15434" s="13" t="s">
        <v>113</v>
      </c>
      <c r="B15434" s="14" t="s">
        <v>1</v>
      </c>
      <c r="C15434" s="14" t="s">
        <v>23</v>
      </c>
      <c r="D15434" s="14" t="s">
        <v>114</v>
      </c>
      <c r="E15434" s="15">
        <v>45480</v>
      </c>
      <c r="F15434" s="14" t="s">
        <v>15</v>
      </c>
      <c r="G15434" s="16">
        <v>1.7385129889019908</v>
      </c>
    </row>
    <row r="15435" spans="1:7" x14ac:dyDescent="0.3">
      <c r="A15435" s="13" t="s">
        <v>113</v>
      </c>
      <c r="B15435" s="14" t="s">
        <v>1</v>
      </c>
      <c r="C15435" s="14" t="s">
        <v>23</v>
      </c>
      <c r="D15435" s="14" t="s">
        <v>114</v>
      </c>
      <c r="E15435" s="15">
        <v>45481</v>
      </c>
      <c r="F15435" s="14" t="s">
        <v>15</v>
      </c>
      <c r="G15435" s="16">
        <v>1.8027772332336922</v>
      </c>
    </row>
    <row r="15436" spans="1:7" x14ac:dyDescent="0.3">
      <c r="A15436" s="13" t="s">
        <v>113</v>
      </c>
      <c r="B15436" s="14" t="s">
        <v>1</v>
      </c>
      <c r="C15436" s="14" t="s">
        <v>23</v>
      </c>
      <c r="D15436" s="14" t="s">
        <v>114</v>
      </c>
      <c r="E15436" s="15">
        <v>45482</v>
      </c>
      <c r="F15436" s="14" t="s">
        <v>15</v>
      </c>
      <c r="G15436" s="16">
        <v>1.8571257742007972</v>
      </c>
    </row>
    <row r="15437" spans="1:7" x14ac:dyDescent="0.3">
      <c r="A15437" s="13" t="s">
        <v>113</v>
      </c>
      <c r="B15437" s="14" t="s">
        <v>1</v>
      </c>
      <c r="C15437" s="14" t="s">
        <v>23</v>
      </c>
      <c r="D15437" s="14" t="s">
        <v>114</v>
      </c>
      <c r="E15437" s="15">
        <v>45483</v>
      </c>
      <c r="F15437" s="14" t="s">
        <v>15</v>
      </c>
      <c r="G15437" s="16">
        <v>1.8762664239373819</v>
      </c>
    </row>
    <row r="15438" spans="1:7" x14ac:dyDescent="0.3">
      <c r="A15438" s="13" t="s">
        <v>113</v>
      </c>
      <c r="B15438" s="14" t="s">
        <v>1</v>
      </c>
      <c r="C15438" s="14" t="s">
        <v>23</v>
      </c>
      <c r="D15438" s="14" t="s">
        <v>114</v>
      </c>
      <c r="E15438" s="15">
        <v>45484</v>
      </c>
      <c r="F15438" s="14" t="s">
        <v>15</v>
      </c>
      <c r="G15438" s="16">
        <v>1.8943601881710701</v>
      </c>
    </row>
    <row r="15439" spans="1:7" x14ac:dyDescent="0.3">
      <c r="A15439" s="13" t="s">
        <v>113</v>
      </c>
      <c r="B15439" s="14" t="s">
        <v>1</v>
      </c>
      <c r="C15439" s="14" t="s">
        <v>23</v>
      </c>
      <c r="D15439" s="14" t="s">
        <v>114</v>
      </c>
      <c r="E15439" s="15">
        <v>45485</v>
      </c>
      <c r="F15439" s="14" t="s">
        <v>15</v>
      </c>
      <c r="G15439" s="16">
        <v>1.9131627221844221</v>
      </c>
    </row>
    <row r="15440" spans="1:7" x14ac:dyDescent="0.3">
      <c r="A15440" s="13" t="s">
        <v>113</v>
      </c>
      <c r="B15440" s="14" t="s">
        <v>1</v>
      </c>
      <c r="C15440" s="14" t="s">
        <v>23</v>
      </c>
      <c r="D15440" s="14" t="s">
        <v>114</v>
      </c>
      <c r="E15440" s="15">
        <v>45486</v>
      </c>
      <c r="F15440" s="14" t="s">
        <v>15</v>
      </c>
      <c r="G15440" s="16">
        <v>1.9131627221844221</v>
      </c>
    </row>
    <row r="15441" spans="1:7" x14ac:dyDescent="0.3">
      <c r="A15441" s="13" t="s">
        <v>113</v>
      </c>
      <c r="B15441" s="14" t="s">
        <v>1</v>
      </c>
      <c r="C15441" s="14" t="s">
        <v>23</v>
      </c>
      <c r="D15441" s="14" t="s">
        <v>114</v>
      </c>
      <c r="E15441" s="15">
        <v>45487</v>
      </c>
      <c r="F15441" s="14" t="s">
        <v>15</v>
      </c>
      <c r="G15441" s="16">
        <v>1.9131627221844221</v>
      </c>
    </row>
    <row r="15442" spans="1:7" x14ac:dyDescent="0.3">
      <c r="A15442" s="13" t="s">
        <v>113</v>
      </c>
      <c r="B15442" s="14" t="s">
        <v>1</v>
      </c>
      <c r="C15442" s="14" t="s">
        <v>23</v>
      </c>
      <c r="D15442" s="14" t="s">
        <v>114</v>
      </c>
      <c r="E15442" s="15">
        <v>45488</v>
      </c>
      <c r="F15442" s="14" t="s">
        <v>15</v>
      </c>
      <c r="G15442" s="16">
        <v>1.9306792846813783</v>
      </c>
    </row>
    <row r="15443" spans="1:7" x14ac:dyDescent="0.3">
      <c r="A15443" s="13" t="s">
        <v>113</v>
      </c>
      <c r="B15443" s="14" t="s">
        <v>1</v>
      </c>
      <c r="C15443" s="14" t="s">
        <v>23</v>
      </c>
      <c r="D15443" s="14" t="s">
        <v>114</v>
      </c>
      <c r="E15443" s="15">
        <v>45489</v>
      </c>
      <c r="F15443" s="14" t="s">
        <v>15</v>
      </c>
      <c r="G15443" s="16">
        <v>1.9837772218855636</v>
      </c>
    </row>
    <row r="15444" spans="1:7" x14ac:dyDescent="0.3">
      <c r="A15444" s="13" t="s">
        <v>113</v>
      </c>
      <c r="B15444" s="14" t="s">
        <v>1</v>
      </c>
      <c r="C15444" s="14" t="s">
        <v>23</v>
      </c>
      <c r="D15444" s="14" t="s">
        <v>114</v>
      </c>
      <c r="E15444" s="15">
        <v>45490</v>
      </c>
      <c r="F15444" s="14" t="s">
        <v>15</v>
      </c>
      <c r="G15444" s="16">
        <v>2.001361690469194</v>
      </c>
    </row>
    <row r="15445" spans="1:7" x14ac:dyDescent="0.3">
      <c r="A15445" s="13" t="s">
        <v>113</v>
      </c>
      <c r="B15445" s="14" t="s">
        <v>1</v>
      </c>
      <c r="C15445" s="14" t="s">
        <v>23</v>
      </c>
      <c r="D15445" s="14" t="s">
        <v>114</v>
      </c>
      <c r="E15445" s="15">
        <v>45491</v>
      </c>
      <c r="F15445" s="14" t="s">
        <v>15</v>
      </c>
      <c r="G15445" s="16">
        <v>2.0189475737629636</v>
      </c>
    </row>
    <row r="15446" spans="1:7" x14ac:dyDescent="0.3">
      <c r="A15446" s="13" t="s">
        <v>113</v>
      </c>
      <c r="B15446" s="14" t="s">
        <v>1</v>
      </c>
      <c r="C15446" s="14" t="s">
        <v>23</v>
      </c>
      <c r="D15446" s="14" t="s">
        <v>114</v>
      </c>
      <c r="E15446" s="15">
        <v>45492</v>
      </c>
      <c r="F15446" s="14" t="s">
        <v>15</v>
      </c>
      <c r="G15446" s="16">
        <v>2.0365108216945083</v>
      </c>
    </row>
    <row r="15447" spans="1:7" x14ac:dyDescent="0.3">
      <c r="A15447" s="13" t="s">
        <v>113</v>
      </c>
      <c r="B15447" s="14" t="s">
        <v>1</v>
      </c>
      <c r="C15447" s="14" t="s">
        <v>23</v>
      </c>
      <c r="D15447" s="14" t="s">
        <v>114</v>
      </c>
      <c r="E15447" s="15">
        <v>45493</v>
      </c>
      <c r="F15447" s="14" t="s">
        <v>15</v>
      </c>
      <c r="G15447" s="16">
        <v>2.0365108216945083</v>
      </c>
    </row>
    <row r="15448" spans="1:7" x14ac:dyDescent="0.3">
      <c r="A15448" s="13" t="s">
        <v>113</v>
      </c>
      <c r="B15448" s="14" t="s">
        <v>1</v>
      </c>
      <c r="C15448" s="14" t="s">
        <v>23</v>
      </c>
      <c r="D15448" s="14" t="s">
        <v>114</v>
      </c>
      <c r="E15448" s="15">
        <v>45494</v>
      </c>
      <c r="F15448" s="14" t="s">
        <v>15</v>
      </c>
      <c r="G15448" s="16">
        <v>2.0365108216945083</v>
      </c>
    </row>
    <row r="15449" spans="1:7" x14ac:dyDescent="0.3">
      <c r="A15449" s="13" t="s">
        <v>113</v>
      </c>
      <c r="B15449" s="14" t="s">
        <v>1</v>
      </c>
      <c r="C15449" s="14" t="s">
        <v>23</v>
      </c>
      <c r="D15449" s="14" t="s">
        <v>114</v>
      </c>
      <c r="E15449" s="15">
        <v>45495</v>
      </c>
      <c r="F15449" s="14" t="s">
        <v>15</v>
      </c>
      <c r="G15449" s="16">
        <v>2.0539920164379883</v>
      </c>
    </row>
    <row r="15450" spans="1:7" x14ac:dyDescent="0.3">
      <c r="A15450" s="13" t="s">
        <v>113</v>
      </c>
      <c r="B15450" s="14" t="s">
        <v>1</v>
      </c>
      <c r="C15450" s="14" t="s">
        <v>23</v>
      </c>
      <c r="D15450" s="14" t="s">
        <v>114</v>
      </c>
      <c r="E15450" s="15">
        <v>45496</v>
      </c>
      <c r="F15450" s="14" t="s">
        <v>15</v>
      </c>
      <c r="G15450" s="16">
        <v>2.1062382981384657</v>
      </c>
    </row>
    <row r="15451" spans="1:7" x14ac:dyDescent="0.3">
      <c r="A15451" s="13" t="s">
        <v>113</v>
      </c>
      <c r="B15451" s="14" t="s">
        <v>1</v>
      </c>
      <c r="C15451" s="14" t="s">
        <v>23</v>
      </c>
      <c r="D15451" s="14" t="s">
        <v>114</v>
      </c>
      <c r="E15451" s="15">
        <v>45497</v>
      </c>
      <c r="F15451" s="14" t="s">
        <v>15</v>
      </c>
      <c r="G15451" s="16">
        <v>2.1257538460618983</v>
      </c>
    </row>
    <row r="15452" spans="1:7" x14ac:dyDescent="0.3">
      <c r="A15452" s="13" t="s">
        <v>113</v>
      </c>
      <c r="B15452" s="14" t="s">
        <v>1</v>
      </c>
      <c r="C15452" s="14" t="s">
        <v>23</v>
      </c>
      <c r="D15452" s="14" t="s">
        <v>114</v>
      </c>
      <c r="E15452" s="15">
        <v>45498</v>
      </c>
      <c r="F15452" s="14" t="s">
        <v>15</v>
      </c>
      <c r="G15452" s="16">
        <v>2.1425036356634899</v>
      </c>
    </row>
    <row r="15453" spans="1:7" x14ac:dyDescent="0.3">
      <c r="A15453" s="13" t="s">
        <v>113</v>
      </c>
      <c r="B15453" s="14" t="s">
        <v>1</v>
      </c>
      <c r="C15453" s="14" t="s">
        <v>23</v>
      </c>
      <c r="D15453" s="14" t="s">
        <v>114</v>
      </c>
      <c r="E15453" s="15">
        <v>45499</v>
      </c>
      <c r="F15453" s="14" t="s">
        <v>15</v>
      </c>
      <c r="G15453" s="16">
        <v>2.1593142578010602</v>
      </c>
    </row>
    <row r="15454" spans="1:7" x14ac:dyDescent="0.3">
      <c r="A15454" s="13" t="s">
        <v>113</v>
      </c>
      <c r="B15454" s="14" t="s">
        <v>1</v>
      </c>
      <c r="C15454" s="14" t="s">
        <v>23</v>
      </c>
      <c r="D15454" s="14" t="s">
        <v>114</v>
      </c>
      <c r="E15454" s="15">
        <v>45500</v>
      </c>
      <c r="F15454" s="14" t="s">
        <v>15</v>
      </c>
      <c r="G15454" s="16">
        <v>2.1593142578010602</v>
      </c>
    </row>
    <row r="15455" spans="1:7" x14ac:dyDescent="0.3">
      <c r="A15455" s="13" t="s">
        <v>113</v>
      </c>
      <c r="B15455" s="14" t="s">
        <v>1</v>
      </c>
      <c r="C15455" s="14" t="s">
        <v>23</v>
      </c>
      <c r="D15455" s="14" t="s">
        <v>114</v>
      </c>
      <c r="E15455" s="15">
        <v>45501</v>
      </c>
      <c r="F15455" s="14" t="s">
        <v>15</v>
      </c>
      <c r="G15455" s="16">
        <v>2.1593142578010602</v>
      </c>
    </row>
    <row r="15456" spans="1:7" x14ac:dyDescent="0.3">
      <c r="A15456" s="13" t="s">
        <v>113</v>
      </c>
      <c r="B15456" s="14" t="s">
        <v>1</v>
      </c>
      <c r="C15456" s="14" t="s">
        <v>23</v>
      </c>
      <c r="D15456" s="14" t="s">
        <v>114</v>
      </c>
      <c r="E15456" s="15">
        <v>45502</v>
      </c>
      <c r="F15456" s="14" t="s">
        <v>15</v>
      </c>
      <c r="G15456" s="16">
        <v>2.1761432711704387</v>
      </c>
    </row>
    <row r="15457" spans="1:7" x14ac:dyDescent="0.3">
      <c r="A15457" s="13" t="s">
        <v>113</v>
      </c>
      <c r="B15457" s="14" t="s">
        <v>1</v>
      </c>
      <c r="C15457" s="14" t="s">
        <v>23</v>
      </c>
      <c r="D15457" s="14" t="s">
        <v>114</v>
      </c>
      <c r="E15457" s="15">
        <v>45503</v>
      </c>
      <c r="F15457" s="14" t="s">
        <v>15</v>
      </c>
      <c r="G15457" s="16">
        <v>2.2267909304137907</v>
      </c>
    </row>
    <row r="15458" spans="1:7" x14ac:dyDescent="0.3">
      <c r="A15458" s="13" t="s">
        <v>113</v>
      </c>
      <c r="B15458" s="14" t="s">
        <v>1</v>
      </c>
      <c r="C15458" s="14" t="s">
        <v>23</v>
      </c>
      <c r="D15458" s="14" t="s">
        <v>114</v>
      </c>
      <c r="E15458" s="15">
        <v>45504</v>
      </c>
      <c r="F15458" s="14" t="s">
        <v>15</v>
      </c>
      <c r="G15458" s="16">
        <v>2.2451577337043154</v>
      </c>
    </row>
    <row r="15459" spans="1:7" x14ac:dyDescent="0.3">
      <c r="A15459" s="13" t="s">
        <v>113</v>
      </c>
      <c r="B15459" s="14" t="s">
        <v>1</v>
      </c>
      <c r="C15459" s="14" t="s">
        <v>23</v>
      </c>
      <c r="D15459" s="14" t="s">
        <v>114</v>
      </c>
      <c r="E15459" s="15">
        <v>45505</v>
      </c>
      <c r="F15459" s="14" t="s">
        <v>15</v>
      </c>
      <c r="G15459" s="16">
        <v>2.2529198697925263</v>
      </c>
    </row>
    <row r="15460" spans="1:7" x14ac:dyDescent="0.3">
      <c r="A15460" s="13" t="s">
        <v>113</v>
      </c>
      <c r="B15460" s="14" t="s">
        <v>1</v>
      </c>
      <c r="C15460" s="14" t="s">
        <v>23</v>
      </c>
      <c r="D15460" s="14" t="s">
        <v>114</v>
      </c>
      <c r="E15460" s="15">
        <v>45506</v>
      </c>
      <c r="F15460" s="14" t="s">
        <v>15</v>
      </c>
      <c r="G15460" s="16">
        <v>2.2607046412429619</v>
      </c>
    </row>
    <row r="15461" spans="1:7" x14ac:dyDescent="0.3">
      <c r="A15461" s="13" t="s">
        <v>113</v>
      </c>
      <c r="B15461" s="14" t="s">
        <v>1</v>
      </c>
      <c r="C15461" s="14" t="s">
        <v>23</v>
      </c>
      <c r="D15461" s="14" t="s">
        <v>114</v>
      </c>
      <c r="E15461" s="15">
        <v>45507</v>
      </c>
      <c r="F15461" s="14" t="s">
        <v>15</v>
      </c>
      <c r="G15461" s="16">
        <v>2.2607046412429619</v>
      </c>
    </row>
    <row r="15462" spans="1:7" x14ac:dyDescent="0.3">
      <c r="A15462" s="13" t="s">
        <v>113</v>
      </c>
      <c r="B15462" s="14" t="s">
        <v>1</v>
      </c>
      <c r="C15462" s="14" t="s">
        <v>23</v>
      </c>
      <c r="D15462" s="14" t="s">
        <v>114</v>
      </c>
      <c r="E15462" s="15">
        <v>45508</v>
      </c>
      <c r="F15462" s="14" t="s">
        <v>15</v>
      </c>
      <c r="G15462" s="16">
        <v>2.2607046412429619</v>
      </c>
    </row>
    <row r="15463" spans="1:7" x14ac:dyDescent="0.3">
      <c r="A15463" s="13" t="s">
        <v>113</v>
      </c>
      <c r="B15463" s="14" t="s">
        <v>1</v>
      </c>
      <c r="C15463" s="14" t="s">
        <v>23</v>
      </c>
      <c r="D15463" s="14" t="s">
        <v>114</v>
      </c>
      <c r="E15463" s="15">
        <v>45509</v>
      </c>
      <c r="F15463" s="14" t="s">
        <v>15</v>
      </c>
      <c r="G15463" s="16">
        <v>2.2607046412429619</v>
      </c>
    </row>
    <row r="15464" spans="1:7" x14ac:dyDescent="0.3">
      <c r="A15464" s="13" t="s">
        <v>113</v>
      </c>
      <c r="B15464" s="14" t="s">
        <v>1</v>
      </c>
      <c r="C15464" s="14" t="s">
        <v>23</v>
      </c>
      <c r="D15464" s="14" t="s">
        <v>114</v>
      </c>
      <c r="E15464" s="15">
        <v>45510</v>
      </c>
      <c r="F15464" s="14" t="s">
        <v>15</v>
      </c>
      <c r="G15464" s="16">
        <v>2.2767866876589222</v>
      </c>
    </row>
    <row r="15465" spans="1:7" x14ac:dyDescent="0.3">
      <c r="A15465" s="13" t="s">
        <v>113</v>
      </c>
      <c r="B15465" s="14" t="s">
        <v>1</v>
      </c>
      <c r="C15465" s="14" t="s">
        <v>23</v>
      </c>
      <c r="D15465" s="14" t="s">
        <v>114</v>
      </c>
      <c r="E15465" s="15">
        <v>45511</v>
      </c>
      <c r="F15465" s="14" t="s">
        <v>15</v>
      </c>
      <c r="G15465" s="16">
        <v>2.3625318907419484</v>
      </c>
    </row>
    <row r="15466" spans="1:7" x14ac:dyDescent="0.3">
      <c r="A15466" s="13" t="s">
        <v>113</v>
      </c>
      <c r="B15466" s="14" t="s">
        <v>1</v>
      </c>
      <c r="C15466" s="14" t="s">
        <v>23</v>
      </c>
      <c r="D15466" s="14" t="s">
        <v>114</v>
      </c>
      <c r="E15466" s="15">
        <v>45512</v>
      </c>
      <c r="F15466" s="14" t="s">
        <v>15</v>
      </c>
      <c r="G15466" s="16">
        <v>2.3733002858756391</v>
      </c>
    </row>
    <row r="15467" spans="1:7" x14ac:dyDescent="0.3">
      <c r="A15467" s="13" t="s">
        <v>113</v>
      </c>
      <c r="B15467" s="14" t="s">
        <v>1</v>
      </c>
      <c r="C15467" s="14" t="s">
        <v>23</v>
      </c>
      <c r="D15467" s="14" t="s">
        <v>114</v>
      </c>
      <c r="E15467" s="15">
        <v>45513</v>
      </c>
      <c r="F15467" s="14" t="s">
        <v>15</v>
      </c>
      <c r="G15467" s="16">
        <v>2.3891694764335796</v>
      </c>
    </row>
    <row r="15468" spans="1:7" x14ac:dyDescent="0.3">
      <c r="A15468" s="13" t="s">
        <v>113</v>
      </c>
      <c r="B15468" s="14" t="s">
        <v>1</v>
      </c>
      <c r="C15468" s="14" t="s">
        <v>23</v>
      </c>
      <c r="D15468" s="14" t="s">
        <v>114</v>
      </c>
      <c r="E15468" s="15">
        <v>45514</v>
      </c>
      <c r="F15468" s="14" t="s">
        <v>15</v>
      </c>
      <c r="G15468" s="16">
        <v>2.3891694764335796</v>
      </c>
    </row>
    <row r="15469" spans="1:7" x14ac:dyDescent="0.3">
      <c r="A15469" s="13" t="s">
        <v>113</v>
      </c>
      <c r="B15469" s="14" t="s">
        <v>1</v>
      </c>
      <c r="C15469" s="14" t="s">
        <v>23</v>
      </c>
      <c r="D15469" s="14" t="s">
        <v>114</v>
      </c>
      <c r="E15469" s="15">
        <v>45515</v>
      </c>
      <c r="F15469" s="14" t="s">
        <v>15</v>
      </c>
      <c r="G15469" s="16">
        <v>2.3891694764335796</v>
      </c>
    </row>
    <row r="15470" spans="1:7" x14ac:dyDescent="0.3">
      <c r="A15470" s="13" t="s">
        <v>113</v>
      </c>
      <c r="B15470" s="14" t="s">
        <v>1</v>
      </c>
      <c r="C15470" s="14" t="s">
        <v>23</v>
      </c>
      <c r="D15470" s="14" t="s">
        <v>114</v>
      </c>
      <c r="E15470" s="15">
        <v>45516</v>
      </c>
      <c r="F15470" s="14" t="s">
        <v>15</v>
      </c>
      <c r="G15470" s="16">
        <v>2.4060182824874361</v>
      </c>
    </row>
    <row r="15471" spans="1:7" x14ac:dyDescent="0.3">
      <c r="A15471" s="13" t="s">
        <v>113</v>
      </c>
      <c r="B15471" s="14" t="s">
        <v>1</v>
      </c>
      <c r="C15471" s="14" t="s">
        <v>23</v>
      </c>
      <c r="D15471" s="14" t="s">
        <v>114</v>
      </c>
      <c r="E15471" s="15">
        <v>45517</v>
      </c>
      <c r="F15471" s="14" t="s">
        <v>15</v>
      </c>
      <c r="G15471" s="16">
        <v>2.4570491974145825</v>
      </c>
    </row>
    <row r="15472" spans="1:7" x14ac:dyDescent="0.3">
      <c r="A15472" s="13" t="s">
        <v>113</v>
      </c>
      <c r="B15472" s="14" t="s">
        <v>1</v>
      </c>
      <c r="C15472" s="14" t="s">
        <v>23</v>
      </c>
      <c r="D15472" s="14" t="s">
        <v>114</v>
      </c>
      <c r="E15472" s="15">
        <v>45518</v>
      </c>
      <c r="F15472" s="14" t="s">
        <v>15</v>
      </c>
      <c r="G15472" s="16">
        <v>2.4737847446198122</v>
      </c>
    </row>
    <row r="15473" spans="1:7" x14ac:dyDescent="0.3">
      <c r="A15473" s="13" t="s">
        <v>113</v>
      </c>
      <c r="B15473" s="14" t="s">
        <v>1</v>
      </c>
      <c r="C15473" s="14" t="s">
        <v>23</v>
      </c>
      <c r="D15473" s="14" t="s">
        <v>114</v>
      </c>
      <c r="E15473" s="15">
        <v>45519</v>
      </c>
      <c r="F15473" s="14" t="s">
        <v>15</v>
      </c>
      <c r="G15473" s="16">
        <v>2.4845263982126382</v>
      </c>
    </row>
    <row r="15474" spans="1:7" x14ac:dyDescent="0.3">
      <c r="A15474" s="13" t="s">
        <v>113</v>
      </c>
      <c r="B15474" s="14" t="s">
        <v>1</v>
      </c>
      <c r="C15474" s="14" t="s">
        <v>23</v>
      </c>
      <c r="D15474" s="14" t="s">
        <v>114</v>
      </c>
      <c r="E15474" s="15">
        <v>45520</v>
      </c>
      <c r="F15474" s="14" t="s">
        <v>15</v>
      </c>
      <c r="G15474" s="16">
        <v>2.501595838387197</v>
      </c>
    </row>
    <row r="15475" spans="1:7" x14ac:dyDescent="0.3">
      <c r="A15475" s="13" t="s">
        <v>113</v>
      </c>
      <c r="B15475" s="14" t="s">
        <v>1</v>
      </c>
      <c r="C15475" s="14" t="s">
        <v>23</v>
      </c>
      <c r="D15475" s="14" t="s">
        <v>114</v>
      </c>
      <c r="E15475" s="15">
        <v>45521</v>
      </c>
      <c r="F15475" s="14" t="s">
        <v>15</v>
      </c>
      <c r="G15475" s="16">
        <v>2.501595838387197</v>
      </c>
    </row>
    <row r="15476" spans="1:7" x14ac:dyDescent="0.3">
      <c r="A15476" s="13" t="s">
        <v>113</v>
      </c>
      <c r="B15476" s="14" t="s">
        <v>1</v>
      </c>
      <c r="C15476" s="14" t="s">
        <v>23</v>
      </c>
      <c r="D15476" s="14" t="s">
        <v>114</v>
      </c>
      <c r="E15476" s="15">
        <v>45522</v>
      </c>
      <c r="F15476" s="14" t="s">
        <v>15</v>
      </c>
      <c r="G15476" s="16">
        <v>2.501595838387197</v>
      </c>
    </row>
    <row r="15477" spans="1:7" x14ac:dyDescent="0.3">
      <c r="A15477" s="13" t="s">
        <v>113</v>
      </c>
      <c r="B15477" s="14" t="s">
        <v>1</v>
      </c>
      <c r="C15477" s="14" t="s">
        <v>23</v>
      </c>
      <c r="D15477" s="14" t="s">
        <v>114</v>
      </c>
      <c r="E15477" s="15">
        <v>45523</v>
      </c>
      <c r="F15477" s="14" t="s">
        <v>15</v>
      </c>
      <c r="G15477" s="16">
        <v>2.5186902837621026</v>
      </c>
    </row>
    <row r="15478" spans="1:7" x14ac:dyDescent="0.3">
      <c r="A15478" s="13" t="s">
        <v>113</v>
      </c>
      <c r="B15478" s="14" t="s">
        <v>1</v>
      </c>
      <c r="C15478" s="14" t="s">
        <v>23</v>
      </c>
      <c r="D15478" s="14" t="s">
        <v>114</v>
      </c>
      <c r="E15478" s="15">
        <v>45524</v>
      </c>
      <c r="F15478" s="14" t="s">
        <v>15</v>
      </c>
      <c r="G15478" s="16">
        <v>2.5708787923758658</v>
      </c>
    </row>
    <row r="15479" spans="1:7" x14ac:dyDescent="0.3">
      <c r="A15479" s="13" t="s">
        <v>113</v>
      </c>
      <c r="B15479" s="14" t="s">
        <v>1</v>
      </c>
      <c r="C15479" s="14" t="s">
        <v>23</v>
      </c>
      <c r="D15479" s="14" t="s">
        <v>114</v>
      </c>
      <c r="E15479" s="15">
        <v>45525</v>
      </c>
      <c r="F15479" s="14" t="s">
        <v>15</v>
      </c>
      <c r="G15479" s="16">
        <v>2.5828883567156593</v>
      </c>
    </row>
    <row r="15480" spans="1:7" x14ac:dyDescent="0.3">
      <c r="A15480" s="13" t="s">
        <v>113</v>
      </c>
      <c r="B15480" s="14" t="s">
        <v>1</v>
      </c>
      <c r="C15480" s="14" t="s">
        <v>23</v>
      </c>
      <c r="D15480" s="14" t="s">
        <v>114</v>
      </c>
      <c r="E15480" s="15">
        <v>45526</v>
      </c>
      <c r="F15480" s="14" t="s">
        <v>15</v>
      </c>
      <c r="G15480" s="16">
        <v>2.5999901565612547</v>
      </c>
    </row>
    <row r="15481" spans="1:7" x14ac:dyDescent="0.3">
      <c r="A15481" s="13" t="s">
        <v>113</v>
      </c>
      <c r="B15481" s="14" t="s">
        <v>1</v>
      </c>
      <c r="C15481" s="14" t="s">
        <v>23</v>
      </c>
      <c r="D15481" s="14" t="s">
        <v>114</v>
      </c>
      <c r="E15481" s="15">
        <v>45527</v>
      </c>
      <c r="F15481" s="14" t="s">
        <v>15</v>
      </c>
      <c r="G15481" s="16">
        <v>2.6170287079589154</v>
      </c>
    </row>
    <row r="15482" spans="1:7" x14ac:dyDescent="0.3">
      <c r="A15482" s="13" t="s">
        <v>113</v>
      </c>
      <c r="B15482" s="14" t="s">
        <v>1</v>
      </c>
      <c r="C15482" s="14" t="s">
        <v>23</v>
      </c>
      <c r="D15482" s="14" t="s">
        <v>114</v>
      </c>
      <c r="E15482" s="15">
        <v>45528</v>
      </c>
      <c r="F15482" s="14" t="s">
        <v>15</v>
      </c>
      <c r="G15482" s="16">
        <v>2.6170287079589154</v>
      </c>
    </row>
    <row r="15483" spans="1:7" x14ac:dyDescent="0.3">
      <c r="A15483" s="13" t="s">
        <v>113</v>
      </c>
      <c r="B15483" s="14" t="s">
        <v>1</v>
      </c>
      <c r="C15483" s="14" t="s">
        <v>23</v>
      </c>
      <c r="D15483" s="14" t="s">
        <v>114</v>
      </c>
      <c r="E15483" s="15">
        <v>45529</v>
      </c>
      <c r="F15483" s="14" t="s">
        <v>15</v>
      </c>
      <c r="G15483" s="16">
        <v>2.6170287079589154</v>
      </c>
    </row>
    <row r="15484" spans="1:7" x14ac:dyDescent="0.3">
      <c r="A15484" s="13" t="s">
        <v>113</v>
      </c>
      <c r="B15484" s="14" t="s">
        <v>1</v>
      </c>
      <c r="C15484" s="14" t="s">
        <v>23</v>
      </c>
      <c r="D15484" s="14" t="s">
        <v>114</v>
      </c>
      <c r="E15484" s="15">
        <v>45530</v>
      </c>
      <c r="F15484" s="14" t="s">
        <v>15</v>
      </c>
      <c r="G15484" s="16">
        <v>2.6345261783276359</v>
      </c>
    </row>
    <row r="15485" spans="1:7" x14ac:dyDescent="0.3">
      <c r="A15485" s="13" t="s">
        <v>113</v>
      </c>
      <c r="B15485" s="14" t="s">
        <v>1</v>
      </c>
      <c r="C15485" s="14" t="s">
        <v>23</v>
      </c>
      <c r="D15485" s="14" t="s">
        <v>114</v>
      </c>
      <c r="E15485" s="15">
        <v>45531</v>
      </c>
      <c r="F15485" s="14" t="s">
        <v>15</v>
      </c>
      <c r="G15485" s="16">
        <v>2.6861204457096419</v>
      </c>
    </row>
    <row r="15486" spans="1:7" x14ac:dyDescent="0.3">
      <c r="A15486" s="13" t="s">
        <v>113</v>
      </c>
      <c r="B15486" s="14" t="s">
        <v>1</v>
      </c>
      <c r="C15486" s="14" t="s">
        <v>23</v>
      </c>
      <c r="D15486" s="14" t="s">
        <v>114</v>
      </c>
      <c r="E15486" s="15">
        <v>45532</v>
      </c>
      <c r="F15486" s="14" t="s">
        <v>15</v>
      </c>
      <c r="G15486" s="16">
        <v>2.7039062113294134</v>
      </c>
    </row>
    <row r="15487" spans="1:7" x14ac:dyDescent="0.3">
      <c r="A15487" s="13" t="s">
        <v>113</v>
      </c>
      <c r="B15487" s="14" t="s">
        <v>1</v>
      </c>
      <c r="C15487" s="14" t="s">
        <v>23</v>
      </c>
      <c r="D15487" s="14" t="s">
        <v>114</v>
      </c>
      <c r="E15487" s="15">
        <v>45533</v>
      </c>
      <c r="F15487" s="14" t="s">
        <v>15</v>
      </c>
      <c r="G15487" s="16">
        <v>2.7205829227691232</v>
      </c>
    </row>
    <row r="15488" spans="1:7" x14ac:dyDescent="0.3">
      <c r="A15488" s="13" t="s">
        <v>113</v>
      </c>
      <c r="B15488" s="14" t="s">
        <v>1</v>
      </c>
      <c r="C15488" s="14" t="s">
        <v>23</v>
      </c>
      <c r="D15488" s="14" t="s">
        <v>114</v>
      </c>
      <c r="E15488" s="15">
        <v>45534</v>
      </c>
      <c r="F15488" s="14" t="s">
        <v>15</v>
      </c>
      <c r="G15488" s="16">
        <v>2.7376332413198883</v>
      </c>
    </row>
    <row r="15489" spans="1:7" x14ac:dyDescent="0.3">
      <c r="A15489" s="13" t="s">
        <v>113</v>
      </c>
      <c r="B15489" s="14" t="s">
        <v>1</v>
      </c>
      <c r="C15489" s="14" t="s">
        <v>23</v>
      </c>
      <c r="D15489" s="14" t="s">
        <v>114</v>
      </c>
      <c r="E15489" s="15">
        <v>45535</v>
      </c>
      <c r="F15489" s="14" t="s">
        <v>15</v>
      </c>
      <c r="G15489" s="16">
        <v>2.7376332413198883</v>
      </c>
    </row>
    <row r="15490" spans="1:7" x14ac:dyDescent="0.3">
      <c r="A15490" s="13" t="s">
        <v>113</v>
      </c>
      <c r="B15490" s="14" t="s">
        <v>1</v>
      </c>
      <c r="C15490" s="14" t="s">
        <v>23</v>
      </c>
      <c r="D15490" s="14" t="s">
        <v>114</v>
      </c>
      <c r="E15490" s="15">
        <v>45536</v>
      </c>
      <c r="F15490" s="14" t="s">
        <v>15</v>
      </c>
      <c r="G15490" s="16">
        <v>2.7376332413198883</v>
      </c>
    </row>
    <row r="15491" spans="1:7" x14ac:dyDescent="0.3">
      <c r="A15491" s="13" t="s">
        <v>113</v>
      </c>
      <c r="B15491" s="14" t="s">
        <v>1</v>
      </c>
      <c r="C15491" s="14" t="s">
        <v>23</v>
      </c>
      <c r="D15491" s="14" t="s">
        <v>114</v>
      </c>
      <c r="E15491" s="15">
        <v>45537</v>
      </c>
      <c r="F15491" s="14" t="s">
        <v>15</v>
      </c>
      <c r="G15491" s="16">
        <v>2.7376332413198883</v>
      </c>
    </row>
    <row r="15492" spans="1:7" x14ac:dyDescent="0.3">
      <c r="A15492" s="13" t="s">
        <v>113</v>
      </c>
      <c r="B15492" s="14" t="s">
        <v>1</v>
      </c>
      <c r="C15492" s="14" t="s">
        <v>23</v>
      </c>
      <c r="D15492" s="14" t="s">
        <v>114</v>
      </c>
      <c r="E15492" s="15">
        <v>45538</v>
      </c>
      <c r="F15492" s="14" t="s">
        <v>15</v>
      </c>
      <c r="G15492" s="16">
        <v>2.7549321409799772</v>
      </c>
    </row>
    <row r="15493" spans="1:7" x14ac:dyDescent="0.3">
      <c r="A15493" s="13" t="s">
        <v>113</v>
      </c>
      <c r="B15493" s="14" t="s">
        <v>1</v>
      </c>
      <c r="C15493" s="14" t="s">
        <v>23</v>
      </c>
      <c r="D15493" s="14" t="s">
        <v>114</v>
      </c>
      <c r="E15493" s="15">
        <v>45539</v>
      </c>
      <c r="F15493" s="14" t="s">
        <v>15</v>
      </c>
      <c r="G15493" s="16">
        <v>2.8134999174703035</v>
      </c>
    </row>
    <row r="15494" spans="1:7" x14ac:dyDescent="0.3">
      <c r="A15494" s="13" t="s">
        <v>113</v>
      </c>
      <c r="B15494" s="14" t="s">
        <v>1</v>
      </c>
      <c r="C15494" s="14" t="s">
        <v>23</v>
      </c>
      <c r="D15494" s="14" t="s">
        <v>114</v>
      </c>
      <c r="E15494" s="15">
        <v>45540</v>
      </c>
      <c r="F15494" s="14" t="s">
        <v>15</v>
      </c>
      <c r="G15494" s="16">
        <v>2.8308135260717728</v>
      </c>
    </row>
    <row r="15495" spans="1:7" x14ac:dyDescent="0.3">
      <c r="A15495" s="13" t="s">
        <v>113</v>
      </c>
      <c r="B15495" s="14" t="s">
        <v>1</v>
      </c>
      <c r="C15495" s="14" t="s">
        <v>23</v>
      </c>
      <c r="D15495" s="14" t="s">
        <v>114</v>
      </c>
      <c r="E15495" s="15">
        <v>45541</v>
      </c>
      <c r="F15495" s="14" t="s">
        <v>15</v>
      </c>
      <c r="G15495" s="16">
        <v>2.8486478311980985</v>
      </c>
    </row>
    <row r="15496" spans="1:7" x14ac:dyDescent="0.3">
      <c r="A15496" s="13" t="s">
        <v>113</v>
      </c>
      <c r="B15496" s="14" t="s">
        <v>1</v>
      </c>
      <c r="C15496" s="14" t="s">
        <v>23</v>
      </c>
      <c r="D15496" s="14" t="s">
        <v>114</v>
      </c>
      <c r="E15496" s="15">
        <v>45542</v>
      </c>
      <c r="F15496" s="14" t="s">
        <v>15</v>
      </c>
      <c r="G15496" s="16">
        <v>2.8486478311980985</v>
      </c>
    </row>
    <row r="15497" spans="1:7" x14ac:dyDescent="0.3">
      <c r="A15497" s="13" t="s">
        <v>113</v>
      </c>
      <c r="B15497" s="14" t="s">
        <v>1</v>
      </c>
      <c r="C15497" s="14" t="s">
        <v>23</v>
      </c>
      <c r="D15497" s="14" t="s">
        <v>114</v>
      </c>
      <c r="E15497" s="15">
        <v>45543</v>
      </c>
      <c r="F15497" s="14" t="s">
        <v>15</v>
      </c>
      <c r="G15497" s="16">
        <v>2.8486478311980985</v>
      </c>
    </row>
    <row r="15498" spans="1:7" x14ac:dyDescent="0.3">
      <c r="A15498" s="13" t="s">
        <v>113</v>
      </c>
      <c r="B15498" s="14" t="s">
        <v>1</v>
      </c>
      <c r="C15498" s="14" t="s">
        <v>23</v>
      </c>
      <c r="D15498" s="14" t="s">
        <v>114</v>
      </c>
      <c r="E15498" s="15">
        <v>45544</v>
      </c>
      <c r="F15498" s="14" t="s">
        <v>15</v>
      </c>
      <c r="G15498" s="16">
        <v>2.8975297697896081</v>
      </c>
    </row>
    <row r="15499" spans="1:7" x14ac:dyDescent="0.3">
      <c r="A15499" s="13" t="s">
        <v>113</v>
      </c>
      <c r="B15499" s="14" t="s">
        <v>1</v>
      </c>
      <c r="C15499" s="14" t="s">
        <v>23</v>
      </c>
      <c r="D15499" s="14" t="s">
        <v>114</v>
      </c>
      <c r="E15499" s="15">
        <v>45545</v>
      </c>
      <c r="F15499" s="14" t="s">
        <v>15</v>
      </c>
      <c r="G15499" s="16">
        <v>2.9453614899665754</v>
      </c>
    </row>
    <row r="15500" spans="1:7" x14ac:dyDescent="0.3">
      <c r="A15500" s="13" t="s">
        <v>113</v>
      </c>
      <c r="B15500" s="14" t="s">
        <v>1</v>
      </c>
      <c r="C15500" s="14" t="s">
        <v>23</v>
      </c>
      <c r="D15500" s="14" t="s">
        <v>114</v>
      </c>
      <c r="E15500" s="15">
        <v>45546</v>
      </c>
      <c r="F15500" s="14" t="s">
        <v>15</v>
      </c>
      <c r="G15500" s="16">
        <v>2.9607438145648337</v>
      </c>
    </row>
    <row r="15501" spans="1:7" x14ac:dyDescent="0.3">
      <c r="A15501" s="13" t="s">
        <v>113</v>
      </c>
      <c r="B15501" s="14" t="s">
        <v>1</v>
      </c>
      <c r="C15501" s="14" t="s">
        <v>23</v>
      </c>
      <c r="D15501" s="14" t="s">
        <v>114</v>
      </c>
      <c r="E15501" s="15">
        <v>45547</v>
      </c>
      <c r="F15501" s="14" t="s">
        <v>15</v>
      </c>
      <c r="G15501" s="16">
        <v>2.9781530312852738</v>
      </c>
    </row>
    <row r="15502" spans="1:7" x14ac:dyDescent="0.3">
      <c r="A15502" s="13" t="s">
        <v>113</v>
      </c>
      <c r="B15502" s="14" t="s">
        <v>1</v>
      </c>
      <c r="C15502" s="14" t="s">
        <v>23</v>
      </c>
      <c r="D15502" s="14" t="s">
        <v>114</v>
      </c>
      <c r="E15502" s="15">
        <v>45548</v>
      </c>
      <c r="F15502" s="14" t="s">
        <v>15</v>
      </c>
      <c r="G15502" s="16">
        <v>2.9954872324046748</v>
      </c>
    </row>
    <row r="15503" spans="1:7" x14ac:dyDescent="0.3">
      <c r="A15503" s="13" t="s">
        <v>113</v>
      </c>
      <c r="B15503" s="14" t="s">
        <v>1</v>
      </c>
      <c r="C15503" s="14" t="s">
        <v>23</v>
      </c>
      <c r="D15503" s="14" t="s">
        <v>114</v>
      </c>
      <c r="E15503" s="15">
        <v>45549</v>
      </c>
      <c r="F15503" s="14" t="s">
        <v>15</v>
      </c>
      <c r="G15503" s="16">
        <v>2.9954872324046748</v>
      </c>
    </row>
    <row r="15504" spans="1:7" x14ac:dyDescent="0.3">
      <c r="A15504" s="13" t="s">
        <v>113</v>
      </c>
      <c r="B15504" s="14" t="s">
        <v>1</v>
      </c>
      <c r="C15504" s="14" t="s">
        <v>23</v>
      </c>
      <c r="D15504" s="14" t="s">
        <v>114</v>
      </c>
      <c r="E15504" s="15">
        <v>45550</v>
      </c>
      <c r="F15504" s="14" t="s">
        <v>15</v>
      </c>
      <c r="G15504" s="16">
        <v>2.9954872324046748</v>
      </c>
    </row>
    <row r="15505" spans="1:7" x14ac:dyDescent="0.3">
      <c r="A15505" s="13" t="s">
        <v>113</v>
      </c>
      <c r="B15505" s="14" t="s">
        <v>1</v>
      </c>
      <c r="C15505" s="14" t="s">
        <v>23</v>
      </c>
      <c r="D15505" s="14" t="s">
        <v>114</v>
      </c>
      <c r="E15505" s="15">
        <v>45551</v>
      </c>
      <c r="F15505" s="14" t="s">
        <v>15</v>
      </c>
      <c r="G15505" s="16">
        <v>3.0129802900909817</v>
      </c>
    </row>
    <row r="15506" spans="1:7" x14ac:dyDescent="0.3">
      <c r="A15506" s="13" t="s">
        <v>113</v>
      </c>
      <c r="B15506" s="14" t="s">
        <v>1</v>
      </c>
      <c r="C15506" s="14" t="s">
        <v>23</v>
      </c>
      <c r="D15506" s="14" t="s">
        <v>114</v>
      </c>
      <c r="E15506" s="15">
        <v>45552</v>
      </c>
      <c r="F15506" s="14" t="s">
        <v>15</v>
      </c>
      <c r="G15506" s="16">
        <v>3.0667264755969006</v>
      </c>
    </row>
    <row r="15507" spans="1:7" x14ac:dyDescent="0.3">
      <c r="A15507" s="13" t="s">
        <v>113</v>
      </c>
      <c r="B15507" s="14" t="s">
        <v>1</v>
      </c>
      <c r="C15507" s="14" t="s">
        <v>23</v>
      </c>
      <c r="D15507" s="14" t="s">
        <v>114</v>
      </c>
      <c r="E15507" s="15">
        <v>45553</v>
      </c>
      <c r="F15507" s="14" t="s">
        <v>15</v>
      </c>
      <c r="G15507" s="16">
        <v>3.0845931403942632</v>
      </c>
    </row>
    <row r="15508" spans="1:7" x14ac:dyDescent="0.3">
      <c r="A15508" s="13" t="s">
        <v>113</v>
      </c>
      <c r="B15508" s="14" t="s">
        <v>1</v>
      </c>
      <c r="C15508" s="14" t="s">
        <v>23</v>
      </c>
      <c r="D15508" s="14" t="s">
        <v>114</v>
      </c>
      <c r="E15508" s="15">
        <v>45554</v>
      </c>
      <c r="F15508" s="14" t="s">
        <v>15</v>
      </c>
      <c r="G15508" s="16">
        <v>3.1017405379581371</v>
      </c>
    </row>
    <row r="15509" spans="1:7" x14ac:dyDescent="0.3">
      <c r="A15509" s="13" t="s">
        <v>113</v>
      </c>
      <c r="B15509" s="14" t="s">
        <v>1</v>
      </c>
      <c r="C15509" s="14" t="s">
        <v>23</v>
      </c>
      <c r="D15509" s="14" t="s">
        <v>114</v>
      </c>
      <c r="E15509" s="15">
        <v>45555</v>
      </c>
      <c r="F15509" s="14" t="s">
        <v>15</v>
      </c>
      <c r="G15509" s="16">
        <v>3.1200102277493147</v>
      </c>
    </row>
    <row r="15510" spans="1:7" x14ac:dyDescent="0.3">
      <c r="A15510" s="13" t="s">
        <v>113</v>
      </c>
      <c r="B15510" s="14" t="s">
        <v>1</v>
      </c>
      <c r="C15510" s="14" t="s">
        <v>23</v>
      </c>
      <c r="D15510" s="14" t="s">
        <v>114</v>
      </c>
      <c r="E15510" s="15">
        <v>45556</v>
      </c>
      <c r="F15510" s="14" t="s">
        <v>15</v>
      </c>
      <c r="G15510" s="16">
        <v>3.1200102277493147</v>
      </c>
    </row>
    <row r="15511" spans="1:7" x14ac:dyDescent="0.3">
      <c r="A15511" s="13" t="s">
        <v>113</v>
      </c>
      <c r="B15511" s="14" t="s">
        <v>1</v>
      </c>
      <c r="C15511" s="14" t="s">
        <v>23</v>
      </c>
      <c r="D15511" s="14" t="s">
        <v>114</v>
      </c>
      <c r="E15511" s="15">
        <v>45557</v>
      </c>
      <c r="F15511" s="14" t="s">
        <v>15</v>
      </c>
      <c r="G15511" s="16">
        <v>3.1200102277493147</v>
      </c>
    </row>
    <row r="15512" spans="1:7" x14ac:dyDescent="0.3">
      <c r="A15512" s="13" t="s">
        <v>113</v>
      </c>
      <c r="B15512" s="14" t="s">
        <v>1</v>
      </c>
      <c r="C15512" s="14" t="s">
        <v>23</v>
      </c>
      <c r="D15512" s="14" t="s">
        <v>114</v>
      </c>
      <c r="E15512" s="15">
        <v>45558</v>
      </c>
      <c r="F15512" s="14" t="s">
        <v>15</v>
      </c>
      <c r="G15512" s="16">
        <v>3.1382431451870421</v>
      </c>
    </row>
    <row r="15513" spans="1:7" x14ac:dyDescent="0.3">
      <c r="A15513" s="13" t="s">
        <v>113</v>
      </c>
      <c r="B15513" s="14" t="s">
        <v>1</v>
      </c>
      <c r="C15513" s="14" t="s">
        <v>23</v>
      </c>
      <c r="D15513" s="14" t="s">
        <v>114</v>
      </c>
      <c r="E15513" s="15">
        <v>45559</v>
      </c>
      <c r="F15513" s="14" t="s">
        <v>15</v>
      </c>
      <c r="G15513" s="16">
        <v>3.2067409280030956</v>
      </c>
    </row>
    <row r="15514" spans="1:7" x14ac:dyDescent="0.3">
      <c r="A15514" s="13" t="s">
        <v>113</v>
      </c>
      <c r="B15514" s="14" t="s">
        <v>1</v>
      </c>
      <c r="C15514" s="14" t="s">
        <v>23</v>
      </c>
      <c r="D15514" s="14" t="s">
        <v>114</v>
      </c>
      <c r="E15514" s="15">
        <v>45560</v>
      </c>
      <c r="F15514" s="14" t="s">
        <v>15</v>
      </c>
      <c r="G15514" s="16">
        <v>3.2251885959849731</v>
      </c>
    </row>
    <row r="15515" spans="1:7" x14ac:dyDescent="0.3">
      <c r="A15515" s="13" t="s">
        <v>113</v>
      </c>
      <c r="B15515" s="14" t="s">
        <v>1</v>
      </c>
      <c r="C15515" s="14" t="s">
        <v>23</v>
      </c>
      <c r="D15515" s="14" t="s">
        <v>114</v>
      </c>
      <c r="E15515" s="15">
        <v>45561</v>
      </c>
      <c r="F15515" s="14" t="s">
        <v>15</v>
      </c>
      <c r="G15515" s="16">
        <v>3.243587724460296</v>
      </c>
    </row>
    <row r="15516" spans="1:7" x14ac:dyDescent="0.3">
      <c r="A15516" s="13" t="s">
        <v>113</v>
      </c>
      <c r="B15516" s="14" t="s">
        <v>1</v>
      </c>
      <c r="C15516" s="14" t="s">
        <v>23</v>
      </c>
      <c r="D15516" s="14" t="s">
        <v>114</v>
      </c>
      <c r="E15516" s="15">
        <v>45562</v>
      </c>
      <c r="F15516" s="14" t="s">
        <v>15</v>
      </c>
      <c r="G15516" s="16">
        <v>3.2650654343664809</v>
      </c>
    </row>
    <row r="15517" spans="1:7" x14ac:dyDescent="0.3">
      <c r="A15517" s="13" t="s">
        <v>113</v>
      </c>
      <c r="B15517" s="14" t="s">
        <v>1</v>
      </c>
      <c r="C15517" s="14" t="s">
        <v>23</v>
      </c>
      <c r="D15517" s="14" t="s">
        <v>114</v>
      </c>
      <c r="E15517" s="15">
        <v>45563</v>
      </c>
      <c r="F15517" s="14" t="s">
        <v>15</v>
      </c>
      <c r="G15517" s="16">
        <v>3.2650654343664809</v>
      </c>
    </row>
    <row r="15518" spans="1:7" x14ac:dyDescent="0.3">
      <c r="A15518" s="13" t="s">
        <v>113</v>
      </c>
      <c r="B15518" s="14" t="s">
        <v>1</v>
      </c>
      <c r="C15518" s="14" t="s">
        <v>23</v>
      </c>
      <c r="D15518" s="14" t="s">
        <v>114</v>
      </c>
      <c r="E15518" s="15">
        <v>45564</v>
      </c>
      <c r="F15518" s="14" t="s">
        <v>15</v>
      </c>
      <c r="G15518" s="16">
        <v>3.2650654343664809</v>
      </c>
    </row>
    <row r="15519" spans="1:7" x14ac:dyDescent="0.3">
      <c r="A15519" s="13" t="s">
        <v>113</v>
      </c>
      <c r="B15519" s="14" t="s">
        <v>1</v>
      </c>
      <c r="C15519" s="14" t="s">
        <v>23</v>
      </c>
      <c r="D15519" s="14" t="s">
        <v>114</v>
      </c>
      <c r="E15519" s="15">
        <v>45565</v>
      </c>
      <c r="F15519" s="14" t="s">
        <v>15</v>
      </c>
      <c r="G15519" s="16">
        <v>3.2834013143938692</v>
      </c>
    </row>
    <row r="15520" spans="1:7" x14ac:dyDescent="0.3">
      <c r="A15520" s="13" t="s">
        <v>113</v>
      </c>
      <c r="B15520" s="14" t="s">
        <v>1</v>
      </c>
      <c r="C15520" s="14" t="s">
        <v>23</v>
      </c>
      <c r="D15520" s="14" t="s">
        <v>114</v>
      </c>
      <c r="E15520" s="15">
        <v>45566</v>
      </c>
      <c r="F15520" s="14" t="s">
        <v>15</v>
      </c>
      <c r="G15520" s="16">
        <v>3.3384286486939976</v>
      </c>
    </row>
    <row r="15521" spans="1:7" x14ac:dyDescent="0.3">
      <c r="A15521" s="13" t="s">
        <v>113</v>
      </c>
      <c r="B15521" s="14" t="s">
        <v>1</v>
      </c>
      <c r="C15521" s="14" t="s">
        <v>23</v>
      </c>
      <c r="D15521" s="14" t="s">
        <v>114</v>
      </c>
      <c r="E15521" s="15">
        <v>45567</v>
      </c>
      <c r="F15521" s="14" t="s">
        <v>15</v>
      </c>
      <c r="G15521" s="16">
        <v>3.3564894715175777</v>
      </c>
    </row>
    <row r="15522" spans="1:7" x14ac:dyDescent="0.3">
      <c r="A15522" s="13" t="s">
        <v>113</v>
      </c>
      <c r="B15522" s="14" t="s">
        <v>1</v>
      </c>
      <c r="C15522" s="14" t="s">
        <v>23</v>
      </c>
      <c r="D15522" s="14" t="s">
        <v>114</v>
      </c>
      <c r="E15522" s="15">
        <v>45568</v>
      </c>
      <c r="F15522" s="14" t="s">
        <v>15</v>
      </c>
      <c r="G15522" s="16">
        <v>3.3642113794450625</v>
      </c>
    </row>
    <row r="15523" spans="1:7" x14ac:dyDescent="0.3">
      <c r="A15523" s="13" t="s">
        <v>113</v>
      </c>
      <c r="B15523" s="14" t="s">
        <v>1</v>
      </c>
      <c r="C15523" s="14" t="s">
        <v>23</v>
      </c>
      <c r="D15523" s="14" t="s">
        <v>114</v>
      </c>
      <c r="E15523" s="15">
        <v>45569</v>
      </c>
      <c r="F15523" s="14" t="s">
        <v>15</v>
      </c>
      <c r="G15523" s="16">
        <v>3.3828767397593662</v>
      </c>
    </row>
    <row r="15524" spans="1:7" x14ac:dyDescent="0.3">
      <c r="A15524" s="13" t="s">
        <v>113</v>
      </c>
      <c r="B15524" s="14" t="s">
        <v>1</v>
      </c>
      <c r="C15524" s="14" t="s">
        <v>23</v>
      </c>
      <c r="D15524" s="14" t="s">
        <v>114</v>
      </c>
      <c r="E15524" s="15">
        <v>45570</v>
      </c>
      <c r="F15524" s="14" t="s">
        <v>15</v>
      </c>
      <c r="G15524" s="16">
        <v>3.3828767397593662</v>
      </c>
    </row>
    <row r="15525" spans="1:7" x14ac:dyDescent="0.3">
      <c r="A15525" s="13" t="s">
        <v>113</v>
      </c>
      <c r="B15525" s="14" t="s">
        <v>1</v>
      </c>
      <c r="C15525" s="14" t="s">
        <v>23</v>
      </c>
      <c r="D15525" s="14" t="s">
        <v>114</v>
      </c>
      <c r="E15525" s="15">
        <v>45571</v>
      </c>
      <c r="F15525" s="14" t="s">
        <v>15</v>
      </c>
      <c r="G15525" s="16">
        <v>3.3828767397593662</v>
      </c>
    </row>
    <row r="15526" spans="1:7" x14ac:dyDescent="0.3">
      <c r="A15526" s="13" t="s">
        <v>113</v>
      </c>
      <c r="B15526" s="14" t="s">
        <v>1</v>
      </c>
      <c r="C15526" s="14" t="s">
        <v>23</v>
      </c>
      <c r="D15526" s="14" t="s">
        <v>114</v>
      </c>
      <c r="E15526" s="15">
        <v>45572</v>
      </c>
      <c r="F15526" s="14" t="s">
        <v>15</v>
      </c>
      <c r="G15526" s="16">
        <v>3.4277490209306514</v>
      </c>
    </row>
    <row r="15527" spans="1:7" x14ac:dyDescent="0.3">
      <c r="A15527" s="13" t="s">
        <v>113</v>
      </c>
      <c r="B15527" s="14" t="s">
        <v>1</v>
      </c>
      <c r="C15527" s="14" t="s">
        <v>23</v>
      </c>
      <c r="D15527" s="14" t="s">
        <v>114</v>
      </c>
      <c r="E15527" s="15">
        <v>45573</v>
      </c>
      <c r="F15527" s="14" t="s">
        <v>15</v>
      </c>
      <c r="G15527" s="16">
        <v>3.4866771664847906</v>
      </c>
    </row>
    <row r="15528" spans="1:7" x14ac:dyDescent="0.3">
      <c r="A15528" s="13" t="s">
        <v>113</v>
      </c>
      <c r="B15528" s="14" t="s">
        <v>1</v>
      </c>
      <c r="C15528" s="14" t="s">
        <v>23</v>
      </c>
      <c r="D15528" s="14" t="s">
        <v>114</v>
      </c>
      <c r="E15528" s="15">
        <v>45574</v>
      </c>
      <c r="F15528" s="14" t="s">
        <v>15</v>
      </c>
      <c r="G15528" s="16">
        <v>3.5055057960484142</v>
      </c>
    </row>
    <row r="15529" spans="1:7" x14ac:dyDescent="0.3">
      <c r="A15529" s="13" t="s">
        <v>113</v>
      </c>
      <c r="B15529" s="14" t="s">
        <v>1</v>
      </c>
      <c r="C15529" s="14" t="s">
        <v>23</v>
      </c>
      <c r="D15529" s="14" t="s">
        <v>114</v>
      </c>
      <c r="E15529" s="15">
        <v>45575</v>
      </c>
      <c r="F15529" s="14" t="s">
        <v>15</v>
      </c>
      <c r="G15529" s="16">
        <v>3.5243197166706568</v>
      </c>
    </row>
    <row r="15530" spans="1:7" x14ac:dyDescent="0.3">
      <c r="A15530" s="13" t="s">
        <v>113</v>
      </c>
      <c r="B15530" s="14" t="s">
        <v>1</v>
      </c>
      <c r="C15530" s="14" t="s">
        <v>23</v>
      </c>
      <c r="D15530" s="14" t="s">
        <v>114</v>
      </c>
      <c r="E15530" s="15">
        <v>45576</v>
      </c>
      <c r="F15530" s="14" t="s">
        <v>15</v>
      </c>
      <c r="G15530" s="16">
        <v>3.5429703680435796</v>
      </c>
    </row>
    <row r="15531" spans="1:7" x14ac:dyDescent="0.3">
      <c r="A15531" s="13" t="s">
        <v>113</v>
      </c>
      <c r="B15531" s="14" t="s">
        <v>1</v>
      </c>
      <c r="C15531" s="14" t="s">
        <v>23</v>
      </c>
      <c r="D15531" s="14" t="s">
        <v>114</v>
      </c>
      <c r="E15531" s="15">
        <v>45577</v>
      </c>
      <c r="F15531" s="14" t="s">
        <v>15</v>
      </c>
      <c r="G15531" s="16">
        <v>3.5429703680435796</v>
      </c>
    </row>
    <row r="15532" spans="1:7" x14ac:dyDescent="0.3">
      <c r="A15532" s="13" t="s">
        <v>113</v>
      </c>
      <c r="B15532" s="14" t="s">
        <v>1</v>
      </c>
      <c r="C15532" s="14" t="s">
        <v>23</v>
      </c>
      <c r="D15532" s="14" t="s">
        <v>114</v>
      </c>
      <c r="E15532" s="15">
        <v>45578</v>
      </c>
      <c r="F15532" s="14" t="s">
        <v>15</v>
      </c>
      <c r="G15532" s="16">
        <v>3.5429703680435796</v>
      </c>
    </row>
    <row r="15533" spans="1:7" x14ac:dyDescent="0.3">
      <c r="A15533" s="13" t="s">
        <v>113</v>
      </c>
      <c r="B15533" s="14" t="s">
        <v>1</v>
      </c>
      <c r="C15533" s="14" t="s">
        <v>23</v>
      </c>
      <c r="D15533" s="14" t="s">
        <v>114</v>
      </c>
      <c r="E15533" s="15">
        <v>45579</v>
      </c>
      <c r="F15533" s="14" t="s">
        <v>15</v>
      </c>
      <c r="G15533" s="16">
        <v>3.5429703680435796</v>
      </c>
    </row>
    <row r="15534" spans="1:7" x14ac:dyDescent="0.3">
      <c r="A15534" s="13" t="s">
        <v>113</v>
      </c>
      <c r="B15534" s="14" t="s">
        <v>1</v>
      </c>
      <c r="C15534" s="14" t="s">
        <v>23</v>
      </c>
      <c r="D15534" s="14" t="s">
        <v>114</v>
      </c>
      <c r="E15534" s="15">
        <v>45580</v>
      </c>
      <c r="F15534" s="14" t="s">
        <v>15</v>
      </c>
      <c r="G15534" s="16">
        <v>3.5617122148530602</v>
      </c>
    </row>
    <row r="15535" spans="1:7" x14ac:dyDescent="0.3">
      <c r="A15535" s="13" t="s">
        <v>113</v>
      </c>
      <c r="B15535" s="14" t="s">
        <v>1</v>
      </c>
      <c r="C15535" s="14" t="s">
        <v>23</v>
      </c>
      <c r="D15535" s="14" t="s">
        <v>114</v>
      </c>
      <c r="E15535" s="15">
        <v>45581</v>
      </c>
      <c r="F15535" s="14" t="s">
        <v>15</v>
      </c>
      <c r="G15535" s="16">
        <v>3.6368775607967279</v>
      </c>
    </row>
    <row r="15536" spans="1:7" x14ac:dyDescent="0.3">
      <c r="A15536" s="13" t="s">
        <v>113</v>
      </c>
      <c r="B15536" s="14" t="s">
        <v>1</v>
      </c>
      <c r="C15536" s="14" t="s">
        <v>23</v>
      </c>
      <c r="D15536" s="14" t="s">
        <v>114</v>
      </c>
      <c r="E15536" s="15">
        <v>45582</v>
      </c>
      <c r="F15536" s="14" t="s">
        <v>15</v>
      </c>
      <c r="G15536" s="16">
        <v>3.6553311123551571</v>
      </c>
    </row>
    <row r="15537" spans="1:7" x14ac:dyDescent="0.3">
      <c r="A15537" s="13" t="s">
        <v>113</v>
      </c>
      <c r="B15537" s="14" t="s">
        <v>1</v>
      </c>
      <c r="C15537" s="14" t="s">
        <v>23</v>
      </c>
      <c r="D15537" s="14" t="s">
        <v>114</v>
      </c>
      <c r="E15537" s="15">
        <v>45583</v>
      </c>
      <c r="F15537" s="14" t="s">
        <v>15</v>
      </c>
      <c r="G15537" s="16">
        <v>3.6738596795146252</v>
      </c>
    </row>
    <row r="15538" spans="1:7" x14ac:dyDescent="0.3">
      <c r="A15538" s="13" t="s">
        <v>113</v>
      </c>
      <c r="B15538" s="14" t="s">
        <v>1</v>
      </c>
      <c r="C15538" s="14" t="s">
        <v>23</v>
      </c>
      <c r="D15538" s="14" t="s">
        <v>114</v>
      </c>
      <c r="E15538" s="15">
        <v>45584</v>
      </c>
      <c r="F15538" s="14" t="s">
        <v>15</v>
      </c>
      <c r="G15538" s="16">
        <v>3.6738596795146252</v>
      </c>
    </row>
    <row r="15539" spans="1:7" x14ac:dyDescent="0.3">
      <c r="A15539" s="13" t="s">
        <v>113</v>
      </c>
      <c r="B15539" s="14" t="s">
        <v>1</v>
      </c>
      <c r="C15539" s="14" t="s">
        <v>23</v>
      </c>
      <c r="D15539" s="14" t="s">
        <v>114</v>
      </c>
      <c r="E15539" s="15">
        <v>45585</v>
      </c>
      <c r="F15539" s="14" t="s">
        <v>15</v>
      </c>
      <c r="G15539" s="16">
        <v>3.6738596795146252</v>
      </c>
    </row>
    <row r="15540" spans="1:7" x14ac:dyDescent="0.3">
      <c r="A15540" s="13" t="s">
        <v>113</v>
      </c>
      <c r="B15540" s="14" t="s">
        <v>1</v>
      </c>
      <c r="C15540" s="14" t="s">
        <v>23</v>
      </c>
      <c r="D15540" s="14" t="s">
        <v>114</v>
      </c>
      <c r="E15540" s="15">
        <v>45586</v>
      </c>
      <c r="F15540" s="14" t="s">
        <v>15</v>
      </c>
      <c r="G15540" s="16">
        <v>3.6912806633881692</v>
      </c>
    </row>
    <row r="15541" spans="1:7" x14ac:dyDescent="0.3">
      <c r="A15541" s="13" t="s">
        <v>113</v>
      </c>
      <c r="B15541" s="14" t="s">
        <v>1</v>
      </c>
      <c r="C15541" s="14" t="s">
        <v>23</v>
      </c>
      <c r="D15541" s="14" t="s">
        <v>114</v>
      </c>
      <c r="E15541" s="15">
        <v>45587</v>
      </c>
      <c r="F15541" s="14" t="s">
        <v>15</v>
      </c>
      <c r="G15541" s="16">
        <v>3.746999317933164</v>
      </c>
    </row>
    <row r="15542" spans="1:7" x14ac:dyDescent="0.3">
      <c r="A15542" s="13" t="s">
        <v>113</v>
      </c>
      <c r="B15542" s="14" t="s">
        <v>1</v>
      </c>
      <c r="C15542" s="14" t="s">
        <v>23</v>
      </c>
      <c r="D15542" s="14" t="s">
        <v>114</v>
      </c>
      <c r="E15542" s="15">
        <v>45588</v>
      </c>
      <c r="F15542" s="14" t="s">
        <v>15</v>
      </c>
      <c r="G15542" s="16">
        <v>3.7655734828109106</v>
      </c>
    </row>
    <row r="15543" spans="1:7" x14ac:dyDescent="0.3">
      <c r="A15543" s="13" t="s">
        <v>113</v>
      </c>
      <c r="B15543" s="14" t="s">
        <v>1</v>
      </c>
      <c r="C15543" s="14" t="s">
        <v>23</v>
      </c>
      <c r="D15543" s="14" t="s">
        <v>114</v>
      </c>
      <c r="E15543" s="15">
        <v>45589</v>
      </c>
      <c r="F15543" s="14" t="s">
        <v>15</v>
      </c>
      <c r="G15543" s="16">
        <v>3.7837725696834634</v>
      </c>
    </row>
    <row r="15544" spans="1:7" x14ac:dyDescent="0.3">
      <c r="A15544" s="13" t="s">
        <v>113</v>
      </c>
      <c r="B15544" s="14" t="s">
        <v>1</v>
      </c>
      <c r="C15544" s="14" t="s">
        <v>23</v>
      </c>
      <c r="D15544" s="14" t="s">
        <v>114</v>
      </c>
      <c r="E15544" s="15">
        <v>45590</v>
      </c>
      <c r="F15544" s="14" t="s">
        <v>15</v>
      </c>
      <c r="G15544" s="16">
        <v>3.8020834445105058</v>
      </c>
    </row>
    <row r="15545" spans="1:7" x14ac:dyDescent="0.3">
      <c r="A15545" s="13" t="s">
        <v>113</v>
      </c>
      <c r="B15545" s="14" t="s">
        <v>1</v>
      </c>
      <c r="C15545" s="14" t="s">
        <v>23</v>
      </c>
      <c r="D15545" s="14" t="s">
        <v>114</v>
      </c>
      <c r="E15545" s="15">
        <v>45591</v>
      </c>
      <c r="F15545" s="14" t="s">
        <v>15</v>
      </c>
      <c r="G15545" s="16">
        <v>3.8020834445105058</v>
      </c>
    </row>
    <row r="15546" spans="1:7" x14ac:dyDescent="0.3">
      <c r="A15546" s="13" t="s">
        <v>113</v>
      </c>
      <c r="B15546" s="14" t="s">
        <v>1</v>
      </c>
      <c r="C15546" s="14" t="s">
        <v>23</v>
      </c>
      <c r="D15546" s="14" t="s">
        <v>114</v>
      </c>
      <c r="E15546" s="15">
        <v>45592</v>
      </c>
      <c r="F15546" s="14" t="s">
        <v>15</v>
      </c>
      <c r="G15546" s="16">
        <v>3.8020834445105058</v>
      </c>
    </row>
    <row r="15547" spans="1:7" x14ac:dyDescent="0.3">
      <c r="A15547" s="13" t="s">
        <v>113</v>
      </c>
      <c r="B15547" s="14" t="s">
        <v>1</v>
      </c>
      <c r="C15547" s="14" t="s">
        <v>23</v>
      </c>
      <c r="D15547" s="14" t="s">
        <v>114</v>
      </c>
      <c r="E15547" s="15">
        <v>45593</v>
      </c>
      <c r="F15547" s="14" t="s">
        <v>15</v>
      </c>
      <c r="G15547" s="16">
        <v>3.8020834445105058</v>
      </c>
    </row>
    <row r="15548" spans="1:7" x14ac:dyDescent="0.3">
      <c r="A15548" s="13" t="s">
        <v>113</v>
      </c>
      <c r="B15548" s="14" t="s">
        <v>1</v>
      </c>
      <c r="C15548" s="14" t="s">
        <v>23</v>
      </c>
      <c r="D15548" s="14" t="s">
        <v>114</v>
      </c>
      <c r="E15548" s="15">
        <v>45594</v>
      </c>
      <c r="F15548" s="14" t="s">
        <v>15</v>
      </c>
      <c r="G15548" s="16">
        <v>3.823690593100836</v>
      </c>
    </row>
    <row r="15549" spans="1:7" x14ac:dyDescent="0.3">
      <c r="A15549" s="13" t="s">
        <v>113</v>
      </c>
      <c r="B15549" s="14" t="s">
        <v>1</v>
      </c>
      <c r="C15549" s="14" t="s">
        <v>23</v>
      </c>
      <c r="D15549" s="14" t="s">
        <v>114</v>
      </c>
      <c r="E15549" s="15">
        <v>45595</v>
      </c>
      <c r="F15549" s="14" t="s">
        <v>15</v>
      </c>
      <c r="G15549" s="16">
        <v>3.8957494106250197</v>
      </c>
    </row>
    <row r="15550" spans="1:7" x14ac:dyDescent="0.3">
      <c r="A15550" s="13" t="s">
        <v>113</v>
      </c>
      <c r="B15550" s="14" t="s">
        <v>1</v>
      </c>
      <c r="C15550" s="14" t="s">
        <v>23</v>
      </c>
      <c r="D15550" s="14" t="s">
        <v>114</v>
      </c>
      <c r="E15550" s="15">
        <v>45596</v>
      </c>
      <c r="F15550" s="14" t="s">
        <v>15</v>
      </c>
      <c r="G15550" s="16">
        <v>3.8998999875854086</v>
      </c>
    </row>
    <row r="15551" spans="1:7" x14ac:dyDescent="0.3">
      <c r="A15551" s="13" t="s">
        <v>113</v>
      </c>
      <c r="B15551" s="14" t="s">
        <v>1</v>
      </c>
      <c r="C15551" s="14" t="s">
        <v>23</v>
      </c>
      <c r="D15551" s="14" t="s">
        <v>114</v>
      </c>
      <c r="E15551" s="15">
        <v>45597</v>
      </c>
      <c r="F15551" s="14" t="s">
        <v>15</v>
      </c>
      <c r="G15551" s="16">
        <v>3.9173415639768852</v>
      </c>
    </row>
    <row r="15552" spans="1:7" x14ac:dyDescent="0.3">
      <c r="A15552" s="13" t="s">
        <v>113</v>
      </c>
      <c r="B15552" s="14" t="s">
        <v>1</v>
      </c>
      <c r="C15552" s="14" t="s">
        <v>23</v>
      </c>
      <c r="D15552" s="14" t="s">
        <v>114</v>
      </c>
      <c r="E15552" s="15">
        <v>45598</v>
      </c>
      <c r="F15552" s="14" t="s">
        <v>15</v>
      </c>
      <c r="G15552" s="16">
        <v>3.9173415639768852</v>
      </c>
    </row>
    <row r="15553" spans="1:7" x14ac:dyDescent="0.3">
      <c r="A15553" s="13" t="s">
        <v>113</v>
      </c>
      <c r="B15553" s="14" t="s">
        <v>1</v>
      </c>
      <c r="C15553" s="14" t="s">
        <v>23</v>
      </c>
      <c r="D15553" s="14" t="s">
        <v>114</v>
      </c>
      <c r="E15553" s="15">
        <v>45599</v>
      </c>
      <c r="F15553" s="14" t="s">
        <v>15</v>
      </c>
      <c r="G15553" s="16">
        <v>3.9173415639768852</v>
      </c>
    </row>
    <row r="15554" spans="1:7" x14ac:dyDescent="0.3">
      <c r="A15554" s="13" t="s">
        <v>113</v>
      </c>
      <c r="B15554" s="14" t="s">
        <v>1</v>
      </c>
      <c r="C15554" s="14" t="s">
        <v>23</v>
      </c>
      <c r="D15554" s="14" t="s">
        <v>114</v>
      </c>
      <c r="E15554" s="15">
        <v>45600</v>
      </c>
      <c r="F15554" s="14" t="s">
        <v>15</v>
      </c>
      <c r="G15554" s="16">
        <v>3.9254400208037019</v>
      </c>
    </row>
    <row r="15555" spans="1:7" x14ac:dyDescent="0.3">
      <c r="A15555" s="13" t="s">
        <v>113</v>
      </c>
      <c r="B15555" s="14" t="s">
        <v>1</v>
      </c>
      <c r="C15555" s="14" t="s">
        <v>23</v>
      </c>
      <c r="D15555" s="14" t="s">
        <v>114</v>
      </c>
      <c r="E15555" s="15">
        <v>45601</v>
      </c>
      <c r="F15555" s="14" t="s">
        <v>15</v>
      </c>
      <c r="G15555" s="16">
        <v>3.9812086857493889</v>
      </c>
    </row>
    <row r="15556" spans="1:7" x14ac:dyDescent="0.3">
      <c r="A15556" s="13" t="s">
        <v>113</v>
      </c>
      <c r="B15556" s="14" t="s">
        <v>1</v>
      </c>
      <c r="C15556" s="14" t="s">
        <v>23</v>
      </c>
      <c r="D15556" s="14" t="s">
        <v>114</v>
      </c>
      <c r="E15556" s="15">
        <v>45602</v>
      </c>
      <c r="F15556" s="14" t="s">
        <v>15</v>
      </c>
      <c r="G15556" s="16">
        <v>3.9995916343891937</v>
      </c>
    </row>
    <row r="15557" spans="1:7" x14ac:dyDescent="0.3">
      <c r="A15557" s="13" t="s">
        <v>113</v>
      </c>
      <c r="B15557" s="14" t="s">
        <v>1</v>
      </c>
      <c r="C15557" s="14" t="s">
        <v>23</v>
      </c>
      <c r="D15557" s="14" t="s">
        <v>114</v>
      </c>
      <c r="E15557" s="15">
        <v>45603</v>
      </c>
      <c r="F15557" s="14" t="s">
        <v>15</v>
      </c>
      <c r="G15557" s="16">
        <v>4.0197470104653048</v>
      </c>
    </row>
    <row r="15558" spans="1:7" x14ac:dyDescent="0.3">
      <c r="A15558" s="13" t="s">
        <v>113</v>
      </c>
      <c r="B15558" s="14" t="s">
        <v>1</v>
      </c>
      <c r="C15558" s="14" t="s">
        <v>23</v>
      </c>
      <c r="D15558" s="14" t="s">
        <v>114</v>
      </c>
      <c r="E15558" s="15">
        <v>45604</v>
      </c>
      <c r="F15558" s="14" t="s">
        <v>15</v>
      </c>
      <c r="G15558" s="16">
        <v>4.0387771525258351</v>
      </c>
    </row>
    <row r="15559" spans="1:7" x14ac:dyDescent="0.3">
      <c r="A15559" s="13" t="s">
        <v>113</v>
      </c>
      <c r="B15559" s="14" t="s">
        <v>1</v>
      </c>
      <c r="C15559" s="14" t="s">
        <v>23</v>
      </c>
      <c r="D15559" s="14" t="s">
        <v>114</v>
      </c>
      <c r="E15559" s="15">
        <v>45605</v>
      </c>
      <c r="F15559" s="14" t="s">
        <v>15</v>
      </c>
      <c r="G15559" s="16">
        <v>4.0387771525258351</v>
      </c>
    </row>
    <row r="15560" spans="1:7" x14ac:dyDescent="0.3">
      <c r="A15560" s="13" t="s">
        <v>113</v>
      </c>
      <c r="B15560" s="14" t="s">
        <v>1</v>
      </c>
      <c r="C15560" s="14" t="s">
        <v>23</v>
      </c>
      <c r="D15560" s="14" t="s">
        <v>114</v>
      </c>
      <c r="E15560" s="15">
        <v>45606</v>
      </c>
      <c r="F15560" s="14" t="s">
        <v>15</v>
      </c>
      <c r="G15560" s="16">
        <v>4.0387771525258351</v>
      </c>
    </row>
    <row r="15561" spans="1:7" x14ac:dyDescent="0.3">
      <c r="A15561" s="13" t="s">
        <v>113</v>
      </c>
      <c r="B15561" s="14" t="s">
        <v>1</v>
      </c>
      <c r="C15561" s="14" t="s">
        <v>23</v>
      </c>
      <c r="D15561" s="14" t="s">
        <v>114</v>
      </c>
      <c r="E15561" s="15">
        <v>45607</v>
      </c>
      <c r="F15561" s="14" t="s">
        <v>15</v>
      </c>
      <c r="G15561" s="16">
        <v>4.0387771525258351</v>
      </c>
    </row>
    <row r="15562" spans="1:7" x14ac:dyDescent="0.3">
      <c r="A15562" s="13" t="s">
        <v>113</v>
      </c>
      <c r="B15562" s="14" t="s">
        <v>1</v>
      </c>
      <c r="C15562" s="14" t="s">
        <v>23</v>
      </c>
      <c r="D15562" s="14" t="s">
        <v>114</v>
      </c>
      <c r="E15562" s="15">
        <v>45608</v>
      </c>
      <c r="F15562" s="14" t="s">
        <v>15</v>
      </c>
      <c r="G15562" s="16">
        <v>4.0565373207752318</v>
      </c>
    </row>
    <row r="15563" spans="1:7" x14ac:dyDescent="0.3">
      <c r="A15563" s="13" t="s">
        <v>113</v>
      </c>
      <c r="B15563" s="14" t="s">
        <v>1</v>
      </c>
      <c r="C15563" s="14" t="s">
        <v>23</v>
      </c>
      <c r="D15563" s="14" t="s">
        <v>114</v>
      </c>
      <c r="E15563" s="15">
        <v>45609</v>
      </c>
      <c r="F15563" s="14" t="s">
        <v>15</v>
      </c>
      <c r="G15563" s="16">
        <v>4.1445441082349754</v>
      </c>
    </row>
    <row r="15564" spans="1:7" x14ac:dyDescent="0.3">
      <c r="A15564" s="13" t="s">
        <v>113</v>
      </c>
      <c r="B15564" s="14" t="s">
        <v>1</v>
      </c>
      <c r="C15564" s="14" t="s">
        <v>23</v>
      </c>
      <c r="D15564" s="14" t="s">
        <v>114</v>
      </c>
      <c r="E15564" s="15">
        <v>45610</v>
      </c>
      <c r="F15564" s="14" t="s">
        <v>15</v>
      </c>
      <c r="G15564" s="16">
        <v>4.1624701772844297</v>
      </c>
    </row>
    <row r="15565" spans="1:7" x14ac:dyDescent="0.3">
      <c r="A15565" s="13" t="s">
        <v>113</v>
      </c>
      <c r="B15565" s="14" t="s">
        <v>1</v>
      </c>
      <c r="C15565" s="14" t="s">
        <v>23</v>
      </c>
      <c r="D15565" s="14" t="s">
        <v>114</v>
      </c>
      <c r="E15565" s="15">
        <v>45611</v>
      </c>
      <c r="F15565" s="14" t="s">
        <v>15</v>
      </c>
      <c r="G15565" s="16">
        <v>4.180418310893387</v>
      </c>
    </row>
    <row r="15566" spans="1:7" x14ac:dyDescent="0.3">
      <c r="A15566" s="13" t="s">
        <v>113</v>
      </c>
      <c r="B15566" s="14" t="s">
        <v>1</v>
      </c>
      <c r="C15566" s="14" t="s">
        <v>23</v>
      </c>
      <c r="D15566" s="14" t="s">
        <v>114</v>
      </c>
      <c r="E15566" s="15">
        <v>45612</v>
      </c>
      <c r="F15566" s="14" t="s">
        <v>15</v>
      </c>
      <c r="G15566" s="16">
        <v>4.180418310893387</v>
      </c>
    </row>
    <row r="15567" spans="1:7" x14ac:dyDescent="0.3">
      <c r="A15567" s="13" t="s">
        <v>113</v>
      </c>
      <c r="B15567" s="14" t="s">
        <v>1</v>
      </c>
      <c r="C15567" s="14" t="s">
        <v>23</v>
      </c>
      <c r="D15567" s="14" t="s">
        <v>114</v>
      </c>
      <c r="E15567" s="15">
        <v>45613</v>
      </c>
      <c r="F15567" s="14" t="s">
        <v>15</v>
      </c>
      <c r="G15567" s="16">
        <v>4.180418310893387</v>
      </c>
    </row>
    <row r="15568" spans="1:7" x14ac:dyDescent="0.3">
      <c r="A15568" s="13" t="s">
        <v>113</v>
      </c>
      <c r="B15568" s="14" t="s">
        <v>1</v>
      </c>
      <c r="C15568" s="14" t="s">
        <v>23</v>
      </c>
      <c r="D15568" s="14" t="s">
        <v>114</v>
      </c>
      <c r="E15568" s="15">
        <v>45614</v>
      </c>
      <c r="F15568" s="14" t="s">
        <v>15</v>
      </c>
      <c r="G15568" s="16">
        <v>4.1983811542086809</v>
      </c>
    </row>
    <row r="15569" spans="1:7" x14ac:dyDescent="0.3">
      <c r="A15569" s="13" t="s">
        <v>113</v>
      </c>
      <c r="B15569" s="14" t="s">
        <v>1</v>
      </c>
      <c r="C15569" s="14" t="s">
        <v>23</v>
      </c>
      <c r="D15569" s="14" t="s">
        <v>114</v>
      </c>
      <c r="E15569" s="15">
        <v>45615</v>
      </c>
      <c r="F15569" s="14" t="s">
        <v>15</v>
      </c>
      <c r="G15569" s="16">
        <v>4.2517318735413028</v>
      </c>
    </row>
    <row r="15570" spans="1:7" x14ac:dyDescent="0.3">
      <c r="A15570" s="13" t="s">
        <v>113</v>
      </c>
      <c r="B15570" s="14" t="s">
        <v>1</v>
      </c>
      <c r="C15570" s="14" t="s">
        <v>23</v>
      </c>
      <c r="D15570" s="14" t="s">
        <v>114</v>
      </c>
      <c r="E15570" s="15">
        <v>45616</v>
      </c>
      <c r="F15570" s="14" t="s">
        <v>15</v>
      </c>
      <c r="G15570" s="16">
        <v>4.2699337495845526</v>
      </c>
    </row>
    <row r="15571" spans="1:7" x14ac:dyDescent="0.3">
      <c r="A15571" s="13" t="s">
        <v>113</v>
      </c>
      <c r="B15571" s="14" t="s">
        <v>1</v>
      </c>
      <c r="C15571" s="14" t="s">
        <v>23</v>
      </c>
      <c r="D15571" s="14" t="s">
        <v>114</v>
      </c>
      <c r="E15571" s="15">
        <v>45617</v>
      </c>
      <c r="F15571" s="14" t="s">
        <v>15</v>
      </c>
      <c r="G15571" s="16">
        <v>4.2884684327336506</v>
      </c>
    </row>
    <row r="15572" spans="1:7" x14ac:dyDescent="0.3">
      <c r="A15572" s="13" t="s">
        <v>113</v>
      </c>
      <c r="B15572" s="14" t="s">
        <v>1</v>
      </c>
      <c r="C15572" s="14" t="s">
        <v>23</v>
      </c>
      <c r="D15572" s="14" t="s">
        <v>114</v>
      </c>
      <c r="E15572" s="15">
        <v>45618</v>
      </c>
      <c r="F15572" s="14" t="s">
        <v>15</v>
      </c>
      <c r="G15572" s="16">
        <v>4.3066169860914334</v>
      </c>
    </row>
    <row r="15573" spans="1:7" x14ac:dyDescent="0.3">
      <c r="A15573" s="13" t="s">
        <v>113</v>
      </c>
      <c r="B15573" s="14" t="s">
        <v>1</v>
      </c>
      <c r="C15573" s="14" t="s">
        <v>23</v>
      </c>
      <c r="D15573" s="14" t="s">
        <v>114</v>
      </c>
      <c r="E15573" s="15">
        <v>45619</v>
      </c>
      <c r="F15573" s="14" t="s">
        <v>15</v>
      </c>
      <c r="G15573" s="16">
        <v>4.3066169860914334</v>
      </c>
    </row>
    <row r="15574" spans="1:7" x14ac:dyDescent="0.3">
      <c r="A15574" s="13" t="s">
        <v>113</v>
      </c>
      <c r="B15574" s="14" t="s">
        <v>1</v>
      </c>
      <c r="C15574" s="14" t="s">
        <v>23</v>
      </c>
      <c r="D15574" s="14" t="s">
        <v>114</v>
      </c>
      <c r="E15574" s="15">
        <v>45620</v>
      </c>
      <c r="F15574" s="14" t="s">
        <v>15</v>
      </c>
      <c r="G15574" s="16">
        <v>4.3066169860914334</v>
      </c>
    </row>
    <row r="15575" spans="1:7" x14ac:dyDescent="0.3">
      <c r="A15575" s="13" t="s">
        <v>113</v>
      </c>
      <c r="B15575" s="14" t="s">
        <v>1</v>
      </c>
      <c r="C15575" s="14" t="s">
        <v>23</v>
      </c>
      <c r="D15575" s="14" t="s">
        <v>114</v>
      </c>
      <c r="E15575" s="15">
        <v>45621</v>
      </c>
      <c r="F15575" s="14" t="s">
        <v>15</v>
      </c>
      <c r="G15575" s="16">
        <v>4.3246791199244941</v>
      </c>
    </row>
    <row r="15576" spans="1:7" x14ac:dyDescent="0.3">
      <c r="A15576" s="13" t="s">
        <v>113</v>
      </c>
      <c r="B15576" s="14" t="s">
        <v>1</v>
      </c>
      <c r="C15576" s="14" t="s">
        <v>23</v>
      </c>
      <c r="D15576" s="14" t="s">
        <v>114</v>
      </c>
      <c r="E15576" s="15">
        <v>45622</v>
      </c>
      <c r="F15576" s="14" t="s">
        <v>15</v>
      </c>
      <c r="G15576" s="16">
        <v>4.3788627763783801</v>
      </c>
    </row>
    <row r="15577" spans="1:7" x14ac:dyDescent="0.3">
      <c r="A15577" s="13" t="s">
        <v>113</v>
      </c>
      <c r="B15577" s="14" t="s">
        <v>1</v>
      </c>
      <c r="C15577" s="14" t="s">
        <v>23</v>
      </c>
      <c r="D15577" s="14" t="s">
        <v>114</v>
      </c>
      <c r="E15577" s="15">
        <v>45623</v>
      </c>
      <c r="F15577" s="14" t="s">
        <v>15</v>
      </c>
      <c r="G15577" s="16">
        <v>4.3969819103234915</v>
      </c>
    </row>
    <row r="15578" spans="1:7" x14ac:dyDescent="0.3">
      <c r="A15578" s="13" t="s">
        <v>113</v>
      </c>
      <c r="B15578" s="14" t="s">
        <v>1</v>
      </c>
      <c r="C15578" s="14" t="s">
        <v>23</v>
      </c>
      <c r="D15578" s="14" t="s">
        <v>114</v>
      </c>
      <c r="E15578" s="15">
        <v>45624</v>
      </c>
      <c r="F15578" s="14" t="s">
        <v>15</v>
      </c>
      <c r="G15578" s="16">
        <v>4.3969819103234915</v>
      </c>
    </row>
    <row r="15579" spans="1:7" x14ac:dyDescent="0.3">
      <c r="A15579" s="13" t="s">
        <v>113</v>
      </c>
      <c r="B15579" s="14" t="s">
        <v>1</v>
      </c>
      <c r="C15579" s="14" t="s">
        <v>23</v>
      </c>
      <c r="D15579" s="14" t="s">
        <v>114</v>
      </c>
      <c r="E15579" s="15">
        <v>45625</v>
      </c>
      <c r="F15579" s="14" t="s">
        <v>15</v>
      </c>
      <c r="G15579" s="16">
        <v>4.4198927311074865</v>
      </c>
    </row>
    <row r="15580" spans="1:7" x14ac:dyDescent="0.3">
      <c r="A15580" s="13" t="s">
        <v>113</v>
      </c>
      <c r="B15580" s="14" t="s">
        <v>1</v>
      </c>
      <c r="C15580" s="14" t="s">
        <v>23</v>
      </c>
      <c r="D15580" s="14" t="s">
        <v>114</v>
      </c>
      <c r="E15580" s="15">
        <v>45626</v>
      </c>
      <c r="F15580" s="14" t="s">
        <v>15</v>
      </c>
      <c r="G15580" s="16">
        <v>4.4198927311074865</v>
      </c>
    </row>
    <row r="15581" spans="1:7" x14ac:dyDescent="0.3">
      <c r="A15581" s="13" t="s">
        <v>113</v>
      </c>
      <c r="B15581" s="14" t="s">
        <v>1</v>
      </c>
      <c r="C15581" s="14" t="s">
        <v>23</v>
      </c>
      <c r="D15581" s="14" t="s">
        <v>114</v>
      </c>
      <c r="E15581" s="15">
        <v>45627</v>
      </c>
      <c r="F15581" s="14" t="s">
        <v>15</v>
      </c>
      <c r="G15581" s="16">
        <v>4.4198927311074865</v>
      </c>
    </row>
    <row r="15582" spans="1:7" x14ac:dyDescent="0.3">
      <c r="A15582" s="13" t="s">
        <v>113</v>
      </c>
      <c r="B15582" s="14" t="s">
        <v>1</v>
      </c>
      <c r="C15582" s="14" t="s">
        <v>23</v>
      </c>
      <c r="D15582" s="14" t="s">
        <v>114</v>
      </c>
      <c r="E15582" s="15">
        <v>45628</v>
      </c>
      <c r="F15582" s="14" t="s">
        <v>15</v>
      </c>
      <c r="G15582" s="16">
        <v>4.4559577067822627</v>
      </c>
    </row>
    <row r="15583" spans="1:7" x14ac:dyDescent="0.3">
      <c r="A15583" s="13" t="s">
        <v>113</v>
      </c>
      <c r="B15583" s="14" t="s">
        <v>1</v>
      </c>
      <c r="C15583" s="14" t="s">
        <v>23</v>
      </c>
      <c r="D15583" s="14" t="s">
        <v>114</v>
      </c>
      <c r="E15583" s="15">
        <v>45629</v>
      </c>
      <c r="F15583" s="14" t="s">
        <v>15</v>
      </c>
      <c r="G15583" s="16">
        <v>4.4962590778817466</v>
      </c>
    </row>
    <row r="15584" spans="1:7" x14ac:dyDescent="0.3">
      <c r="A15584" s="13" t="s">
        <v>113</v>
      </c>
      <c r="B15584" s="14" t="s">
        <v>1</v>
      </c>
      <c r="C15584" s="14" t="s">
        <v>23</v>
      </c>
      <c r="D15584" s="14" t="s">
        <v>114</v>
      </c>
      <c r="E15584" s="15">
        <v>45630</v>
      </c>
      <c r="F15584" s="14" t="s">
        <v>15</v>
      </c>
      <c r="G15584" s="16">
        <v>4.5122177237087886</v>
      </c>
    </row>
    <row r="15585" spans="1:7" x14ac:dyDescent="0.3">
      <c r="A15585" s="13" t="s">
        <v>113</v>
      </c>
      <c r="B15585" s="14" t="s">
        <v>1</v>
      </c>
      <c r="C15585" s="14" t="s">
        <v>23</v>
      </c>
      <c r="D15585" s="14" t="s">
        <v>114</v>
      </c>
      <c r="E15585" s="15">
        <v>45631</v>
      </c>
      <c r="F15585" s="14" t="s">
        <v>15</v>
      </c>
      <c r="G15585" s="16">
        <v>4.5303993739058273</v>
      </c>
    </row>
    <row r="15586" spans="1:7" x14ac:dyDescent="0.3">
      <c r="A15586" s="13" t="s">
        <v>113</v>
      </c>
      <c r="B15586" s="14" t="s">
        <v>1</v>
      </c>
      <c r="C15586" s="14" t="s">
        <v>23</v>
      </c>
      <c r="D15586" s="14" t="s">
        <v>114</v>
      </c>
      <c r="E15586" s="15">
        <v>45632</v>
      </c>
      <c r="F15586" s="14" t="s">
        <v>15</v>
      </c>
      <c r="G15586" s="16">
        <v>4.5485093142844786</v>
      </c>
    </row>
    <row r="15587" spans="1:7" x14ac:dyDescent="0.3">
      <c r="A15587" s="13" t="s">
        <v>113</v>
      </c>
      <c r="B15587" s="14" t="s">
        <v>1</v>
      </c>
      <c r="C15587" s="14" t="s">
        <v>23</v>
      </c>
      <c r="D15587" s="14" t="s">
        <v>114</v>
      </c>
      <c r="E15587" s="15">
        <v>45633</v>
      </c>
      <c r="F15587" s="14" t="s">
        <v>15</v>
      </c>
      <c r="G15587" s="16">
        <v>4.5485093142844786</v>
      </c>
    </row>
    <row r="15588" spans="1:7" x14ac:dyDescent="0.3">
      <c r="A15588" s="13" t="s">
        <v>113</v>
      </c>
      <c r="B15588" s="14" t="s">
        <v>1</v>
      </c>
      <c r="C15588" s="14" t="s">
        <v>23</v>
      </c>
      <c r="D15588" s="14" t="s">
        <v>114</v>
      </c>
      <c r="E15588" s="15">
        <v>45634</v>
      </c>
      <c r="F15588" s="14" t="s">
        <v>15</v>
      </c>
      <c r="G15588" s="16">
        <v>4.5485093142844786</v>
      </c>
    </row>
    <row r="15589" spans="1:7" x14ac:dyDescent="0.3">
      <c r="A15589" s="13" t="s">
        <v>113</v>
      </c>
      <c r="B15589" s="14" t="s">
        <v>1</v>
      </c>
      <c r="C15589" s="14" t="s">
        <v>23</v>
      </c>
      <c r="D15589" s="14" t="s">
        <v>114</v>
      </c>
      <c r="E15589" s="15">
        <v>45635</v>
      </c>
      <c r="F15589" s="14" t="s">
        <v>15</v>
      </c>
      <c r="G15589" s="16">
        <v>4.5747794642529103</v>
      </c>
    </row>
    <row r="15590" spans="1:7" x14ac:dyDescent="0.3">
      <c r="A15590" s="13" t="s">
        <v>113</v>
      </c>
      <c r="B15590" s="14" t="s">
        <v>1</v>
      </c>
      <c r="C15590" s="14" t="s">
        <v>23</v>
      </c>
      <c r="D15590" s="14" t="s">
        <v>114</v>
      </c>
      <c r="E15590" s="15">
        <v>45636</v>
      </c>
      <c r="F15590" s="14" t="s">
        <v>15</v>
      </c>
      <c r="G15590" s="16">
        <v>4.6287718945244309</v>
      </c>
    </row>
    <row r="15591" spans="1:7" x14ac:dyDescent="0.3">
      <c r="A15591" s="13" t="s">
        <v>113</v>
      </c>
      <c r="B15591" s="14" t="s">
        <v>1</v>
      </c>
      <c r="C15591" s="14" t="s">
        <v>23</v>
      </c>
      <c r="D15591" s="14" t="s">
        <v>114</v>
      </c>
      <c r="E15591" s="15">
        <v>45637</v>
      </c>
      <c r="F15591" s="14" t="s">
        <v>15</v>
      </c>
      <c r="G15591" s="16">
        <v>4.6468266735043233</v>
      </c>
    </row>
    <row r="15592" spans="1:7" x14ac:dyDescent="0.3">
      <c r="A15592" s="13" t="s">
        <v>113</v>
      </c>
      <c r="B15592" s="14" t="s">
        <v>1</v>
      </c>
      <c r="C15592" s="14" t="s">
        <v>23</v>
      </c>
      <c r="D15592" s="14" t="s">
        <v>114</v>
      </c>
      <c r="E15592" s="15">
        <v>45638</v>
      </c>
      <c r="F15592" s="14" t="s">
        <v>15</v>
      </c>
      <c r="G15592" s="16">
        <v>4.6649274203165154</v>
      </c>
    </row>
    <row r="15593" spans="1:7" x14ac:dyDescent="0.3">
      <c r="A15593" s="13" t="s">
        <v>113</v>
      </c>
      <c r="B15593" s="14" t="s">
        <v>1</v>
      </c>
      <c r="C15593" s="14" t="s">
        <v>23</v>
      </c>
      <c r="D15593" s="14" t="s">
        <v>114</v>
      </c>
      <c r="E15593" s="15">
        <v>45639</v>
      </c>
      <c r="F15593" s="14" t="s">
        <v>15</v>
      </c>
      <c r="G15593" s="16">
        <v>4.6830152961356637</v>
      </c>
    </row>
    <row r="15594" spans="1:7" x14ac:dyDescent="0.3">
      <c r="A15594" s="13" t="s">
        <v>113</v>
      </c>
      <c r="B15594" s="14" t="s">
        <v>1</v>
      </c>
      <c r="C15594" s="14" t="s">
        <v>23</v>
      </c>
      <c r="D15594" s="14" t="s">
        <v>114</v>
      </c>
      <c r="E15594" s="15">
        <v>45640</v>
      </c>
      <c r="F15594" s="14" t="s">
        <v>15</v>
      </c>
      <c r="G15594" s="16">
        <v>4.6830152961356637</v>
      </c>
    </row>
    <row r="15595" spans="1:7" x14ac:dyDescent="0.3">
      <c r="A15595" s="13" t="s">
        <v>113</v>
      </c>
      <c r="B15595" s="14" t="s">
        <v>1</v>
      </c>
      <c r="C15595" s="14" t="s">
        <v>23</v>
      </c>
      <c r="D15595" s="14" t="s">
        <v>114</v>
      </c>
      <c r="E15595" s="15">
        <v>45641</v>
      </c>
      <c r="F15595" s="14" t="s">
        <v>15</v>
      </c>
      <c r="G15595" s="16">
        <v>4.6830152961356637</v>
      </c>
    </row>
    <row r="15596" spans="1:7" x14ac:dyDescent="0.3">
      <c r="A15596" s="13" t="s">
        <v>113</v>
      </c>
      <c r="B15596" s="14" t="s">
        <v>1</v>
      </c>
      <c r="C15596" s="14" t="s">
        <v>23</v>
      </c>
      <c r="D15596" s="14" t="s">
        <v>114</v>
      </c>
      <c r="E15596" s="15">
        <v>45642</v>
      </c>
      <c r="F15596" s="14" t="s">
        <v>15</v>
      </c>
      <c r="G15596" s="16">
        <v>4.7012171721789136</v>
      </c>
    </row>
    <row r="15597" spans="1:7" x14ac:dyDescent="0.3">
      <c r="A15597" s="13" t="s">
        <v>113</v>
      </c>
      <c r="B15597" s="14" t="s">
        <v>1</v>
      </c>
      <c r="C15597" s="14" t="s">
        <v>23</v>
      </c>
      <c r="D15597" s="14" t="s">
        <v>114</v>
      </c>
      <c r="E15597" s="15">
        <v>45643</v>
      </c>
      <c r="F15597" s="14" t="s">
        <v>15</v>
      </c>
      <c r="G15597" s="16">
        <v>4.7553033768283246</v>
      </c>
    </row>
    <row r="15598" spans="1:7" x14ac:dyDescent="0.3">
      <c r="A15598" s="13" t="s">
        <v>113</v>
      </c>
      <c r="B15598" s="14" t="s">
        <v>1</v>
      </c>
      <c r="C15598" s="14" t="s">
        <v>23</v>
      </c>
      <c r="D15598" s="14" t="s">
        <v>114</v>
      </c>
      <c r="E15598" s="15">
        <v>45644</v>
      </c>
      <c r="F15598" s="14" t="s">
        <v>15</v>
      </c>
      <c r="G15598" s="16">
        <v>4.7737957695717075</v>
      </c>
    </row>
    <row r="15599" spans="1:7" x14ac:dyDescent="0.3">
      <c r="A15599" s="13" t="s">
        <v>113</v>
      </c>
      <c r="B15599" s="14" t="s">
        <v>1</v>
      </c>
      <c r="C15599" s="14" t="s">
        <v>23</v>
      </c>
      <c r="D15599" s="14" t="s">
        <v>114</v>
      </c>
      <c r="E15599" s="15">
        <v>45645</v>
      </c>
      <c r="F15599" s="14" t="s">
        <v>15</v>
      </c>
      <c r="G15599" s="16">
        <v>4.7911481600740657</v>
      </c>
    </row>
    <row r="15600" spans="1:7" x14ac:dyDescent="0.3">
      <c r="A15600" s="13" t="s">
        <v>113</v>
      </c>
      <c r="B15600" s="14" t="s">
        <v>1</v>
      </c>
      <c r="C15600" s="14" t="s">
        <v>23</v>
      </c>
      <c r="D15600" s="14" t="s">
        <v>114</v>
      </c>
      <c r="E15600" s="15">
        <v>45646</v>
      </c>
      <c r="F15600" s="14" t="s">
        <v>15</v>
      </c>
      <c r="G15600" s="16">
        <v>4.8084343568979131</v>
      </c>
    </row>
    <row r="15601" spans="1:7" x14ac:dyDescent="0.3">
      <c r="A15601" s="13" t="s">
        <v>113</v>
      </c>
      <c r="B15601" s="14" t="s">
        <v>1</v>
      </c>
      <c r="C15601" s="14" t="s">
        <v>23</v>
      </c>
      <c r="D15601" s="14" t="s">
        <v>114</v>
      </c>
      <c r="E15601" s="15">
        <v>45647</v>
      </c>
      <c r="F15601" s="14" t="s">
        <v>15</v>
      </c>
      <c r="G15601" s="16">
        <v>4.8084343568979131</v>
      </c>
    </row>
    <row r="15602" spans="1:7" x14ac:dyDescent="0.3">
      <c r="A15602" s="13" t="s">
        <v>113</v>
      </c>
      <c r="B15602" s="14" t="s">
        <v>1</v>
      </c>
      <c r="C15602" s="14" t="s">
        <v>23</v>
      </c>
      <c r="D15602" s="14" t="s">
        <v>114</v>
      </c>
      <c r="E15602" s="15">
        <v>45648</v>
      </c>
      <c r="F15602" s="14" t="s">
        <v>15</v>
      </c>
      <c r="G15602" s="16">
        <v>4.8084343568979131</v>
      </c>
    </row>
    <row r="15603" spans="1:7" x14ac:dyDescent="0.3">
      <c r="A15603" s="13" t="s">
        <v>113</v>
      </c>
      <c r="B15603" s="14" t="s">
        <v>1</v>
      </c>
      <c r="C15603" s="14" t="s">
        <v>23</v>
      </c>
      <c r="D15603" s="14" t="s">
        <v>114</v>
      </c>
      <c r="E15603" s="15">
        <v>45649</v>
      </c>
      <c r="F15603" s="14" t="s">
        <v>15</v>
      </c>
      <c r="G15603" s="16">
        <v>4.7827829209275885</v>
      </c>
    </row>
    <row r="15604" spans="1:7" x14ac:dyDescent="0.3">
      <c r="A15604" s="13" t="s">
        <v>113</v>
      </c>
      <c r="B15604" s="14" t="s">
        <v>1</v>
      </c>
      <c r="C15604" s="14" t="s">
        <v>23</v>
      </c>
      <c r="D15604" s="14" t="s">
        <v>114</v>
      </c>
      <c r="E15604" s="15">
        <v>45650</v>
      </c>
      <c r="F15604" s="14" t="s">
        <v>15</v>
      </c>
      <c r="G15604" s="16">
        <v>4.8316710831005896</v>
      </c>
    </row>
    <row r="15605" spans="1:7" x14ac:dyDescent="0.3">
      <c r="A15605" s="13" t="s">
        <v>113</v>
      </c>
      <c r="B15605" s="14" t="s">
        <v>1</v>
      </c>
      <c r="C15605" s="14" t="s">
        <v>23</v>
      </c>
      <c r="D15605" s="14" t="s">
        <v>114</v>
      </c>
      <c r="E15605" s="15">
        <v>45651</v>
      </c>
      <c r="F15605" s="14" t="s">
        <v>15</v>
      </c>
      <c r="G15605" s="16">
        <v>4.8316710831005896</v>
      </c>
    </row>
    <row r="15606" spans="1:7" x14ac:dyDescent="0.3">
      <c r="A15606" s="13" t="s">
        <v>113</v>
      </c>
      <c r="B15606" s="14" t="s">
        <v>1</v>
      </c>
      <c r="C15606" s="14" t="s">
        <v>23</v>
      </c>
      <c r="D15606" s="14" t="s">
        <v>114</v>
      </c>
      <c r="E15606" s="15">
        <v>45652</v>
      </c>
      <c r="F15606" s="14" t="s">
        <v>15</v>
      </c>
      <c r="G15606" s="16">
        <v>4.8316710831005896</v>
      </c>
    </row>
    <row r="15607" spans="1:7" x14ac:dyDescent="0.3">
      <c r="A15607" s="13" t="s">
        <v>113</v>
      </c>
      <c r="B15607" s="14" t="s">
        <v>1</v>
      </c>
      <c r="C15607" s="14" t="s">
        <v>23</v>
      </c>
      <c r="D15607" s="14" t="s">
        <v>114</v>
      </c>
      <c r="E15607" s="15">
        <v>45653</v>
      </c>
      <c r="F15607" s="14" t="s">
        <v>15</v>
      </c>
      <c r="G15607" s="16">
        <v>4.8316710831005896</v>
      </c>
    </row>
    <row r="15608" spans="1:7" x14ac:dyDescent="0.3">
      <c r="A15608" s="13" t="s">
        <v>113</v>
      </c>
      <c r="B15608" s="14" t="s">
        <v>1</v>
      </c>
      <c r="C15608" s="14" t="s">
        <v>23</v>
      </c>
      <c r="D15608" s="14" t="s">
        <v>114</v>
      </c>
      <c r="E15608" s="15">
        <v>45654</v>
      </c>
      <c r="F15608" s="14" t="s">
        <v>15</v>
      </c>
      <c r="G15608" s="16">
        <v>4.8316710831005896</v>
      </c>
    </row>
    <row r="15609" spans="1:7" x14ac:dyDescent="0.3">
      <c r="A15609" s="13" t="s">
        <v>113</v>
      </c>
      <c r="B15609" s="14" t="s">
        <v>1</v>
      </c>
      <c r="C15609" s="14" t="s">
        <v>23</v>
      </c>
      <c r="D15609" s="14" t="s">
        <v>114</v>
      </c>
      <c r="E15609" s="15">
        <v>45655</v>
      </c>
      <c r="F15609" s="14" t="s">
        <v>15</v>
      </c>
      <c r="G15609" s="16">
        <v>4.8316710831005896</v>
      </c>
    </row>
    <row r="15610" spans="1:7" x14ac:dyDescent="0.3">
      <c r="A15610" s="13" t="s">
        <v>113</v>
      </c>
      <c r="B15610" s="14" t="s">
        <v>1</v>
      </c>
      <c r="C15610" s="14" t="s">
        <v>23</v>
      </c>
      <c r="D15610" s="14" t="s">
        <v>114</v>
      </c>
      <c r="E15610" s="15">
        <v>45656</v>
      </c>
      <c r="F15610" s="14" t="s">
        <v>15</v>
      </c>
      <c r="G15610" s="16">
        <v>4.8500487734373223</v>
      </c>
    </row>
    <row r="15611" spans="1:7" x14ac:dyDescent="0.3">
      <c r="A15611" s="13" t="s">
        <v>113</v>
      </c>
      <c r="B15611" s="14" t="s">
        <v>1</v>
      </c>
      <c r="C15611" s="14" t="s">
        <v>23</v>
      </c>
      <c r="D15611" s="14" t="s">
        <v>114</v>
      </c>
      <c r="E15611" s="15">
        <v>45657</v>
      </c>
      <c r="F15611" s="14" t="s">
        <v>15</v>
      </c>
      <c r="G15611" s="16">
        <v>4.9646434972130056</v>
      </c>
    </row>
    <row r="15612" spans="1:7" x14ac:dyDescent="0.3">
      <c r="A15612" s="13" t="s">
        <v>113</v>
      </c>
      <c r="B15612" s="14" t="s">
        <v>1</v>
      </c>
      <c r="C15612" s="14" t="s">
        <v>23</v>
      </c>
      <c r="D15612" s="14" t="s">
        <v>114</v>
      </c>
      <c r="E15612" s="15">
        <v>45658</v>
      </c>
      <c r="F15612" s="14" t="s">
        <v>15</v>
      </c>
      <c r="G15612" s="16">
        <v>4.9646434972130056</v>
      </c>
    </row>
    <row r="15613" spans="1:7" x14ac:dyDescent="0.3">
      <c r="A15613" s="13" t="s">
        <v>113</v>
      </c>
      <c r="B15613" s="14" t="s">
        <v>1</v>
      </c>
      <c r="C15613" s="14" t="s">
        <v>23</v>
      </c>
      <c r="D15613" s="14" t="s">
        <v>114</v>
      </c>
      <c r="E15613" s="15">
        <v>45659</v>
      </c>
      <c r="F15613" s="14" t="s">
        <v>15</v>
      </c>
      <c r="G15613" s="16">
        <v>4.9813883643236077</v>
      </c>
    </row>
    <row r="15614" spans="1:7" x14ac:dyDescent="0.3">
      <c r="A15614" s="13" t="s">
        <v>113</v>
      </c>
      <c r="B15614" s="14" t="s">
        <v>1</v>
      </c>
      <c r="C15614" s="14" t="s">
        <v>23</v>
      </c>
      <c r="D15614" s="14" t="s">
        <v>114</v>
      </c>
      <c r="E15614" s="15">
        <v>45660</v>
      </c>
      <c r="F15614" s="14" t="s">
        <v>15</v>
      </c>
      <c r="G15614" s="16">
        <v>5.0072460127725753</v>
      </c>
    </row>
    <row r="15615" spans="1:7" x14ac:dyDescent="0.3">
      <c r="A15615" s="13" t="s">
        <v>113</v>
      </c>
      <c r="B15615" s="14" t="s">
        <v>1</v>
      </c>
      <c r="C15615" s="14" t="s">
        <v>23</v>
      </c>
      <c r="D15615" s="14" t="s">
        <v>114</v>
      </c>
      <c r="E15615" s="15">
        <v>45661</v>
      </c>
      <c r="F15615" s="14" t="s">
        <v>15</v>
      </c>
      <c r="G15615" s="16">
        <v>5.0072460127725753</v>
      </c>
    </row>
    <row r="15616" spans="1:7" x14ac:dyDescent="0.3">
      <c r="A15616" s="13" t="s">
        <v>113</v>
      </c>
      <c r="B15616" s="14" t="s">
        <v>1</v>
      </c>
      <c r="C15616" s="14" t="s">
        <v>23</v>
      </c>
      <c r="D15616" s="14" t="s">
        <v>114</v>
      </c>
      <c r="E15616" s="15">
        <v>45662</v>
      </c>
      <c r="F15616" s="14" t="s">
        <v>15</v>
      </c>
      <c r="G15616" s="16">
        <v>5.0072460127725753</v>
      </c>
    </row>
    <row r="15617" spans="1:7" x14ac:dyDescent="0.3">
      <c r="A15617" s="13" t="s">
        <v>113</v>
      </c>
      <c r="B15617" s="14" t="s">
        <v>1</v>
      </c>
      <c r="C15617" s="14" t="s">
        <v>23</v>
      </c>
      <c r="D15617" s="14" t="s">
        <v>114</v>
      </c>
      <c r="E15617" s="15">
        <v>45663</v>
      </c>
      <c r="F15617" s="14" t="s">
        <v>15</v>
      </c>
      <c r="G15617" s="16">
        <v>5.0255295995900457</v>
      </c>
    </row>
    <row r="15618" spans="1:7" x14ac:dyDescent="0.3">
      <c r="A15618" s="13" t="s">
        <v>113</v>
      </c>
      <c r="B15618" s="14" t="s">
        <v>1</v>
      </c>
      <c r="C15618" s="14" t="s">
        <v>23</v>
      </c>
      <c r="D15618" s="14" t="s">
        <v>114</v>
      </c>
      <c r="E15618" s="15">
        <v>45664</v>
      </c>
      <c r="F15618" s="14" t="s">
        <v>15</v>
      </c>
      <c r="G15618" s="16">
        <v>5.0819886951680191</v>
      </c>
    </row>
    <row r="15619" spans="1:7" x14ac:dyDescent="0.3">
      <c r="A15619" s="13" t="s">
        <v>113</v>
      </c>
      <c r="B15619" s="14" t="s">
        <v>1</v>
      </c>
      <c r="C15619" s="14" t="s">
        <v>23</v>
      </c>
      <c r="D15619" s="14" t="s">
        <v>114</v>
      </c>
      <c r="E15619" s="15">
        <v>45665</v>
      </c>
      <c r="F15619" s="14" t="s">
        <v>15</v>
      </c>
      <c r="G15619" s="16">
        <v>5.1023501894243521</v>
      </c>
    </row>
    <row r="15620" spans="1:7" x14ac:dyDescent="0.3">
      <c r="A15620" s="13" t="s">
        <v>113</v>
      </c>
      <c r="B15620" s="14" t="s">
        <v>1</v>
      </c>
      <c r="C15620" s="14" t="s">
        <v>23</v>
      </c>
      <c r="D15620" s="14" t="s">
        <v>114</v>
      </c>
      <c r="E15620" s="15">
        <v>45666</v>
      </c>
      <c r="F15620" s="14" t="s">
        <v>15</v>
      </c>
      <c r="G15620" s="16">
        <v>5.1023501894243521</v>
      </c>
    </row>
    <row r="15621" spans="1:7" x14ac:dyDescent="0.3">
      <c r="A15621" s="13" t="s">
        <v>113</v>
      </c>
      <c r="B15621" s="14" t="s">
        <v>1</v>
      </c>
      <c r="C15621" s="14" t="s">
        <v>23</v>
      </c>
      <c r="D15621" s="14" t="s">
        <v>114</v>
      </c>
      <c r="E15621" s="15">
        <v>45667</v>
      </c>
      <c r="F15621" s="14" t="s">
        <v>15</v>
      </c>
      <c r="G15621" s="16">
        <v>5.1270251855366356</v>
      </c>
    </row>
    <row r="15622" spans="1:7" x14ac:dyDescent="0.3">
      <c r="A15622" s="13" t="s">
        <v>113</v>
      </c>
      <c r="B15622" s="14" t="s">
        <v>1</v>
      </c>
      <c r="C15622" s="14" t="s">
        <v>23</v>
      </c>
      <c r="D15622" s="14" t="s">
        <v>114</v>
      </c>
      <c r="E15622" s="15">
        <v>45668</v>
      </c>
      <c r="F15622" s="14" t="s">
        <v>15</v>
      </c>
      <c r="G15622" s="16">
        <v>5.1270251855366356</v>
      </c>
    </row>
    <row r="15623" spans="1:7" x14ac:dyDescent="0.3">
      <c r="A15623" s="13" t="s">
        <v>113</v>
      </c>
      <c r="B15623" s="14" t="s">
        <v>1</v>
      </c>
      <c r="C15623" s="14" t="s">
        <v>23</v>
      </c>
      <c r="D15623" s="14" t="s">
        <v>114</v>
      </c>
      <c r="E15623" s="15">
        <v>45669</v>
      </c>
      <c r="F15623" s="14" t="s">
        <v>15</v>
      </c>
      <c r="G15623" s="16">
        <v>5.1270251855366356</v>
      </c>
    </row>
    <row r="15624" spans="1:7" x14ac:dyDescent="0.3">
      <c r="A15624" s="13" t="s">
        <v>113</v>
      </c>
      <c r="B15624" s="14" t="s">
        <v>1</v>
      </c>
      <c r="C15624" s="14" t="s">
        <v>23</v>
      </c>
      <c r="D15624" s="14" t="s">
        <v>114</v>
      </c>
      <c r="E15624" s="15">
        <v>45670</v>
      </c>
      <c r="F15624" s="14" t="s">
        <v>15</v>
      </c>
      <c r="G15624" s="16">
        <v>5.1664235674060519</v>
      </c>
    </row>
    <row r="15625" spans="1:7" x14ac:dyDescent="0.3">
      <c r="A15625" s="13" t="s">
        <v>113</v>
      </c>
      <c r="B15625" s="14" t="s">
        <v>1</v>
      </c>
      <c r="C15625" s="14" t="s">
        <v>23</v>
      </c>
      <c r="D15625" s="14" t="s">
        <v>114</v>
      </c>
      <c r="E15625" s="15">
        <v>45671</v>
      </c>
      <c r="F15625" s="14" t="s">
        <v>15</v>
      </c>
      <c r="G15625" s="16">
        <v>5.2160970362436512</v>
      </c>
    </row>
    <row r="15626" spans="1:7" x14ac:dyDescent="0.3">
      <c r="A15626" s="13" t="s">
        <v>113</v>
      </c>
      <c r="B15626" s="14" t="s">
        <v>1</v>
      </c>
      <c r="C15626" s="14" t="s">
        <v>23</v>
      </c>
      <c r="D15626" s="14" t="s">
        <v>114</v>
      </c>
      <c r="E15626" s="15">
        <v>45672</v>
      </c>
      <c r="F15626" s="14" t="s">
        <v>15</v>
      </c>
      <c r="G15626" s="16">
        <v>5.2346400435736857</v>
      </c>
    </row>
    <row r="15627" spans="1:7" x14ac:dyDescent="0.3">
      <c r="A15627" s="13" t="s">
        <v>113</v>
      </c>
      <c r="B15627" s="14" t="s">
        <v>1</v>
      </c>
      <c r="C15627" s="14" t="s">
        <v>23</v>
      </c>
      <c r="D15627" s="14" t="s">
        <v>114</v>
      </c>
      <c r="E15627" s="15">
        <v>45673</v>
      </c>
      <c r="F15627" s="14" t="s">
        <v>15</v>
      </c>
      <c r="G15627" s="16">
        <v>5.2531855942420771</v>
      </c>
    </row>
    <row r="15628" spans="1:7" x14ac:dyDescent="0.3">
      <c r="A15628" s="13" t="s">
        <v>113</v>
      </c>
      <c r="B15628" s="14" t="s">
        <v>1</v>
      </c>
      <c r="C15628" s="14" t="s">
        <v>23</v>
      </c>
      <c r="D15628" s="14" t="s">
        <v>114</v>
      </c>
      <c r="E15628" s="15">
        <v>45674</v>
      </c>
      <c r="F15628" s="14" t="s">
        <v>15</v>
      </c>
      <c r="G15628" s="16">
        <v>5.2619164021851681</v>
      </c>
    </row>
    <row r="15629" spans="1:7" x14ac:dyDescent="0.3">
      <c r="A15629" s="13" t="s">
        <v>113</v>
      </c>
      <c r="B15629" s="14" t="s">
        <v>1</v>
      </c>
      <c r="C15629" s="14" t="s">
        <v>23</v>
      </c>
      <c r="D15629" s="14" t="s">
        <v>114</v>
      </c>
      <c r="E15629" s="15">
        <v>45675</v>
      </c>
      <c r="F15629" s="14" t="s">
        <v>15</v>
      </c>
      <c r="G15629" s="16">
        <v>5.2619164021851681</v>
      </c>
    </row>
    <row r="15630" spans="1:7" x14ac:dyDescent="0.3">
      <c r="A15630" s="13" t="s">
        <v>113</v>
      </c>
      <c r="B15630" s="14" t="s">
        <v>1</v>
      </c>
      <c r="C15630" s="14" t="s">
        <v>23</v>
      </c>
      <c r="D15630" s="14" t="s">
        <v>114</v>
      </c>
      <c r="E15630" s="15">
        <v>45676</v>
      </c>
      <c r="F15630" s="14" t="s">
        <v>15</v>
      </c>
      <c r="G15630" s="16">
        <v>5.2619164021851681</v>
      </c>
    </row>
    <row r="15631" spans="1:7" x14ac:dyDescent="0.3">
      <c r="A15631" s="13" t="s">
        <v>113</v>
      </c>
      <c r="B15631" s="14" t="s">
        <v>1</v>
      </c>
      <c r="C15631" s="14" t="s">
        <v>23</v>
      </c>
      <c r="D15631" s="14" t="s">
        <v>114</v>
      </c>
      <c r="E15631" s="15">
        <v>45677</v>
      </c>
      <c r="F15631" s="14" t="s">
        <v>15</v>
      </c>
      <c r="G15631" s="16">
        <v>5.2619164021851681</v>
      </c>
    </row>
    <row r="15632" spans="1:7" x14ac:dyDescent="0.3">
      <c r="A15632" s="13" t="s">
        <v>113</v>
      </c>
      <c r="B15632" s="14" t="s">
        <v>1</v>
      </c>
      <c r="C15632" s="14" t="s">
        <v>23</v>
      </c>
      <c r="D15632" s="14" t="s">
        <v>114</v>
      </c>
      <c r="E15632" s="15">
        <v>45678</v>
      </c>
      <c r="F15632" s="14" t="s">
        <v>15</v>
      </c>
      <c r="G15632" s="16">
        <v>5.2814945482270961</v>
      </c>
    </row>
    <row r="15633" spans="1:7" x14ac:dyDescent="0.3">
      <c r="A15633" s="13" t="s">
        <v>113</v>
      </c>
      <c r="B15633" s="14" t="s">
        <v>1</v>
      </c>
      <c r="C15633" s="14" t="s">
        <v>23</v>
      </c>
      <c r="D15633" s="14" t="s">
        <v>114</v>
      </c>
      <c r="E15633" s="15">
        <v>45679</v>
      </c>
      <c r="F15633" s="14" t="s">
        <v>15</v>
      </c>
      <c r="G15633" s="16">
        <v>5.3510670963812972</v>
      </c>
    </row>
    <row r="15634" spans="1:7" x14ac:dyDescent="0.3">
      <c r="A15634" s="13" t="s">
        <v>113</v>
      </c>
      <c r="B15634" s="14" t="s">
        <v>1</v>
      </c>
      <c r="C15634" s="14" t="s">
        <v>23</v>
      </c>
      <c r="D15634" s="14" t="s">
        <v>114</v>
      </c>
      <c r="E15634" s="15">
        <v>45680</v>
      </c>
      <c r="F15634" s="14" t="s">
        <v>15</v>
      </c>
      <c r="G15634" s="16">
        <v>5.3684528847582307</v>
      </c>
    </row>
    <row r="15635" spans="1:7" x14ac:dyDescent="0.3">
      <c r="A15635" s="13" t="s">
        <v>113</v>
      </c>
      <c r="B15635" s="14" t="s">
        <v>1</v>
      </c>
      <c r="C15635" s="14" t="s">
        <v>23</v>
      </c>
      <c r="D15635" s="14" t="s">
        <v>114</v>
      </c>
      <c r="E15635" s="15">
        <v>45681</v>
      </c>
      <c r="F15635" s="14" t="s">
        <v>15</v>
      </c>
      <c r="G15635" s="16">
        <v>5.3858920832406927</v>
      </c>
    </row>
    <row r="15636" spans="1:7" x14ac:dyDescent="0.3">
      <c r="A15636" s="13" t="s">
        <v>113</v>
      </c>
      <c r="B15636" s="14" t="s">
        <v>1</v>
      </c>
      <c r="C15636" s="14" t="s">
        <v>23</v>
      </c>
      <c r="D15636" s="14" t="s">
        <v>114</v>
      </c>
      <c r="E15636" s="15">
        <v>45682</v>
      </c>
      <c r="F15636" s="14" t="s">
        <v>15</v>
      </c>
      <c r="G15636" s="16">
        <v>5.3858920832406927</v>
      </c>
    </row>
    <row r="15637" spans="1:7" x14ac:dyDescent="0.3">
      <c r="A15637" s="13" t="s">
        <v>113</v>
      </c>
      <c r="B15637" s="14" t="s">
        <v>1</v>
      </c>
      <c r="C15637" s="14" t="s">
        <v>23</v>
      </c>
      <c r="D15637" s="14" t="s">
        <v>114</v>
      </c>
      <c r="E15637" s="15">
        <v>45683</v>
      </c>
      <c r="F15637" s="14" t="s">
        <v>15</v>
      </c>
      <c r="G15637" s="16">
        <v>5.3858920832406927</v>
      </c>
    </row>
    <row r="15638" spans="1:7" x14ac:dyDescent="0.3">
      <c r="A15638" s="13" t="s">
        <v>113</v>
      </c>
      <c r="B15638" s="14" t="s">
        <v>1</v>
      </c>
      <c r="C15638" s="14" t="s">
        <v>23</v>
      </c>
      <c r="D15638" s="14" t="s">
        <v>114</v>
      </c>
      <c r="E15638" s="15">
        <v>45684</v>
      </c>
      <c r="F15638" s="14" t="s">
        <v>15</v>
      </c>
      <c r="G15638" s="16">
        <v>5.4051294219425863</v>
      </c>
    </row>
    <row r="15639" spans="1:7" x14ac:dyDescent="0.3">
      <c r="A15639" s="13" t="s">
        <v>113</v>
      </c>
      <c r="B15639" s="14" t="s">
        <v>1</v>
      </c>
      <c r="C15639" s="14" t="s">
        <v>23</v>
      </c>
      <c r="D15639" s="14" t="s">
        <v>114</v>
      </c>
      <c r="E15639" s="15">
        <v>45685</v>
      </c>
      <c r="F15639" s="14" t="s">
        <v>15</v>
      </c>
      <c r="G15639" s="16">
        <v>5.4578574401486977</v>
      </c>
    </row>
    <row r="15640" spans="1:7" x14ac:dyDescent="0.3">
      <c r="A15640" s="13" t="s">
        <v>113</v>
      </c>
      <c r="B15640" s="14" t="s">
        <v>1</v>
      </c>
      <c r="C15640" s="14" t="s">
        <v>23</v>
      </c>
      <c r="D15640" s="14" t="s">
        <v>114</v>
      </c>
      <c r="E15640" s="15">
        <v>45686</v>
      </c>
      <c r="F15640" s="14" t="s">
        <v>15</v>
      </c>
      <c r="G15640" s="16">
        <v>5.4754238055490818</v>
      </c>
    </row>
    <row r="15641" spans="1:7" x14ac:dyDescent="0.3">
      <c r="A15641" s="13" t="s">
        <v>113</v>
      </c>
      <c r="B15641" s="14" t="s">
        <v>1</v>
      </c>
      <c r="C15641" s="14" t="s">
        <v>23</v>
      </c>
      <c r="D15641" s="14" t="s">
        <v>114</v>
      </c>
      <c r="E15641" s="15">
        <v>45687</v>
      </c>
      <c r="F15641" s="14" t="s">
        <v>15</v>
      </c>
      <c r="G15641" s="16">
        <v>5.493976986232548</v>
      </c>
    </row>
    <row r="15642" spans="1:7" x14ac:dyDescent="0.3">
      <c r="A15642" s="13" t="s">
        <v>113</v>
      </c>
      <c r="B15642" s="14" t="s">
        <v>1</v>
      </c>
      <c r="C15642" s="14" t="s">
        <v>23</v>
      </c>
      <c r="D15642" s="14" t="s">
        <v>114</v>
      </c>
      <c r="E15642" s="15">
        <v>45688</v>
      </c>
      <c r="F15642" s="14" t="s">
        <v>15</v>
      </c>
      <c r="G15642" s="16">
        <v>5.5114136413766506</v>
      </c>
    </row>
    <row r="15643" spans="1:7" x14ac:dyDescent="0.3">
      <c r="A15643" s="13" t="s">
        <v>113</v>
      </c>
      <c r="B15643" s="14" t="s">
        <v>1</v>
      </c>
      <c r="C15643" s="14" t="s">
        <v>23</v>
      </c>
      <c r="D15643" s="14" t="s">
        <v>114</v>
      </c>
      <c r="E15643" s="15">
        <v>45689</v>
      </c>
      <c r="F15643" s="14" t="s">
        <v>15</v>
      </c>
      <c r="G15643" s="16">
        <v>5.5114136413766506</v>
      </c>
    </row>
    <row r="15644" spans="1:7" x14ac:dyDescent="0.3">
      <c r="A15644" s="13" t="s">
        <v>113</v>
      </c>
      <c r="B15644" s="14" t="s">
        <v>1</v>
      </c>
      <c r="C15644" s="14" t="s">
        <v>23</v>
      </c>
      <c r="D15644" s="14" t="s">
        <v>114</v>
      </c>
      <c r="E15644" s="15">
        <v>45690</v>
      </c>
      <c r="F15644" s="14" t="s">
        <v>15</v>
      </c>
      <c r="G15644" s="16">
        <v>5.5114136413766506</v>
      </c>
    </row>
    <row r="15645" spans="1:7" x14ac:dyDescent="0.3">
      <c r="A15645" s="13" t="s">
        <v>113</v>
      </c>
      <c r="B15645" s="14" t="s">
        <v>1</v>
      </c>
      <c r="C15645" s="14" t="s">
        <v>23</v>
      </c>
      <c r="D15645" s="14" t="s">
        <v>114</v>
      </c>
      <c r="E15645" s="15">
        <v>45691</v>
      </c>
      <c r="F15645" s="14" t="s">
        <v>15</v>
      </c>
      <c r="G15645" s="16">
        <v>5.5114136413766506</v>
      </c>
    </row>
    <row r="15646" spans="1:7" x14ac:dyDescent="0.3">
      <c r="A15646" s="13" t="s">
        <v>113</v>
      </c>
      <c r="B15646" s="14" t="s">
        <v>1</v>
      </c>
      <c r="C15646" s="14" t="s">
        <v>23</v>
      </c>
      <c r="D15646" s="14" t="s">
        <v>114</v>
      </c>
      <c r="E15646" s="15">
        <v>45692</v>
      </c>
      <c r="F15646" s="14" t="s">
        <v>15</v>
      </c>
      <c r="G15646" s="16">
        <v>5.5275989740483906</v>
      </c>
    </row>
    <row r="15647" spans="1:7" x14ac:dyDescent="0.3">
      <c r="A15647" s="13" t="s">
        <v>113</v>
      </c>
      <c r="B15647" s="14" t="s">
        <v>1</v>
      </c>
      <c r="C15647" s="14" t="s">
        <v>23</v>
      </c>
      <c r="D15647" s="14" t="s">
        <v>114</v>
      </c>
      <c r="E15647" s="15">
        <v>45693</v>
      </c>
      <c r="F15647" s="14" t="s">
        <v>15</v>
      </c>
      <c r="G15647" s="16">
        <v>5.5870642955660657</v>
      </c>
    </row>
    <row r="15648" spans="1:7" x14ac:dyDescent="0.3">
      <c r="A15648" s="13" t="s">
        <v>113</v>
      </c>
      <c r="B15648" s="14" t="s">
        <v>1</v>
      </c>
      <c r="C15648" s="14" t="s">
        <v>23</v>
      </c>
      <c r="D15648" s="14" t="s">
        <v>114</v>
      </c>
      <c r="E15648" s="15">
        <v>45694</v>
      </c>
      <c r="F15648" s="14" t="s">
        <v>15</v>
      </c>
      <c r="G15648" s="16">
        <v>5.6047273078240707</v>
      </c>
    </row>
    <row r="15649" spans="1:7" x14ac:dyDescent="0.3">
      <c r="A15649" s="13" t="s">
        <v>113</v>
      </c>
      <c r="B15649" s="14" t="s">
        <v>1</v>
      </c>
      <c r="C15649" s="14" t="s">
        <v>23</v>
      </c>
      <c r="D15649" s="14" t="s">
        <v>114</v>
      </c>
      <c r="E15649" s="15">
        <v>45695</v>
      </c>
      <c r="F15649" s="14" t="s">
        <v>15</v>
      </c>
      <c r="G15649" s="16">
        <v>5.6224818802629812</v>
      </c>
    </row>
    <row r="15650" spans="1:7" x14ac:dyDescent="0.3">
      <c r="A15650" s="13" t="s">
        <v>113</v>
      </c>
      <c r="B15650" s="14" t="s">
        <v>1</v>
      </c>
      <c r="C15650" s="14" t="s">
        <v>23</v>
      </c>
      <c r="D15650" s="14" t="s">
        <v>114</v>
      </c>
      <c r="E15650" s="15">
        <v>45696</v>
      </c>
      <c r="F15650" s="14" t="s">
        <v>15</v>
      </c>
      <c r="G15650" s="16">
        <v>5.6224818802629812</v>
      </c>
    </row>
    <row r="15651" spans="1:7" x14ac:dyDescent="0.3">
      <c r="A15651" s="13" t="s">
        <v>113</v>
      </c>
      <c r="B15651" s="14" t="s">
        <v>1</v>
      </c>
      <c r="C15651" s="14" t="s">
        <v>23</v>
      </c>
      <c r="D15651" s="14" t="s">
        <v>114</v>
      </c>
      <c r="E15651" s="15">
        <v>45697</v>
      </c>
      <c r="F15651" s="14" t="s">
        <v>15</v>
      </c>
      <c r="G15651" s="16">
        <v>5.6224818802629812</v>
      </c>
    </row>
    <row r="15652" spans="1:7" x14ac:dyDescent="0.3">
      <c r="A15652" s="13" t="s">
        <v>113</v>
      </c>
      <c r="B15652" s="14" t="s">
        <v>1</v>
      </c>
      <c r="C15652" s="14" t="s">
        <v>23</v>
      </c>
      <c r="D15652" s="14" t="s">
        <v>114</v>
      </c>
      <c r="E15652" s="15">
        <v>45698</v>
      </c>
      <c r="F15652" s="14" t="s">
        <v>15</v>
      </c>
      <c r="G15652" s="16">
        <v>5.6499647219230056</v>
      </c>
    </row>
    <row r="15653" spans="1:7" x14ac:dyDescent="0.3">
      <c r="A15653" s="13" t="s">
        <v>113</v>
      </c>
      <c r="B15653" s="14" t="s">
        <v>1</v>
      </c>
      <c r="C15653" s="14" t="s">
        <v>23</v>
      </c>
      <c r="D15653" s="14" t="s">
        <v>114</v>
      </c>
      <c r="E15653" s="15">
        <v>45699</v>
      </c>
      <c r="F15653" s="14" t="s">
        <v>15</v>
      </c>
      <c r="G15653" s="16">
        <v>5.7030615241910931</v>
      </c>
    </row>
    <row r="15654" spans="1:7" x14ac:dyDescent="0.3">
      <c r="A15654" s="13" t="s">
        <v>113</v>
      </c>
      <c r="B15654" s="14" t="s">
        <v>1</v>
      </c>
      <c r="C15654" s="14" t="s">
        <v>23</v>
      </c>
      <c r="D15654" s="14" t="s">
        <v>114</v>
      </c>
      <c r="E15654" s="15">
        <v>45700</v>
      </c>
      <c r="F15654" s="14" t="s">
        <v>15</v>
      </c>
      <c r="G15654" s="16">
        <v>5.720643149621627</v>
      </c>
    </row>
    <row r="15655" spans="1:7" x14ac:dyDescent="0.3">
      <c r="A15655" s="13" t="s">
        <v>113</v>
      </c>
      <c r="B15655" s="14" t="s">
        <v>1</v>
      </c>
      <c r="C15655" s="14" t="s">
        <v>23</v>
      </c>
      <c r="D15655" s="14" t="s">
        <v>114</v>
      </c>
      <c r="E15655" s="15">
        <v>45701</v>
      </c>
      <c r="F15655" s="14" t="s">
        <v>15</v>
      </c>
      <c r="G15655" s="16">
        <v>5.740017828594878</v>
      </c>
    </row>
    <row r="15656" spans="1:7" x14ac:dyDescent="0.3">
      <c r="A15656" s="13" t="s">
        <v>113</v>
      </c>
      <c r="B15656" s="14" t="s">
        <v>1</v>
      </c>
      <c r="C15656" s="14" t="s">
        <v>23</v>
      </c>
      <c r="D15656" s="14" t="s">
        <v>114</v>
      </c>
      <c r="E15656" s="15">
        <v>45702</v>
      </c>
      <c r="F15656" s="14" t="s">
        <v>15</v>
      </c>
      <c r="G15656" s="16">
        <v>5.7574366803704713</v>
      </c>
    </row>
    <row r="15657" spans="1:7" x14ac:dyDescent="0.3">
      <c r="A15657" s="13" t="s">
        <v>113</v>
      </c>
      <c r="B15657" s="14" t="s">
        <v>1</v>
      </c>
      <c r="C15657" s="14" t="s">
        <v>23</v>
      </c>
      <c r="D15657" s="14" t="s">
        <v>114</v>
      </c>
      <c r="E15657" s="15">
        <v>45703</v>
      </c>
      <c r="F15657" s="14" t="s">
        <v>15</v>
      </c>
      <c r="G15657" s="16">
        <v>5.7574366803704713</v>
      </c>
    </row>
    <row r="15658" spans="1:7" x14ac:dyDescent="0.3">
      <c r="A15658" s="13" t="s">
        <v>113</v>
      </c>
      <c r="B15658" s="14" t="s">
        <v>1</v>
      </c>
      <c r="C15658" s="14" t="s">
        <v>23</v>
      </c>
      <c r="D15658" s="14" t="s">
        <v>114</v>
      </c>
      <c r="E15658" s="15">
        <v>45704</v>
      </c>
      <c r="F15658" s="14" t="s">
        <v>15</v>
      </c>
      <c r="G15658" s="16">
        <v>5.7574366803704713</v>
      </c>
    </row>
    <row r="15659" spans="1:7" x14ac:dyDescent="0.3">
      <c r="A15659" s="13" t="s">
        <v>113</v>
      </c>
      <c r="B15659" s="14" t="s">
        <v>1</v>
      </c>
      <c r="C15659" s="14" t="s">
        <v>23</v>
      </c>
      <c r="D15659" s="14" t="s">
        <v>114</v>
      </c>
      <c r="E15659" s="15">
        <v>45705</v>
      </c>
      <c r="F15659" s="14" t="s">
        <v>15</v>
      </c>
      <c r="G15659" s="16">
        <v>5.7574366803704713</v>
      </c>
    </row>
    <row r="15660" spans="1:7" x14ac:dyDescent="0.3">
      <c r="A15660" s="13" t="s">
        <v>113</v>
      </c>
      <c r="B15660" s="14" t="s">
        <v>1</v>
      </c>
      <c r="C15660" s="14" t="s">
        <v>23</v>
      </c>
      <c r="D15660" s="14" t="s">
        <v>114</v>
      </c>
      <c r="E15660" s="15">
        <v>45706</v>
      </c>
      <c r="F15660" s="14" t="s">
        <v>15</v>
      </c>
      <c r="G15660" s="16">
        <v>5.7750717159065355</v>
      </c>
    </row>
    <row r="15661" spans="1:7" x14ac:dyDescent="0.3">
      <c r="A15661" s="13" t="s">
        <v>113</v>
      </c>
      <c r="B15661" s="14" t="s">
        <v>1</v>
      </c>
      <c r="C15661" s="14" t="s">
        <v>23</v>
      </c>
      <c r="D15661" s="14" t="s">
        <v>114</v>
      </c>
      <c r="E15661" s="15">
        <v>45707</v>
      </c>
      <c r="F15661" s="14" t="s">
        <v>15</v>
      </c>
      <c r="G15661" s="16">
        <v>5.8454632190121592</v>
      </c>
    </row>
    <row r="15662" spans="1:7" x14ac:dyDescent="0.3">
      <c r="A15662" s="13" t="s">
        <v>113</v>
      </c>
      <c r="B15662" s="14" t="s">
        <v>1</v>
      </c>
      <c r="C15662" s="14" t="s">
        <v>23</v>
      </c>
      <c r="D15662" s="14" t="s">
        <v>114</v>
      </c>
      <c r="E15662" s="15">
        <v>45708</v>
      </c>
      <c r="F15662" s="14" t="s">
        <v>15</v>
      </c>
      <c r="G15662" s="16">
        <v>5.8629965210138844</v>
      </c>
    </row>
    <row r="15663" spans="1:7" x14ac:dyDescent="0.3">
      <c r="A15663" s="13" t="s">
        <v>113</v>
      </c>
      <c r="B15663" s="14" t="s">
        <v>1</v>
      </c>
      <c r="C15663" s="14" t="s">
        <v>23</v>
      </c>
      <c r="D15663" s="14" t="s">
        <v>114</v>
      </c>
      <c r="E15663" s="15">
        <v>45709</v>
      </c>
      <c r="F15663" s="14" t="s">
        <v>15</v>
      </c>
      <c r="G15663" s="16">
        <v>5.8735687059285002</v>
      </c>
    </row>
    <row r="15664" spans="1:7" x14ac:dyDescent="0.3">
      <c r="A15664" s="13" t="s">
        <v>113</v>
      </c>
      <c r="B15664" s="14" t="s">
        <v>1</v>
      </c>
      <c r="C15664" s="14" t="s">
        <v>23</v>
      </c>
      <c r="D15664" s="14" t="s">
        <v>114</v>
      </c>
      <c r="E15664" s="15">
        <v>45710</v>
      </c>
      <c r="F15664" s="14" t="s">
        <v>15</v>
      </c>
      <c r="G15664" s="16">
        <v>5.8735687059285002</v>
      </c>
    </row>
    <row r="15665" spans="1:7" x14ac:dyDescent="0.3">
      <c r="A15665" s="13" t="s">
        <v>113</v>
      </c>
      <c r="B15665" s="14" t="s">
        <v>1</v>
      </c>
      <c r="C15665" s="14" t="s">
        <v>23</v>
      </c>
      <c r="D15665" s="14" t="s">
        <v>114</v>
      </c>
      <c r="E15665" s="15">
        <v>45711</v>
      </c>
      <c r="F15665" s="14" t="s">
        <v>15</v>
      </c>
      <c r="G15665" s="16">
        <v>5.8735687059285002</v>
      </c>
    </row>
    <row r="15666" spans="1:7" x14ac:dyDescent="0.3">
      <c r="A15666" s="13" t="s">
        <v>113</v>
      </c>
      <c r="B15666" s="14" t="s">
        <v>1</v>
      </c>
      <c r="C15666" s="14" t="s">
        <v>23</v>
      </c>
      <c r="D15666" s="14" t="s">
        <v>114</v>
      </c>
      <c r="E15666" s="15">
        <v>45712</v>
      </c>
      <c r="F15666" s="14" t="s">
        <v>15</v>
      </c>
      <c r="G15666" s="16">
        <v>5.8876456111010755</v>
      </c>
    </row>
    <row r="15667" spans="1:7" x14ac:dyDescent="0.3">
      <c r="A15667" s="13" t="s">
        <v>113</v>
      </c>
      <c r="B15667" s="14" t="s">
        <v>1</v>
      </c>
      <c r="C15667" s="14" t="s">
        <v>23</v>
      </c>
      <c r="D15667" s="14" t="s">
        <v>114</v>
      </c>
      <c r="E15667" s="15">
        <v>45713</v>
      </c>
      <c r="F15667" s="14" t="s">
        <v>15</v>
      </c>
      <c r="G15667" s="16">
        <v>5.9404957095483937</v>
      </c>
    </row>
    <row r="15668" spans="1:7" x14ac:dyDescent="0.3">
      <c r="A15668" s="13" t="s">
        <v>113</v>
      </c>
      <c r="B15668" s="14" t="s">
        <v>1</v>
      </c>
      <c r="C15668" s="14" t="s">
        <v>23</v>
      </c>
      <c r="D15668" s="14" t="s">
        <v>114</v>
      </c>
      <c r="E15668" s="15">
        <v>45714</v>
      </c>
      <c r="F15668" s="14" t="s">
        <v>15</v>
      </c>
      <c r="G15668" s="16">
        <v>5.9552389693708871</v>
      </c>
    </row>
    <row r="15669" spans="1:7" x14ac:dyDescent="0.3">
      <c r="A15669" s="13" t="s">
        <v>113</v>
      </c>
      <c r="B15669" s="14" t="s">
        <v>1</v>
      </c>
      <c r="C15669" s="14" t="s">
        <v>23</v>
      </c>
      <c r="D15669" s="14" t="s">
        <v>114</v>
      </c>
      <c r="E15669" s="15">
        <v>45715</v>
      </c>
      <c r="F15669" s="14" t="s">
        <v>15</v>
      </c>
      <c r="G15669" s="16">
        <v>5.9731614021414563</v>
      </c>
    </row>
    <row r="15670" spans="1:7" x14ac:dyDescent="0.3">
      <c r="A15670" s="13" t="s">
        <v>113</v>
      </c>
      <c r="B15670" s="14" t="s">
        <v>1</v>
      </c>
      <c r="C15670" s="14" t="s">
        <v>23</v>
      </c>
      <c r="D15670" s="14" t="s">
        <v>114</v>
      </c>
      <c r="E15670" s="15">
        <v>45716</v>
      </c>
      <c r="F15670" s="14" t="s">
        <v>15</v>
      </c>
      <c r="G15670" s="16">
        <v>5.9908091543693116</v>
      </c>
    </row>
    <row r="15671" spans="1:7" x14ac:dyDescent="0.3">
      <c r="A15671" s="13" t="s">
        <v>113</v>
      </c>
      <c r="B15671" s="14" t="s">
        <v>1</v>
      </c>
      <c r="C15671" s="14" t="s">
        <v>23</v>
      </c>
      <c r="D15671" s="14" t="s">
        <v>114</v>
      </c>
      <c r="E15671" s="15">
        <v>45717</v>
      </c>
      <c r="F15671" s="14" t="s">
        <v>15</v>
      </c>
      <c r="G15671" s="16">
        <v>5.9908091543693116</v>
      </c>
    </row>
    <row r="15672" spans="1:7" x14ac:dyDescent="0.3">
      <c r="A15672" s="13" t="s">
        <v>113</v>
      </c>
      <c r="B15672" s="14" t="s">
        <v>1</v>
      </c>
      <c r="C15672" s="14" t="s">
        <v>23</v>
      </c>
      <c r="D15672" s="14" t="s">
        <v>114</v>
      </c>
      <c r="E15672" s="15">
        <v>45718</v>
      </c>
      <c r="F15672" s="14" t="s">
        <v>15</v>
      </c>
      <c r="G15672" s="16">
        <v>5.9908091543693116</v>
      </c>
    </row>
    <row r="15673" spans="1:7" x14ac:dyDescent="0.3">
      <c r="A15673" s="13" t="s">
        <v>113</v>
      </c>
      <c r="B15673" s="14" t="s">
        <v>1</v>
      </c>
      <c r="C15673" s="14" t="s">
        <v>23</v>
      </c>
      <c r="D15673" s="14" t="s">
        <v>114</v>
      </c>
      <c r="E15673" s="15">
        <v>45719</v>
      </c>
      <c r="F15673" s="14" t="s">
        <v>15</v>
      </c>
      <c r="G15673" s="16">
        <v>6.0323693738434203</v>
      </c>
    </row>
    <row r="15674" spans="1:7" x14ac:dyDescent="0.3">
      <c r="A15674" s="13" t="s">
        <v>113</v>
      </c>
      <c r="B15674" s="14" t="s">
        <v>1</v>
      </c>
      <c r="C15674" s="14" t="s">
        <v>23</v>
      </c>
      <c r="D15674" s="14" t="s">
        <v>114</v>
      </c>
      <c r="E15674" s="15">
        <v>45720</v>
      </c>
      <c r="F15674" s="14" t="s">
        <v>15</v>
      </c>
      <c r="G15674" s="16">
        <v>6.085407679329264</v>
      </c>
    </row>
    <row r="15675" spans="1:7" x14ac:dyDescent="0.3">
      <c r="A15675" s="13" t="s">
        <v>113</v>
      </c>
      <c r="B15675" s="14" t="s">
        <v>1</v>
      </c>
      <c r="C15675" s="14" t="s">
        <v>23</v>
      </c>
      <c r="D15675" s="14" t="s">
        <v>114</v>
      </c>
      <c r="E15675" s="15">
        <v>45721</v>
      </c>
      <c r="F15675" s="14" t="s">
        <v>15</v>
      </c>
      <c r="G15675" s="16">
        <v>6.1033987822355114</v>
      </c>
    </row>
    <row r="15676" spans="1:7" x14ac:dyDescent="0.3">
      <c r="A15676" s="13" t="s">
        <v>113</v>
      </c>
      <c r="B15676" s="14" t="s">
        <v>1</v>
      </c>
      <c r="C15676" s="14" t="s">
        <v>23</v>
      </c>
      <c r="D15676" s="14" t="s">
        <v>114</v>
      </c>
      <c r="E15676" s="15">
        <v>45722</v>
      </c>
      <c r="F15676" s="14" t="s">
        <v>15</v>
      </c>
      <c r="G15676" s="16">
        <v>6.1218197093243392</v>
      </c>
    </row>
    <row r="15677" spans="1:7" x14ac:dyDescent="0.3">
      <c r="A15677" s="13" t="s">
        <v>113</v>
      </c>
      <c r="B15677" s="14" t="s">
        <v>1</v>
      </c>
      <c r="C15677" s="14" t="s">
        <v>23</v>
      </c>
      <c r="D15677" s="14" t="s">
        <v>114</v>
      </c>
      <c r="E15677" s="15">
        <v>45723</v>
      </c>
      <c r="F15677" s="14" t="s">
        <v>15</v>
      </c>
      <c r="G15677" s="16">
        <v>6.1395564783947396</v>
      </c>
    </row>
    <row r="15678" spans="1:7" x14ac:dyDescent="0.3">
      <c r="A15678" s="13" t="s">
        <v>113</v>
      </c>
      <c r="B15678" s="14" t="s">
        <v>1</v>
      </c>
      <c r="C15678" s="14" t="s">
        <v>23</v>
      </c>
      <c r="D15678" s="14" t="s">
        <v>114</v>
      </c>
      <c r="E15678" s="15">
        <v>45724</v>
      </c>
      <c r="F15678" s="14" t="s">
        <v>15</v>
      </c>
      <c r="G15678" s="16">
        <v>6.1395564783947396</v>
      </c>
    </row>
    <row r="15679" spans="1:7" x14ac:dyDescent="0.3">
      <c r="A15679" s="13" t="s">
        <v>113</v>
      </c>
      <c r="B15679" s="14" t="s">
        <v>1</v>
      </c>
      <c r="C15679" s="14" t="s">
        <v>23</v>
      </c>
      <c r="D15679" s="14" t="s">
        <v>114</v>
      </c>
      <c r="E15679" s="15">
        <v>45725</v>
      </c>
      <c r="F15679" s="14" t="s">
        <v>15</v>
      </c>
      <c r="G15679" s="16">
        <v>6.1395564783947396</v>
      </c>
    </row>
    <row r="15680" spans="1:7" x14ac:dyDescent="0.3">
      <c r="A15680" s="13" t="s">
        <v>113</v>
      </c>
      <c r="B15680" s="14" t="s">
        <v>1</v>
      </c>
      <c r="C15680" s="14" t="s">
        <v>23</v>
      </c>
      <c r="D15680" s="14" t="s">
        <v>114</v>
      </c>
      <c r="E15680" s="15">
        <v>45726</v>
      </c>
      <c r="F15680" s="14" t="s">
        <v>15</v>
      </c>
      <c r="G15680" s="16">
        <v>6.1668307663093707</v>
      </c>
    </row>
    <row r="15681" spans="1:7" x14ac:dyDescent="0.3">
      <c r="A15681" s="13" t="s">
        <v>113</v>
      </c>
      <c r="B15681" s="14" t="s">
        <v>1</v>
      </c>
      <c r="C15681" s="14" t="s">
        <v>23</v>
      </c>
      <c r="D15681" s="14" t="s">
        <v>114</v>
      </c>
      <c r="E15681" s="15">
        <v>45727</v>
      </c>
      <c r="F15681" s="14" t="s">
        <v>15</v>
      </c>
      <c r="G15681" s="16">
        <v>6.2197775116143097</v>
      </c>
    </row>
    <row r="15682" spans="1:7" x14ac:dyDescent="0.3">
      <c r="A15682" s="13" t="s">
        <v>113</v>
      </c>
      <c r="B15682" s="14" t="s">
        <v>1</v>
      </c>
      <c r="C15682" s="14" t="s">
        <v>23</v>
      </c>
      <c r="D15682" s="14" t="s">
        <v>114</v>
      </c>
      <c r="E15682" s="15">
        <v>45728</v>
      </c>
      <c r="F15682" s="14" t="s">
        <v>15</v>
      </c>
      <c r="G15682" s="16">
        <v>6.2390046769627689</v>
      </c>
    </row>
    <row r="15683" spans="1:7" x14ac:dyDescent="0.3">
      <c r="A15683" s="13" t="s">
        <v>113</v>
      </c>
      <c r="B15683" s="14" t="s">
        <v>1</v>
      </c>
      <c r="C15683" s="14" t="s">
        <v>23</v>
      </c>
      <c r="D15683" s="14" t="s">
        <v>114</v>
      </c>
      <c r="E15683" s="15">
        <v>45729</v>
      </c>
      <c r="F15683" s="14" t="s">
        <v>15</v>
      </c>
      <c r="G15683" s="16">
        <v>6.2544855049092156</v>
      </c>
    </row>
    <row r="15684" spans="1:7" x14ac:dyDescent="0.3">
      <c r="A15684" s="13" t="s">
        <v>113</v>
      </c>
      <c r="B15684" s="14" t="s">
        <v>1</v>
      </c>
      <c r="C15684" s="14" t="s">
        <v>23</v>
      </c>
      <c r="D15684" s="14" t="s">
        <v>114</v>
      </c>
      <c r="E15684" s="15">
        <v>45730</v>
      </c>
      <c r="F15684" s="14" t="s">
        <v>15</v>
      </c>
      <c r="G15684" s="16">
        <v>6.1576372509158617</v>
      </c>
    </row>
    <row r="15685" spans="1:7" x14ac:dyDescent="0.3">
      <c r="A15685" s="13" t="s">
        <v>113</v>
      </c>
      <c r="B15685" s="14" t="s">
        <v>1</v>
      </c>
      <c r="C15685" s="14" t="s">
        <v>23</v>
      </c>
      <c r="D15685" s="14" t="s">
        <v>114</v>
      </c>
      <c r="E15685" s="15">
        <v>45731</v>
      </c>
      <c r="F15685" s="14" t="s">
        <v>15</v>
      </c>
      <c r="G15685" s="16">
        <v>6.1576372509158617</v>
      </c>
    </row>
    <row r="15686" spans="1:7" x14ac:dyDescent="0.3">
      <c r="A15686" s="13" t="s">
        <v>113</v>
      </c>
      <c r="B15686" s="14" t="s">
        <v>1</v>
      </c>
      <c r="C15686" s="14" t="s">
        <v>23</v>
      </c>
      <c r="D15686" s="14" t="s">
        <v>114</v>
      </c>
      <c r="E15686" s="15">
        <v>45732</v>
      </c>
      <c r="F15686" s="14" t="s">
        <v>15</v>
      </c>
      <c r="G15686" s="16">
        <v>6.1576372509158617</v>
      </c>
    </row>
    <row r="15687" spans="1:7" x14ac:dyDescent="0.3">
      <c r="A15687" s="13" t="s">
        <v>113</v>
      </c>
      <c r="B15687" s="14" t="s">
        <v>1</v>
      </c>
      <c r="C15687" s="14" t="s">
        <v>23</v>
      </c>
      <c r="D15687" s="14" t="s">
        <v>114</v>
      </c>
      <c r="E15687" s="15">
        <v>45733</v>
      </c>
      <c r="F15687" s="14" t="s">
        <v>15</v>
      </c>
      <c r="G15687" s="16">
        <v>6.1576372509158617</v>
      </c>
    </row>
    <row r="15688" spans="1:7" x14ac:dyDescent="0.3">
      <c r="A15688" s="13" t="s">
        <v>113</v>
      </c>
      <c r="B15688" s="14" t="s">
        <v>1</v>
      </c>
      <c r="C15688" s="14" t="s">
        <v>23</v>
      </c>
      <c r="D15688" s="14" t="s">
        <v>114</v>
      </c>
      <c r="E15688" s="15">
        <v>45734</v>
      </c>
      <c r="F15688" s="14" t="s">
        <v>15</v>
      </c>
      <c r="G15688" s="16">
        <v>6.1731943790130615</v>
      </c>
    </row>
    <row r="15689" spans="1:7" x14ac:dyDescent="0.3">
      <c r="A15689" s="13" t="s">
        <v>113</v>
      </c>
      <c r="B15689" s="14" t="s">
        <v>1</v>
      </c>
      <c r="C15689" s="14" t="s">
        <v>23</v>
      </c>
      <c r="D15689" s="14" t="s">
        <v>114</v>
      </c>
      <c r="E15689" s="15">
        <v>45735</v>
      </c>
      <c r="F15689" s="14" t="s">
        <v>15</v>
      </c>
      <c r="G15689" s="16">
        <v>6.2360703172694336</v>
      </c>
    </row>
    <row r="15690" spans="1:7" x14ac:dyDescent="0.3">
      <c r="A15690" s="13" t="s">
        <v>113</v>
      </c>
      <c r="B15690" s="14" t="s">
        <v>1</v>
      </c>
      <c r="C15690" s="14" t="s">
        <v>23</v>
      </c>
      <c r="D15690" s="14" t="s">
        <v>114</v>
      </c>
      <c r="E15690" s="15">
        <v>45736</v>
      </c>
      <c r="F15690" s="14" t="s">
        <v>15</v>
      </c>
      <c r="G15690" s="16">
        <v>6.2539062765358144</v>
      </c>
    </row>
    <row r="15691" spans="1:7" x14ac:dyDescent="0.3">
      <c r="A15691" s="13" t="s">
        <v>113</v>
      </c>
      <c r="B15691" s="14" t="s">
        <v>1</v>
      </c>
      <c r="C15691" s="14" t="s">
        <v>23</v>
      </c>
      <c r="D15691" s="14" t="s">
        <v>114</v>
      </c>
      <c r="E15691" s="15">
        <v>45737</v>
      </c>
      <c r="F15691" s="14" t="s">
        <v>15</v>
      </c>
      <c r="G15691" s="16">
        <v>6.2706129935710395</v>
      </c>
    </row>
    <row r="15692" spans="1:7" x14ac:dyDescent="0.3">
      <c r="A15692" s="13" t="s">
        <v>113</v>
      </c>
      <c r="B15692" s="14" t="s">
        <v>1</v>
      </c>
      <c r="C15692" s="14" t="s">
        <v>23</v>
      </c>
      <c r="D15692" s="14" t="s">
        <v>114</v>
      </c>
      <c r="E15692" s="15">
        <v>45738</v>
      </c>
      <c r="F15692" s="14" t="s">
        <v>15</v>
      </c>
      <c r="G15692" s="16">
        <v>6.2706129935710395</v>
      </c>
    </row>
    <row r="15693" spans="1:7" x14ac:dyDescent="0.3">
      <c r="A15693" s="13" t="s">
        <v>113</v>
      </c>
      <c r="B15693" s="14" t="s">
        <v>1</v>
      </c>
      <c r="C15693" s="14" t="s">
        <v>23</v>
      </c>
      <c r="D15693" s="14" t="s">
        <v>114</v>
      </c>
      <c r="E15693" s="15">
        <v>45739</v>
      </c>
      <c r="F15693" s="14" t="s">
        <v>15</v>
      </c>
      <c r="G15693" s="16">
        <v>6.2706129935710395</v>
      </c>
    </row>
    <row r="15694" spans="1:7" x14ac:dyDescent="0.3">
      <c r="A15694" s="13" t="s">
        <v>113</v>
      </c>
      <c r="B15694" s="14" t="s">
        <v>1</v>
      </c>
      <c r="C15694" s="14" t="s">
        <v>23</v>
      </c>
      <c r="D15694" s="14" t="s">
        <v>114</v>
      </c>
      <c r="E15694" s="15">
        <v>45740</v>
      </c>
      <c r="F15694" s="14" t="s">
        <v>15</v>
      </c>
      <c r="G15694" s="16">
        <v>6.2885125362963823</v>
      </c>
    </row>
    <row r="15695" spans="1:7" x14ac:dyDescent="0.3">
      <c r="A15695" s="13" t="s">
        <v>113</v>
      </c>
      <c r="B15695" s="14" t="s">
        <v>1</v>
      </c>
      <c r="C15695" s="14" t="s">
        <v>23</v>
      </c>
      <c r="D15695" s="14" t="s">
        <v>114</v>
      </c>
      <c r="E15695" s="15">
        <v>45741</v>
      </c>
      <c r="F15695" s="14" t="s">
        <v>15</v>
      </c>
      <c r="G15695" s="16">
        <v>6.342499506989931</v>
      </c>
    </row>
    <row r="15696" spans="1:7" x14ac:dyDescent="0.3">
      <c r="A15696" s="13" t="s">
        <v>113</v>
      </c>
      <c r="B15696" s="14" t="s">
        <v>1</v>
      </c>
      <c r="C15696" s="14" t="s">
        <v>23</v>
      </c>
      <c r="D15696" s="14" t="s">
        <v>114</v>
      </c>
      <c r="E15696" s="15">
        <v>45742</v>
      </c>
      <c r="F15696" s="14" t="s">
        <v>15</v>
      </c>
      <c r="G15696" s="16">
        <v>6.3603685296549726</v>
      </c>
    </row>
    <row r="15697" spans="1:7" x14ac:dyDescent="0.3">
      <c r="A15697" s="13" t="s">
        <v>113</v>
      </c>
      <c r="B15697" s="14" t="s">
        <v>1</v>
      </c>
      <c r="C15697" s="14" t="s">
        <v>23</v>
      </c>
      <c r="D15697" s="14" t="s">
        <v>114</v>
      </c>
      <c r="E15697" s="15">
        <v>45743</v>
      </c>
      <c r="F15697" s="14" t="s">
        <v>15</v>
      </c>
      <c r="G15697" s="16">
        <v>6.3784766261257086</v>
      </c>
    </row>
    <row r="15698" spans="1:7" x14ac:dyDescent="0.3">
      <c r="A15698" s="13" t="s">
        <v>113</v>
      </c>
      <c r="B15698" s="14" t="s">
        <v>1</v>
      </c>
      <c r="C15698" s="14" t="s">
        <v>23</v>
      </c>
      <c r="D15698" s="14" t="s">
        <v>114</v>
      </c>
      <c r="E15698" s="15">
        <v>45744</v>
      </c>
      <c r="F15698" s="14" t="s">
        <v>15</v>
      </c>
      <c r="G15698" s="16">
        <v>6.3963151287304489</v>
      </c>
    </row>
    <row r="15699" spans="1:7" x14ac:dyDescent="0.3">
      <c r="A15699" s="13" t="s">
        <v>113</v>
      </c>
      <c r="B15699" s="14" t="s">
        <v>1</v>
      </c>
      <c r="C15699" s="14" t="s">
        <v>23</v>
      </c>
      <c r="D15699" s="14" t="s">
        <v>114</v>
      </c>
      <c r="E15699" s="15">
        <v>45745</v>
      </c>
      <c r="F15699" s="14" t="s">
        <v>15</v>
      </c>
      <c r="G15699" s="16">
        <v>6.3963151287304489</v>
      </c>
    </row>
    <row r="15700" spans="1:7" x14ac:dyDescent="0.3">
      <c r="A15700" s="13" t="s">
        <v>113</v>
      </c>
      <c r="B15700" s="14" t="s">
        <v>1</v>
      </c>
      <c r="C15700" s="14" t="s">
        <v>23</v>
      </c>
      <c r="D15700" s="14" t="s">
        <v>114</v>
      </c>
      <c r="E15700" s="15">
        <v>45746</v>
      </c>
      <c r="F15700" s="14" t="s">
        <v>15</v>
      </c>
      <c r="G15700" s="16">
        <v>6.3963151287304489</v>
      </c>
    </row>
    <row r="15701" spans="1:7" x14ac:dyDescent="0.3">
      <c r="A15701" s="13" t="s">
        <v>113</v>
      </c>
      <c r="B15701" s="14" t="s">
        <v>1</v>
      </c>
      <c r="C15701" s="14" t="s">
        <v>23</v>
      </c>
      <c r="D15701" s="14" t="s">
        <v>114</v>
      </c>
      <c r="E15701" s="15">
        <v>45747</v>
      </c>
      <c r="F15701" s="14" t="s">
        <v>15</v>
      </c>
      <c r="G15701" s="16">
        <v>6.4140188344021904</v>
      </c>
    </row>
    <row r="15702" spans="1:7" x14ac:dyDescent="0.3">
      <c r="A15702" s="13" t="s">
        <v>115</v>
      </c>
      <c r="B15702" s="14" t="s">
        <v>1</v>
      </c>
      <c r="C15702" s="14" t="s">
        <v>63</v>
      </c>
      <c r="D15702" s="14" t="s">
        <v>116</v>
      </c>
      <c r="E15702" s="15">
        <v>45383</v>
      </c>
      <c r="F15702" s="14" t="s">
        <v>15</v>
      </c>
      <c r="G15702" s="16">
        <v>0</v>
      </c>
    </row>
    <row r="15703" spans="1:7" x14ac:dyDescent="0.3">
      <c r="A15703" s="13" t="s">
        <v>115</v>
      </c>
      <c r="B15703" s="14" t="s">
        <v>1</v>
      </c>
      <c r="C15703" s="14" t="s">
        <v>63</v>
      </c>
      <c r="D15703" s="14" t="s">
        <v>116</v>
      </c>
      <c r="E15703" s="15">
        <v>45384</v>
      </c>
      <c r="F15703" s="14" t="s">
        <v>15</v>
      </c>
      <c r="G15703" s="16">
        <v>0</v>
      </c>
    </row>
    <row r="15704" spans="1:7" x14ac:dyDescent="0.3">
      <c r="A15704" s="13" t="s">
        <v>115</v>
      </c>
      <c r="B15704" s="14" t="s">
        <v>1</v>
      </c>
      <c r="C15704" s="14" t="s">
        <v>63</v>
      </c>
      <c r="D15704" s="14" t="s">
        <v>116</v>
      </c>
      <c r="E15704" s="15">
        <v>45385</v>
      </c>
      <c r="F15704" s="14" t="s">
        <v>15</v>
      </c>
      <c r="G15704" s="16">
        <v>4.0778629412540512E-2</v>
      </c>
    </row>
    <row r="15705" spans="1:7" x14ac:dyDescent="0.3">
      <c r="A15705" s="13" t="s">
        <v>115</v>
      </c>
      <c r="B15705" s="14" t="s">
        <v>1</v>
      </c>
      <c r="C15705" s="14" t="s">
        <v>63</v>
      </c>
      <c r="D15705" s="14" t="s">
        <v>116</v>
      </c>
      <c r="E15705" s="15">
        <v>45386</v>
      </c>
      <c r="F15705" s="14" t="s">
        <v>15</v>
      </c>
      <c r="G15705" s="16">
        <v>4.0778629412540512E-2</v>
      </c>
    </row>
    <row r="15706" spans="1:7" x14ac:dyDescent="0.3">
      <c r="A15706" s="13" t="s">
        <v>115</v>
      </c>
      <c r="B15706" s="14" t="s">
        <v>1</v>
      </c>
      <c r="C15706" s="14" t="s">
        <v>63</v>
      </c>
      <c r="D15706" s="14" t="s">
        <v>116</v>
      </c>
      <c r="E15706" s="15">
        <v>45387</v>
      </c>
      <c r="F15706" s="14" t="s">
        <v>15</v>
      </c>
      <c r="G15706" s="16">
        <v>5.3263267582727911E-2</v>
      </c>
    </row>
    <row r="15707" spans="1:7" x14ac:dyDescent="0.3">
      <c r="A15707" s="13" t="s">
        <v>115</v>
      </c>
      <c r="B15707" s="14" t="s">
        <v>1</v>
      </c>
      <c r="C15707" s="14" t="s">
        <v>63</v>
      </c>
      <c r="D15707" s="14" t="s">
        <v>116</v>
      </c>
      <c r="E15707" s="15">
        <v>45388</v>
      </c>
      <c r="F15707" s="14" t="s">
        <v>15</v>
      </c>
      <c r="G15707" s="16">
        <v>5.3263267582727911E-2</v>
      </c>
    </row>
    <row r="15708" spans="1:7" x14ac:dyDescent="0.3">
      <c r="A15708" s="13" t="s">
        <v>115</v>
      </c>
      <c r="B15708" s="14" t="s">
        <v>1</v>
      </c>
      <c r="C15708" s="14" t="s">
        <v>63</v>
      </c>
      <c r="D15708" s="14" t="s">
        <v>116</v>
      </c>
      <c r="E15708" s="15">
        <v>45389</v>
      </c>
      <c r="F15708" s="14" t="s">
        <v>15</v>
      </c>
      <c r="G15708" s="16">
        <v>5.3263267582727911E-2</v>
      </c>
    </row>
    <row r="15709" spans="1:7" x14ac:dyDescent="0.3">
      <c r="A15709" s="13" t="s">
        <v>115</v>
      </c>
      <c r="B15709" s="14" t="s">
        <v>1</v>
      </c>
      <c r="C15709" s="14" t="s">
        <v>63</v>
      </c>
      <c r="D15709" s="14" t="s">
        <v>116</v>
      </c>
      <c r="E15709" s="15">
        <v>45390</v>
      </c>
      <c r="F15709" s="14" t="s">
        <v>15</v>
      </c>
      <c r="G15709" s="16">
        <v>7.3394863741622365E-2</v>
      </c>
    </row>
    <row r="15710" spans="1:7" x14ac:dyDescent="0.3">
      <c r="A15710" s="13" t="s">
        <v>115</v>
      </c>
      <c r="B15710" s="14" t="s">
        <v>1</v>
      </c>
      <c r="C15710" s="14" t="s">
        <v>63</v>
      </c>
      <c r="D15710" s="14" t="s">
        <v>116</v>
      </c>
      <c r="E15710" s="15">
        <v>45391</v>
      </c>
      <c r="F15710" s="14" t="s">
        <v>15</v>
      </c>
      <c r="G15710" s="16">
        <v>0.10406317954925104</v>
      </c>
    </row>
    <row r="15711" spans="1:7" x14ac:dyDescent="0.3">
      <c r="A15711" s="13" t="s">
        <v>115</v>
      </c>
      <c r="B15711" s="14" t="s">
        <v>1</v>
      </c>
      <c r="C15711" s="14" t="s">
        <v>63</v>
      </c>
      <c r="D15711" s="14" t="s">
        <v>116</v>
      </c>
      <c r="E15711" s="15">
        <v>45392</v>
      </c>
      <c r="F15711" s="14" t="s">
        <v>15</v>
      </c>
      <c r="G15711" s="16">
        <v>0.10406317954925104</v>
      </c>
    </row>
    <row r="15712" spans="1:7" x14ac:dyDescent="0.3">
      <c r="A15712" s="13" t="s">
        <v>115</v>
      </c>
      <c r="B15712" s="14" t="s">
        <v>1</v>
      </c>
      <c r="C15712" s="14" t="s">
        <v>63</v>
      </c>
      <c r="D15712" s="14" t="s">
        <v>116</v>
      </c>
      <c r="E15712" s="15">
        <v>45393</v>
      </c>
      <c r="F15712" s="14" t="s">
        <v>15</v>
      </c>
      <c r="G15712" s="16">
        <v>0.1140741299705377</v>
      </c>
    </row>
    <row r="15713" spans="1:7" x14ac:dyDescent="0.3">
      <c r="A15713" s="13" t="s">
        <v>115</v>
      </c>
      <c r="B15713" s="14" t="s">
        <v>1</v>
      </c>
      <c r="C15713" s="14" t="s">
        <v>63</v>
      </c>
      <c r="D15713" s="14" t="s">
        <v>116</v>
      </c>
      <c r="E15713" s="15">
        <v>45394</v>
      </c>
      <c r="F15713" s="14" t="s">
        <v>15</v>
      </c>
      <c r="G15713" s="16">
        <v>0.13677152258396294</v>
      </c>
    </row>
    <row r="15714" spans="1:7" x14ac:dyDescent="0.3">
      <c r="A15714" s="13" t="s">
        <v>115</v>
      </c>
      <c r="B15714" s="14" t="s">
        <v>1</v>
      </c>
      <c r="C15714" s="14" t="s">
        <v>63</v>
      </c>
      <c r="D15714" s="14" t="s">
        <v>116</v>
      </c>
      <c r="E15714" s="15">
        <v>45395</v>
      </c>
      <c r="F15714" s="14" t="s">
        <v>15</v>
      </c>
      <c r="G15714" s="16">
        <v>0.13677152258396294</v>
      </c>
    </row>
    <row r="15715" spans="1:7" x14ac:dyDescent="0.3">
      <c r="A15715" s="13" t="s">
        <v>115</v>
      </c>
      <c r="B15715" s="14" t="s">
        <v>1</v>
      </c>
      <c r="C15715" s="14" t="s">
        <v>63</v>
      </c>
      <c r="D15715" s="14" t="s">
        <v>116</v>
      </c>
      <c r="E15715" s="15">
        <v>45396</v>
      </c>
      <c r="F15715" s="14" t="s">
        <v>15</v>
      </c>
      <c r="G15715" s="16">
        <v>0.13677152258396294</v>
      </c>
    </row>
    <row r="15716" spans="1:7" x14ac:dyDescent="0.3">
      <c r="A15716" s="13" t="s">
        <v>115</v>
      </c>
      <c r="B15716" s="14" t="s">
        <v>1</v>
      </c>
      <c r="C15716" s="14" t="s">
        <v>63</v>
      </c>
      <c r="D15716" s="14" t="s">
        <v>116</v>
      </c>
      <c r="E15716" s="15">
        <v>45397</v>
      </c>
      <c r="F15716" s="14" t="s">
        <v>15</v>
      </c>
      <c r="G15716" s="16">
        <v>0.14669462705354389</v>
      </c>
    </row>
    <row r="15717" spans="1:7" x14ac:dyDescent="0.3">
      <c r="A15717" s="13" t="s">
        <v>115</v>
      </c>
      <c r="B15717" s="14" t="s">
        <v>1</v>
      </c>
      <c r="C15717" s="14" t="s">
        <v>63</v>
      </c>
      <c r="D15717" s="14" t="s">
        <v>116</v>
      </c>
      <c r="E15717" s="15">
        <v>45398</v>
      </c>
      <c r="F15717" s="14" t="s">
        <v>15</v>
      </c>
      <c r="G15717" s="16">
        <v>0.17646859417696897</v>
      </c>
    </row>
    <row r="15718" spans="1:7" x14ac:dyDescent="0.3">
      <c r="A15718" s="13" t="s">
        <v>115</v>
      </c>
      <c r="B15718" s="14" t="s">
        <v>1</v>
      </c>
      <c r="C15718" s="14" t="s">
        <v>63</v>
      </c>
      <c r="D15718" s="14" t="s">
        <v>116</v>
      </c>
      <c r="E15718" s="15">
        <v>45399</v>
      </c>
      <c r="F15718" s="14" t="s">
        <v>15</v>
      </c>
      <c r="G15718" s="16">
        <v>0.18811686738464733</v>
      </c>
    </row>
    <row r="15719" spans="1:7" x14ac:dyDescent="0.3">
      <c r="A15719" s="13" t="s">
        <v>115</v>
      </c>
      <c r="B15719" s="14" t="s">
        <v>1</v>
      </c>
      <c r="C15719" s="14" t="s">
        <v>63</v>
      </c>
      <c r="D15719" s="14" t="s">
        <v>116</v>
      </c>
      <c r="E15719" s="15">
        <v>45400</v>
      </c>
      <c r="F15719" s="14" t="s">
        <v>15</v>
      </c>
      <c r="G15719" s="16">
        <v>0.19818486198156376</v>
      </c>
    </row>
    <row r="15720" spans="1:7" x14ac:dyDescent="0.3">
      <c r="A15720" s="13" t="s">
        <v>115</v>
      </c>
      <c r="B15720" s="14" t="s">
        <v>1</v>
      </c>
      <c r="C15720" s="14" t="s">
        <v>63</v>
      </c>
      <c r="D15720" s="14" t="s">
        <v>116</v>
      </c>
      <c r="E15720" s="15">
        <v>45401</v>
      </c>
      <c r="F15720" s="14" t="s">
        <v>15</v>
      </c>
      <c r="G15720" s="16">
        <v>0.20804849581924106</v>
      </c>
    </row>
    <row r="15721" spans="1:7" x14ac:dyDescent="0.3">
      <c r="A15721" s="13" t="s">
        <v>115</v>
      </c>
      <c r="B15721" s="14" t="s">
        <v>1</v>
      </c>
      <c r="C15721" s="14" t="s">
        <v>63</v>
      </c>
      <c r="D15721" s="14" t="s">
        <v>116</v>
      </c>
      <c r="E15721" s="15">
        <v>45402</v>
      </c>
      <c r="F15721" s="14" t="s">
        <v>15</v>
      </c>
      <c r="G15721" s="16">
        <v>0.20804849581924106</v>
      </c>
    </row>
    <row r="15722" spans="1:7" x14ac:dyDescent="0.3">
      <c r="A15722" s="13" t="s">
        <v>115</v>
      </c>
      <c r="B15722" s="14" t="s">
        <v>1</v>
      </c>
      <c r="C15722" s="14" t="s">
        <v>63</v>
      </c>
      <c r="D15722" s="14" t="s">
        <v>116</v>
      </c>
      <c r="E15722" s="15">
        <v>45403</v>
      </c>
      <c r="F15722" s="14" t="s">
        <v>15</v>
      </c>
      <c r="G15722" s="16">
        <v>0.20804849581924106</v>
      </c>
    </row>
    <row r="15723" spans="1:7" x14ac:dyDescent="0.3">
      <c r="A15723" s="13" t="s">
        <v>115</v>
      </c>
      <c r="B15723" s="14" t="s">
        <v>1</v>
      </c>
      <c r="C15723" s="14" t="s">
        <v>63</v>
      </c>
      <c r="D15723" s="14" t="s">
        <v>116</v>
      </c>
      <c r="E15723" s="15">
        <v>45404</v>
      </c>
      <c r="F15723" s="14" t="s">
        <v>15</v>
      </c>
      <c r="G15723" s="16">
        <v>0.21853990911252624</v>
      </c>
    </row>
    <row r="15724" spans="1:7" x14ac:dyDescent="0.3">
      <c r="A15724" s="13" t="s">
        <v>115</v>
      </c>
      <c r="B15724" s="14" t="s">
        <v>1</v>
      </c>
      <c r="C15724" s="14" t="s">
        <v>63</v>
      </c>
      <c r="D15724" s="14" t="s">
        <v>116</v>
      </c>
      <c r="E15724" s="15">
        <v>45405</v>
      </c>
      <c r="F15724" s="14" t="s">
        <v>15</v>
      </c>
      <c r="G15724" s="16">
        <v>0.24857695392566381</v>
      </c>
    </row>
    <row r="15725" spans="1:7" x14ac:dyDescent="0.3">
      <c r="A15725" s="13" t="s">
        <v>115</v>
      </c>
      <c r="B15725" s="14" t="s">
        <v>1</v>
      </c>
      <c r="C15725" s="14" t="s">
        <v>63</v>
      </c>
      <c r="D15725" s="14" t="s">
        <v>116</v>
      </c>
      <c r="E15725" s="15">
        <v>45406</v>
      </c>
      <c r="F15725" s="14" t="s">
        <v>15</v>
      </c>
      <c r="G15725" s="16">
        <v>0.25935428924010784</v>
      </c>
    </row>
    <row r="15726" spans="1:7" x14ac:dyDescent="0.3">
      <c r="A15726" s="13" t="s">
        <v>115</v>
      </c>
      <c r="B15726" s="14" t="s">
        <v>1</v>
      </c>
      <c r="C15726" s="14" t="s">
        <v>63</v>
      </c>
      <c r="D15726" s="14" t="s">
        <v>116</v>
      </c>
      <c r="E15726" s="15">
        <v>45407</v>
      </c>
      <c r="F15726" s="14" t="s">
        <v>15</v>
      </c>
      <c r="G15726" s="16">
        <v>0.27182311001682463</v>
      </c>
    </row>
    <row r="15727" spans="1:7" x14ac:dyDescent="0.3">
      <c r="A15727" s="13" t="s">
        <v>115</v>
      </c>
      <c r="B15727" s="14" t="s">
        <v>1</v>
      </c>
      <c r="C15727" s="14" t="s">
        <v>63</v>
      </c>
      <c r="D15727" s="14" t="s">
        <v>116</v>
      </c>
      <c r="E15727" s="15">
        <v>45408</v>
      </c>
      <c r="F15727" s="14" t="s">
        <v>15</v>
      </c>
      <c r="G15727" s="16">
        <v>0.28481216423315708</v>
      </c>
    </row>
    <row r="15728" spans="1:7" x14ac:dyDescent="0.3">
      <c r="A15728" s="13" t="s">
        <v>115</v>
      </c>
      <c r="B15728" s="14" t="s">
        <v>1</v>
      </c>
      <c r="C15728" s="14" t="s">
        <v>63</v>
      </c>
      <c r="D15728" s="14" t="s">
        <v>116</v>
      </c>
      <c r="E15728" s="15">
        <v>45409</v>
      </c>
      <c r="F15728" s="14" t="s">
        <v>15</v>
      </c>
      <c r="G15728" s="16">
        <v>0.28481216423315708</v>
      </c>
    </row>
    <row r="15729" spans="1:7" x14ac:dyDescent="0.3">
      <c r="A15729" s="13" t="s">
        <v>115</v>
      </c>
      <c r="B15729" s="14" t="s">
        <v>1</v>
      </c>
      <c r="C15729" s="14" t="s">
        <v>63</v>
      </c>
      <c r="D15729" s="14" t="s">
        <v>116</v>
      </c>
      <c r="E15729" s="15">
        <v>45410</v>
      </c>
      <c r="F15729" s="14" t="s">
        <v>15</v>
      </c>
      <c r="G15729" s="16">
        <v>0.28481216423315708</v>
      </c>
    </row>
    <row r="15730" spans="1:7" x14ac:dyDescent="0.3">
      <c r="A15730" s="13" t="s">
        <v>115</v>
      </c>
      <c r="B15730" s="14" t="s">
        <v>1</v>
      </c>
      <c r="C15730" s="14" t="s">
        <v>63</v>
      </c>
      <c r="D15730" s="14" t="s">
        <v>116</v>
      </c>
      <c r="E15730" s="15">
        <v>45411</v>
      </c>
      <c r="F15730" s="14" t="s">
        <v>15</v>
      </c>
      <c r="G15730" s="16">
        <v>0.29462533596554979</v>
      </c>
    </row>
    <row r="15731" spans="1:7" x14ac:dyDescent="0.3">
      <c r="A15731" s="13" t="s">
        <v>115</v>
      </c>
      <c r="B15731" s="14" t="s">
        <v>1</v>
      </c>
      <c r="C15731" s="14" t="s">
        <v>63</v>
      </c>
      <c r="D15731" s="14" t="s">
        <v>116</v>
      </c>
      <c r="E15731" s="15">
        <v>45412</v>
      </c>
      <c r="F15731" s="14" t="s">
        <v>15</v>
      </c>
      <c r="G15731" s="16">
        <v>0.32711955511303731</v>
      </c>
    </row>
    <row r="15732" spans="1:7" x14ac:dyDescent="0.3">
      <c r="A15732" s="13" t="s">
        <v>115</v>
      </c>
      <c r="B15732" s="14" t="s">
        <v>1</v>
      </c>
      <c r="C15732" s="14" t="s">
        <v>63</v>
      </c>
      <c r="D15732" s="14" t="s">
        <v>116</v>
      </c>
      <c r="E15732" s="15">
        <v>45413</v>
      </c>
      <c r="F15732" s="14" t="s">
        <v>15</v>
      </c>
      <c r="G15732" s="16">
        <v>0.32711955511303731</v>
      </c>
    </row>
    <row r="15733" spans="1:7" x14ac:dyDescent="0.3">
      <c r="A15733" s="13" t="s">
        <v>115</v>
      </c>
      <c r="B15733" s="14" t="s">
        <v>1</v>
      </c>
      <c r="C15733" s="14" t="s">
        <v>63</v>
      </c>
      <c r="D15733" s="14" t="s">
        <v>116</v>
      </c>
      <c r="E15733" s="15">
        <v>45414</v>
      </c>
      <c r="F15733" s="14" t="s">
        <v>15</v>
      </c>
      <c r="G15733" s="16">
        <v>0.33834755004697314</v>
      </c>
    </row>
    <row r="15734" spans="1:7" x14ac:dyDescent="0.3">
      <c r="A15734" s="13" t="s">
        <v>115</v>
      </c>
      <c r="B15734" s="14" t="s">
        <v>1</v>
      </c>
      <c r="C15734" s="14" t="s">
        <v>63</v>
      </c>
      <c r="D15734" s="14" t="s">
        <v>116</v>
      </c>
      <c r="E15734" s="15">
        <v>45415</v>
      </c>
      <c r="F15734" s="14" t="s">
        <v>15</v>
      </c>
      <c r="G15734" s="16">
        <v>0.36365127809685549</v>
      </c>
    </row>
    <row r="15735" spans="1:7" x14ac:dyDescent="0.3">
      <c r="A15735" s="13" t="s">
        <v>115</v>
      </c>
      <c r="B15735" s="14" t="s">
        <v>1</v>
      </c>
      <c r="C15735" s="14" t="s">
        <v>63</v>
      </c>
      <c r="D15735" s="14" t="s">
        <v>116</v>
      </c>
      <c r="E15735" s="15">
        <v>45416</v>
      </c>
      <c r="F15735" s="14" t="s">
        <v>15</v>
      </c>
      <c r="G15735" s="16">
        <v>0.36365127809685549</v>
      </c>
    </row>
    <row r="15736" spans="1:7" x14ac:dyDescent="0.3">
      <c r="A15736" s="13" t="s">
        <v>115</v>
      </c>
      <c r="B15736" s="14" t="s">
        <v>1</v>
      </c>
      <c r="C15736" s="14" t="s">
        <v>63</v>
      </c>
      <c r="D15736" s="14" t="s">
        <v>116</v>
      </c>
      <c r="E15736" s="15">
        <v>45417</v>
      </c>
      <c r="F15736" s="14" t="s">
        <v>15</v>
      </c>
      <c r="G15736" s="16">
        <v>0.36365127809685549</v>
      </c>
    </row>
    <row r="15737" spans="1:7" x14ac:dyDescent="0.3">
      <c r="A15737" s="13" t="s">
        <v>115</v>
      </c>
      <c r="B15737" s="14" t="s">
        <v>1</v>
      </c>
      <c r="C15737" s="14" t="s">
        <v>63</v>
      </c>
      <c r="D15737" s="14" t="s">
        <v>116</v>
      </c>
      <c r="E15737" s="15">
        <v>45418</v>
      </c>
      <c r="F15737" s="14" t="s">
        <v>15</v>
      </c>
      <c r="G15737" s="16">
        <v>0.36365127809685549</v>
      </c>
    </row>
    <row r="15738" spans="1:7" x14ac:dyDescent="0.3">
      <c r="A15738" s="13" t="s">
        <v>115</v>
      </c>
      <c r="B15738" s="14" t="s">
        <v>1</v>
      </c>
      <c r="C15738" s="14" t="s">
        <v>63</v>
      </c>
      <c r="D15738" s="14" t="s">
        <v>116</v>
      </c>
      <c r="E15738" s="15">
        <v>45419</v>
      </c>
      <c r="F15738" s="14" t="s">
        <v>15</v>
      </c>
      <c r="G15738" s="16">
        <v>0.37345542335735699</v>
      </c>
    </row>
    <row r="15739" spans="1:7" x14ac:dyDescent="0.3">
      <c r="A15739" s="13" t="s">
        <v>115</v>
      </c>
      <c r="B15739" s="14" t="s">
        <v>1</v>
      </c>
      <c r="C15739" s="14" t="s">
        <v>63</v>
      </c>
      <c r="D15739" s="14" t="s">
        <v>116</v>
      </c>
      <c r="E15739" s="15">
        <v>45420</v>
      </c>
      <c r="F15739" s="14" t="s">
        <v>15</v>
      </c>
      <c r="G15739" s="16">
        <v>0.41292523896845879</v>
      </c>
    </row>
    <row r="15740" spans="1:7" x14ac:dyDescent="0.3">
      <c r="A15740" s="13" t="s">
        <v>115</v>
      </c>
      <c r="B15740" s="14" t="s">
        <v>1</v>
      </c>
      <c r="C15740" s="14" t="s">
        <v>63</v>
      </c>
      <c r="D15740" s="14" t="s">
        <v>116</v>
      </c>
      <c r="E15740" s="15">
        <v>45421</v>
      </c>
      <c r="F15740" s="14" t="s">
        <v>15</v>
      </c>
      <c r="G15740" s="16">
        <v>0.41292523896845879</v>
      </c>
    </row>
    <row r="15741" spans="1:7" x14ac:dyDescent="0.3">
      <c r="A15741" s="13" t="s">
        <v>115</v>
      </c>
      <c r="B15741" s="14" t="s">
        <v>1</v>
      </c>
      <c r="C15741" s="14" t="s">
        <v>63</v>
      </c>
      <c r="D15741" s="14" t="s">
        <v>116</v>
      </c>
      <c r="E15741" s="15">
        <v>45422</v>
      </c>
      <c r="F15741" s="14" t="s">
        <v>15</v>
      </c>
      <c r="G15741" s="16">
        <v>0.42243967575537789</v>
      </c>
    </row>
    <row r="15742" spans="1:7" x14ac:dyDescent="0.3">
      <c r="A15742" s="13" t="s">
        <v>115</v>
      </c>
      <c r="B15742" s="14" t="s">
        <v>1</v>
      </c>
      <c r="C15742" s="14" t="s">
        <v>63</v>
      </c>
      <c r="D15742" s="14" t="s">
        <v>116</v>
      </c>
      <c r="E15742" s="15">
        <v>45423</v>
      </c>
      <c r="F15742" s="14" t="s">
        <v>15</v>
      </c>
      <c r="G15742" s="16">
        <v>0.42243967575537789</v>
      </c>
    </row>
    <row r="15743" spans="1:7" x14ac:dyDescent="0.3">
      <c r="A15743" s="13" t="s">
        <v>115</v>
      </c>
      <c r="B15743" s="14" t="s">
        <v>1</v>
      </c>
      <c r="C15743" s="14" t="s">
        <v>63</v>
      </c>
      <c r="D15743" s="14" t="s">
        <v>116</v>
      </c>
      <c r="E15743" s="15">
        <v>45424</v>
      </c>
      <c r="F15743" s="14" t="s">
        <v>15</v>
      </c>
      <c r="G15743" s="16">
        <v>0.42243967575537789</v>
      </c>
    </row>
    <row r="15744" spans="1:7" x14ac:dyDescent="0.3">
      <c r="A15744" s="13" t="s">
        <v>115</v>
      </c>
      <c r="B15744" s="14" t="s">
        <v>1</v>
      </c>
      <c r="C15744" s="14" t="s">
        <v>63</v>
      </c>
      <c r="D15744" s="14" t="s">
        <v>116</v>
      </c>
      <c r="E15744" s="15">
        <v>45425</v>
      </c>
      <c r="F15744" s="14" t="s">
        <v>15</v>
      </c>
      <c r="G15744" s="16">
        <v>0.44111544512881512</v>
      </c>
    </row>
    <row r="15745" spans="1:7" x14ac:dyDescent="0.3">
      <c r="A15745" s="13" t="s">
        <v>115</v>
      </c>
      <c r="B15745" s="14" t="s">
        <v>1</v>
      </c>
      <c r="C15745" s="14" t="s">
        <v>63</v>
      </c>
      <c r="D15745" s="14" t="s">
        <v>116</v>
      </c>
      <c r="E15745" s="15">
        <v>45426</v>
      </c>
      <c r="F15745" s="14" t="s">
        <v>15</v>
      </c>
      <c r="G15745" s="16">
        <v>0.47220691689560806</v>
      </c>
    </row>
    <row r="15746" spans="1:7" x14ac:dyDescent="0.3">
      <c r="A15746" s="13" t="s">
        <v>115</v>
      </c>
      <c r="B15746" s="14" t="s">
        <v>1</v>
      </c>
      <c r="C15746" s="14" t="s">
        <v>63</v>
      </c>
      <c r="D15746" s="14" t="s">
        <v>116</v>
      </c>
      <c r="E15746" s="15">
        <v>45427</v>
      </c>
      <c r="F15746" s="14" t="s">
        <v>15</v>
      </c>
      <c r="G15746" s="16">
        <v>0.47220691689560806</v>
      </c>
    </row>
    <row r="15747" spans="1:7" x14ac:dyDescent="0.3">
      <c r="A15747" s="13" t="s">
        <v>115</v>
      </c>
      <c r="B15747" s="14" t="s">
        <v>1</v>
      </c>
      <c r="C15747" s="14" t="s">
        <v>63</v>
      </c>
      <c r="D15747" s="14" t="s">
        <v>116</v>
      </c>
      <c r="E15747" s="15">
        <v>45428</v>
      </c>
      <c r="F15747" s="14" t="s">
        <v>15</v>
      </c>
      <c r="G15747" s="16">
        <v>0.48178085227198603</v>
      </c>
    </row>
    <row r="15748" spans="1:7" x14ac:dyDescent="0.3">
      <c r="A15748" s="13" t="s">
        <v>115</v>
      </c>
      <c r="B15748" s="14" t="s">
        <v>1</v>
      </c>
      <c r="C15748" s="14" t="s">
        <v>63</v>
      </c>
      <c r="D15748" s="14" t="s">
        <v>116</v>
      </c>
      <c r="E15748" s="15">
        <v>45429</v>
      </c>
      <c r="F15748" s="14" t="s">
        <v>15</v>
      </c>
      <c r="G15748" s="16">
        <v>0.50413609258289527</v>
      </c>
    </row>
    <row r="15749" spans="1:7" x14ac:dyDescent="0.3">
      <c r="A15749" s="13" t="s">
        <v>115</v>
      </c>
      <c r="B15749" s="14" t="s">
        <v>1</v>
      </c>
      <c r="C15749" s="14" t="s">
        <v>63</v>
      </c>
      <c r="D15749" s="14" t="s">
        <v>116</v>
      </c>
      <c r="E15749" s="15">
        <v>45430</v>
      </c>
      <c r="F15749" s="14" t="s">
        <v>15</v>
      </c>
      <c r="G15749" s="16">
        <v>0.50413609258289527</v>
      </c>
    </row>
    <row r="15750" spans="1:7" x14ac:dyDescent="0.3">
      <c r="A15750" s="13" t="s">
        <v>115</v>
      </c>
      <c r="B15750" s="14" t="s">
        <v>1</v>
      </c>
      <c r="C15750" s="14" t="s">
        <v>63</v>
      </c>
      <c r="D15750" s="14" t="s">
        <v>116</v>
      </c>
      <c r="E15750" s="15">
        <v>45431</v>
      </c>
      <c r="F15750" s="14" t="s">
        <v>15</v>
      </c>
      <c r="G15750" s="16">
        <v>0.50413609258289527</v>
      </c>
    </row>
    <row r="15751" spans="1:7" x14ac:dyDescent="0.3">
      <c r="A15751" s="13" t="s">
        <v>115</v>
      </c>
      <c r="B15751" s="14" t="s">
        <v>1</v>
      </c>
      <c r="C15751" s="14" t="s">
        <v>63</v>
      </c>
      <c r="D15751" s="14" t="s">
        <v>116</v>
      </c>
      <c r="E15751" s="15">
        <v>45432</v>
      </c>
      <c r="F15751" s="14" t="s">
        <v>15</v>
      </c>
      <c r="G15751" s="16">
        <v>0.50413609258289527</v>
      </c>
    </row>
    <row r="15752" spans="1:7" x14ac:dyDescent="0.3">
      <c r="A15752" s="13" t="s">
        <v>115</v>
      </c>
      <c r="B15752" s="14" t="s">
        <v>1</v>
      </c>
      <c r="C15752" s="14" t="s">
        <v>63</v>
      </c>
      <c r="D15752" s="14" t="s">
        <v>116</v>
      </c>
      <c r="E15752" s="15">
        <v>45433</v>
      </c>
      <c r="F15752" s="14" t="s">
        <v>15</v>
      </c>
      <c r="G15752" s="16">
        <v>0.51928810028219818</v>
      </c>
    </row>
    <row r="15753" spans="1:7" x14ac:dyDescent="0.3">
      <c r="A15753" s="13" t="s">
        <v>115</v>
      </c>
      <c r="B15753" s="14" t="s">
        <v>1</v>
      </c>
      <c r="C15753" s="14" t="s">
        <v>63</v>
      </c>
      <c r="D15753" s="14" t="s">
        <v>116</v>
      </c>
      <c r="E15753" s="15">
        <v>45434</v>
      </c>
      <c r="F15753" s="14" t="s">
        <v>15</v>
      </c>
      <c r="G15753" s="16">
        <v>0.51928810028219818</v>
      </c>
    </row>
    <row r="15754" spans="1:7" x14ac:dyDescent="0.3">
      <c r="A15754" s="13" t="s">
        <v>115</v>
      </c>
      <c r="B15754" s="14" t="s">
        <v>1</v>
      </c>
      <c r="C15754" s="14" t="s">
        <v>63</v>
      </c>
      <c r="D15754" s="14" t="s">
        <v>116</v>
      </c>
      <c r="E15754" s="15">
        <v>45435</v>
      </c>
      <c r="F15754" s="14" t="s">
        <v>15</v>
      </c>
      <c r="G15754" s="16">
        <v>0.55844766004391921</v>
      </c>
    </row>
    <row r="15755" spans="1:7" x14ac:dyDescent="0.3">
      <c r="A15755" s="13" t="s">
        <v>115</v>
      </c>
      <c r="B15755" s="14" t="s">
        <v>1</v>
      </c>
      <c r="C15755" s="14" t="s">
        <v>63</v>
      </c>
      <c r="D15755" s="14" t="s">
        <v>116</v>
      </c>
      <c r="E15755" s="15">
        <v>45436</v>
      </c>
      <c r="F15755" s="14" t="s">
        <v>15</v>
      </c>
      <c r="G15755" s="16">
        <v>0.57855371452992588</v>
      </c>
    </row>
    <row r="15756" spans="1:7" x14ac:dyDescent="0.3">
      <c r="A15756" s="13" t="s">
        <v>115</v>
      </c>
      <c r="B15756" s="14" t="s">
        <v>1</v>
      </c>
      <c r="C15756" s="14" t="s">
        <v>63</v>
      </c>
      <c r="D15756" s="14" t="s">
        <v>116</v>
      </c>
      <c r="E15756" s="15">
        <v>45437</v>
      </c>
      <c r="F15756" s="14" t="s">
        <v>15</v>
      </c>
      <c r="G15756" s="16">
        <v>0.57855371452992588</v>
      </c>
    </row>
    <row r="15757" spans="1:7" x14ac:dyDescent="0.3">
      <c r="A15757" s="13" t="s">
        <v>115</v>
      </c>
      <c r="B15757" s="14" t="s">
        <v>1</v>
      </c>
      <c r="C15757" s="14" t="s">
        <v>63</v>
      </c>
      <c r="D15757" s="14" t="s">
        <v>116</v>
      </c>
      <c r="E15757" s="15">
        <v>45438</v>
      </c>
      <c r="F15757" s="14" t="s">
        <v>15</v>
      </c>
      <c r="G15757" s="16">
        <v>0.57855371452992588</v>
      </c>
    </row>
    <row r="15758" spans="1:7" x14ac:dyDescent="0.3">
      <c r="A15758" s="13" t="s">
        <v>115</v>
      </c>
      <c r="B15758" s="14" t="s">
        <v>1</v>
      </c>
      <c r="C15758" s="14" t="s">
        <v>63</v>
      </c>
      <c r="D15758" s="14" t="s">
        <v>116</v>
      </c>
      <c r="E15758" s="15">
        <v>45439</v>
      </c>
      <c r="F15758" s="14" t="s">
        <v>15</v>
      </c>
      <c r="G15758" s="16">
        <v>0.58750540709438825</v>
      </c>
    </row>
    <row r="15759" spans="1:7" x14ac:dyDescent="0.3">
      <c r="A15759" s="13" t="s">
        <v>115</v>
      </c>
      <c r="B15759" s="14" t="s">
        <v>1</v>
      </c>
      <c r="C15759" s="14" t="s">
        <v>63</v>
      </c>
      <c r="D15759" s="14" t="s">
        <v>116</v>
      </c>
      <c r="E15759" s="15">
        <v>45440</v>
      </c>
      <c r="F15759" s="14" t="s">
        <v>15</v>
      </c>
      <c r="G15759" s="16">
        <v>0.61648406244199805</v>
      </c>
    </row>
    <row r="15760" spans="1:7" x14ac:dyDescent="0.3">
      <c r="A15760" s="13" t="s">
        <v>115</v>
      </c>
      <c r="B15760" s="14" t="s">
        <v>1</v>
      </c>
      <c r="C15760" s="14" t="s">
        <v>63</v>
      </c>
      <c r="D15760" s="14" t="s">
        <v>116</v>
      </c>
      <c r="E15760" s="15">
        <v>45441</v>
      </c>
      <c r="F15760" s="14" t="s">
        <v>15</v>
      </c>
      <c r="G15760" s="16">
        <v>0.62692553629181436</v>
      </c>
    </row>
    <row r="15761" spans="1:7" x14ac:dyDescent="0.3">
      <c r="A15761" s="13" t="s">
        <v>115</v>
      </c>
      <c r="B15761" s="14" t="s">
        <v>1</v>
      </c>
      <c r="C15761" s="14" t="s">
        <v>63</v>
      </c>
      <c r="D15761" s="14" t="s">
        <v>116</v>
      </c>
      <c r="E15761" s="15">
        <v>45442</v>
      </c>
      <c r="F15761" s="14" t="s">
        <v>15</v>
      </c>
      <c r="G15761" s="16">
        <v>0.63913396003821321</v>
      </c>
    </row>
    <row r="15762" spans="1:7" x14ac:dyDescent="0.3">
      <c r="A15762" s="13" t="s">
        <v>115</v>
      </c>
      <c r="B15762" s="14" t="s">
        <v>1</v>
      </c>
      <c r="C15762" s="14" t="s">
        <v>63</v>
      </c>
      <c r="D15762" s="14" t="s">
        <v>116</v>
      </c>
      <c r="E15762" s="15">
        <v>45443</v>
      </c>
      <c r="F15762" s="14" t="s">
        <v>15</v>
      </c>
      <c r="G15762" s="16">
        <v>0.6490323157501926</v>
      </c>
    </row>
    <row r="15763" spans="1:7" x14ac:dyDescent="0.3">
      <c r="A15763" s="13" t="s">
        <v>115</v>
      </c>
      <c r="B15763" s="14" t="s">
        <v>1</v>
      </c>
      <c r="C15763" s="14" t="s">
        <v>63</v>
      </c>
      <c r="D15763" s="14" t="s">
        <v>116</v>
      </c>
      <c r="E15763" s="15">
        <v>45444</v>
      </c>
      <c r="F15763" s="14" t="s">
        <v>15</v>
      </c>
      <c r="G15763" s="16">
        <v>0.6490323157501926</v>
      </c>
    </row>
    <row r="15764" spans="1:7" x14ac:dyDescent="0.3">
      <c r="A15764" s="13" t="s">
        <v>115</v>
      </c>
      <c r="B15764" s="14" t="s">
        <v>1</v>
      </c>
      <c r="C15764" s="14" t="s">
        <v>63</v>
      </c>
      <c r="D15764" s="14" t="s">
        <v>116</v>
      </c>
      <c r="E15764" s="15">
        <v>45445</v>
      </c>
      <c r="F15764" s="14" t="s">
        <v>15</v>
      </c>
      <c r="G15764" s="16">
        <v>0.6490323157501926</v>
      </c>
    </row>
    <row r="15765" spans="1:7" x14ac:dyDescent="0.3">
      <c r="A15765" s="13" t="s">
        <v>115</v>
      </c>
      <c r="B15765" s="14" t="s">
        <v>1</v>
      </c>
      <c r="C15765" s="14" t="s">
        <v>63</v>
      </c>
      <c r="D15765" s="14" t="s">
        <v>116</v>
      </c>
      <c r="E15765" s="15">
        <v>45446</v>
      </c>
      <c r="F15765" s="14" t="s">
        <v>15</v>
      </c>
      <c r="G15765" s="16">
        <v>0.6490323157501926</v>
      </c>
    </row>
    <row r="15766" spans="1:7" x14ac:dyDescent="0.3">
      <c r="A15766" s="13" t="s">
        <v>115</v>
      </c>
      <c r="B15766" s="14" t="s">
        <v>1</v>
      </c>
      <c r="C15766" s="14" t="s">
        <v>63</v>
      </c>
      <c r="D15766" s="14" t="s">
        <v>116</v>
      </c>
      <c r="E15766" s="15">
        <v>45447</v>
      </c>
      <c r="F15766" s="14" t="s">
        <v>15</v>
      </c>
      <c r="G15766" s="16">
        <v>0.65915697103402326</v>
      </c>
    </row>
    <row r="15767" spans="1:7" x14ac:dyDescent="0.3">
      <c r="A15767" s="13" t="s">
        <v>115</v>
      </c>
      <c r="B15767" s="14" t="s">
        <v>1</v>
      </c>
      <c r="C15767" s="14" t="s">
        <v>63</v>
      </c>
      <c r="D15767" s="14" t="s">
        <v>116</v>
      </c>
      <c r="E15767" s="15">
        <v>45448</v>
      </c>
      <c r="F15767" s="14" t="s">
        <v>15</v>
      </c>
      <c r="G15767" s="16">
        <v>0.69248952310478351</v>
      </c>
    </row>
    <row r="15768" spans="1:7" x14ac:dyDescent="0.3">
      <c r="A15768" s="13" t="s">
        <v>115</v>
      </c>
      <c r="B15768" s="14" t="s">
        <v>1</v>
      </c>
      <c r="C15768" s="14" t="s">
        <v>63</v>
      </c>
      <c r="D15768" s="14" t="s">
        <v>116</v>
      </c>
      <c r="E15768" s="15">
        <v>45449</v>
      </c>
      <c r="F15768" s="14" t="s">
        <v>15</v>
      </c>
      <c r="G15768" s="16">
        <v>0.70246182223820119</v>
      </c>
    </row>
    <row r="15769" spans="1:7" x14ac:dyDescent="0.3">
      <c r="A15769" s="13" t="s">
        <v>115</v>
      </c>
      <c r="B15769" s="14" t="s">
        <v>1</v>
      </c>
      <c r="C15769" s="14" t="s">
        <v>63</v>
      </c>
      <c r="D15769" s="14" t="s">
        <v>116</v>
      </c>
      <c r="E15769" s="15">
        <v>45450</v>
      </c>
      <c r="F15769" s="14" t="s">
        <v>15</v>
      </c>
      <c r="G15769" s="16">
        <v>0.71262871792862736</v>
      </c>
    </row>
    <row r="15770" spans="1:7" x14ac:dyDescent="0.3">
      <c r="A15770" s="13" t="s">
        <v>115</v>
      </c>
      <c r="B15770" s="14" t="s">
        <v>1</v>
      </c>
      <c r="C15770" s="14" t="s">
        <v>63</v>
      </c>
      <c r="D15770" s="14" t="s">
        <v>116</v>
      </c>
      <c r="E15770" s="15">
        <v>45451</v>
      </c>
      <c r="F15770" s="14" t="s">
        <v>15</v>
      </c>
      <c r="G15770" s="16">
        <v>0.71262871792862736</v>
      </c>
    </row>
    <row r="15771" spans="1:7" x14ac:dyDescent="0.3">
      <c r="A15771" s="13" t="s">
        <v>115</v>
      </c>
      <c r="B15771" s="14" t="s">
        <v>1</v>
      </c>
      <c r="C15771" s="14" t="s">
        <v>63</v>
      </c>
      <c r="D15771" s="14" t="s">
        <v>116</v>
      </c>
      <c r="E15771" s="15">
        <v>45452</v>
      </c>
      <c r="F15771" s="14" t="s">
        <v>15</v>
      </c>
      <c r="G15771" s="16">
        <v>0.71262871792862736</v>
      </c>
    </row>
    <row r="15772" spans="1:7" x14ac:dyDescent="0.3">
      <c r="A15772" s="13" t="s">
        <v>115</v>
      </c>
      <c r="B15772" s="14" t="s">
        <v>1</v>
      </c>
      <c r="C15772" s="14" t="s">
        <v>63</v>
      </c>
      <c r="D15772" s="14" t="s">
        <v>116</v>
      </c>
      <c r="E15772" s="15">
        <v>45453</v>
      </c>
      <c r="F15772" s="14" t="s">
        <v>15</v>
      </c>
      <c r="G15772" s="16">
        <v>0.71262871792862736</v>
      </c>
    </row>
    <row r="15773" spans="1:7" x14ac:dyDescent="0.3">
      <c r="A15773" s="13" t="s">
        <v>115</v>
      </c>
      <c r="B15773" s="14" t="s">
        <v>1</v>
      </c>
      <c r="C15773" s="14" t="s">
        <v>63</v>
      </c>
      <c r="D15773" s="14" t="s">
        <v>116</v>
      </c>
      <c r="E15773" s="15">
        <v>45454</v>
      </c>
      <c r="F15773" s="14" t="s">
        <v>15</v>
      </c>
      <c r="G15773" s="16">
        <v>0.73182405087290836</v>
      </c>
    </row>
    <row r="15774" spans="1:7" x14ac:dyDescent="0.3">
      <c r="A15774" s="13" t="s">
        <v>115</v>
      </c>
      <c r="B15774" s="14" t="s">
        <v>1</v>
      </c>
      <c r="C15774" s="14" t="s">
        <v>63</v>
      </c>
      <c r="D15774" s="14" t="s">
        <v>116</v>
      </c>
      <c r="E15774" s="15">
        <v>45455</v>
      </c>
      <c r="F15774" s="14" t="s">
        <v>15</v>
      </c>
      <c r="G15774" s="16">
        <v>0.77277441953335191</v>
      </c>
    </row>
    <row r="15775" spans="1:7" x14ac:dyDescent="0.3">
      <c r="A15775" s="13" t="s">
        <v>115</v>
      </c>
      <c r="B15775" s="14" t="s">
        <v>1</v>
      </c>
      <c r="C15775" s="14" t="s">
        <v>63</v>
      </c>
      <c r="D15775" s="14" t="s">
        <v>116</v>
      </c>
      <c r="E15775" s="15">
        <v>45456</v>
      </c>
      <c r="F15775" s="14" t="s">
        <v>15</v>
      </c>
      <c r="G15775" s="16">
        <v>0.78875814746297646</v>
      </c>
    </row>
    <row r="15776" spans="1:7" x14ac:dyDescent="0.3">
      <c r="A15776" s="13" t="s">
        <v>115</v>
      </c>
      <c r="B15776" s="14" t="s">
        <v>1</v>
      </c>
      <c r="C15776" s="14" t="s">
        <v>63</v>
      </c>
      <c r="D15776" s="14" t="s">
        <v>116</v>
      </c>
      <c r="E15776" s="15">
        <v>45457</v>
      </c>
      <c r="F15776" s="14" t="s">
        <v>15</v>
      </c>
      <c r="G15776" s="16">
        <v>0.79927598068362304</v>
      </c>
    </row>
    <row r="15777" spans="1:7" x14ac:dyDescent="0.3">
      <c r="A15777" s="13" t="s">
        <v>115</v>
      </c>
      <c r="B15777" s="14" t="s">
        <v>1</v>
      </c>
      <c r="C15777" s="14" t="s">
        <v>63</v>
      </c>
      <c r="D15777" s="14" t="s">
        <v>116</v>
      </c>
      <c r="E15777" s="15">
        <v>45458</v>
      </c>
      <c r="F15777" s="14" t="s">
        <v>15</v>
      </c>
      <c r="G15777" s="16">
        <v>0.79927598068362304</v>
      </c>
    </row>
    <row r="15778" spans="1:7" x14ac:dyDescent="0.3">
      <c r="A15778" s="13" t="s">
        <v>115</v>
      </c>
      <c r="B15778" s="14" t="s">
        <v>1</v>
      </c>
      <c r="C15778" s="14" t="s">
        <v>63</v>
      </c>
      <c r="D15778" s="14" t="s">
        <v>116</v>
      </c>
      <c r="E15778" s="15">
        <v>45459</v>
      </c>
      <c r="F15778" s="14" t="s">
        <v>15</v>
      </c>
      <c r="G15778" s="16">
        <v>0.79927598068362304</v>
      </c>
    </row>
    <row r="15779" spans="1:7" x14ac:dyDescent="0.3">
      <c r="A15779" s="13" t="s">
        <v>115</v>
      </c>
      <c r="B15779" s="14" t="s">
        <v>1</v>
      </c>
      <c r="C15779" s="14" t="s">
        <v>63</v>
      </c>
      <c r="D15779" s="14" t="s">
        <v>116</v>
      </c>
      <c r="E15779" s="15">
        <v>45460</v>
      </c>
      <c r="F15779" s="14" t="s">
        <v>15</v>
      </c>
      <c r="G15779" s="16">
        <v>0.79927598068362304</v>
      </c>
    </row>
    <row r="15780" spans="1:7" x14ac:dyDescent="0.3">
      <c r="A15780" s="13" t="s">
        <v>115</v>
      </c>
      <c r="B15780" s="14" t="s">
        <v>1</v>
      </c>
      <c r="C15780" s="14" t="s">
        <v>63</v>
      </c>
      <c r="D15780" s="14" t="s">
        <v>116</v>
      </c>
      <c r="E15780" s="15">
        <v>45461</v>
      </c>
      <c r="F15780" s="14" t="s">
        <v>15</v>
      </c>
      <c r="G15780" s="16">
        <v>0.80931882233362873</v>
      </c>
    </row>
    <row r="15781" spans="1:7" x14ac:dyDescent="0.3">
      <c r="A15781" s="13" t="s">
        <v>115</v>
      </c>
      <c r="B15781" s="14" t="s">
        <v>1</v>
      </c>
      <c r="C15781" s="14" t="s">
        <v>63</v>
      </c>
      <c r="D15781" s="14" t="s">
        <v>116</v>
      </c>
      <c r="E15781" s="15">
        <v>45462</v>
      </c>
      <c r="F15781" s="14" t="s">
        <v>15</v>
      </c>
      <c r="G15781" s="16">
        <v>0.84948029765842603</v>
      </c>
    </row>
    <row r="15782" spans="1:7" x14ac:dyDescent="0.3">
      <c r="A15782" s="13" t="s">
        <v>115</v>
      </c>
      <c r="B15782" s="14" t="s">
        <v>1</v>
      </c>
      <c r="C15782" s="14" t="s">
        <v>63</v>
      </c>
      <c r="D15782" s="14" t="s">
        <v>116</v>
      </c>
      <c r="E15782" s="15">
        <v>45463</v>
      </c>
      <c r="F15782" s="14" t="s">
        <v>15</v>
      </c>
      <c r="G15782" s="16">
        <v>0.85952636657448689</v>
      </c>
    </row>
    <row r="15783" spans="1:7" x14ac:dyDescent="0.3">
      <c r="A15783" s="13" t="s">
        <v>115</v>
      </c>
      <c r="B15783" s="14" t="s">
        <v>1</v>
      </c>
      <c r="C15783" s="14" t="s">
        <v>63</v>
      </c>
      <c r="D15783" s="14" t="s">
        <v>116</v>
      </c>
      <c r="E15783" s="15">
        <v>45464</v>
      </c>
      <c r="F15783" s="14" t="s">
        <v>15</v>
      </c>
      <c r="G15783" s="16">
        <v>0.8707080684791394</v>
      </c>
    </row>
    <row r="15784" spans="1:7" x14ac:dyDescent="0.3">
      <c r="A15784" s="13" t="s">
        <v>115</v>
      </c>
      <c r="B15784" s="14" t="s">
        <v>1</v>
      </c>
      <c r="C15784" s="14" t="s">
        <v>63</v>
      </c>
      <c r="D15784" s="14" t="s">
        <v>116</v>
      </c>
      <c r="E15784" s="15">
        <v>45465</v>
      </c>
      <c r="F15784" s="14" t="s">
        <v>15</v>
      </c>
      <c r="G15784" s="16">
        <v>0.8707080684791394</v>
      </c>
    </row>
    <row r="15785" spans="1:7" x14ac:dyDescent="0.3">
      <c r="A15785" s="13" t="s">
        <v>115</v>
      </c>
      <c r="B15785" s="14" t="s">
        <v>1</v>
      </c>
      <c r="C15785" s="14" t="s">
        <v>63</v>
      </c>
      <c r="D15785" s="14" t="s">
        <v>116</v>
      </c>
      <c r="E15785" s="15">
        <v>45466</v>
      </c>
      <c r="F15785" s="14" t="s">
        <v>15</v>
      </c>
      <c r="G15785" s="16">
        <v>0.8707080684791394</v>
      </c>
    </row>
    <row r="15786" spans="1:7" x14ac:dyDescent="0.3">
      <c r="A15786" s="13" t="s">
        <v>115</v>
      </c>
      <c r="B15786" s="14" t="s">
        <v>1</v>
      </c>
      <c r="C15786" s="14" t="s">
        <v>63</v>
      </c>
      <c r="D15786" s="14" t="s">
        <v>116</v>
      </c>
      <c r="E15786" s="15">
        <v>45467</v>
      </c>
      <c r="F15786" s="14" t="s">
        <v>15</v>
      </c>
      <c r="G15786" s="16">
        <v>0.88210596074320557</v>
      </c>
    </row>
    <row r="15787" spans="1:7" x14ac:dyDescent="0.3">
      <c r="A15787" s="13" t="s">
        <v>115</v>
      </c>
      <c r="B15787" s="14" t="s">
        <v>1</v>
      </c>
      <c r="C15787" s="14" t="s">
        <v>63</v>
      </c>
      <c r="D15787" s="14" t="s">
        <v>116</v>
      </c>
      <c r="E15787" s="15">
        <v>45468</v>
      </c>
      <c r="F15787" s="14" t="s">
        <v>15</v>
      </c>
      <c r="G15787" s="16">
        <v>0.91450048242854154</v>
      </c>
    </row>
    <row r="15788" spans="1:7" x14ac:dyDescent="0.3">
      <c r="A15788" s="13" t="s">
        <v>115</v>
      </c>
      <c r="B15788" s="14" t="s">
        <v>1</v>
      </c>
      <c r="C15788" s="14" t="s">
        <v>63</v>
      </c>
      <c r="D15788" s="14" t="s">
        <v>116</v>
      </c>
      <c r="E15788" s="15">
        <v>45469</v>
      </c>
      <c r="F15788" s="14" t="s">
        <v>15</v>
      </c>
      <c r="G15788" s="16">
        <v>0.92476883942723398</v>
      </c>
    </row>
    <row r="15789" spans="1:7" x14ac:dyDescent="0.3">
      <c r="A15789" s="13" t="s">
        <v>115</v>
      </c>
      <c r="B15789" s="14" t="s">
        <v>1</v>
      </c>
      <c r="C15789" s="14" t="s">
        <v>63</v>
      </c>
      <c r="D15789" s="14" t="s">
        <v>116</v>
      </c>
      <c r="E15789" s="15">
        <v>45470</v>
      </c>
      <c r="F15789" s="14" t="s">
        <v>15</v>
      </c>
      <c r="G15789" s="16">
        <v>0.93494488286486277</v>
      </c>
    </row>
    <row r="15790" spans="1:7" x14ac:dyDescent="0.3">
      <c r="A15790" s="13" t="s">
        <v>115</v>
      </c>
      <c r="B15790" s="14" t="s">
        <v>1</v>
      </c>
      <c r="C15790" s="14" t="s">
        <v>63</v>
      </c>
      <c r="D15790" s="14" t="s">
        <v>116</v>
      </c>
      <c r="E15790" s="15">
        <v>45471</v>
      </c>
      <c r="F15790" s="14" t="s">
        <v>15</v>
      </c>
      <c r="G15790" s="16">
        <v>0.94505086511060676</v>
      </c>
    </row>
    <row r="15791" spans="1:7" x14ac:dyDescent="0.3">
      <c r="A15791" s="13" t="s">
        <v>115</v>
      </c>
      <c r="B15791" s="14" t="s">
        <v>1</v>
      </c>
      <c r="C15791" s="14" t="s">
        <v>63</v>
      </c>
      <c r="D15791" s="14" t="s">
        <v>116</v>
      </c>
      <c r="E15791" s="15">
        <v>45472</v>
      </c>
      <c r="F15791" s="14" t="s">
        <v>15</v>
      </c>
      <c r="G15791" s="16">
        <v>0.94505086511060676</v>
      </c>
    </row>
    <row r="15792" spans="1:7" x14ac:dyDescent="0.3">
      <c r="A15792" s="13" t="s">
        <v>115</v>
      </c>
      <c r="B15792" s="14" t="s">
        <v>1</v>
      </c>
      <c r="C15792" s="14" t="s">
        <v>63</v>
      </c>
      <c r="D15792" s="14" t="s">
        <v>116</v>
      </c>
      <c r="E15792" s="15">
        <v>45473</v>
      </c>
      <c r="F15792" s="14" t="s">
        <v>15</v>
      </c>
      <c r="G15792" s="16">
        <v>0.94505086511060676</v>
      </c>
    </row>
    <row r="15793" spans="1:7" x14ac:dyDescent="0.3">
      <c r="A15793" s="13" t="s">
        <v>115</v>
      </c>
      <c r="B15793" s="14" t="s">
        <v>1</v>
      </c>
      <c r="C15793" s="14" t="s">
        <v>63</v>
      </c>
      <c r="D15793" s="14" t="s">
        <v>116</v>
      </c>
      <c r="E15793" s="15">
        <v>45474</v>
      </c>
      <c r="F15793" s="14" t="s">
        <v>15</v>
      </c>
      <c r="G15793" s="16">
        <v>0.94505086511060676</v>
      </c>
    </row>
    <row r="15794" spans="1:7" x14ac:dyDescent="0.3">
      <c r="A15794" s="13" t="s">
        <v>115</v>
      </c>
      <c r="B15794" s="14" t="s">
        <v>1</v>
      </c>
      <c r="C15794" s="14" t="s">
        <v>63</v>
      </c>
      <c r="D15794" s="14" t="s">
        <v>116</v>
      </c>
      <c r="E15794" s="15">
        <v>45475</v>
      </c>
      <c r="F15794" s="14" t="s">
        <v>15</v>
      </c>
      <c r="G15794" s="16">
        <v>0</v>
      </c>
    </row>
    <row r="15795" spans="1:7" x14ac:dyDescent="0.3">
      <c r="A15795" s="13" t="s">
        <v>115</v>
      </c>
      <c r="B15795" s="14" t="s">
        <v>1</v>
      </c>
      <c r="C15795" s="14" t="s">
        <v>63</v>
      </c>
      <c r="D15795" s="14" t="s">
        <v>116</v>
      </c>
      <c r="E15795" s="15">
        <v>45476</v>
      </c>
      <c r="F15795" s="14" t="s">
        <v>15</v>
      </c>
      <c r="G15795" s="16">
        <v>0</v>
      </c>
    </row>
    <row r="15796" spans="1:7" x14ac:dyDescent="0.3">
      <c r="A15796" s="13" t="s">
        <v>115</v>
      </c>
      <c r="B15796" s="14" t="s">
        <v>1</v>
      </c>
      <c r="C15796" s="14" t="s">
        <v>63</v>
      </c>
      <c r="D15796" s="14" t="s">
        <v>116</v>
      </c>
      <c r="E15796" s="15">
        <v>45477</v>
      </c>
      <c r="F15796" s="14" t="s">
        <v>15</v>
      </c>
      <c r="G15796" s="16">
        <v>0</v>
      </c>
    </row>
    <row r="15797" spans="1:7" x14ac:dyDescent="0.3">
      <c r="A15797" s="13" t="s">
        <v>115</v>
      </c>
      <c r="B15797" s="14" t="s">
        <v>1</v>
      </c>
      <c r="C15797" s="14" t="s">
        <v>63</v>
      </c>
      <c r="D15797" s="14" t="s">
        <v>116</v>
      </c>
      <c r="E15797" s="15">
        <v>45478</v>
      </c>
      <c r="F15797" s="14" t="s">
        <v>15</v>
      </c>
      <c r="G15797" s="16">
        <v>0</v>
      </c>
    </row>
    <row r="15798" spans="1:7" x14ac:dyDescent="0.3">
      <c r="A15798" s="13" t="s">
        <v>115</v>
      </c>
      <c r="B15798" s="14" t="s">
        <v>1</v>
      </c>
      <c r="C15798" s="14" t="s">
        <v>63</v>
      </c>
      <c r="D15798" s="14" t="s">
        <v>116</v>
      </c>
      <c r="E15798" s="15">
        <v>45479</v>
      </c>
      <c r="F15798" s="14" t="s">
        <v>15</v>
      </c>
      <c r="G15798" s="16">
        <v>0</v>
      </c>
    </row>
    <row r="15799" spans="1:7" x14ac:dyDescent="0.3">
      <c r="A15799" s="13" t="s">
        <v>115</v>
      </c>
      <c r="B15799" s="14" t="s">
        <v>1</v>
      </c>
      <c r="C15799" s="14" t="s">
        <v>63</v>
      </c>
      <c r="D15799" s="14" t="s">
        <v>116</v>
      </c>
      <c r="E15799" s="15">
        <v>45480</v>
      </c>
      <c r="F15799" s="14" t="s">
        <v>15</v>
      </c>
      <c r="G15799" s="16">
        <v>0</v>
      </c>
    </row>
    <row r="15800" spans="1:7" x14ac:dyDescent="0.3">
      <c r="A15800" s="13" t="s">
        <v>115</v>
      </c>
      <c r="B15800" s="14" t="s">
        <v>1</v>
      </c>
      <c r="C15800" s="14" t="s">
        <v>63</v>
      </c>
      <c r="D15800" s="14" t="s">
        <v>116</v>
      </c>
      <c r="E15800" s="15">
        <v>45481</v>
      </c>
      <c r="F15800" s="14" t="s">
        <v>15</v>
      </c>
      <c r="G15800" s="16">
        <v>0</v>
      </c>
    </row>
    <row r="15801" spans="1:7" x14ac:dyDescent="0.3">
      <c r="A15801" s="13" t="s">
        <v>115</v>
      </c>
      <c r="B15801" s="14" t="s">
        <v>1</v>
      </c>
      <c r="C15801" s="14" t="s">
        <v>63</v>
      </c>
      <c r="D15801" s="14" t="s">
        <v>116</v>
      </c>
      <c r="E15801" s="15">
        <v>45482</v>
      </c>
      <c r="F15801" s="14" t="s">
        <v>15</v>
      </c>
      <c r="G15801" s="16">
        <v>0</v>
      </c>
    </row>
    <row r="15802" spans="1:7" x14ac:dyDescent="0.3">
      <c r="A15802" s="13" t="s">
        <v>115</v>
      </c>
      <c r="B15802" s="14" t="s">
        <v>1</v>
      </c>
      <c r="C15802" s="14" t="s">
        <v>63</v>
      </c>
      <c r="D15802" s="14" t="s">
        <v>116</v>
      </c>
      <c r="E15802" s="15">
        <v>45483</v>
      </c>
      <c r="F15802" s="14" t="s">
        <v>15</v>
      </c>
      <c r="G15802" s="16">
        <v>0</v>
      </c>
    </row>
    <row r="15803" spans="1:7" x14ac:dyDescent="0.3">
      <c r="A15803" s="13" t="s">
        <v>115</v>
      </c>
      <c r="B15803" s="14" t="s">
        <v>1</v>
      </c>
      <c r="C15803" s="14" t="s">
        <v>63</v>
      </c>
      <c r="D15803" s="14" t="s">
        <v>116</v>
      </c>
      <c r="E15803" s="15">
        <v>45484</v>
      </c>
      <c r="F15803" s="14" t="s">
        <v>15</v>
      </c>
      <c r="G15803" s="16">
        <v>0</v>
      </c>
    </row>
    <row r="15804" spans="1:7" x14ac:dyDescent="0.3">
      <c r="A15804" s="13" t="s">
        <v>115</v>
      </c>
      <c r="B15804" s="14" t="s">
        <v>1</v>
      </c>
      <c r="C15804" s="14" t="s">
        <v>63</v>
      </c>
      <c r="D15804" s="14" t="s">
        <v>116</v>
      </c>
      <c r="E15804" s="15">
        <v>45485</v>
      </c>
      <c r="F15804" s="14" t="s">
        <v>15</v>
      </c>
      <c r="G15804" s="16">
        <v>0</v>
      </c>
    </row>
    <row r="15805" spans="1:7" x14ac:dyDescent="0.3">
      <c r="A15805" s="13" t="s">
        <v>115</v>
      </c>
      <c r="B15805" s="14" t="s">
        <v>1</v>
      </c>
      <c r="C15805" s="14" t="s">
        <v>63</v>
      </c>
      <c r="D15805" s="14" t="s">
        <v>116</v>
      </c>
      <c r="E15805" s="15">
        <v>45486</v>
      </c>
      <c r="F15805" s="14" t="s">
        <v>15</v>
      </c>
      <c r="G15805" s="16">
        <v>0</v>
      </c>
    </row>
    <row r="15806" spans="1:7" x14ac:dyDescent="0.3">
      <c r="A15806" s="13" t="s">
        <v>115</v>
      </c>
      <c r="B15806" s="14" t="s">
        <v>1</v>
      </c>
      <c r="C15806" s="14" t="s">
        <v>63</v>
      </c>
      <c r="D15806" s="14" t="s">
        <v>116</v>
      </c>
      <c r="E15806" s="15">
        <v>45487</v>
      </c>
      <c r="F15806" s="14" t="s">
        <v>15</v>
      </c>
      <c r="G15806" s="16">
        <v>0</v>
      </c>
    </row>
    <row r="15807" spans="1:7" x14ac:dyDescent="0.3">
      <c r="A15807" s="13" t="s">
        <v>115</v>
      </c>
      <c r="B15807" s="14" t="s">
        <v>1</v>
      </c>
      <c r="C15807" s="14" t="s">
        <v>63</v>
      </c>
      <c r="D15807" s="14" t="s">
        <v>116</v>
      </c>
      <c r="E15807" s="15">
        <v>45488</v>
      </c>
      <c r="F15807" s="14" t="s">
        <v>15</v>
      </c>
      <c r="G15807" s="16">
        <v>0</v>
      </c>
    </row>
    <row r="15808" spans="1:7" x14ac:dyDescent="0.3">
      <c r="A15808" s="13" t="s">
        <v>115</v>
      </c>
      <c r="B15808" s="14" t="s">
        <v>1</v>
      </c>
      <c r="C15808" s="14" t="s">
        <v>63</v>
      </c>
      <c r="D15808" s="14" t="s">
        <v>116</v>
      </c>
      <c r="E15808" s="15">
        <v>45489</v>
      </c>
      <c r="F15808" s="14" t="s">
        <v>15</v>
      </c>
      <c r="G15808" s="16">
        <v>0</v>
      </c>
    </row>
    <row r="15809" spans="1:7" x14ac:dyDescent="0.3">
      <c r="A15809" s="13" t="s">
        <v>115</v>
      </c>
      <c r="B15809" s="14" t="s">
        <v>1</v>
      </c>
      <c r="C15809" s="14" t="s">
        <v>63</v>
      </c>
      <c r="D15809" s="14" t="s">
        <v>116</v>
      </c>
      <c r="E15809" s="15">
        <v>45490</v>
      </c>
      <c r="F15809" s="14" t="s">
        <v>15</v>
      </c>
      <c r="G15809" s="16">
        <v>0</v>
      </c>
    </row>
    <row r="15810" spans="1:7" x14ac:dyDescent="0.3">
      <c r="A15810" s="13" t="s">
        <v>115</v>
      </c>
      <c r="B15810" s="14" t="s">
        <v>1</v>
      </c>
      <c r="C15810" s="14" t="s">
        <v>63</v>
      </c>
      <c r="D15810" s="14" t="s">
        <v>116</v>
      </c>
      <c r="E15810" s="15">
        <v>45491</v>
      </c>
      <c r="F15810" s="14" t="s">
        <v>15</v>
      </c>
      <c r="G15810" s="16">
        <v>0</v>
      </c>
    </row>
    <row r="15811" spans="1:7" x14ac:dyDescent="0.3">
      <c r="A15811" s="13" t="s">
        <v>115</v>
      </c>
      <c r="B15811" s="14" t="s">
        <v>1</v>
      </c>
      <c r="C15811" s="14" t="s">
        <v>63</v>
      </c>
      <c r="D15811" s="14" t="s">
        <v>116</v>
      </c>
      <c r="E15811" s="15">
        <v>45492</v>
      </c>
      <c r="F15811" s="14" t="s">
        <v>15</v>
      </c>
      <c r="G15811" s="16">
        <v>0</v>
      </c>
    </row>
    <row r="15812" spans="1:7" x14ac:dyDescent="0.3">
      <c r="A15812" s="13" t="s">
        <v>115</v>
      </c>
      <c r="B15812" s="14" t="s">
        <v>1</v>
      </c>
      <c r="C15812" s="14" t="s">
        <v>63</v>
      </c>
      <c r="D15812" s="14" t="s">
        <v>116</v>
      </c>
      <c r="E15812" s="15">
        <v>45493</v>
      </c>
      <c r="F15812" s="14" t="s">
        <v>15</v>
      </c>
      <c r="G15812" s="16">
        <v>0</v>
      </c>
    </row>
    <row r="15813" spans="1:7" x14ac:dyDescent="0.3">
      <c r="A15813" s="13" t="s">
        <v>115</v>
      </c>
      <c r="B15813" s="14" t="s">
        <v>1</v>
      </c>
      <c r="C15813" s="14" t="s">
        <v>63</v>
      </c>
      <c r="D15813" s="14" t="s">
        <v>116</v>
      </c>
      <c r="E15813" s="15">
        <v>45494</v>
      </c>
      <c r="F15813" s="14" t="s">
        <v>15</v>
      </c>
      <c r="G15813" s="16">
        <v>0</v>
      </c>
    </row>
    <row r="15814" spans="1:7" x14ac:dyDescent="0.3">
      <c r="A15814" s="13" t="s">
        <v>115</v>
      </c>
      <c r="B15814" s="14" t="s">
        <v>1</v>
      </c>
      <c r="C15814" s="14" t="s">
        <v>63</v>
      </c>
      <c r="D15814" s="14" t="s">
        <v>116</v>
      </c>
      <c r="E15814" s="15">
        <v>45495</v>
      </c>
      <c r="F15814" s="14" t="s">
        <v>15</v>
      </c>
      <c r="G15814" s="16">
        <v>0</v>
      </c>
    </row>
    <row r="15815" spans="1:7" x14ac:dyDescent="0.3">
      <c r="A15815" s="13" t="s">
        <v>115</v>
      </c>
      <c r="B15815" s="14" t="s">
        <v>1</v>
      </c>
      <c r="C15815" s="14" t="s">
        <v>63</v>
      </c>
      <c r="D15815" s="14" t="s">
        <v>116</v>
      </c>
      <c r="E15815" s="15">
        <v>45496</v>
      </c>
      <c r="F15815" s="14" t="s">
        <v>15</v>
      </c>
      <c r="G15815" s="16">
        <v>5.1656435311369939E-3</v>
      </c>
    </row>
    <row r="15816" spans="1:7" x14ac:dyDescent="0.3">
      <c r="A15816" s="13" t="s">
        <v>115</v>
      </c>
      <c r="B15816" s="14" t="s">
        <v>1</v>
      </c>
      <c r="C15816" s="14" t="s">
        <v>63</v>
      </c>
      <c r="D15816" s="14" t="s">
        <v>116</v>
      </c>
      <c r="E15816" s="15">
        <v>45497</v>
      </c>
      <c r="F15816" s="14" t="s">
        <v>15</v>
      </c>
      <c r="G15816" s="16">
        <v>1.5341002328727229E-2</v>
      </c>
    </row>
    <row r="15817" spans="1:7" x14ac:dyDescent="0.3">
      <c r="A15817" s="13" t="s">
        <v>115</v>
      </c>
      <c r="B15817" s="14" t="s">
        <v>1</v>
      </c>
      <c r="C15817" s="14" t="s">
        <v>63</v>
      </c>
      <c r="D15817" s="14" t="s">
        <v>116</v>
      </c>
      <c r="E15817" s="15">
        <v>45498</v>
      </c>
      <c r="F15817" s="14" t="s">
        <v>15</v>
      </c>
      <c r="G15817" s="16">
        <v>2.4806454512030621E-2</v>
      </c>
    </row>
    <row r="15818" spans="1:7" x14ac:dyDescent="0.3">
      <c r="A15818" s="13" t="s">
        <v>115</v>
      </c>
      <c r="B15818" s="14" t="s">
        <v>1</v>
      </c>
      <c r="C15818" s="14" t="s">
        <v>63</v>
      </c>
      <c r="D15818" s="14" t="s">
        <v>116</v>
      </c>
      <c r="E15818" s="15">
        <v>45499</v>
      </c>
      <c r="F15818" s="14" t="s">
        <v>15</v>
      </c>
      <c r="G15818" s="16">
        <v>3.464649361208965E-2</v>
      </c>
    </row>
    <row r="15819" spans="1:7" x14ac:dyDescent="0.3">
      <c r="A15819" s="13" t="s">
        <v>115</v>
      </c>
      <c r="B15819" s="14" t="s">
        <v>1</v>
      </c>
      <c r="C15819" s="14" t="s">
        <v>63</v>
      </c>
      <c r="D15819" s="14" t="s">
        <v>116</v>
      </c>
      <c r="E15819" s="15">
        <v>45500</v>
      </c>
      <c r="F15819" s="14" t="s">
        <v>15</v>
      </c>
      <c r="G15819" s="16">
        <v>3.464649361208965E-2</v>
      </c>
    </row>
    <row r="15820" spans="1:7" x14ac:dyDescent="0.3">
      <c r="A15820" s="13" t="s">
        <v>115</v>
      </c>
      <c r="B15820" s="14" t="s">
        <v>1</v>
      </c>
      <c r="C15820" s="14" t="s">
        <v>63</v>
      </c>
      <c r="D15820" s="14" t="s">
        <v>116</v>
      </c>
      <c r="E15820" s="15">
        <v>45501</v>
      </c>
      <c r="F15820" s="14" t="s">
        <v>15</v>
      </c>
      <c r="G15820" s="16">
        <v>3.464649361208965E-2</v>
      </c>
    </row>
    <row r="15821" spans="1:7" x14ac:dyDescent="0.3">
      <c r="A15821" s="13" t="s">
        <v>115</v>
      </c>
      <c r="B15821" s="14" t="s">
        <v>1</v>
      </c>
      <c r="C15821" s="14" t="s">
        <v>63</v>
      </c>
      <c r="D15821" s="14" t="s">
        <v>116</v>
      </c>
      <c r="E15821" s="15">
        <v>45502</v>
      </c>
      <c r="F15821" s="14" t="s">
        <v>15</v>
      </c>
      <c r="G15821" s="16">
        <v>4.4866360144395982E-2</v>
      </c>
    </row>
    <row r="15822" spans="1:7" x14ac:dyDescent="0.3">
      <c r="A15822" s="13" t="s">
        <v>115</v>
      </c>
      <c r="B15822" s="14" t="s">
        <v>1</v>
      </c>
      <c r="C15822" s="14" t="s">
        <v>63</v>
      </c>
      <c r="D15822" s="14" t="s">
        <v>116</v>
      </c>
      <c r="E15822" s="15">
        <v>45503</v>
      </c>
      <c r="F15822" s="14" t="s">
        <v>15</v>
      </c>
      <c r="G15822" s="16">
        <v>7.4787509299462901E-2</v>
      </c>
    </row>
    <row r="15823" spans="1:7" x14ac:dyDescent="0.3">
      <c r="A15823" s="13" t="s">
        <v>115</v>
      </c>
      <c r="B15823" s="14" t="s">
        <v>1</v>
      </c>
      <c r="C15823" s="14" t="s">
        <v>63</v>
      </c>
      <c r="D15823" s="14" t="s">
        <v>116</v>
      </c>
      <c r="E15823" s="15">
        <v>45504</v>
      </c>
      <c r="F15823" s="14" t="s">
        <v>15</v>
      </c>
      <c r="G15823" s="16">
        <v>8.5955278090565482E-2</v>
      </c>
    </row>
    <row r="15824" spans="1:7" x14ac:dyDescent="0.3">
      <c r="A15824" s="13" t="s">
        <v>115</v>
      </c>
      <c r="B15824" s="14" t="s">
        <v>1</v>
      </c>
      <c r="C15824" s="14" t="s">
        <v>63</v>
      </c>
      <c r="D15824" s="14" t="s">
        <v>116</v>
      </c>
      <c r="E15824" s="15">
        <v>45505</v>
      </c>
      <c r="F15824" s="14" t="s">
        <v>15</v>
      </c>
      <c r="G15824" s="16">
        <v>8.5955278090565482E-2</v>
      </c>
    </row>
    <row r="15825" spans="1:7" x14ac:dyDescent="0.3">
      <c r="A15825" s="13" t="s">
        <v>115</v>
      </c>
      <c r="B15825" s="14" t="s">
        <v>1</v>
      </c>
      <c r="C15825" s="14" t="s">
        <v>63</v>
      </c>
      <c r="D15825" s="14" t="s">
        <v>116</v>
      </c>
      <c r="E15825" s="15">
        <v>45506</v>
      </c>
      <c r="F15825" s="14" t="s">
        <v>15</v>
      </c>
      <c r="G15825" s="16">
        <v>0.10618538189774046</v>
      </c>
    </row>
    <row r="15826" spans="1:7" x14ac:dyDescent="0.3">
      <c r="A15826" s="13" t="s">
        <v>115</v>
      </c>
      <c r="B15826" s="14" t="s">
        <v>1</v>
      </c>
      <c r="C15826" s="14" t="s">
        <v>63</v>
      </c>
      <c r="D15826" s="14" t="s">
        <v>116</v>
      </c>
      <c r="E15826" s="15">
        <v>45507</v>
      </c>
      <c r="F15826" s="14" t="s">
        <v>15</v>
      </c>
      <c r="G15826" s="16">
        <v>0.10618538189774046</v>
      </c>
    </row>
    <row r="15827" spans="1:7" x14ac:dyDescent="0.3">
      <c r="A15827" s="13" t="s">
        <v>115</v>
      </c>
      <c r="B15827" s="14" t="s">
        <v>1</v>
      </c>
      <c r="C15827" s="14" t="s">
        <v>63</v>
      </c>
      <c r="D15827" s="14" t="s">
        <v>116</v>
      </c>
      <c r="E15827" s="15">
        <v>45508</v>
      </c>
      <c r="F15827" s="14" t="s">
        <v>15</v>
      </c>
      <c r="G15827" s="16">
        <v>0.10618538189774046</v>
      </c>
    </row>
    <row r="15828" spans="1:7" x14ac:dyDescent="0.3">
      <c r="A15828" s="13" t="s">
        <v>115</v>
      </c>
      <c r="B15828" s="14" t="s">
        <v>1</v>
      </c>
      <c r="C15828" s="14" t="s">
        <v>63</v>
      </c>
      <c r="D15828" s="14" t="s">
        <v>116</v>
      </c>
      <c r="E15828" s="15">
        <v>45509</v>
      </c>
      <c r="F15828" s="14" t="s">
        <v>15</v>
      </c>
      <c r="G15828" s="16">
        <v>0.10618538189774046</v>
      </c>
    </row>
    <row r="15829" spans="1:7" x14ac:dyDescent="0.3">
      <c r="A15829" s="13" t="s">
        <v>115</v>
      </c>
      <c r="B15829" s="14" t="s">
        <v>1</v>
      </c>
      <c r="C15829" s="14" t="s">
        <v>63</v>
      </c>
      <c r="D15829" s="14" t="s">
        <v>116</v>
      </c>
      <c r="E15829" s="15">
        <v>45510</v>
      </c>
      <c r="F15829" s="14" t="s">
        <v>15</v>
      </c>
      <c r="G15829" s="16">
        <v>0.11517938172030766</v>
      </c>
    </row>
    <row r="15830" spans="1:7" x14ac:dyDescent="0.3">
      <c r="A15830" s="13" t="s">
        <v>115</v>
      </c>
      <c r="B15830" s="14" t="s">
        <v>1</v>
      </c>
      <c r="C15830" s="14" t="s">
        <v>63</v>
      </c>
      <c r="D15830" s="14" t="s">
        <v>116</v>
      </c>
      <c r="E15830" s="15">
        <v>45511</v>
      </c>
      <c r="F15830" s="14" t="s">
        <v>15</v>
      </c>
      <c r="G15830" s="16">
        <v>0.13919364258317168</v>
      </c>
    </row>
    <row r="15831" spans="1:7" x14ac:dyDescent="0.3">
      <c r="A15831" s="13" t="s">
        <v>115</v>
      </c>
      <c r="B15831" s="14" t="s">
        <v>1</v>
      </c>
      <c r="C15831" s="14" t="s">
        <v>63</v>
      </c>
      <c r="D15831" s="14" t="s">
        <v>116</v>
      </c>
      <c r="E15831" s="15">
        <v>45512</v>
      </c>
      <c r="F15831" s="14" t="s">
        <v>15</v>
      </c>
      <c r="G15831" s="16">
        <v>0.14768045472277741</v>
      </c>
    </row>
    <row r="15832" spans="1:7" x14ac:dyDescent="0.3">
      <c r="A15832" s="13" t="s">
        <v>115</v>
      </c>
      <c r="B15832" s="14" t="s">
        <v>1</v>
      </c>
      <c r="C15832" s="14" t="s">
        <v>63</v>
      </c>
      <c r="D15832" s="14" t="s">
        <v>116</v>
      </c>
      <c r="E15832" s="15">
        <v>45513</v>
      </c>
      <c r="F15832" s="14" t="s">
        <v>15</v>
      </c>
      <c r="G15832" s="16">
        <v>0.14768045472277741</v>
      </c>
    </row>
    <row r="15833" spans="1:7" x14ac:dyDescent="0.3">
      <c r="A15833" s="13" t="s">
        <v>115</v>
      </c>
      <c r="B15833" s="14" t="s">
        <v>1</v>
      </c>
      <c r="C15833" s="14" t="s">
        <v>63</v>
      </c>
      <c r="D15833" s="14" t="s">
        <v>116</v>
      </c>
      <c r="E15833" s="15">
        <v>45514</v>
      </c>
      <c r="F15833" s="14" t="s">
        <v>15</v>
      </c>
      <c r="G15833" s="16">
        <v>0.14768045472277741</v>
      </c>
    </row>
    <row r="15834" spans="1:7" x14ac:dyDescent="0.3">
      <c r="A15834" s="13" t="s">
        <v>115</v>
      </c>
      <c r="B15834" s="14" t="s">
        <v>1</v>
      </c>
      <c r="C15834" s="14" t="s">
        <v>63</v>
      </c>
      <c r="D15834" s="14" t="s">
        <v>116</v>
      </c>
      <c r="E15834" s="15">
        <v>45515</v>
      </c>
      <c r="F15834" s="14" t="s">
        <v>15</v>
      </c>
      <c r="G15834" s="16">
        <v>0.14768045472277741</v>
      </c>
    </row>
    <row r="15835" spans="1:7" x14ac:dyDescent="0.3">
      <c r="A15835" s="13" t="s">
        <v>115</v>
      </c>
      <c r="B15835" s="14" t="s">
        <v>1</v>
      </c>
      <c r="C15835" s="14" t="s">
        <v>63</v>
      </c>
      <c r="D15835" s="14" t="s">
        <v>116</v>
      </c>
      <c r="E15835" s="15">
        <v>45516</v>
      </c>
      <c r="F15835" s="14" t="s">
        <v>15</v>
      </c>
      <c r="G15835" s="16">
        <v>0.16225785095425893</v>
      </c>
    </row>
    <row r="15836" spans="1:7" x14ac:dyDescent="0.3">
      <c r="A15836" s="13" t="s">
        <v>115</v>
      </c>
      <c r="B15836" s="14" t="s">
        <v>1</v>
      </c>
      <c r="C15836" s="14" t="s">
        <v>63</v>
      </c>
      <c r="D15836" s="14" t="s">
        <v>116</v>
      </c>
      <c r="E15836" s="15">
        <v>45517</v>
      </c>
      <c r="F15836" s="14" t="s">
        <v>15</v>
      </c>
      <c r="G15836" s="16">
        <v>0.20223931777164586</v>
      </c>
    </row>
    <row r="15837" spans="1:7" x14ac:dyDescent="0.3">
      <c r="A15837" s="13" t="s">
        <v>115</v>
      </c>
      <c r="B15837" s="14" t="s">
        <v>1</v>
      </c>
      <c r="C15837" s="14" t="s">
        <v>63</v>
      </c>
      <c r="D15837" s="14" t="s">
        <v>116</v>
      </c>
      <c r="E15837" s="15">
        <v>45518</v>
      </c>
      <c r="F15837" s="14" t="s">
        <v>15</v>
      </c>
      <c r="G15837" s="16">
        <v>0.21222855044432928</v>
      </c>
    </row>
    <row r="15838" spans="1:7" x14ac:dyDescent="0.3">
      <c r="A15838" s="13" t="s">
        <v>115</v>
      </c>
      <c r="B15838" s="14" t="s">
        <v>1</v>
      </c>
      <c r="C15838" s="14" t="s">
        <v>63</v>
      </c>
      <c r="D15838" s="14" t="s">
        <v>116</v>
      </c>
      <c r="E15838" s="15">
        <v>45519</v>
      </c>
      <c r="F15838" s="14" t="s">
        <v>15</v>
      </c>
      <c r="G15838" s="16">
        <v>0.22580082122408954</v>
      </c>
    </row>
    <row r="15839" spans="1:7" x14ac:dyDescent="0.3">
      <c r="A15839" s="13" t="s">
        <v>115</v>
      </c>
      <c r="B15839" s="14" t="s">
        <v>1</v>
      </c>
      <c r="C15839" s="14" t="s">
        <v>63</v>
      </c>
      <c r="D15839" s="14" t="s">
        <v>116</v>
      </c>
      <c r="E15839" s="15">
        <v>45520</v>
      </c>
      <c r="F15839" s="14" t="s">
        <v>15</v>
      </c>
      <c r="G15839" s="16">
        <v>0.23885824540713979</v>
      </c>
    </row>
    <row r="15840" spans="1:7" x14ac:dyDescent="0.3">
      <c r="A15840" s="13" t="s">
        <v>115</v>
      </c>
      <c r="B15840" s="14" t="s">
        <v>1</v>
      </c>
      <c r="C15840" s="14" t="s">
        <v>63</v>
      </c>
      <c r="D15840" s="14" t="s">
        <v>116</v>
      </c>
      <c r="E15840" s="15">
        <v>45521</v>
      </c>
      <c r="F15840" s="14" t="s">
        <v>15</v>
      </c>
      <c r="G15840" s="16">
        <v>0.23885824540713979</v>
      </c>
    </row>
    <row r="15841" spans="1:7" x14ac:dyDescent="0.3">
      <c r="A15841" s="13" t="s">
        <v>115</v>
      </c>
      <c r="B15841" s="14" t="s">
        <v>1</v>
      </c>
      <c r="C15841" s="14" t="s">
        <v>63</v>
      </c>
      <c r="D15841" s="14" t="s">
        <v>116</v>
      </c>
      <c r="E15841" s="15">
        <v>45522</v>
      </c>
      <c r="F15841" s="14" t="s">
        <v>15</v>
      </c>
      <c r="G15841" s="16">
        <v>0.23885824540713979</v>
      </c>
    </row>
    <row r="15842" spans="1:7" x14ac:dyDescent="0.3">
      <c r="A15842" s="13" t="s">
        <v>115</v>
      </c>
      <c r="B15842" s="14" t="s">
        <v>1</v>
      </c>
      <c r="C15842" s="14" t="s">
        <v>63</v>
      </c>
      <c r="D15842" s="14" t="s">
        <v>116</v>
      </c>
      <c r="E15842" s="15">
        <v>45523</v>
      </c>
      <c r="F15842" s="14" t="s">
        <v>15</v>
      </c>
      <c r="G15842" s="16">
        <v>0.24978308133532581</v>
      </c>
    </row>
    <row r="15843" spans="1:7" x14ac:dyDescent="0.3">
      <c r="A15843" s="13" t="s">
        <v>115</v>
      </c>
      <c r="B15843" s="14" t="s">
        <v>1</v>
      </c>
      <c r="C15843" s="14" t="s">
        <v>63</v>
      </c>
      <c r="D15843" s="14" t="s">
        <v>116</v>
      </c>
      <c r="E15843" s="15">
        <v>45524</v>
      </c>
      <c r="F15843" s="14" t="s">
        <v>15</v>
      </c>
      <c r="G15843" s="16">
        <v>0.27977504136706871</v>
      </c>
    </row>
    <row r="15844" spans="1:7" x14ac:dyDescent="0.3">
      <c r="A15844" s="13" t="s">
        <v>115</v>
      </c>
      <c r="B15844" s="14" t="s">
        <v>1</v>
      </c>
      <c r="C15844" s="14" t="s">
        <v>63</v>
      </c>
      <c r="D15844" s="14" t="s">
        <v>116</v>
      </c>
      <c r="E15844" s="15">
        <v>45525</v>
      </c>
      <c r="F15844" s="14" t="s">
        <v>15</v>
      </c>
      <c r="G15844" s="16">
        <v>0.28967073360647366</v>
      </c>
    </row>
    <row r="15845" spans="1:7" x14ac:dyDescent="0.3">
      <c r="A15845" s="13" t="s">
        <v>115</v>
      </c>
      <c r="B15845" s="14" t="s">
        <v>1</v>
      </c>
      <c r="C15845" s="14" t="s">
        <v>63</v>
      </c>
      <c r="D15845" s="14" t="s">
        <v>116</v>
      </c>
      <c r="E15845" s="15">
        <v>45526</v>
      </c>
      <c r="F15845" s="14" t="s">
        <v>15</v>
      </c>
      <c r="G15845" s="16">
        <v>0.29955678988952478</v>
      </c>
    </row>
    <row r="15846" spans="1:7" x14ac:dyDescent="0.3">
      <c r="A15846" s="13" t="s">
        <v>115</v>
      </c>
      <c r="B15846" s="14" t="s">
        <v>1</v>
      </c>
      <c r="C15846" s="14" t="s">
        <v>63</v>
      </c>
      <c r="D15846" s="14" t="s">
        <v>116</v>
      </c>
      <c r="E15846" s="15">
        <v>45527</v>
      </c>
      <c r="F15846" s="14" t="s">
        <v>15</v>
      </c>
      <c r="G15846" s="16">
        <v>0.30961804002669013</v>
      </c>
    </row>
    <row r="15847" spans="1:7" x14ac:dyDescent="0.3">
      <c r="A15847" s="13" t="s">
        <v>115</v>
      </c>
      <c r="B15847" s="14" t="s">
        <v>1</v>
      </c>
      <c r="C15847" s="14" t="s">
        <v>63</v>
      </c>
      <c r="D15847" s="14" t="s">
        <v>116</v>
      </c>
      <c r="E15847" s="15">
        <v>45528</v>
      </c>
      <c r="F15847" s="14" t="s">
        <v>15</v>
      </c>
      <c r="G15847" s="16">
        <v>0.30961804002669013</v>
      </c>
    </row>
    <row r="15848" spans="1:7" x14ac:dyDescent="0.3">
      <c r="A15848" s="13" t="s">
        <v>115</v>
      </c>
      <c r="B15848" s="14" t="s">
        <v>1</v>
      </c>
      <c r="C15848" s="14" t="s">
        <v>63</v>
      </c>
      <c r="D15848" s="14" t="s">
        <v>116</v>
      </c>
      <c r="E15848" s="15">
        <v>45529</v>
      </c>
      <c r="F15848" s="14" t="s">
        <v>15</v>
      </c>
      <c r="G15848" s="16">
        <v>0.30961804002669013</v>
      </c>
    </row>
    <row r="15849" spans="1:7" x14ac:dyDescent="0.3">
      <c r="A15849" s="13" t="s">
        <v>115</v>
      </c>
      <c r="B15849" s="14" t="s">
        <v>1</v>
      </c>
      <c r="C15849" s="14" t="s">
        <v>63</v>
      </c>
      <c r="D15849" s="14" t="s">
        <v>116</v>
      </c>
      <c r="E15849" s="15">
        <v>45530</v>
      </c>
      <c r="F15849" s="14" t="s">
        <v>15</v>
      </c>
      <c r="G15849" s="16">
        <v>0.32000690902076273</v>
      </c>
    </row>
    <row r="15850" spans="1:7" x14ac:dyDescent="0.3">
      <c r="A15850" s="13" t="s">
        <v>115</v>
      </c>
      <c r="B15850" s="14" t="s">
        <v>1</v>
      </c>
      <c r="C15850" s="14" t="s">
        <v>63</v>
      </c>
      <c r="D15850" s="14" t="s">
        <v>116</v>
      </c>
      <c r="E15850" s="15">
        <v>45531</v>
      </c>
      <c r="F15850" s="14" t="s">
        <v>15</v>
      </c>
      <c r="G15850" s="16">
        <v>0.34937169520950878</v>
      </c>
    </row>
    <row r="15851" spans="1:7" x14ac:dyDescent="0.3">
      <c r="A15851" s="13" t="s">
        <v>115</v>
      </c>
      <c r="B15851" s="14" t="s">
        <v>1</v>
      </c>
      <c r="C15851" s="14" t="s">
        <v>63</v>
      </c>
      <c r="D15851" s="14" t="s">
        <v>116</v>
      </c>
      <c r="E15851" s="15">
        <v>45532</v>
      </c>
      <c r="F15851" s="14" t="s">
        <v>15</v>
      </c>
      <c r="G15851" s="16">
        <v>0.36133049367184844</v>
      </c>
    </row>
    <row r="15852" spans="1:7" x14ac:dyDescent="0.3">
      <c r="A15852" s="13" t="s">
        <v>115</v>
      </c>
      <c r="B15852" s="14" t="s">
        <v>1</v>
      </c>
      <c r="C15852" s="14" t="s">
        <v>63</v>
      </c>
      <c r="D15852" s="14" t="s">
        <v>116</v>
      </c>
      <c r="E15852" s="15">
        <v>45533</v>
      </c>
      <c r="F15852" s="14" t="s">
        <v>15</v>
      </c>
      <c r="G15852" s="16">
        <v>0.37101731735233395</v>
      </c>
    </row>
    <row r="15853" spans="1:7" x14ac:dyDescent="0.3">
      <c r="A15853" s="13" t="s">
        <v>115</v>
      </c>
      <c r="B15853" s="14" t="s">
        <v>1</v>
      </c>
      <c r="C15853" s="14" t="s">
        <v>63</v>
      </c>
      <c r="D15853" s="14" t="s">
        <v>116</v>
      </c>
      <c r="E15853" s="15">
        <v>45534</v>
      </c>
      <c r="F15853" s="14" t="s">
        <v>15</v>
      </c>
      <c r="G15853" s="16">
        <v>0.38139649459119923</v>
      </c>
    </row>
    <row r="15854" spans="1:7" x14ac:dyDescent="0.3">
      <c r="A15854" s="13" t="s">
        <v>115</v>
      </c>
      <c r="B15854" s="14" t="s">
        <v>1</v>
      </c>
      <c r="C15854" s="14" t="s">
        <v>63</v>
      </c>
      <c r="D15854" s="14" t="s">
        <v>116</v>
      </c>
      <c r="E15854" s="15">
        <v>45535</v>
      </c>
      <c r="F15854" s="14" t="s">
        <v>15</v>
      </c>
      <c r="G15854" s="16">
        <v>0.38139649459119923</v>
      </c>
    </row>
    <row r="15855" spans="1:7" x14ac:dyDescent="0.3">
      <c r="A15855" s="13" t="s">
        <v>115</v>
      </c>
      <c r="B15855" s="14" t="s">
        <v>1</v>
      </c>
      <c r="C15855" s="14" t="s">
        <v>63</v>
      </c>
      <c r="D15855" s="14" t="s">
        <v>116</v>
      </c>
      <c r="E15855" s="15">
        <v>45536</v>
      </c>
      <c r="F15855" s="14" t="s">
        <v>15</v>
      </c>
      <c r="G15855" s="16">
        <v>0.38139649459119923</v>
      </c>
    </row>
    <row r="15856" spans="1:7" x14ac:dyDescent="0.3">
      <c r="A15856" s="13" t="s">
        <v>115</v>
      </c>
      <c r="B15856" s="14" t="s">
        <v>1</v>
      </c>
      <c r="C15856" s="14" t="s">
        <v>63</v>
      </c>
      <c r="D15856" s="14" t="s">
        <v>116</v>
      </c>
      <c r="E15856" s="15">
        <v>45537</v>
      </c>
      <c r="F15856" s="14" t="s">
        <v>15</v>
      </c>
      <c r="G15856" s="16">
        <v>0.39123037090735557</v>
      </c>
    </row>
    <row r="15857" spans="1:7" x14ac:dyDescent="0.3">
      <c r="A15857" s="13" t="s">
        <v>115</v>
      </c>
      <c r="B15857" s="14" t="s">
        <v>1</v>
      </c>
      <c r="C15857" s="14" t="s">
        <v>63</v>
      </c>
      <c r="D15857" s="14" t="s">
        <v>116</v>
      </c>
      <c r="E15857" s="15">
        <v>45538</v>
      </c>
      <c r="F15857" s="14" t="s">
        <v>15</v>
      </c>
      <c r="G15857" s="16">
        <v>0.41015093247303952</v>
      </c>
    </row>
    <row r="15858" spans="1:7" x14ac:dyDescent="0.3">
      <c r="A15858" s="13" t="s">
        <v>115</v>
      </c>
      <c r="B15858" s="14" t="s">
        <v>1</v>
      </c>
      <c r="C15858" s="14" t="s">
        <v>63</v>
      </c>
      <c r="D15858" s="14" t="s">
        <v>116</v>
      </c>
      <c r="E15858" s="15">
        <v>45539</v>
      </c>
      <c r="F15858" s="14" t="s">
        <v>15</v>
      </c>
      <c r="G15858" s="16">
        <v>0.42045284542088818</v>
      </c>
    </row>
    <row r="15859" spans="1:7" x14ac:dyDescent="0.3">
      <c r="A15859" s="13" t="s">
        <v>115</v>
      </c>
      <c r="B15859" s="14" t="s">
        <v>1</v>
      </c>
      <c r="C15859" s="14" t="s">
        <v>63</v>
      </c>
      <c r="D15859" s="14" t="s">
        <v>116</v>
      </c>
      <c r="E15859" s="15">
        <v>45540</v>
      </c>
      <c r="F15859" s="14" t="s">
        <v>15</v>
      </c>
      <c r="G15859" s="16">
        <v>0.43031175074303718</v>
      </c>
    </row>
    <row r="15860" spans="1:7" x14ac:dyDescent="0.3">
      <c r="A15860" s="13" t="s">
        <v>115</v>
      </c>
      <c r="B15860" s="14" t="s">
        <v>1</v>
      </c>
      <c r="C15860" s="14" t="s">
        <v>63</v>
      </c>
      <c r="D15860" s="14" t="s">
        <v>116</v>
      </c>
      <c r="E15860" s="15">
        <v>45541</v>
      </c>
      <c r="F15860" s="14" t="s">
        <v>15</v>
      </c>
      <c r="G15860" s="16">
        <v>0.44016370035220442</v>
      </c>
    </row>
    <row r="15861" spans="1:7" x14ac:dyDescent="0.3">
      <c r="A15861" s="13" t="s">
        <v>115</v>
      </c>
      <c r="B15861" s="14" t="s">
        <v>1</v>
      </c>
      <c r="C15861" s="14" t="s">
        <v>63</v>
      </c>
      <c r="D15861" s="14" t="s">
        <v>116</v>
      </c>
      <c r="E15861" s="15">
        <v>45542</v>
      </c>
      <c r="F15861" s="14" t="s">
        <v>15</v>
      </c>
      <c r="G15861" s="16">
        <v>0.44016370035220442</v>
      </c>
    </row>
    <row r="15862" spans="1:7" x14ac:dyDescent="0.3">
      <c r="A15862" s="13" t="s">
        <v>115</v>
      </c>
      <c r="B15862" s="14" t="s">
        <v>1</v>
      </c>
      <c r="C15862" s="14" t="s">
        <v>63</v>
      </c>
      <c r="D15862" s="14" t="s">
        <v>116</v>
      </c>
      <c r="E15862" s="15">
        <v>45543</v>
      </c>
      <c r="F15862" s="14" t="s">
        <v>15</v>
      </c>
      <c r="G15862" s="16">
        <v>0.44016370035220442</v>
      </c>
    </row>
    <row r="15863" spans="1:7" x14ac:dyDescent="0.3">
      <c r="A15863" s="13" t="s">
        <v>115</v>
      </c>
      <c r="B15863" s="14" t="s">
        <v>1</v>
      </c>
      <c r="C15863" s="14" t="s">
        <v>63</v>
      </c>
      <c r="D15863" s="14" t="s">
        <v>116</v>
      </c>
      <c r="E15863" s="15">
        <v>45544</v>
      </c>
      <c r="F15863" s="14" t="s">
        <v>15</v>
      </c>
      <c r="G15863" s="16">
        <v>0.45228646782383125</v>
      </c>
    </row>
    <row r="15864" spans="1:7" x14ac:dyDescent="0.3">
      <c r="A15864" s="13" t="s">
        <v>115</v>
      </c>
      <c r="B15864" s="14" t="s">
        <v>1</v>
      </c>
      <c r="C15864" s="14" t="s">
        <v>63</v>
      </c>
      <c r="D15864" s="14" t="s">
        <v>116</v>
      </c>
      <c r="E15864" s="15">
        <v>45545</v>
      </c>
      <c r="F15864" s="14" t="s">
        <v>15</v>
      </c>
      <c r="G15864" s="16">
        <v>0.48166999139051264</v>
      </c>
    </row>
    <row r="15865" spans="1:7" x14ac:dyDescent="0.3">
      <c r="A15865" s="13" t="s">
        <v>115</v>
      </c>
      <c r="B15865" s="14" t="s">
        <v>1</v>
      </c>
      <c r="C15865" s="14" t="s">
        <v>63</v>
      </c>
      <c r="D15865" s="14" t="s">
        <v>116</v>
      </c>
      <c r="E15865" s="15">
        <v>45546</v>
      </c>
      <c r="F15865" s="14" t="s">
        <v>15</v>
      </c>
      <c r="G15865" s="16">
        <v>0.49139853354834317</v>
      </c>
    </row>
    <row r="15866" spans="1:7" x14ac:dyDescent="0.3">
      <c r="A15866" s="13" t="s">
        <v>115</v>
      </c>
      <c r="B15866" s="14" t="s">
        <v>1</v>
      </c>
      <c r="C15866" s="14" t="s">
        <v>63</v>
      </c>
      <c r="D15866" s="14" t="s">
        <v>116</v>
      </c>
      <c r="E15866" s="15">
        <v>45547</v>
      </c>
      <c r="F15866" s="14" t="s">
        <v>15</v>
      </c>
      <c r="G15866" s="16">
        <v>0.50112205730379045</v>
      </c>
    </row>
    <row r="15867" spans="1:7" x14ac:dyDescent="0.3">
      <c r="A15867" s="13" t="s">
        <v>115</v>
      </c>
      <c r="B15867" s="14" t="s">
        <v>1</v>
      </c>
      <c r="C15867" s="14" t="s">
        <v>63</v>
      </c>
      <c r="D15867" s="14" t="s">
        <v>116</v>
      </c>
      <c r="E15867" s="15">
        <v>45548</v>
      </c>
      <c r="F15867" s="14" t="s">
        <v>15</v>
      </c>
      <c r="G15867" s="16">
        <v>0.51248440065614109</v>
      </c>
    </row>
    <row r="15868" spans="1:7" x14ac:dyDescent="0.3">
      <c r="A15868" s="13" t="s">
        <v>115</v>
      </c>
      <c r="B15868" s="14" t="s">
        <v>1</v>
      </c>
      <c r="C15868" s="14" t="s">
        <v>63</v>
      </c>
      <c r="D15868" s="14" t="s">
        <v>116</v>
      </c>
      <c r="E15868" s="15">
        <v>45549</v>
      </c>
      <c r="F15868" s="14" t="s">
        <v>15</v>
      </c>
      <c r="G15868" s="16">
        <v>0.51248440065614109</v>
      </c>
    </row>
    <row r="15869" spans="1:7" x14ac:dyDescent="0.3">
      <c r="A15869" s="13" t="s">
        <v>115</v>
      </c>
      <c r="B15869" s="14" t="s">
        <v>1</v>
      </c>
      <c r="C15869" s="14" t="s">
        <v>63</v>
      </c>
      <c r="D15869" s="14" t="s">
        <v>116</v>
      </c>
      <c r="E15869" s="15">
        <v>45550</v>
      </c>
      <c r="F15869" s="14" t="s">
        <v>15</v>
      </c>
      <c r="G15869" s="16">
        <v>0.51248440065614109</v>
      </c>
    </row>
    <row r="15870" spans="1:7" x14ac:dyDescent="0.3">
      <c r="A15870" s="13" t="s">
        <v>115</v>
      </c>
      <c r="B15870" s="14" t="s">
        <v>1</v>
      </c>
      <c r="C15870" s="14" t="s">
        <v>63</v>
      </c>
      <c r="D15870" s="14" t="s">
        <v>116</v>
      </c>
      <c r="E15870" s="15">
        <v>45551</v>
      </c>
      <c r="F15870" s="14" t="s">
        <v>15</v>
      </c>
      <c r="G15870" s="16">
        <v>0.52213537153992262</v>
      </c>
    </row>
    <row r="15871" spans="1:7" x14ac:dyDescent="0.3">
      <c r="A15871" s="13" t="s">
        <v>115</v>
      </c>
      <c r="B15871" s="14" t="s">
        <v>1</v>
      </c>
      <c r="C15871" s="14" t="s">
        <v>63</v>
      </c>
      <c r="D15871" s="14" t="s">
        <v>116</v>
      </c>
      <c r="E15871" s="15">
        <v>45552</v>
      </c>
      <c r="F15871" s="14" t="s">
        <v>15</v>
      </c>
      <c r="G15871" s="16">
        <v>0.55095757318421013</v>
      </c>
    </row>
    <row r="15872" spans="1:7" x14ac:dyDescent="0.3">
      <c r="A15872" s="13" t="s">
        <v>115</v>
      </c>
      <c r="B15872" s="14" t="s">
        <v>1</v>
      </c>
      <c r="C15872" s="14" t="s">
        <v>63</v>
      </c>
      <c r="D15872" s="14" t="s">
        <v>116</v>
      </c>
      <c r="E15872" s="15">
        <v>45553</v>
      </c>
      <c r="F15872" s="14" t="s">
        <v>15</v>
      </c>
      <c r="G15872" s="16">
        <v>0.55095757318421013</v>
      </c>
    </row>
    <row r="15873" spans="1:7" x14ac:dyDescent="0.3">
      <c r="A15873" s="13" t="s">
        <v>115</v>
      </c>
      <c r="B15873" s="14" t="s">
        <v>1</v>
      </c>
      <c r="C15873" s="14" t="s">
        <v>63</v>
      </c>
      <c r="D15873" s="14" t="s">
        <v>116</v>
      </c>
      <c r="E15873" s="15">
        <v>45554</v>
      </c>
      <c r="F15873" s="14" t="s">
        <v>15</v>
      </c>
      <c r="G15873" s="16">
        <v>0.56129583178044085</v>
      </c>
    </row>
    <row r="15874" spans="1:7" x14ac:dyDescent="0.3">
      <c r="A15874" s="13" t="s">
        <v>115</v>
      </c>
      <c r="B15874" s="14" t="s">
        <v>1</v>
      </c>
      <c r="C15874" s="14" t="s">
        <v>63</v>
      </c>
      <c r="D15874" s="14" t="s">
        <v>116</v>
      </c>
      <c r="E15874" s="15">
        <v>45555</v>
      </c>
      <c r="F15874" s="14" t="s">
        <v>15</v>
      </c>
      <c r="G15874" s="16">
        <v>0.58631365649239386</v>
      </c>
    </row>
    <row r="15875" spans="1:7" x14ac:dyDescent="0.3">
      <c r="A15875" s="13" t="s">
        <v>115</v>
      </c>
      <c r="B15875" s="14" t="s">
        <v>1</v>
      </c>
      <c r="C15875" s="14" t="s">
        <v>63</v>
      </c>
      <c r="D15875" s="14" t="s">
        <v>116</v>
      </c>
      <c r="E15875" s="15">
        <v>45556</v>
      </c>
      <c r="F15875" s="14" t="s">
        <v>15</v>
      </c>
      <c r="G15875" s="16">
        <v>0.58631365649239386</v>
      </c>
    </row>
    <row r="15876" spans="1:7" x14ac:dyDescent="0.3">
      <c r="A15876" s="13" t="s">
        <v>115</v>
      </c>
      <c r="B15876" s="14" t="s">
        <v>1</v>
      </c>
      <c r="C15876" s="14" t="s">
        <v>63</v>
      </c>
      <c r="D15876" s="14" t="s">
        <v>116</v>
      </c>
      <c r="E15876" s="15">
        <v>45557</v>
      </c>
      <c r="F15876" s="14" t="s">
        <v>15</v>
      </c>
      <c r="G15876" s="16">
        <v>0.58631365649239386</v>
      </c>
    </row>
    <row r="15877" spans="1:7" x14ac:dyDescent="0.3">
      <c r="A15877" s="13" t="s">
        <v>115</v>
      </c>
      <c r="B15877" s="14" t="s">
        <v>1</v>
      </c>
      <c r="C15877" s="14" t="s">
        <v>63</v>
      </c>
      <c r="D15877" s="14" t="s">
        <v>116</v>
      </c>
      <c r="E15877" s="15">
        <v>45558</v>
      </c>
      <c r="F15877" s="14" t="s">
        <v>15</v>
      </c>
      <c r="G15877" s="16">
        <v>0.59600033972801936</v>
      </c>
    </row>
    <row r="15878" spans="1:7" x14ac:dyDescent="0.3">
      <c r="A15878" s="13" t="s">
        <v>115</v>
      </c>
      <c r="B15878" s="14" t="s">
        <v>1</v>
      </c>
      <c r="C15878" s="14" t="s">
        <v>63</v>
      </c>
      <c r="D15878" s="14" t="s">
        <v>116</v>
      </c>
      <c r="E15878" s="15">
        <v>45559</v>
      </c>
      <c r="F15878" s="14" t="s">
        <v>15</v>
      </c>
      <c r="G15878" s="16">
        <v>0.62431698596011853</v>
      </c>
    </row>
    <row r="15879" spans="1:7" x14ac:dyDescent="0.3">
      <c r="A15879" s="13" t="s">
        <v>115</v>
      </c>
      <c r="B15879" s="14" t="s">
        <v>1</v>
      </c>
      <c r="C15879" s="14" t="s">
        <v>63</v>
      </c>
      <c r="D15879" s="14" t="s">
        <v>116</v>
      </c>
      <c r="E15879" s="15">
        <v>45560</v>
      </c>
      <c r="F15879" s="14" t="s">
        <v>15</v>
      </c>
      <c r="G15879" s="16">
        <v>0.63455254236803971</v>
      </c>
    </row>
    <row r="15880" spans="1:7" x14ac:dyDescent="0.3">
      <c r="A15880" s="13" t="s">
        <v>115</v>
      </c>
      <c r="B15880" s="14" t="s">
        <v>1</v>
      </c>
      <c r="C15880" s="14" t="s">
        <v>63</v>
      </c>
      <c r="D15880" s="14" t="s">
        <v>116</v>
      </c>
      <c r="E15880" s="15">
        <v>45561</v>
      </c>
      <c r="F15880" s="14" t="s">
        <v>15</v>
      </c>
      <c r="G15880" s="16">
        <v>0.64435140051275275</v>
      </c>
    </row>
    <row r="15881" spans="1:7" x14ac:dyDescent="0.3">
      <c r="A15881" s="13" t="s">
        <v>115</v>
      </c>
      <c r="B15881" s="14" t="s">
        <v>1</v>
      </c>
      <c r="C15881" s="14" t="s">
        <v>63</v>
      </c>
      <c r="D15881" s="14" t="s">
        <v>116</v>
      </c>
      <c r="E15881" s="15">
        <v>45562</v>
      </c>
      <c r="F15881" s="14" t="s">
        <v>15</v>
      </c>
      <c r="G15881" s="16">
        <v>0.65823140631659149</v>
      </c>
    </row>
    <row r="15882" spans="1:7" x14ac:dyDescent="0.3">
      <c r="A15882" s="13" t="s">
        <v>115</v>
      </c>
      <c r="B15882" s="14" t="s">
        <v>1</v>
      </c>
      <c r="C15882" s="14" t="s">
        <v>63</v>
      </c>
      <c r="D15882" s="14" t="s">
        <v>116</v>
      </c>
      <c r="E15882" s="15">
        <v>45563</v>
      </c>
      <c r="F15882" s="14" t="s">
        <v>15</v>
      </c>
      <c r="G15882" s="16">
        <v>0.65823140631659149</v>
      </c>
    </row>
    <row r="15883" spans="1:7" x14ac:dyDescent="0.3">
      <c r="A15883" s="13" t="s">
        <v>115</v>
      </c>
      <c r="B15883" s="14" t="s">
        <v>1</v>
      </c>
      <c r="C15883" s="14" t="s">
        <v>63</v>
      </c>
      <c r="D15883" s="14" t="s">
        <v>116</v>
      </c>
      <c r="E15883" s="15">
        <v>45564</v>
      </c>
      <c r="F15883" s="14" t="s">
        <v>15</v>
      </c>
      <c r="G15883" s="16">
        <v>0.65823140631659149</v>
      </c>
    </row>
    <row r="15884" spans="1:7" x14ac:dyDescent="0.3">
      <c r="A15884" s="13" t="s">
        <v>115</v>
      </c>
      <c r="B15884" s="14" t="s">
        <v>1</v>
      </c>
      <c r="C15884" s="14" t="s">
        <v>63</v>
      </c>
      <c r="D15884" s="14" t="s">
        <v>116</v>
      </c>
      <c r="E15884" s="15">
        <v>45565</v>
      </c>
      <c r="F15884" s="14" t="s">
        <v>15</v>
      </c>
      <c r="G15884" s="16">
        <v>0.66883418140123552</v>
      </c>
    </row>
    <row r="15885" spans="1:7" x14ac:dyDescent="0.3">
      <c r="A15885" s="13" t="s">
        <v>115</v>
      </c>
      <c r="B15885" s="14" t="s">
        <v>1</v>
      </c>
      <c r="C15885" s="14" t="s">
        <v>63</v>
      </c>
      <c r="D15885" s="14" t="s">
        <v>116</v>
      </c>
      <c r="E15885" s="15">
        <v>45566</v>
      </c>
      <c r="F15885" s="14" t="s">
        <v>15</v>
      </c>
      <c r="G15885" s="16">
        <v>0.66883418140123552</v>
      </c>
    </row>
    <row r="15886" spans="1:7" x14ac:dyDescent="0.3">
      <c r="A15886" s="13" t="s">
        <v>115</v>
      </c>
      <c r="B15886" s="14" t="s">
        <v>1</v>
      </c>
      <c r="C15886" s="14" t="s">
        <v>63</v>
      </c>
      <c r="D15886" s="14" t="s">
        <v>116</v>
      </c>
      <c r="E15886" s="15">
        <v>45567</v>
      </c>
      <c r="F15886" s="14" t="s">
        <v>15</v>
      </c>
      <c r="G15886" s="16">
        <v>0</v>
      </c>
    </row>
    <row r="15887" spans="1:7" x14ac:dyDescent="0.3">
      <c r="A15887" s="13" t="s">
        <v>115</v>
      </c>
      <c r="B15887" s="14" t="s">
        <v>1</v>
      </c>
      <c r="C15887" s="14" t="s">
        <v>63</v>
      </c>
      <c r="D15887" s="14" t="s">
        <v>116</v>
      </c>
      <c r="E15887" s="15">
        <v>45568</v>
      </c>
      <c r="F15887" s="14" t="s">
        <v>15</v>
      </c>
      <c r="G15887" s="16">
        <v>0</v>
      </c>
    </row>
    <row r="15888" spans="1:7" x14ac:dyDescent="0.3">
      <c r="A15888" s="13" t="s">
        <v>115</v>
      </c>
      <c r="B15888" s="14" t="s">
        <v>1</v>
      </c>
      <c r="C15888" s="14" t="s">
        <v>63</v>
      </c>
      <c r="D15888" s="14" t="s">
        <v>116</v>
      </c>
      <c r="E15888" s="15">
        <v>45569</v>
      </c>
      <c r="F15888" s="14" t="s">
        <v>15</v>
      </c>
      <c r="G15888" s="16">
        <v>0</v>
      </c>
    </row>
    <row r="15889" spans="1:7" x14ac:dyDescent="0.3">
      <c r="A15889" s="13" t="s">
        <v>115</v>
      </c>
      <c r="B15889" s="14" t="s">
        <v>1</v>
      </c>
      <c r="C15889" s="14" t="s">
        <v>63</v>
      </c>
      <c r="D15889" s="14" t="s">
        <v>116</v>
      </c>
      <c r="E15889" s="15">
        <v>45570</v>
      </c>
      <c r="F15889" s="14" t="s">
        <v>15</v>
      </c>
      <c r="G15889" s="16">
        <v>0</v>
      </c>
    </row>
    <row r="15890" spans="1:7" x14ac:dyDescent="0.3">
      <c r="A15890" s="13" t="s">
        <v>115</v>
      </c>
      <c r="B15890" s="14" t="s">
        <v>1</v>
      </c>
      <c r="C15890" s="14" t="s">
        <v>63</v>
      </c>
      <c r="D15890" s="14" t="s">
        <v>116</v>
      </c>
      <c r="E15890" s="15">
        <v>45571</v>
      </c>
      <c r="F15890" s="14" t="s">
        <v>15</v>
      </c>
      <c r="G15890" s="16">
        <v>0</v>
      </c>
    </row>
    <row r="15891" spans="1:7" x14ac:dyDescent="0.3">
      <c r="A15891" s="13" t="s">
        <v>115</v>
      </c>
      <c r="B15891" s="14" t="s">
        <v>1</v>
      </c>
      <c r="C15891" s="14" t="s">
        <v>63</v>
      </c>
      <c r="D15891" s="14" t="s">
        <v>116</v>
      </c>
      <c r="E15891" s="15">
        <v>45572</v>
      </c>
      <c r="F15891" s="14" t="s">
        <v>15</v>
      </c>
      <c r="G15891" s="16">
        <v>0</v>
      </c>
    </row>
    <row r="15892" spans="1:7" x14ac:dyDescent="0.3">
      <c r="A15892" s="13" t="s">
        <v>115</v>
      </c>
      <c r="B15892" s="14" t="s">
        <v>1</v>
      </c>
      <c r="C15892" s="14" t="s">
        <v>63</v>
      </c>
      <c r="D15892" s="14" t="s">
        <v>116</v>
      </c>
      <c r="E15892" s="15">
        <v>45573</v>
      </c>
      <c r="F15892" s="14" t="s">
        <v>15</v>
      </c>
      <c r="G15892" s="16">
        <v>0</v>
      </c>
    </row>
    <row r="15893" spans="1:7" x14ac:dyDescent="0.3">
      <c r="A15893" s="13" t="s">
        <v>115</v>
      </c>
      <c r="B15893" s="14" t="s">
        <v>1</v>
      </c>
      <c r="C15893" s="14" t="s">
        <v>63</v>
      </c>
      <c r="D15893" s="14" t="s">
        <v>116</v>
      </c>
      <c r="E15893" s="15">
        <v>45574</v>
      </c>
      <c r="F15893" s="14" t="s">
        <v>15</v>
      </c>
      <c r="G15893" s="16">
        <v>0</v>
      </c>
    </row>
    <row r="15894" spans="1:7" x14ac:dyDescent="0.3">
      <c r="A15894" s="13" t="s">
        <v>115</v>
      </c>
      <c r="B15894" s="14" t="s">
        <v>1</v>
      </c>
      <c r="C15894" s="14" t="s">
        <v>63</v>
      </c>
      <c r="D15894" s="14" t="s">
        <v>116</v>
      </c>
      <c r="E15894" s="15">
        <v>45575</v>
      </c>
      <c r="F15894" s="14" t="s">
        <v>15</v>
      </c>
      <c r="G15894" s="16">
        <v>0</v>
      </c>
    </row>
    <row r="15895" spans="1:7" x14ac:dyDescent="0.3">
      <c r="A15895" s="13" t="s">
        <v>115</v>
      </c>
      <c r="B15895" s="14" t="s">
        <v>1</v>
      </c>
      <c r="C15895" s="14" t="s">
        <v>63</v>
      </c>
      <c r="D15895" s="14" t="s">
        <v>116</v>
      </c>
      <c r="E15895" s="15">
        <v>45576</v>
      </c>
      <c r="F15895" s="14" t="s">
        <v>15</v>
      </c>
      <c r="G15895" s="16">
        <v>0</v>
      </c>
    </row>
    <row r="15896" spans="1:7" x14ac:dyDescent="0.3">
      <c r="A15896" s="13" t="s">
        <v>115</v>
      </c>
      <c r="B15896" s="14" t="s">
        <v>1</v>
      </c>
      <c r="C15896" s="14" t="s">
        <v>63</v>
      </c>
      <c r="D15896" s="14" t="s">
        <v>116</v>
      </c>
      <c r="E15896" s="15">
        <v>45577</v>
      </c>
      <c r="F15896" s="14" t="s">
        <v>15</v>
      </c>
      <c r="G15896" s="16">
        <v>0</v>
      </c>
    </row>
    <row r="15897" spans="1:7" x14ac:dyDescent="0.3">
      <c r="A15897" s="13" t="s">
        <v>115</v>
      </c>
      <c r="B15897" s="14" t="s">
        <v>1</v>
      </c>
      <c r="C15897" s="14" t="s">
        <v>63</v>
      </c>
      <c r="D15897" s="14" t="s">
        <v>116</v>
      </c>
      <c r="E15897" s="15">
        <v>45578</v>
      </c>
      <c r="F15897" s="14" t="s">
        <v>15</v>
      </c>
      <c r="G15897" s="16">
        <v>0</v>
      </c>
    </row>
    <row r="15898" spans="1:7" x14ac:dyDescent="0.3">
      <c r="A15898" s="13" t="s">
        <v>115</v>
      </c>
      <c r="B15898" s="14" t="s">
        <v>1</v>
      </c>
      <c r="C15898" s="14" t="s">
        <v>63</v>
      </c>
      <c r="D15898" s="14" t="s">
        <v>116</v>
      </c>
      <c r="E15898" s="15">
        <v>45579</v>
      </c>
      <c r="F15898" s="14" t="s">
        <v>15</v>
      </c>
      <c r="G15898" s="16">
        <v>0</v>
      </c>
    </row>
    <row r="15899" spans="1:7" x14ac:dyDescent="0.3">
      <c r="A15899" s="13" t="s">
        <v>115</v>
      </c>
      <c r="B15899" s="14" t="s">
        <v>1</v>
      </c>
      <c r="C15899" s="14" t="s">
        <v>63</v>
      </c>
      <c r="D15899" s="14" t="s">
        <v>116</v>
      </c>
      <c r="E15899" s="15">
        <v>45580</v>
      </c>
      <c r="F15899" s="14" t="s">
        <v>15</v>
      </c>
      <c r="G15899" s="16">
        <v>0</v>
      </c>
    </row>
    <row r="15900" spans="1:7" x14ac:dyDescent="0.3">
      <c r="A15900" s="13" t="s">
        <v>115</v>
      </c>
      <c r="B15900" s="14" t="s">
        <v>1</v>
      </c>
      <c r="C15900" s="14" t="s">
        <v>63</v>
      </c>
      <c r="D15900" s="14" t="s">
        <v>116</v>
      </c>
      <c r="E15900" s="15">
        <v>45581</v>
      </c>
      <c r="F15900" s="14" t="s">
        <v>15</v>
      </c>
      <c r="G15900" s="16">
        <v>0</v>
      </c>
    </row>
    <row r="15901" spans="1:7" x14ac:dyDescent="0.3">
      <c r="A15901" s="13" t="s">
        <v>115</v>
      </c>
      <c r="B15901" s="14" t="s">
        <v>1</v>
      </c>
      <c r="C15901" s="14" t="s">
        <v>63</v>
      </c>
      <c r="D15901" s="14" t="s">
        <v>116</v>
      </c>
      <c r="E15901" s="15">
        <v>45582</v>
      </c>
      <c r="F15901" s="14" t="s">
        <v>15</v>
      </c>
      <c r="G15901" s="16">
        <v>0</v>
      </c>
    </row>
    <row r="15902" spans="1:7" x14ac:dyDescent="0.3">
      <c r="A15902" s="13" t="s">
        <v>115</v>
      </c>
      <c r="B15902" s="14" t="s">
        <v>1</v>
      </c>
      <c r="C15902" s="14" t="s">
        <v>63</v>
      </c>
      <c r="D15902" s="14" t="s">
        <v>116</v>
      </c>
      <c r="E15902" s="15">
        <v>45583</v>
      </c>
      <c r="F15902" s="14" t="s">
        <v>15</v>
      </c>
      <c r="G15902" s="16">
        <v>0</v>
      </c>
    </row>
    <row r="15903" spans="1:7" x14ac:dyDescent="0.3">
      <c r="A15903" s="13" t="s">
        <v>115</v>
      </c>
      <c r="B15903" s="14" t="s">
        <v>1</v>
      </c>
      <c r="C15903" s="14" t="s">
        <v>63</v>
      </c>
      <c r="D15903" s="14" t="s">
        <v>116</v>
      </c>
      <c r="E15903" s="15">
        <v>45584</v>
      </c>
      <c r="F15903" s="14" t="s">
        <v>15</v>
      </c>
      <c r="G15903" s="16">
        <v>0</v>
      </c>
    </row>
    <row r="15904" spans="1:7" x14ac:dyDescent="0.3">
      <c r="A15904" s="13" t="s">
        <v>115</v>
      </c>
      <c r="B15904" s="14" t="s">
        <v>1</v>
      </c>
      <c r="C15904" s="14" t="s">
        <v>63</v>
      </c>
      <c r="D15904" s="14" t="s">
        <v>116</v>
      </c>
      <c r="E15904" s="15">
        <v>45585</v>
      </c>
      <c r="F15904" s="14" t="s">
        <v>15</v>
      </c>
      <c r="G15904" s="16">
        <v>0</v>
      </c>
    </row>
    <row r="15905" spans="1:7" x14ac:dyDescent="0.3">
      <c r="A15905" s="13" t="s">
        <v>115</v>
      </c>
      <c r="B15905" s="14" t="s">
        <v>1</v>
      </c>
      <c r="C15905" s="14" t="s">
        <v>63</v>
      </c>
      <c r="D15905" s="14" t="s">
        <v>116</v>
      </c>
      <c r="E15905" s="15">
        <v>45586</v>
      </c>
      <c r="F15905" s="14" t="s">
        <v>15</v>
      </c>
      <c r="G15905" s="16">
        <v>0</v>
      </c>
    </row>
    <row r="15906" spans="1:7" x14ac:dyDescent="0.3">
      <c r="A15906" s="13" t="s">
        <v>115</v>
      </c>
      <c r="B15906" s="14" t="s">
        <v>1</v>
      </c>
      <c r="C15906" s="14" t="s">
        <v>63</v>
      </c>
      <c r="D15906" s="14" t="s">
        <v>116</v>
      </c>
      <c r="E15906" s="15">
        <v>45587</v>
      </c>
      <c r="F15906" s="14" t="s">
        <v>15</v>
      </c>
      <c r="G15906" s="16">
        <v>0</v>
      </c>
    </row>
    <row r="15907" spans="1:7" x14ac:dyDescent="0.3">
      <c r="A15907" s="13" t="s">
        <v>115</v>
      </c>
      <c r="B15907" s="14" t="s">
        <v>1</v>
      </c>
      <c r="C15907" s="14" t="s">
        <v>63</v>
      </c>
      <c r="D15907" s="14" t="s">
        <v>116</v>
      </c>
      <c r="E15907" s="15">
        <v>45588</v>
      </c>
      <c r="F15907" s="14" t="s">
        <v>15</v>
      </c>
      <c r="G15907" s="16">
        <v>0</v>
      </c>
    </row>
    <row r="15908" spans="1:7" x14ac:dyDescent="0.3">
      <c r="A15908" s="13" t="s">
        <v>115</v>
      </c>
      <c r="B15908" s="14" t="s">
        <v>1</v>
      </c>
      <c r="C15908" s="14" t="s">
        <v>63</v>
      </c>
      <c r="D15908" s="14" t="s">
        <v>116</v>
      </c>
      <c r="E15908" s="15">
        <v>45589</v>
      </c>
      <c r="F15908" s="14" t="s">
        <v>15</v>
      </c>
      <c r="G15908" s="16">
        <v>0</v>
      </c>
    </row>
    <row r="15909" spans="1:7" x14ac:dyDescent="0.3">
      <c r="A15909" s="13" t="s">
        <v>115</v>
      </c>
      <c r="B15909" s="14" t="s">
        <v>1</v>
      </c>
      <c r="C15909" s="14" t="s">
        <v>63</v>
      </c>
      <c r="D15909" s="14" t="s">
        <v>116</v>
      </c>
      <c r="E15909" s="15">
        <v>45590</v>
      </c>
      <c r="F15909" s="14" t="s">
        <v>15</v>
      </c>
      <c r="G15909" s="16">
        <v>0</v>
      </c>
    </row>
    <row r="15910" spans="1:7" x14ac:dyDescent="0.3">
      <c r="A15910" s="13" t="s">
        <v>115</v>
      </c>
      <c r="B15910" s="14" t="s">
        <v>1</v>
      </c>
      <c r="C15910" s="14" t="s">
        <v>63</v>
      </c>
      <c r="D15910" s="14" t="s">
        <v>116</v>
      </c>
      <c r="E15910" s="15">
        <v>45591</v>
      </c>
      <c r="F15910" s="14" t="s">
        <v>15</v>
      </c>
      <c r="G15910" s="16">
        <v>0</v>
      </c>
    </row>
    <row r="15911" spans="1:7" x14ac:dyDescent="0.3">
      <c r="A15911" s="13" t="s">
        <v>115</v>
      </c>
      <c r="B15911" s="14" t="s">
        <v>1</v>
      </c>
      <c r="C15911" s="14" t="s">
        <v>63</v>
      </c>
      <c r="D15911" s="14" t="s">
        <v>116</v>
      </c>
      <c r="E15911" s="15">
        <v>45592</v>
      </c>
      <c r="F15911" s="14" t="s">
        <v>15</v>
      </c>
      <c r="G15911" s="16">
        <v>0</v>
      </c>
    </row>
    <row r="15912" spans="1:7" x14ac:dyDescent="0.3">
      <c r="A15912" s="13" t="s">
        <v>115</v>
      </c>
      <c r="B15912" s="14" t="s">
        <v>1</v>
      </c>
      <c r="C15912" s="14" t="s">
        <v>63</v>
      </c>
      <c r="D15912" s="14" t="s">
        <v>116</v>
      </c>
      <c r="E15912" s="15">
        <v>45593</v>
      </c>
      <c r="F15912" s="14" t="s">
        <v>15</v>
      </c>
      <c r="G15912" s="16">
        <v>0</v>
      </c>
    </row>
    <row r="15913" spans="1:7" x14ac:dyDescent="0.3">
      <c r="A15913" s="13" t="s">
        <v>115</v>
      </c>
      <c r="B15913" s="14" t="s">
        <v>1</v>
      </c>
      <c r="C15913" s="14" t="s">
        <v>63</v>
      </c>
      <c r="D15913" s="14" t="s">
        <v>116</v>
      </c>
      <c r="E15913" s="15">
        <v>45594</v>
      </c>
      <c r="F15913" s="14" t="s">
        <v>15</v>
      </c>
      <c r="G15913" s="16">
        <v>0</v>
      </c>
    </row>
    <row r="15914" spans="1:7" x14ac:dyDescent="0.3">
      <c r="A15914" s="13" t="s">
        <v>115</v>
      </c>
      <c r="B15914" s="14" t="s">
        <v>1</v>
      </c>
      <c r="C15914" s="14" t="s">
        <v>63</v>
      </c>
      <c r="D15914" s="14" t="s">
        <v>116</v>
      </c>
      <c r="E15914" s="15">
        <v>45595</v>
      </c>
      <c r="F15914" s="14" t="s">
        <v>15</v>
      </c>
      <c r="G15914" s="16">
        <v>0</v>
      </c>
    </row>
    <row r="15915" spans="1:7" x14ac:dyDescent="0.3">
      <c r="A15915" s="13" t="s">
        <v>115</v>
      </c>
      <c r="B15915" s="14" t="s">
        <v>1</v>
      </c>
      <c r="C15915" s="14" t="s">
        <v>63</v>
      </c>
      <c r="D15915" s="14" t="s">
        <v>116</v>
      </c>
      <c r="E15915" s="15">
        <v>45596</v>
      </c>
      <c r="F15915" s="14" t="s">
        <v>15</v>
      </c>
      <c r="G15915" s="16">
        <v>0</v>
      </c>
    </row>
    <row r="15916" spans="1:7" x14ac:dyDescent="0.3">
      <c r="A15916" s="13" t="s">
        <v>115</v>
      </c>
      <c r="B15916" s="14" t="s">
        <v>1</v>
      </c>
      <c r="C15916" s="14" t="s">
        <v>63</v>
      </c>
      <c r="D15916" s="14" t="s">
        <v>116</v>
      </c>
      <c r="E15916" s="15">
        <v>45597</v>
      </c>
      <c r="F15916" s="14" t="s">
        <v>15</v>
      </c>
      <c r="G15916" s="16">
        <v>0</v>
      </c>
    </row>
    <row r="15917" spans="1:7" x14ac:dyDescent="0.3">
      <c r="A15917" s="13" t="s">
        <v>115</v>
      </c>
      <c r="B15917" s="14" t="s">
        <v>1</v>
      </c>
      <c r="C15917" s="14" t="s">
        <v>63</v>
      </c>
      <c r="D15917" s="14" t="s">
        <v>116</v>
      </c>
      <c r="E15917" s="15">
        <v>45598</v>
      </c>
      <c r="F15917" s="14" t="s">
        <v>15</v>
      </c>
      <c r="G15917" s="16">
        <v>0</v>
      </c>
    </row>
    <row r="15918" spans="1:7" x14ac:dyDescent="0.3">
      <c r="A15918" s="13" t="s">
        <v>115</v>
      </c>
      <c r="B15918" s="14" t="s">
        <v>1</v>
      </c>
      <c r="C15918" s="14" t="s">
        <v>63</v>
      </c>
      <c r="D15918" s="14" t="s">
        <v>116</v>
      </c>
      <c r="E15918" s="15">
        <v>45599</v>
      </c>
      <c r="F15918" s="14" t="s">
        <v>15</v>
      </c>
      <c r="G15918" s="16">
        <v>0</v>
      </c>
    </row>
    <row r="15919" spans="1:7" x14ac:dyDescent="0.3">
      <c r="A15919" s="13" t="s">
        <v>115</v>
      </c>
      <c r="B15919" s="14" t="s">
        <v>1</v>
      </c>
      <c r="C15919" s="14" t="s">
        <v>63</v>
      </c>
      <c r="D15919" s="14" t="s">
        <v>116</v>
      </c>
      <c r="E15919" s="15">
        <v>45600</v>
      </c>
      <c r="F15919" s="14" t="s">
        <v>15</v>
      </c>
      <c r="G15919" s="16">
        <v>0</v>
      </c>
    </row>
    <row r="15920" spans="1:7" x14ac:dyDescent="0.3">
      <c r="A15920" s="13" t="s">
        <v>115</v>
      </c>
      <c r="B15920" s="14" t="s">
        <v>1</v>
      </c>
      <c r="C15920" s="14" t="s">
        <v>63</v>
      </c>
      <c r="D15920" s="14" t="s">
        <v>116</v>
      </c>
      <c r="E15920" s="15">
        <v>45601</v>
      </c>
      <c r="F15920" s="14" t="s">
        <v>15</v>
      </c>
      <c r="G15920" s="16">
        <v>0</v>
      </c>
    </row>
    <row r="15921" spans="1:7" x14ac:dyDescent="0.3">
      <c r="A15921" s="13" t="s">
        <v>115</v>
      </c>
      <c r="B15921" s="14" t="s">
        <v>1</v>
      </c>
      <c r="C15921" s="14" t="s">
        <v>63</v>
      </c>
      <c r="D15921" s="14" t="s">
        <v>116</v>
      </c>
      <c r="E15921" s="15">
        <v>45602</v>
      </c>
      <c r="F15921" s="14" t="s">
        <v>15</v>
      </c>
      <c r="G15921" s="16">
        <v>0</v>
      </c>
    </row>
    <row r="15922" spans="1:7" x14ac:dyDescent="0.3">
      <c r="A15922" s="13" t="s">
        <v>115</v>
      </c>
      <c r="B15922" s="14" t="s">
        <v>1</v>
      </c>
      <c r="C15922" s="14" t="s">
        <v>63</v>
      </c>
      <c r="D15922" s="14" t="s">
        <v>116</v>
      </c>
      <c r="E15922" s="15">
        <v>45603</v>
      </c>
      <c r="F15922" s="14" t="s">
        <v>15</v>
      </c>
      <c r="G15922" s="16">
        <v>0</v>
      </c>
    </row>
    <row r="15923" spans="1:7" x14ac:dyDescent="0.3">
      <c r="A15923" s="13" t="s">
        <v>115</v>
      </c>
      <c r="B15923" s="14" t="s">
        <v>1</v>
      </c>
      <c r="C15923" s="14" t="s">
        <v>63</v>
      </c>
      <c r="D15923" s="14" t="s">
        <v>116</v>
      </c>
      <c r="E15923" s="15">
        <v>45604</v>
      </c>
      <c r="F15923" s="14" t="s">
        <v>15</v>
      </c>
      <c r="G15923" s="16">
        <v>0</v>
      </c>
    </row>
    <row r="15924" spans="1:7" x14ac:dyDescent="0.3">
      <c r="A15924" s="13" t="s">
        <v>115</v>
      </c>
      <c r="B15924" s="14" t="s">
        <v>1</v>
      </c>
      <c r="C15924" s="14" t="s">
        <v>63</v>
      </c>
      <c r="D15924" s="14" t="s">
        <v>116</v>
      </c>
      <c r="E15924" s="15">
        <v>45605</v>
      </c>
      <c r="F15924" s="14" t="s">
        <v>15</v>
      </c>
      <c r="G15924" s="16">
        <v>0</v>
      </c>
    </row>
    <row r="15925" spans="1:7" x14ac:dyDescent="0.3">
      <c r="A15925" s="13" t="s">
        <v>115</v>
      </c>
      <c r="B15925" s="14" t="s">
        <v>1</v>
      </c>
      <c r="C15925" s="14" t="s">
        <v>63</v>
      </c>
      <c r="D15925" s="14" t="s">
        <v>116</v>
      </c>
      <c r="E15925" s="15">
        <v>45606</v>
      </c>
      <c r="F15925" s="14" t="s">
        <v>15</v>
      </c>
      <c r="G15925" s="16">
        <v>0</v>
      </c>
    </row>
    <row r="15926" spans="1:7" x14ac:dyDescent="0.3">
      <c r="A15926" s="13" t="s">
        <v>115</v>
      </c>
      <c r="B15926" s="14" t="s">
        <v>1</v>
      </c>
      <c r="C15926" s="14" t="s">
        <v>63</v>
      </c>
      <c r="D15926" s="14" t="s">
        <v>116</v>
      </c>
      <c r="E15926" s="15">
        <v>45607</v>
      </c>
      <c r="F15926" s="14" t="s">
        <v>15</v>
      </c>
      <c r="G15926" s="16">
        <v>0</v>
      </c>
    </row>
    <row r="15927" spans="1:7" x14ac:dyDescent="0.3">
      <c r="A15927" s="13" t="s">
        <v>115</v>
      </c>
      <c r="B15927" s="14" t="s">
        <v>1</v>
      </c>
      <c r="C15927" s="14" t="s">
        <v>63</v>
      </c>
      <c r="D15927" s="14" t="s">
        <v>116</v>
      </c>
      <c r="E15927" s="15">
        <v>45608</v>
      </c>
      <c r="F15927" s="14" t="s">
        <v>15</v>
      </c>
      <c r="G15927" s="16">
        <v>0</v>
      </c>
    </row>
    <row r="15928" spans="1:7" x14ac:dyDescent="0.3">
      <c r="A15928" s="13" t="s">
        <v>115</v>
      </c>
      <c r="B15928" s="14" t="s">
        <v>1</v>
      </c>
      <c r="C15928" s="14" t="s">
        <v>63</v>
      </c>
      <c r="D15928" s="14" t="s">
        <v>116</v>
      </c>
      <c r="E15928" s="15">
        <v>45609</v>
      </c>
      <c r="F15928" s="14" t="s">
        <v>15</v>
      </c>
      <c r="G15928" s="16">
        <v>0</v>
      </c>
    </row>
    <row r="15929" spans="1:7" x14ac:dyDescent="0.3">
      <c r="A15929" s="13" t="s">
        <v>115</v>
      </c>
      <c r="B15929" s="14" t="s">
        <v>1</v>
      </c>
      <c r="C15929" s="14" t="s">
        <v>63</v>
      </c>
      <c r="D15929" s="14" t="s">
        <v>116</v>
      </c>
      <c r="E15929" s="15">
        <v>45610</v>
      </c>
      <c r="F15929" s="14" t="s">
        <v>15</v>
      </c>
      <c r="G15929" s="16">
        <v>0</v>
      </c>
    </row>
    <row r="15930" spans="1:7" x14ac:dyDescent="0.3">
      <c r="A15930" s="13" t="s">
        <v>115</v>
      </c>
      <c r="B15930" s="14" t="s">
        <v>1</v>
      </c>
      <c r="C15930" s="14" t="s">
        <v>63</v>
      </c>
      <c r="D15930" s="14" t="s">
        <v>116</v>
      </c>
      <c r="E15930" s="15">
        <v>45611</v>
      </c>
      <c r="F15930" s="14" t="s">
        <v>15</v>
      </c>
      <c r="G15930" s="16">
        <v>0</v>
      </c>
    </row>
    <row r="15931" spans="1:7" x14ac:dyDescent="0.3">
      <c r="A15931" s="13" t="s">
        <v>115</v>
      </c>
      <c r="B15931" s="14" t="s">
        <v>1</v>
      </c>
      <c r="C15931" s="14" t="s">
        <v>63</v>
      </c>
      <c r="D15931" s="14" t="s">
        <v>116</v>
      </c>
      <c r="E15931" s="15">
        <v>45612</v>
      </c>
      <c r="F15931" s="14" t="s">
        <v>15</v>
      </c>
      <c r="G15931" s="16">
        <v>0</v>
      </c>
    </row>
    <row r="15932" spans="1:7" x14ac:dyDescent="0.3">
      <c r="A15932" s="13" t="s">
        <v>115</v>
      </c>
      <c r="B15932" s="14" t="s">
        <v>1</v>
      </c>
      <c r="C15932" s="14" t="s">
        <v>63</v>
      </c>
      <c r="D15932" s="14" t="s">
        <v>116</v>
      </c>
      <c r="E15932" s="15">
        <v>45613</v>
      </c>
      <c r="F15932" s="14" t="s">
        <v>15</v>
      </c>
      <c r="G15932" s="16">
        <v>0</v>
      </c>
    </row>
    <row r="15933" spans="1:7" x14ac:dyDescent="0.3">
      <c r="A15933" s="13" t="s">
        <v>115</v>
      </c>
      <c r="B15933" s="14" t="s">
        <v>1</v>
      </c>
      <c r="C15933" s="14" t="s">
        <v>63</v>
      </c>
      <c r="D15933" s="14" t="s">
        <v>116</v>
      </c>
      <c r="E15933" s="15">
        <v>45614</v>
      </c>
      <c r="F15933" s="14" t="s">
        <v>15</v>
      </c>
      <c r="G15933" s="16">
        <v>0</v>
      </c>
    </row>
    <row r="15934" spans="1:7" x14ac:dyDescent="0.3">
      <c r="A15934" s="13" t="s">
        <v>115</v>
      </c>
      <c r="B15934" s="14" t="s">
        <v>1</v>
      </c>
      <c r="C15934" s="14" t="s">
        <v>63</v>
      </c>
      <c r="D15934" s="14" t="s">
        <v>116</v>
      </c>
      <c r="E15934" s="15">
        <v>45615</v>
      </c>
      <c r="F15934" s="14" t="s">
        <v>15</v>
      </c>
      <c r="G15934" s="16">
        <v>2.7190495057839704E-2</v>
      </c>
    </row>
    <row r="15935" spans="1:7" x14ac:dyDescent="0.3">
      <c r="A15935" s="13" t="s">
        <v>115</v>
      </c>
      <c r="B15935" s="14" t="s">
        <v>1</v>
      </c>
      <c r="C15935" s="14" t="s">
        <v>63</v>
      </c>
      <c r="D15935" s="14" t="s">
        <v>116</v>
      </c>
      <c r="E15935" s="15">
        <v>45616</v>
      </c>
      <c r="F15935" s="14" t="s">
        <v>15</v>
      </c>
      <c r="G15935" s="16">
        <v>3.6426781955529362E-2</v>
      </c>
    </row>
    <row r="15936" spans="1:7" x14ac:dyDescent="0.3">
      <c r="A15936" s="13" t="s">
        <v>115</v>
      </c>
      <c r="B15936" s="14" t="s">
        <v>1</v>
      </c>
      <c r="C15936" s="14" t="s">
        <v>63</v>
      </c>
      <c r="D15936" s="14" t="s">
        <v>116</v>
      </c>
      <c r="E15936" s="15">
        <v>45617</v>
      </c>
      <c r="F15936" s="14" t="s">
        <v>15</v>
      </c>
      <c r="G15936" s="16">
        <v>4.6419781441107671E-2</v>
      </c>
    </row>
    <row r="15937" spans="1:7" x14ac:dyDescent="0.3">
      <c r="A15937" s="13" t="s">
        <v>115</v>
      </c>
      <c r="B15937" s="14" t="s">
        <v>1</v>
      </c>
      <c r="C15937" s="14" t="s">
        <v>63</v>
      </c>
      <c r="D15937" s="14" t="s">
        <v>116</v>
      </c>
      <c r="E15937" s="15">
        <v>45618</v>
      </c>
      <c r="F15937" s="14" t="s">
        <v>15</v>
      </c>
      <c r="G15937" s="16">
        <v>5.6909851316135407E-2</v>
      </c>
    </row>
    <row r="15938" spans="1:7" x14ac:dyDescent="0.3">
      <c r="A15938" s="13" t="s">
        <v>115</v>
      </c>
      <c r="B15938" s="14" t="s">
        <v>1</v>
      </c>
      <c r="C15938" s="14" t="s">
        <v>63</v>
      </c>
      <c r="D15938" s="14" t="s">
        <v>116</v>
      </c>
      <c r="E15938" s="15">
        <v>45619</v>
      </c>
      <c r="F15938" s="14" t="s">
        <v>15</v>
      </c>
      <c r="G15938" s="16">
        <v>5.6909851316135407E-2</v>
      </c>
    </row>
    <row r="15939" spans="1:7" x14ac:dyDescent="0.3">
      <c r="A15939" s="13" t="s">
        <v>115</v>
      </c>
      <c r="B15939" s="14" t="s">
        <v>1</v>
      </c>
      <c r="C15939" s="14" t="s">
        <v>63</v>
      </c>
      <c r="D15939" s="14" t="s">
        <v>116</v>
      </c>
      <c r="E15939" s="15">
        <v>45620</v>
      </c>
      <c r="F15939" s="14" t="s">
        <v>15</v>
      </c>
      <c r="G15939" s="16">
        <v>5.6909851316135407E-2</v>
      </c>
    </row>
    <row r="15940" spans="1:7" x14ac:dyDescent="0.3">
      <c r="A15940" s="13" t="s">
        <v>115</v>
      </c>
      <c r="B15940" s="14" t="s">
        <v>1</v>
      </c>
      <c r="C15940" s="14" t="s">
        <v>63</v>
      </c>
      <c r="D15940" s="14" t="s">
        <v>116</v>
      </c>
      <c r="E15940" s="15">
        <v>45621</v>
      </c>
      <c r="F15940" s="14" t="s">
        <v>15</v>
      </c>
      <c r="G15940" s="16">
        <v>6.6914754676377017E-2</v>
      </c>
    </row>
    <row r="15941" spans="1:7" x14ac:dyDescent="0.3">
      <c r="A15941" s="13" t="s">
        <v>115</v>
      </c>
      <c r="B15941" s="14" t="s">
        <v>1</v>
      </c>
      <c r="C15941" s="14" t="s">
        <v>63</v>
      </c>
      <c r="D15941" s="14" t="s">
        <v>116</v>
      </c>
      <c r="E15941" s="15">
        <v>45622</v>
      </c>
      <c r="F15941" s="14" t="s">
        <v>15</v>
      </c>
      <c r="G15941" s="16">
        <v>9.7755314834942514E-2</v>
      </c>
    </row>
    <row r="15942" spans="1:7" x14ac:dyDescent="0.3">
      <c r="A15942" s="13" t="s">
        <v>115</v>
      </c>
      <c r="B15942" s="14" t="s">
        <v>1</v>
      </c>
      <c r="C15942" s="14" t="s">
        <v>63</v>
      </c>
      <c r="D15942" s="14" t="s">
        <v>116</v>
      </c>
      <c r="E15942" s="15">
        <v>45623</v>
      </c>
      <c r="F15942" s="14" t="s">
        <v>15</v>
      </c>
      <c r="G15942" s="16">
        <v>0.10443647930678189</v>
      </c>
    </row>
    <row r="15943" spans="1:7" x14ac:dyDescent="0.3">
      <c r="A15943" s="13" t="s">
        <v>115</v>
      </c>
      <c r="B15943" s="14" t="s">
        <v>1</v>
      </c>
      <c r="C15943" s="14" t="s">
        <v>63</v>
      </c>
      <c r="D15943" s="14" t="s">
        <v>116</v>
      </c>
      <c r="E15943" s="15">
        <v>45624</v>
      </c>
      <c r="F15943" s="14" t="s">
        <v>15</v>
      </c>
      <c r="G15943" s="16">
        <v>0.11724991005450613</v>
      </c>
    </row>
    <row r="15944" spans="1:7" x14ac:dyDescent="0.3">
      <c r="A15944" s="13" t="s">
        <v>115</v>
      </c>
      <c r="B15944" s="14" t="s">
        <v>1</v>
      </c>
      <c r="C15944" s="14" t="s">
        <v>63</v>
      </c>
      <c r="D15944" s="14" t="s">
        <v>116</v>
      </c>
      <c r="E15944" s="15">
        <v>45625</v>
      </c>
      <c r="F15944" s="14" t="s">
        <v>15</v>
      </c>
      <c r="G15944" s="16">
        <v>0.12724605767222696</v>
      </c>
    </row>
    <row r="15945" spans="1:7" x14ac:dyDescent="0.3">
      <c r="A15945" s="13" t="s">
        <v>115</v>
      </c>
      <c r="B15945" s="14" t="s">
        <v>1</v>
      </c>
      <c r="C15945" s="14" t="s">
        <v>63</v>
      </c>
      <c r="D15945" s="14" t="s">
        <v>116</v>
      </c>
      <c r="E15945" s="15">
        <v>45626</v>
      </c>
      <c r="F15945" s="14" t="s">
        <v>15</v>
      </c>
      <c r="G15945" s="16">
        <v>0.12724605767222696</v>
      </c>
    </row>
    <row r="15946" spans="1:7" x14ac:dyDescent="0.3">
      <c r="A15946" s="13" t="s">
        <v>115</v>
      </c>
      <c r="B15946" s="14" t="s">
        <v>1</v>
      </c>
      <c r="C15946" s="14" t="s">
        <v>63</v>
      </c>
      <c r="D15946" s="14" t="s">
        <v>116</v>
      </c>
      <c r="E15946" s="15">
        <v>45627</v>
      </c>
      <c r="F15946" s="14" t="s">
        <v>15</v>
      </c>
      <c r="G15946" s="16">
        <v>0.12724605767222696</v>
      </c>
    </row>
    <row r="15947" spans="1:7" x14ac:dyDescent="0.3">
      <c r="A15947" s="13" t="s">
        <v>115</v>
      </c>
      <c r="B15947" s="14" t="s">
        <v>1</v>
      </c>
      <c r="C15947" s="14" t="s">
        <v>63</v>
      </c>
      <c r="D15947" s="14" t="s">
        <v>116</v>
      </c>
      <c r="E15947" s="15">
        <v>45628</v>
      </c>
      <c r="F15947" s="14" t="s">
        <v>15</v>
      </c>
      <c r="G15947" s="16">
        <v>0.13996555602715421</v>
      </c>
    </row>
    <row r="15948" spans="1:7" x14ac:dyDescent="0.3">
      <c r="A15948" s="13" t="s">
        <v>115</v>
      </c>
      <c r="B15948" s="14" t="s">
        <v>1</v>
      </c>
      <c r="C15948" s="14" t="s">
        <v>63</v>
      </c>
      <c r="D15948" s="14" t="s">
        <v>116</v>
      </c>
      <c r="E15948" s="15">
        <v>45629</v>
      </c>
      <c r="F15948" s="14" t="s">
        <v>15</v>
      </c>
      <c r="G15948" s="16">
        <v>0.16974869795076047</v>
      </c>
    </row>
    <row r="15949" spans="1:7" x14ac:dyDescent="0.3">
      <c r="A15949" s="13" t="s">
        <v>115</v>
      </c>
      <c r="B15949" s="14" t="s">
        <v>1</v>
      </c>
      <c r="C15949" s="14" t="s">
        <v>63</v>
      </c>
      <c r="D15949" s="14" t="s">
        <v>116</v>
      </c>
      <c r="E15949" s="15">
        <v>45630</v>
      </c>
      <c r="F15949" s="14" t="s">
        <v>15</v>
      </c>
      <c r="G15949" s="16">
        <v>0.18026680587768093</v>
      </c>
    </row>
    <row r="15950" spans="1:7" x14ac:dyDescent="0.3">
      <c r="A15950" s="13" t="s">
        <v>115</v>
      </c>
      <c r="B15950" s="14" t="s">
        <v>1</v>
      </c>
      <c r="C15950" s="14" t="s">
        <v>63</v>
      </c>
      <c r="D15950" s="14" t="s">
        <v>116</v>
      </c>
      <c r="E15950" s="15">
        <v>45631</v>
      </c>
      <c r="F15950" s="14" t="s">
        <v>15</v>
      </c>
      <c r="G15950" s="16">
        <v>0.18993178966985361</v>
      </c>
    </row>
    <row r="15951" spans="1:7" x14ac:dyDescent="0.3">
      <c r="A15951" s="13" t="s">
        <v>115</v>
      </c>
      <c r="B15951" s="14" t="s">
        <v>1</v>
      </c>
      <c r="C15951" s="14" t="s">
        <v>63</v>
      </c>
      <c r="D15951" s="14" t="s">
        <v>116</v>
      </c>
      <c r="E15951" s="15">
        <v>45632</v>
      </c>
      <c r="F15951" s="14" t="s">
        <v>15</v>
      </c>
      <c r="G15951" s="16">
        <v>0.2000625789641369</v>
      </c>
    </row>
    <row r="15952" spans="1:7" x14ac:dyDescent="0.3">
      <c r="A15952" s="13" t="s">
        <v>115</v>
      </c>
      <c r="B15952" s="14" t="s">
        <v>1</v>
      </c>
      <c r="C15952" s="14" t="s">
        <v>63</v>
      </c>
      <c r="D15952" s="14" t="s">
        <v>116</v>
      </c>
      <c r="E15952" s="15">
        <v>45633</v>
      </c>
      <c r="F15952" s="14" t="s">
        <v>15</v>
      </c>
      <c r="G15952" s="16">
        <v>0.2000625789641369</v>
      </c>
    </row>
    <row r="15953" spans="1:7" x14ac:dyDescent="0.3">
      <c r="A15953" s="13" t="s">
        <v>115</v>
      </c>
      <c r="B15953" s="14" t="s">
        <v>1</v>
      </c>
      <c r="C15953" s="14" t="s">
        <v>63</v>
      </c>
      <c r="D15953" s="14" t="s">
        <v>116</v>
      </c>
      <c r="E15953" s="15">
        <v>45634</v>
      </c>
      <c r="F15953" s="14" t="s">
        <v>15</v>
      </c>
      <c r="G15953" s="16">
        <v>0.2000625789641369</v>
      </c>
    </row>
    <row r="15954" spans="1:7" x14ac:dyDescent="0.3">
      <c r="A15954" s="13" t="s">
        <v>115</v>
      </c>
      <c r="B15954" s="14" t="s">
        <v>1</v>
      </c>
      <c r="C15954" s="14" t="s">
        <v>63</v>
      </c>
      <c r="D15954" s="14" t="s">
        <v>116</v>
      </c>
      <c r="E15954" s="15">
        <v>45635</v>
      </c>
      <c r="F15954" s="14" t="s">
        <v>15</v>
      </c>
      <c r="G15954" s="16">
        <v>0.21487462107825001</v>
      </c>
    </row>
    <row r="15955" spans="1:7" x14ac:dyDescent="0.3">
      <c r="A15955" s="13" t="s">
        <v>115</v>
      </c>
      <c r="B15955" s="14" t="s">
        <v>1</v>
      </c>
      <c r="C15955" s="14" t="s">
        <v>63</v>
      </c>
      <c r="D15955" s="14" t="s">
        <v>116</v>
      </c>
      <c r="E15955" s="15">
        <v>45636</v>
      </c>
      <c r="F15955" s="14" t="s">
        <v>15</v>
      </c>
      <c r="G15955" s="16">
        <v>0.24462602589469609</v>
      </c>
    </row>
    <row r="15956" spans="1:7" x14ac:dyDescent="0.3">
      <c r="A15956" s="13" t="s">
        <v>115</v>
      </c>
      <c r="B15956" s="14" t="s">
        <v>1</v>
      </c>
      <c r="C15956" s="14" t="s">
        <v>63</v>
      </c>
      <c r="D15956" s="14" t="s">
        <v>116</v>
      </c>
      <c r="E15956" s="15">
        <v>45637</v>
      </c>
      <c r="F15956" s="14" t="s">
        <v>15</v>
      </c>
      <c r="G15956" s="16">
        <v>0.25446992197168289</v>
      </c>
    </row>
    <row r="15957" spans="1:7" x14ac:dyDescent="0.3">
      <c r="A15957" s="13" t="s">
        <v>115</v>
      </c>
      <c r="B15957" s="14" t="s">
        <v>1</v>
      </c>
      <c r="C15957" s="14" t="s">
        <v>63</v>
      </c>
      <c r="D15957" s="14" t="s">
        <v>116</v>
      </c>
      <c r="E15957" s="15">
        <v>45638</v>
      </c>
      <c r="F15957" s="14" t="s">
        <v>15</v>
      </c>
      <c r="G15957" s="16">
        <v>0.26441615201912155</v>
      </c>
    </row>
    <row r="15958" spans="1:7" x14ac:dyDescent="0.3">
      <c r="A15958" s="13" t="s">
        <v>115</v>
      </c>
      <c r="B15958" s="14" t="s">
        <v>1</v>
      </c>
      <c r="C15958" s="14" t="s">
        <v>63</v>
      </c>
      <c r="D15958" s="14" t="s">
        <v>116</v>
      </c>
      <c r="E15958" s="15">
        <v>45639</v>
      </c>
      <c r="F15958" s="14" t="s">
        <v>15</v>
      </c>
      <c r="G15958" s="16">
        <v>0.2745488870992121</v>
      </c>
    </row>
    <row r="15959" spans="1:7" x14ac:dyDescent="0.3">
      <c r="A15959" s="13" t="s">
        <v>115</v>
      </c>
      <c r="B15959" s="14" t="s">
        <v>1</v>
      </c>
      <c r="C15959" s="14" t="s">
        <v>63</v>
      </c>
      <c r="D15959" s="14" t="s">
        <v>116</v>
      </c>
      <c r="E15959" s="15">
        <v>45640</v>
      </c>
      <c r="F15959" s="14" t="s">
        <v>15</v>
      </c>
      <c r="G15959" s="16">
        <v>0.2745488870992121</v>
      </c>
    </row>
    <row r="15960" spans="1:7" x14ac:dyDescent="0.3">
      <c r="A15960" s="13" t="s">
        <v>115</v>
      </c>
      <c r="B15960" s="14" t="s">
        <v>1</v>
      </c>
      <c r="C15960" s="14" t="s">
        <v>63</v>
      </c>
      <c r="D15960" s="14" t="s">
        <v>116</v>
      </c>
      <c r="E15960" s="15">
        <v>45641</v>
      </c>
      <c r="F15960" s="14" t="s">
        <v>15</v>
      </c>
      <c r="G15960" s="16">
        <v>0.2745488870992121</v>
      </c>
    </row>
    <row r="15961" spans="1:7" x14ac:dyDescent="0.3">
      <c r="A15961" s="13" t="s">
        <v>115</v>
      </c>
      <c r="B15961" s="14" t="s">
        <v>1</v>
      </c>
      <c r="C15961" s="14" t="s">
        <v>63</v>
      </c>
      <c r="D15961" s="14" t="s">
        <v>116</v>
      </c>
      <c r="E15961" s="15">
        <v>45642</v>
      </c>
      <c r="F15961" s="14" t="s">
        <v>15</v>
      </c>
      <c r="G15961" s="16">
        <v>0.28414368144784247</v>
      </c>
    </row>
    <row r="15962" spans="1:7" x14ac:dyDescent="0.3">
      <c r="A15962" s="13" t="s">
        <v>115</v>
      </c>
      <c r="B15962" s="14" t="s">
        <v>1</v>
      </c>
      <c r="C15962" s="14" t="s">
        <v>63</v>
      </c>
      <c r="D15962" s="14" t="s">
        <v>116</v>
      </c>
      <c r="E15962" s="15">
        <v>45643</v>
      </c>
      <c r="F15962" s="14" t="s">
        <v>15</v>
      </c>
      <c r="G15962" s="16">
        <v>0.31301004319702602</v>
      </c>
    </row>
    <row r="15963" spans="1:7" x14ac:dyDescent="0.3">
      <c r="A15963" s="13" t="s">
        <v>115</v>
      </c>
      <c r="B15963" s="14" t="s">
        <v>1</v>
      </c>
      <c r="C15963" s="14" t="s">
        <v>63</v>
      </c>
      <c r="D15963" s="14" t="s">
        <v>116</v>
      </c>
      <c r="E15963" s="15">
        <v>45644</v>
      </c>
      <c r="F15963" s="14" t="s">
        <v>15</v>
      </c>
      <c r="G15963" s="16">
        <v>0.32263559991445034</v>
      </c>
    </row>
    <row r="15964" spans="1:7" x14ac:dyDescent="0.3">
      <c r="A15964" s="13" t="s">
        <v>115</v>
      </c>
      <c r="B15964" s="14" t="s">
        <v>1</v>
      </c>
      <c r="C15964" s="14" t="s">
        <v>63</v>
      </c>
      <c r="D15964" s="14" t="s">
        <v>116</v>
      </c>
      <c r="E15964" s="15">
        <v>45645</v>
      </c>
      <c r="F15964" s="14" t="s">
        <v>15</v>
      </c>
      <c r="G15964" s="16">
        <v>0.33232657867811349</v>
      </c>
    </row>
    <row r="15965" spans="1:7" x14ac:dyDescent="0.3">
      <c r="A15965" s="13" t="s">
        <v>115</v>
      </c>
      <c r="B15965" s="14" t="s">
        <v>1</v>
      </c>
      <c r="C15965" s="14" t="s">
        <v>63</v>
      </c>
      <c r="D15965" s="14" t="s">
        <v>116</v>
      </c>
      <c r="E15965" s="15">
        <v>45646</v>
      </c>
      <c r="F15965" s="14" t="s">
        <v>15</v>
      </c>
      <c r="G15965" s="16">
        <v>0.34315249244192797</v>
      </c>
    </row>
    <row r="15966" spans="1:7" x14ac:dyDescent="0.3">
      <c r="A15966" s="13" t="s">
        <v>115</v>
      </c>
      <c r="B15966" s="14" t="s">
        <v>1</v>
      </c>
      <c r="C15966" s="14" t="s">
        <v>63</v>
      </c>
      <c r="D15966" s="14" t="s">
        <v>116</v>
      </c>
      <c r="E15966" s="15">
        <v>45647</v>
      </c>
      <c r="F15966" s="14" t="s">
        <v>15</v>
      </c>
      <c r="G15966" s="16">
        <v>0.34315249244192797</v>
      </c>
    </row>
    <row r="15967" spans="1:7" x14ac:dyDescent="0.3">
      <c r="A15967" s="13" t="s">
        <v>115</v>
      </c>
      <c r="B15967" s="14" t="s">
        <v>1</v>
      </c>
      <c r="C15967" s="14" t="s">
        <v>63</v>
      </c>
      <c r="D15967" s="14" t="s">
        <v>116</v>
      </c>
      <c r="E15967" s="15">
        <v>45648</v>
      </c>
      <c r="F15967" s="14" t="s">
        <v>15</v>
      </c>
      <c r="G15967" s="16">
        <v>0.34315249244192797</v>
      </c>
    </row>
    <row r="15968" spans="1:7" x14ac:dyDescent="0.3">
      <c r="A15968" s="13" t="s">
        <v>115</v>
      </c>
      <c r="B15968" s="14" t="s">
        <v>1</v>
      </c>
      <c r="C15968" s="14" t="s">
        <v>63</v>
      </c>
      <c r="D15968" s="14" t="s">
        <v>116</v>
      </c>
      <c r="E15968" s="15">
        <v>45649</v>
      </c>
      <c r="F15968" s="14" t="s">
        <v>15</v>
      </c>
      <c r="G15968" s="16">
        <v>0.35271613703484228</v>
      </c>
    </row>
    <row r="15969" spans="1:7" x14ac:dyDescent="0.3">
      <c r="A15969" s="13" t="s">
        <v>115</v>
      </c>
      <c r="B15969" s="14" t="s">
        <v>1</v>
      </c>
      <c r="C15969" s="14" t="s">
        <v>63</v>
      </c>
      <c r="D15969" s="14" t="s">
        <v>116</v>
      </c>
      <c r="E15969" s="15">
        <v>45650</v>
      </c>
      <c r="F15969" s="14" t="s">
        <v>15</v>
      </c>
      <c r="G15969" s="16">
        <v>0.38120412167555145</v>
      </c>
    </row>
    <row r="15970" spans="1:7" x14ac:dyDescent="0.3">
      <c r="A15970" s="13" t="s">
        <v>115</v>
      </c>
      <c r="B15970" s="14" t="s">
        <v>1</v>
      </c>
      <c r="C15970" s="14" t="s">
        <v>63</v>
      </c>
      <c r="D15970" s="14" t="s">
        <v>116</v>
      </c>
      <c r="E15970" s="15">
        <v>45651</v>
      </c>
      <c r="F15970" s="14" t="s">
        <v>15</v>
      </c>
      <c r="G15970" s="16">
        <v>0.38120412167555145</v>
      </c>
    </row>
    <row r="15971" spans="1:7" x14ac:dyDescent="0.3">
      <c r="A15971" s="13" t="s">
        <v>115</v>
      </c>
      <c r="B15971" s="14" t="s">
        <v>1</v>
      </c>
      <c r="C15971" s="14" t="s">
        <v>63</v>
      </c>
      <c r="D15971" s="14" t="s">
        <v>116</v>
      </c>
      <c r="E15971" s="15">
        <v>45652</v>
      </c>
      <c r="F15971" s="14" t="s">
        <v>15</v>
      </c>
      <c r="G15971" s="16">
        <v>0.38120412167555145</v>
      </c>
    </row>
    <row r="15972" spans="1:7" x14ac:dyDescent="0.3">
      <c r="A15972" s="13" t="s">
        <v>115</v>
      </c>
      <c r="B15972" s="14" t="s">
        <v>1</v>
      </c>
      <c r="C15972" s="14" t="s">
        <v>63</v>
      </c>
      <c r="D15972" s="14" t="s">
        <v>116</v>
      </c>
      <c r="E15972" s="15">
        <v>45653</v>
      </c>
      <c r="F15972" s="14" t="s">
        <v>15</v>
      </c>
      <c r="G15972" s="16">
        <v>0.38120412167555145</v>
      </c>
    </row>
    <row r="15973" spans="1:7" x14ac:dyDescent="0.3">
      <c r="A15973" s="13" t="s">
        <v>115</v>
      </c>
      <c r="B15973" s="14" t="s">
        <v>1</v>
      </c>
      <c r="C15973" s="14" t="s">
        <v>63</v>
      </c>
      <c r="D15973" s="14" t="s">
        <v>116</v>
      </c>
      <c r="E15973" s="15">
        <v>45654</v>
      </c>
      <c r="F15973" s="14" t="s">
        <v>15</v>
      </c>
      <c r="G15973" s="16">
        <v>0.38120412167555145</v>
      </c>
    </row>
    <row r="15974" spans="1:7" x14ac:dyDescent="0.3">
      <c r="A15974" s="13" t="s">
        <v>115</v>
      </c>
      <c r="B15974" s="14" t="s">
        <v>1</v>
      </c>
      <c r="C15974" s="14" t="s">
        <v>63</v>
      </c>
      <c r="D15974" s="14" t="s">
        <v>116</v>
      </c>
      <c r="E15974" s="15">
        <v>45655</v>
      </c>
      <c r="F15974" s="14" t="s">
        <v>15</v>
      </c>
      <c r="G15974" s="16">
        <v>0.38120412167555145</v>
      </c>
    </row>
    <row r="15975" spans="1:7" x14ac:dyDescent="0.3">
      <c r="A15975" s="13" t="s">
        <v>115</v>
      </c>
      <c r="B15975" s="14" t="s">
        <v>1</v>
      </c>
      <c r="C15975" s="14" t="s">
        <v>63</v>
      </c>
      <c r="D15975" s="14" t="s">
        <v>116</v>
      </c>
      <c r="E15975" s="15">
        <v>45656</v>
      </c>
      <c r="F15975" s="14" t="s">
        <v>15</v>
      </c>
      <c r="G15975" s="16">
        <v>0.39044808217938998</v>
      </c>
    </row>
    <row r="15976" spans="1:7" x14ac:dyDescent="0.3">
      <c r="A15976" s="13" t="s">
        <v>115</v>
      </c>
      <c r="B15976" s="14" t="s">
        <v>1</v>
      </c>
      <c r="C15976" s="14" t="s">
        <v>63</v>
      </c>
      <c r="D15976" s="14" t="s">
        <v>116</v>
      </c>
      <c r="E15976" s="15">
        <v>45657</v>
      </c>
      <c r="F15976" s="14" t="s">
        <v>15</v>
      </c>
      <c r="G15976" s="16">
        <v>0.44643883779104976</v>
      </c>
    </row>
    <row r="15977" spans="1:7" x14ac:dyDescent="0.3">
      <c r="A15977" s="13" t="s">
        <v>115</v>
      </c>
      <c r="B15977" s="14" t="s">
        <v>1</v>
      </c>
      <c r="C15977" s="14" t="s">
        <v>63</v>
      </c>
      <c r="D15977" s="14" t="s">
        <v>116</v>
      </c>
      <c r="E15977" s="15">
        <v>45658</v>
      </c>
      <c r="F15977" s="14" t="s">
        <v>15</v>
      </c>
      <c r="G15977" s="16">
        <v>0.44643883779104976</v>
      </c>
    </row>
    <row r="15978" spans="1:7" x14ac:dyDescent="0.3">
      <c r="A15978" s="13" t="s">
        <v>115</v>
      </c>
      <c r="B15978" s="14" t="s">
        <v>1</v>
      </c>
      <c r="C15978" s="14" t="s">
        <v>63</v>
      </c>
      <c r="D15978" s="14" t="s">
        <v>116</v>
      </c>
      <c r="E15978" s="15">
        <v>45659</v>
      </c>
      <c r="F15978" s="14" t="s">
        <v>15</v>
      </c>
      <c r="G15978" s="16">
        <v>0</v>
      </c>
    </row>
    <row r="15979" spans="1:7" x14ac:dyDescent="0.3">
      <c r="A15979" s="13" t="s">
        <v>115</v>
      </c>
      <c r="B15979" s="14" t="s">
        <v>1</v>
      </c>
      <c r="C15979" s="14" t="s">
        <v>63</v>
      </c>
      <c r="D15979" s="14" t="s">
        <v>116</v>
      </c>
      <c r="E15979" s="15">
        <v>45660</v>
      </c>
      <c r="F15979" s="14" t="s">
        <v>15</v>
      </c>
      <c r="G15979" s="16">
        <v>0</v>
      </c>
    </row>
    <row r="15980" spans="1:7" x14ac:dyDescent="0.3">
      <c r="A15980" s="13" t="s">
        <v>115</v>
      </c>
      <c r="B15980" s="14" t="s">
        <v>1</v>
      </c>
      <c r="C15980" s="14" t="s">
        <v>63</v>
      </c>
      <c r="D15980" s="14" t="s">
        <v>116</v>
      </c>
      <c r="E15980" s="15">
        <v>45661</v>
      </c>
      <c r="F15980" s="14" t="s">
        <v>15</v>
      </c>
      <c r="G15980" s="16">
        <v>0</v>
      </c>
    </row>
    <row r="15981" spans="1:7" x14ac:dyDescent="0.3">
      <c r="A15981" s="13" t="s">
        <v>115</v>
      </c>
      <c r="B15981" s="14" t="s">
        <v>1</v>
      </c>
      <c r="C15981" s="14" t="s">
        <v>63</v>
      </c>
      <c r="D15981" s="14" t="s">
        <v>116</v>
      </c>
      <c r="E15981" s="15">
        <v>45662</v>
      </c>
      <c r="F15981" s="14" t="s">
        <v>15</v>
      </c>
      <c r="G15981" s="16">
        <v>0</v>
      </c>
    </row>
    <row r="15982" spans="1:7" x14ac:dyDescent="0.3">
      <c r="A15982" s="13" t="s">
        <v>115</v>
      </c>
      <c r="B15982" s="14" t="s">
        <v>1</v>
      </c>
      <c r="C15982" s="14" t="s">
        <v>63</v>
      </c>
      <c r="D15982" s="14" t="s">
        <v>116</v>
      </c>
      <c r="E15982" s="15">
        <v>45663</v>
      </c>
      <c r="F15982" s="14" t="s">
        <v>15</v>
      </c>
      <c r="G15982" s="16">
        <v>0</v>
      </c>
    </row>
    <row r="15983" spans="1:7" x14ac:dyDescent="0.3">
      <c r="A15983" s="13" t="s">
        <v>115</v>
      </c>
      <c r="B15983" s="14" t="s">
        <v>1</v>
      </c>
      <c r="C15983" s="14" t="s">
        <v>63</v>
      </c>
      <c r="D15983" s="14" t="s">
        <v>116</v>
      </c>
      <c r="E15983" s="15">
        <v>45664</v>
      </c>
      <c r="F15983" s="14" t="s">
        <v>15</v>
      </c>
      <c r="G15983" s="16">
        <v>0</v>
      </c>
    </row>
    <row r="15984" spans="1:7" x14ac:dyDescent="0.3">
      <c r="A15984" s="13" t="s">
        <v>115</v>
      </c>
      <c r="B15984" s="14" t="s">
        <v>1</v>
      </c>
      <c r="C15984" s="14" t="s">
        <v>63</v>
      </c>
      <c r="D15984" s="14" t="s">
        <v>116</v>
      </c>
      <c r="E15984" s="15">
        <v>45665</v>
      </c>
      <c r="F15984" s="14" t="s">
        <v>15</v>
      </c>
      <c r="G15984" s="16">
        <v>0</v>
      </c>
    </row>
    <row r="15985" spans="1:7" x14ac:dyDescent="0.3">
      <c r="A15985" s="13" t="s">
        <v>115</v>
      </c>
      <c r="B15985" s="14" t="s">
        <v>1</v>
      </c>
      <c r="C15985" s="14" t="s">
        <v>63</v>
      </c>
      <c r="D15985" s="14" t="s">
        <v>116</v>
      </c>
      <c r="E15985" s="15">
        <v>45666</v>
      </c>
      <c r="F15985" s="14" t="s">
        <v>15</v>
      </c>
      <c r="G15985" s="16">
        <v>0</v>
      </c>
    </row>
    <row r="15986" spans="1:7" x14ac:dyDescent="0.3">
      <c r="A15986" s="13" t="s">
        <v>115</v>
      </c>
      <c r="B15986" s="14" t="s">
        <v>1</v>
      </c>
      <c r="C15986" s="14" t="s">
        <v>63</v>
      </c>
      <c r="D15986" s="14" t="s">
        <v>116</v>
      </c>
      <c r="E15986" s="15">
        <v>45667</v>
      </c>
      <c r="F15986" s="14" t="s">
        <v>15</v>
      </c>
      <c r="G15986" s="16">
        <v>0</v>
      </c>
    </row>
    <row r="15987" spans="1:7" x14ac:dyDescent="0.3">
      <c r="A15987" s="13" t="s">
        <v>115</v>
      </c>
      <c r="B15987" s="14" t="s">
        <v>1</v>
      </c>
      <c r="C15987" s="14" t="s">
        <v>63</v>
      </c>
      <c r="D15987" s="14" t="s">
        <v>116</v>
      </c>
      <c r="E15987" s="15">
        <v>45668</v>
      </c>
      <c r="F15987" s="14" t="s">
        <v>15</v>
      </c>
      <c r="G15987" s="16">
        <v>0</v>
      </c>
    </row>
    <row r="15988" spans="1:7" x14ac:dyDescent="0.3">
      <c r="A15988" s="13" t="s">
        <v>115</v>
      </c>
      <c r="B15988" s="14" t="s">
        <v>1</v>
      </c>
      <c r="C15988" s="14" t="s">
        <v>63</v>
      </c>
      <c r="D15988" s="14" t="s">
        <v>116</v>
      </c>
      <c r="E15988" s="15">
        <v>45669</v>
      </c>
      <c r="F15988" s="14" t="s">
        <v>15</v>
      </c>
      <c r="G15988" s="16">
        <v>0</v>
      </c>
    </row>
    <row r="15989" spans="1:7" x14ac:dyDescent="0.3">
      <c r="A15989" s="13" t="s">
        <v>115</v>
      </c>
      <c r="B15989" s="14" t="s">
        <v>1</v>
      </c>
      <c r="C15989" s="14" t="s">
        <v>63</v>
      </c>
      <c r="D15989" s="14" t="s">
        <v>116</v>
      </c>
      <c r="E15989" s="15">
        <v>45670</v>
      </c>
      <c r="F15989" s="14" t="s">
        <v>15</v>
      </c>
      <c r="G15989" s="16">
        <v>0</v>
      </c>
    </row>
    <row r="15990" spans="1:7" x14ac:dyDescent="0.3">
      <c r="A15990" s="13" t="s">
        <v>115</v>
      </c>
      <c r="B15990" s="14" t="s">
        <v>1</v>
      </c>
      <c r="C15990" s="14" t="s">
        <v>63</v>
      </c>
      <c r="D15990" s="14" t="s">
        <v>116</v>
      </c>
      <c r="E15990" s="15">
        <v>45671</v>
      </c>
      <c r="F15990" s="14" t="s">
        <v>15</v>
      </c>
      <c r="G15990" s="16">
        <v>0</v>
      </c>
    </row>
    <row r="15991" spans="1:7" x14ac:dyDescent="0.3">
      <c r="A15991" s="13" t="s">
        <v>115</v>
      </c>
      <c r="B15991" s="14" t="s">
        <v>1</v>
      </c>
      <c r="C15991" s="14" t="s">
        <v>63</v>
      </c>
      <c r="D15991" s="14" t="s">
        <v>116</v>
      </c>
      <c r="E15991" s="15">
        <v>45672</v>
      </c>
      <c r="F15991" s="14" t="s">
        <v>15</v>
      </c>
      <c r="G15991" s="16">
        <v>0</v>
      </c>
    </row>
    <row r="15992" spans="1:7" x14ac:dyDescent="0.3">
      <c r="A15992" s="13" t="s">
        <v>115</v>
      </c>
      <c r="B15992" s="14" t="s">
        <v>1</v>
      </c>
      <c r="C15992" s="14" t="s">
        <v>63</v>
      </c>
      <c r="D15992" s="14" t="s">
        <v>116</v>
      </c>
      <c r="E15992" s="15">
        <v>45673</v>
      </c>
      <c r="F15992" s="14" t="s">
        <v>15</v>
      </c>
      <c r="G15992" s="16">
        <v>0</v>
      </c>
    </row>
    <row r="15993" spans="1:7" x14ac:dyDescent="0.3">
      <c r="A15993" s="13" t="s">
        <v>115</v>
      </c>
      <c r="B15993" s="14" t="s">
        <v>1</v>
      </c>
      <c r="C15993" s="14" t="s">
        <v>63</v>
      </c>
      <c r="D15993" s="14" t="s">
        <v>116</v>
      </c>
      <c r="E15993" s="15">
        <v>45674</v>
      </c>
      <c r="F15993" s="14" t="s">
        <v>15</v>
      </c>
      <c r="G15993" s="16">
        <v>0</v>
      </c>
    </row>
    <row r="15994" spans="1:7" x14ac:dyDescent="0.3">
      <c r="A15994" s="13" t="s">
        <v>115</v>
      </c>
      <c r="B15994" s="14" t="s">
        <v>1</v>
      </c>
      <c r="C15994" s="14" t="s">
        <v>63</v>
      </c>
      <c r="D15994" s="14" t="s">
        <v>116</v>
      </c>
      <c r="E15994" s="15">
        <v>45675</v>
      </c>
      <c r="F15994" s="14" t="s">
        <v>15</v>
      </c>
      <c r="G15994" s="16">
        <v>0</v>
      </c>
    </row>
    <row r="15995" spans="1:7" x14ac:dyDescent="0.3">
      <c r="A15995" s="13" t="s">
        <v>115</v>
      </c>
      <c r="B15995" s="14" t="s">
        <v>1</v>
      </c>
      <c r="C15995" s="14" t="s">
        <v>63</v>
      </c>
      <c r="D15995" s="14" t="s">
        <v>116</v>
      </c>
      <c r="E15995" s="15">
        <v>45676</v>
      </c>
      <c r="F15995" s="14" t="s">
        <v>15</v>
      </c>
      <c r="G15995" s="16">
        <v>0</v>
      </c>
    </row>
    <row r="15996" spans="1:7" x14ac:dyDescent="0.3">
      <c r="A15996" s="13" t="s">
        <v>115</v>
      </c>
      <c r="B15996" s="14" t="s">
        <v>1</v>
      </c>
      <c r="C15996" s="14" t="s">
        <v>63</v>
      </c>
      <c r="D15996" s="14" t="s">
        <v>116</v>
      </c>
      <c r="E15996" s="15">
        <v>45677</v>
      </c>
      <c r="F15996" s="14" t="s">
        <v>15</v>
      </c>
      <c r="G15996" s="16">
        <v>0</v>
      </c>
    </row>
    <row r="15997" spans="1:7" x14ac:dyDescent="0.3">
      <c r="A15997" s="13" t="s">
        <v>115</v>
      </c>
      <c r="B15997" s="14" t="s">
        <v>1</v>
      </c>
      <c r="C15997" s="14" t="s">
        <v>63</v>
      </c>
      <c r="D15997" s="14" t="s">
        <v>116</v>
      </c>
      <c r="E15997" s="15">
        <v>45678</v>
      </c>
      <c r="F15997" s="14" t="s">
        <v>15</v>
      </c>
      <c r="G15997" s="16">
        <v>0</v>
      </c>
    </row>
    <row r="15998" spans="1:7" x14ac:dyDescent="0.3">
      <c r="A15998" s="13" t="s">
        <v>115</v>
      </c>
      <c r="B15998" s="14" t="s">
        <v>1</v>
      </c>
      <c r="C15998" s="14" t="s">
        <v>63</v>
      </c>
      <c r="D15998" s="14" t="s">
        <v>116</v>
      </c>
      <c r="E15998" s="15">
        <v>45679</v>
      </c>
      <c r="F15998" s="14" t="s">
        <v>15</v>
      </c>
      <c r="G15998" s="16">
        <v>0</v>
      </c>
    </row>
    <row r="15999" spans="1:7" x14ac:dyDescent="0.3">
      <c r="A15999" s="13" t="s">
        <v>115</v>
      </c>
      <c r="B15999" s="14" t="s">
        <v>1</v>
      </c>
      <c r="C15999" s="14" t="s">
        <v>63</v>
      </c>
      <c r="D15999" s="14" t="s">
        <v>116</v>
      </c>
      <c r="E15999" s="15">
        <v>45680</v>
      </c>
      <c r="F15999" s="14" t="s">
        <v>15</v>
      </c>
      <c r="G15999" s="16">
        <v>0</v>
      </c>
    </row>
    <row r="16000" spans="1:7" x14ac:dyDescent="0.3">
      <c r="A16000" s="13" t="s">
        <v>115</v>
      </c>
      <c r="B16000" s="14" t="s">
        <v>1</v>
      </c>
      <c r="C16000" s="14" t="s">
        <v>63</v>
      </c>
      <c r="D16000" s="14" t="s">
        <v>116</v>
      </c>
      <c r="E16000" s="15">
        <v>45681</v>
      </c>
      <c r="F16000" s="14" t="s">
        <v>15</v>
      </c>
      <c r="G16000" s="16">
        <v>0</v>
      </c>
    </row>
    <row r="16001" spans="1:7" x14ac:dyDescent="0.3">
      <c r="A16001" s="13" t="s">
        <v>115</v>
      </c>
      <c r="B16001" s="14" t="s">
        <v>1</v>
      </c>
      <c r="C16001" s="14" t="s">
        <v>63</v>
      </c>
      <c r="D16001" s="14" t="s">
        <v>116</v>
      </c>
      <c r="E16001" s="15">
        <v>45682</v>
      </c>
      <c r="F16001" s="14" t="s">
        <v>15</v>
      </c>
      <c r="G16001" s="16">
        <v>0</v>
      </c>
    </row>
    <row r="16002" spans="1:7" x14ac:dyDescent="0.3">
      <c r="A16002" s="13" t="s">
        <v>115</v>
      </c>
      <c r="B16002" s="14" t="s">
        <v>1</v>
      </c>
      <c r="C16002" s="14" t="s">
        <v>63</v>
      </c>
      <c r="D16002" s="14" t="s">
        <v>116</v>
      </c>
      <c r="E16002" s="15">
        <v>45683</v>
      </c>
      <c r="F16002" s="14" t="s">
        <v>15</v>
      </c>
      <c r="G16002" s="16">
        <v>0</v>
      </c>
    </row>
    <row r="16003" spans="1:7" x14ac:dyDescent="0.3">
      <c r="A16003" s="13" t="s">
        <v>115</v>
      </c>
      <c r="B16003" s="14" t="s">
        <v>1</v>
      </c>
      <c r="C16003" s="14" t="s">
        <v>63</v>
      </c>
      <c r="D16003" s="14" t="s">
        <v>116</v>
      </c>
      <c r="E16003" s="15">
        <v>45684</v>
      </c>
      <c r="F16003" s="14" t="s">
        <v>15</v>
      </c>
      <c r="G16003" s="16">
        <v>0</v>
      </c>
    </row>
    <row r="16004" spans="1:7" x14ac:dyDescent="0.3">
      <c r="A16004" s="13" t="s">
        <v>115</v>
      </c>
      <c r="B16004" s="14" t="s">
        <v>1</v>
      </c>
      <c r="C16004" s="14" t="s">
        <v>63</v>
      </c>
      <c r="D16004" s="14" t="s">
        <v>116</v>
      </c>
      <c r="E16004" s="15">
        <v>45685</v>
      </c>
      <c r="F16004" s="14" t="s">
        <v>15</v>
      </c>
      <c r="G16004" s="16">
        <v>0</v>
      </c>
    </row>
    <row r="16005" spans="1:7" x14ac:dyDescent="0.3">
      <c r="A16005" s="13" t="s">
        <v>115</v>
      </c>
      <c r="B16005" s="14" t="s">
        <v>1</v>
      </c>
      <c r="C16005" s="14" t="s">
        <v>63</v>
      </c>
      <c r="D16005" s="14" t="s">
        <v>116</v>
      </c>
      <c r="E16005" s="15">
        <v>45686</v>
      </c>
      <c r="F16005" s="14" t="s">
        <v>15</v>
      </c>
      <c r="G16005" s="16">
        <v>0</v>
      </c>
    </row>
    <row r="16006" spans="1:7" x14ac:dyDescent="0.3">
      <c r="A16006" s="13" t="s">
        <v>115</v>
      </c>
      <c r="B16006" s="14" t="s">
        <v>1</v>
      </c>
      <c r="C16006" s="14" t="s">
        <v>63</v>
      </c>
      <c r="D16006" s="14" t="s">
        <v>116</v>
      </c>
      <c r="E16006" s="15">
        <v>45687</v>
      </c>
      <c r="F16006" s="14" t="s">
        <v>15</v>
      </c>
      <c r="G16006" s="16">
        <v>0</v>
      </c>
    </row>
    <row r="16007" spans="1:7" x14ac:dyDescent="0.3">
      <c r="A16007" s="13" t="s">
        <v>115</v>
      </c>
      <c r="B16007" s="14" t="s">
        <v>1</v>
      </c>
      <c r="C16007" s="14" t="s">
        <v>63</v>
      </c>
      <c r="D16007" s="14" t="s">
        <v>116</v>
      </c>
      <c r="E16007" s="15">
        <v>45688</v>
      </c>
      <c r="F16007" s="14" t="s">
        <v>15</v>
      </c>
      <c r="G16007" s="16">
        <v>0</v>
      </c>
    </row>
    <row r="16008" spans="1:7" x14ac:dyDescent="0.3">
      <c r="A16008" s="13" t="s">
        <v>115</v>
      </c>
      <c r="B16008" s="14" t="s">
        <v>1</v>
      </c>
      <c r="C16008" s="14" t="s">
        <v>63</v>
      </c>
      <c r="D16008" s="14" t="s">
        <v>116</v>
      </c>
      <c r="E16008" s="15">
        <v>45689</v>
      </c>
      <c r="F16008" s="14" t="s">
        <v>15</v>
      </c>
      <c r="G16008" s="16">
        <v>0</v>
      </c>
    </row>
    <row r="16009" spans="1:7" x14ac:dyDescent="0.3">
      <c r="A16009" s="13" t="s">
        <v>115</v>
      </c>
      <c r="B16009" s="14" t="s">
        <v>1</v>
      </c>
      <c r="C16009" s="14" t="s">
        <v>63</v>
      </c>
      <c r="D16009" s="14" t="s">
        <v>116</v>
      </c>
      <c r="E16009" s="15">
        <v>45690</v>
      </c>
      <c r="F16009" s="14" t="s">
        <v>15</v>
      </c>
      <c r="G16009" s="16">
        <v>0</v>
      </c>
    </row>
    <row r="16010" spans="1:7" x14ac:dyDescent="0.3">
      <c r="A16010" s="13" t="s">
        <v>115</v>
      </c>
      <c r="B16010" s="14" t="s">
        <v>1</v>
      </c>
      <c r="C16010" s="14" t="s">
        <v>63</v>
      </c>
      <c r="D16010" s="14" t="s">
        <v>116</v>
      </c>
      <c r="E16010" s="15">
        <v>45691</v>
      </c>
      <c r="F16010" s="14" t="s">
        <v>15</v>
      </c>
      <c r="G16010" s="16">
        <v>0</v>
      </c>
    </row>
    <row r="16011" spans="1:7" x14ac:dyDescent="0.3">
      <c r="A16011" s="13" t="s">
        <v>115</v>
      </c>
      <c r="B16011" s="14" t="s">
        <v>1</v>
      </c>
      <c r="C16011" s="14" t="s">
        <v>63</v>
      </c>
      <c r="D16011" s="14" t="s">
        <v>116</v>
      </c>
      <c r="E16011" s="15">
        <v>45692</v>
      </c>
      <c r="F16011" s="14" t="s">
        <v>15</v>
      </c>
      <c r="G16011" s="16">
        <v>0</v>
      </c>
    </row>
    <row r="16012" spans="1:7" x14ac:dyDescent="0.3">
      <c r="A16012" s="13" t="s">
        <v>115</v>
      </c>
      <c r="B16012" s="14" t="s">
        <v>1</v>
      </c>
      <c r="C16012" s="14" t="s">
        <v>63</v>
      </c>
      <c r="D16012" s="14" t="s">
        <v>116</v>
      </c>
      <c r="E16012" s="15">
        <v>45693</v>
      </c>
      <c r="F16012" s="14" t="s">
        <v>15</v>
      </c>
      <c r="G16012" s="16">
        <v>0</v>
      </c>
    </row>
    <row r="16013" spans="1:7" x14ac:dyDescent="0.3">
      <c r="A16013" s="13" t="s">
        <v>115</v>
      </c>
      <c r="B16013" s="14" t="s">
        <v>1</v>
      </c>
      <c r="C16013" s="14" t="s">
        <v>63</v>
      </c>
      <c r="D16013" s="14" t="s">
        <v>116</v>
      </c>
      <c r="E16013" s="15">
        <v>45694</v>
      </c>
      <c r="F16013" s="14" t="s">
        <v>15</v>
      </c>
      <c r="G16013" s="16">
        <v>0</v>
      </c>
    </row>
    <row r="16014" spans="1:7" x14ac:dyDescent="0.3">
      <c r="A16014" s="13" t="s">
        <v>115</v>
      </c>
      <c r="B16014" s="14" t="s">
        <v>1</v>
      </c>
      <c r="C16014" s="14" t="s">
        <v>63</v>
      </c>
      <c r="D16014" s="14" t="s">
        <v>116</v>
      </c>
      <c r="E16014" s="15">
        <v>45695</v>
      </c>
      <c r="F16014" s="14" t="s">
        <v>15</v>
      </c>
      <c r="G16014" s="16">
        <v>0</v>
      </c>
    </row>
    <row r="16015" spans="1:7" x14ac:dyDescent="0.3">
      <c r="A16015" s="13" t="s">
        <v>115</v>
      </c>
      <c r="B16015" s="14" t="s">
        <v>1</v>
      </c>
      <c r="C16015" s="14" t="s">
        <v>63</v>
      </c>
      <c r="D16015" s="14" t="s">
        <v>116</v>
      </c>
      <c r="E16015" s="15">
        <v>45696</v>
      </c>
      <c r="F16015" s="14" t="s">
        <v>15</v>
      </c>
      <c r="G16015" s="16">
        <v>0</v>
      </c>
    </row>
    <row r="16016" spans="1:7" x14ac:dyDescent="0.3">
      <c r="A16016" s="13" t="s">
        <v>115</v>
      </c>
      <c r="B16016" s="14" t="s">
        <v>1</v>
      </c>
      <c r="C16016" s="14" t="s">
        <v>63</v>
      </c>
      <c r="D16016" s="14" t="s">
        <v>116</v>
      </c>
      <c r="E16016" s="15">
        <v>45697</v>
      </c>
      <c r="F16016" s="14" t="s">
        <v>15</v>
      </c>
      <c r="G16016" s="16">
        <v>0</v>
      </c>
    </row>
    <row r="16017" spans="1:7" x14ac:dyDescent="0.3">
      <c r="A16017" s="13" t="s">
        <v>115</v>
      </c>
      <c r="B16017" s="14" t="s">
        <v>1</v>
      </c>
      <c r="C16017" s="14" t="s">
        <v>63</v>
      </c>
      <c r="D16017" s="14" t="s">
        <v>116</v>
      </c>
      <c r="E16017" s="15">
        <v>45698</v>
      </c>
      <c r="F16017" s="14" t="s">
        <v>15</v>
      </c>
      <c r="G16017" s="16">
        <v>0</v>
      </c>
    </row>
    <row r="16018" spans="1:7" x14ac:dyDescent="0.3">
      <c r="A16018" s="13" t="s">
        <v>115</v>
      </c>
      <c r="B16018" s="14" t="s">
        <v>1</v>
      </c>
      <c r="C16018" s="14" t="s">
        <v>63</v>
      </c>
      <c r="D16018" s="14" t="s">
        <v>116</v>
      </c>
      <c r="E16018" s="15">
        <v>45699</v>
      </c>
      <c r="F16018" s="14" t="s">
        <v>15</v>
      </c>
      <c r="G16018" s="16">
        <v>0</v>
      </c>
    </row>
    <row r="16019" spans="1:7" x14ac:dyDescent="0.3">
      <c r="A16019" s="13" t="s">
        <v>115</v>
      </c>
      <c r="B16019" s="14" t="s">
        <v>1</v>
      </c>
      <c r="C16019" s="14" t="s">
        <v>63</v>
      </c>
      <c r="D16019" s="14" t="s">
        <v>116</v>
      </c>
      <c r="E16019" s="15">
        <v>45700</v>
      </c>
      <c r="F16019" s="14" t="s">
        <v>15</v>
      </c>
      <c r="G16019" s="16">
        <v>0</v>
      </c>
    </row>
    <row r="16020" spans="1:7" x14ac:dyDescent="0.3">
      <c r="A16020" s="13" t="s">
        <v>115</v>
      </c>
      <c r="B16020" s="14" t="s">
        <v>1</v>
      </c>
      <c r="C16020" s="14" t="s">
        <v>63</v>
      </c>
      <c r="D16020" s="14" t="s">
        <v>116</v>
      </c>
      <c r="E16020" s="15">
        <v>45701</v>
      </c>
      <c r="F16020" s="14" t="s">
        <v>15</v>
      </c>
      <c r="G16020" s="16">
        <v>0</v>
      </c>
    </row>
    <row r="16021" spans="1:7" x14ac:dyDescent="0.3">
      <c r="A16021" s="13" t="s">
        <v>115</v>
      </c>
      <c r="B16021" s="14" t="s">
        <v>1</v>
      </c>
      <c r="C16021" s="14" t="s">
        <v>63</v>
      </c>
      <c r="D16021" s="14" t="s">
        <v>116</v>
      </c>
      <c r="E16021" s="15">
        <v>45702</v>
      </c>
      <c r="F16021" s="14" t="s">
        <v>15</v>
      </c>
      <c r="G16021" s="16">
        <v>0</v>
      </c>
    </row>
    <row r="16022" spans="1:7" x14ac:dyDescent="0.3">
      <c r="A16022" s="13" t="s">
        <v>115</v>
      </c>
      <c r="B16022" s="14" t="s">
        <v>1</v>
      </c>
      <c r="C16022" s="14" t="s">
        <v>63</v>
      </c>
      <c r="D16022" s="14" t="s">
        <v>116</v>
      </c>
      <c r="E16022" s="15">
        <v>45703</v>
      </c>
      <c r="F16022" s="14" t="s">
        <v>15</v>
      </c>
      <c r="G16022" s="16">
        <v>0</v>
      </c>
    </row>
    <row r="16023" spans="1:7" x14ac:dyDescent="0.3">
      <c r="A16023" s="13" t="s">
        <v>115</v>
      </c>
      <c r="B16023" s="14" t="s">
        <v>1</v>
      </c>
      <c r="C16023" s="14" t="s">
        <v>63</v>
      </c>
      <c r="D16023" s="14" t="s">
        <v>116</v>
      </c>
      <c r="E16023" s="15">
        <v>45704</v>
      </c>
      <c r="F16023" s="14" t="s">
        <v>15</v>
      </c>
      <c r="G16023" s="16">
        <v>0</v>
      </c>
    </row>
    <row r="16024" spans="1:7" x14ac:dyDescent="0.3">
      <c r="A16024" s="13" t="s">
        <v>115</v>
      </c>
      <c r="B16024" s="14" t="s">
        <v>1</v>
      </c>
      <c r="C16024" s="14" t="s">
        <v>63</v>
      </c>
      <c r="D16024" s="14" t="s">
        <v>116</v>
      </c>
      <c r="E16024" s="15">
        <v>45705</v>
      </c>
      <c r="F16024" s="14" t="s">
        <v>15</v>
      </c>
      <c r="G16024" s="16">
        <v>0</v>
      </c>
    </row>
    <row r="16025" spans="1:7" x14ac:dyDescent="0.3">
      <c r="A16025" s="13" t="s">
        <v>115</v>
      </c>
      <c r="B16025" s="14" t="s">
        <v>1</v>
      </c>
      <c r="C16025" s="14" t="s">
        <v>63</v>
      </c>
      <c r="D16025" s="14" t="s">
        <v>116</v>
      </c>
      <c r="E16025" s="15">
        <v>45706</v>
      </c>
      <c r="F16025" s="14" t="s">
        <v>15</v>
      </c>
      <c r="G16025" s="16">
        <v>0</v>
      </c>
    </row>
    <row r="16026" spans="1:7" x14ac:dyDescent="0.3">
      <c r="A16026" s="13" t="s">
        <v>115</v>
      </c>
      <c r="B16026" s="14" t="s">
        <v>1</v>
      </c>
      <c r="C16026" s="14" t="s">
        <v>63</v>
      </c>
      <c r="D16026" s="14" t="s">
        <v>116</v>
      </c>
      <c r="E16026" s="15">
        <v>45707</v>
      </c>
      <c r="F16026" s="14" t="s">
        <v>15</v>
      </c>
      <c r="G16026" s="16">
        <v>0</v>
      </c>
    </row>
    <row r="16027" spans="1:7" x14ac:dyDescent="0.3">
      <c r="A16027" s="13" t="s">
        <v>115</v>
      </c>
      <c r="B16027" s="14" t="s">
        <v>1</v>
      </c>
      <c r="C16027" s="14" t="s">
        <v>63</v>
      </c>
      <c r="D16027" s="14" t="s">
        <v>116</v>
      </c>
      <c r="E16027" s="15">
        <v>45708</v>
      </c>
      <c r="F16027" s="14" t="s">
        <v>15</v>
      </c>
      <c r="G16027" s="16">
        <v>0</v>
      </c>
    </row>
    <row r="16028" spans="1:7" x14ac:dyDescent="0.3">
      <c r="A16028" s="13" t="s">
        <v>115</v>
      </c>
      <c r="B16028" s="14" t="s">
        <v>1</v>
      </c>
      <c r="C16028" s="14" t="s">
        <v>63</v>
      </c>
      <c r="D16028" s="14" t="s">
        <v>116</v>
      </c>
      <c r="E16028" s="15">
        <v>45709</v>
      </c>
      <c r="F16028" s="14" t="s">
        <v>15</v>
      </c>
      <c r="G16028" s="16">
        <v>0</v>
      </c>
    </row>
    <row r="16029" spans="1:7" x14ac:dyDescent="0.3">
      <c r="A16029" s="13" t="s">
        <v>115</v>
      </c>
      <c r="B16029" s="14" t="s">
        <v>1</v>
      </c>
      <c r="C16029" s="14" t="s">
        <v>63</v>
      </c>
      <c r="D16029" s="14" t="s">
        <v>116</v>
      </c>
      <c r="E16029" s="15">
        <v>45710</v>
      </c>
      <c r="F16029" s="14" t="s">
        <v>15</v>
      </c>
      <c r="G16029" s="16">
        <v>0</v>
      </c>
    </row>
    <row r="16030" spans="1:7" x14ac:dyDescent="0.3">
      <c r="A16030" s="13" t="s">
        <v>115</v>
      </c>
      <c r="B16030" s="14" t="s">
        <v>1</v>
      </c>
      <c r="C16030" s="14" t="s">
        <v>63</v>
      </c>
      <c r="D16030" s="14" t="s">
        <v>116</v>
      </c>
      <c r="E16030" s="15">
        <v>45711</v>
      </c>
      <c r="F16030" s="14" t="s">
        <v>15</v>
      </c>
      <c r="G16030" s="16">
        <v>0</v>
      </c>
    </row>
    <row r="16031" spans="1:7" x14ac:dyDescent="0.3">
      <c r="A16031" s="13" t="s">
        <v>115</v>
      </c>
      <c r="B16031" s="14" t="s">
        <v>1</v>
      </c>
      <c r="C16031" s="14" t="s">
        <v>63</v>
      </c>
      <c r="D16031" s="14" t="s">
        <v>116</v>
      </c>
      <c r="E16031" s="15">
        <v>45712</v>
      </c>
      <c r="F16031" s="14" t="s">
        <v>15</v>
      </c>
      <c r="G16031" s="16">
        <v>0</v>
      </c>
    </row>
    <row r="16032" spans="1:7" x14ac:dyDescent="0.3">
      <c r="A16032" s="13" t="s">
        <v>115</v>
      </c>
      <c r="B16032" s="14" t="s">
        <v>1</v>
      </c>
      <c r="C16032" s="14" t="s">
        <v>63</v>
      </c>
      <c r="D16032" s="14" t="s">
        <v>116</v>
      </c>
      <c r="E16032" s="15">
        <v>45713</v>
      </c>
      <c r="F16032" s="14" t="s">
        <v>15</v>
      </c>
      <c r="G16032" s="16">
        <v>0</v>
      </c>
    </row>
    <row r="16033" spans="1:7" x14ac:dyDescent="0.3">
      <c r="A16033" s="13" t="s">
        <v>115</v>
      </c>
      <c r="B16033" s="14" t="s">
        <v>1</v>
      </c>
      <c r="C16033" s="14" t="s">
        <v>63</v>
      </c>
      <c r="D16033" s="14" t="s">
        <v>116</v>
      </c>
      <c r="E16033" s="15">
        <v>45714</v>
      </c>
      <c r="F16033" s="14" t="s">
        <v>15</v>
      </c>
      <c r="G16033" s="16">
        <v>0</v>
      </c>
    </row>
    <row r="16034" spans="1:7" x14ac:dyDescent="0.3">
      <c r="A16034" s="13" t="s">
        <v>115</v>
      </c>
      <c r="B16034" s="14" t="s">
        <v>1</v>
      </c>
      <c r="C16034" s="14" t="s">
        <v>63</v>
      </c>
      <c r="D16034" s="14" t="s">
        <v>116</v>
      </c>
      <c r="E16034" s="15">
        <v>45715</v>
      </c>
      <c r="F16034" s="14" t="s">
        <v>15</v>
      </c>
      <c r="G16034" s="16">
        <v>0</v>
      </c>
    </row>
    <row r="16035" spans="1:7" x14ac:dyDescent="0.3">
      <c r="A16035" s="13" t="s">
        <v>115</v>
      </c>
      <c r="B16035" s="14" t="s">
        <v>1</v>
      </c>
      <c r="C16035" s="14" t="s">
        <v>63</v>
      </c>
      <c r="D16035" s="14" t="s">
        <v>116</v>
      </c>
      <c r="E16035" s="15">
        <v>45716</v>
      </c>
      <c r="F16035" s="14" t="s">
        <v>15</v>
      </c>
      <c r="G16035" s="16">
        <v>0</v>
      </c>
    </row>
    <row r="16036" spans="1:7" x14ac:dyDescent="0.3">
      <c r="A16036" s="13" t="s">
        <v>115</v>
      </c>
      <c r="B16036" s="14" t="s">
        <v>1</v>
      </c>
      <c r="C16036" s="14" t="s">
        <v>63</v>
      </c>
      <c r="D16036" s="14" t="s">
        <v>116</v>
      </c>
      <c r="E16036" s="15">
        <v>45717</v>
      </c>
      <c r="F16036" s="14" t="s">
        <v>15</v>
      </c>
      <c r="G16036" s="16">
        <v>0</v>
      </c>
    </row>
    <row r="16037" spans="1:7" x14ac:dyDescent="0.3">
      <c r="A16037" s="13" t="s">
        <v>115</v>
      </c>
      <c r="B16037" s="14" t="s">
        <v>1</v>
      </c>
      <c r="C16037" s="14" t="s">
        <v>63</v>
      </c>
      <c r="D16037" s="14" t="s">
        <v>116</v>
      </c>
      <c r="E16037" s="15">
        <v>45718</v>
      </c>
      <c r="F16037" s="14" t="s">
        <v>15</v>
      </c>
      <c r="G16037" s="16">
        <v>0</v>
      </c>
    </row>
    <row r="16038" spans="1:7" x14ac:dyDescent="0.3">
      <c r="A16038" s="13" t="s">
        <v>115</v>
      </c>
      <c r="B16038" s="14" t="s">
        <v>1</v>
      </c>
      <c r="C16038" s="14" t="s">
        <v>63</v>
      </c>
      <c r="D16038" s="14" t="s">
        <v>116</v>
      </c>
      <c r="E16038" s="15">
        <v>45719</v>
      </c>
      <c r="F16038" s="14" t="s">
        <v>15</v>
      </c>
      <c r="G16038" s="16">
        <v>0</v>
      </c>
    </row>
    <row r="16039" spans="1:7" x14ac:dyDescent="0.3">
      <c r="A16039" s="13" t="s">
        <v>115</v>
      </c>
      <c r="B16039" s="14" t="s">
        <v>1</v>
      </c>
      <c r="C16039" s="14" t="s">
        <v>63</v>
      </c>
      <c r="D16039" s="14" t="s">
        <v>116</v>
      </c>
      <c r="E16039" s="15">
        <v>45720</v>
      </c>
      <c r="F16039" s="14" t="s">
        <v>15</v>
      </c>
      <c r="G16039" s="16">
        <v>0</v>
      </c>
    </row>
    <row r="16040" spans="1:7" x14ac:dyDescent="0.3">
      <c r="A16040" s="13" t="s">
        <v>115</v>
      </c>
      <c r="B16040" s="14" t="s">
        <v>1</v>
      </c>
      <c r="C16040" s="14" t="s">
        <v>63</v>
      </c>
      <c r="D16040" s="14" t="s">
        <v>116</v>
      </c>
      <c r="E16040" s="15">
        <v>45721</v>
      </c>
      <c r="F16040" s="14" t="s">
        <v>15</v>
      </c>
      <c r="G16040" s="16">
        <v>0</v>
      </c>
    </row>
    <row r="16041" spans="1:7" x14ac:dyDescent="0.3">
      <c r="A16041" s="13" t="s">
        <v>115</v>
      </c>
      <c r="B16041" s="14" t="s">
        <v>1</v>
      </c>
      <c r="C16041" s="14" t="s">
        <v>63</v>
      </c>
      <c r="D16041" s="14" t="s">
        <v>116</v>
      </c>
      <c r="E16041" s="15">
        <v>45722</v>
      </c>
      <c r="F16041" s="14" t="s">
        <v>15</v>
      </c>
      <c r="G16041" s="16">
        <v>0</v>
      </c>
    </row>
    <row r="16042" spans="1:7" x14ac:dyDescent="0.3">
      <c r="A16042" s="13" t="s">
        <v>115</v>
      </c>
      <c r="B16042" s="14" t="s">
        <v>1</v>
      </c>
      <c r="C16042" s="14" t="s">
        <v>63</v>
      </c>
      <c r="D16042" s="14" t="s">
        <v>116</v>
      </c>
      <c r="E16042" s="15">
        <v>45723</v>
      </c>
      <c r="F16042" s="14" t="s">
        <v>15</v>
      </c>
      <c r="G16042" s="16">
        <v>0</v>
      </c>
    </row>
    <row r="16043" spans="1:7" x14ac:dyDescent="0.3">
      <c r="A16043" s="13" t="s">
        <v>115</v>
      </c>
      <c r="B16043" s="14" t="s">
        <v>1</v>
      </c>
      <c r="C16043" s="14" t="s">
        <v>63</v>
      </c>
      <c r="D16043" s="14" t="s">
        <v>116</v>
      </c>
      <c r="E16043" s="15">
        <v>45724</v>
      </c>
      <c r="F16043" s="14" t="s">
        <v>15</v>
      </c>
      <c r="G16043" s="16">
        <v>0</v>
      </c>
    </row>
    <row r="16044" spans="1:7" x14ac:dyDescent="0.3">
      <c r="A16044" s="13" t="s">
        <v>115</v>
      </c>
      <c r="B16044" s="14" t="s">
        <v>1</v>
      </c>
      <c r="C16044" s="14" t="s">
        <v>63</v>
      </c>
      <c r="D16044" s="14" t="s">
        <v>116</v>
      </c>
      <c r="E16044" s="15">
        <v>45725</v>
      </c>
      <c r="F16044" s="14" t="s">
        <v>15</v>
      </c>
      <c r="G16044" s="16">
        <v>0</v>
      </c>
    </row>
    <row r="16045" spans="1:7" x14ac:dyDescent="0.3">
      <c r="A16045" s="13" t="s">
        <v>115</v>
      </c>
      <c r="B16045" s="14" t="s">
        <v>1</v>
      </c>
      <c r="C16045" s="14" t="s">
        <v>63</v>
      </c>
      <c r="D16045" s="14" t="s">
        <v>116</v>
      </c>
      <c r="E16045" s="15">
        <v>45726</v>
      </c>
      <c r="F16045" s="14" t="s">
        <v>15</v>
      </c>
      <c r="G16045" s="16">
        <v>0</v>
      </c>
    </row>
    <row r="16046" spans="1:7" x14ac:dyDescent="0.3">
      <c r="A16046" s="13" t="s">
        <v>115</v>
      </c>
      <c r="B16046" s="14" t="s">
        <v>1</v>
      </c>
      <c r="C16046" s="14" t="s">
        <v>63</v>
      </c>
      <c r="D16046" s="14" t="s">
        <v>116</v>
      </c>
      <c r="E16046" s="15">
        <v>45727</v>
      </c>
      <c r="F16046" s="14" t="s">
        <v>15</v>
      </c>
      <c r="G16046" s="16">
        <v>0</v>
      </c>
    </row>
    <row r="16047" spans="1:7" x14ac:dyDescent="0.3">
      <c r="A16047" s="13" t="s">
        <v>115</v>
      </c>
      <c r="B16047" s="14" t="s">
        <v>1</v>
      </c>
      <c r="C16047" s="14" t="s">
        <v>63</v>
      </c>
      <c r="D16047" s="14" t="s">
        <v>116</v>
      </c>
      <c r="E16047" s="15">
        <v>45728</v>
      </c>
      <c r="F16047" s="14" t="s">
        <v>15</v>
      </c>
      <c r="G16047" s="16">
        <v>0</v>
      </c>
    </row>
    <row r="16048" spans="1:7" x14ac:dyDescent="0.3">
      <c r="A16048" s="13" t="s">
        <v>115</v>
      </c>
      <c r="B16048" s="14" t="s">
        <v>1</v>
      </c>
      <c r="C16048" s="14" t="s">
        <v>63</v>
      </c>
      <c r="D16048" s="14" t="s">
        <v>116</v>
      </c>
      <c r="E16048" s="15">
        <v>45729</v>
      </c>
      <c r="F16048" s="14" t="s">
        <v>15</v>
      </c>
      <c r="G16048" s="16">
        <v>0</v>
      </c>
    </row>
    <row r="16049" spans="1:7" x14ac:dyDescent="0.3">
      <c r="A16049" s="13" t="s">
        <v>115</v>
      </c>
      <c r="B16049" s="14" t="s">
        <v>1</v>
      </c>
      <c r="C16049" s="14" t="s">
        <v>63</v>
      </c>
      <c r="D16049" s="14" t="s">
        <v>116</v>
      </c>
      <c r="E16049" s="15">
        <v>45730</v>
      </c>
      <c r="F16049" s="14" t="s">
        <v>15</v>
      </c>
      <c r="G16049" s="16">
        <v>0</v>
      </c>
    </row>
    <row r="16050" spans="1:7" x14ac:dyDescent="0.3">
      <c r="A16050" s="13" t="s">
        <v>115</v>
      </c>
      <c r="B16050" s="14" t="s">
        <v>1</v>
      </c>
      <c r="C16050" s="14" t="s">
        <v>63</v>
      </c>
      <c r="D16050" s="14" t="s">
        <v>116</v>
      </c>
      <c r="E16050" s="15">
        <v>45731</v>
      </c>
      <c r="F16050" s="14" t="s">
        <v>15</v>
      </c>
      <c r="G16050" s="16">
        <v>0</v>
      </c>
    </row>
    <row r="16051" spans="1:7" x14ac:dyDescent="0.3">
      <c r="A16051" s="13" t="s">
        <v>115</v>
      </c>
      <c r="B16051" s="14" t="s">
        <v>1</v>
      </c>
      <c r="C16051" s="14" t="s">
        <v>63</v>
      </c>
      <c r="D16051" s="14" t="s">
        <v>116</v>
      </c>
      <c r="E16051" s="15">
        <v>45732</v>
      </c>
      <c r="F16051" s="14" t="s">
        <v>15</v>
      </c>
      <c r="G16051" s="16">
        <v>0</v>
      </c>
    </row>
    <row r="16052" spans="1:7" x14ac:dyDescent="0.3">
      <c r="A16052" s="13" t="s">
        <v>115</v>
      </c>
      <c r="B16052" s="14" t="s">
        <v>1</v>
      </c>
      <c r="C16052" s="14" t="s">
        <v>63</v>
      </c>
      <c r="D16052" s="14" t="s">
        <v>116</v>
      </c>
      <c r="E16052" s="15">
        <v>45733</v>
      </c>
      <c r="F16052" s="14" t="s">
        <v>15</v>
      </c>
      <c r="G16052" s="16">
        <v>0</v>
      </c>
    </row>
    <row r="16053" spans="1:7" x14ac:dyDescent="0.3">
      <c r="A16053" s="13" t="s">
        <v>115</v>
      </c>
      <c r="B16053" s="14" t="s">
        <v>1</v>
      </c>
      <c r="C16053" s="14" t="s">
        <v>63</v>
      </c>
      <c r="D16053" s="14" t="s">
        <v>116</v>
      </c>
      <c r="E16053" s="15">
        <v>45734</v>
      </c>
      <c r="F16053" s="14" t="s">
        <v>15</v>
      </c>
      <c r="G16053" s="16">
        <v>0</v>
      </c>
    </row>
    <row r="16054" spans="1:7" x14ac:dyDescent="0.3">
      <c r="A16054" s="13" t="s">
        <v>115</v>
      </c>
      <c r="B16054" s="14" t="s">
        <v>1</v>
      </c>
      <c r="C16054" s="14" t="s">
        <v>63</v>
      </c>
      <c r="D16054" s="14" t="s">
        <v>116</v>
      </c>
      <c r="E16054" s="15">
        <v>45735</v>
      </c>
      <c r="F16054" s="14" t="s">
        <v>15</v>
      </c>
      <c r="G16054" s="16">
        <v>3.6191609210838326E-2</v>
      </c>
    </row>
    <row r="16055" spans="1:7" x14ac:dyDescent="0.3">
      <c r="A16055" s="13" t="s">
        <v>115</v>
      </c>
      <c r="B16055" s="14" t="s">
        <v>1</v>
      </c>
      <c r="C16055" s="14" t="s">
        <v>63</v>
      </c>
      <c r="D16055" s="14" t="s">
        <v>116</v>
      </c>
      <c r="E16055" s="15">
        <v>45736</v>
      </c>
      <c r="F16055" s="14" t="s">
        <v>15</v>
      </c>
      <c r="G16055" s="16">
        <v>4.5933736421917504E-2</v>
      </c>
    </row>
    <row r="16056" spans="1:7" x14ac:dyDescent="0.3">
      <c r="A16056" s="13" t="s">
        <v>115</v>
      </c>
      <c r="B16056" s="14" t="s">
        <v>1</v>
      </c>
      <c r="C16056" s="14" t="s">
        <v>63</v>
      </c>
      <c r="D16056" s="14" t="s">
        <v>116</v>
      </c>
      <c r="E16056" s="15">
        <v>45737</v>
      </c>
      <c r="F16056" s="14" t="s">
        <v>15</v>
      </c>
      <c r="G16056" s="16">
        <v>4.5540605367121643E-2</v>
      </c>
    </row>
    <row r="16057" spans="1:7" x14ac:dyDescent="0.3">
      <c r="A16057" s="13" t="s">
        <v>115</v>
      </c>
      <c r="B16057" s="14" t="s">
        <v>1</v>
      </c>
      <c r="C16057" s="14" t="s">
        <v>63</v>
      </c>
      <c r="D16057" s="14" t="s">
        <v>116</v>
      </c>
      <c r="E16057" s="15">
        <v>45738</v>
      </c>
      <c r="F16057" s="14" t="s">
        <v>15</v>
      </c>
      <c r="G16057" s="16">
        <v>4.5540605367121643E-2</v>
      </c>
    </row>
    <row r="16058" spans="1:7" x14ac:dyDescent="0.3">
      <c r="A16058" s="13" t="s">
        <v>115</v>
      </c>
      <c r="B16058" s="14" t="s">
        <v>1</v>
      </c>
      <c r="C16058" s="14" t="s">
        <v>63</v>
      </c>
      <c r="D16058" s="14" t="s">
        <v>116</v>
      </c>
      <c r="E16058" s="15">
        <v>45739</v>
      </c>
      <c r="F16058" s="14" t="s">
        <v>15</v>
      </c>
      <c r="G16058" s="16">
        <v>4.5540605367121643E-2</v>
      </c>
    </row>
    <row r="16059" spans="1:7" x14ac:dyDescent="0.3">
      <c r="A16059" s="13" t="s">
        <v>115</v>
      </c>
      <c r="B16059" s="14" t="s">
        <v>1</v>
      </c>
      <c r="C16059" s="14" t="s">
        <v>63</v>
      </c>
      <c r="D16059" s="14" t="s">
        <v>116</v>
      </c>
      <c r="E16059" s="15">
        <v>45740</v>
      </c>
      <c r="F16059" s="14" t="s">
        <v>15</v>
      </c>
      <c r="G16059" s="16">
        <v>5.5235217252093662E-2</v>
      </c>
    </row>
    <row r="16060" spans="1:7" x14ac:dyDescent="0.3">
      <c r="A16060" s="13" t="s">
        <v>115</v>
      </c>
      <c r="B16060" s="14" t="s">
        <v>1</v>
      </c>
      <c r="C16060" s="14" t="s">
        <v>63</v>
      </c>
      <c r="D16060" s="14" t="s">
        <v>116</v>
      </c>
      <c r="E16060" s="15">
        <v>45741</v>
      </c>
      <c r="F16060" s="14" t="s">
        <v>15</v>
      </c>
      <c r="G16060" s="16">
        <v>8.4170620758837994E-2</v>
      </c>
    </row>
    <row r="16061" spans="1:7" x14ac:dyDescent="0.3">
      <c r="A16061" s="13" t="s">
        <v>115</v>
      </c>
      <c r="B16061" s="14" t="s">
        <v>1</v>
      </c>
      <c r="C16061" s="14" t="s">
        <v>63</v>
      </c>
      <c r="D16061" s="14" t="s">
        <v>116</v>
      </c>
      <c r="E16061" s="15">
        <v>45742</v>
      </c>
      <c r="F16061" s="14" t="s">
        <v>15</v>
      </c>
      <c r="G16061" s="16">
        <v>9.4350886103039266E-2</v>
      </c>
    </row>
    <row r="16062" spans="1:7" x14ac:dyDescent="0.3">
      <c r="A16062" s="13" t="s">
        <v>115</v>
      </c>
      <c r="B16062" s="14" t="s">
        <v>1</v>
      </c>
      <c r="C16062" s="14" t="s">
        <v>63</v>
      </c>
      <c r="D16062" s="14" t="s">
        <v>116</v>
      </c>
      <c r="E16062" s="15">
        <v>45743</v>
      </c>
      <c r="F16062" s="14" t="s">
        <v>15</v>
      </c>
      <c r="G16062" s="16">
        <v>0.10954489385602761</v>
      </c>
    </row>
    <row r="16063" spans="1:7" x14ac:dyDescent="0.3">
      <c r="A16063" s="13" t="s">
        <v>115</v>
      </c>
      <c r="B16063" s="14" t="s">
        <v>1</v>
      </c>
      <c r="C16063" s="14" t="s">
        <v>63</v>
      </c>
      <c r="D16063" s="14" t="s">
        <v>116</v>
      </c>
      <c r="E16063" s="15">
        <v>45744</v>
      </c>
      <c r="F16063" s="14" t="s">
        <v>15</v>
      </c>
      <c r="G16063" s="16">
        <v>0.11911180237027021</v>
      </c>
    </row>
    <row r="16064" spans="1:7" x14ac:dyDescent="0.3">
      <c r="A16064" s="13" t="s">
        <v>115</v>
      </c>
      <c r="B16064" s="14" t="s">
        <v>1</v>
      </c>
      <c r="C16064" s="14" t="s">
        <v>63</v>
      </c>
      <c r="D16064" s="14" t="s">
        <v>116</v>
      </c>
      <c r="E16064" s="15">
        <v>45745</v>
      </c>
      <c r="F16064" s="14" t="s">
        <v>15</v>
      </c>
      <c r="G16064" s="16">
        <v>0.11911180237027021</v>
      </c>
    </row>
    <row r="16065" spans="1:7" x14ac:dyDescent="0.3">
      <c r="A16065" s="13" t="s">
        <v>115</v>
      </c>
      <c r="B16065" s="14" t="s">
        <v>1</v>
      </c>
      <c r="C16065" s="14" t="s">
        <v>63</v>
      </c>
      <c r="D16065" s="14" t="s">
        <v>116</v>
      </c>
      <c r="E16065" s="15">
        <v>45746</v>
      </c>
      <c r="F16065" s="14" t="s">
        <v>15</v>
      </c>
      <c r="G16065" s="16">
        <v>0.11911180237027021</v>
      </c>
    </row>
    <row r="16066" spans="1:7" x14ac:dyDescent="0.3">
      <c r="A16066" s="13" t="s">
        <v>115</v>
      </c>
      <c r="B16066" s="14" t="s">
        <v>1</v>
      </c>
      <c r="C16066" s="14" t="s">
        <v>63</v>
      </c>
      <c r="D16066" s="14" t="s">
        <v>116</v>
      </c>
      <c r="E16066" s="15">
        <v>45747</v>
      </c>
      <c r="F16066" s="14" t="s">
        <v>15</v>
      </c>
      <c r="G16066" s="16">
        <v>0.11911180237027021</v>
      </c>
    </row>
    <row r="16067" spans="1:7" x14ac:dyDescent="0.3">
      <c r="A16067" s="13" t="s">
        <v>117</v>
      </c>
      <c r="B16067" s="14" t="s">
        <v>1</v>
      </c>
      <c r="C16067" s="14" t="s">
        <v>41</v>
      </c>
      <c r="D16067" s="14" t="s">
        <v>118</v>
      </c>
      <c r="E16067" s="15">
        <v>45383</v>
      </c>
      <c r="F16067" s="14" t="s">
        <v>15</v>
      </c>
      <c r="G16067" s="16">
        <v>0</v>
      </c>
    </row>
    <row r="16068" spans="1:7" x14ac:dyDescent="0.3">
      <c r="A16068" s="13" t="s">
        <v>117</v>
      </c>
      <c r="B16068" s="14" t="s">
        <v>1</v>
      </c>
      <c r="C16068" s="14" t="s">
        <v>41</v>
      </c>
      <c r="D16068" s="14" t="s">
        <v>118</v>
      </c>
      <c r="E16068" s="15">
        <v>45384</v>
      </c>
      <c r="F16068" s="14" t="s">
        <v>15</v>
      </c>
      <c r="G16068" s="16">
        <v>0</v>
      </c>
    </row>
    <row r="16069" spans="1:7" x14ac:dyDescent="0.3">
      <c r="A16069" s="13" t="s">
        <v>117</v>
      </c>
      <c r="B16069" s="14" t="s">
        <v>1</v>
      </c>
      <c r="C16069" s="14" t="s">
        <v>41</v>
      </c>
      <c r="D16069" s="14" t="s">
        <v>118</v>
      </c>
      <c r="E16069" s="15">
        <v>45385</v>
      </c>
      <c r="F16069" s="14" t="s">
        <v>15</v>
      </c>
      <c r="G16069" s="16">
        <v>0</v>
      </c>
    </row>
    <row r="16070" spans="1:7" x14ac:dyDescent="0.3">
      <c r="A16070" s="13" t="s">
        <v>117</v>
      </c>
      <c r="B16070" s="14" t="s">
        <v>1</v>
      </c>
      <c r="C16070" s="14" t="s">
        <v>41</v>
      </c>
      <c r="D16070" s="14" t="s">
        <v>118</v>
      </c>
      <c r="E16070" s="15">
        <v>45386</v>
      </c>
      <c r="F16070" s="14" t="s">
        <v>15</v>
      </c>
      <c r="G16070" s="16">
        <v>0</v>
      </c>
    </row>
    <row r="16071" spans="1:7" x14ac:dyDescent="0.3">
      <c r="A16071" s="13" t="s">
        <v>117</v>
      </c>
      <c r="B16071" s="14" t="s">
        <v>1</v>
      </c>
      <c r="C16071" s="14" t="s">
        <v>41</v>
      </c>
      <c r="D16071" s="14" t="s">
        <v>118</v>
      </c>
      <c r="E16071" s="15">
        <v>45387</v>
      </c>
      <c r="F16071" s="14" t="s">
        <v>15</v>
      </c>
      <c r="G16071" s="16">
        <v>0</v>
      </c>
    </row>
    <row r="16072" spans="1:7" x14ac:dyDescent="0.3">
      <c r="A16072" s="13" t="s">
        <v>117</v>
      </c>
      <c r="B16072" s="14" t="s">
        <v>1</v>
      </c>
      <c r="C16072" s="14" t="s">
        <v>41</v>
      </c>
      <c r="D16072" s="14" t="s">
        <v>118</v>
      </c>
      <c r="E16072" s="15">
        <v>45388</v>
      </c>
      <c r="F16072" s="14" t="s">
        <v>15</v>
      </c>
      <c r="G16072" s="16">
        <v>0</v>
      </c>
    </row>
    <row r="16073" spans="1:7" x14ac:dyDescent="0.3">
      <c r="A16073" s="13" t="s">
        <v>117</v>
      </c>
      <c r="B16073" s="14" t="s">
        <v>1</v>
      </c>
      <c r="C16073" s="14" t="s">
        <v>41</v>
      </c>
      <c r="D16073" s="14" t="s">
        <v>118</v>
      </c>
      <c r="E16073" s="15">
        <v>45389</v>
      </c>
      <c r="F16073" s="14" t="s">
        <v>15</v>
      </c>
      <c r="G16073" s="16">
        <v>0</v>
      </c>
    </row>
    <row r="16074" spans="1:7" x14ac:dyDescent="0.3">
      <c r="A16074" s="13" t="s">
        <v>117</v>
      </c>
      <c r="B16074" s="14" t="s">
        <v>1</v>
      </c>
      <c r="C16074" s="14" t="s">
        <v>41</v>
      </c>
      <c r="D16074" s="14" t="s">
        <v>118</v>
      </c>
      <c r="E16074" s="15">
        <v>45390</v>
      </c>
      <c r="F16074" s="14" t="s">
        <v>15</v>
      </c>
      <c r="G16074" s="16">
        <v>0</v>
      </c>
    </row>
    <row r="16075" spans="1:7" x14ac:dyDescent="0.3">
      <c r="A16075" s="13" t="s">
        <v>117</v>
      </c>
      <c r="B16075" s="14" t="s">
        <v>1</v>
      </c>
      <c r="C16075" s="14" t="s">
        <v>41</v>
      </c>
      <c r="D16075" s="14" t="s">
        <v>118</v>
      </c>
      <c r="E16075" s="15">
        <v>45391</v>
      </c>
      <c r="F16075" s="14" t="s">
        <v>15</v>
      </c>
      <c r="G16075" s="16">
        <v>0</v>
      </c>
    </row>
    <row r="16076" spans="1:7" x14ac:dyDescent="0.3">
      <c r="A16076" s="13" t="s">
        <v>117</v>
      </c>
      <c r="B16076" s="14" t="s">
        <v>1</v>
      </c>
      <c r="C16076" s="14" t="s">
        <v>41</v>
      </c>
      <c r="D16076" s="14" t="s">
        <v>118</v>
      </c>
      <c r="E16076" s="15">
        <v>45392</v>
      </c>
      <c r="F16076" s="14" t="s">
        <v>15</v>
      </c>
      <c r="G16076" s="16">
        <v>0</v>
      </c>
    </row>
    <row r="16077" spans="1:7" x14ac:dyDescent="0.3">
      <c r="A16077" s="13" t="s">
        <v>117</v>
      </c>
      <c r="B16077" s="14" t="s">
        <v>1</v>
      </c>
      <c r="C16077" s="14" t="s">
        <v>41</v>
      </c>
      <c r="D16077" s="14" t="s">
        <v>118</v>
      </c>
      <c r="E16077" s="15">
        <v>45393</v>
      </c>
      <c r="F16077" s="14" t="s">
        <v>15</v>
      </c>
      <c r="G16077" s="16">
        <v>0</v>
      </c>
    </row>
    <row r="16078" spans="1:7" x14ac:dyDescent="0.3">
      <c r="A16078" s="13" t="s">
        <v>117</v>
      </c>
      <c r="B16078" s="14" t="s">
        <v>1</v>
      </c>
      <c r="C16078" s="14" t="s">
        <v>41</v>
      </c>
      <c r="D16078" s="14" t="s">
        <v>118</v>
      </c>
      <c r="E16078" s="15">
        <v>45394</v>
      </c>
      <c r="F16078" s="14" t="s">
        <v>15</v>
      </c>
      <c r="G16078" s="16">
        <v>0</v>
      </c>
    </row>
    <row r="16079" spans="1:7" x14ac:dyDescent="0.3">
      <c r="A16079" s="13" t="s">
        <v>117</v>
      </c>
      <c r="B16079" s="14" t="s">
        <v>1</v>
      </c>
      <c r="C16079" s="14" t="s">
        <v>41</v>
      </c>
      <c r="D16079" s="14" t="s">
        <v>118</v>
      </c>
      <c r="E16079" s="15">
        <v>45395</v>
      </c>
      <c r="F16079" s="14" t="s">
        <v>15</v>
      </c>
      <c r="G16079" s="16">
        <v>0</v>
      </c>
    </row>
    <row r="16080" spans="1:7" x14ac:dyDescent="0.3">
      <c r="A16080" s="13" t="s">
        <v>117</v>
      </c>
      <c r="B16080" s="14" t="s">
        <v>1</v>
      </c>
      <c r="C16080" s="14" t="s">
        <v>41</v>
      </c>
      <c r="D16080" s="14" t="s">
        <v>118</v>
      </c>
      <c r="E16080" s="15">
        <v>45396</v>
      </c>
      <c r="F16080" s="14" t="s">
        <v>15</v>
      </c>
      <c r="G16080" s="16">
        <v>0</v>
      </c>
    </row>
    <row r="16081" spans="1:7" x14ac:dyDescent="0.3">
      <c r="A16081" s="13" t="s">
        <v>117</v>
      </c>
      <c r="B16081" s="14" t="s">
        <v>1</v>
      </c>
      <c r="C16081" s="14" t="s">
        <v>41</v>
      </c>
      <c r="D16081" s="14" t="s">
        <v>118</v>
      </c>
      <c r="E16081" s="15">
        <v>45397</v>
      </c>
      <c r="F16081" s="14" t="s">
        <v>15</v>
      </c>
      <c r="G16081" s="16">
        <v>0</v>
      </c>
    </row>
    <row r="16082" spans="1:7" x14ac:dyDescent="0.3">
      <c r="A16082" s="13" t="s">
        <v>117</v>
      </c>
      <c r="B16082" s="14" t="s">
        <v>1</v>
      </c>
      <c r="C16082" s="14" t="s">
        <v>41</v>
      </c>
      <c r="D16082" s="14" t="s">
        <v>118</v>
      </c>
      <c r="E16082" s="15">
        <v>45398</v>
      </c>
      <c r="F16082" s="14" t="s">
        <v>15</v>
      </c>
      <c r="G16082" s="16">
        <v>0</v>
      </c>
    </row>
    <row r="16083" spans="1:7" x14ac:dyDescent="0.3">
      <c r="A16083" s="13" t="s">
        <v>117</v>
      </c>
      <c r="B16083" s="14" t="s">
        <v>1</v>
      </c>
      <c r="C16083" s="14" t="s">
        <v>41</v>
      </c>
      <c r="D16083" s="14" t="s">
        <v>118</v>
      </c>
      <c r="E16083" s="15">
        <v>45399</v>
      </c>
      <c r="F16083" s="14" t="s">
        <v>15</v>
      </c>
      <c r="G16083" s="16">
        <v>0</v>
      </c>
    </row>
    <row r="16084" spans="1:7" x14ac:dyDescent="0.3">
      <c r="A16084" s="13" t="s">
        <v>117</v>
      </c>
      <c r="B16084" s="14" t="s">
        <v>1</v>
      </c>
      <c r="C16084" s="14" t="s">
        <v>41</v>
      </c>
      <c r="D16084" s="14" t="s">
        <v>118</v>
      </c>
      <c r="E16084" s="15">
        <v>45400</v>
      </c>
      <c r="F16084" s="14" t="s">
        <v>15</v>
      </c>
      <c r="G16084" s="16">
        <v>0</v>
      </c>
    </row>
    <row r="16085" spans="1:7" x14ac:dyDescent="0.3">
      <c r="A16085" s="13" t="s">
        <v>117</v>
      </c>
      <c r="B16085" s="14" t="s">
        <v>1</v>
      </c>
      <c r="C16085" s="14" t="s">
        <v>41</v>
      </c>
      <c r="D16085" s="14" t="s">
        <v>118</v>
      </c>
      <c r="E16085" s="15">
        <v>45401</v>
      </c>
      <c r="F16085" s="14" t="s">
        <v>15</v>
      </c>
      <c r="G16085" s="16">
        <v>0</v>
      </c>
    </row>
    <row r="16086" spans="1:7" x14ac:dyDescent="0.3">
      <c r="A16086" s="13" t="s">
        <v>117</v>
      </c>
      <c r="B16086" s="14" t="s">
        <v>1</v>
      </c>
      <c r="C16086" s="14" t="s">
        <v>41</v>
      </c>
      <c r="D16086" s="14" t="s">
        <v>118</v>
      </c>
      <c r="E16086" s="15">
        <v>45402</v>
      </c>
      <c r="F16086" s="14" t="s">
        <v>15</v>
      </c>
      <c r="G16086" s="16">
        <v>0</v>
      </c>
    </row>
    <row r="16087" spans="1:7" x14ac:dyDescent="0.3">
      <c r="A16087" s="13" t="s">
        <v>117</v>
      </c>
      <c r="B16087" s="14" t="s">
        <v>1</v>
      </c>
      <c r="C16087" s="14" t="s">
        <v>41</v>
      </c>
      <c r="D16087" s="14" t="s">
        <v>118</v>
      </c>
      <c r="E16087" s="15">
        <v>45403</v>
      </c>
      <c r="F16087" s="14" t="s">
        <v>15</v>
      </c>
      <c r="G16087" s="16">
        <v>0</v>
      </c>
    </row>
    <row r="16088" spans="1:7" x14ac:dyDescent="0.3">
      <c r="A16088" s="13" t="s">
        <v>117</v>
      </c>
      <c r="B16088" s="14" t="s">
        <v>1</v>
      </c>
      <c r="C16088" s="14" t="s">
        <v>41</v>
      </c>
      <c r="D16088" s="14" t="s">
        <v>118</v>
      </c>
      <c r="E16088" s="15">
        <v>45404</v>
      </c>
      <c r="F16088" s="14" t="s">
        <v>15</v>
      </c>
      <c r="G16088" s="16">
        <v>0</v>
      </c>
    </row>
    <row r="16089" spans="1:7" x14ac:dyDescent="0.3">
      <c r="A16089" s="13" t="s">
        <v>117</v>
      </c>
      <c r="B16089" s="14" t="s">
        <v>1</v>
      </c>
      <c r="C16089" s="14" t="s">
        <v>41</v>
      </c>
      <c r="D16089" s="14" t="s">
        <v>118</v>
      </c>
      <c r="E16089" s="15">
        <v>45405</v>
      </c>
      <c r="F16089" s="14" t="s">
        <v>15</v>
      </c>
      <c r="G16089" s="16">
        <v>0</v>
      </c>
    </row>
    <row r="16090" spans="1:7" x14ac:dyDescent="0.3">
      <c r="A16090" s="13" t="s">
        <v>117</v>
      </c>
      <c r="B16090" s="14" t="s">
        <v>1</v>
      </c>
      <c r="C16090" s="14" t="s">
        <v>41</v>
      </c>
      <c r="D16090" s="14" t="s">
        <v>118</v>
      </c>
      <c r="E16090" s="15">
        <v>45406</v>
      </c>
      <c r="F16090" s="14" t="s">
        <v>15</v>
      </c>
      <c r="G16090" s="16">
        <v>0</v>
      </c>
    </row>
    <row r="16091" spans="1:7" x14ac:dyDescent="0.3">
      <c r="A16091" s="13" t="s">
        <v>117</v>
      </c>
      <c r="B16091" s="14" t="s">
        <v>1</v>
      </c>
      <c r="C16091" s="14" t="s">
        <v>41</v>
      </c>
      <c r="D16091" s="14" t="s">
        <v>118</v>
      </c>
      <c r="E16091" s="15">
        <v>45407</v>
      </c>
      <c r="F16091" s="14" t="s">
        <v>15</v>
      </c>
      <c r="G16091" s="16">
        <v>0</v>
      </c>
    </row>
    <row r="16092" spans="1:7" x14ac:dyDescent="0.3">
      <c r="A16092" s="13" t="s">
        <v>117</v>
      </c>
      <c r="B16092" s="14" t="s">
        <v>1</v>
      </c>
      <c r="C16092" s="14" t="s">
        <v>41</v>
      </c>
      <c r="D16092" s="14" t="s">
        <v>118</v>
      </c>
      <c r="E16092" s="15">
        <v>45408</v>
      </c>
      <c r="F16092" s="14" t="s">
        <v>15</v>
      </c>
      <c r="G16092" s="16">
        <v>0</v>
      </c>
    </row>
    <row r="16093" spans="1:7" x14ac:dyDescent="0.3">
      <c r="A16093" s="13" t="s">
        <v>117</v>
      </c>
      <c r="B16093" s="14" t="s">
        <v>1</v>
      </c>
      <c r="C16093" s="14" t="s">
        <v>41</v>
      </c>
      <c r="D16093" s="14" t="s">
        <v>118</v>
      </c>
      <c r="E16093" s="15">
        <v>45409</v>
      </c>
      <c r="F16093" s="14" t="s">
        <v>15</v>
      </c>
      <c r="G16093" s="16">
        <v>0</v>
      </c>
    </row>
    <row r="16094" spans="1:7" x14ac:dyDescent="0.3">
      <c r="A16094" s="13" t="s">
        <v>117</v>
      </c>
      <c r="B16094" s="14" t="s">
        <v>1</v>
      </c>
      <c r="C16094" s="14" t="s">
        <v>41</v>
      </c>
      <c r="D16094" s="14" t="s">
        <v>118</v>
      </c>
      <c r="E16094" s="15">
        <v>45410</v>
      </c>
      <c r="F16094" s="14" t="s">
        <v>15</v>
      </c>
      <c r="G16094" s="16">
        <v>0</v>
      </c>
    </row>
    <row r="16095" spans="1:7" x14ac:dyDescent="0.3">
      <c r="A16095" s="13" t="s">
        <v>117</v>
      </c>
      <c r="B16095" s="14" t="s">
        <v>1</v>
      </c>
      <c r="C16095" s="14" t="s">
        <v>41</v>
      </c>
      <c r="D16095" s="14" t="s">
        <v>118</v>
      </c>
      <c r="E16095" s="15">
        <v>45411</v>
      </c>
      <c r="F16095" s="14" t="s">
        <v>15</v>
      </c>
      <c r="G16095" s="16">
        <v>0</v>
      </c>
    </row>
    <row r="16096" spans="1:7" x14ac:dyDescent="0.3">
      <c r="A16096" s="13" t="s">
        <v>117</v>
      </c>
      <c r="B16096" s="14" t="s">
        <v>1</v>
      </c>
      <c r="C16096" s="14" t="s">
        <v>41</v>
      </c>
      <c r="D16096" s="14" t="s">
        <v>118</v>
      </c>
      <c r="E16096" s="15">
        <v>45412</v>
      </c>
      <c r="F16096" s="14" t="s">
        <v>15</v>
      </c>
      <c r="G16096" s="16">
        <v>0</v>
      </c>
    </row>
    <row r="16097" spans="1:7" x14ac:dyDescent="0.3">
      <c r="A16097" s="13" t="s">
        <v>117</v>
      </c>
      <c r="B16097" s="14" t="s">
        <v>1</v>
      </c>
      <c r="C16097" s="14" t="s">
        <v>41</v>
      </c>
      <c r="D16097" s="14" t="s">
        <v>118</v>
      </c>
      <c r="E16097" s="15">
        <v>45413</v>
      </c>
      <c r="F16097" s="14" t="s">
        <v>15</v>
      </c>
      <c r="G16097" s="16">
        <v>0</v>
      </c>
    </row>
    <row r="16098" spans="1:7" x14ac:dyDescent="0.3">
      <c r="A16098" s="13" t="s">
        <v>117</v>
      </c>
      <c r="B16098" s="14" t="s">
        <v>1</v>
      </c>
      <c r="C16098" s="14" t="s">
        <v>41</v>
      </c>
      <c r="D16098" s="14" t="s">
        <v>118</v>
      </c>
      <c r="E16098" s="15">
        <v>45414</v>
      </c>
      <c r="F16098" s="14" t="s">
        <v>15</v>
      </c>
      <c r="G16098" s="16">
        <v>0</v>
      </c>
    </row>
    <row r="16099" spans="1:7" x14ac:dyDescent="0.3">
      <c r="A16099" s="13" t="s">
        <v>117</v>
      </c>
      <c r="B16099" s="14" t="s">
        <v>1</v>
      </c>
      <c r="C16099" s="14" t="s">
        <v>41</v>
      </c>
      <c r="D16099" s="14" t="s">
        <v>118</v>
      </c>
      <c r="E16099" s="15">
        <v>45415</v>
      </c>
      <c r="F16099" s="14" t="s">
        <v>15</v>
      </c>
      <c r="G16099" s="16">
        <v>0</v>
      </c>
    </row>
    <row r="16100" spans="1:7" x14ac:dyDescent="0.3">
      <c r="A16100" s="13" t="s">
        <v>117</v>
      </c>
      <c r="B16100" s="14" t="s">
        <v>1</v>
      </c>
      <c r="C16100" s="14" t="s">
        <v>41</v>
      </c>
      <c r="D16100" s="14" t="s">
        <v>118</v>
      </c>
      <c r="E16100" s="15">
        <v>45416</v>
      </c>
      <c r="F16100" s="14" t="s">
        <v>15</v>
      </c>
      <c r="G16100" s="16">
        <v>0</v>
      </c>
    </row>
    <row r="16101" spans="1:7" x14ac:dyDescent="0.3">
      <c r="A16101" s="13" t="s">
        <v>117</v>
      </c>
      <c r="B16101" s="14" t="s">
        <v>1</v>
      </c>
      <c r="C16101" s="14" t="s">
        <v>41</v>
      </c>
      <c r="D16101" s="14" t="s">
        <v>118</v>
      </c>
      <c r="E16101" s="15">
        <v>45417</v>
      </c>
      <c r="F16101" s="14" t="s">
        <v>15</v>
      </c>
      <c r="G16101" s="16">
        <v>0</v>
      </c>
    </row>
    <row r="16102" spans="1:7" x14ac:dyDescent="0.3">
      <c r="A16102" s="13" t="s">
        <v>117</v>
      </c>
      <c r="B16102" s="14" t="s">
        <v>1</v>
      </c>
      <c r="C16102" s="14" t="s">
        <v>41</v>
      </c>
      <c r="D16102" s="14" t="s">
        <v>118</v>
      </c>
      <c r="E16102" s="15">
        <v>45418</v>
      </c>
      <c r="F16102" s="14" t="s">
        <v>15</v>
      </c>
      <c r="G16102" s="16">
        <v>0</v>
      </c>
    </row>
    <row r="16103" spans="1:7" x14ac:dyDescent="0.3">
      <c r="A16103" s="13" t="s">
        <v>117</v>
      </c>
      <c r="B16103" s="14" t="s">
        <v>1</v>
      </c>
      <c r="C16103" s="14" t="s">
        <v>41</v>
      </c>
      <c r="D16103" s="14" t="s">
        <v>118</v>
      </c>
      <c r="E16103" s="15">
        <v>45419</v>
      </c>
      <c r="F16103" s="14" t="s">
        <v>15</v>
      </c>
      <c r="G16103" s="16">
        <v>0</v>
      </c>
    </row>
    <row r="16104" spans="1:7" x14ac:dyDescent="0.3">
      <c r="A16104" s="13" t="s">
        <v>117</v>
      </c>
      <c r="B16104" s="14" t="s">
        <v>1</v>
      </c>
      <c r="C16104" s="14" t="s">
        <v>41</v>
      </c>
      <c r="D16104" s="14" t="s">
        <v>118</v>
      </c>
      <c r="E16104" s="15">
        <v>45420</v>
      </c>
      <c r="F16104" s="14" t="s">
        <v>15</v>
      </c>
      <c r="G16104" s="16">
        <v>0</v>
      </c>
    </row>
    <row r="16105" spans="1:7" x14ac:dyDescent="0.3">
      <c r="A16105" s="13" t="s">
        <v>117</v>
      </c>
      <c r="B16105" s="14" t="s">
        <v>1</v>
      </c>
      <c r="C16105" s="14" t="s">
        <v>41</v>
      </c>
      <c r="D16105" s="14" t="s">
        <v>118</v>
      </c>
      <c r="E16105" s="15">
        <v>45421</v>
      </c>
      <c r="F16105" s="14" t="s">
        <v>15</v>
      </c>
      <c r="G16105" s="16">
        <v>0</v>
      </c>
    </row>
    <row r="16106" spans="1:7" x14ac:dyDescent="0.3">
      <c r="A16106" s="13" t="s">
        <v>117</v>
      </c>
      <c r="B16106" s="14" t="s">
        <v>1</v>
      </c>
      <c r="C16106" s="14" t="s">
        <v>41</v>
      </c>
      <c r="D16106" s="14" t="s">
        <v>118</v>
      </c>
      <c r="E16106" s="15">
        <v>45422</v>
      </c>
      <c r="F16106" s="14" t="s">
        <v>15</v>
      </c>
      <c r="G16106" s="16">
        <v>0</v>
      </c>
    </row>
    <row r="16107" spans="1:7" x14ac:dyDescent="0.3">
      <c r="A16107" s="13" t="s">
        <v>117</v>
      </c>
      <c r="B16107" s="14" t="s">
        <v>1</v>
      </c>
      <c r="C16107" s="14" t="s">
        <v>41</v>
      </c>
      <c r="D16107" s="14" t="s">
        <v>118</v>
      </c>
      <c r="E16107" s="15">
        <v>45423</v>
      </c>
      <c r="F16107" s="14" t="s">
        <v>15</v>
      </c>
      <c r="G16107" s="16">
        <v>0</v>
      </c>
    </row>
    <row r="16108" spans="1:7" x14ac:dyDescent="0.3">
      <c r="A16108" s="13" t="s">
        <v>117</v>
      </c>
      <c r="B16108" s="14" t="s">
        <v>1</v>
      </c>
      <c r="C16108" s="14" t="s">
        <v>41</v>
      </c>
      <c r="D16108" s="14" t="s">
        <v>118</v>
      </c>
      <c r="E16108" s="15">
        <v>45424</v>
      </c>
      <c r="F16108" s="14" t="s">
        <v>15</v>
      </c>
      <c r="G16108" s="16">
        <v>0</v>
      </c>
    </row>
    <row r="16109" spans="1:7" x14ac:dyDescent="0.3">
      <c r="A16109" s="13" t="s">
        <v>117</v>
      </c>
      <c r="B16109" s="14" t="s">
        <v>1</v>
      </c>
      <c r="C16109" s="14" t="s">
        <v>41</v>
      </c>
      <c r="D16109" s="14" t="s">
        <v>118</v>
      </c>
      <c r="E16109" s="15">
        <v>45425</v>
      </c>
      <c r="F16109" s="14" t="s">
        <v>15</v>
      </c>
      <c r="G16109" s="16">
        <v>0</v>
      </c>
    </row>
    <row r="16110" spans="1:7" x14ac:dyDescent="0.3">
      <c r="A16110" s="13" t="s">
        <v>117</v>
      </c>
      <c r="B16110" s="14" t="s">
        <v>1</v>
      </c>
      <c r="C16110" s="14" t="s">
        <v>41</v>
      </c>
      <c r="D16110" s="14" t="s">
        <v>118</v>
      </c>
      <c r="E16110" s="15">
        <v>45426</v>
      </c>
      <c r="F16110" s="14" t="s">
        <v>15</v>
      </c>
      <c r="G16110" s="16">
        <v>0</v>
      </c>
    </row>
    <row r="16111" spans="1:7" x14ac:dyDescent="0.3">
      <c r="A16111" s="13" t="s">
        <v>117</v>
      </c>
      <c r="B16111" s="14" t="s">
        <v>1</v>
      </c>
      <c r="C16111" s="14" t="s">
        <v>41</v>
      </c>
      <c r="D16111" s="14" t="s">
        <v>118</v>
      </c>
      <c r="E16111" s="15">
        <v>45427</v>
      </c>
      <c r="F16111" s="14" t="s">
        <v>15</v>
      </c>
      <c r="G16111" s="16">
        <v>0</v>
      </c>
    </row>
    <row r="16112" spans="1:7" x14ac:dyDescent="0.3">
      <c r="A16112" s="13" t="s">
        <v>117</v>
      </c>
      <c r="B16112" s="14" t="s">
        <v>1</v>
      </c>
      <c r="C16112" s="14" t="s">
        <v>41</v>
      </c>
      <c r="D16112" s="14" t="s">
        <v>118</v>
      </c>
      <c r="E16112" s="15">
        <v>45428</v>
      </c>
      <c r="F16112" s="14" t="s">
        <v>15</v>
      </c>
      <c r="G16112" s="16">
        <v>0</v>
      </c>
    </row>
    <row r="16113" spans="1:7" x14ac:dyDescent="0.3">
      <c r="A16113" s="13" t="s">
        <v>117</v>
      </c>
      <c r="B16113" s="14" t="s">
        <v>1</v>
      </c>
      <c r="C16113" s="14" t="s">
        <v>41</v>
      </c>
      <c r="D16113" s="14" t="s">
        <v>118</v>
      </c>
      <c r="E16113" s="15">
        <v>45429</v>
      </c>
      <c r="F16113" s="14" t="s">
        <v>15</v>
      </c>
      <c r="G16113" s="16">
        <v>0</v>
      </c>
    </row>
    <row r="16114" spans="1:7" x14ac:dyDescent="0.3">
      <c r="A16114" s="13" t="s">
        <v>117</v>
      </c>
      <c r="B16114" s="14" t="s">
        <v>1</v>
      </c>
      <c r="C16114" s="14" t="s">
        <v>41</v>
      </c>
      <c r="D16114" s="14" t="s">
        <v>118</v>
      </c>
      <c r="E16114" s="15">
        <v>45430</v>
      </c>
      <c r="F16114" s="14" t="s">
        <v>15</v>
      </c>
      <c r="G16114" s="16">
        <v>0</v>
      </c>
    </row>
    <row r="16115" spans="1:7" x14ac:dyDescent="0.3">
      <c r="A16115" s="13" t="s">
        <v>117</v>
      </c>
      <c r="B16115" s="14" t="s">
        <v>1</v>
      </c>
      <c r="C16115" s="14" t="s">
        <v>41</v>
      </c>
      <c r="D16115" s="14" t="s">
        <v>118</v>
      </c>
      <c r="E16115" s="15">
        <v>45431</v>
      </c>
      <c r="F16115" s="14" t="s">
        <v>15</v>
      </c>
      <c r="G16115" s="16">
        <v>0</v>
      </c>
    </row>
    <row r="16116" spans="1:7" x14ac:dyDescent="0.3">
      <c r="A16116" s="13" t="s">
        <v>117</v>
      </c>
      <c r="B16116" s="14" t="s">
        <v>1</v>
      </c>
      <c r="C16116" s="14" t="s">
        <v>41</v>
      </c>
      <c r="D16116" s="14" t="s">
        <v>118</v>
      </c>
      <c r="E16116" s="15">
        <v>45432</v>
      </c>
      <c r="F16116" s="14" t="s">
        <v>15</v>
      </c>
      <c r="G16116" s="16">
        <v>0</v>
      </c>
    </row>
    <row r="16117" spans="1:7" x14ac:dyDescent="0.3">
      <c r="A16117" s="13" t="s">
        <v>117</v>
      </c>
      <c r="B16117" s="14" t="s">
        <v>1</v>
      </c>
      <c r="C16117" s="14" t="s">
        <v>41</v>
      </c>
      <c r="D16117" s="14" t="s">
        <v>118</v>
      </c>
      <c r="E16117" s="15">
        <v>45433</v>
      </c>
      <c r="F16117" s="14" t="s">
        <v>15</v>
      </c>
      <c r="G16117" s="16">
        <v>0</v>
      </c>
    </row>
    <row r="16118" spans="1:7" x14ac:dyDescent="0.3">
      <c r="A16118" s="13" t="s">
        <v>117</v>
      </c>
      <c r="B16118" s="14" t="s">
        <v>1</v>
      </c>
      <c r="C16118" s="14" t="s">
        <v>41</v>
      </c>
      <c r="D16118" s="14" t="s">
        <v>118</v>
      </c>
      <c r="E16118" s="15">
        <v>45434</v>
      </c>
      <c r="F16118" s="14" t="s">
        <v>15</v>
      </c>
      <c r="G16118" s="16">
        <v>0</v>
      </c>
    </row>
    <row r="16119" spans="1:7" x14ac:dyDescent="0.3">
      <c r="A16119" s="13" t="s">
        <v>117</v>
      </c>
      <c r="B16119" s="14" t="s">
        <v>1</v>
      </c>
      <c r="C16119" s="14" t="s">
        <v>41</v>
      </c>
      <c r="D16119" s="14" t="s">
        <v>118</v>
      </c>
      <c r="E16119" s="15">
        <v>45435</v>
      </c>
      <c r="F16119" s="14" t="s">
        <v>15</v>
      </c>
      <c r="G16119" s="16">
        <v>0</v>
      </c>
    </row>
    <row r="16120" spans="1:7" x14ac:dyDescent="0.3">
      <c r="A16120" s="13" t="s">
        <v>117</v>
      </c>
      <c r="B16120" s="14" t="s">
        <v>1</v>
      </c>
      <c r="C16120" s="14" t="s">
        <v>41</v>
      </c>
      <c r="D16120" s="14" t="s">
        <v>118</v>
      </c>
      <c r="E16120" s="15">
        <v>45436</v>
      </c>
      <c r="F16120" s="14" t="s">
        <v>15</v>
      </c>
      <c r="G16120" s="16">
        <v>0</v>
      </c>
    </row>
    <row r="16121" spans="1:7" x14ac:dyDescent="0.3">
      <c r="A16121" s="13" t="s">
        <v>117</v>
      </c>
      <c r="B16121" s="14" t="s">
        <v>1</v>
      </c>
      <c r="C16121" s="14" t="s">
        <v>41</v>
      </c>
      <c r="D16121" s="14" t="s">
        <v>118</v>
      </c>
      <c r="E16121" s="15">
        <v>45437</v>
      </c>
      <c r="F16121" s="14" t="s">
        <v>15</v>
      </c>
      <c r="G16121" s="16">
        <v>0</v>
      </c>
    </row>
    <row r="16122" spans="1:7" x14ac:dyDescent="0.3">
      <c r="A16122" s="13" t="s">
        <v>117</v>
      </c>
      <c r="B16122" s="14" t="s">
        <v>1</v>
      </c>
      <c r="C16122" s="14" t="s">
        <v>41</v>
      </c>
      <c r="D16122" s="14" t="s">
        <v>118</v>
      </c>
      <c r="E16122" s="15">
        <v>45438</v>
      </c>
      <c r="F16122" s="14" t="s">
        <v>15</v>
      </c>
      <c r="G16122" s="16">
        <v>0</v>
      </c>
    </row>
    <row r="16123" spans="1:7" x14ac:dyDescent="0.3">
      <c r="A16123" s="13" t="s">
        <v>117</v>
      </c>
      <c r="B16123" s="14" t="s">
        <v>1</v>
      </c>
      <c r="C16123" s="14" t="s">
        <v>41</v>
      </c>
      <c r="D16123" s="14" t="s">
        <v>118</v>
      </c>
      <c r="E16123" s="15">
        <v>45439</v>
      </c>
      <c r="F16123" s="14" t="s">
        <v>15</v>
      </c>
      <c r="G16123" s="16">
        <v>0</v>
      </c>
    </row>
    <row r="16124" spans="1:7" x14ac:dyDescent="0.3">
      <c r="A16124" s="13" t="s">
        <v>117</v>
      </c>
      <c r="B16124" s="14" t="s">
        <v>1</v>
      </c>
      <c r="C16124" s="14" t="s">
        <v>41</v>
      </c>
      <c r="D16124" s="14" t="s">
        <v>118</v>
      </c>
      <c r="E16124" s="15">
        <v>45440</v>
      </c>
      <c r="F16124" s="14" t="s">
        <v>15</v>
      </c>
      <c r="G16124" s="16">
        <v>0</v>
      </c>
    </row>
    <row r="16125" spans="1:7" x14ac:dyDescent="0.3">
      <c r="A16125" s="13" t="s">
        <v>117</v>
      </c>
      <c r="B16125" s="14" t="s">
        <v>1</v>
      </c>
      <c r="C16125" s="14" t="s">
        <v>41</v>
      </c>
      <c r="D16125" s="14" t="s">
        <v>118</v>
      </c>
      <c r="E16125" s="15">
        <v>45441</v>
      </c>
      <c r="F16125" s="14" t="s">
        <v>15</v>
      </c>
      <c r="G16125" s="16">
        <v>0</v>
      </c>
    </row>
    <row r="16126" spans="1:7" x14ac:dyDescent="0.3">
      <c r="A16126" s="13" t="s">
        <v>117</v>
      </c>
      <c r="B16126" s="14" t="s">
        <v>1</v>
      </c>
      <c r="C16126" s="14" t="s">
        <v>41</v>
      </c>
      <c r="D16126" s="14" t="s">
        <v>118</v>
      </c>
      <c r="E16126" s="15">
        <v>45442</v>
      </c>
      <c r="F16126" s="14" t="s">
        <v>15</v>
      </c>
      <c r="G16126" s="16">
        <v>0</v>
      </c>
    </row>
    <row r="16127" spans="1:7" x14ac:dyDescent="0.3">
      <c r="A16127" s="13" t="s">
        <v>117</v>
      </c>
      <c r="B16127" s="14" t="s">
        <v>1</v>
      </c>
      <c r="C16127" s="14" t="s">
        <v>41</v>
      </c>
      <c r="D16127" s="14" t="s">
        <v>118</v>
      </c>
      <c r="E16127" s="15">
        <v>45443</v>
      </c>
      <c r="F16127" s="14" t="s">
        <v>15</v>
      </c>
      <c r="G16127" s="16">
        <v>0</v>
      </c>
    </row>
    <row r="16128" spans="1:7" x14ac:dyDescent="0.3">
      <c r="A16128" s="13" t="s">
        <v>117</v>
      </c>
      <c r="B16128" s="14" t="s">
        <v>1</v>
      </c>
      <c r="C16128" s="14" t="s">
        <v>41</v>
      </c>
      <c r="D16128" s="14" t="s">
        <v>118</v>
      </c>
      <c r="E16128" s="15">
        <v>45444</v>
      </c>
      <c r="F16128" s="14" t="s">
        <v>15</v>
      </c>
      <c r="G16128" s="16">
        <v>0</v>
      </c>
    </row>
    <row r="16129" spans="1:7" x14ac:dyDescent="0.3">
      <c r="A16129" s="13" t="s">
        <v>117</v>
      </c>
      <c r="B16129" s="14" t="s">
        <v>1</v>
      </c>
      <c r="C16129" s="14" t="s">
        <v>41</v>
      </c>
      <c r="D16129" s="14" t="s">
        <v>118</v>
      </c>
      <c r="E16129" s="15">
        <v>45445</v>
      </c>
      <c r="F16129" s="14" t="s">
        <v>15</v>
      </c>
      <c r="G16129" s="16">
        <v>0</v>
      </c>
    </row>
    <row r="16130" spans="1:7" x14ac:dyDescent="0.3">
      <c r="A16130" s="13" t="s">
        <v>117</v>
      </c>
      <c r="B16130" s="14" t="s">
        <v>1</v>
      </c>
      <c r="C16130" s="14" t="s">
        <v>41</v>
      </c>
      <c r="D16130" s="14" t="s">
        <v>118</v>
      </c>
      <c r="E16130" s="15">
        <v>45446</v>
      </c>
      <c r="F16130" s="14" t="s">
        <v>15</v>
      </c>
      <c r="G16130" s="16">
        <v>0</v>
      </c>
    </row>
    <row r="16131" spans="1:7" x14ac:dyDescent="0.3">
      <c r="A16131" s="13" t="s">
        <v>117</v>
      </c>
      <c r="B16131" s="14" t="s">
        <v>1</v>
      </c>
      <c r="C16131" s="14" t="s">
        <v>41</v>
      </c>
      <c r="D16131" s="14" t="s">
        <v>118</v>
      </c>
      <c r="E16131" s="15">
        <v>45447</v>
      </c>
      <c r="F16131" s="14" t="s">
        <v>15</v>
      </c>
      <c r="G16131" s="16">
        <v>0</v>
      </c>
    </row>
    <row r="16132" spans="1:7" x14ac:dyDescent="0.3">
      <c r="A16132" s="13" t="s">
        <v>117</v>
      </c>
      <c r="B16132" s="14" t="s">
        <v>1</v>
      </c>
      <c r="C16132" s="14" t="s">
        <v>41</v>
      </c>
      <c r="D16132" s="14" t="s">
        <v>118</v>
      </c>
      <c r="E16132" s="15">
        <v>45448</v>
      </c>
      <c r="F16132" s="14" t="s">
        <v>15</v>
      </c>
      <c r="G16132" s="16">
        <v>0</v>
      </c>
    </row>
    <row r="16133" spans="1:7" x14ac:dyDescent="0.3">
      <c r="A16133" s="13" t="s">
        <v>117</v>
      </c>
      <c r="B16133" s="14" t="s">
        <v>1</v>
      </c>
      <c r="C16133" s="14" t="s">
        <v>41</v>
      </c>
      <c r="D16133" s="14" t="s">
        <v>118</v>
      </c>
      <c r="E16133" s="15">
        <v>45449</v>
      </c>
      <c r="F16133" s="14" t="s">
        <v>15</v>
      </c>
      <c r="G16133" s="16">
        <v>0</v>
      </c>
    </row>
    <row r="16134" spans="1:7" x14ac:dyDescent="0.3">
      <c r="A16134" s="13" t="s">
        <v>117</v>
      </c>
      <c r="B16134" s="14" t="s">
        <v>1</v>
      </c>
      <c r="C16134" s="14" t="s">
        <v>41</v>
      </c>
      <c r="D16134" s="14" t="s">
        <v>118</v>
      </c>
      <c r="E16134" s="15">
        <v>45450</v>
      </c>
      <c r="F16134" s="14" t="s">
        <v>15</v>
      </c>
      <c r="G16134" s="16">
        <v>0</v>
      </c>
    </row>
    <row r="16135" spans="1:7" x14ac:dyDescent="0.3">
      <c r="A16135" s="13" t="s">
        <v>117</v>
      </c>
      <c r="B16135" s="14" t="s">
        <v>1</v>
      </c>
      <c r="C16135" s="14" t="s">
        <v>41</v>
      </c>
      <c r="D16135" s="14" t="s">
        <v>118</v>
      </c>
      <c r="E16135" s="15">
        <v>45451</v>
      </c>
      <c r="F16135" s="14" t="s">
        <v>15</v>
      </c>
      <c r="G16135" s="16">
        <v>0</v>
      </c>
    </row>
    <row r="16136" spans="1:7" x14ac:dyDescent="0.3">
      <c r="A16136" s="13" t="s">
        <v>117</v>
      </c>
      <c r="B16136" s="14" t="s">
        <v>1</v>
      </c>
      <c r="C16136" s="14" t="s">
        <v>41</v>
      </c>
      <c r="D16136" s="14" t="s">
        <v>118</v>
      </c>
      <c r="E16136" s="15">
        <v>45452</v>
      </c>
      <c r="F16136" s="14" t="s">
        <v>15</v>
      </c>
      <c r="G16136" s="16">
        <v>0</v>
      </c>
    </row>
    <row r="16137" spans="1:7" x14ac:dyDescent="0.3">
      <c r="A16137" s="13" t="s">
        <v>117</v>
      </c>
      <c r="B16137" s="14" t="s">
        <v>1</v>
      </c>
      <c r="C16137" s="14" t="s">
        <v>41</v>
      </c>
      <c r="D16137" s="14" t="s">
        <v>118</v>
      </c>
      <c r="E16137" s="15">
        <v>45453</v>
      </c>
      <c r="F16137" s="14" t="s">
        <v>15</v>
      </c>
      <c r="G16137" s="16">
        <v>0</v>
      </c>
    </row>
    <row r="16138" spans="1:7" x14ac:dyDescent="0.3">
      <c r="A16138" s="13" t="s">
        <v>117</v>
      </c>
      <c r="B16138" s="14" t="s">
        <v>1</v>
      </c>
      <c r="C16138" s="14" t="s">
        <v>41</v>
      </c>
      <c r="D16138" s="14" t="s">
        <v>118</v>
      </c>
      <c r="E16138" s="15">
        <v>45454</v>
      </c>
      <c r="F16138" s="14" t="s">
        <v>15</v>
      </c>
      <c r="G16138" s="16">
        <v>0</v>
      </c>
    </row>
    <row r="16139" spans="1:7" x14ac:dyDescent="0.3">
      <c r="A16139" s="13" t="s">
        <v>117</v>
      </c>
      <c r="B16139" s="14" t="s">
        <v>1</v>
      </c>
      <c r="C16139" s="14" t="s">
        <v>41</v>
      </c>
      <c r="D16139" s="14" t="s">
        <v>118</v>
      </c>
      <c r="E16139" s="15">
        <v>45455</v>
      </c>
      <c r="F16139" s="14" t="s">
        <v>15</v>
      </c>
      <c r="G16139" s="16">
        <v>0</v>
      </c>
    </row>
    <row r="16140" spans="1:7" x14ac:dyDescent="0.3">
      <c r="A16140" s="13" t="s">
        <v>117</v>
      </c>
      <c r="B16140" s="14" t="s">
        <v>1</v>
      </c>
      <c r="C16140" s="14" t="s">
        <v>41</v>
      </c>
      <c r="D16140" s="14" t="s">
        <v>118</v>
      </c>
      <c r="E16140" s="15">
        <v>45456</v>
      </c>
      <c r="F16140" s="14" t="s">
        <v>15</v>
      </c>
      <c r="G16140" s="16">
        <v>0</v>
      </c>
    </row>
    <row r="16141" spans="1:7" x14ac:dyDescent="0.3">
      <c r="A16141" s="13" t="s">
        <v>117</v>
      </c>
      <c r="B16141" s="14" t="s">
        <v>1</v>
      </c>
      <c r="C16141" s="14" t="s">
        <v>41</v>
      </c>
      <c r="D16141" s="14" t="s">
        <v>118</v>
      </c>
      <c r="E16141" s="15">
        <v>45457</v>
      </c>
      <c r="F16141" s="14" t="s">
        <v>15</v>
      </c>
      <c r="G16141" s="16">
        <v>0</v>
      </c>
    </row>
    <row r="16142" spans="1:7" x14ac:dyDescent="0.3">
      <c r="A16142" s="13" t="s">
        <v>117</v>
      </c>
      <c r="B16142" s="14" t="s">
        <v>1</v>
      </c>
      <c r="C16142" s="14" t="s">
        <v>41</v>
      </c>
      <c r="D16142" s="14" t="s">
        <v>118</v>
      </c>
      <c r="E16142" s="15">
        <v>45458</v>
      </c>
      <c r="F16142" s="14" t="s">
        <v>15</v>
      </c>
      <c r="G16142" s="16">
        <v>0</v>
      </c>
    </row>
    <row r="16143" spans="1:7" x14ac:dyDescent="0.3">
      <c r="A16143" s="13" t="s">
        <v>117</v>
      </c>
      <c r="B16143" s="14" t="s">
        <v>1</v>
      </c>
      <c r="C16143" s="14" t="s">
        <v>41</v>
      </c>
      <c r="D16143" s="14" t="s">
        <v>118</v>
      </c>
      <c r="E16143" s="15">
        <v>45459</v>
      </c>
      <c r="F16143" s="14" t="s">
        <v>15</v>
      </c>
      <c r="G16143" s="16">
        <v>0</v>
      </c>
    </row>
    <row r="16144" spans="1:7" x14ac:dyDescent="0.3">
      <c r="A16144" s="13" t="s">
        <v>117</v>
      </c>
      <c r="B16144" s="14" t="s">
        <v>1</v>
      </c>
      <c r="C16144" s="14" t="s">
        <v>41</v>
      </c>
      <c r="D16144" s="14" t="s">
        <v>118</v>
      </c>
      <c r="E16144" s="15">
        <v>45460</v>
      </c>
      <c r="F16144" s="14" t="s">
        <v>15</v>
      </c>
      <c r="G16144" s="16">
        <v>0</v>
      </c>
    </row>
    <row r="16145" spans="1:7" x14ac:dyDescent="0.3">
      <c r="A16145" s="13" t="s">
        <v>117</v>
      </c>
      <c r="B16145" s="14" t="s">
        <v>1</v>
      </c>
      <c r="C16145" s="14" t="s">
        <v>41</v>
      </c>
      <c r="D16145" s="14" t="s">
        <v>118</v>
      </c>
      <c r="E16145" s="15">
        <v>45461</v>
      </c>
      <c r="F16145" s="14" t="s">
        <v>15</v>
      </c>
      <c r="G16145" s="16">
        <v>0</v>
      </c>
    </row>
    <row r="16146" spans="1:7" x14ac:dyDescent="0.3">
      <c r="A16146" s="13" t="s">
        <v>117</v>
      </c>
      <c r="B16146" s="14" t="s">
        <v>1</v>
      </c>
      <c r="C16146" s="14" t="s">
        <v>41</v>
      </c>
      <c r="D16146" s="14" t="s">
        <v>118</v>
      </c>
      <c r="E16146" s="15">
        <v>45462</v>
      </c>
      <c r="F16146" s="14" t="s">
        <v>15</v>
      </c>
      <c r="G16146" s="16">
        <v>0</v>
      </c>
    </row>
    <row r="16147" spans="1:7" x14ac:dyDescent="0.3">
      <c r="A16147" s="13" t="s">
        <v>117</v>
      </c>
      <c r="B16147" s="14" t="s">
        <v>1</v>
      </c>
      <c r="C16147" s="14" t="s">
        <v>41</v>
      </c>
      <c r="D16147" s="14" t="s">
        <v>118</v>
      </c>
      <c r="E16147" s="15">
        <v>45463</v>
      </c>
      <c r="F16147" s="14" t="s">
        <v>15</v>
      </c>
      <c r="G16147" s="16">
        <v>0</v>
      </c>
    </row>
    <row r="16148" spans="1:7" x14ac:dyDescent="0.3">
      <c r="A16148" s="13" t="s">
        <v>117</v>
      </c>
      <c r="B16148" s="14" t="s">
        <v>1</v>
      </c>
      <c r="C16148" s="14" t="s">
        <v>41</v>
      </c>
      <c r="D16148" s="14" t="s">
        <v>118</v>
      </c>
      <c r="E16148" s="15">
        <v>45464</v>
      </c>
      <c r="F16148" s="14" t="s">
        <v>15</v>
      </c>
      <c r="G16148" s="16">
        <v>0</v>
      </c>
    </row>
    <row r="16149" spans="1:7" x14ac:dyDescent="0.3">
      <c r="A16149" s="13" t="s">
        <v>117</v>
      </c>
      <c r="B16149" s="14" t="s">
        <v>1</v>
      </c>
      <c r="C16149" s="14" t="s">
        <v>41</v>
      </c>
      <c r="D16149" s="14" t="s">
        <v>118</v>
      </c>
      <c r="E16149" s="15">
        <v>45465</v>
      </c>
      <c r="F16149" s="14" t="s">
        <v>15</v>
      </c>
      <c r="G16149" s="16">
        <v>0</v>
      </c>
    </row>
    <row r="16150" spans="1:7" x14ac:dyDescent="0.3">
      <c r="A16150" s="13" t="s">
        <v>117</v>
      </c>
      <c r="B16150" s="14" t="s">
        <v>1</v>
      </c>
      <c r="C16150" s="14" t="s">
        <v>41</v>
      </c>
      <c r="D16150" s="14" t="s">
        <v>118</v>
      </c>
      <c r="E16150" s="15">
        <v>45466</v>
      </c>
      <c r="F16150" s="14" t="s">
        <v>15</v>
      </c>
      <c r="G16150" s="16">
        <v>0</v>
      </c>
    </row>
    <row r="16151" spans="1:7" x14ac:dyDescent="0.3">
      <c r="A16151" s="13" t="s">
        <v>117</v>
      </c>
      <c r="B16151" s="14" t="s">
        <v>1</v>
      </c>
      <c r="C16151" s="14" t="s">
        <v>41</v>
      </c>
      <c r="D16151" s="14" t="s">
        <v>118</v>
      </c>
      <c r="E16151" s="15">
        <v>45467</v>
      </c>
      <c r="F16151" s="14" t="s">
        <v>15</v>
      </c>
      <c r="G16151" s="16">
        <v>0</v>
      </c>
    </row>
    <row r="16152" spans="1:7" x14ac:dyDescent="0.3">
      <c r="A16152" s="13" t="s">
        <v>117</v>
      </c>
      <c r="B16152" s="14" t="s">
        <v>1</v>
      </c>
      <c r="C16152" s="14" t="s">
        <v>41</v>
      </c>
      <c r="D16152" s="14" t="s">
        <v>118</v>
      </c>
      <c r="E16152" s="15">
        <v>45468</v>
      </c>
      <c r="F16152" s="14" t="s">
        <v>15</v>
      </c>
      <c r="G16152" s="16">
        <v>0</v>
      </c>
    </row>
    <row r="16153" spans="1:7" x14ac:dyDescent="0.3">
      <c r="A16153" s="13" t="s">
        <v>117</v>
      </c>
      <c r="B16153" s="14" t="s">
        <v>1</v>
      </c>
      <c r="C16153" s="14" t="s">
        <v>41</v>
      </c>
      <c r="D16153" s="14" t="s">
        <v>118</v>
      </c>
      <c r="E16153" s="15">
        <v>45469</v>
      </c>
      <c r="F16153" s="14" t="s">
        <v>15</v>
      </c>
      <c r="G16153" s="16">
        <v>0</v>
      </c>
    </row>
    <row r="16154" spans="1:7" x14ac:dyDescent="0.3">
      <c r="A16154" s="13" t="s">
        <v>117</v>
      </c>
      <c r="B16154" s="14" t="s">
        <v>1</v>
      </c>
      <c r="C16154" s="14" t="s">
        <v>41</v>
      </c>
      <c r="D16154" s="14" t="s">
        <v>118</v>
      </c>
      <c r="E16154" s="15">
        <v>45470</v>
      </c>
      <c r="F16154" s="14" t="s">
        <v>15</v>
      </c>
      <c r="G16154" s="16">
        <v>0</v>
      </c>
    </row>
    <row r="16155" spans="1:7" x14ac:dyDescent="0.3">
      <c r="A16155" s="13" t="s">
        <v>117</v>
      </c>
      <c r="B16155" s="14" t="s">
        <v>1</v>
      </c>
      <c r="C16155" s="14" t="s">
        <v>41</v>
      </c>
      <c r="D16155" s="14" t="s">
        <v>118</v>
      </c>
      <c r="E16155" s="15">
        <v>45471</v>
      </c>
      <c r="F16155" s="14" t="s">
        <v>15</v>
      </c>
      <c r="G16155" s="16">
        <v>1.610891727311976E-2</v>
      </c>
    </row>
    <row r="16156" spans="1:7" x14ac:dyDescent="0.3">
      <c r="A16156" s="13" t="s">
        <v>117</v>
      </c>
      <c r="B16156" s="14" t="s">
        <v>1</v>
      </c>
      <c r="C16156" s="14" t="s">
        <v>41</v>
      </c>
      <c r="D16156" s="14" t="s">
        <v>118</v>
      </c>
      <c r="E16156" s="15">
        <v>45472</v>
      </c>
      <c r="F16156" s="14" t="s">
        <v>15</v>
      </c>
      <c r="G16156" s="16">
        <v>1.610891727311976E-2</v>
      </c>
    </row>
    <row r="16157" spans="1:7" x14ac:dyDescent="0.3">
      <c r="A16157" s="13" t="s">
        <v>117</v>
      </c>
      <c r="B16157" s="14" t="s">
        <v>1</v>
      </c>
      <c r="C16157" s="14" t="s">
        <v>41</v>
      </c>
      <c r="D16157" s="14" t="s">
        <v>118</v>
      </c>
      <c r="E16157" s="15">
        <v>45473</v>
      </c>
      <c r="F16157" s="14" t="s">
        <v>15</v>
      </c>
      <c r="G16157" s="16">
        <v>1.610891727311976E-2</v>
      </c>
    </row>
    <row r="16158" spans="1:7" x14ac:dyDescent="0.3">
      <c r="A16158" s="13" t="s">
        <v>117</v>
      </c>
      <c r="B16158" s="14" t="s">
        <v>1</v>
      </c>
      <c r="C16158" s="14" t="s">
        <v>41</v>
      </c>
      <c r="D16158" s="14" t="s">
        <v>118</v>
      </c>
      <c r="E16158" s="15">
        <v>45474</v>
      </c>
      <c r="F16158" s="14" t="s">
        <v>15</v>
      </c>
      <c r="G16158" s="16">
        <v>1.3641087696746457E-2</v>
      </c>
    </row>
    <row r="16159" spans="1:7" x14ac:dyDescent="0.3">
      <c r="A16159" s="13" t="s">
        <v>117</v>
      </c>
      <c r="B16159" s="14" t="s">
        <v>1</v>
      </c>
      <c r="C16159" s="14" t="s">
        <v>41</v>
      </c>
      <c r="D16159" s="14" t="s">
        <v>118</v>
      </c>
      <c r="E16159" s="15">
        <v>45475</v>
      </c>
      <c r="F16159" s="14" t="s">
        <v>15</v>
      </c>
      <c r="G16159" s="16">
        <v>6.0939060152403876E-3</v>
      </c>
    </row>
    <row r="16160" spans="1:7" x14ac:dyDescent="0.3">
      <c r="A16160" s="13" t="s">
        <v>117</v>
      </c>
      <c r="B16160" s="14" t="s">
        <v>1</v>
      </c>
      <c r="C16160" s="14" t="s">
        <v>41</v>
      </c>
      <c r="D16160" s="14" t="s">
        <v>118</v>
      </c>
      <c r="E16160" s="15">
        <v>45476</v>
      </c>
      <c r="F16160" s="14" t="s">
        <v>15</v>
      </c>
      <c r="G16160" s="16">
        <v>3.6447573873747375E-3</v>
      </c>
    </row>
    <row r="16161" spans="1:7" x14ac:dyDescent="0.3">
      <c r="A16161" s="13" t="s">
        <v>117</v>
      </c>
      <c r="B16161" s="14" t="s">
        <v>1</v>
      </c>
      <c r="C16161" s="14" t="s">
        <v>41</v>
      </c>
      <c r="D16161" s="14" t="s">
        <v>118</v>
      </c>
      <c r="E16161" s="15">
        <v>45477</v>
      </c>
      <c r="F16161" s="14" t="s">
        <v>15</v>
      </c>
      <c r="G16161" s="16">
        <v>1.1640003472429741E-3</v>
      </c>
    </row>
    <row r="16162" spans="1:7" x14ac:dyDescent="0.3">
      <c r="A16162" s="13" t="s">
        <v>117</v>
      </c>
      <c r="B16162" s="14" t="s">
        <v>1</v>
      </c>
      <c r="C16162" s="14" t="s">
        <v>41</v>
      </c>
      <c r="D16162" s="14" t="s">
        <v>118</v>
      </c>
      <c r="E16162" s="15">
        <v>45478</v>
      </c>
      <c r="F16162" s="14" t="s">
        <v>15</v>
      </c>
      <c r="G16162" s="16">
        <v>0</v>
      </c>
    </row>
    <row r="16163" spans="1:7" x14ac:dyDescent="0.3">
      <c r="A16163" s="13" t="s">
        <v>117</v>
      </c>
      <c r="B16163" s="14" t="s">
        <v>1</v>
      </c>
      <c r="C16163" s="14" t="s">
        <v>41</v>
      </c>
      <c r="D16163" s="14" t="s">
        <v>118</v>
      </c>
      <c r="E16163" s="15">
        <v>45479</v>
      </c>
      <c r="F16163" s="14" t="s">
        <v>15</v>
      </c>
      <c r="G16163" s="16">
        <v>0</v>
      </c>
    </row>
    <row r="16164" spans="1:7" x14ac:dyDescent="0.3">
      <c r="A16164" s="13" t="s">
        <v>117</v>
      </c>
      <c r="B16164" s="14" t="s">
        <v>1</v>
      </c>
      <c r="C16164" s="14" t="s">
        <v>41</v>
      </c>
      <c r="D16164" s="14" t="s">
        <v>118</v>
      </c>
      <c r="E16164" s="15">
        <v>45480</v>
      </c>
      <c r="F16164" s="14" t="s">
        <v>15</v>
      </c>
      <c r="G16164" s="16">
        <v>0</v>
      </c>
    </row>
    <row r="16165" spans="1:7" x14ac:dyDescent="0.3">
      <c r="A16165" s="13" t="s">
        <v>117</v>
      </c>
      <c r="B16165" s="14" t="s">
        <v>1</v>
      </c>
      <c r="C16165" s="14" t="s">
        <v>41</v>
      </c>
      <c r="D16165" s="14" t="s">
        <v>118</v>
      </c>
      <c r="E16165" s="15">
        <v>45481</v>
      </c>
      <c r="F16165" s="14" t="s">
        <v>15</v>
      </c>
      <c r="G16165" s="16">
        <v>0</v>
      </c>
    </row>
    <row r="16166" spans="1:7" x14ac:dyDescent="0.3">
      <c r="A16166" s="13" t="s">
        <v>117</v>
      </c>
      <c r="B16166" s="14" t="s">
        <v>1</v>
      </c>
      <c r="C16166" s="14" t="s">
        <v>41</v>
      </c>
      <c r="D16166" s="14" t="s">
        <v>118</v>
      </c>
      <c r="E16166" s="15">
        <v>45482</v>
      </c>
      <c r="F16166" s="14" t="s">
        <v>15</v>
      </c>
      <c r="G16166" s="16">
        <v>0</v>
      </c>
    </row>
    <row r="16167" spans="1:7" x14ac:dyDescent="0.3">
      <c r="A16167" s="13" t="s">
        <v>117</v>
      </c>
      <c r="B16167" s="14" t="s">
        <v>1</v>
      </c>
      <c r="C16167" s="14" t="s">
        <v>41</v>
      </c>
      <c r="D16167" s="14" t="s">
        <v>118</v>
      </c>
      <c r="E16167" s="15">
        <v>45483</v>
      </c>
      <c r="F16167" s="14" t="s">
        <v>15</v>
      </c>
      <c r="G16167" s="16">
        <v>0</v>
      </c>
    </row>
    <row r="16168" spans="1:7" x14ac:dyDescent="0.3">
      <c r="A16168" s="13" t="s">
        <v>117</v>
      </c>
      <c r="B16168" s="14" t="s">
        <v>1</v>
      </c>
      <c r="C16168" s="14" t="s">
        <v>41</v>
      </c>
      <c r="D16168" s="14" t="s">
        <v>118</v>
      </c>
      <c r="E16168" s="15">
        <v>45484</v>
      </c>
      <c r="F16168" s="14" t="s">
        <v>15</v>
      </c>
      <c r="G16168" s="16">
        <v>0</v>
      </c>
    </row>
    <row r="16169" spans="1:7" x14ac:dyDescent="0.3">
      <c r="A16169" s="13" t="s">
        <v>117</v>
      </c>
      <c r="B16169" s="14" t="s">
        <v>1</v>
      </c>
      <c r="C16169" s="14" t="s">
        <v>41</v>
      </c>
      <c r="D16169" s="14" t="s">
        <v>118</v>
      </c>
      <c r="E16169" s="15">
        <v>45485</v>
      </c>
      <c r="F16169" s="14" t="s">
        <v>15</v>
      </c>
      <c r="G16169" s="16">
        <v>0</v>
      </c>
    </row>
    <row r="16170" spans="1:7" x14ac:dyDescent="0.3">
      <c r="A16170" s="13" t="s">
        <v>117</v>
      </c>
      <c r="B16170" s="14" t="s">
        <v>1</v>
      </c>
      <c r="C16170" s="14" t="s">
        <v>41</v>
      </c>
      <c r="D16170" s="14" t="s">
        <v>118</v>
      </c>
      <c r="E16170" s="15">
        <v>45486</v>
      </c>
      <c r="F16170" s="14" t="s">
        <v>15</v>
      </c>
      <c r="G16170" s="16">
        <v>0</v>
      </c>
    </row>
    <row r="16171" spans="1:7" x14ac:dyDescent="0.3">
      <c r="A16171" s="13" t="s">
        <v>117</v>
      </c>
      <c r="B16171" s="14" t="s">
        <v>1</v>
      </c>
      <c r="C16171" s="14" t="s">
        <v>41</v>
      </c>
      <c r="D16171" s="14" t="s">
        <v>118</v>
      </c>
      <c r="E16171" s="15">
        <v>45487</v>
      </c>
      <c r="F16171" s="14" t="s">
        <v>15</v>
      </c>
      <c r="G16171" s="16">
        <v>0</v>
      </c>
    </row>
    <row r="16172" spans="1:7" x14ac:dyDescent="0.3">
      <c r="A16172" s="13" t="s">
        <v>117</v>
      </c>
      <c r="B16172" s="14" t="s">
        <v>1</v>
      </c>
      <c r="C16172" s="14" t="s">
        <v>41</v>
      </c>
      <c r="D16172" s="14" t="s">
        <v>118</v>
      </c>
      <c r="E16172" s="15">
        <v>45488</v>
      </c>
      <c r="F16172" s="14" t="s">
        <v>15</v>
      </c>
      <c r="G16172" s="16">
        <v>0</v>
      </c>
    </row>
    <row r="16173" spans="1:7" x14ac:dyDescent="0.3">
      <c r="A16173" s="13" t="s">
        <v>117</v>
      </c>
      <c r="B16173" s="14" t="s">
        <v>1</v>
      </c>
      <c r="C16173" s="14" t="s">
        <v>41</v>
      </c>
      <c r="D16173" s="14" t="s">
        <v>118</v>
      </c>
      <c r="E16173" s="15">
        <v>45489</v>
      </c>
      <c r="F16173" s="14" t="s">
        <v>15</v>
      </c>
      <c r="G16173" s="16">
        <v>0</v>
      </c>
    </row>
    <row r="16174" spans="1:7" x14ac:dyDescent="0.3">
      <c r="A16174" s="13" t="s">
        <v>117</v>
      </c>
      <c r="B16174" s="14" t="s">
        <v>1</v>
      </c>
      <c r="C16174" s="14" t="s">
        <v>41</v>
      </c>
      <c r="D16174" s="14" t="s">
        <v>118</v>
      </c>
      <c r="E16174" s="15">
        <v>45490</v>
      </c>
      <c r="F16174" s="14" t="s">
        <v>15</v>
      </c>
      <c r="G16174" s="16">
        <v>0</v>
      </c>
    </row>
    <row r="16175" spans="1:7" x14ac:dyDescent="0.3">
      <c r="A16175" s="13" t="s">
        <v>117</v>
      </c>
      <c r="B16175" s="14" t="s">
        <v>1</v>
      </c>
      <c r="C16175" s="14" t="s">
        <v>41</v>
      </c>
      <c r="D16175" s="14" t="s">
        <v>118</v>
      </c>
      <c r="E16175" s="15">
        <v>45491</v>
      </c>
      <c r="F16175" s="14" t="s">
        <v>15</v>
      </c>
      <c r="G16175" s="16">
        <v>0</v>
      </c>
    </row>
    <row r="16176" spans="1:7" x14ac:dyDescent="0.3">
      <c r="A16176" s="13" t="s">
        <v>117</v>
      </c>
      <c r="B16176" s="14" t="s">
        <v>1</v>
      </c>
      <c r="C16176" s="14" t="s">
        <v>41</v>
      </c>
      <c r="D16176" s="14" t="s">
        <v>118</v>
      </c>
      <c r="E16176" s="15">
        <v>45492</v>
      </c>
      <c r="F16176" s="14" t="s">
        <v>15</v>
      </c>
      <c r="G16176" s="16">
        <v>0</v>
      </c>
    </row>
    <row r="16177" spans="1:7" x14ac:dyDescent="0.3">
      <c r="A16177" s="13" t="s">
        <v>117</v>
      </c>
      <c r="B16177" s="14" t="s">
        <v>1</v>
      </c>
      <c r="C16177" s="14" t="s">
        <v>41</v>
      </c>
      <c r="D16177" s="14" t="s">
        <v>118</v>
      </c>
      <c r="E16177" s="15">
        <v>45493</v>
      </c>
      <c r="F16177" s="14" t="s">
        <v>15</v>
      </c>
      <c r="G16177" s="16">
        <v>0</v>
      </c>
    </row>
    <row r="16178" spans="1:7" x14ac:dyDescent="0.3">
      <c r="A16178" s="13" t="s">
        <v>117</v>
      </c>
      <c r="B16178" s="14" t="s">
        <v>1</v>
      </c>
      <c r="C16178" s="14" t="s">
        <v>41</v>
      </c>
      <c r="D16178" s="14" t="s">
        <v>118</v>
      </c>
      <c r="E16178" s="15">
        <v>45494</v>
      </c>
      <c r="F16178" s="14" t="s">
        <v>15</v>
      </c>
      <c r="G16178" s="16">
        <v>0</v>
      </c>
    </row>
    <row r="16179" spans="1:7" x14ac:dyDescent="0.3">
      <c r="A16179" s="13" t="s">
        <v>117</v>
      </c>
      <c r="B16179" s="14" t="s">
        <v>1</v>
      </c>
      <c r="C16179" s="14" t="s">
        <v>41</v>
      </c>
      <c r="D16179" s="14" t="s">
        <v>118</v>
      </c>
      <c r="E16179" s="15">
        <v>45495</v>
      </c>
      <c r="F16179" s="14" t="s">
        <v>15</v>
      </c>
      <c r="G16179" s="16">
        <v>0</v>
      </c>
    </row>
    <row r="16180" spans="1:7" x14ac:dyDescent="0.3">
      <c r="A16180" s="13" t="s">
        <v>117</v>
      </c>
      <c r="B16180" s="14" t="s">
        <v>1</v>
      </c>
      <c r="C16180" s="14" t="s">
        <v>41</v>
      </c>
      <c r="D16180" s="14" t="s">
        <v>118</v>
      </c>
      <c r="E16180" s="15">
        <v>45496</v>
      </c>
      <c r="F16180" s="14" t="s">
        <v>15</v>
      </c>
      <c r="G16180" s="16">
        <v>0</v>
      </c>
    </row>
    <row r="16181" spans="1:7" x14ac:dyDescent="0.3">
      <c r="A16181" s="13" t="s">
        <v>117</v>
      </c>
      <c r="B16181" s="14" t="s">
        <v>1</v>
      </c>
      <c r="C16181" s="14" t="s">
        <v>41</v>
      </c>
      <c r="D16181" s="14" t="s">
        <v>118</v>
      </c>
      <c r="E16181" s="15">
        <v>45497</v>
      </c>
      <c r="F16181" s="14" t="s">
        <v>15</v>
      </c>
      <c r="G16181" s="16">
        <v>0</v>
      </c>
    </row>
    <row r="16182" spans="1:7" x14ac:dyDescent="0.3">
      <c r="A16182" s="13" t="s">
        <v>117</v>
      </c>
      <c r="B16182" s="14" t="s">
        <v>1</v>
      </c>
      <c r="C16182" s="14" t="s">
        <v>41</v>
      </c>
      <c r="D16182" s="14" t="s">
        <v>118</v>
      </c>
      <c r="E16182" s="15">
        <v>45498</v>
      </c>
      <c r="F16182" s="14" t="s">
        <v>15</v>
      </c>
      <c r="G16182" s="16">
        <v>0</v>
      </c>
    </row>
    <row r="16183" spans="1:7" x14ac:dyDescent="0.3">
      <c r="A16183" s="13" t="s">
        <v>117</v>
      </c>
      <c r="B16183" s="14" t="s">
        <v>1</v>
      </c>
      <c r="C16183" s="14" t="s">
        <v>41</v>
      </c>
      <c r="D16183" s="14" t="s">
        <v>118</v>
      </c>
      <c r="E16183" s="15">
        <v>45499</v>
      </c>
      <c r="F16183" s="14" t="s">
        <v>15</v>
      </c>
      <c r="G16183" s="16">
        <v>0</v>
      </c>
    </row>
    <row r="16184" spans="1:7" x14ac:dyDescent="0.3">
      <c r="A16184" s="13" t="s">
        <v>117</v>
      </c>
      <c r="B16184" s="14" t="s">
        <v>1</v>
      </c>
      <c r="C16184" s="14" t="s">
        <v>41</v>
      </c>
      <c r="D16184" s="14" t="s">
        <v>118</v>
      </c>
      <c r="E16184" s="15">
        <v>45500</v>
      </c>
      <c r="F16184" s="14" t="s">
        <v>15</v>
      </c>
      <c r="G16184" s="16">
        <v>0</v>
      </c>
    </row>
    <row r="16185" spans="1:7" x14ac:dyDescent="0.3">
      <c r="A16185" s="13" t="s">
        <v>117</v>
      </c>
      <c r="B16185" s="14" t="s">
        <v>1</v>
      </c>
      <c r="C16185" s="14" t="s">
        <v>41</v>
      </c>
      <c r="D16185" s="14" t="s">
        <v>118</v>
      </c>
      <c r="E16185" s="15">
        <v>45501</v>
      </c>
      <c r="F16185" s="14" t="s">
        <v>15</v>
      </c>
      <c r="G16185" s="16">
        <v>0</v>
      </c>
    </row>
    <row r="16186" spans="1:7" x14ac:dyDescent="0.3">
      <c r="A16186" s="13" t="s">
        <v>117</v>
      </c>
      <c r="B16186" s="14" t="s">
        <v>1</v>
      </c>
      <c r="C16186" s="14" t="s">
        <v>41</v>
      </c>
      <c r="D16186" s="14" t="s">
        <v>118</v>
      </c>
      <c r="E16186" s="15">
        <v>45502</v>
      </c>
      <c r="F16186" s="14" t="s">
        <v>15</v>
      </c>
      <c r="G16186" s="16">
        <v>0</v>
      </c>
    </row>
    <row r="16187" spans="1:7" x14ac:dyDescent="0.3">
      <c r="A16187" s="13" t="s">
        <v>117</v>
      </c>
      <c r="B16187" s="14" t="s">
        <v>1</v>
      </c>
      <c r="C16187" s="14" t="s">
        <v>41</v>
      </c>
      <c r="D16187" s="14" t="s">
        <v>118</v>
      </c>
      <c r="E16187" s="15">
        <v>45503</v>
      </c>
      <c r="F16187" s="14" t="s">
        <v>15</v>
      </c>
      <c r="G16187" s="16">
        <v>0</v>
      </c>
    </row>
    <row r="16188" spans="1:7" x14ac:dyDescent="0.3">
      <c r="A16188" s="13" t="s">
        <v>117</v>
      </c>
      <c r="B16188" s="14" t="s">
        <v>1</v>
      </c>
      <c r="C16188" s="14" t="s">
        <v>41</v>
      </c>
      <c r="D16188" s="14" t="s">
        <v>118</v>
      </c>
      <c r="E16188" s="15">
        <v>45504</v>
      </c>
      <c r="F16188" s="14" t="s">
        <v>15</v>
      </c>
      <c r="G16188" s="16">
        <v>0</v>
      </c>
    </row>
    <row r="16189" spans="1:7" x14ac:dyDescent="0.3">
      <c r="A16189" s="13" t="s">
        <v>117</v>
      </c>
      <c r="B16189" s="14" t="s">
        <v>1</v>
      </c>
      <c r="C16189" s="14" t="s">
        <v>41</v>
      </c>
      <c r="D16189" s="14" t="s">
        <v>118</v>
      </c>
      <c r="E16189" s="15">
        <v>45505</v>
      </c>
      <c r="F16189" s="14" t="s">
        <v>15</v>
      </c>
      <c r="G16189" s="16">
        <v>0</v>
      </c>
    </row>
    <row r="16190" spans="1:7" x14ac:dyDescent="0.3">
      <c r="A16190" s="13" t="s">
        <v>117</v>
      </c>
      <c r="B16190" s="14" t="s">
        <v>1</v>
      </c>
      <c r="C16190" s="14" t="s">
        <v>41</v>
      </c>
      <c r="D16190" s="14" t="s">
        <v>118</v>
      </c>
      <c r="E16190" s="15">
        <v>45506</v>
      </c>
      <c r="F16190" s="14" t="s">
        <v>15</v>
      </c>
      <c r="G16190" s="16">
        <v>0</v>
      </c>
    </row>
    <row r="16191" spans="1:7" x14ac:dyDescent="0.3">
      <c r="A16191" s="13" t="s">
        <v>117</v>
      </c>
      <c r="B16191" s="14" t="s">
        <v>1</v>
      </c>
      <c r="C16191" s="14" t="s">
        <v>41</v>
      </c>
      <c r="D16191" s="14" t="s">
        <v>118</v>
      </c>
      <c r="E16191" s="15">
        <v>45507</v>
      </c>
      <c r="F16191" s="14" t="s">
        <v>15</v>
      </c>
      <c r="G16191" s="16">
        <v>0</v>
      </c>
    </row>
    <row r="16192" spans="1:7" x14ac:dyDescent="0.3">
      <c r="A16192" s="13" t="s">
        <v>117</v>
      </c>
      <c r="B16192" s="14" t="s">
        <v>1</v>
      </c>
      <c r="C16192" s="14" t="s">
        <v>41</v>
      </c>
      <c r="D16192" s="14" t="s">
        <v>118</v>
      </c>
      <c r="E16192" s="15">
        <v>45508</v>
      </c>
      <c r="F16192" s="14" t="s">
        <v>15</v>
      </c>
      <c r="G16192" s="16">
        <v>0</v>
      </c>
    </row>
    <row r="16193" spans="1:7" x14ac:dyDescent="0.3">
      <c r="A16193" s="13" t="s">
        <v>117</v>
      </c>
      <c r="B16193" s="14" t="s">
        <v>1</v>
      </c>
      <c r="C16193" s="14" t="s">
        <v>41</v>
      </c>
      <c r="D16193" s="14" t="s">
        <v>118</v>
      </c>
      <c r="E16193" s="15">
        <v>45509</v>
      </c>
      <c r="F16193" s="14" t="s">
        <v>15</v>
      </c>
      <c r="G16193" s="16">
        <v>0</v>
      </c>
    </row>
    <row r="16194" spans="1:7" x14ac:dyDescent="0.3">
      <c r="A16194" s="13" t="s">
        <v>117</v>
      </c>
      <c r="B16194" s="14" t="s">
        <v>1</v>
      </c>
      <c r="C16194" s="14" t="s">
        <v>41</v>
      </c>
      <c r="D16194" s="14" t="s">
        <v>118</v>
      </c>
      <c r="E16194" s="15">
        <v>45510</v>
      </c>
      <c r="F16194" s="14" t="s">
        <v>15</v>
      </c>
      <c r="G16194" s="16">
        <v>0</v>
      </c>
    </row>
    <row r="16195" spans="1:7" x14ac:dyDescent="0.3">
      <c r="A16195" s="13" t="s">
        <v>117</v>
      </c>
      <c r="B16195" s="14" t="s">
        <v>1</v>
      </c>
      <c r="C16195" s="14" t="s">
        <v>41</v>
      </c>
      <c r="D16195" s="14" t="s">
        <v>118</v>
      </c>
      <c r="E16195" s="15">
        <v>45511</v>
      </c>
      <c r="F16195" s="14" t="s">
        <v>15</v>
      </c>
      <c r="G16195" s="16">
        <v>0</v>
      </c>
    </row>
    <row r="16196" spans="1:7" x14ac:dyDescent="0.3">
      <c r="A16196" s="13" t="s">
        <v>117</v>
      </c>
      <c r="B16196" s="14" t="s">
        <v>1</v>
      </c>
      <c r="C16196" s="14" t="s">
        <v>41</v>
      </c>
      <c r="D16196" s="14" t="s">
        <v>118</v>
      </c>
      <c r="E16196" s="15">
        <v>45512</v>
      </c>
      <c r="F16196" s="14" t="s">
        <v>15</v>
      </c>
      <c r="G16196" s="16">
        <v>0</v>
      </c>
    </row>
    <row r="16197" spans="1:7" x14ac:dyDescent="0.3">
      <c r="A16197" s="13" t="s">
        <v>117</v>
      </c>
      <c r="B16197" s="14" t="s">
        <v>1</v>
      </c>
      <c r="C16197" s="14" t="s">
        <v>41</v>
      </c>
      <c r="D16197" s="14" t="s">
        <v>118</v>
      </c>
      <c r="E16197" s="15">
        <v>45513</v>
      </c>
      <c r="F16197" s="14" t="s">
        <v>15</v>
      </c>
      <c r="G16197" s="16">
        <v>0</v>
      </c>
    </row>
    <row r="16198" spans="1:7" x14ac:dyDescent="0.3">
      <c r="A16198" s="13" t="s">
        <v>117</v>
      </c>
      <c r="B16198" s="14" t="s">
        <v>1</v>
      </c>
      <c r="C16198" s="14" t="s">
        <v>41</v>
      </c>
      <c r="D16198" s="14" t="s">
        <v>118</v>
      </c>
      <c r="E16198" s="15">
        <v>45514</v>
      </c>
      <c r="F16198" s="14" t="s">
        <v>15</v>
      </c>
      <c r="G16198" s="16">
        <v>0</v>
      </c>
    </row>
    <row r="16199" spans="1:7" x14ac:dyDescent="0.3">
      <c r="A16199" s="13" t="s">
        <v>117</v>
      </c>
      <c r="B16199" s="14" t="s">
        <v>1</v>
      </c>
      <c r="C16199" s="14" t="s">
        <v>41</v>
      </c>
      <c r="D16199" s="14" t="s">
        <v>118</v>
      </c>
      <c r="E16199" s="15">
        <v>45515</v>
      </c>
      <c r="F16199" s="14" t="s">
        <v>15</v>
      </c>
      <c r="G16199" s="16">
        <v>0</v>
      </c>
    </row>
    <row r="16200" spans="1:7" x14ac:dyDescent="0.3">
      <c r="A16200" s="13" t="s">
        <v>117</v>
      </c>
      <c r="B16200" s="14" t="s">
        <v>1</v>
      </c>
      <c r="C16200" s="14" t="s">
        <v>41</v>
      </c>
      <c r="D16200" s="14" t="s">
        <v>118</v>
      </c>
      <c r="E16200" s="15">
        <v>45516</v>
      </c>
      <c r="F16200" s="14" t="s">
        <v>15</v>
      </c>
      <c r="G16200" s="16">
        <v>0</v>
      </c>
    </row>
    <row r="16201" spans="1:7" x14ac:dyDescent="0.3">
      <c r="A16201" s="13" t="s">
        <v>117</v>
      </c>
      <c r="B16201" s="14" t="s">
        <v>1</v>
      </c>
      <c r="C16201" s="14" t="s">
        <v>41</v>
      </c>
      <c r="D16201" s="14" t="s">
        <v>118</v>
      </c>
      <c r="E16201" s="15">
        <v>45517</v>
      </c>
      <c r="F16201" s="14" t="s">
        <v>15</v>
      </c>
      <c r="G16201" s="16">
        <v>0</v>
      </c>
    </row>
    <row r="16202" spans="1:7" x14ac:dyDescent="0.3">
      <c r="A16202" s="13" t="s">
        <v>117</v>
      </c>
      <c r="B16202" s="14" t="s">
        <v>1</v>
      </c>
      <c r="C16202" s="14" t="s">
        <v>41</v>
      </c>
      <c r="D16202" s="14" t="s">
        <v>118</v>
      </c>
      <c r="E16202" s="15">
        <v>45518</v>
      </c>
      <c r="F16202" s="14" t="s">
        <v>15</v>
      </c>
      <c r="G16202" s="16">
        <v>0</v>
      </c>
    </row>
    <row r="16203" spans="1:7" x14ac:dyDescent="0.3">
      <c r="A16203" s="13" t="s">
        <v>117</v>
      </c>
      <c r="B16203" s="14" t="s">
        <v>1</v>
      </c>
      <c r="C16203" s="14" t="s">
        <v>41</v>
      </c>
      <c r="D16203" s="14" t="s">
        <v>118</v>
      </c>
      <c r="E16203" s="15">
        <v>45519</v>
      </c>
      <c r="F16203" s="14" t="s">
        <v>15</v>
      </c>
      <c r="G16203" s="16">
        <v>0</v>
      </c>
    </row>
    <row r="16204" spans="1:7" x14ac:dyDescent="0.3">
      <c r="A16204" s="13" t="s">
        <v>117</v>
      </c>
      <c r="B16204" s="14" t="s">
        <v>1</v>
      </c>
      <c r="C16204" s="14" t="s">
        <v>41</v>
      </c>
      <c r="D16204" s="14" t="s">
        <v>118</v>
      </c>
      <c r="E16204" s="15">
        <v>45520</v>
      </c>
      <c r="F16204" s="14" t="s">
        <v>15</v>
      </c>
      <c r="G16204" s="16">
        <v>0</v>
      </c>
    </row>
    <row r="16205" spans="1:7" x14ac:dyDescent="0.3">
      <c r="A16205" s="13" t="s">
        <v>117</v>
      </c>
      <c r="B16205" s="14" t="s">
        <v>1</v>
      </c>
      <c r="C16205" s="14" t="s">
        <v>41</v>
      </c>
      <c r="D16205" s="14" t="s">
        <v>118</v>
      </c>
      <c r="E16205" s="15">
        <v>45521</v>
      </c>
      <c r="F16205" s="14" t="s">
        <v>15</v>
      </c>
      <c r="G16205" s="16">
        <v>0</v>
      </c>
    </row>
    <row r="16206" spans="1:7" x14ac:dyDescent="0.3">
      <c r="A16206" s="13" t="s">
        <v>117</v>
      </c>
      <c r="B16206" s="14" t="s">
        <v>1</v>
      </c>
      <c r="C16206" s="14" t="s">
        <v>41</v>
      </c>
      <c r="D16206" s="14" t="s">
        <v>118</v>
      </c>
      <c r="E16206" s="15">
        <v>45522</v>
      </c>
      <c r="F16206" s="14" t="s">
        <v>15</v>
      </c>
      <c r="G16206" s="16">
        <v>0</v>
      </c>
    </row>
    <row r="16207" spans="1:7" x14ac:dyDescent="0.3">
      <c r="A16207" s="13" t="s">
        <v>117</v>
      </c>
      <c r="B16207" s="14" t="s">
        <v>1</v>
      </c>
      <c r="C16207" s="14" t="s">
        <v>41</v>
      </c>
      <c r="D16207" s="14" t="s">
        <v>118</v>
      </c>
      <c r="E16207" s="15">
        <v>45523</v>
      </c>
      <c r="F16207" s="14" t="s">
        <v>15</v>
      </c>
      <c r="G16207" s="16">
        <v>0</v>
      </c>
    </row>
    <row r="16208" spans="1:7" x14ac:dyDescent="0.3">
      <c r="A16208" s="13" t="s">
        <v>117</v>
      </c>
      <c r="B16208" s="14" t="s">
        <v>1</v>
      </c>
      <c r="C16208" s="14" t="s">
        <v>41</v>
      </c>
      <c r="D16208" s="14" t="s">
        <v>118</v>
      </c>
      <c r="E16208" s="15">
        <v>45524</v>
      </c>
      <c r="F16208" s="14" t="s">
        <v>15</v>
      </c>
      <c r="G16208" s="16">
        <v>0</v>
      </c>
    </row>
    <row r="16209" spans="1:7" x14ac:dyDescent="0.3">
      <c r="A16209" s="13" t="s">
        <v>117</v>
      </c>
      <c r="B16209" s="14" t="s">
        <v>1</v>
      </c>
      <c r="C16209" s="14" t="s">
        <v>41</v>
      </c>
      <c r="D16209" s="14" t="s">
        <v>118</v>
      </c>
      <c r="E16209" s="15">
        <v>45525</v>
      </c>
      <c r="F16209" s="14" t="s">
        <v>15</v>
      </c>
      <c r="G16209" s="16">
        <v>0</v>
      </c>
    </row>
    <row r="16210" spans="1:7" x14ac:dyDescent="0.3">
      <c r="A16210" s="13" t="s">
        <v>117</v>
      </c>
      <c r="B16210" s="14" t="s">
        <v>1</v>
      </c>
      <c r="C16210" s="14" t="s">
        <v>41</v>
      </c>
      <c r="D16210" s="14" t="s">
        <v>118</v>
      </c>
      <c r="E16210" s="15">
        <v>45526</v>
      </c>
      <c r="F16210" s="14" t="s">
        <v>15</v>
      </c>
      <c r="G16210" s="16">
        <v>0</v>
      </c>
    </row>
    <row r="16211" spans="1:7" x14ac:dyDescent="0.3">
      <c r="A16211" s="13" t="s">
        <v>117</v>
      </c>
      <c r="B16211" s="14" t="s">
        <v>1</v>
      </c>
      <c r="C16211" s="14" t="s">
        <v>41</v>
      </c>
      <c r="D16211" s="14" t="s">
        <v>118</v>
      </c>
      <c r="E16211" s="15">
        <v>45527</v>
      </c>
      <c r="F16211" s="14" t="s">
        <v>15</v>
      </c>
      <c r="G16211" s="16">
        <v>0</v>
      </c>
    </row>
    <row r="16212" spans="1:7" x14ac:dyDescent="0.3">
      <c r="A16212" s="13" t="s">
        <v>117</v>
      </c>
      <c r="B16212" s="14" t="s">
        <v>1</v>
      </c>
      <c r="C16212" s="14" t="s">
        <v>41</v>
      </c>
      <c r="D16212" s="14" t="s">
        <v>118</v>
      </c>
      <c r="E16212" s="15">
        <v>45528</v>
      </c>
      <c r="F16212" s="14" t="s">
        <v>15</v>
      </c>
      <c r="G16212" s="16">
        <v>0</v>
      </c>
    </row>
    <row r="16213" spans="1:7" x14ac:dyDescent="0.3">
      <c r="A16213" s="13" t="s">
        <v>117</v>
      </c>
      <c r="B16213" s="14" t="s">
        <v>1</v>
      </c>
      <c r="C16213" s="14" t="s">
        <v>41</v>
      </c>
      <c r="D16213" s="14" t="s">
        <v>118</v>
      </c>
      <c r="E16213" s="15">
        <v>45529</v>
      </c>
      <c r="F16213" s="14" t="s">
        <v>15</v>
      </c>
      <c r="G16213" s="16">
        <v>0</v>
      </c>
    </row>
    <row r="16214" spans="1:7" x14ac:dyDescent="0.3">
      <c r="A16214" s="13" t="s">
        <v>117</v>
      </c>
      <c r="B16214" s="14" t="s">
        <v>1</v>
      </c>
      <c r="C16214" s="14" t="s">
        <v>41</v>
      </c>
      <c r="D16214" s="14" t="s">
        <v>118</v>
      </c>
      <c r="E16214" s="15">
        <v>45530</v>
      </c>
      <c r="F16214" s="14" t="s">
        <v>15</v>
      </c>
      <c r="G16214" s="16">
        <v>0</v>
      </c>
    </row>
    <row r="16215" spans="1:7" x14ac:dyDescent="0.3">
      <c r="A16215" s="13" t="s">
        <v>117</v>
      </c>
      <c r="B16215" s="14" t="s">
        <v>1</v>
      </c>
      <c r="C16215" s="14" t="s">
        <v>41</v>
      </c>
      <c r="D16215" s="14" t="s">
        <v>118</v>
      </c>
      <c r="E16215" s="15">
        <v>45531</v>
      </c>
      <c r="F16215" s="14" t="s">
        <v>15</v>
      </c>
      <c r="G16215" s="16">
        <v>0</v>
      </c>
    </row>
    <row r="16216" spans="1:7" x14ac:dyDescent="0.3">
      <c r="A16216" s="13" t="s">
        <v>117</v>
      </c>
      <c r="B16216" s="14" t="s">
        <v>1</v>
      </c>
      <c r="C16216" s="14" t="s">
        <v>41</v>
      </c>
      <c r="D16216" s="14" t="s">
        <v>118</v>
      </c>
      <c r="E16216" s="15">
        <v>45532</v>
      </c>
      <c r="F16216" s="14" t="s">
        <v>15</v>
      </c>
      <c r="G16216" s="16">
        <v>0</v>
      </c>
    </row>
    <row r="16217" spans="1:7" x14ac:dyDescent="0.3">
      <c r="A16217" s="13" t="s">
        <v>117</v>
      </c>
      <c r="B16217" s="14" t="s">
        <v>1</v>
      </c>
      <c r="C16217" s="14" t="s">
        <v>41</v>
      </c>
      <c r="D16217" s="14" t="s">
        <v>118</v>
      </c>
      <c r="E16217" s="15">
        <v>45533</v>
      </c>
      <c r="F16217" s="14" t="s">
        <v>15</v>
      </c>
      <c r="G16217" s="16">
        <v>0</v>
      </c>
    </row>
    <row r="16218" spans="1:7" x14ac:dyDescent="0.3">
      <c r="A16218" s="13" t="s">
        <v>117</v>
      </c>
      <c r="B16218" s="14" t="s">
        <v>1</v>
      </c>
      <c r="C16218" s="14" t="s">
        <v>41</v>
      </c>
      <c r="D16218" s="14" t="s">
        <v>118</v>
      </c>
      <c r="E16218" s="15">
        <v>45534</v>
      </c>
      <c r="F16218" s="14" t="s">
        <v>15</v>
      </c>
      <c r="G16218" s="16">
        <v>0</v>
      </c>
    </row>
    <row r="16219" spans="1:7" x14ac:dyDescent="0.3">
      <c r="A16219" s="13" t="s">
        <v>117</v>
      </c>
      <c r="B16219" s="14" t="s">
        <v>1</v>
      </c>
      <c r="C16219" s="14" t="s">
        <v>41</v>
      </c>
      <c r="D16219" s="14" t="s">
        <v>118</v>
      </c>
      <c r="E16219" s="15">
        <v>45535</v>
      </c>
      <c r="F16219" s="14" t="s">
        <v>15</v>
      </c>
      <c r="G16219" s="16">
        <v>0</v>
      </c>
    </row>
    <row r="16220" spans="1:7" x14ac:dyDescent="0.3">
      <c r="A16220" s="13" t="s">
        <v>117</v>
      </c>
      <c r="B16220" s="14" t="s">
        <v>1</v>
      </c>
      <c r="C16220" s="14" t="s">
        <v>41</v>
      </c>
      <c r="D16220" s="14" t="s">
        <v>118</v>
      </c>
      <c r="E16220" s="15">
        <v>45536</v>
      </c>
      <c r="F16220" s="14" t="s">
        <v>15</v>
      </c>
      <c r="G16220" s="16">
        <v>0</v>
      </c>
    </row>
    <row r="16221" spans="1:7" x14ac:dyDescent="0.3">
      <c r="A16221" s="13" t="s">
        <v>117</v>
      </c>
      <c r="B16221" s="14" t="s">
        <v>1</v>
      </c>
      <c r="C16221" s="14" t="s">
        <v>41</v>
      </c>
      <c r="D16221" s="14" t="s">
        <v>118</v>
      </c>
      <c r="E16221" s="15">
        <v>45537</v>
      </c>
      <c r="F16221" s="14" t="s">
        <v>15</v>
      </c>
      <c r="G16221" s="16">
        <v>0</v>
      </c>
    </row>
    <row r="16222" spans="1:7" x14ac:dyDescent="0.3">
      <c r="A16222" s="13" t="s">
        <v>117</v>
      </c>
      <c r="B16222" s="14" t="s">
        <v>1</v>
      </c>
      <c r="C16222" s="14" t="s">
        <v>41</v>
      </c>
      <c r="D16222" s="14" t="s">
        <v>118</v>
      </c>
      <c r="E16222" s="15">
        <v>45538</v>
      </c>
      <c r="F16222" s="14" t="s">
        <v>15</v>
      </c>
      <c r="G16222" s="16">
        <v>0</v>
      </c>
    </row>
    <row r="16223" spans="1:7" x14ac:dyDescent="0.3">
      <c r="A16223" s="13" t="s">
        <v>117</v>
      </c>
      <c r="B16223" s="14" t="s">
        <v>1</v>
      </c>
      <c r="C16223" s="14" t="s">
        <v>41</v>
      </c>
      <c r="D16223" s="14" t="s">
        <v>118</v>
      </c>
      <c r="E16223" s="15">
        <v>45539</v>
      </c>
      <c r="F16223" s="14" t="s">
        <v>15</v>
      </c>
      <c r="G16223" s="16">
        <v>0</v>
      </c>
    </row>
    <row r="16224" spans="1:7" x14ac:dyDescent="0.3">
      <c r="A16224" s="13" t="s">
        <v>117</v>
      </c>
      <c r="B16224" s="14" t="s">
        <v>1</v>
      </c>
      <c r="C16224" s="14" t="s">
        <v>41</v>
      </c>
      <c r="D16224" s="14" t="s">
        <v>118</v>
      </c>
      <c r="E16224" s="15">
        <v>45540</v>
      </c>
      <c r="F16224" s="14" t="s">
        <v>15</v>
      </c>
      <c r="G16224" s="16">
        <v>0</v>
      </c>
    </row>
    <row r="16225" spans="1:7" x14ac:dyDescent="0.3">
      <c r="A16225" s="13" t="s">
        <v>117</v>
      </c>
      <c r="B16225" s="14" t="s">
        <v>1</v>
      </c>
      <c r="C16225" s="14" t="s">
        <v>41</v>
      </c>
      <c r="D16225" s="14" t="s">
        <v>118</v>
      </c>
      <c r="E16225" s="15">
        <v>45541</v>
      </c>
      <c r="F16225" s="14" t="s">
        <v>15</v>
      </c>
      <c r="G16225" s="16">
        <v>0</v>
      </c>
    </row>
    <row r="16226" spans="1:7" x14ac:dyDescent="0.3">
      <c r="A16226" s="13" t="s">
        <v>117</v>
      </c>
      <c r="B16226" s="14" t="s">
        <v>1</v>
      </c>
      <c r="C16226" s="14" t="s">
        <v>41</v>
      </c>
      <c r="D16226" s="14" t="s">
        <v>118</v>
      </c>
      <c r="E16226" s="15">
        <v>45542</v>
      </c>
      <c r="F16226" s="14" t="s">
        <v>15</v>
      </c>
      <c r="G16226" s="16">
        <v>0</v>
      </c>
    </row>
    <row r="16227" spans="1:7" x14ac:dyDescent="0.3">
      <c r="A16227" s="13" t="s">
        <v>117</v>
      </c>
      <c r="B16227" s="14" t="s">
        <v>1</v>
      </c>
      <c r="C16227" s="14" t="s">
        <v>41</v>
      </c>
      <c r="D16227" s="14" t="s">
        <v>118</v>
      </c>
      <c r="E16227" s="15">
        <v>45543</v>
      </c>
      <c r="F16227" s="14" t="s">
        <v>15</v>
      </c>
      <c r="G16227" s="16">
        <v>0</v>
      </c>
    </row>
    <row r="16228" spans="1:7" x14ac:dyDescent="0.3">
      <c r="A16228" s="13" t="s">
        <v>117</v>
      </c>
      <c r="B16228" s="14" t="s">
        <v>1</v>
      </c>
      <c r="C16228" s="14" t="s">
        <v>41</v>
      </c>
      <c r="D16228" s="14" t="s">
        <v>118</v>
      </c>
      <c r="E16228" s="15">
        <v>45544</v>
      </c>
      <c r="F16228" s="14" t="s">
        <v>15</v>
      </c>
      <c r="G16228" s="16">
        <v>0</v>
      </c>
    </row>
    <row r="16229" spans="1:7" x14ac:dyDescent="0.3">
      <c r="A16229" s="13" t="s">
        <v>117</v>
      </c>
      <c r="B16229" s="14" t="s">
        <v>1</v>
      </c>
      <c r="C16229" s="14" t="s">
        <v>41</v>
      </c>
      <c r="D16229" s="14" t="s">
        <v>118</v>
      </c>
      <c r="E16229" s="15">
        <v>45545</v>
      </c>
      <c r="F16229" s="14" t="s">
        <v>15</v>
      </c>
      <c r="G16229" s="16">
        <v>0</v>
      </c>
    </row>
    <row r="16230" spans="1:7" x14ac:dyDescent="0.3">
      <c r="A16230" s="13" t="s">
        <v>117</v>
      </c>
      <c r="B16230" s="14" t="s">
        <v>1</v>
      </c>
      <c r="C16230" s="14" t="s">
        <v>41</v>
      </c>
      <c r="D16230" s="14" t="s">
        <v>118</v>
      </c>
      <c r="E16230" s="15">
        <v>45546</v>
      </c>
      <c r="F16230" s="14" t="s">
        <v>15</v>
      </c>
      <c r="G16230" s="16">
        <v>0</v>
      </c>
    </row>
    <row r="16231" spans="1:7" x14ac:dyDescent="0.3">
      <c r="A16231" s="13" t="s">
        <v>117</v>
      </c>
      <c r="B16231" s="14" t="s">
        <v>1</v>
      </c>
      <c r="C16231" s="14" t="s">
        <v>41</v>
      </c>
      <c r="D16231" s="14" t="s">
        <v>118</v>
      </c>
      <c r="E16231" s="15">
        <v>45547</v>
      </c>
      <c r="F16231" s="14" t="s">
        <v>15</v>
      </c>
      <c r="G16231" s="16">
        <v>0</v>
      </c>
    </row>
    <row r="16232" spans="1:7" x14ac:dyDescent="0.3">
      <c r="A16232" s="13" t="s">
        <v>117</v>
      </c>
      <c r="B16232" s="14" t="s">
        <v>1</v>
      </c>
      <c r="C16232" s="14" t="s">
        <v>41</v>
      </c>
      <c r="D16232" s="14" t="s">
        <v>118</v>
      </c>
      <c r="E16232" s="15">
        <v>45548</v>
      </c>
      <c r="F16232" s="14" t="s">
        <v>15</v>
      </c>
      <c r="G16232" s="16">
        <v>0</v>
      </c>
    </row>
    <row r="16233" spans="1:7" x14ac:dyDescent="0.3">
      <c r="A16233" s="13" t="s">
        <v>117</v>
      </c>
      <c r="B16233" s="14" t="s">
        <v>1</v>
      </c>
      <c r="C16233" s="14" t="s">
        <v>41</v>
      </c>
      <c r="D16233" s="14" t="s">
        <v>118</v>
      </c>
      <c r="E16233" s="15">
        <v>45549</v>
      </c>
      <c r="F16233" s="14" t="s">
        <v>15</v>
      </c>
      <c r="G16233" s="16">
        <v>0</v>
      </c>
    </row>
    <row r="16234" spans="1:7" x14ac:dyDescent="0.3">
      <c r="A16234" s="13" t="s">
        <v>117</v>
      </c>
      <c r="B16234" s="14" t="s">
        <v>1</v>
      </c>
      <c r="C16234" s="14" t="s">
        <v>41</v>
      </c>
      <c r="D16234" s="14" t="s">
        <v>118</v>
      </c>
      <c r="E16234" s="15">
        <v>45550</v>
      </c>
      <c r="F16234" s="14" t="s">
        <v>15</v>
      </c>
      <c r="G16234" s="16">
        <v>0</v>
      </c>
    </row>
    <row r="16235" spans="1:7" x14ac:dyDescent="0.3">
      <c r="A16235" s="13" t="s">
        <v>117</v>
      </c>
      <c r="B16235" s="14" t="s">
        <v>1</v>
      </c>
      <c r="C16235" s="14" t="s">
        <v>41</v>
      </c>
      <c r="D16235" s="14" t="s">
        <v>118</v>
      </c>
      <c r="E16235" s="15">
        <v>45551</v>
      </c>
      <c r="F16235" s="14" t="s">
        <v>15</v>
      </c>
      <c r="G16235" s="16">
        <v>0</v>
      </c>
    </row>
    <row r="16236" spans="1:7" x14ac:dyDescent="0.3">
      <c r="A16236" s="13" t="s">
        <v>117</v>
      </c>
      <c r="B16236" s="14" t="s">
        <v>1</v>
      </c>
      <c r="C16236" s="14" t="s">
        <v>41</v>
      </c>
      <c r="D16236" s="14" t="s">
        <v>118</v>
      </c>
      <c r="E16236" s="15">
        <v>45552</v>
      </c>
      <c r="F16236" s="14" t="s">
        <v>15</v>
      </c>
      <c r="G16236" s="16">
        <v>0</v>
      </c>
    </row>
    <row r="16237" spans="1:7" x14ac:dyDescent="0.3">
      <c r="A16237" s="13" t="s">
        <v>117</v>
      </c>
      <c r="B16237" s="14" t="s">
        <v>1</v>
      </c>
      <c r="C16237" s="14" t="s">
        <v>41</v>
      </c>
      <c r="D16237" s="14" t="s">
        <v>118</v>
      </c>
      <c r="E16237" s="15">
        <v>45553</v>
      </c>
      <c r="F16237" s="14" t="s">
        <v>15</v>
      </c>
      <c r="G16237" s="16">
        <v>0</v>
      </c>
    </row>
    <row r="16238" spans="1:7" x14ac:dyDescent="0.3">
      <c r="A16238" s="13" t="s">
        <v>117</v>
      </c>
      <c r="B16238" s="14" t="s">
        <v>1</v>
      </c>
      <c r="C16238" s="14" t="s">
        <v>41</v>
      </c>
      <c r="D16238" s="14" t="s">
        <v>118</v>
      </c>
      <c r="E16238" s="15">
        <v>45554</v>
      </c>
      <c r="F16238" s="14" t="s">
        <v>15</v>
      </c>
      <c r="G16238" s="16">
        <v>0</v>
      </c>
    </row>
    <row r="16239" spans="1:7" x14ac:dyDescent="0.3">
      <c r="A16239" s="13" t="s">
        <v>117</v>
      </c>
      <c r="B16239" s="14" t="s">
        <v>1</v>
      </c>
      <c r="C16239" s="14" t="s">
        <v>41</v>
      </c>
      <c r="D16239" s="14" t="s">
        <v>118</v>
      </c>
      <c r="E16239" s="15">
        <v>45555</v>
      </c>
      <c r="F16239" s="14" t="s">
        <v>15</v>
      </c>
      <c r="G16239" s="16">
        <v>0</v>
      </c>
    </row>
    <row r="16240" spans="1:7" x14ac:dyDescent="0.3">
      <c r="A16240" s="13" t="s">
        <v>117</v>
      </c>
      <c r="B16240" s="14" t="s">
        <v>1</v>
      </c>
      <c r="C16240" s="14" t="s">
        <v>41</v>
      </c>
      <c r="D16240" s="14" t="s">
        <v>118</v>
      </c>
      <c r="E16240" s="15">
        <v>45556</v>
      </c>
      <c r="F16240" s="14" t="s">
        <v>15</v>
      </c>
      <c r="G16240" s="16">
        <v>0</v>
      </c>
    </row>
    <row r="16241" spans="1:7" x14ac:dyDescent="0.3">
      <c r="A16241" s="13" t="s">
        <v>117</v>
      </c>
      <c r="B16241" s="14" t="s">
        <v>1</v>
      </c>
      <c r="C16241" s="14" t="s">
        <v>41</v>
      </c>
      <c r="D16241" s="14" t="s">
        <v>118</v>
      </c>
      <c r="E16241" s="15">
        <v>45557</v>
      </c>
      <c r="F16241" s="14" t="s">
        <v>15</v>
      </c>
      <c r="G16241" s="16">
        <v>0</v>
      </c>
    </row>
    <row r="16242" spans="1:7" x14ac:dyDescent="0.3">
      <c r="A16242" s="13" t="s">
        <v>117</v>
      </c>
      <c r="B16242" s="14" t="s">
        <v>1</v>
      </c>
      <c r="C16242" s="14" t="s">
        <v>41</v>
      </c>
      <c r="D16242" s="14" t="s">
        <v>118</v>
      </c>
      <c r="E16242" s="15">
        <v>45558</v>
      </c>
      <c r="F16242" s="14" t="s">
        <v>15</v>
      </c>
      <c r="G16242" s="16">
        <v>0</v>
      </c>
    </row>
    <row r="16243" spans="1:7" x14ac:dyDescent="0.3">
      <c r="A16243" s="13" t="s">
        <v>117</v>
      </c>
      <c r="B16243" s="14" t="s">
        <v>1</v>
      </c>
      <c r="C16243" s="14" t="s">
        <v>41</v>
      </c>
      <c r="D16243" s="14" t="s">
        <v>118</v>
      </c>
      <c r="E16243" s="15">
        <v>45559</v>
      </c>
      <c r="F16243" s="14" t="s">
        <v>15</v>
      </c>
      <c r="G16243" s="16">
        <v>0</v>
      </c>
    </row>
    <row r="16244" spans="1:7" x14ac:dyDescent="0.3">
      <c r="A16244" s="13" t="s">
        <v>117</v>
      </c>
      <c r="B16244" s="14" t="s">
        <v>1</v>
      </c>
      <c r="C16244" s="14" t="s">
        <v>41</v>
      </c>
      <c r="D16244" s="14" t="s">
        <v>118</v>
      </c>
      <c r="E16244" s="15">
        <v>45560</v>
      </c>
      <c r="F16244" s="14" t="s">
        <v>15</v>
      </c>
      <c r="G16244" s="16">
        <v>0</v>
      </c>
    </row>
    <row r="16245" spans="1:7" x14ac:dyDescent="0.3">
      <c r="A16245" s="13" t="s">
        <v>117</v>
      </c>
      <c r="B16245" s="14" t="s">
        <v>1</v>
      </c>
      <c r="C16245" s="14" t="s">
        <v>41</v>
      </c>
      <c r="D16245" s="14" t="s">
        <v>118</v>
      </c>
      <c r="E16245" s="15">
        <v>45561</v>
      </c>
      <c r="F16245" s="14" t="s">
        <v>15</v>
      </c>
      <c r="G16245" s="16">
        <v>0</v>
      </c>
    </row>
    <row r="16246" spans="1:7" x14ac:dyDescent="0.3">
      <c r="A16246" s="13" t="s">
        <v>117</v>
      </c>
      <c r="B16246" s="14" t="s">
        <v>1</v>
      </c>
      <c r="C16246" s="14" t="s">
        <v>41</v>
      </c>
      <c r="D16246" s="14" t="s">
        <v>118</v>
      </c>
      <c r="E16246" s="15">
        <v>45562</v>
      </c>
      <c r="F16246" s="14" t="s">
        <v>15</v>
      </c>
      <c r="G16246" s="16">
        <v>0</v>
      </c>
    </row>
    <row r="16247" spans="1:7" x14ac:dyDescent="0.3">
      <c r="A16247" s="13" t="s">
        <v>117</v>
      </c>
      <c r="B16247" s="14" t="s">
        <v>1</v>
      </c>
      <c r="C16247" s="14" t="s">
        <v>41</v>
      </c>
      <c r="D16247" s="14" t="s">
        <v>118</v>
      </c>
      <c r="E16247" s="15">
        <v>45563</v>
      </c>
      <c r="F16247" s="14" t="s">
        <v>15</v>
      </c>
      <c r="G16247" s="16">
        <v>0</v>
      </c>
    </row>
    <row r="16248" spans="1:7" x14ac:dyDescent="0.3">
      <c r="A16248" s="13" t="s">
        <v>117</v>
      </c>
      <c r="B16248" s="14" t="s">
        <v>1</v>
      </c>
      <c r="C16248" s="14" t="s">
        <v>41</v>
      </c>
      <c r="D16248" s="14" t="s">
        <v>118</v>
      </c>
      <c r="E16248" s="15">
        <v>45564</v>
      </c>
      <c r="F16248" s="14" t="s">
        <v>15</v>
      </c>
      <c r="G16248" s="16">
        <v>0</v>
      </c>
    </row>
    <row r="16249" spans="1:7" x14ac:dyDescent="0.3">
      <c r="A16249" s="13" t="s">
        <v>117</v>
      </c>
      <c r="B16249" s="14" t="s">
        <v>1</v>
      </c>
      <c r="C16249" s="14" t="s">
        <v>41</v>
      </c>
      <c r="D16249" s="14" t="s">
        <v>118</v>
      </c>
      <c r="E16249" s="15">
        <v>45565</v>
      </c>
      <c r="F16249" s="14" t="s">
        <v>15</v>
      </c>
      <c r="G16249" s="16">
        <v>0.6059571213881082</v>
      </c>
    </row>
    <row r="16250" spans="1:7" x14ac:dyDescent="0.3">
      <c r="A16250" s="13" t="s">
        <v>117</v>
      </c>
      <c r="B16250" s="14" t="s">
        <v>1</v>
      </c>
      <c r="C16250" s="14" t="s">
        <v>41</v>
      </c>
      <c r="D16250" s="14" t="s">
        <v>118</v>
      </c>
      <c r="E16250" s="15">
        <v>45566</v>
      </c>
      <c r="F16250" s="14" t="s">
        <v>15</v>
      </c>
      <c r="G16250" s="16">
        <v>0.59914213063916422</v>
      </c>
    </row>
    <row r="16251" spans="1:7" x14ac:dyDescent="0.3">
      <c r="A16251" s="13" t="s">
        <v>117</v>
      </c>
      <c r="B16251" s="14" t="s">
        <v>1</v>
      </c>
      <c r="C16251" s="14" t="s">
        <v>41</v>
      </c>
      <c r="D16251" s="14" t="s">
        <v>118</v>
      </c>
      <c r="E16251" s="15">
        <v>45567</v>
      </c>
      <c r="F16251" s="14" t="s">
        <v>15</v>
      </c>
      <c r="G16251" s="16">
        <v>0.58501330741188495</v>
      </c>
    </row>
    <row r="16252" spans="1:7" x14ac:dyDescent="0.3">
      <c r="A16252" s="13" t="s">
        <v>117</v>
      </c>
      <c r="B16252" s="14" t="s">
        <v>1</v>
      </c>
      <c r="C16252" s="14" t="s">
        <v>41</v>
      </c>
      <c r="D16252" s="14" t="s">
        <v>118</v>
      </c>
      <c r="E16252" s="15">
        <v>45568</v>
      </c>
      <c r="F16252" s="14" t="s">
        <v>15</v>
      </c>
      <c r="G16252" s="16">
        <v>0.58082418800112046</v>
      </c>
    </row>
    <row r="16253" spans="1:7" x14ac:dyDescent="0.3">
      <c r="A16253" s="13" t="s">
        <v>117</v>
      </c>
      <c r="B16253" s="14" t="s">
        <v>1</v>
      </c>
      <c r="C16253" s="14" t="s">
        <v>41</v>
      </c>
      <c r="D16253" s="14" t="s">
        <v>118</v>
      </c>
      <c r="E16253" s="15">
        <v>45569</v>
      </c>
      <c r="F16253" s="14" t="s">
        <v>15</v>
      </c>
      <c r="G16253" s="16">
        <v>0.57156342006404315</v>
      </c>
    </row>
    <row r="16254" spans="1:7" x14ac:dyDescent="0.3">
      <c r="A16254" s="13" t="s">
        <v>117</v>
      </c>
      <c r="B16254" s="14" t="s">
        <v>1</v>
      </c>
      <c r="C16254" s="14" t="s">
        <v>41</v>
      </c>
      <c r="D16254" s="14" t="s">
        <v>118</v>
      </c>
      <c r="E16254" s="15">
        <v>45570</v>
      </c>
      <c r="F16254" s="14" t="s">
        <v>15</v>
      </c>
      <c r="G16254" s="16">
        <v>0.57156342006404315</v>
      </c>
    </row>
    <row r="16255" spans="1:7" x14ac:dyDescent="0.3">
      <c r="A16255" s="13" t="s">
        <v>117</v>
      </c>
      <c r="B16255" s="14" t="s">
        <v>1</v>
      </c>
      <c r="C16255" s="14" t="s">
        <v>41</v>
      </c>
      <c r="D16255" s="14" t="s">
        <v>118</v>
      </c>
      <c r="E16255" s="15">
        <v>45571</v>
      </c>
      <c r="F16255" s="14" t="s">
        <v>15</v>
      </c>
      <c r="G16255" s="16">
        <v>0.57156342006404315</v>
      </c>
    </row>
    <row r="16256" spans="1:7" x14ac:dyDescent="0.3">
      <c r="A16256" s="13" t="s">
        <v>117</v>
      </c>
      <c r="B16256" s="14" t="s">
        <v>1</v>
      </c>
      <c r="C16256" s="14" t="s">
        <v>41</v>
      </c>
      <c r="D16256" s="14" t="s">
        <v>118</v>
      </c>
      <c r="E16256" s="15">
        <v>45572</v>
      </c>
      <c r="F16256" s="14" t="s">
        <v>15</v>
      </c>
      <c r="G16256" s="16">
        <v>0.57136082628194129</v>
      </c>
    </row>
    <row r="16257" spans="1:7" x14ac:dyDescent="0.3">
      <c r="A16257" s="13" t="s">
        <v>117</v>
      </c>
      <c r="B16257" s="14" t="s">
        <v>1</v>
      </c>
      <c r="C16257" s="14" t="s">
        <v>41</v>
      </c>
      <c r="D16257" s="14" t="s">
        <v>118</v>
      </c>
      <c r="E16257" s="15">
        <v>45573</v>
      </c>
      <c r="F16257" s="14" t="s">
        <v>15</v>
      </c>
      <c r="G16257" s="16">
        <v>0.56435988073363708</v>
      </c>
    </row>
    <row r="16258" spans="1:7" x14ac:dyDescent="0.3">
      <c r="A16258" s="13" t="s">
        <v>117</v>
      </c>
      <c r="B16258" s="14" t="s">
        <v>1</v>
      </c>
      <c r="C16258" s="14" t="s">
        <v>41</v>
      </c>
      <c r="D16258" s="14" t="s">
        <v>118</v>
      </c>
      <c r="E16258" s="15">
        <v>45574</v>
      </c>
      <c r="F16258" s="14" t="s">
        <v>15</v>
      </c>
      <c r="G16258" s="16">
        <v>0.55770146422232714</v>
      </c>
    </row>
    <row r="16259" spans="1:7" x14ac:dyDescent="0.3">
      <c r="A16259" s="13" t="s">
        <v>117</v>
      </c>
      <c r="B16259" s="14" t="s">
        <v>1</v>
      </c>
      <c r="C16259" s="14" t="s">
        <v>41</v>
      </c>
      <c r="D16259" s="14" t="s">
        <v>118</v>
      </c>
      <c r="E16259" s="15">
        <v>45575</v>
      </c>
      <c r="F16259" s="14" t="s">
        <v>15</v>
      </c>
      <c r="G16259" s="16">
        <v>0.55809482557477141</v>
      </c>
    </row>
    <row r="16260" spans="1:7" x14ac:dyDescent="0.3">
      <c r="A16260" s="13" t="s">
        <v>117</v>
      </c>
      <c r="B16260" s="14" t="s">
        <v>1</v>
      </c>
      <c r="C16260" s="14" t="s">
        <v>41</v>
      </c>
      <c r="D16260" s="14" t="s">
        <v>118</v>
      </c>
      <c r="E16260" s="15">
        <v>45576</v>
      </c>
      <c r="F16260" s="14" t="s">
        <v>15</v>
      </c>
      <c r="G16260" s="16">
        <v>0.55357233957433805</v>
      </c>
    </row>
    <row r="16261" spans="1:7" x14ac:dyDescent="0.3">
      <c r="A16261" s="13" t="s">
        <v>117</v>
      </c>
      <c r="B16261" s="14" t="s">
        <v>1</v>
      </c>
      <c r="C16261" s="14" t="s">
        <v>41</v>
      </c>
      <c r="D16261" s="14" t="s">
        <v>118</v>
      </c>
      <c r="E16261" s="15">
        <v>45577</v>
      </c>
      <c r="F16261" s="14" t="s">
        <v>15</v>
      </c>
      <c r="G16261" s="16">
        <v>0.55357233957433805</v>
      </c>
    </row>
    <row r="16262" spans="1:7" x14ac:dyDescent="0.3">
      <c r="A16262" s="13" t="s">
        <v>117</v>
      </c>
      <c r="B16262" s="14" t="s">
        <v>1</v>
      </c>
      <c r="C16262" s="14" t="s">
        <v>41</v>
      </c>
      <c r="D16262" s="14" t="s">
        <v>118</v>
      </c>
      <c r="E16262" s="15">
        <v>45578</v>
      </c>
      <c r="F16262" s="14" t="s">
        <v>15</v>
      </c>
      <c r="G16262" s="16">
        <v>0.55357233957433805</v>
      </c>
    </row>
    <row r="16263" spans="1:7" x14ac:dyDescent="0.3">
      <c r="A16263" s="13" t="s">
        <v>117</v>
      </c>
      <c r="B16263" s="14" t="s">
        <v>1</v>
      </c>
      <c r="C16263" s="14" t="s">
        <v>41</v>
      </c>
      <c r="D16263" s="14" t="s">
        <v>118</v>
      </c>
      <c r="E16263" s="15">
        <v>45579</v>
      </c>
      <c r="F16263" s="14" t="s">
        <v>15</v>
      </c>
      <c r="G16263" s="16">
        <v>0.55357233957433805</v>
      </c>
    </row>
    <row r="16264" spans="1:7" x14ac:dyDescent="0.3">
      <c r="A16264" s="13" t="s">
        <v>117</v>
      </c>
      <c r="B16264" s="14" t="s">
        <v>1</v>
      </c>
      <c r="C16264" s="14" t="s">
        <v>41</v>
      </c>
      <c r="D16264" s="14" t="s">
        <v>118</v>
      </c>
      <c r="E16264" s="15">
        <v>45580</v>
      </c>
      <c r="F16264" s="14" t="s">
        <v>15</v>
      </c>
      <c r="G16264" s="16">
        <v>0.55102917084955882</v>
      </c>
    </row>
    <row r="16265" spans="1:7" x14ac:dyDescent="0.3">
      <c r="A16265" s="13" t="s">
        <v>117</v>
      </c>
      <c r="B16265" s="14" t="s">
        <v>1</v>
      </c>
      <c r="C16265" s="14" t="s">
        <v>41</v>
      </c>
      <c r="D16265" s="14" t="s">
        <v>118</v>
      </c>
      <c r="E16265" s="15">
        <v>45581</v>
      </c>
      <c r="F16265" s="14" t="s">
        <v>15</v>
      </c>
      <c r="G16265" s="16">
        <v>0.53991406499267236</v>
      </c>
    </row>
    <row r="16266" spans="1:7" x14ac:dyDescent="0.3">
      <c r="A16266" s="13" t="s">
        <v>117</v>
      </c>
      <c r="B16266" s="14" t="s">
        <v>1</v>
      </c>
      <c r="C16266" s="14" t="s">
        <v>41</v>
      </c>
      <c r="D16266" s="14" t="s">
        <v>118</v>
      </c>
      <c r="E16266" s="15">
        <v>45582</v>
      </c>
      <c r="F16266" s="14" t="s">
        <v>15</v>
      </c>
      <c r="G16266" s="16">
        <v>0.53551826462221852</v>
      </c>
    </row>
    <row r="16267" spans="1:7" x14ac:dyDescent="0.3">
      <c r="A16267" s="13" t="s">
        <v>117</v>
      </c>
      <c r="B16267" s="14" t="s">
        <v>1</v>
      </c>
      <c r="C16267" s="14" t="s">
        <v>41</v>
      </c>
      <c r="D16267" s="14" t="s">
        <v>118</v>
      </c>
      <c r="E16267" s="15">
        <v>45583</v>
      </c>
      <c r="F16267" s="14" t="s">
        <v>15</v>
      </c>
      <c r="G16267" s="16">
        <v>0.53548816844073943</v>
      </c>
    </row>
    <row r="16268" spans="1:7" x14ac:dyDescent="0.3">
      <c r="A16268" s="13" t="s">
        <v>117</v>
      </c>
      <c r="B16268" s="14" t="s">
        <v>1</v>
      </c>
      <c r="C16268" s="14" t="s">
        <v>41</v>
      </c>
      <c r="D16268" s="14" t="s">
        <v>118</v>
      </c>
      <c r="E16268" s="15">
        <v>45584</v>
      </c>
      <c r="F16268" s="14" t="s">
        <v>15</v>
      </c>
      <c r="G16268" s="16">
        <v>0.53548816844073943</v>
      </c>
    </row>
    <row r="16269" spans="1:7" x14ac:dyDescent="0.3">
      <c r="A16269" s="13" t="s">
        <v>117</v>
      </c>
      <c r="B16269" s="14" t="s">
        <v>1</v>
      </c>
      <c r="C16269" s="14" t="s">
        <v>41</v>
      </c>
      <c r="D16269" s="14" t="s">
        <v>118</v>
      </c>
      <c r="E16269" s="15">
        <v>45585</v>
      </c>
      <c r="F16269" s="14" t="s">
        <v>15</v>
      </c>
      <c r="G16269" s="16">
        <v>0.53548816844073943</v>
      </c>
    </row>
    <row r="16270" spans="1:7" x14ac:dyDescent="0.3">
      <c r="A16270" s="13" t="s">
        <v>117</v>
      </c>
      <c r="B16270" s="14" t="s">
        <v>1</v>
      </c>
      <c r="C16270" s="14" t="s">
        <v>41</v>
      </c>
      <c r="D16270" s="14" t="s">
        <v>118</v>
      </c>
      <c r="E16270" s="15">
        <v>45586</v>
      </c>
      <c r="F16270" s="14" t="s">
        <v>15</v>
      </c>
      <c r="G16270" s="16">
        <v>0.52858086272865945</v>
      </c>
    </row>
    <row r="16271" spans="1:7" x14ac:dyDescent="0.3">
      <c r="A16271" s="13" t="s">
        <v>117</v>
      </c>
      <c r="B16271" s="14" t="s">
        <v>1</v>
      </c>
      <c r="C16271" s="14" t="s">
        <v>41</v>
      </c>
      <c r="D16271" s="14" t="s">
        <v>118</v>
      </c>
      <c r="E16271" s="15">
        <v>45587</v>
      </c>
      <c r="F16271" s="14" t="s">
        <v>15</v>
      </c>
      <c r="G16271" s="16">
        <v>0.52075389715094889</v>
      </c>
    </row>
    <row r="16272" spans="1:7" x14ac:dyDescent="0.3">
      <c r="A16272" s="13" t="s">
        <v>117</v>
      </c>
      <c r="B16272" s="14" t="s">
        <v>1</v>
      </c>
      <c r="C16272" s="14" t="s">
        <v>41</v>
      </c>
      <c r="D16272" s="14" t="s">
        <v>118</v>
      </c>
      <c r="E16272" s="15">
        <v>45588</v>
      </c>
      <c r="F16272" s="14" t="s">
        <v>15</v>
      </c>
      <c r="G16272" s="16">
        <v>0.52432301074676124</v>
      </c>
    </row>
    <row r="16273" spans="1:7" x14ac:dyDescent="0.3">
      <c r="A16273" s="13" t="s">
        <v>117</v>
      </c>
      <c r="B16273" s="14" t="s">
        <v>1</v>
      </c>
      <c r="C16273" s="14" t="s">
        <v>41</v>
      </c>
      <c r="D16273" s="14" t="s">
        <v>118</v>
      </c>
      <c r="E16273" s="15">
        <v>45589</v>
      </c>
      <c r="F16273" s="14" t="s">
        <v>15</v>
      </c>
      <c r="G16273" s="16">
        <v>0.52521592373642789</v>
      </c>
    </row>
    <row r="16274" spans="1:7" x14ac:dyDescent="0.3">
      <c r="A16274" s="13" t="s">
        <v>117</v>
      </c>
      <c r="B16274" s="14" t="s">
        <v>1</v>
      </c>
      <c r="C16274" s="14" t="s">
        <v>41</v>
      </c>
      <c r="D16274" s="14" t="s">
        <v>118</v>
      </c>
      <c r="E16274" s="15">
        <v>45590</v>
      </c>
      <c r="F16274" s="14" t="s">
        <v>15</v>
      </c>
      <c r="G16274" s="16">
        <v>0.52130158250119818</v>
      </c>
    </row>
    <row r="16275" spans="1:7" x14ac:dyDescent="0.3">
      <c r="A16275" s="13" t="s">
        <v>117</v>
      </c>
      <c r="B16275" s="14" t="s">
        <v>1</v>
      </c>
      <c r="C16275" s="14" t="s">
        <v>41</v>
      </c>
      <c r="D16275" s="14" t="s">
        <v>118</v>
      </c>
      <c r="E16275" s="15">
        <v>45591</v>
      </c>
      <c r="F16275" s="14" t="s">
        <v>15</v>
      </c>
      <c r="G16275" s="16">
        <v>0.52130158250119818</v>
      </c>
    </row>
    <row r="16276" spans="1:7" x14ac:dyDescent="0.3">
      <c r="A16276" s="13" t="s">
        <v>117</v>
      </c>
      <c r="B16276" s="14" t="s">
        <v>1</v>
      </c>
      <c r="C16276" s="14" t="s">
        <v>41</v>
      </c>
      <c r="D16276" s="14" t="s">
        <v>118</v>
      </c>
      <c r="E16276" s="15">
        <v>45592</v>
      </c>
      <c r="F16276" s="14" t="s">
        <v>15</v>
      </c>
      <c r="G16276" s="16">
        <v>0.52130158250119818</v>
      </c>
    </row>
    <row r="16277" spans="1:7" x14ac:dyDescent="0.3">
      <c r="A16277" s="13" t="s">
        <v>117</v>
      </c>
      <c r="B16277" s="14" t="s">
        <v>1</v>
      </c>
      <c r="C16277" s="14" t="s">
        <v>41</v>
      </c>
      <c r="D16277" s="14" t="s">
        <v>118</v>
      </c>
      <c r="E16277" s="15">
        <v>45593</v>
      </c>
      <c r="F16277" s="14" t="s">
        <v>15</v>
      </c>
      <c r="G16277" s="16">
        <v>0.52130158250119818</v>
      </c>
    </row>
    <row r="16278" spans="1:7" x14ac:dyDescent="0.3">
      <c r="A16278" s="13" t="s">
        <v>117</v>
      </c>
      <c r="B16278" s="14" t="s">
        <v>1</v>
      </c>
      <c r="C16278" s="14" t="s">
        <v>41</v>
      </c>
      <c r="D16278" s="14" t="s">
        <v>118</v>
      </c>
      <c r="E16278" s="15">
        <v>45594</v>
      </c>
      <c r="F16278" s="14" t="s">
        <v>15</v>
      </c>
      <c r="G16278" s="16">
        <v>0.51672995067010397</v>
      </c>
    </row>
    <row r="16279" spans="1:7" x14ac:dyDescent="0.3">
      <c r="A16279" s="13" t="s">
        <v>117</v>
      </c>
      <c r="B16279" s="14" t="s">
        <v>1</v>
      </c>
      <c r="C16279" s="14" t="s">
        <v>41</v>
      </c>
      <c r="D16279" s="14" t="s">
        <v>118</v>
      </c>
      <c r="E16279" s="15">
        <v>45595</v>
      </c>
      <c r="F16279" s="14" t="s">
        <v>15</v>
      </c>
      <c r="G16279" s="16">
        <v>0.50805061938746565</v>
      </c>
    </row>
    <row r="16280" spans="1:7" x14ac:dyDescent="0.3">
      <c r="A16280" s="13" t="s">
        <v>117</v>
      </c>
      <c r="B16280" s="14" t="s">
        <v>1</v>
      </c>
      <c r="C16280" s="14" t="s">
        <v>41</v>
      </c>
      <c r="D16280" s="14" t="s">
        <v>118</v>
      </c>
      <c r="E16280" s="15">
        <v>45596</v>
      </c>
      <c r="F16280" s="14" t="s">
        <v>15</v>
      </c>
      <c r="G16280" s="16">
        <v>0.51434898905125392</v>
      </c>
    </row>
    <row r="16281" spans="1:7" x14ac:dyDescent="0.3">
      <c r="A16281" s="13" t="s">
        <v>117</v>
      </c>
      <c r="B16281" s="14" t="s">
        <v>1</v>
      </c>
      <c r="C16281" s="14" t="s">
        <v>41</v>
      </c>
      <c r="D16281" s="14" t="s">
        <v>118</v>
      </c>
      <c r="E16281" s="15">
        <v>45597</v>
      </c>
      <c r="F16281" s="14" t="s">
        <v>15</v>
      </c>
      <c r="G16281" s="16">
        <v>0.50958172435333837</v>
      </c>
    </row>
    <row r="16282" spans="1:7" x14ac:dyDescent="0.3">
      <c r="A16282" s="13" t="s">
        <v>117</v>
      </c>
      <c r="B16282" s="14" t="s">
        <v>1</v>
      </c>
      <c r="C16282" s="14" t="s">
        <v>41</v>
      </c>
      <c r="D16282" s="14" t="s">
        <v>118</v>
      </c>
      <c r="E16282" s="15">
        <v>45598</v>
      </c>
      <c r="F16282" s="14" t="s">
        <v>15</v>
      </c>
      <c r="G16282" s="16">
        <v>0.50958172435333837</v>
      </c>
    </row>
    <row r="16283" spans="1:7" x14ac:dyDescent="0.3">
      <c r="A16283" s="13" t="s">
        <v>117</v>
      </c>
      <c r="B16283" s="14" t="s">
        <v>1</v>
      </c>
      <c r="C16283" s="14" t="s">
        <v>41</v>
      </c>
      <c r="D16283" s="14" t="s">
        <v>118</v>
      </c>
      <c r="E16283" s="15">
        <v>45599</v>
      </c>
      <c r="F16283" s="14" t="s">
        <v>15</v>
      </c>
      <c r="G16283" s="16">
        <v>0.50958172435333837</v>
      </c>
    </row>
    <row r="16284" spans="1:7" x14ac:dyDescent="0.3">
      <c r="A16284" s="13" t="s">
        <v>117</v>
      </c>
      <c r="B16284" s="14" t="s">
        <v>1</v>
      </c>
      <c r="C16284" s="14" t="s">
        <v>41</v>
      </c>
      <c r="D16284" s="14" t="s">
        <v>118</v>
      </c>
      <c r="E16284" s="15">
        <v>45600</v>
      </c>
      <c r="F16284" s="14" t="s">
        <v>15</v>
      </c>
      <c r="G16284" s="16">
        <v>0.50958172435333837</v>
      </c>
    </row>
    <row r="16285" spans="1:7" x14ac:dyDescent="0.3">
      <c r="A16285" s="13" t="s">
        <v>117</v>
      </c>
      <c r="B16285" s="14" t="s">
        <v>1</v>
      </c>
      <c r="C16285" s="14" t="s">
        <v>41</v>
      </c>
      <c r="D16285" s="14" t="s">
        <v>118</v>
      </c>
      <c r="E16285" s="15">
        <v>45601</v>
      </c>
      <c r="F16285" s="14" t="s">
        <v>15</v>
      </c>
      <c r="G16285" s="16">
        <v>0.51189305626205395</v>
      </c>
    </row>
    <row r="16286" spans="1:7" x14ac:dyDescent="0.3">
      <c r="A16286" s="13" t="s">
        <v>117</v>
      </c>
      <c r="B16286" s="14" t="s">
        <v>1</v>
      </c>
      <c r="C16286" s="14" t="s">
        <v>41</v>
      </c>
      <c r="D16286" s="14" t="s">
        <v>118</v>
      </c>
      <c r="E16286" s="15">
        <v>45602</v>
      </c>
      <c r="F16286" s="14" t="s">
        <v>15</v>
      </c>
      <c r="G16286" s="16">
        <v>0.49280955655817049</v>
      </c>
    </row>
    <row r="16287" spans="1:7" x14ac:dyDescent="0.3">
      <c r="A16287" s="13" t="s">
        <v>117</v>
      </c>
      <c r="B16287" s="14" t="s">
        <v>1</v>
      </c>
      <c r="C16287" s="14" t="s">
        <v>41</v>
      </c>
      <c r="D16287" s="14" t="s">
        <v>118</v>
      </c>
      <c r="E16287" s="15">
        <v>45603</v>
      </c>
      <c r="F16287" s="14" t="s">
        <v>15</v>
      </c>
      <c r="G16287" s="16">
        <v>0.49588956638441845</v>
      </c>
    </row>
    <row r="16288" spans="1:7" x14ac:dyDescent="0.3">
      <c r="A16288" s="13" t="s">
        <v>117</v>
      </c>
      <c r="B16288" s="14" t="s">
        <v>1</v>
      </c>
      <c r="C16288" s="14" t="s">
        <v>41</v>
      </c>
      <c r="D16288" s="14" t="s">
        <v>118</v>
      </c>
      <c r="E16288" s="15">
        <v>45604</v>
      </c>
      <c r="F16288" s="14" t="s">
        <v>15</v>
      </c>
      <c r="G16288" s="16">
        <v>0.50561155377911693</v>
      </c>
    </row>
    <row r="16289" spans="1:7" x14ac:dyDescent="0.3">
      <c r="A16289" s="13" t="s">
        <v>117</v>
      </c>
      <c r="B16289" s="14" t="s">
        <v>1</v>
      </c>
      <c r="C16289" s="14" t="s">
        <v>41</v>
      </c>
      <c r="D16289" s="14" t="s">
        <v>118</v>
      </c>
      <c r="E16289" s="15">
        <v>45605</v>
      </c>
      <c r="F16289" s="14" t="s">
        <v>15</v>
      </c>
      <c r="G16289" s="16">
        <v>0.50561155377911693</v>
      </c>
    </row>
    <row r="16290" spans="1:7" x14ac:dyDescent="0.3">
      <c r="A16290" s="13" t="s">
        <v>117</v>
      </c>
      <c r="B16290" s="14" t="s">
        <v>1</v>
      </c>
      <c r="C16290" s="14" t="s">
        <v>41</v>
      </c>
      <c r="D16290" s="14" t="s">
        <v>118</v>
      </c>
      <c r="E16290" s="15">
        <v>45606</v>
      </c>
      <c r="F16290" s="14" t="s">
        <v>15</v>
      </c>
      <c r="G16290" s="16">
        <v>0.50561155377911693</v>
      </c>
    </row>
    <row r="16291" spans="1:7" x14ac:dyDescent="0.3">
      <c r="A16291" s="13" t="s">
        <v>117</v>
      </c>
      <c r="B16291" s="14" t="s">
        <v>1</v>
      </c>
      <c r="C16291" s="14" t="s">
        <v>41</v>
      </c>
      <c r="D16291" s="14" t="s">
        <v>118</v>
      </c>
      <c r="E16291" s="15">
        <v>45607</v>
      </c>
      <c r="F16291" s="14" t="s">
        <v>15</v>
      </c>
      <c r="G16291" s="16">
        <v>0.5072016091987932</v>
      </c>
    </row>
    <row r="16292" spans="1:7" x14ac:dyDescent="0.3">
      <c r="A16292" s="13" t="s">
        <v>117</v>
      </c>
      <c r="B16292" s="14" t="s">
        <v>1</v>
      </c>
      <c r="C16292" s="14" t="s">
        <v>41</v>
      </c>
      <c r="D16292" s="14" t="s">
        <v>118</v>
      </c>
      <c r="E16292" s="15">
        <v>45608</v>
      </c>
      <c r="F16292" s="14" t="s">
        <v>15</v>
      </c>
      <c r="G16292" s="16">
        <v>0.4970702889606467</v>
      </c>
    </row>
    <row r="16293" spans="1:7" x14ac:dyDescent="0.3">
      <c r="A16293" s="13" t="s">
        <v>117</v>
      </c>
      <c r="B16293" s="14" t="s">
        <v>1</v>
      </c>
      <c r="C16293" s="14" t="s">
        <v>41</v>
      </c>
      <c r="D16293" s="14" t="s">
        <v>118</v>
      </c>
      <c r="E16293" s="15">
        <v>45609</v>
      </c>
      <c r="F16293" s="14" t="s">
        <v>15</v>
      </c>
      <c r="G16293" s="16">
        <v>0.49362480762011512</v>
      </c>
    </row>
    <row r="16294" spans="1:7" x14ac:dyDescent="0.3">
      <c r="A16294" s="13" t="s">
        <v>117</v>
      </c>
      <c r="B16294" s="14" t="s">
        <v>1</v>
      </c>
      <c r="C16294" s="14" t="s">
        <v>41</v>
      </c>
      <c r="D16294" s="14" t="s">
        <v>118</v>
      </c>
      <c r="E16294" s="15">
        <v>45610</v>
      </c>
      <c r="F16294" s="14" t="s">
        <v>15</v>
      </c>
      <c r="G16294" s="16">
        <v>0.4887003962934971</v>
      </c>
    </row>
    <row r="16295" spans="1:7" x14ac:dyDescent="0.3">
      <c r="A16295" s="13" t="s">
        <v>117</v>
      </c>
      <c r="B16295" s="14" t="s">
        <v>1</v>
      </c>
      <c r="C16295" s="14" t="s">
        <v>41</v>
      </c>
      <c r="D16295" s="14" t="s">
        <v>118</v>
      </c>
      <c r="E16295" s="15">
        <v>45611</v>
      </c>
      <c r="F16295" s="14" t="s">
        <v>15</v>
      </c>
      <c r="G16295" s="16">
        <v>0.49240762861364323</v>
      </c>
    </row>
    <row r="16296" spans="1:7" x14ac:dyDescent="0.3">
      <c r="A16296" s="13" t="s">
        <v>117</v>
      </c>
      <c r="B16296" s="14" t="s">
        <v>1</v>
      </c>
      <c r="C16296" s="14" t="s">
        <v>41</v>
      </c>
      <c r="D16296" s="14" t="s">
        <v>118</v>
      </c>
      <c r="E16296" s="15">
        <v>45612</v>
      </c>
      <c r="F16296" s="14" t="s">
        <v>15</v>
      </c>
      <c r="G16296" s="16">
        <v>0.49240762861364323</v>
      </c>
    </row>
    <row r="16297" spans="1:7" x14ac:dyDescent="0.3">
      <c r="A16297" s="13" t="s">
        <v>117</v>
      </c>
      <c r="B16297" s="14" t="s">
        <v>1</v>
      </c>
      <c r="C16297" s="14" t="s">
        <v>41</v>
      </c>
      <c r="D16297" s="14" t="s">
        <v>118</v>
      </c>
      <c r="E16297" s="15">
        <v>45613</v>
      </c>
      <c r="F16297" s="14" t="s">
        <v>15</v>
      </c>
      <c r="G16297" s="16">
        <v>0.49240762861364323</v>
      </c>
    </row>
    <row r="16298" spans="1:7" x14ac:dyDescent="0.3">
      <c r="A16298" s="13" t="s">
        <v>117</v>
      </c>
      <c r="B16298" s="14" t="s">
        <v>1</v>
      </c>
      <c r="C16298" s="14" t="s">
        <v>41</v>
      </c>
      <c r="D16298" s="14" t="s">
        <v>118</v>
      </c>
      <c r="E16298" s="15">
        <v>45614</v>
      </c>
      <c r="F16298" s="14" t="s">
        <v>15</v>
      </c>
      <c r="G16298" s="16">
        <v>0.49645263864542882</v>
      </c>
    </row>
    <row r="16299" spans="1:7" x14ac:dyDescent="0.3">
      <c r="A16299" s="13" t="s">
        <v>117</v>
      </c>
      <c r="B16299" s="14" t="s">
        <v>1</v>
      </c>
      <c r="C16299" s="14" t="s">
        <v>41</v>
      </c>
      <c r="D16299" s="14" t="s">
        <v>118</v>
      </c>
      <c r="E16299" s="15">
        <v>45615</v>
      </c>
      <c r="F16299" s="14" t="s">
        <v>15</v>
      </c>
      <c r="G16299" s="16">
        <v>0.48920240028733136</v>
      </c>
    </row>
    <row r="16300" spans="1:7" x14ac:dyDescent="0.3">
      <c r="A16300" s="13" t="s">
        <v>117</v>
      </c>
      <c r="B16300" s="14" t="s">
        <v>1</v>
      </c>
      <c r="C16300" s="14" t="s">
        <v>41</v>
      </c>
      <c r="D16300" s="14" t="s">
        <v>118</v>
      </c>
      <c r="E16300" s="15">
        <v>45616</v>
      </c>
      <c r="F16300" s="14" t="s">
        <v>15</v>
      </c>
      <c r="G16300" s="16">
        <v>0.48533709407017694</v>
      </c>
    </row>
    <row r="16301" spans="1:7" x14ac:dyDescent="0.3">
      <c r="A16301" s="13" t="s">
        <v>117</v>
      </c>
      <c r="B16301" s="14" t="s">
        <v>1</v>
      </c>
      <c r="C16301" s="14" t="s">
        <v>41</v>
      </c>
      <c r="D16301" s="14" t="s">
        <v>118</v>
      </c>
      <c r="E16301" s="15">
        <v>45617</v>
      </c>
      <c r="F16301" s="14" t="s">
        <v>15</v>
      </c>
      <c r="G16301" s="16">
        <v>0.48572942989006407</v>
      </c>
    </row>
    <row r="16302" spans="1:7" x14ac:dyDescent="0.3">
      <c r="A16302" s="13" t="s">
        <v>117</v>
      </c>
      <c r="B16302" s="14" t="s">
        <v>1</v>
      </c>
      <c r="C16302" s="14" t="s">
        <v>41</v>
      </c>
      <c r="D16302" s="14" t="s">
        <v>118</v>
      </c>
      <c r="E16302" s="15">
        <v>45618</v>
      </c>
      <c r="F16302" s="14" t="s">
        <v>15</v>
      </c>
      <c r="G16302" s="16">
        <v>0.48264640514118468</v>
      </c>
    </row>
    <row r="16303" spans="1:7" x14ac:dyDescent="0.3">
      <c r="A16303" s="13" t="s">
        <v>117</v>
      </c>
      <c r="B16303" s="14" t="s">
        <v>1</v>
      </c>
      <c r="C16303" s="14" t="s">
        <v>41</v>
      </c>
      <c r="D16303" s="14" t="s">
        <v>118</v>
      </c>
      <c r="E16303" s="15">
        <v>45619</v>
      </c>
      <c r="F16303" s="14" t="s">
        <v>15</v>
      </c>
      <c r="G16303" s="16">
        <v>0.48264640514118468</v>
      </c>
    </row>
    <row r="16304" spans="1:7" x14ac:dyDescent="0.3">
      <c r="A16304" s="13" t="s">
        <v>117</v>
      </c>
      <c r="B16304" s="14" t="s">
        <v>1</v>
      </c>
      <c r="C16304" s="14" t="s">
        <v>41</v>
      </c>
      <c r="D16304" s="14" t="s">
        <v>118</v>
      </c>
      <c r="E16304" s="15">
        <v>45620</v>
      </c>
      <c r="F16304" s="14" t="s">
        <v>15</v>
      </c>
      <c r="G16304" s="16">
        <v>0.48264640514118468</v>
      </c>
    </row>
    <row r="16305" spans="1:7" x14ac:dyDescent="0.3">
      <c r="A16305" s="13" t="s">
        <v>117</v>
      </c>
      <c r="B16305" s="14" t="s">
        <v>1</v>
      </c>
      <c r="C16305" s="14" t="s">
        <v>41</v>
      </c>
      <c r="D16305" s="14" t="s">
        <v>118</v>
      </c>
      <c r="E16305" s="15">
        <v>45621</v>
      </c>
      <c r="F16305" s="14" t="s">
        <v>15</v>
      </c>
      <c r="G16305" s="16">
        <v>0.48198239830277567</v>
      </c>
    </row>
    <row r="16306" spans="1:7" x14ac:dyDescent="0.3">
      <c r="A16306" s="13" t="s">
        <v>117</v>
      </c>
      <c r="B16306" s="14" t="s">
        <v>1</v>
      </c>
      <c r="C16306" s="14" t="s">
        <v>41</v>
      </c>
      <c r="D16306" s="14" t="s">
        <v>118</v>
      </c>
      <c r="E16306" s="15">
        <v>45622</v>
      </c>
      <c r="F16306" s="14" t="s">
        <v>15</v>
      </c>
      <c r="G16306" s="16">
        <v>0.47823673939193412</v>
      </c>
    </row>
    <row r="16307" spans="1:7" x14ac:dyDescent="0.3">
      <c r="A16307" s="13" t="s">
        <v>117</v>
      </c>
      <c r="B16307" s="14" t="s">
        <v>1</v>
      </c>
      <c r="C16307" s="14" t="s">
        <v>41</v>
      </c>
      <c r="D16307" s="14" t="s">
        <v>118</v>
      </c>
      <c r="E16307" s="15">
        <v>45623</v>
      </c>
      <c r="F16307" s="14" t="s">
        <v>15</v>
      </c>
      <c r="G16307" s="16">
        <v>0.48207091836071925</v>
      </c>
    </row>
    <row r="16308" spans="1:7" x14ac:dyDescent="0.3">
      <c r="A16308" s="13" t="s">
        <v>117</v>
      </c>
      <c r="B16308" s="14" t="s">
        <v>1</v>
      </c>
      <c r="C16308" s="14" t="s">
        <v>41</v>
      </c>
      <c r="D16308" s="14" t="s">
        <v>118</v>
      </c>
      <c r="E16308" s="15">
        <v>45624</v>
      </c>
      <c r="F16308" s="14" t="s">
        <v>15</v>
      </c>
      <c r="G16308" s="16">
        <v>0.47831461175268097</v>
      </c>
    </row>
    <row r="16309" spans="1:7" x14ac:dyDescent="0.3">
      <c r="A16309" s="13" t="s">
        <v>117</v>
      </c>
      <c r="B16309" s="14" t="s">
        <v>1</v>
      </c>
      <c r="C16309" s="14" t="s">
        <v>41</v>
      </c>
      <c r="D16309" s="14" t="s">
        <v>118</v>
      </c>
      <c r="E16309" s="15">
        <v>45625</v>
      </c>
      <c r="F16309" s="14" t="s">
        <v>15</v>
      </c>
      <c r="G16309" s="16">
        <v>0.48658928308192156</v>
      </c>
    </row>
    <row r="16310" spans="1:7" x14ac:dyDescent="0.3">
      <c r="A16310" s="13" t="s">
        <v>117</v>
      </c>
      <c r="B16310" s="14" t="s">
        <v>1</v>
      </c>
      <c r="C16310" s="14" t="s">
        <v>41</v>
      </c>
      <c r="D16310" s="14" t="s">
        <v>118</v>
      </c>
      <c r="E16310" s="15">
        <v>45626</v>
      </c>
      <c r="F16310" s="14" t="s">
        <v>15</v>
      </c>
      <c r="G16310" s="16">
        <v>0.48658928308192156</v>
      </c>
    </row>
    <row r="16311" spans="1:7" x14ac:dyDescent="0.3">
      <c r="A16311" s="13" t="s">
        <v>117</v>
      </c>
      <c r="B16311" s="14" t="s">
        <v>1</v>
      </c>
      <c r="C16311" s="14" t="s">
        <v>41</v>
      </c>
      <c r="D16311" s="14" t="s">
        <v>118</v>
      </c>
      <c r="E16311" s="15">
        <v>45627</v>
      </c>
      <c r="F16311" s="14" t="s">
        <v>15</v>
      </c>
      <c r="G16311" s="16">
        <v>0.48658928308192156</v>
      </c>
    </row>
    <row r="16312" spans="1:7" x14ac:dyDescent="0.3">
      <c r="A16312" s="13" t="s">
        <v>117</v>
      </c>
      <c r="B16312" s="14" t="s">
        <v>1</v>
      </c>
      <c r="C16312" s="14" t="s">
        <v>41</v>
      </c>
      <c r="D16312" s="14" t="s">
        <v>118</v>
      </c>
      <c r="E16312" s="15">
        <v>45628</v>
      </c>
      <c r="F16312" s="14" t="s">
        <v>15</v>
      </c>
      <c r="G16312" s="16">
        <v>0.48467463878049999</v>
      </c>
    </row>
    <row r="16313" spans="1:7" x14ac:dyDescent="0.3">
      <c r="A16313" s="13" t="s">
        <v>117</v>
      </c>
      <c r="B16313" s="14" t="s">
        <v>1</v>
      </c>
      <c r="C16313" s="14" t="s">
        <v>41</v>
      </c>
      <c r="D16313" s="14" t="s">
        <v>118</v>
      </c>
      <c r="E16313" s="15">
        <v>45629</v>
      </c>
      <c r="F16313" s="14" t="s">
        <v>15</v>
      </c>
      <c r="G16313" s="16">
        <v>0.48482255189263429</v>
      </c>
    </row>
    <row r="16314" spans="1:7" x14ac:dyDescent="0.3">
      <c r="A16314" s="13" t="s">
        <v>117</v>
      </c>
      <c r="B16314" s="14" t="s">
        <v>1</v>
      </c>
      <c r="C16314" s="14" t="s">
        <v>41</v>
      </c>
      <c r="D16314" s="14" t="s">
        <v>118</v>
      </c>
      <c r="E16314" s="15">
        <v>45630</v>
      </c>
      <c r="F16314" s="14" t="s">
        <v>15</v>
      </c>
      <c r="G16314" s="16">
        <v>0.47908822863149303</v>
      </c>
    </row>
    <row r="16315" spans="1:7" x14ac:dyDescent="0.3">
      <c r="A16315" s="13" t="s">
        <v>117</v>
      </c>
      <c r="B16315" s="14" t="s">
        <v>1</v>
      </c>
      <c r="C16315" s="14" t="s">
        <v>41</v>
      </c>
      <c r="D16315" s="14" t="s">
        <v>118</v>
      </c>
      <c r="E16315" s="15">
        <v>45631</v>
      </c>
      <c r="F16315" s="14" t="s">
        <v>15</v>
      </c>
      <c r="G16315" s="16">
        <v>0.47829492844022498</v>
      </c>
    </row>
    <row r="16316" spans="1:7" x14ac:dyDescent="0.3">
      <c r="A16316" s="13" t="s">
        <v>117</v>
      </c>
      <c r="B16316" s="14" t="s">
        <v>1</v>
      </c>
      <c r="C16316" s="14" t="s">
        <v>41</v>
      </c>
      <c r="D16316" s="14" t="s">
        <v>118</v>
      </c>
      <c r="E16316" s="15">
        <v>45632</v>
      </c>
      <c r="F16316" s="14" t="s">
        <v>15</v>
      </c>
      <c r="G16316" s="16">
        <v>0.47606858018970177</v>
      </c>
    </row>
    <row r="16317" spans="1:7" x14ac:dyDescent="0.3">
      <c r="A16317" s="13" t="s">
        <v>117</v>
      </c>
      <c r="B16317" s="14" t="s">
        <v>1</v>
      </c>
      <c r="C16317" s="14" t="s">
        <v>41</v>
      </c>
      <c r="D16317" s="14" t="s">
        <v>118</v>
      </c>
      <c r="E16317" s="15">
        <v>45633</v>
      </c>
      <c r="F16317" s="14" t="s">
        <v>15</v>
      </c>
      <c r="G16317" s="16">
        <v>0.47606858018970177</v>
      </c>
    </row>
    <row r="16318" spans="1:7" x14ac:dyDescent="0.3">
      <c r="A16318" s="13" t="s">
        <v>117</v>
      </c>
      <c r="B16318" s="14" t="s">
        <v>1</v>
      </c>
      <c r="C16318" s="14" t="s">
        <v>41</v>
      </c>
      <c r="D16318" s="14" t="s">
        <v>118</v>
      </c>
      <c r="E16318" s="15">
        <v>45634</v>
      </c>
      <c r="F16318" s="14" t="s">
        <v>15</v>
      </c>
      <c r="G16318" s="16">
        <v>0.47606858018970177</v>
      </c>
    </row>
    <row r="16319" spans="1:7" x14ac:dyDescent="0.3">
      <c r="A16319" s="13" t="s">
        <v>117</v>
      </c>
      <c r="B16319" s="14" t="s">
        <v>1</v>
      </c>
      <c r="C16319" s="14" t="s">
        <v>41</v>
      </c>
      <c r="D16319" s="14" t="s">
        <v>118</v>
      </c>
      <c r="E16319" s="15">
        <v>45635</v>
      </c>
      <c r="F16319" s="14" t="s">
        <v>15</v>
      </c>
      <c r="G16319" s="16">
        <v>0.46984932472796626</v>
      </c>
    </row>
    <row r="16320" spans="1:7" x14ac:dyDescent="0.3">
      <c r="A16320" s="13" t="s">
        <v>117</v>
      </c>
      <c r="B16320" s="14" t="s">
        <v>1</v>
      </c>
      <c r="C16320" s="14" t="s">
        <v>41</v>
      </c>
      <c r="D16320" s="14" t="s">
        <v>118</v>
      </c>
      <c r="E16320" s="15">
        <v>45636</v>
      </c>
      <c r="F16320" s="14" t="s">
        <v>15</v>
      </c>
      <c r="G16320" s="16">
        <v>0.4603426755650154</v>
      </c>
    </row>
    <row r="16321" spans="1:7" x14ac:dyDescent="0.3">
      <c r="A16321" s="13" t="s">
        <v>117</v>
      </c>
      <c r="B16321" s="14" t="s">
        <v>1</v>
      </c>
      <c r="C16321" s="14" t="s">
        <v>41</v>
      </c>
      <c r="D16321" s="14" t="s">
        <v>118</v>
      </c>
      <c r="E16321" s="15">
        <v>45637</v>
      </c>
      <c r="F16321" s="14" t="s">
        <v>15</v>
      </c>
      <c r="G16321" s="16">
        <v>0.45640108017276448</v>
      </c>
    </row>
    <row r="16322" spans="1:7" x14ac:dyDescent="0.3">
      <c r="A16322" s="13" t="s">
        <v>117</v>
      </c>
      <c r="B16322" s="14" t="s">
        <v>1</v>
      </c>
      <c r="C16322" s="14" t="s">
        <v>41</v>
      </c>
      <c r="D16322" s="14" t="s">
        <v>118</v>
      </c>
      <c r="E16322" s="15">
        <v>45638</v>
      </c>
      <c r="F16322" s="14" t="s">
        <v>15</v>
      </c>
      <c r="G16322" s="16">
        <v>0.45355737698873144</v>
      </c>
    </row>
    <row r="16323" spans="1:7" x14ac:dyDescent="0.3">
      <c r="A16323" s="13" t="s">
        <v>117</v>
      </c>
      <c r="B16323" s="14" t="s">
        <v>1</v>
      </c>
      <c r="C16323" s="14" t="s">
        <v>41</v>
      </c>
      <c r="D16323" s="14" t="s">
        <v>118</v>
      </c>
      <c r="E16323" s="15">
        <v>45639</v>
      </c>
      <c r="F16323" s="14" t="s">
        <v>15</v>
      </c>
      <c r="G16323" s="16">
        <v>0.44800868281591288</v>
      </c>
    </row>
    <row r="16324" spans="1:7" x14ac:dyDescent="0.3">
      <c r="A16324" s="13" t="s">
        <v>117</v>
      </c>
      <c r="B16324" s="14" t="s">
        <v>1</v>
      </c>
      <c r="C16324" s="14" t="s">
        <v>41</v>
      </c>
      <c r="D16324" s="14" t="s">
        <v>118</v>
      </c>
      <c r="E16324" s="15">
        <v>45640</v>
      </c>
      <c r="F16324" s="14" t="s">
        <v>15</v>
      </c>
      <c r="G16324" s="16">
        <v>0.44800868281591288</v>
      </c>
    </row>
    <row r="16325" spans="1:7" x14ac:dyDescent="0.3">
      <c r="A16325" s="13" t="s">
        <v>117</v>
      </c>
      <c r="B16325" s="14" t="s">
        <v>1</v>
      </c>
      <c r="C16325" s="14" t="s">
        <v>41</v>
      </c>
      <c r="D16325" s="14" t="s">
        <v>118</v>
      </c>
      <c r="E16325" s="15">
        <v>45641</v>
      </c>
      <c r="F16325" s="14" t="s">
        <v>15</v>
      </c>
      <c r="G16325" s="16">
        <v>0.44800868281591288</v>
      </c>
    </row>
    <row r="16326" spans="1:7" x14ac:dyDescent="0.3">
      <c r="A16326" s="13" t="s">
        <v>117</v>
      </c>
      <c r="B16326" s="14" t="s">
        <v>1</v>
      </c>
      <c r="C16326" s="14" t="s">
        <v>41</v>
      </c>
      <c r="D16326" s="14" t="s">
        <v>118</v>
      </c>
      <c r="E16326" s="15">
        <v>45642</v>
      </c>
      <c r="F16326" s="14" t="s">
        <v>15</v>
      </c>
      <c r="G16326" s="16">
        <v>0.44411875914398535</v>
      </c>
    </row>
    <row r="16327" spans="1:7" x14ac:dyDescent="0.3">
      <c r="A16327" s="13" t="s">
        <v>117</v>
      </c>
      <c r="B16327" s="14" t="s">
        <v>1</v>
      </c>
      <c r="C16327" s="14" t="s">
        <v>41</v>
      </c>
      <c r="D16327" s="14" t="s">
        <v>118</v>
      </c>
      <c r="E16327" s="15">
        <v>45643</v>
      </c>
      <c r="F16327" s="14" t="s">
        <v>15</v>
      </c>
      <c r="G16327" s="16">
        <v>0.43868526750847325</v>
      </c>
    </row>
    <row r="16328" spans="1:7" x14ac:dyDescent="0.3">
      <c r="A16328" s="13" t="s">
        <v>117</v>
      </c>
      <c r="B16328" s="14" t="s">
        <v>1</v>
      </c>
      <c r="C16328" s="14" t="s">
        <v>41</v>
      </c>
      <c r="D16328" s="14" t="s">
        <v>118</v>
      </c>
      <c r="E16328" s="15">
        <v>45644</v>
      </c>
      <c r="F16328" s="14" t="s">
        <v>15</v>
      </c>
      <c r="G16328" s="16">
        <v>0.43256259057813112</v>
      </c>
    </row>
    <row r="16329" spans="1:7" x14ac:dyDescent="0.3">
      <c r="A16329" s="13" t="s">
        <v>117</v>
      </c>
      <c r="B16329" s="14" t="s">
        <v>1</v>
      </c>
      <c r="C16329" s="14" t="s">
        <v>41</v>
      </c>
      <c r="D16329" s="14" t="s">
        <v>118</v>
      </c>
      <c r="E16329" s="15">
        <v>45645</v>
      </c>
      <c r="F16329" s="14" t="s">
        <v>15</v>
      </c>
      <c r="G16329" s="16">
        <v>0.42289462121279869</v>
      </c>
    </row>
    <row r="16330" spans="1:7" x14ac:dyDescent="0.3">
      <c r="A16330" s="13" t="s">
        <v>117</v>
      </c>
      <c r="B16330" s="14" t="s">
        <v>1</v>
      </c>
      <c r="C16330" s="14" t="s">
        <v>41</v>
      </c>
      <c r="D16330" s="14" t="s">
        <v>118</v>
      </c>
      <c r="E16330" s="15">
        <v>45646</v>
      </c>
      <c r="F16330" s="14" t="s">
        <v>15</v>
      </c>
      <c r="G16330" s="16">
        <v>0.42338136529813591</v>
      </c>
    </row>
    <row r="16331" spans="1:7" x14ac:dyDescent="0.3">
      <c r="A16331" s="13" t="s">
        <v>117</v>
      </c>
      <c r="B16331" s="14" t="s">
        <v>1</v>
      </c>
      <c r="C16331" s="14" t="s">
        <v>41</v>
      </c>
      <c r="D16331" s="14" t="s">
        <v>118</v>
      </c>
      <c r="E16331" s="15">
        <v>45647</v>
      </c>
      <c r="F16331" s="14" t="s">
        <v>15</v>
      </c>
      <c r="G16331" s="16">
        <v>0.42338136529813591</v>
      </c>
    </row>
    <row r="16332" spans="1:7" x14ac:dyDescent="0.3">
      <c r="A16332" s="13" t="s">
        <v>117</v>
      </c>
      <c r="B16332" s="14" t="s">
        <v>1</v>
      </c>
      <c r="C16332" s="14" t="s">
        <v>41</v>
      </c>
      <c r="D16332" s="14" t="s">
        <v>118</v>
      </c>
      <c r="E16332" s="15">
        <v>45648</v>
      </c>
      <c r="F16332" s="14" t="s">
        <v>15</v>
      </c>
      <c r="G16332" s="16">
        <v>0.42338136529813591</v>
      </c>
    </row>
    <row r="16333" spans="1:7" x14ac:dyDescent="0.3">
      <c r="A16333" s="13" t="s">
        <v>117</v>
      </c>
      <c r="B16333" s="14" t="s">
        <v>1</v>
      </c>
      <c r="C16333" s="14" t="s">
        <v>41</v>
      </c>
      <c r="D16333" s="14" t="s">
        <v>118</v>
      </c>
      <c r="E16333" s="15">
        <v>45649</v>
      </c>
      <c r="F16333" s="14" t="s">
        <v>15</v>
      </c>
      <c r="G16333" s="16">
        <v>0.41885375180926787</v>
      </c>
    </row>
    <row r="16334" spans="1:7" x14ac:dyDescent="0.3">
      <c r="A16334" s="13" t="s">
        <v>117</v>
      </c>
      <c r="B16334" s="14" t="s">
        <v>1</v>
      </c>
      <c r="C16334" s="14" t="s">
        <v>41</v>
      </c>
      <c r="D16334" s="14" t="s">
        <v>118</v>
      </c>
      <c r="E16334" s="15">
        <v>45650</v>
      </c>
      <c r="F16334" s="14" t="s">
        <v>15</v>
      </c>
      <c r="G16334" s="16">
        <v>0.41166308809656371</v>
      </c>
    </row>
    <row r="16335" spans="1:7" x14ac:dyDescent="0.3">
      <c r="A16335" s="13" t="s">
        <v>117</v>
      </c>
      <c r="B16335" s="14" t="s">
        <v>1</v>
      </c>
      <c r="C16335" s="14" t="s">
        <v>41</v>
      </c>
      <c r="D16335" s="14" t="s">
        <v>118</v>
      </c>
      <c r="E16335" s="15">
        <v>45651</v>
      </c>
      <c r="F16335" s="14" t="s">
        <v>15</v>
      </c>
      <c r="G16335" s="16">
        <v>0.41166308809656371</v>
      </c>
    </row>
    <row r="16336" spans="1:7" x14ac:dyDescent="0.3">
      <c r="A16336" s="13" t="s">
        <v>117</v>
      </c>
      <c r="B16336" s="14" t="s">
        <v>1</v>
      </c>
      <c r="C16336" s="14" t="s">
        <v>41</v>
      </c>
      <c r="D16336" s="14" t="s">
        <v>118</v>
      </c>
      <c r="E16336" s="15">
        <v>45652</v>
      </c>
      <c r="F16336" s="14" t="s">
        <v>15</v>
      </c>
      <c r="G16336" s="16">
        <v>0.41166308809656371</v>
      </c>
    </row>
    <row r="16337" spans="1:7" x14ac:dyDescent="0.3">
      <c r="A16337" s="13" t="s">
        <v>117</v>
      </c>
      <c r="B16337" s="14" t="s">
        <v>1</v>
      </c>
      <c r="C16337" s="14" t="s">
        <v>41</v>
      </c>
      <c r="D16337" s="14" t="s">
        <v>118</v>
      </c>
      <c r="E16337" s="15">
        <v>45653</v>
      </c>
      <c r="F16337" s="14" t="s">
        <v>15</v>
      </c>
      <c r="G16337" s="16">
        <v>0.41166308809656371</v>
      </c>
    </row>
    <row r="16338" spans="1:7" x14ac:dyDescent="0.3">
      <c r="A16338" s="13" t="s">
        <v>117</v>
      </c>
      <c r="B16338" s="14" t="s">
        <v>1</v>
      </c>
      <c r="C16338" s="14" t="s">
        <v>41</v>
      </c>
      <c r="D16338" s="14" t="s">
        <v>118</v>
      </c>
      <c r="E16338" s="15">
        <v>45654</v>
      </c>
      <c r="F16338" s="14" t="s">
        <v>15</v>
      </c>
      <c r="G16338" s="16">
        <v>0.41166308809656371</v>
      </c>
    </row>
    <row r="16339" spans="1:7" x14ac:dyDescent="0.3">
      <c r="A16339" s="13" t="s">
        <v>117</v>
      </c>
      <c r="B16339" s="14" t="s">
        <v>1</v>
      </c>
      <c r="C16339" s="14" t="s">
        <v>41</v>
      </c>
      <c r="D16339" s="14" t="s">
        <v>118</v>
      </c>
      <c r="E16339" s="15">
        <v>45655</v>
      </c>
      <c r="F16339" s="14" t="s">
        <v>15</v>
      </c>
      <c r="G16339" s="16">
        <v>0.41166308809656371</v>
      </c>
    </row>
    <row r="16340" spans="1:7" x14ac:dyDescent="0.3">
      <c r="A16340" s="13" t="s">
        <v>117</v>
      </c>
      <c r="B16340" s="14" t="s">
        <v>1</v>
      </c>
      <c r="C16340" s="14" t="s">
        <v>41</v>
      </c>
      <c r="D16340" s="14" t="s">
        <v>118</v>
      </c>
      <c r="E16340" s="15">
        <v>45656</v>
      </c>
      <c r="F16340" s="14" t="s">
        <v>15</v>
      </c>
      <c r="G16340" s="16">
        <v>0.41013964679398668</v>
      </c>
    </row>
    <row r="16341" spans="1:7" x14ac:dyDescent="0.3">
      <c r="A16341" s="13" t="s">
        <v>117</v>
      </c>
      <c r="B16341" s="14" t="s">
        <v>1</v>
      </c>
      <c r="C16341" s="14" t="s">
        <v>41</v>
      </c>
      <c r="D16341" s="14" t="s">
        <v>118</v>
      </c>
      <c r="E16341" s="15">
        <v>45657</v>
      </c>
      <c r="F16341" s="14" t="s">
        <v>15</v>
      </c>
      <c r="G16341" s="16">
        <v>0.41013964679398668</v>
      </c>
    </row>
    <row r="16342" spans="1:7" x14ac:dyDescent="0.3">
      <c r="A16342" s="13" t="s">
        <v>117</v>
      </c>
      <c r="B16342" s="14" t="s">
        <v>1</v>
      </c>
      <c r="C16342" s="14" t="s">
        <v>41</v>
      </c>
      <c r="D16342" s="14" t="s">
        <v>118</v>
      </c>
      <c r="E16342" s="15">
        <v>45658</v>
      </c>
      <c r="F16342" s="14" t="s">
        <v>15</v>
      </c>
      <c r="G16342" s="16">
        <v>0.41013964679398668</v>
      </c>
    </row>
    <row r="16343" spans="1:7" x14ac:dyDescent="0.3">
      <c r="A16343" s="13" t="s">
        <v>117</v>
      </c>
      <c r="B16343" s="14" t="s">
        <v>1</v>
      </c>
      <c r="C16343" s="14" t="s">
        <v>41</v>
      </c>
      <c r="D16343" s="14" t="s">
        <v>118</v>
      </c>
      <c r="E16343" s="15">
        <v>45659</v>
      </c>
      <c r="F16343" s="14" t="s">
        <v>15</v>
      </c>
      <c r="G16343" s="16">
        <v>0.41013964679398668</v>
      </c>
    </row>
    <row r="16344" spans="1:7" x14ac:dyDescent="0.3">
      <c r="A16344" s="13" t="s">
        <v>117</v>
      </c>
      <c r="B16344" s="14" t="s">
        <v>1</v>
      </c>
      <c r="C16344" s="14" t="s">
        <v>41</v>
      </c>
      <c r="D16344" s="14" t="s">
        <v>118</v>
      </c>
      <c r="E16344" s="15">
        <v>45660</v>
      </c>
      <c r="F16344" s="14" t="s">
        <v>15</v>
      </c>
      <c r="G16344" s="16">
        <v>0.41013964679398668</v>
      </c>
    </row>
    <row r="16345" spans="1:7" x14ac:dyDescent="0.3">
      <c r="A16345" s="13" t="s">
        <v>117</v>
      </c>
      <c r="B16345" s="14" t="s">
        <v>1</v>
      </c>
      <c r="C16345" s="14" t="s">
        <v>41</v>
      </c>
      <c r="D16345" s="14" t="s">
        <v>118</v>
      </c>
      <c r="E16345" s="15">
        <v>45661</v>
      </c>
      <c r="F16345" s="14" t="s">
        <v>15</v>
      </c>
      <c r="G16345" s="16">
        <v>0.41013964679398668</v>
      </c>
    </row>
    <row r="16346" spans="1:7" x14ac:dyDescent="0.3">
      <c r="A16346" s="13" t="s">
        <v>117</v>
      </c>
      <c r="B16346" s="14" t="s">
        <v>1</v>
      </c>
      <c r="C16346" s="14" t="s">
        <v>41</v>
      </c>
      <c r="D16346" s="14" t="s">
        <v>118</v>
      </c>
      <c r="E16346" s="15">
        <v>45662</v>
      </c>
      <c r="F16346" s="14" t="s">
        <v>15</v>
      </c>
      <c r="G16346" s="16">
        <v>0.41013964679398668</v>
      </c>
    </row>
    <row r="16347" spans="1:7" x14ac:dyDescent="0.3">
      <c r="A16347" s="13" t="s">
        <v>117</v>
      </c>
      <c r="B16347" s="14" t="s">
        <v>1</v>
      </c>
      <c r="C16347" s="14" t="s">
        <v>41</v>
      </c>
      <c r="D16347" s="14" t="s">
        <v>118</v>
      </c>
      <c r="E16347" s="15">
        <v>45663</v>
      </c>
      <c r="F16347" s="14" t="s">
        <v>15</v>
      </c>
      <c r="G16347" s="16">
        <v>0.5065268780624963</v>
      </c>
    </row>
    <row r="16348" spans="1:7" x14ac:dyDescent="0.3">
      <c r="A16348" s="13" t="s">
        <v>117</v>
      </c>
      <c r="B16348" s="14" t="s">
        <v>1</v>
      </c>
      <c r="C16348" s="14" t="s">
        <v>41</v>
      </c>
      <c r="D16348" s="14" t="s">
        <v>118</v>
      </c>
      <c r="E16348" s="15">
        <v>45664</v>
      </c>
      <c r="F16348" s="14" t="s">
        <v>15</v>
      </c>
      <c r="G16348" s="16">
        <v>0.48852381376824905</v>
      </c>
    </row>
    <row r="16349" spans="1:7" x14ac:dyDescent="0.3">
      <c r="A16349" s="13" t="s">
        <v>117</v>
      </c>
      <c r="B16349" s="14" t="s">
        <v>1</v>
      </c>
      <c r="C16349" s="14" t="s">
        <v>41</v>
      </c>
      <c r="D16349" s="14" t="s">
        <v>118</v>
      </c>
      <c r="E16349" s="15">
        <v>45665</v>
      </c>
      <c r="F16349" s="14" t="s">
        <v>15</v>
      </c>
      <c r="G16349" s="16">
        <v>0.48522897144389465</v>
      </c>
    </row>
    <row r="16350" spans="1:7" x14ac:dyDescent="0.3">
      <c r="A16350" s="13" t="s">
        <v>117</v>
      </c>
      <c r="B16350" s="14" t="s">
        <v>1</v>
      </c>
      <c r="C16350" s="14" t="s">
        <v>41</v>
      </c>
      <c r="D16350" s="14" t="s">
        <v>118</v>
      </c>
      <c r="E16350" s="15">
        <v>45666</v>
      </c>
      <c r="F16350" s="14" t="s">
        <v>15</v>
      </c>
      <c r="G16350" s="16">
        <v>0.48335603524885978</v>
      </c>
    </row>
    <row r="16351" spans="1:7" x14ac:dyDescent="0.3">
      <c r="A16351" s="13" t="s">
        <v>117</v>
      </c>
      <c r="B16351" s="14" t="s">
        <v>1</v>
      </c>
      <c r="C16351" s="14" t="s">
        <v>41</v>
      </c>
      <c r="D16351" s="14" t="s">
        <v>118</v>
      </c>
      <c r="E16351" s="15">
        <v>45667</v>
      </c>
      <c r="F16351" s="14" t="s">
        <v>15</v>
      </c>
      <c r="G16351" s="16">
        <v>0.48216449104055648</v>
      </c>
    </row>
    <row r="16352" spans="1:7" x14ac:dyDescent="0.3">
      <c r="A16352" s="13" t="s">
        <v>117</v>
      </c>
      <c r="B16352" s="14" t="s">
        <v>1</v>
      </c>
      <c r="C16352" s="14" t="s">
        <v>41</v>
      </c>
      <c r="D16352" s="14" t="s">
        <v>118</v>
      </c>
      <c r="E16352" s="15">
        <v>45668</v>
      </c>
      <c r="F16352" s="14" t="s">
        <v>15</v>
      </c>
      <c r="G16352" s="16">
        <v>0.48216449104055648</v>
      </c>
    </row>
    <row r="16353" spans="1:7" x14ac:dyDescent="0.3">
      <c r="A16353" s="13" t="s">
        <v>117</v>
      </c>
      <c r="B16353" s="14" t="s">
        <v>1</v>
      </c>
      <c r="C16353" s="14" t="s">
        <v>41</v>
      </c>
      <c r="D16353" s="14" t="s">
        <v>118</v>
      </c>
      <c r="E16353" s="15">
        <v>45669</v>
      </c>
      <c r="F16353" s="14" t="s">
        <v>15</v>
      </c>
      <c r="G16353" s="16">
        <v>0.48216449104055648</v>
      </c>
    </row>
    <row r="16354" spans="1:7" x14ac:dyDescent="0.3">
      <c r="A16354" s="13" t="s">
        <v>117</v>
      </c>
      <c r="B16354" s="14" t="s">
        <v>1</v>
      </c>
      <c r="C16354" s="14" t="s">
        <v>41</v>
      </c>
      <c r="D16354" s="14" t="s">
        <v>118</v>
      </c>
      <c r="E16354" s="15">
        <v>45670</v>
      </c>
      <c r="F16354" s="14" t="s">
        <v>15</v>
      </c>
      <c r="G16354" s="16">
        <v>0.48216449104055648</v>
      </c>
    </row>
    <row r="16355" spans="1:7" x14ac:dyDescent="0.3">
      <c r="A16355" s="13" t="s">
        <v>117</v>
      </c>
      <c r="B16355" s="14" t="s">
        <v>1</v>
      </c>
      <c r="C16355" s="14" t="s">
        <v>41</v>
      </c>
      <c r="D16355" s="14" t="s">
        <v>118</v>
      </c>
      <c r="E16355" s="15">
        <v>45671</v>
      </c>
      <c r="F16355" s="14" t="s">
        <v>15</v>
      </c>
      <c r="G16355" s="16">
        <v>0.47888530087141168</v>
      </c>
    </row>
    <row r="16356" spans="1:7" x14ac:dyDescent="0.3">
      <c r="A16356" s="13" t="s">
        <v>117</v>
      </c>
      <c r="B16356" s="14" t="s">
        <v>1</v>
      </c>
      <c r="C16356" s="14" t="s">
        <v>41</v>
      </c>
      <c r="D16356" s="14" t="s">
        <v>118</v>
      </c>
      <c r="E16356" s="15">
        <v>45672</v>
      </c>
      <c r="F16356" s="14" t="s">
        <v>15</v>
      </c>
      <c r="G16356" s="16">
        <v>0.47377478061546657</v>
      </c>
    </row>
    <row r="16357" spans="1:7" x14ac:dyDescent="0.3">
      <c r="A16357" s="13" t="s">
        <v>117</v>
      </c>
      <c r="B16357" s="14" t="s">
        <v>1</v>
      </c>
      <c r="C16357" s="14" t="s">
        <v>41</v>
      </c>
      <c r="D16357" s="14" t="s">
        <v>118</v>
      </c>
      <c r="E16357" s="15">
        <v>45673</v>
      </c>
      <c r="F16357" s="14" t="s">
        <v>15</v>
      </c>
      <c r="G16357" s="16">
        <v>0.47533406686075375</v>
      </c>
    </row>
    <row r="16358" spans="1:7" x14ac:dyDescent="0.3">
      <c r="A16358" s="13" t="s">
        <v>117</v>
      </c>
      <c r="B16358" s="14" t="s">
        <v>1</v>
      </c>
      <c r="C16358" s="14" t="s">
        <v>41</v>
      </c>
      <c r="D16358" s="14" t="s">
        <v>118</v>
      </c>
      <c r="E16358" s="15">
        <v>45674</v>
      </c>
      <c r="F16358" s="14" t="s">
        <v>15</v>
      </c>
      <c r="G16358" s="16">
        <v>0.46945067991121014</v>
      </c>
    </row>
    <row r="16359" spans="1:7" x14ac:dyDescent="0.3">
      <c r="A16359" s="13" t="s">
        <v>117</v>
      </c>
      <c r="B16359" s="14" t="s">
        <v>1</v>
      </c>
      <c r="C16359" s="14" t="s">
        <v>41</v>
      </c>
      <c r="D16359" s="14" t="s">
        <v>118</v>
      </c>
      <c r="E16359" s="15">
        <v>45675</v>
      </c>
      <c r="F16359" s="14" t="s">
        <v>15</v>
      </c>
      <c r="G16359" s="16">
        <v>0.46945067991121014</v>
      </c>
    </row>
    <row r="16360" spans="1:7" x14ac:dyDescent="0.3">
      <c r="A16360" s="13" t="s">
        <v>117</v>
      </c>
      <c r="B16360" s="14" t="s">
        <v>1</v>
      </c>
      <c r="C16360" s="14" t="s">
        <v>41</v>
      </c>
      <c r="D16360" s="14" t="s">
        <v>118</v>
      </c>
      <c r="E16360" s="15">
        <v>45676</v>
      </c>
      <c r="F16360" s="14" t="s">
        <v>15</v>
      </c>
      <c r="G16360" s="16">
        <v>0.46945067991121014</v>
      </c>
    </row>
    <row r="16361" spans="1:7" x14ac:dyDescent="0.3">
      <c r="A16361" s="13" t="s">
        <v>117</v>
      </c>
      <c r="B16361" s="14" t="s">
        <v>1</v>
      </c>
      <c r="C16361" s="14" t="s">
        <v>41</v>
      </c>
      <c r="D16361" s="14" t="s">
        <v>118</v>
      </c>
      <c r="E16361" s="15">
        <v>45677</v>
      </c>
      <c r="F16361" s="14" t="s">
        <v>15</v>
      </c>
      <c r="G16361" s="16">
        <v>0.46909919312339787</v>
      </c>
    </row>
    <row r="16362" spans="1:7" x14ac:dyDescent="0.3">
      <c r="A16362" s="13" t="s">
        <v>117</v>
      </c>
      <c r="B16362" s="14" t="s">
        <v>1</v>
      </c>
      <c r="C16362" s="14" t="s">
        <v>41</v>
      </c>
      <c r="D16362" s="14" t="s">
        <v>118</v>
      </c>
      <c r="E16362" s="15">
        <v>45678</v>
      </c>
      <c r="F16362" s="14" t="s">
        <v>15</v>
      </c>
      <c r="G16362" s="16">
        <v>0.46212520916994632</v>
      </c>
    </row>
    <row r="16363" spans="1:7" x14ac:dyDescent="0.3">
      <c r="A16363" s="13" t="s">
        <v>117</v>
      </c>
      <c r="B16363" s="14" t="s">
        <v>1</v>
      </c>
      <c r="C16363" s="14" t="s">
        <v>41</v>
      </c>
      <c r="D16363" s="14" t="s">
        <v>118</v>
      </c>
      <c r="E16363" s="15">
        <v>45679</v>
      </c>
      <c r="F16363" s="14" t="s">
        <v>15</v>
      </c>
      <c r="G16363" s="16">
        <v>0.45675843784353748</v>
      </c>
    </row>
    <row r="16364" spans="1:7" x14ac:dyDescent="0.3">
      <c r="A16364" s="13" t="s">
        <v>117</v>
      </c>
      <c r="B16364" s="14" t="s">
        <v>1</v>
      </c>
      <c r="C16364" s="14" t="s">
        <v>41</v>
      </c>
      <c r="D16364" s="14" t="s">
        <v>118</v>
      </c>
      <c r="E16364" s="15">
        <v>45680</v>
      </c>
      <c r="F16364" s="14" t="s">
        <v>15</v>
      </c>
      <c r="G16364" s="16">
        <v>0.45576684528498984</v>
      </c>
    </row>
    <row r="16365" spans="1:7" x14ac:dyDescent="0.3">
      <c r="A16365" s="13" t="s">
        <v>117</v>
      </c>
      <c r="B16365" s="14" t="s">
        <v>1</v>
      </c>
      <c r="C16365" s="14" t="s">
        <v>41</v>
      </c>
      <c r="D16365" s="14" t="s">
        <v>118</v>
      </c>
      <c r="E16365" s="15">
        <v>45681</v>
      </c>
      <c r="F16365" s="14" t="s">
        <v>15</v>
      </c>
      <c r="G16365" s="16">
        <v>0.45339558523308338</v>
      </c>
    </row>
    <row r="16366" spans="1:7" x14ac:dyDescent="0.3">
      <c r="A16366" s="13" t="s">
        <v>117</v>
      </c>
      <c r="B16366" s="14" t="s">
        <v>1</v>
      </c>
      <c r="C16366" s="14" t="s">
        <v>41</v>
      </c>
      <c r="D16366" s="14" t="s">
        <v>118</v>
      </c>
      <c r="E16366" s="15">
        <v>45682</v>
      </c>
      <c r="F16366" s="14" t="s">
        <v>15</v>
      </c>
      <c r="G16366" s="16">
        <v>0.45339558523308338</v>
      </c>
    </row>
    <row r="16367" spans="1:7" x14ac:dyDescent="0.3">
      <c r="A16367" s="13" t="s">
        <v>117</v>
      </c>
      <c r="B16367" s="14" t="s">
        <v>1</v>
      </c>
      <c r="C16367" s="14" t="s">
        <v>41</v>
      </c>
      <c r="D16367" s="14" t="s">
        <v>118</v>
      </c>
      <c r="E16367" s="15">
        <v>45683</v>
      </c>
      <c r="F16367" s="14" t="s">
        <v>15</v>
      </c>
      <c r="G16367" s="16">
        <v>0.45339558523308338</v>
      </c>
    </row>
    <row r="16368" spans="1:7" x14ac:dyDescent="0.3">
      <c r="A16368" s="13" t="s">
        <v>117</v>
      </c>
      <c r="B16368" s="14" t="s">
        <v>1</v>
      </c>
      <c r="C16368" s="14" t="s">
        <v>41</v>
      </c>
      <c r="D16368" s="14" t="s">
        <v>118</v>
      </c>
      <c r="E16368" s="15">
        <v>45684</v>
      </c>
      <c r="F16368" s="14" t="s">
        <v>15</v>
      </c>
      <c r="G16368" s="16">
        <v>0.45839886506106287</v>
      </c>
    </row>
    <row r="16369" spans="1:7" x14ac:dyDescent="0.3">
      <c r="A16369" s="13" t="s">
        <v>117</v>
      </c>
      <c r="B16369" s="14" t="s">
        <v>1</v>
      </c>
      <c r="C16369" s="14" t="s">
        <v>41</v>
      </c>
      <c r="D16369" s="14" t="s">
        <v>118</v>
      </c>
      <c r="E16369" s="15">
        <v>45685</v>
      </c>
      <c r="F16369" s="14" t="s">
        <v>15</v>
      </c>
      <c r="G16369" s="16">
        <v>0.44811480486659078</v>
      </c>
    </row>
    <row r="16370" spans="1:7" x14ac:dyDescent="0.3">
      <c r="A16370" s="13" t="s">
        <v>117</v>
      </c>
      <c r="B16370" s="14" t="s">
        <v>1</v>
      </c>
      <c r="C16370" s="14" t="s">
        <v>41</v>
      </c>
      <c r="D16370" s="14" t="s">
        <v>118</v>
      </c>
      <c r="E16370" s="15">
        <v>45686</v>
      </c>
      <c r="F16370" s="14" t="s">
        <v>15</v>
      </c>
      <c r="G16370" s="16">
        <v>0.44644789515802891</v>
      </c>
    </row>
    <row r="16371" spans="1:7" x14ac:dyDescent="0.3">
      <c r="A16371" s="13" t="s">
        <v>117</v>
      </c>
      <c r="B16371" s="14" t="s">
        <v>1</v>
      </c>
      <c r="C16371" s="14" t="s">
        <v>41</v>
      </c>
      <c r="D16371" s="14" t="s">
        <v>118</v>
      </c>
      <c r="E16371" s="15">
        <v>45687</v>
      </c>
      <c r="F16371" s="14" t="s">
        <v>15</v>
      </c>
      <c r="G16371" s="16">
        <v>0.44668559175419748</v>
      </c>
    </row>
    <row r="16372" spans="1:7" x14ac:dyDescent="0.3">
      <c r="A16372" s="13" t="s">
        <v>117</v>
      </c>
      <c r="B16372" s="14" t="s">
        <v>1</v>
      </c>
      <c r="C16372" s="14" t="s">
        <v>41</v>
      </c>
      <c r="D16372" s="14" t="s">
        <v>118</v>
      </c>
      <c r="E16372" s="15">
        <v>45688</v>
      </c>
      <c r="F16372" s="14" t="s">
        <v>15</v>
      </c>
      <c r="G16372" s="16">
        <v>0.45552636606809838</v>
      </c>
    </row>
    <row r="16373" spans="1:7" x14ac:dyDescent="0.3">
      <c r="A16373" s="13" t="s">
        <v>117</v>
      </c>
      <c r="B16373" s="14" t="s">
        <v>1</v>
      </c>
      <c r="C16373" s="14" t="s">
        <v>41</v>
      </c>
      <c r="D16373" s="14" t="s">
        <v>118</v>
      </c>
      <c r="E16373" s="15">
        <v>45689</v>
      </c>
      <c r="F16373" s="14" t="s">
        <v>15</v>
      </c>
      <c r="G16373" s="16">
        <v>0.45552636606809838</v>
      </c>
    </row>
    <row r="16374" spans="1:7" x14ac:dyDescent="0.3">
      <c r="A16374" s="13" t="s">
        <v>117</v>
      </c>
      <c r="B16374" s="14" t="s">
        <v>1</v>
      </c>
      <c r="C16374" s="14" t="s">
        <v>41</v>
      </c>
      <c r="D16374" s="14" t="s">
        <v>118</v>
      </c>
      <c r="E16374" s="15">
        <v>45690</v>
      </c>
      <c r="F16374" s="14" t="s">
        <v>15</v>
      </c>
      <c r="G16374" s="16">
        <v>0.45552636606809838</v>
      </c>
    </row>
    <row r="16375" spans="1:7" x14ac:dyDescent="0.3">
      <c r="A16375" s="13" t="s">
        <v>117</v>
      </c>
      <c r="B16375" s="14" t="s">
        <v>1</v>
      </c>
      <c r="C16375" s="14" t="s">
        <v>41</v>
      </c>
      <c r="D16375" s="14" t="s">
        <v>118</v>
      </c>
      <c r="E16375" s="15">
        <v>45691</v>
      </c>
      <c r="F16375" s="14" t="s">
        <v>15</v>
      </c>
      <c r="G16375" s="16">
        <v>0.45552636606809838</v>
      </c>
    </row>
    <row r="16376" spans="1:7" x14ac:dyDescent="0.3">
      <c r="A16376" s="13" t="s">
        <v>117</v>
      </c>
      <c r="B16376" s="14" t="s">
        <v>1</v>
      </c>
      <c r="C16376" s="14" t="s">
        <v>41</v>
      </c>
      <c r="D16376" s="14" t="s">
        <v>118</v>
      </c>
      <c r="E16376" s="15">
        <v>45692</v>
      </c>
      <c r="F16376" s="14" t="s">
        <v>15</v>
      </c>
      <c r="G16376" s="16">
        <v>0.45566654163369785</v>
      </c>
    </row>
    <row r="16377" spans="1:7" x14ac:dyDescent="0.3">
      <c r="A16377" s="13" t="s">
        <v>117</v>
      </c>
      <c r="B16377" s="14" t="s">
        <v>1</v>
      </c>
      <c r="C16377" s="14" t="s">
        <v>41</v>
      </c>
      <c r="D16377" s="14" t="s">
        <v>118</v>
      </c>
      <c r="E16377" s="15">
        <v>45693</v>
      </c>
      <c r="F16377" s="14" t="s">
        <v>15</v>
      </c>
      <c r="G16377" s="16">
        <v>0.45296224661679474</v>
      </c>
    </row>
    <row r="16378" spans="1:7" x14ac:dyDescent="0.3">
      <c r="A16378" s="13" t="s">
        <v>117</v>
      </c>
      <c r="B16378" s="14" t="s">
        <v>1</v>
      </c>
      <c r="C16378" s="14" t="s">
        <v>41</v>
      </c>
      <c r="D16378" s="14" t="s">
        <v>118</v>
      </c>
      <c r="E16378" s="15">
        <v>45694</v>
      </c>
      <c r="F16378" s="14" t="s">
        <v>15</v>
      </c>
      <c r="G16378" s="16">
        <v>0.45385646496037069</v>
      </c>
    </row>
    <row r="16379" spans="1:7" x14ac:dyDescent="0.3">
      <c r="A16379" s="13" t="s">
        <v>117</v>
      </c>
      <c r="B16379" s="14" t="s">
        <v>1</v>
      </c>
      <c r="C16379" s="14" t="s">
        <v>41</v>
      </c>
      <c r="D16379" s="14" t="s">
        <v>118</v>
      </c>
      <c r="E16379" s="15">
        <v>45695</v>
      </c>
      <c r="F16379" s="14" t="s">
        <v>15</v>
      </c>
      <c r="G16379" s="16">
        <v>0.45146829651830966</v>
      </c>
    </row>
    <row r="16380" spans="1:7" x14ac:dyDescent="0.3">
      <c r="A16380" s="13" t="s">
        <v>117</v>
      </c>
      <c r="B16380" s="14" t="s">
        <v>1</v>
      </c>
      <c r="C16380" s="14" t="s">
        <v>41</v>
      </c>
      <c r="D16380" s="14" t="s">
        <v>118</v>
      </c>
      <c r="E16380" s="15">
        <v>45696</v>
      </c>
      <c r="F16380" s="14" t="s">
        <v>15</v>
      </c>
      <c r="G16380" s="16">
        <v>0.45146829651830966</v>
      </c>
    </row>
    <row r="16381" spans="1:7" x14ac:dyDescent="0.3">
      <c r="A16381" s="13" t="s">
        <v>117</v>
      </c>
      <c r="B16381" s="14" t="s">
        <v>1</v>
      </c>
      <c r="C16381" s="14" t="s">
        <v>41</v>
      </c>
      <c r="D16381" s="14" t="s">
        <v>118</v>
      </c>
      <c r="E16381" s="15">
        <v>45697</v>
      </c>
      <c r="F16381" s="14" t="s">
        <v>15</v>
      </c>
      <c r="G16381" s="16">
        <v>0.45146829651830966</v>
      </c>
    </row>
    <row r="16382" spans="1:7" x14ac:dyDescent="0.3">
      <c r="A16382" s="13" t="s">
        <v>117</v>
      </c>
      <c r="B16382" s="14" t="s">
        <v>1</v>
      </c>
      <c r="C16382" s="14" t="s">
        <v>41</v>
      </c>
      <c r="D16382" s="14" t="s">
        <v>118</v>
      </c>
      <c r="E16382" s="15">
        <v>45698</v>
      </c>
      <c r="F16382" s="14" t="s">
        <v>15</v>
      </c>
      <c r="G16382" s="16">
        <v>0.44737810146752449</v>
      </c>
    </row>
    <row r="16383" spans="1:7" x14ac:dyDescent="0.3">
      <c r="A16383" s="13" t="s">
        <v>117</v>
      </c>
      <c r="B16383" s="14" t="s">
        <v>1</v>
      </c>
      <c r="C16383" s="14" t="s">
        <v>41</v>
      </c>
      <c r="D16383" s="14" t="s">
        <v>118</v>
      </c>
      <c r="E16383" s="15">
        <v>45699</v>
      </c>
      <c r="F16383" s="14" t="s">
        <v>15</v>
      </c>
      <c r="G16383" s="16">
        <v>0.44737810146752449</v>
      </c>
    </row>
    <row r="16384" spans="1:7" x14ac:dyDescent="0.3">
      <c r="A16384" s="13" t="s">
        <v>117</v>
      </c>
      <c r="B16384" s="14" t="s">
        <v>1</v>
      </c>
      <c r="C16384" s="14" t="s">
        <v>41</v>
      </c>
      <c r="D16384" s="14" t="s">
        <v>118</v>
      </c>
      <c r="E16384" s="15">
        <v>45700</v>
      </c>
      <c r="F16384" s="14" t="s">
        <v>15</v>
      </c>
      <c r="G16384" s="16">
        <v>0.43320105258667069</v>
      </c>
    </row>
    <row r="16385" spans="1:7" x14ac:dyDescent="0.3">
      <c r="A16385" s="13" t="s">
        <v>117</v>
      </c>
      <c r="B16385" s="14" t="s">
        <v>1</v>
      </c>
      <c r="C16385" s="14" t="s">
        <v>41</v>
      </c>
      <c r="D16385" s="14" t="s">
        <v>118</v>
      </c>
      <c r="E16385" s="15">
        <v>45701</v>
      </c>
      <c r="F16385" s="14" t="s">
        <v>15</v>
      </c>
      <c r="G16385" s="16">
        <v>0.43382042586398661</v>
      </c>
    </row>
    <row r="16386" spans="1:7" x14ac:dyDescent="0.3">
      <c r="A16386" s="13" t="s">
        <v>117</v>
      </c>
      <c r="B16386" s="14" t="s">
        <v>1</v>
      </c>
      <c r="C16386" s="14" t="s">
        <v>41</v>
      </c>
      <c r="D16386" s="14" t="s">
        <v>118</v>
      </c>
      <c r="E16386" s="15">
        <v>45702</v>
      </c>
      <c r="F16386" s="14" t="s">
        <v>15</v>
      </c>
      <c r="G16386" s="16">
        <v>0.43403453891526522</v>
      </c>
    </row>
    <row r="16387" spans="1:7" x14ac:dyDescent="0.3">
      <c r="A16387" s="13" t="s">
        <v>117</v>
      </c>
      <c r="B16387" s="14" t="s">
        <v>1</v>
      </c>
      <c r="C16387" s="14" t="s">
        <v>41</v>
      </c>
      <c r="D16387" s="14" t="s">
        <v>118</v>
      </c>
      <c r="E16387" s="15">
        <v>45703</v>
      </c>
      <c r="F16387" s="14" t="s">
        <v>15</v>
      </c>
      <c r="G16387" s="16">
        <v>0.43403453891526522</v>
      </c>
    </row>
    <row r="16388" spans="1:7" x14ac:dyDescent="0.3">
      <c r="A16388" s="13" t="s">
        <v>117</v>
      </c>
      <c r="B16388" s="14" t="s">
        <v>1</v>
      </c>
      <c r="C16388" s="14" t="s">
        <v>41</v>
      </c>
      <c r="D16388" s="14" t="s">
        <v>118</v>
      </c>
      <c r="E16388" s="15">
        <v>45704</v>
      </c>
      <c r="F16388" s="14" t="s">
        <v>15</v>
      </c>
      <c r="G16388" s="16">
        <v>0.43403453891526522</v>
      </c>
    </row>
    <row r="16389" spans="1:7" x14ac:dyDescent="0.3">
      <c r="A16389" s="13" t="s">
        <v>117</v>
      </c>
      <c r="B16389" s="14" t="s">
        <v>1</v>
      </c>
      <c r="C16389" s="14" t="s">
        <v>41</v>
      </c>
      <c r="D16389" s="14" t="s">
        <v>118</v>
      </c>
      <c r="E16389" s="15">
        <v>45705</v>
      </c>
      <c r="F16389" s="14" t="s">
        <v>15</v>
      </c>
      <c r="G16389" s="16">
        <v>0.43398977546767442</v>
      </c>
    </row>
    <row r="16390" spans="1:7" x14ac:dyDescent="0.3">
      <c r="A16390" s="13" t="s">
        <v>117</v>
      </c>
      <c r="B16390" s="14" t="s">
        <v>1</v>
      </c>
      <c r="C16390" s="14" t="s">
        <v>41</v>
      </c>
      <c r="D16390" s="14" t="s">
        <v>118</v>
      </c>
      <c r="E16390" s="15">
        <v>45706</v>
      </c>
      <c r="F16390" s="14" t="s">
        <v>15</v>
      </c>
      <c r="G16390" s="16">
        <v>0.42502432450052052</v>
      </c>
    </row>
    <row r="16391" spans="1:7" x14ac:dyDescent="0.3">
      <c r="A16391" s="13" t="s">
        <v>117</v>
      </c>
      <c r="B16391" s="14" t="s">
        <v>1</v>
      </c>
      <c r="C16391" s="14" t="s">
        <v>41</v>
      </c>
      <c r="D16391" s="14" t="s">
        <v>118</v>
      </c>
      <c r="E16391" s="15">
        <v>45707</v>
      </c>
      <c r="F16391" s="14" t="s">
        <v>15</v>
      </c>
      <c r="G16391" s="16">
        <v>0.42423829889137205</v>
      </c>
    </row>
    <row r="16392" spans="1:7" x14ac:dyDescent="0.3">
      <c r="A16392" s="13" t="s">
        <v>117</v>
      </c>
      <c r="B16392" s="14" t="s">
        <v>1</v>
      </c>
      <c r="C16392" s="14" t="s">
        <v>41</v>
      </c>
      <c r="D16392" s="14" t="s">
        <v>118</v>
      </c>
      <c r="E16392" s="15">
        <v>45708</v>
      </c>
      <c r="F16392" s="14" t="s">
        <v>15</v>
      </c>
      <c r="G16392" s="16">
        <v>0.44005998149287573</v>
      </c>
    </row>
    <row r="16393" spans="1:7" x14ac:dyDescent="0.3">
      <c r="A16393" s="13" t="s">
        <v>117</v>
      </c>
      <c r="B16393" s="14" t="s">
        <v>1</v>
      </c>
      <c r="C16393" s="14" t="s">
        <v>41</v>
      </c>
      <c r="D16393" s="14" t="s">
        <v>118</v>
      </c>
      <c r="E16393" s="15">
        <v>45709</v>
      </c>
      <c r="F16393" s="14" t="s">
        <v>15</v>
      </c>
      <c r="G16393" s="16">
        <v>0.43854108358520538</v>
      </c>
    </row>
    <row r="16394" spans="1:7" x14ac:dyDescent="0.3">
      <c r="A16394" s="13" t="s">
        <v>117</v>
      </c>
      <c r="B16394" s="14" t="s">
        <v>1</v>
      </c>
      <c r="C16394" s="14" t="s">
        <v>41</v>
      </c>
      <c r="D16394" s="14" t="s">
        <v>118</v>
      </c>
      <c r="E16394" s="15">
        <v>45710</v>
      </c>
      <c r="F16394" s="14" t="s">
        <v>15</v>
      </c>
      <c r="G16394" s="16">
        <v>0.43854108358520538</v>
      </c>
    </row>
    <row r="16395" spans="1:7" x14ac:dyDescent="0.3">
      <c r="A16395" s="13" t="s">
        <v>117</v>
      </c>
      <c r="B16395" s="14" t="s">
        <v>1</v>
      </c>
      <c r="C16395" s="14" t="s">
        <v>41</v>
      </c>
      <c r="D16395" s="14" t="s">
        <v>118</v>
      </c>
      <c r="E16395" s="15">
        <v>45711</v>
      </c>
      <c r="F16395" s="14" t="s">
        <v>15</v>
      </c>
      <c r="G16395" s="16">
        <v>0.43854108358520538</v>
      </c>
    </row>
    <row r="16396" spans="1:7" x14ac:dyDescent="0.3">
      <c r="A16396" s="13" t="s">
        <v>117</v>
      </c>
      <c r="B16396" s="14" t="s">
        <v>1</v>
      </c>
      <c r="C16396" s="14" t="s">
        <v>41</v>
      </c>
      <c r="D16396" s="14" t="s">
        <v>118</v>
      </c>
      <c r="E16396" s="15">
        <v>45712</v>
      </c>
      <c r="F16396" s="14" t="s">
        <v>15</v>
      </c>
      <c r="G16396" s="16">
        <v>0.43854108358520538</v>
      </c>
    </row>
    <row r="16397" spans="1:7" x14ac:dyDescent="0.3">
      <c r="A16397" s="13" t="s">
        <v>117</v>
      </c>
      <c r="B16397" s="14" t="s">
        <v>1</v>
      </c>
      <c r="C16397" s="14" t="s">
        <v>41</v>
      </c>
      <c r="D16397" s="14" t="s">
        <v>118</v>
      </c>
      <c r="E16397" s="15">
        <v>45713</v>
      </c>
      <c r="F16397" s="14" t="s">
        <v>15</v>
      </c>
      <c r="G16397" s="16">
        <v>0.436801927366888</v>
      </c>
    </row>
    <row r="16398" spans="1:7" x14ac:dyDescent="0.3">
      <c r="A16398" s="13" t="s">
        <v>117</v>
      </c>
      <c r="B16398" s="14" t="s">
        <v>1</v>
      </c>
      <c r="C16398" s="14" t="s">
        <v>41</v>
      </c>
      <c r="D16398" s="14" t="s">
        <v>118</v>
      </c>
      <c r="E16398" s="15">
        <v>45714</v>
      </c>
      <c r="F16398" s="14" t="s">
        <v>15</v>
      </c>
      <c r="G16398" s="16">
        <v>0.42680815123148341</v>
      </c>
    </row>
    <row r="16399" spans="1:7" x14ac:dyDescent="0.3">
      <c r="A16399" s="13" t="s">
        <v>117</v>
      </c>
      <c r="B16399" s="14" t="s">
        <v>1</v>
      </c>
      <c r="C16399" s="14" t="s">
        <v>41</v>
      </c>
      <c r="D16399" s="14" t="s">
        <v>118</v>
      </c>
      <c r="E16399" s="15">
        <v>45715</v>
      </c>
      <c r="F16399" s="14" t="s">
        <v>15</v>
      </c>
      <c r="G16399" s="16">
        <v>0.42235365126957886</v>
      </c>
    </row>
    <row r="16400" spans="1:7" x14ac:dyDescent="0.3">
      <c r="A16400" s="13" t="s">
        <v>117</v>
      </c>
      <c r="B16400" s="14" t="s">
        <v>1</v>
      </c>
      <c r="C16400" s="14" t="s">
        <v>41</v>
      </c>
      <c r="D16400" s="14" t="s">
        <v>118</v>
      </c>
      <c r="E16400" s="15">
        <v>45716</v>
      </c>
      <c r="F16400" s="14" t="s">
        <v>15</v>
      </c>
      <c r="G16400" s="16">
        <v>0.42625881363939516</v>
      </c>
    </row>
    <row r="16401" spans="1:7" x14ac:dyDescent="0.3">
      <c r="A16401" s="13" t="s">
        <v>117</v>
      </c>
      <c r="B16401" s="14" t="s">
        <v>1</v>
      </c>
      <c r="C16401" s="14" t="s">
        <v>41</v>
      </c>
      <c r="D16401" s="14" t="s">
        <v>118</v>
      </c>
      <c r="E16401" s="15">
        <v>45717</v>
      </c>
      <c r="F16401" s="14" t="s">
        <v>15</v>
      </c>
      <c r="G16401" s="16">
        <v>0.42625881363939516</v>
      </c>
    </row>
    <row r="16402" spans="1:7" x14ac:dyDescent="0.3">
      <c r="A16402" s="13" t="s">
        <v>117</v>
      </c>
      <c r="B16402" s="14" t="s">
        <v>1</v>
      </c>
      <c r="C16402" s="14" t="s">
        <v>41</v>
      </c>
      <c r="D16402" s="14" t="s">
        <v>118</v>
      </c>
      <c r="E16402" s="15">
        <v>45718</v>
      </c>
      <c r="F16402" s="14" t="s">
        <v>15</v>
      </c>
      <c r="G16402" s="16">
        <v>0.42625881363939516</v>
      </c>
    </row>
    <row r="16403" spans="1:7" x14ac:dyDescent="0.3">
      <c r="A16403" s="13" t="s">
        <v>117</v>
      </c>
      <c r="B16403" s="14" t="s">
        <v>1</v>
      </c>
      <c r="C16403" s="14" t="s">
        <v>41</v>
      </c>
      <c r="D16403" s="14" t="s">
        <v>118</v>
      </c>
      <c r="E16403" s="15">
        <v>45719</v>
      </c>
      <c r="F16403" s="14" t="s">
        <v>15</v>
      </c>
      <c r="G16403" s="16">
        <v>0.42701967035746091</v>
      </c>
    </row>
    <row r="16404" spans="1:7" x14ac:dyDescent="0.3">
      <c r="A16404" s="13" t="s">
        <v>117</v>
      </c>
      <c r="B16404" s="14" t="s">
        <v>1</v>
      </c>
      <c r="C16404" s="14" t="s">
        <v>41</v>
      </c>
      <c r="D16404" s="14" t="s">
        <v>118</v>
      </c>
      <c r="E16404" s="15">
        <v>45720</v>
      </c>
      <c r="F16404" s="14" t="s">
        <v>15</v>
      </c>
      <c r="G16404" s="16">
        <v>0.4211774268530355</v>
      </c>
    </row>
    <row r="16405" spans="1:7" x14ac:dyDescent="0.3">
      <c r="A16405" s="13" t="s">
        <v>117</v>
      </c>
      <c r="B16405" s="14" t="s">
        <v>1</v>
      </c>
      <c r="C16405" s="14" t="s">
        <v>41</v>
      </c>
      <c r="D16405" s="14" t="s">
        <v>118</v>
      </c>
      <c r="E16405" s="15">
        <v>45721</v>
      </c>
      <c r="F16405" s="14" t="s">
        <v>15</v>
      </c>
      <c r="G16405" s="16">
        <v>0.42128927719989612</v>
      </c>
    </row>
    <row r="16406" spans="1:7" x14ac:dyDescent="0.3">
      <c r="A16406" s="13" t="s">
        <v>117</v>
      </c>
      <c r="B16406" s="14" t="s">
        <v>1</v>
      </c>
      <c r="C16406" s="14" t="s">
        <v>41</v>
      </c>
      <c r="D16406" s="14" t="s">
        <v>118</v>
      </c>
      <c r="E16406" s="15">
        <v>45722</v>
      </c>
      <c r="F16406" s="14" t="s">
        <v>15</v>
      </c>
      <c r="G16406" s="16">
        <v>0.42143616460004263</v>
      </c>
    </row>
    <row r="16407" spans="1:7" x14ac:dyDescent="0.3">
      <c r="A16407" s="13" t="s">
        <v>117</v>
      </c>
      <c r="B16407" s="14" t="s">
        <v>1</v>
      </c>
      <c r="C16407" s="14" t="s">
        <v>41</v>
      </c>
      <c r="D16407" s="14" t="s">
        <v>118</v>
      </c>
      <c r="E16407" s="15">
        <v>45723</v>
      </c>
      <c r="F16407" s="14" t="s">
        <v>15</v>
      </c>
      <c r="G16407" s="16">
        <v>0.42023087001729553</v>
      </c>
    </row>
    <row r="16408" spans="1:7" x14ac:dyDescent="0.3">
      <c r="A16408" s="13" t="s">
        <v>117</v>
      </c>
      <c r="B16408" s="14" t="s">
        <v>1</v>
      </c>
      <c r="C16408" s="14" t="s">
        <v>41</v>
      </c>
      <c r="D16408" s="14" t="s">
        <v>118</v>
      </c>
      <c r="E16408" s="15">
        <v>45724</v>
      </c>
      <c r="F16408" s="14" t="s">
        <v>15</v>
      </c>
      <c r="G16408" s="16">
        <v>0.42023087001729553</v>
      </c>
    </row>
    <row r="16409" spans="1:7" x14ac:dyDescent="0.3">
      <c r="A16409" s="13" t="s">
        <v>117</v>
      </c>
      <c r="B16409" s="14" t="s">
        <v>1</v>
      </c>
      <c r="C16409" s="14" t="s">
        <v>41</v>
      </c>
      <c r="D16409" s="14" t="s">
        <v>118</v>
      </c>
      <c r="E16409" s="15">
        <v>45725</v>
      </c>
      <c r="F16409" s="14" t="s">
        <v>15</v>
      </c>
      <c r="G16409" s="16">
        <v>0.42023087001729553</v>
      </c>
    </row>
    <row r="16410" spans="1:7" x14ac:dyDescent="0.3">
      <c r="A16410" s="13" t="s">
        <v>117</v>
      </c>
      <c r="B16410" s="14" t="s">
        <v>1</v>
      </c>
      <c r="C16410" s="14" t="s">
        <v>41</v>
      </c>
      <c r="D16410" s="14" t="s">
        <v>118</v>
      </c>
      <c r="E16410" s="15">
        <v>45726</v>
      </c>
      <c r="F16410" s="14" t="s">
        <v>15</v>
      </c>
      <c r="G16410" s="16">
        <v>0.41994580665910947</v>
      </c>
    </row>
    <row r="16411" spans="1:7" x14ac:dyDescent="0.3">
      <c r="A16411" s="13" t="s">
        <v>117</v>
      </c>
      <c r="B16411" s="14" t="s">
        <v>1</v>
      </c>
      <c r="C16411" s="14" t="s">
        <v>41</v>
      </c>
      <c r="D16411" s="14" t="s">
        <v>118</v>
      </c>
      <c r="E16411" s="15">
        <v>45727</v>
      </c>
      <c r="F16411" s="14" t="s">
        <v>15</v>
      </c>
      <c r="G16411" s="16">
        <v>0.41123399610096023</v>
      </c>
    </row>
    <row r="16412" spans="1:7" x14ac:dyDescent="0.3">
      <c r="A16412" s="13" t="s">
        <v>117</v>
      </c>
      <c r="B16412" s="14" t="s">
        <v>1</v>
      </c>
      <c r="C16412" s="14" t="s">
        <v>41</v>
      </c>
      <c r="D16412" s="14" t="s">
        <v>118</v>
      </c>
      <c r="E16412" s="15">
        <v>45728</v>
      </c>
      <c r="F16412" s="14" t="s">
        <v>15</v>
      </c>
      <c r="G16412" s="16">
        <v>0.40757621556567569</v>
      </c>
    </row>
    <row r="16413" spans="1:7" x14ac:dyDescent="0.3">
      <c r="A16413" s="13" t="s">
        <v>117</v>
      </c>
      <c r="B16413" s="14" t="s">
        <v>1</v>
      </c>
      <c r="C16413" s="14" t="s">
        <v>41</v>
      </c>
      <c r="D16413" s="14" t="s">
        <v>118</v>
      </c>
      <c r="E16413" s="15">
        <v>45729</v>
      </c>
      <c r="F16413" s="14" t="s">
        <v>15</v>
      </c>
      <c r="G16413" s="16">
        <v>0.40642086986512416</v>
      </c>
    </row>
    <row r="16414" spans="1:7" x14ac:dyDescent="0.3">
      <c r="A16414" s="13" t="s">
        <v>117</v>
      </c>
      <c r="B16414" s="14" t="s">
        <v>1</v>
      </c>
      <c r="C16414" s="14" t="s">
        <v>41</v>
      </c>
      <c r="D16414" s="14" t="s">
        <v>118</v>
      </c>
      <c r="E16414" s="15">
        <v>45730</v>
      </c>
      <c r="F16414" s="14" t="s">
        <v>15</v>
      </c>
      <c r="G16414" s="16">
        <v>0.40173728562680472</v>
      </c>
    </row>
    <row r="16415" spans="1:7" x14ac:dyDescent="0.3">
      <c r="A16415" s="13" t="s">
        <v>117</v>
      </c>
      <c r="B16415" s="14" t="s">
        <v>1</v>
      </c>
      <c r="C16415" s="14" t="s">
        <v>41</v>
      </c>
      <c r="D16415" s="14" t="s">
        <v>118</v>
      </c>
      <c r="E16415" s="15">
        <v>45731</v>
      </c>
      <c r="F16415" s="14" t="s">
        <v>15</v>
      </c>
      <c r="G16415" s="16">
        <v>0.40173728562680472</v>
      </c>
    </row>
    <row r="16416" spans="1:7" x14ac:dyDescent="0.3">
      <c r="A16416" s="13" t="s">
        <v>117</v>
      </c>
      <c r="B16416" s="14" t="s">
        <v>1</v>
      </c>
      <c r="C16416" s="14" t="s">
        <v>41</v>
      </c>
      <c r="D16416" s="14" t="s">
        <v>118</v>
      </c>
      <c r="E16416" s="15">
        <v>45732</v>
      </c>
      <c r="F16416" s="14" t="s">
        <v>15</v>
      </c>
      <c r="G16416" s="16">
        <v>0.40173728562680472</v>
      </c>
    </row>
    <row r="16417" spans="1:7" x14ac:dyDescent="0.3">
      <c r="A16417" s="13" t="s">
        <v>117</v>
      </c>
      <c r="B16417" s="14" t="s">
        <v>1</v>
      </c>
      <c r="C16417" s="14" t="s">
        <v>41</v>
      </c>
      <c r="D16417" s="14" t="s">
        <v>118</v>
      </c>
      <c r="E16417" s="15">
        <v>45733</v>
      </c>
      <c r="F16417" s="14" t="s">
        <v>15</v>
      </c>
      <c r="G16417" s="16">
        <v>0.40173728562680472</v>
      </c>
    </row>
    <row r="16418" spans="1:7" x14ac:dyDescent="0.3">
      <c r="A16418" s="13" t="s">
        <v>117</v>
      </c>
      <c r="B16418" s="14" t="s">
        <v>1</v>
      </c>
      <c r="C16418" s="14" t="s">
        <v>41</v>
      </c>
      <c r="D16418" s="14" t="s">
        <v>118</v>
      </c>
      <c r="E16418" s="15">
        <v>45734</v>
      </c>
      <c r="F16418" s="14" t="s">
        <v>15</v>
      </c>
      <c r="G16418" s="16">
        <v>0.39767833071907432</v>
      </c>
    </row>
    <row r="16419" spans="1:7" x14ac:dyDescent="0.3">
      <c r="A16419" s="13" t="s">
        <v>117</v>
      </c>
      <c r="B16419" s="14" t="s">
        <v>1</v>
      </c>
      <c r="C16419" s="14" t="s">
        <v>41</v>
      </c>
      <c r="D16419" s="14" t="s">
        <v>118</v>
      </c>
      <c r="E16419" s="15">
        <v>45735</v>
      </c>
      <c r="F16419" s="14" t="s">
        <v>15</v>
      </c>
      <c r="G16419" s="16">
        <v>0.39326363866568032</v>
      </c>
    </row>
    <row r="16420" spans="1:7" x14ac:dyDescent="0.3">
      <c r="A16420" s="13" t="s">
        <v>117</v>
      </c>
      <c r="B16420" s="14" t="s">
        <v>1</v>
      </c>
      <c r="C16420" s="14" t="s">
        <v>41</v>
      </c>
      <c r="D16420" s="14" t="s">
        <v>118</v>
      </c>
      <c r="E16420" s="15">
        <v>45736</v>
      </c>
      <c r="F16420" s="14" t="s">
        <v>15</v>
      </c>
      <c r="G16420" s="16">
        <v>0.39326363866568032</v>
      </c>
    </row>
    <row r="16421" spans="1:7" x14ac:dyDescent="0.3">
      <c r="A16421" s="13" t="s">
        <v>117</v>
      </c>
      <c r="B16421" s="14" t="s">
        <v>1</v>
      </c>
      <c r="C16421" s="14" t="s">
        <v>41</v>
      </c>
      <c r="D16421" s="14" t="s">
        <v>118</v>
      </c>
      <c r="E16421" s="15">
        <v>45737</v>
      </c>
      <c r="F16421" s="14" t="s">
        <v>15</v>
      </c>
      <c r="G16421" s="16">
        <v>0.38913212132556441</v>
      </c>
    </row>
    <row r="16422" spans="1:7" x14ac:dyDescent="0.3">
      <c r="A16422" s="13" t="s">
        <v>117</v>
      </c>
      <c r="B16422" s="14" t="s">
        <v>1</v>
      </c>
      <c r="C16422" s="14" t="s">
        <v>41</v>
      </c>
      <c r="D16422" s="14" t="s">
        <v>118</v>
      </c>
      <c r="E16422" s="15">
        <v>45738</v>
      </c>
      <c r="F16422" s="14" t="s">
        <v>15</v>
      </c>
      <c r="G16422" s="16">
        <v>0.38913212132556441</v>
      </c>
    </row>
    <row r="16423" spans="1:7" x14ac:dyDescent="0.3">
      <c r="A16423" s="13" t="s">
        <v>117</v>
      </c>
      <c r="B16423" s="14" t="s">
        <v>1</v>
      </c>
      <c r="C16423" s="14" t="s">
        <v>41</v>
      </c>
      <c r="D16423" s="14" t="s">
        <v>118</v>
      </c>
      <c r="E16423" s="15">
        <v>45739</v>
      </c>
      <c r="F16423" s="14" t="s">
        <v>15</v>
      </c>
      <c r="G16423" s="16">
        <v>0.38913212132556441</v>
      </c>
    </row>
    <row r="16424" spans="1:7" x14ac:dyDescent="0.3">
      <c r="A16424" s="13" t="s">
        <v>117</v>
      </c>
      <c r="B16424" s="14" t="s">
        <v>1</v>
      </c>
      <c r="C16424" s="14" t="s">
        <v>41</v>
      </c>
      <c r="D16424" s="14" t="s">
        <v>118</v>
      </c>
      <c r="E16424" s="15">
        <v>45740</v>
      </c>
      <c r="F16424" s="14" t="s">
        <v>15</v>
      </c>
      <c r="G16424" s="16">
        <v>0.38055422135361566</v>
      </c>
    </row>
    <row r="16425" spans="1:7" x14ac:dyDescent="0.3">
      <c r="A16425" s="13" t="s">
        <v>117</v>
      </c>
      <c r="B16425" s="14" t="s">
        <v>1</v>
      </c>
      <c r="C16425" s="14" t="s">
        <v>41</v>
      </c>
      <c r="D16425" s="14" t="s">
        <v>118</v>
      </c>
      <c r="E16425" s="15">
        <v>45741</v>
      </c>
      <c r="F16425" s="14" t="s">
        <v>15</v>
      </c>
      <c r="G16425" s="16">
        <v>0.37507667688012503</v>
      </c>
    </row>
    <row r="16426" spans="1:7" x14ac:dyDescent="0.3">
      <c r="A16426" s="13" t="s">
        <v>117</v>
      </c>
      <c r="B16426" s="14" t="s">
        <v>1</v>
      </c>
      <c r="C16426" s="14" t="s">
        <v>41</v>
      </c>
      <c r="D16426" s="14" t="s">
        <v>118</v>
      </c>
      <c r="E16426" s="15">
        <v>45742</v>
      </c>
      <c r="F16426" s="14" t="s">
        <v>15</v>
      </c>
      <c r="G16426" s="16">
        <v>0.37085025841133867</v>
      </c>
    </row>
    <row r="16427" spans="1:7" x14ac:dyDescent="0.3">
      <c r="A16427" s="13" t="s">
        <v>117</v>
      </c>
      <c r="B16427" s="14" t="s">
        <v>1</v>
      </c>
      <c r="C16427" s="14" t="s">
        <v>41</v>
      </c>
      <c r="D16427" s="14" t="s">
        <v>118</v>
      </c>
      <c r="E16427" s="15">
        <v>45743</v>
      </c>
      <c r="F16427" s="14" t="s">
        <v>15</v>
      </c>
      <c r="G16427" s="16">
        <v>0.36796289790585357</v>
      </c>
    </row>
    <row r="16428" spans="1:7" x14ac:dyDescent="0.3">
      <c r="A16428" s="13" t="s">
        <v>117</v>
      </c>
      <c r="B16428" s="14" t="s">
        <v>1</v>
      </c>
      <c r="C16428" s="14" t="s">
        <v>41</v>
      </c>
      <c r="D16428" s="14" t="s">
        <v>118</v>
      </c>
      <c r="E16428" s="15">
        <v>45744</v>
      </c>
      <c r="F16428" s="14" t="s">
        <v>15</v>
      </c>
      <c r="G16428" s="16">
        <v>0.36838716519573445</v>
      </c>
    </row>
    <row r="16429" spans="1:7" x14ac:dyDescent="0.3">
      <c r="A16429" s="13" t="s">
        <v>117</v>
      </c>
      <c r="B16429" s="14" t="s">
        <v>1</v>
      </c>
      <c r="C16429" s="14" t="s">
        <v>41</v>
      </c>
      <c r="D16429" s="14" t="s">
        <v>118</v>
      </c>
      <c r="E16429" s="15">
        <v>45745</v>
      </c>
      <c r="F16429" s="14" t="s">
        <v>15</v>
      </c>
      <c r="G16429" s="16">
        <v>0.36838716519573445</v>
      </c>
    </row>
    <row r="16430" spans="1:7" x14ac:dyDescent="0.3">
      <c r="A16430" s="13" t="s">
        <v>117</v>
      </c>
      <c r="B16430" s="14" t="s">
        <v>1</v>
      </c>
      <c r="C16430" s="14" t="s">
        <v>41</v>
      </c>
      <c r="D16430" s="14" t="s">
        <v>118</v>
      </c>
      <c r="E16430" s="15">
        <v>45746</v>
      </c>
      <c r="F16430" s="14" t="s">
        <v>15</v>
      </c>
      <c r="G16430" s="16">
        <v>0.36838716519573445</v>
      </c>
    </row>
    <row r="16431" spans="1:7" x14ac:dyDescent="0.3">
      <c r="A16431" s="13" t="s">
        <v>117</v>
      </c>
      <c r="B16431" s="14" t="s">
        <v>1</v>
      </c>
      <c r="C16431" s="14" t="s">
        <v>41</v>
      </c>
      <c r="D16431" s="14" t="s">
        <v>118</v>
      </c>
      <c r="E16431" s="15">
        <v>45747</v>
      </c>
      <c r="F16431" s="14" t="s">
        <v>15</v>
      </c>
      <c r="G16431" s="16">
        <v>1.2948023139732314</v>
      </c>
    </row>
    <row r="16432" spans="1:7" x14ac:dyDescent="0.3">
      <c r="A16432" s="13" t="s">
        <v>119</v>
      </c>
      <c r="B16432" s="14" t="s">
        <v>1</v>
      </c>
      <c r="C16432" s="14" t="s">
        <v>96</v>
      </c>
      <c r="D16432" s="14" t="s">
        <v>120</v>
      </c>
      <c r="E16432" s="15">
        <v>45383</v>
      </c>
      <c r="F16432" s="14" t="s">
        <v>15</v>
      </c>
      <c r="G16432" s="16">
        <v>0</v>
      </c>
    </row>
    <row r="16433" spans="1:7" x14ac:dyDescent="0.3">
      <c r="A16433" s="13" t="s">
        <v>119</v>
      </c>
      <c r="B16433" s="14" t="s">
        <v>1</v>
      </c>
      <c r="C16433" s="14" t="s">
        <v>96</v>
      </c>
      <c r="D16433" s="14" t="s">
        <v>120</v>
      </c>
      <c r="E16433" s="15">
        <v>45384</v>
      </c>
      <c r="F16433" s="14" t="s">
        <v>15</v>
      </c>
      <c r="G16433" s="16">
        <v>0</v>
      </c>
    </row>
    <row r="16434" spans="1:7" x14ac:dyDescent="0.3">
      <c r="A16434" s="13" t="s">
        <v>119</v>
      </c>
      <c r="B16434" s="14" t="s">
        <v>1</v>
      </c>
      <c r="C16434" s="14" t="s">
        <v>96</v>
      </c>
      <c r="D16434" s="14" t="s">
        <v>120</v>
      </c>
      <c r="E16434" s="15">
        <v>45385</v>
      </c>
      <c r="F16434" s="14" t="s">
        <v>15</v>
      </c>
      <c r="G16434" s="16">
        <v>0</v>
      </c>
    </row>
    <row r="16435" spans="1:7" x14ac:dyDescent="0.3">
      <c r="A16435" s="13" t="s">
        <v>119</v>
      </c>
      <c r="B16435" s="14" t="s">
        <v>1</v>
      </c>
      <c r="C16435" s="14" t="s">
        <v>96</v>
      </c>
      <c r="D16435" s="14" t="s">
        <v>120</v>
      </c>
      <c r="E16435" s="15">
        <v>45386</v>
      </c>
      <c r="F16435" s="14" t="s">
        <v>15</v>
      </c>
      <c r="G16435" s="16">
        <v>0</v>
      </c>
    </row>
    <row r="16436" spans="1:7" x14ac:dyDescent="0.3">
      <c r="A16436" s="13" t="s">
        <v>119</v>
      </c>
      <c r="B16436" s="14" t="s">
        <v>1</v>
      </c>
      <c r="C16436" s="14" t="s">
        <v>96</v>
      </c>
      <c r="D16436" s="14" t="s">
        <v>120</v>
      </c>
      <c r="E16436" s="15">
        <v>45387</v>
      </c>
      <c r="F16436" s="14" t="s">
        <v>15</v>
      </c>
      <c r="G16436" s="16">
        <v>0</v>
      </c>
    </row>
    <row r="16437" spans="1:7" x14ac:dyDescent="0.3">
      <c r="A16437" s="13" t="s">
        <v>119</v>
      </c>
      <c r="B16437" s="14" t="s">
        <v>1</v>
      </c>
      <c r="C16437" s="14" t="s">
        <v>96</v>
      </c>
      <c r="D16437" s="14" t="s">
        <v>120</v>
      </c>
      <c r="E16437" s="15">
        <v>45388</v>
      </c>
      <c r="F16437" s="14" t="s">
        <v>15</v>
      </c>
      <c r="G16437" s="16">
        <v>0</v>
      </c>
    </row>
    <row r="16438" spans="1:7" x14ac:dyDescent="0.3">
      <c r="A16438" s="13" t="s">
        <v>119</v>
      </c>
      <c r="B16438" s="14" t="s">
        <v>1</v>
      </c>
      <c r="C16438" s="14" t="s">
        <v>96</v>
      </c>
      <c r="D16438" s="14" t="s">
        <v>120</v>
      </c>
      <c r="E16438" s="15">
        <v>45389</v>
      </c>
      <c r="F16438" s="14" t="s">
        <v>15</v>
      </c>
      <c r="G16438" s="16">
        <v>0</v>
      </c>
    </row>
    <row r="16439" spans="1:7" x14ac:dyDescent="0.3">
      <c r="A16439" s="13" t="s">
        <v>119</v>
      </c>
      <c r="B16439" s="14" t="s">
        <v>1</v>
      </c>
      <c r="C16439" s="14" t="s">
        <v>96</v>
      </c>
      <c r="D16439" s="14" t="s">
        <v>120</v>
      </c>
      <c r="E16439" s="15">
        <v>45390</v>
      </c>
      <c r="F16439" s="14" t="s">
        <v>15</v>
      </c>
      <c r="G16439" s="16">
        <v>0</v>
      </c>
    </row>
    <row r="16440" spans="1:7" x14ac:dyDescent="0.3">
      <c r="A16440" s="13" t="s">
        <v>119</v>
      </c>
      <c r="B16440" s="14" t="s">
        <v>1</v>
      </c>
      <c r="C16440" s="14" t="s">
        <v>96</v>
      </c>
      <c r="D16440" s="14" t="s">
        <v>120</v>
      </c>
      <c r="E16440" s="15">
        <v>45391</v>
      </c>
      <c r="F16440" s="14" t="s">
        <v>15</v>
      </c>
      <c r="G16440" s="16">
        <v>0</v>
      </c>
    </row>
    <row r="16441" spans="1:7" x14ac:dyDescent="0.3">
      <c r="A16441" s="13" t="s">
        <v>119</v>
      </c>
      <c r="B16441" s="14" t="s">
        <v>1</v>
      </c>
      <c r="C16441" s="14" t="s">
        <v>96</v>
      </c>
      <c r="D16441" s="14" t="s">
        <v>120</v>
      </c>
      <c r="E16441" s="15">
        <v>45392</v>
      </c>
      <c r="F16441" s="14" t="s">
        <v>15</v>
      </c>
      <c r="G16441" s="16">
        <v>0</v>
      </c>
    </row>
    <row r="16442" spans="1:7" x14ac:dyDescent="0.3">
      <c r="A16442" s="13" t="s">
        <v>119</v>
      </c>
      <c r="B16442" s="14" t="s">
        <v>1</v>
      </c>
      <c r="C16442" s="14" t="s">
        <v>96</v>
      </c>
      <c r="D16442" s="14" t="s">
        <v>120</v>
      </c>
      <c r="E16442" s="15">
        <v>45393</v>
      </c>
      <c r="F16442" s="14" t="s">
        <v>15</v>
      </c>
      <c r="G16442" s="16">
        <v>0</v>
      </c>
    </row>
    <row r="16443" spans="1:7" x14ac:dyDescent="0.3">
      <c r="A16443" s="13" t="s">
        <v>119</v>
      </c>
      <c r="B16443" s="14" t="s">
        <v>1</v>
      </c>
      <c r="C16443" s="14" t="s">
        <v>96</v>
      </c>
      <c r="D16443" s="14" t="s">
        <v>120</v>
      </c>
      <c r="E16443" s="15">
        <v>45394</v>
      </c>
      <c r="F16443" s="14" t="s">
        <v>15</v>
      </c>
      <c r="G16443" s="16">
        <v>0</v>
      </c>
    </row>
    <row r="16444" spans="1:7" x14ac:dyDescent="0.3">
      <c r="A16444" s="13" t="s">
        <v>119</v>
      </c>
      <c r="B16444" s="14" t="s">
        <v>1</v>
      </c>
      <c r="C16444" s="14" t="s">
        <v>96</v>
      </c>
      <c r="D16444" s="14" t="s">
        <v>120</v>
      </c>
      <c r="E16444" s="15">
        <v>45395</v>
      </c>
      <c r="F16444" s="14" t="s">
        <v>15</v>
      </c>
      <c r="G16444" s="16">
        <v>0</v>
      </c>
    </row>
    <row r="16445" spans="1:7" x14ac:dyDescent="0.3">
      <c r="A16445" s="13" t="s">
        <v>119</v>
      </c>
      <c r="B16445" s="14" t="s">
        <v>1</v>
      </c>
      <c r="C16445" s="14" t="s">
        <v>96</v>
      </c>
      <c r="D16445" s="14" t="s">
        <v>120</v>
      </c>
      <c r="E16445" s="15">
        <v>45396</v>
      </c>
      <c r="F16445" s="14" t="s">
        <v>15</v>
      </c>
      <c r="G16445" s="16">
        <v>0</v>
      </c>
    </row>
    <row r="16446" spans="1:7" x14ac:dyDescent="0.3">
      <c r="A16446" s="13" t="s">
        <v>119</v>
      </c>
      <c r="B16446" s="14" t="s">
        <v>1</v>
      </c>
      <c r="C16446" s="14" t="s">
        <v>96</v>
      </c>
      <c r="D16446" s="14" t="s">
        <v>120</v>
      </c>
      <c r="E16446" s="15">
        <v>45397</v>
      </c>
      <c r="F16446" s="14" t="s">
        <v>15</v>
      </c>
      <c r="G16446" s="16">
        <v>0</v>
      </c>
    </row>
    <row r="16447" spans="1:7" x14ac:dyDescent="0.3">
      <c r="A16447" s="13" t="s">
        <v>119</v>
      </c>
      <c r="B16447" s="14" t="s">
        <v>1</v>
      </c>
      <c r="C16447" s="14" t="s">
        <v>96</v>
      </c>
      <c r="D16447" s="14" t="s">
        <v>120</v>
      </c>
      <c r="E16447" s="15">
        <v>45398</v>
      </c>
      <c r="F16447" s="14" t="s">
        <v>15</v>
      </c>
      <c r="G16447" s="16">
        <v>0</v>
      </c>
    </row>
    <row r="16448" spans="1:7" x14ac:dyDescent="0.3">
      <c r="A16448" s="13" t="s">
        <v>119</v>
      </c>
      <c r="B16448" s="14" t="s">
        <v>1</v>
      </c>
      <c r="C16448" s="14" t="s">
        <v>96</v>
      </c>
      <c r="D16448" s="14" t="s">
        <v>120</v>
      </c>
      <c r="E16448" s="15">
        <v>45399</v>
      </c>
      <c r="F16448" s="14" t="s">
        <v>15</v>
      </c>
      <c r="G16448" s="16">
        <v>0</v>
      </c>
    </row>
    <row r="16449" spans="1:7" x14ac:dyDescent="0.3">
      <c r="A16449" s="13" t="s">
        <v>119</v>
      </c>
      <c r="B16449" s="14" t="s">
        <v>1</v>
      </c>
      <c r="C16449" s="14" t="s">
        <v>96</v>
      </c>
      <c r="D16449" s="14" t="s">
        <v>120</v>
      </c>
      <c r="E16449" s="15">
        <v>45400</v>
      </c>
      <c r="F16449" s="14" t="s">
        <v>15</v>
      </c>
      <c r="G16449" s="16">
        <v>0</v>
      </c>
    </row>
    <row r="16450" spans="1:7" x14ac:dyDescent="0.3">
      <c r="A16450" s="13" t="s">
        <v>119</v>
      </c>
      <c r="B16450" s="14" t="s">
        <v>1</v>
      </c>
      <c r="C16450" s="14" t="s">
        <v>96</v>
      </c>
      <c r="D16450" s="14" t="s">
        <v>120</v>
      </c>
      <c r="E16450" s="15">
        <v>45401</v>
      </c>
      <c r="F16450" s="14" t="s">
        <v>15</v>
      </c>
      <c r="G16450" s="16">
        <v>0</v>
      </c>
    </row>
    <row r="16451" spans="1:7" x14ac:dyDescent="0.3">
      <c r="A16451" s="13" t="s">
        <v>119</v>
      </c>
      <c r="B16451" s="14" t="s">
        <v>1</v>
      </c>
      <c r="C16451" s="14" t="s">
        <v>96</v>
      </c>
      <c r="D16451" s="14" t="s">
        <v>120</v>
      </c>
      <c r="E16451" s="15">
        <v>45402</v>
      </c>
      <c r="F16451" s="14" t="s">
        <v>15</v>
      </c>
      <c r="G16451" s="16">
        <v>0</v>
      </c>
    </row>
    <row r="16452" spans="1:7" x14ac:dyDescent="0.3">
      <c r="A16452" s="13" t="s">
        <v>119</v>
      </c>
      <c r="B16452" s="14" t="s">
        <v>1</v>
      </c>
      <c r="C16452" s="14" t="s">
        <v>96</v>
      </c>
      <c r="D16452" s="14" t="s">
        <v>120</v>
      </c>
      <c r="E16452" s="15">
        <v>45403</v>
      </c>
      <c r="F16452" s="14" t="s">
        <v>15</v>
      </c>
      <c r="G16452" s="16">
        <v>0</v>
      </c>
    </row>
    <row r="16453" spans="1:7" x14ac:dyDescent="0.3">
      <c r="A16453" s="13" t="s">
        <v>119</v>
      </c>
      <c r="B16453" s="14" t="s">
        <v>1</v>
      </c>
      <c r="C16453" s="14" t="s">
        <v>96</v>
      </c>
      <c r="D16453" s="14" t="s">
        <v>120</v>
      </c>
      <c r="E16453" s="15">
        <v>45404</v>
      </c>
      <c r="F16453" s="14" t="s">
        <v>15</v>
      </c>
      <c r="G16453" s="16">
        <v>0</v>
      </c>
    </row>
    <row r="16454" spans="1:7" x14ac:dyDescent="0.3">
      <c r="A16454" s="13" t="s">
        <v>119</v>
      </c>
      <c r="B16454" s="14" t="s">
        <v>1</v>
      </c>
      <c r="C16454" s="14" t="s">
        <v>96</v>
      </c>
      <c r="D16454" s="14" t="s">
        <v>120</v>
      </c>
      <c r="E16454" s="15">
        <v>45405</v>
      </c>
      <c r="F16454" s="14" t="s">
        <v>15</v>
      </c>
      <c r="G16454" s="16">
        <v>0</v>
      </c>
    </row>
    <row r="16455" spans="1:7" x14ac:dyDescent="0.3">
      <c r="A16455" s="13" t="s">
        <v>119</v>
      </c>
      <c r="B16455" s="14" t="s">
        <v>1</v>
      </c>
      <c r="C16455" s="14" t="s">
        <v>96</v>
      </c>
      <c r="D16455" s="14" t="s">
        <v>120</v>
      </c>
      <c r="E16455" s="15">
        <v>45406</v>
      </c>
      <c r="F16455" s="14" t="s">
        <v>15</v>
      </c>
      <c r="G16455" s="16">
        <v>0</v>
      </c>
    </row>
    <row r="16456" spans="1:7" x14ac:dyDescent="0.3">
      <c r="A16456" s="13" t="s">
        <v>119</v>
      </c>
      <c r="B16456" s="14" t="s">
        <v>1</v>
      </c>
      <c r="C16456" s="14" t="s">
        <v>96</v>
      </c>
      <c r="D16456" s="14" t="s">
        <v>120</v>
      </c>
      <c r="E16456" s="15">
        <v>45407</v>
      </c>
      <c r="F16456" s="14" t="s">
        <v>15</v>
      </c>
      <c r="G16456" s="16">
        <v>0</v>
      </c>
    </row>
    <row r="16457" spans="1:7" x14ac:dyDescent="0.3">
      <c r="A16457" s="13" t="s">
        <v>119</v>
      </c>
      <c r="B16457" s="14" t="s">
        <v>1</v>
      </c>
      <c r="C16457" s="14" t="s">
        <v>96</v>
      </c>
      <c r="D16457" s="14" t="s">
        <v>120</v>
      </c>
      <c r="E16457" s="15">
        <v>45408</v>
      </c>
      <c r="F16457" s="14" t="s">
        <v>15</v>
      </c>
      <c r="G16457" s="16">
        <v>0</v>
      </c>
    </row>
    <row r="16458" spans="1:7" x14ac:dyDescent="0.3">
      <c r="A16458" s="13" t="s">
        <v>119</v>
      </c>
      <c r="B16458" s="14" t="s">
        <v>1</v>
      </c>
      <c r="C16458" s="14" t="s">
        <v>96</v>
      </c>
      <c r="D16458" s="14" t="s">
        <v>120</v>
      </c>
      <c r="E16458" s="15">
        <v>45409</v>
      </c>
      <c r="F16458" s="14" t="s">
        <v>15</v>
      </c>
      <c r="G16458" s="16">
        <v>0</v>
      </c>
    </row>
    <row r="16459" spans="1:7" x14ac:dyDescent="0.3">
      <c r="A16459" s="13" t="s">
        <v>119</v>
      </c>
      <c r="B16459" s="14" t="s">
        <v>1</v>
      </c>
      <c r="C16459" s="14" t="s">
        <v>96</v>
      </c>
      <c r="D16459" s="14" t="s">
        <v>120</v>
      </c>
      <c r="E16459" s="15">
        <v>45410</v>
      </c>
      <c r="F16459" s="14" t="s">
        <v>15</v>
      </c>
      <c r="G16459" s="16">
        <v>0</v>
      </c>
    </row>
    <row r="16460" spans="1:7" x14ac:dyDescent="0.3">
      <c r="A16460" s="13" t="s">
        <v>119</v>
      </c>
      <c r="B16460" s="14" t="s">
        <v>1</v>
      </c>
      <c r="C16460" s="14" t="s">
        <v>96</v>
      </c>
      <c r="D16460" s="14" t="s">
        <v>120</v>
      </c>
      <c r="E16460" s="15">
        <v>45411</v>
      </c>
      <c r="F16460" s="14" t="s">
        <v>15</v>
      </c>
      <c r="G16460" s="16">
        <v>0</v>
      </c>
    </row>
    <row r="16461" spans="1:7" x14ac:dyDescent="0.3">
      <c r="A16461" s="13" t="s">
        <v>119</v>
      </c>
      <c r="B16461" s="14" t="s">
        <v>1</v>
      </c>
      <c r="C16461" s="14" t="s">
        <v>96</v>
      </c>
      <c r="D16461" s="14" t="s">
        <v>120</v>
      </c>
      <c r="E16461" s="15">
        <v>45412</v>
      </c>
      <c r="F16461" s="14" t="s">
        <v>15</v>
      </c>
      <c r="G16461" s="16">
        <v>0</v>
      </c>
    </row>
    <row r="16462" spans="1:7" x14ac:dyDescent="0.3">
      <c r="A16462" s="13" t="s">
        <v>119</v>
      </c>
      <c r="B16462" s="14" t="s">
        <v>1</v>
      </c>
      <c r="C16462" s="14" t="s">
        <v>96</v>
      </c>
      <c r="D16462" s="14" t="s">
        <v>120</v>
      </c>
      <c r="E16462" s="15">
        <v>45413</v>
      </c>
      <c r="F16462" s="14" t="s">
        <v>15</v>
      </c>
      <c r="G16462" s="16">
        <v>0</v>
      </c>
    </row>
    <row r="16463" spans="1:7" x14ac:dyDescent="0.3">
      <c r="A16463" s="13" t="s">
        <v>119</v>
      </c>
      <c r="B16463" s="14" t="s">
        <v>1</v>
      </c>
      <c r="C16463" s="14" t="s">
        <v>96</v>
      </c>
      <c r="D16463" s="14" t="s">
        <v>120</v>
      </c>
      <c r="E16463" s="15">
        <v>45414</v>
      </c>
      <c r="F16463" s="14" t="s">
        <v>15</v>
      </c>
      <c r="G16463" s="16">
        <v>0</v>
      </c>
    </row>
    <row r="16464" spans="1:7" x14ac:dyDescent="0.3">
      <c r="A16464" s="13" t="s">
        <v>119</v>
      </c>
      <c r="B16464" s="14" t="s">
        <v>1</v>
      </c>
      <c r="C16464" s="14" t="s">
        <v>96</v>
      </c>
      <c r="D16464" s="14" t="s">
        <v>120</v>
      </c>
      <c r="E16464" s="15">
        <v>45415</v>
      </c>
      <c r="F16464" s="14" t="s">
        <v>15</v>
      </c>
      <c r="G16464" s="16">
        <v>0</v>
      </c>
    </row>
    <row r="16465" spans="1:7" x14ac:dyDescent="0.3">
      <c r="A16465" s="13" t="s">
        <v>119</v>
      </c>
      <c r="B16465" s="14" t="s">
        <v>1</v>
      </c>
      <c r="C16465" s="14" t="s">
        <v>96</v>
      </c>
      <c r="D16465" s="14" t="s">
        <v>120</v>
      </c>
      <c r="E16465" s="15">
        <v>45416</v>
      </c>
      <c r="F16465" s="14" t="s">
        <v>15</v>
      </c>
      <c r="G16465" s="16">
        <v>0</v>
      </c>
    </row>
    <row r="16466" spans="1:7" x14ac:dyDescent="0.3">
      <c r="A16466" s="13" t="s">
        <v>119</v>
      </c>
      <c r="B16466" s="14" t="s">
        <v>1</v>
      </c>
      <c r="C16466" s="14" t="s">
        <v>96</v>
      </c>
      <c r="D16466" s="14" t="s">
        <v>120</v>
      </c>
      <c r="E16466" s="15">
        <v>45417</v>
      </c>
      <c r="F16466" s="14" t="s">
        <v>15</v>
      </c>
      <c r="G16466" s="16">
        <v>0</v>
      </c>
    </row>
    <row r="16467" spans="1:7" x14ac:dyDescent="0.3">
      <c r="A16467" s="13" t="s">
        <v>119</v>
      </c>
      <c r="B16467" s="14" t="s">
        <v>1</v>
      </c>
      <c r="C16467" s="14" t="s">
        <v>96</v>
      </c>
      <c r="D16467" s="14" t="s">
        <v>120</v>
      </c>
      <c r="E16467" s="15">
        <v>45418</v>
      </c>
      <c r="F16467" s="14" t="s">
        <v>15</v>
      </c>
      <c r="G16467" s="16">
        <v>0</v>
      </c>
    </row>
    <row r="16468" spans="1:7" x14ac:dyDescent="0.3">
      <c r="A16468" s="13" t="s">
        <v>119</v>
      </c>
      <c r="B16468" s="14" t="s">
        <v>1</v>
      </c>
      <c r="C16468" s="14" t="s">
        <v>96</v>
      </c>
      <c r="D16468" s="14" t="s">
        <v>120</v>
      </c>
      <c r="E16468" s="15">
        <v>45419</v>
      </c>
      <c r="F16468" s="14" t="s">
        <v>15</v>
      </c>
      <c r="G16468" s="16">
        <v>0</v>
      </c>
    </row>
    <row r="16469" spans="1:7" x14ac:dyDescent="0.3">
      <c r="A16469" s="13" t="s">
        <v>119</v>
      </c>
      <c r="B16469" s="14" t="s">
        <v>1</v>
      </c>
      <c r="C16469" s="14" t="s">
        <v>96</v>
      </c>
      <c r="D16469" s="14" t="s">
        <v>120</v>
      </c>
      <c r="E16469" s="15">
        <v>45420</v>
      </c>
      <c r="F16469" s="14" t="s">
        <v>15</v>
      </c>
      <c r="G16469" s="16">
        <v>0</v>
      </c>
    </row>
    <row r="16470" spans="1:7" x14ac:dyDescent="0.3">
      <c r="A16470" s="13" t="s">
        <v>119</v>
      </c>
      <c r="B16470" s="14" t="s">
        <v>1</v>
      </c>
      <c r="C16470" s="14" t="s">
        <v>96</v>
      </c>
      <c r="D16470" s="14" t="s">
        <v>120</v>
      </c>
      <c r="E16470" s="15">
        <v>45421</v>
      </c>
      <c r="F16470" s="14" t="s">
        <v>15</v>
      </c>
      <c r="G16470" s="16">
        <v>0</v>
      </c>
    </row>
    <row r="16471" spans="1:7" x14ac:dyDescent="0.3">
      <c r="A16471" s="13" t="s">
        <v>119</v>
      </c>
      <c r="B16471" s="14" t="s">
        <v>1</v>
      </c>
      <c r="C16471" s="14" t="s">
        <v>96</v>
      </c>
      <c r="D16471" s="14" t="s">
        <v>120</v>
      </c>
      <c r="E16471" s="15">
        <v>45422</v>
      </c>
      <c r="F16471" s="14" t="s">
        <v>15</v>
      </c>
      <c r="G16471" s="16">
        <v>0</v>
      </c>
    </row>
    <row r="16472" spans="1:7" x14ac:dyDescent="0.3">
      <c r="A16472" s="13" t="s">
        <v>119</v>
      </c>
      <c r="B16472" s="14" t="s">
        <v>1</v>
      </c>
      <c r="C16472" s="14" t="s">
        <v>96</v>
      </c>
      <c r="D16472" s="14" t="s">
        <v>120</v>
      </c>
      <c r="E16472" s="15">
        <v>45423</v>
      </c>
      <c r="F16472" s="14" t="s">
        <v>15</v>
      </c>
      <c r="G16472" s="16">
        <v>0</v>
      </c>
    </row>
    <row r="16473" spans="1:7" x14ac:dyDescent="0.3">
      <c r="A16473" s="13" t="s">
        <v>119</v>
      </c>
      <c r="B16473" s="14" t="s">
        <v>1</v>
      </c>
      <c r="C16473" s="14" t="s">
        <v>96</v>
      </c>
      <c r="D16473" s="14" t="s">
        <v>120</v>
      </c>
      <c r="E16473" s="15">
        <v>45424</v>
      </c>
      <c r="F16473" s="14" t="s">
        <v>15</v>
      </c>
      <c r="G16473" s="16">
        <v>0</v>
      </c>
    </row>
    <row r="16474" spans="1:7" x14ac:dyDescent="0.3">
      <c r="A16474" s="13" t="s">
        <v>119</v>
      </c>
      <c r="B16474" s="14" t="s">
        <v>1</v>
      </c>
      <c r="C16474" s="14" t="s">
        <v>96</v>
      </c>
      <c r="D16474" s="14" t="s">
        <v>120</v>
      </c>
      <c r="E16474" s="15">
        <v>45425</v>
      </c>
      <c r="F16474" s="14" t="s">
        <v>15</v>
      </c>
      <c r="G16474" s="16">
        <v>0</v>
      </c>
    </row>
    <row r="16475" spans="1:7" x14ac:dyDescent="0.3">
      <c r="A16475" s="13" t="s">
        <v>119</v>
      </c>
      <c r="B16475" s="14" t="s">
        <v>1</v>
      </c>
      <c r="C16475" s="14" t="s">
        <v>96</v>
      </c>
      <c r="D16475" s="14" t="s">
        <v>120</v>
      </c>
      <c r="E16475" s="15">
        <v>45426</v>
      </c>
      <c r="F16475" s="14" t="s">
        <v>15</v>
      </c>
      <c r="G16475" s="16">
        <v>0</v>
      </c>
    </row>
    <row r="16476" spans="1:7" x14ac:dyDescent="0.3">
      <c r="A16476" s="13" t="s">
        <v>119</v>
      </c>
      <c r="B16476" s="14" t="s">
        <v>1</v>
      </c>
      <c r="C16476" s="14" t="s">
        <v>96</v>
      </c>
      <c r="D16476" s="14" t="s">
        <v>120</v>
      </c>
      <c r="E16476" s="15">
        <v>45427</v>
      </c>
      <c r="F16476" s="14" t="s">
        <v>15</v>
      </c>
      <c r="G16476" s="16">
        <v>0</v>
      </c>
    </row>
    <row r="16477" spans="1:7" x14ac:dyDescent="0.3">
      <c r="A16477" s="13" t="s">
        <v>119</v>
      </c>
      <c r="B16477" s="14" t="s">
        <v>1</v>
      </c>
      <c r="C16477" s="14" t="s">
        <v>96</v>
      </c>
      <c r="D16477" s="14" t="s">
        <v>120</v>
      </c>
      <c r="E16477" s="15">
        <v>45428</v>
      </c>
      <c r="F16477" s="14" t="s">
        <v>15</v>
      </c>
      <c r="G16477" s="16">
        <v>0</v>
      </c>
    </row>
    <row r="16478" spans="1:7" x14ac:dyDescent="0.3">
      <c r="A16478" s="13" t="s">
        <v>119</v>
      </c>
      <c r="B16478" s="14" t="s">
        <v>1</v>
      </c>
      <c r="C16478" s="14" t="s">
        <v>96</v>
      </c>
      <c r="D16478" s="14" t="s">
        <v>120</v>
      </c>
      <c r="E16478" s="15">
        <v>45429</v>
      </c>
      <c r="F16478" s="14" t="s">
        <v>15</v>
      </c>
      <c r="G16478" s="16">
        <v>0</v>
      </c>
    </row>
    <row r="16479" spans="1:7" x14ac:dyDescent="0.3">
      <c r="A16479" s="13" t="s">
        <v>119</v>
      </c>
      <c r="B16479" s="14" t="s">
        <v>1</v>
      </c>
      <c r="C16479" s="14" t="s">
        <v>96</v>
      </c>
      <c r="D16479" s="14" t="s">
        <v>120</v>
      </c>
      <c r="E16479" s="15">
        <v>45430</v>
      </c>
      <c r="F16479" s="14" t="s">
        <v>15</v>
      </c>
      <c r="G16479" s="16">
        <v>0</v>
      </c>
    </row>
    <row r="16480" spans="1:7" x14ac:dyDescent="0.3">
      <c r="A16480" s="13" t="s">
        <v>119</v>
      </c>
      <c r="B16480" s="14" t="s">
        <v>1</v>
      </c>
      <c r="C16480" s="14" t="s">
        <v>96</v>
      </c>
      <c r="D16480" s="14" t="s">
        <v>120</v>
      </c>
      <c r="E16480" s="15">
        <v>45431</v>
      </c>
      <c r="F16480" s="14" t="s">
        <v>15</v>
      </c>
      <c r="G16480" s="16">
        <v>0</v>
      </c>
    </row>
    <row r="16481" spans="1:7" x14ac:dyDescent="0.3">
      <c r="A16481" s="13" t="s">
        <v>119</v>
      </c>
      <c r="B16481" s="14" t="s">
        <v>1</v>
      </c>
      <c r="C16481" s="14" t="s">
        <v>96</v>
      </c>
      <c r="D16481" s="14" t="s">
        <v>120</v>
      </c>
      <c r="E16481" s="15">
        <v>45432</v>
      </c>
      <c r="F16481" s="14" t="s">
        <v>15</v>
      </c>
      <c r="G16481" s="16">
        <v>0</v>
      </c>
    </row>
    <row r="16482" spans="1:7" x14ac:dyDescent="0.3">
      <c r="A16482" s="13" t="s">
        <v>119</v>
      </c>
      <c r="B16482" s="14" t="s">
        <v>1</v>
      </c>
      <c r="C16482" s="14" t="s">
        <v>96</v>
      </c>
      <c r="D16482" s="14" t="s">
        <v>120</v>
      </c>
      <c r="E16482" s="15">
        <v>45433</v>
      </c>
      <c r="F16482" s="14" t="s">
        <v>15</v>
      </c>
      <c r="G16482" s="16">
        <v>0</v>
      </c>
    </row>
    <row r="16483" spans="1:7" x14ac:dyDescent="0.3">
      <c r="A16483" s="13" t="s">
        <v>119</v>
      </c>
      <c r="B16483" s="14" t="s">
        <v>1</v>
      </c>
      <c r="C16483" s="14" t="s">
        <v>96</v>
      </c>
      <c r="D16483" s="14" t="s">
        <v>120</v>
      </c>
      <c r="E16483" s="15">
        <v>45434</v>
      </c>
      <c r="F16483" s="14" t="s">
        <v>15</v>
      </c>
      <c r="G16483" s="16">
        <v>0</v>
      </c>
    </row>
    <row r="16484" spans="1:7" x14ac:dyDescent="0.3">
      <c r="A16484" s="13" t="s">
        <v>119</v>
      </c>
      <c r="B16484" s="14" t="s">
        <v>1</v>
      </c>
      <c r="C16484" s="14" t="s">
        <v>96</v>
      </c>
      <c r="D16484" s="14" t="s">
        <v>120</v>
      </c>
      <c r="E16484" s="15">
        <v>45435</v>
      </c>
      <c r="F16484" s="14" t="s">
        <v>15</v>
      </c>
      <c r="G16484" s="16">
        <v>0</v>
      </c>
    </row>
    <row r="16485" spans="1:7" x14ac:dyDescent="0.3">
      <c r="A16485" s="13" t="s">
        <v>119</v>
      </c>
      <c r="B16485" s="14" t="s">
        <v>1</v>
      </c>
      <c r="C16485" s="14" t="s">
        <v>96</v>
      </c>
      <c r="D16485" s="14" t="s">
        <v>120</v>
      </c>
      <c r="E16485" s="15">
        <v>45436</v>
      </c>
      <c r="F16485" s="14" t="s">
        <v>15</v>
      </c>
      <c r="G16485" s="16">
        <v>0</v>
      </c>
    </row>
    <row r="16486" spans="1:7" x14ac:dyDescent="0.3">
      <c r="A16486" s="13" t="s">
        <v>119</v>
      </c>
      <c r="B16486" s="14" t="s">
        <v>1</v>
      </c>
      <c r="C16486" s="14" t="s">
        <v>96</v>
      </c>
      <c r="D16486" s="14" t="s">
        <v>120</v>
      </c>
      <c r="E16486" s="15">
        <v>45437</v>
      </c>
      <c r="F16486" s="14" t="s">
        <v>15</v>
      </c>
      <c r="G16486" s="16">
        <v>0</v>
      </c>
    </row>
    <row r="16487" spans="1:7" x14ac:dyDescent="0.3">
      <c r="A16487" s="13" t="s">
        <v>119</v>
      </c>
      <c r="B16487" s="14" t="s">
        <v>1</v>
      </c>
      <c r="C16487" s="14" t="s">
        <v>96</v>
      </c>
      <c r="D16487" s="14" t="s">
        <v>120</v>
      </c>
      <c r="E16487" s="15">
        <v>45438</v>
      </c>
      <c r="F16487" s="14" t="s">
        <v>15</v>
      </c>
      <c r="G16487" s="16">
        <v>0</v>
      </c>
    </row>
    <row r="16488" spans="1:7" x14ac:dyDescent="0.3">
      <c r="A16488" s="13" t="s">
        <v>119</v>
      </c>
      <c r="B16488" s="14" t="s">
        <v>1</v>
      </c>
      <c r="C16488" s="14" t="s">
        <v>96</v>
      </c>
      <c r="D16488" s="14" t="s">
        <v>120</v>
      </c>
      <c r="E16488" s="15">
        <v>45439</v>
      </c>
      <c r="F16488" s="14" t="s">
        <v>15</v>
      </c>
      <c r="G16488" s="16">
        <v>0</v>
      </c>
    </row>
    <row r="16489" spans="1:7" x14ac:dyDescent="0.3">
      <c r="A16489" s="13" t="s">
        <v>119</v>
      </c>
      <c r="B16489" s="14" t="s">
        <v>1</v>
      </c>
      <c r="C16489" s="14" t="s">
        <v>96</v>
      </c>
      <c r="D16489" s="14" t="s">
        <v>120</v>
      </c>
      <c r="E16489" s="15">
        <v>45440</v>
      </c>
      <c r="F16489" s="14" t="s">
        <v>15</v>
      </c>
      <c r="G16489" s="16">
        <v>0</v>
      </c>
    </row>
    <row r="16490" spans="1:7" x14ac:dyDescent="0.3">
      <c r="A16490" s="13" t="s">
        <v>119</v>
      </c>
      <c r="B16490" s="14" t="s">
        <v>1</v>
      </c>
      <c r="C16490" s="14" t="s">
        <v>96</v>
      </c>
      <c r="D16490" s="14" t="s">
        <v>120</v>
      </c>
      <c r="E16490" s="15">
        <v>45441</v>
      </c>
      <c r="F16490" s="14" t="s">
        <v>15</v>
      </c>
      <c r="G16490" s="16">
        <v>0</v>
      </c>
    </row>
    <row r="16491" spans="1:7" x14ac:dyDescent="0.3">
      <c r="A16491" s="13" t="s">
        <v>119</v>
      </c>
      <c r="B16491" s="14" t="s">
        <v>1</v>
      </c>
      <c r="C16491" s="14" t="s">
        <v>96</v>
      </c>
      <c r="D16491" s="14" t="s">
        <v>120</v>
      </c>
      <c r="E16491" s="15">
        <v>45442</v>
      </c>
      <c r="F16491" s="14" t="s">
        <v>15</v>
      </c>
      <c r="G16491" s="16">
        <v>0</v>
      </c>
    </row>
    <row r="16492" spans="1:7" x14ac:dyDescent="0.3">
      <c r="A16492" s="13" t="s">
        <v>119</v>
      </c>
      <c r="B16492" s="14" t="s">
        <v>1</v>
      </c>
      <c r="C16492" s="14" t="s">
        <v>96</v>
      </c>
      <c r="D16492" s="14" t="s">
        <v>120</v>
      </c>
      <c r="E16492" s="15">
        <v>45443</v>
      </c>
      <c r="F16492" s="14" t="s">
        <v>15</v>
      </c>
      <c r="G16492" s="16">
        <v>0</v>
      </c>
    </row>
    <row r="16493" spans="1:7" x14ac:dyDescent="0.3">
      <c r="A16493" s="13" t="s">
        <v>119</v>
      </c>
      <c r="B16493" s="14" t="s">
        <v>1</v>
      </c>
      <c r="C16493" s="14" t="s">
        <v>96</v>
      </c>
      <c r="D16493" s="14" t="s">
        <v>120</v>
      </c>
      <c r="E16493" s="15">
        <v>45444</v>
      </c>
      <c r="F16493" s="14" t="s">
        <v>15</v>
      </c>
      <c r="G16493" s="16">
        <v>0</v>
      </c>
    </row>
    <row r="16494" spans="1:7" x14ac:dyDescent="0.3">
      <c r="A16494" s="13" t="s">
        <v>119</v>
      </c>
      <c r="B16494" s="14" t="s">
        <v>1</v>
      </c>
      <c r="C16494" s="14" t="s">
        <v>96</v>
      </c>
      <c r="D16494" s="14" t="s">
        <v>120</v>
      </c>
      <c r="E16494" s="15">
        <v>45445</v>
      </c>
      <c r="F16494" s="14" t="s">
        <v>15</v>
      </c>
      <c r="G16494" s="16">
        <v>0</v>
      </c>
    </row>
    <row r="16495" spans="1:7" x14ac:dyDescent="0.3">
      <c r="A16495" s="13" t="s">
        <v>119</v>
      </c>
      <c r="B16495" s="14" t="s">
        <v>1</v>
      </c>
      <c r="C16495" s="14" t="s">
        <v>96</v>
      </c>
      <c r="D16495" s="14" t="s">
        <v>120</v>
      </c>
      <c r="E16495" s="15">
        <v>45446</v>
      </c>
      <c r="F16495" s="14" t="s">
        <v>15</v>
      </c>
      <c r="G16495" s="16">
        <v>0</v>
      </c>
    </row>
    <row r="16496" spans="1:7" x14ac:dyDescent="0.3">
      <c r="A16496" s="13" t="s">
        <v>119</v>
      </c>
      <c r="B16496" s="14" t="s">
        <v>1</v>
      </c>
      <c r="C16496" s="14" t="s">
        <v>96</v>
      </c>
      <c r="D16496" s="14" t="s">
        <v>120</v>
      </c>
      <c r="E16496" s="15">
        <v>45447</v>
      </c>
      <c r="F16496" s="14" t="s">
        <v>15</v>
      </c>
      <c r="G16496" s="16">
        <v>0</v>
      </c>
    </row>
    <row r="16497" spans="1:7" x14ac:dyDescent="0.3">
      <c r="A16497" s="13" t="s">
        <v>119</v>
      </c>
      <c r="B16497" s="14" t="s">
        <v>1</v>
      </c>
      <c r="C16497" s="14" t="s">
        <v>96</v>
      </c>
      <c r="D16497" s="14" t="s">
        <v>120</v>
      </c>
      <c r="E16497" s="15">
        <v>45448</v>
      </c>
      <c r="F16497" s="14" t="s">
        <v>15</v>
      </c>
      <c r="G16497" s="16">
        <v>0</v>
      </c>
    </row>
    <row r="16498" spans="1:7" x14ac:dyDescent="0.3">
      <c r="A16498" s="13" t="s">
        <v>119</v>
      </c>
      <c r="B16498" s="14" t="s">
        <v>1</v>
      </c>
      <c r="C16498" s="14" t="s">
        <v>96</v>
      </c>
      <c r="D16498" s="14" t="s">
        <v>120</v>
      </c>
      <c r="E16498" s="15">
        <v>45449</v>
      </c>
      <c r="F16498" s="14" t="s">
        <v>15</v>
      </c>
      <c r="G16498" s="16">
        <v>0</v>
      </c>
    </row>
    <row r="16499" spans="1:7" x14ac:dyDescent="0.3">
      <c r="A16499" s="13" t="s">
        <v>119</v>
      </c>
      <c r="B16499" s="14" t="s">
        <v>1</v>
      </c>
      <c r="C16499" s="14" t="s">
        <v>96</v>
      </c>
      <c r="D16499" s="14" t="s">
        <v>120</v>
      </c>
      <c r="E16499" s="15">
        <v>45450</v>
      </c>
      <c r="F16499" s="14" t="s">
        <v>15</v>
      </c>
      <c r="G16499" s="16">
        <v>0</v>
      </c>
    </row>
    <row r="16500" spans="1:7" x14ac:dyDescent="0.3">
      <c r="A16500" s="13" t="s">
        <v>119</v>
      </c>
      <c r="B16500" s="14" t="s">
        <v>1</v>
      </c>
      <c r="C16500" s="14" t="s">
        <v>96</v>
      </c>
      <c r="D16500" s="14" t="s">
        <v>120</v>
      </c>
      <c r="E16500" s="15">
        <v>45451</v>
      </c>
      <c r="F16500" s="14" t="s">
        <v>15</v>
      </c>
      <c r="G16500" s="16">
        <v>0</v>
      </c>
    </row>
    <row r="16501" spans="1:7" x14ac:dyDescent="0.3">
      <c r="A16501" s="13" t="s">
        <v>119</v>
      </c>
      <c r="B16501" s="14" t="s">
        <v>1</v>
      </c>
      <c r="C16501" s="14" t="s">
        <v>96</v>
      </c>
      <c r="D16501" s="14" t="s">
        <v>120</v>
      </c>
      <c r="E16501" s="15">
        <v>45452</v>
      </c>
      <c r="F16501" s="14" t="s">
        <v>15</v>
      </c>
      <c r="G16501" s="16">
        <v>0</v>
      </c>
    </row>
    <row r="16502" spans="1:7" x14ac:dyDescent="0.3">
      <c r="A16502" s="13" t="s">
        <v>119</v>
      </c>
      <c r="B16502" s="14" t="s">
        <v>1</v>
      </c>
      <c r="C16502" s="14" t="s">
        <v>96</v>
      </c>
      <c r="D16502" s="14" t="s">
        <v>120</v>
      </c>
      <c r="E16502" s="15">
        <v>45453</v>
      </c>
      <c r="F16502" s="14" t="s">
        <v>15</v>
      </c>
      <c r="G16502" s="16">
        <v>0</v>
      </c>
    </row>
    <row r="16503" spans="1:7" x14ac:dyDescent="0.3">
      <c r="A16503" s="13" t="s">
        <v>119</v>
      </c>
      <c r="B16503" s="14" t="s">
        <v>1</v>
      </c>
      <c r="C16503" s="14" t="s">
        <v>96</v>
      </c>
      <c r="D16503" s="14" t="s">
        <v>120</v>
      </c>
      <c r="E16503" s="15">
        <v>45454</v>
      </c>
      <c r="F16503" s="14" t="s">
        <v>15</v>
      </c>
      <c r="G16503" s="16">
        <v>0</v>
      </c>
    </row>
    <row r="16504" spans="1:7" x14ac:dyDescent="0.3">
      <c r="A16504" s="13" t="s">
        <v>119</v>
      </c>
      <c r="B16504" s="14" t="s">
        <v>1</v>
      </c>
      <c r="C16504" s="14" t="s">
        <v>96</v>
      </c>
      <c r="D16504" s="14" t="s">
        <v>120</v>
      </c>
      <c r="E16504" s="15">
        <v>45455</v>
      </c>
      <c r="F16504" s="14" t="s">
        <v>15</v>
      </c>
      <c r="G16504" s="16">
        <v>0</v>
      </c>
    </row>
    <row r="16505" spans="1:7" x14ac:dyDescent="0.3">
      <c r="A16505" s="13" t="s">
        <v>119</v>
      </c>
      <c r="B16505" s="14" t="s">
        <v>1</v>
      </c>
      <c r="C16505" s="14" t="s">
        <v>96</v>
      </c>
      <c r="D16505" s="14" t="s">
        <v>120</v>
      </c>
      <c r="E16505" s="15">
        <v>45456</v>
      </c>
      <c r="F16505" s="14" t="s">
        <v>15</v>
      </c>
      <c r="G16505" s="16">
        <v>0</v>
      </c>
    </row>
    <row r="16506" spans="1:7" x14ac:dyDescent="0.3">
      <c r="A16506" s="13" t="s">
        <v>119</v>
      </c>
      <c r="B16506" s="14" t="s">
        <v>1</v>
      </c>
      <c r="C16506" s="14" t="s">
        <v>96</v>
      </c>
      <c r="D16506" s="14" t="s">
        <v>120</v>
      </c>
      <c r="E16506" s="15">
        <v>45457</v>
      </c>
      <c r="F16506" s="14" t="s">
        <v>15</v>
      </c>
      <c r="G16506" s="16">
        <v>0</v>
      </c>
    </row>
    <row r="16507" spans="1:7" x14ac:dyDescent="0.3">
      <c r="A16507" s="13" t="s">
        <v>119</v>
      </c>
      <c r="B16507" s="14" t="s">
        <v>1</v>
      </c>
      <c r="C16507" s="14" t="s">
        <v>96</v>
      </c>
      <c r="D16507" s="14" t="s">
        <v>120</v>
      </c>
      <c r="E16507" s="15">
        <v>45458</v>
      </c>
      <c r="F16507" s="14" t="s">
        <v>15</v>
      </c>
      <c r="G16507" s="16">
        <v>0</v>
      </c>
    </row>
    <row r="16508" spans="1:7" x14ac:dyDescent="0.3">
      <c r="A16508" s="13" t="s">
        <v>119</v>
      </c>
      <c r="B16508" s="14" t="s">
        <v>1</v>
      </c>
      <c r="C16508" s="14" t="s">
        <v>96</v>
      </c>
      <c r="D16508" s="14" t="s">
        <v>120</v>
      </c>
      <c r="E16508" s="15">
        <v>45459</v>
      </c>
      <c r="F16508" s="14" t="s">
        <v>15</v>
      </c>
      <c r="G16508" s="16">
        <v>0</v>
      </c>
    </row>
    <row r="16509" spans="1:7" x14ac:dyDescent="0.3">
      <c r="A16509" s="13" t="s">
        <v>119</v>
      </c>
      <c r="B16509" s="14" t="s">
        <v>1</v>
      </c>
      <c r="C16509" s="14" t="s">
        <v>96</v>
      </c>
      <c r="D16509" s="14" t="s">
        <v>120</v>
      </c>
      <c r="E16509" s="15">
        <v>45460</v>
      </c>
      <c r="F16509" s="14" t="s">
        <v>15</v>
      </c>
      <c r="G16509" s="16">
        <v>0</v>
      </c>
    </row>
    <row r="16510" spans="1:7" x14ac:dyDescent="0.3">
      <c r="A16510" s="13" t="s">
        <v>119</v>
      </c>
      <c r="B16510" s="14" t="s">
        <v>1</v>
      </c>
      <c r="C16510" s="14" t="s">
        <v>96</v>
      </c>
      <c r="D16510" s="14" t="s">
        <v>120</v>
      </c>
      <c r="E16510" s="15">
        <v>45461</v>
      </c>
      <c r="F16510" s="14" t="s">
        <v>15</v>
      </c>
      <c r="G16510" s="16">
        <v>0</v>
      </c>
    </row>
    <row r="16511" spans="1:7" x14ac:dyDescent="0.3">
      <c r="A16511" s="13" t="s">
        <v>119</v>
      </c>
      <c r="B16511" s="14" t="s">
        <v>1</v>
      </c>
      <c r="C16511" s="14" t="s">
        <v>96</v>
      </c>
      <c r="D16511" s="14" t="s">
        <v>120</v>
      </c>
      <c r="E16511" s="15">
        <v>45462</v>
      </c>
      <c r="F16511" s="14" t="s">
        <v>15</v>
      </c>
      <c r="G16511" s="16">
        <v>0</v>
      </c>
    </row>
    <row r="16512" spans="1:7" x14ac:dyDescent="0.3">
      <c r="A16512" s="13" t="s">
        <v>119</v>
      </c>
      <c r="B16512" s="14" t="s">
        <v>1</v>
      </c>
      <c r="C16512" s="14" t="s">
        <v>96</v>
      </c>
      <c r="D16512" s="14" t="s">
        <v>120</v>
      </c>
      <c r="E16512" s="15">
        <v>45463</v>
      </c>
      <c r="F16512" s="14" t="s">
        <v>15</v>
      </c>
      <c r="G16512" s="16">
        <v>0</v>
      </c>
    </row>
    <row r="16513" spans="1:7" x14ac:dyDescent="0.3">
      <c r="A16513" s="13" t="s">
        <v>119</v>
      </c>
      <c r="B16513" s="14" t="s">
        <v>1</v>
      </c>
      <c r="C16513" s="14" t="s">
        <v>96</v>
      </c>
      <c r="D16513" s="14" t="s">
        <v>120</v>
      </c>
      <c r="E16513" s="15">
        <v>45464</v>
      </c>
      <c r="F16513" s="14" t="s">
        <v>15</v>
      </c>
      <c r="G16513" s="16">
        <v>0</v>
      </c>
    </row>
    <row r="16514" spans="1:7" x14ac:dyDescent="0.3">
      <c r="A16514" s="13" t="s">
        <v>119</v>
      </c>
      <c r="B16514" s="14" t="s">
        <v>1</v>
      </c>
      <c r="C16514" s="14" t="s">
        <v>96</v>
      </c>
      <c r="D16514" s="14" t="s">
        <v>120</v>
      </c>
      <c r="E16514" s="15">
        <v>45465</v>
      </c>
      <c r="F16514" s="14" t="s">
        <v>15</v>
      </c>
      <c r="G16514" s="16">
        <v>0</v>
      </c>
    </row>
    <row r="16515" spans="1:7" x14ac:dyDescent="0.3">
      <c r="A16515" s="13" t="s">
        <v>119</v>
      </c>
      <c r="B16515" s="14" t="s">
        <v>1</v>
      </c>
      <c r="C16515" s="14" t="s">
        <v>96</v>
      </c>
      <c r="D16515" s="14" t="s">
        <v>120</v>
      </c>
      <c r="E16515" s="15">
        <v>45466</v>
      </c>
      <c r="F16515" s="14" t="s">
        <v>15</v>
      </c>
      <c r="G16515" s="16">
        <v>0</v>
      </c>
    </row>
    <row r="16516" spans="1:7" x14ac:dyDescent="0.3">
      <c r="A16516" s="13" t="s">
        <v>119</v>
      </c>
      <c r="B16516" s="14" t="s">
        <v>1</v>
      </c>
      <c r="C16516" s="14" t="s">
        <v>96</v>
      </c>
      <c r="D16516" s="14" t="s">
        <v>120</v>
      </c>
      <c r="E16516" s="15">
        <v>45467</v>
      </c>
      <c r="F16516" s="14" t="s">
        <v>15</v>
      </c>
      <c r="G16516" s="16">
        <v>0</v>
      </c>
    </row>
    <row r="16517" spans="1:7" x14ac:dyDescent="0.3">
      <c r="A16517" s="13" t="s">
        <v>119</v>
      </c>
      <c r="B16517" s="14" t="s">
        <v>1</v>
      </c>
      <c r="C16517" s="14" t="s">
        <v>96</v>
      </c>
      <c r="D16517" s="14" t="s">
        <v>120</v>
      </c>
      <c r="E16517" s="15">
        <v>45468</v>
      </c>
      <c r="F16517" s="14" t="s">
        <v>15</v>
      </c>
      <c r="G16517" s="16">
        <v>0</v>
      </c>
    </row>
    <row r="16518" spans="1:7" x14ac:dyDescent="0.3">
      <c r="A16518" s="13" t="s">
        <v>119</v>
      </c>
      <c r="B16518" s="14" t="s">
        <v>1</v>
      </c>
      <c r="C16518" s="14" t="s">
        <v>96</v>
      </c>
      <c r="D16518" s="14" t="s">
        <v>120</v>
      </c>
      <c r="E16518" s="15">
        <v>45469</v>
      </c>
      <c r="F16518" s="14" t="s">
        <v>15</v>
      </c>
      <c r="G16518" s="16">
        <v>0</v>
      </c>
    </row>
    <row r="16519" spans="1:7" x14ac:dyDescent="0.3">
      <c r="A16519" s="13" t="s">
        <v>119</v>
      </c>
      <c r="B16519" s="14" t="s">
        <v>1</v>
      </c>
      <c r="C16519" s="14" t="s">
        <v>96</v>
      </c>
      <c r="D16519" s="14" t="s">
        <v>120</v>
      </c>
      <c r="E16519" s="15">
        <v>45470</v>
      </c>
      <c r="F16519" s="14" t="s">
        <v>15</v>
      </c>
      <c r="G16519" s="16">
        <v>0</v>
      </c>
    </row>
    <row r="16520" spans="1:7" x14ac:dyDescent="0.3">
      <c r="A16520" s="13" t="s">
        <v>119</v>
      </c>
      <c r="B16520" s="14" t="s">
        <v>1</v>
      </c>
      <c r="C16520" s="14" t="s">
        <v>96</v>
      </c>
      <c r="D16520" s="14" t="s">
        <v>120</v>
      </c>
      <c r="E16520" s="15">
        <v>45471</v>
      </c>
      <c r="F16520" s="14" t="s">
        <v>15</v>
      </c>
      <c r="G16520" s="16">
        <v>0</v>
      </c>
    </row>
    <row r="16521" spans="1:7" x14ac:dyDescent="0.3">
      <c r="A16521" s="13" t="s">
        <v>119</v>
      </c>
      <c r="B16521" s="14" t="s">
        <v>1</v>
      </c>
      <c r="C16521" s="14" t="s">
        <v>96</v>
      </c>
      <c r="D16521" s="14" t="s">
        <v>120</v>
      </c>
      <c r="E16521" s="15">
        <v>45472</v>
      </c>
      <c r="F16521" s="14" t="s">
        <v>15</v>
      </c>
      <c r="G16521" s="16">
        <v>0</v>
      </c>
    </row>
    <row r="16522" spans="1:7" x14ac:dyDescent="0.3">
      <c r="A16522" s="13" t="s">
        <v>119</v>
      </c>
      <c r="B16522" s="14" t="s">
        <v>1</v>
      </c>
      <c r="C16522" s="14" t="s">
        <v>96</v>
      </c>
      <c r="D16522" s="14" t="s">
        <v>120</v>
      </c>
      <c r="E16522" s="15">
        <v>45473</v>
      </c>
      <c r="F16522" s="14" t="s">
        <v>15</v>
      </c>
      <c r="G16522" s="16">
        <v>0</v>
      </c>
    </row>
    <row r="16523" spans="1:7" x14ac:dyDescent="0.3">
      <c r="A16523" s="13" t="s">
        <v>119</v>
      </c>
      <c r="B16523" s="14" t="s">
        <v>1</v>
      </c>
      <c r="C16523" s="14" t="s">
        <v>96</v>
      </c>
      <c r="D16523" s="14" t="s">
        <v>120</v>
      </c>
      <c r="E16523" s="15">
        <v>45474</v>
      </c>
      <c r="F16523" s="14" t="s">
        <v>15</v>
      </c>
      <c r="G16523" s="16">
        <v>0</v>
      </c>
    </row>
    <row r="16524" spans="1:7" x14ac:dyDescent="0.3">
      <c r="A16524" s="13" t="s">
        <v>119</v>
      </c>
      <c r="B16524" s="14" t="s">
        <v>1</v>
      </c>
      <c r="C16524" s="14" t="s">
        <v>96</v>
      </c>
      <c r="D16524" s="14" t="s">
        <v>120</v>
      </c>
      <c r="E16524" s="15">
        <v>45475</v>
      </c>
      <c r="F16524" s="14" t="s">
        <v>15</v>
      </c>
      <c r="G16524" s="16">
        <v>0</v>
      </c>
    </row>
    <row r="16525" spans="1:7" x14ac:dyDescent="0.3">
      <c r="A16525" s="13" t="s">
        <v>119</v>
      </c>
      <c r="B16525" s="14" t="s">
        <v>1</v>
      </c>
      <c r="C16525" s="14" t="s">
        <v>96</v>
      </c>
      <c r="D16525" s="14" t="s">
        <v>120</v>
      </c>
      <c r="E16525" s="15">
        <v>45476</v>
      </c>
      <c r="F16525" s="14" t="s">
        <v>15</v>
      </c>
      <c r="G16525" s="16">
        <v>0</v>
      </c>
    </row>
    <row r="16526" spans="1:7" x14ac:dyDescent="0.3">
      <c r="A16526" s="13" t="s">
        <v>119</v>
      </c>
      <c r="B16526" s="14" t="s">
        <v>1</v>
      </c>
      <c r="C16526" s="14" t="s">
        <v>96</v>
      </c>
      <c r="D16526" s="14" t="s">
        <v>120</v>
      </c>
      <c r="E16526" s="15">
        <v>45477</v>
      </c>
      <c r="F16526" s="14" t="s">
        <v>15</v>
      </c>
      <c r="G16526" s="16">
        <v>0</v>
      </c>
    </row>
    <row r="16527" spans="1:7" x14ac:dyDescent="0.3">
      <c r="A16527" s="13" t="s">
        <v>119</v>
      </c>
      <c r="B16527" s="14" t="s">
        <v>1</v>
      </c>
      <c r="C16527" s="14" t="s">
        <v>96</v>
      </c>
      <c r="D16527" s="14" t="s">
        <v>120</v>
      </c>
      <c r="E16527" s="15">
        <v>45478</v>
      </c>
      <c r="F16527" s="14" t="s">
        <v>15</v>
      </c>
      <c r="G16527" s="16">
        <v>0</v>
      </c>
    </row>
    <row r="16528" spans="1:7" x14ac:dyDescent="0.3">
      <c r="A16528" s="13" t="s">
        <v>119</v>
      </c>
      <c r="B16528" s="14" t="s">
        <v>1</v>
      </c>
      <c r="C16528" s="14" t="s">
        <v>96</v>
      </c>
      <c r="D16528" s="14" t="s">
        <v>120</v>
      </c>
      <c r="E16528" s="15">
        <v>45479</v>
      </c>
      <c r="F16528" s="14" t="s">
        <v>15</v>
      </c>
      <c r="G16528" s="16">
        <v>0</v>
      </c>
    </row>
    <row r="16529" spans="1:7" x14ac:dyDescent="0.3">
      <c r="A16529" s="13" t="s">
        <v>119</v>
      </c>
      <c r="B16529" s="14" t="s">
        <v>1</v>
      </c>
      <c r="C16529" s="14" t="s">
        <v>96</v>
      </c>
      <c r="D16529" s="14" t="s">
        <v>120</v>
      </c>
      <c r="E16529" s="15">
        <v>45480</v>
      </c>
      <c r="F16529" s="14" t="s">
        <v>15</v>
      </c>
      <c r="G16529" s="16">
        <v>0</v>
      </c>
    </row>
    <row r="16530" spans="1:7" x14ac:dyDescent="0.3">
      <c r="A16530" s="13" t="s">
        <v>119</v>
      </c>
      <c r="B16530" s="14" t="s">
        <v>1</v>
      </c>
      <c r="C16530" s="14" t="s">
        <v>96</v>
      </c>
      <c r="D16530" s="14" t="s">
        <v>120</v>
      </c>
      <c r="E16530" s="15">
        <v>45481</v>
      </c>
      <c r="F16530" s="14" t="s">
        <v>15</v>
      </c>
      <c r="G16530" s="16">
        <v>0</v>
      </c>
    </row>
    <row r="16531" spans="1:7" x14ac:dyDescent="0.3">
      <c r="A16531" s="13" t="s">
        <v>119</v>
      </c>
      <c r="B16531" s="14" t="s">
        <v>1</v>
      </c>
      <c r="C16531" s="14" t="s">
        <v>96</v>
      </c>
      <c r="D16531" s="14" t="s">
        <v>120</v>
      </c>
      <c r="E16531" s="15">
        <v>45482</v>
      </c>
      <c r="F16531" s="14" t="s">
        <v>15</v>
      </c>
      <c r="G16531" s="16">
        <v>0</v>
      </c>
    </row>
    <row r="16532" spans="1:7" x14ac:dyDescent="0.3">
      <c r="A16532" s="13" t="s">
        <v>119</v>
      </c>
      <c r="B16532" s="14" t="s">
        <v>1</v>
      </c>
      <c r="C16532" s="14" t="s">
        <v>96</v>
      </c>
      <c r="D16532" s="14" t="s">
        <v>120</v>
      </c>
      <c r="E16532" s="15">
        <v>45483</v>
      </c>
      <c r="F16532" s="14" t="s">
        <v>15</v>
      </c>
      <c r="G16532" s="16">
        <v>0</v>
      </c>
    </row>
    <row r="16533" spans="1:7" x14ac:dyDescent="0.3">
      <c r="A16533" s="13" t="s">
        <v>119</v>
      </c>
      <c r="B16533" s="14" t="s">
        <v>1</v>
      </c>
      <c r="C16533" s="14" t="s">
        <v>96</v>
      </c>
      <c r="D16533" s="14" t="s">
        <v>120</v>
      </c>
      <c r="E16533" s="15">
        <v>45484</v>
      </c>
      <c r="F16533" s="14" t="s">
        <v>15</v>
      </c>
      <c r="G16533" s="16">
        <v>0</v>
      </c>
    </row>
    <row r="16534" spans="1:7" x14ac:dyDescent="0.3">
      <c r="A16534" s="13" t="s">
        <v>119</v>
      </c>
      <c r="B16534" s="14" t="s">
        <v>1</v>
      </c>
      <c r="C16534" s="14" t="s">
        <v>96</v>
      </c>
      <c r="D16534" s="14" t="s">
        <v>120</v>
      </c>
      <c r="E16534" s="15">
        <v>45485</v>
      </c>
      <c r="F16534" s="14" t="s">
        <v>15</v>
      </c>
      <c r="G16534" s="16">
        <v>0</v>
      </c>
    </row>
    <row r="16535" spans="1:7" x14ac:dyDescent="0.3">
      <c r="A16535" s="13" t="s">
        <v>119</v>
      </c>
      <c r="B16535" s="14" t="s">
        <v>1</v>
      </c>
      <c r="C16535" s="14" t="s">
        <v>96</v>
      </c>
      <c r="D16535" s="14" t="s">
        <v>120</v>
      </c>
      <c r="E16535" s="15">
        <v>45486</v>
      </c>
      <c r="F16535" s="14" t="s">
        <v>15</v>
      </c>
      <c r="G16535" s="16">
        <v>0</v>
      </c>
    </row>
    <row r="16536" spans="1:7" x14ac:dyDescent="0.3">
      <c r="A16536" s="13" t="s">
        <v>119</v>
      </c>
      <c r="B16536" s="14" t="s">
        <v>1</v>
      </c>
      <c r="C16536" s="14" t="s">
        <v>96</v>
      </c>
      <c r="D16536" s="14" t="s">
        <v>120</v>
      </c>
      <c r="E16536" s="15">
        <v>45487</v>
      </c>
      <c r="F16536" s="14" t="s">
        <v>15</v>
      </c>
      <c r="G16536" s="16">
        <v>0</v>
      </c>
    </row>
    <row r="16537" spans="1:7" x14ac:dyDescent="0.3">
      <c r="A16537" s="13" t="s">
        <v>119</v>
      </c>
      <c r="B16537" s="14" t="s">
        <v>1</v>
      </c>
      <c r="C16537" s="14" t="s">
        <v>96</v>
      </c>
      <c r="D16537" s="14" t="s">
        <v>120</v>
      </c>
      <c r="E16537" s="15">
        <v>45488</v>
      </c>
      <c r="F16537" s="14" t="s">
        <v>15</v>
      </c>
      <c r="G16537" s="16">
        <v>0</v>
      </c>
    </row>
    <row r="16538" spans="1:7" x14ac:dyDescent="0.3">
      <c r="A16538" s="13" t="s">
        <v>119</v>
      </c>
      <c r="B16538" s="14" t="s">
        <v>1</v>
      </c>
      <c r="C16538" s="14" t="s">
        <v>96</v>
      </c>
      <c r="D16538" s="14" t="s">
        <v>120</v>
      </c>
      <c r="E16538" s="15">
        <v>45489</v>
      </c>
      <c r="F16538" s="14" t="s">
        <v>15</v>
      </c>
      <c r="G16538" s="16">
        <v>0</v>
      </c>
    </row>
    <row r="16539" spans="1:7" x14ac:dyDescent="0.3">
      <c r="A16539" s="13" t="s">
        <v>119</v>
      </c>
      <c r="B16539" s="14" t="s">
        <v>1</v>
      </c>
      <c r="C16539" s="14" t="s">
        <v>96</v>
      </c>
      <c r="D16539" s="14" t="s">
        <v>120</v>
      </c>
      <c r="E16539" s="15">
        <v>45490</v>
      </c>
      <c r="F16539" s="14" t="s">
        <v>15</v>
      </c>
      <c r="G16539" s="16">
        <v>0</v>
      </c>
    </row>
    <row r="16540" spans="1:7" x14ac:dyDescent="0.3">
      <c r="A16540" s="13" t="s">
        <v>119</v>
      </c>
      <c r="B16540" s="14" t="s">
        <v>1</v>
      </c>
      <c r="C16540" s="14" t="s">
        <v>96</v>
      </c>
      <c r="D16540" s="14" t="s">
        <v>120</v>
      </c>
      <c r="E16540" s="15">
        <v>45491</v>
      </c>
      <c r="F16540" s="14" t="s">
        <v>15</v>
      </c>
      <c r="G16540" s="16">
        <v>0</v>
      </c>
    </row>
    <row r="16541" spans="1:7" x14ac:dyDescent="0.3">
      <c r="A16541" s="13" t="s">
        <v>119</v>
      </c>
      <c r="B16541" s="14" t="s">
        <v>1</v>
      </c>
      <c r="C16541" s="14" t="s">
        <v>96</v>
      </c>
      <c r="D16541" s="14" t="s">
        <v>120</v>
      </c>
      <c r="E16541" s="15">
        <v>45492</v>
      </c>
      <c r="F16541" s="14" t="s">
        <v>15</v>
      </c>
      <c r="G16541" s="16">
        <v>0</v>
      </c>
    </row>
    <row r="16542" spans="1:7" x14ac:dyDescent="0.3">
      <c r="A16542" s="13" t="s">
        <v>119</v>
      </c>
      <c r="B16542" s="14" t="s">
        <v>1</v>
      </c>
      <c r="C16542" s="14" t="s">
        <v>96</v>
      </c>
      <c r="D16542" s="14" t="s">
        <v>120</v>
      </c>
      <c r="E16542" s="15">
        <v>45493</v>
      </c>
      <c r="F16542" s="14" t="s">
        <v>15</v>
      </c>
      <c r="G16542" s="16">
        <v>0</v>
      </c>
    </row>
    <row r="16543" spans="1:7" x14ac:dyDescent="0.3">
      <c r="A16543" s="13" t="s">
        <v>119</v>
      </c>
      <c r="B16543" s="14" t="s">
        <v>1</v>
      </c>
      <c r="C16543" s="14" t="s">
        <v>96</v>
      </c>
      <c r="D16543" s="14" t="s">
        <v>120</v>
      </c>
      <c r="E16543" s="15">
        <v>45494</v>
      </c>
      <c r="F16543" s="14" t="s">
        <v>15</v>
      </c>
      <c r="G16543" s="16">
        <v>0</v>
      </c>
    </row>
    <row r="16544" spans="1:7" x14ac:dyDescent="0.3">
      <c r="A16544" s="13" t="s">
        <v>119</v>
      </c>
      <c r="B16544" s="14" t="s">
        <v>1</v>
      </c>
      <c r="C16544" s="14" t="s">
        <v>96</v>
      </c>
      <c r="D16544" s="14" t="s">
        <v>120</v>
      </c>
      <c r="E16544" s="15">
        <v>45495</v>
      </c>
      <c r="F16544" s="14" t="s">
        <v>15</v>
      </c>
      <c r="G16544" s="16">
        <v>0</v>
      </c>
    </row>
    <row r="16545" spans="1:7" x14ac:dyDescent="0.3">
      <c r="A16545" s="13" t="s">
        <v>119</v>
      </c>
      <c r="B16545" s="14" t="s">
        <v>1</v>
      </c>
      <c r="C16545" s="14" t="s">
        <v>96</v>
      </c>
      <c r="D16545" s="14" t="s">
        <v>120</v>
      </c>
      <c r="E16545" s="15">
        <v>45496</v>
      </c>
      <c r="F16545" s="14" t="s">
        <v>15</v>
      </c>
      <c r="G16545" s="16">
        <v>0</v>
      </c>
    </row>
    <row r="16546" spans="1:7" x14ac:dyDescent="0.3">
      <c r="A16546" s="13" t="s">
        <v>119</v>
      </c>
      <c r="B16546" s="14" t="s">
        <v>1</v>
      </c>
      <c r="C16546" s="14" t="s">
        <v>96</v>
      </c>
      <c r="D16546" s="14" t="s">
        <v>120</v>
      </c>
      <c r="E16546" s="15">
        <v>45497</v>
      </c>
      <c r="F16546" s="14" t="s">
        <v>15</v>
      </c>
      <c r="G16546" s="16">
        <v>0</v>
      </c>
    </row>
    <row r="16547" spans="1:7" x14ac:dyDescent="0.3">
      <c r="A16547" s="13" t="s">
        <v>119</v>
      </c>
      <c r="B16547" s="14" t="s">
        <v>1</v>
      </c>
      <c r="C16547" s="14" t="s">
        <v>96</v>
      </c>
      <c r="D16547" s="14" t="s">
        <v>120</v>
      </c>
      <c r="E16547" s="15">
        <v>45498</v>
      </c>
      <c r="F16547" s="14" t="s">
        <v>15</v>
      </c>
      <c r="G16547" s="16">
        <v>0</v>
      </c>
    </row>
    <row r="16548" spans="1:7" x14ac:dyDescent="0.3">
      <c r="A16548" s="13" t="s">
        <v>119</v>
      </c>
      <c r="B16548" s="14" t="s">
        <v>1</v>
      </c>
      <c r="C16548" s="14" t="s">
        <v>96</v>
      </c>
      <c r="D16548" s="14" t="s">
        <v>120</v>
      </c>
      <c r="E16548" s="15">
        <v>45499</v>
      </c>
      <c r="F16548" s="14" t="s">
        <v>15</v>
      </c>
      <c r="G16548" s="16">
        <v>0</v>
      </c>
    </row>
    <row r="16549" spans="1:7" x14ac:dyDescent="0.3">
      <c r="A16549" s="13" t="s">
        <v>119</v>
      </c>
      <c r="B16549" s="14" t="s">
        <v>1</v>
      </c>
      <c r="C16549" s="14" t="s">
        <v>96</v>
      </c>
      <c r="D16549" s="14" t="s">
        <v>120</v>
      </c>
      <c r="E16549" s="15">
        <v>45500</v>
      </c>
      <c r="F16549" s="14" t="s">
        <v>15</v>
      </c>
      <c r="G16549" s="16">
        <v>0</v>
      </c>
    </row>
    <row r="16550" spans="1:7" x14ac:dyDescent="0.3">
      <c r="A16550" s="13" t="s">
        <v>119</v>
      </c>
      <c r="B16550" s="14" t="s">
        <v>1</v>
      </c>
      <c r="C16550" s="14" t="s">
        <v>96</v>
      </c>
      <c r="D16550" s="14" t="s">
        <v>120</v>
      </c>
      <c r="E16550" s="15">
        <v>45501</v>
      </c>
      <c r="F16550" s="14" t="s">
        <v>15</v>
      </c>
      <c r="G16550" s="16">
        <v>0</v>
      </c>
    </row>
    <row r="16551" spans="1:7" x14ac:dyDescent="0.3">
      <c r="A16551" s="13" t="s">
        <v>119</v>
      </c>
      <c r="B16551" s="14" t="s">
        <v>1</v>
      </c>
      <c r="C16551" s="14" t="s">
        <v>96</v>
      </c>
      <c r="D16551" s="14" t="s">
        <v>120</v>
      </c>
      <c r="E16551" s="15">
        <v>45502</v>
      </c>
      <c r="F16551" s="14" t="s">
        <v>15</v>
      </c>
      <c r="G16551" s="16">
        <v>0</v>
      </c>
    </row>
    <row r="16552" spans="1:7" x14ac:dyDescent="0.3">
      <c r="A16552" s="13" t="s">
        <v>119</v>
      </c>
      <c r="B16552" s="14" t="s">
        <v>1</v>
      </c>
      <c r="C16552" s="14" t="s">
        <v>96</v>
      </c>
      <c r="D16552" s="14" t="s">
        <v>120</v>
      </c>
      <c r="E16552" s="15">
        <v>45503</v>
      </c>
      <c r="F16552" s="14" t="s">
        <v>15</v>
      </c>
      <c r="G16552" s="16">
        <v>0</v>
      </c>
    </row>
    <row r="16553" spans="1:7" x14ac:dyDescent="0.3">
      <c r="A16553" s="13" t="s">
        <v>119</v>
      </c>
      <c r="B16553" s="14" t="s">
        <v>1</v>
      </c>
      <c r="C16553" s="14" t="s">
        <v>96</v>
      </c>
      <c r="D16553" s="14" t="s">
        <v>120</v>
      </c>
      <c r="E16553" s="15">
        <v>45504</v>
      </c>
      <c r="F16553" s="14" t="s">
        <v>15</v>
      </c>
      <c r="G16553" s="16">
        <v>0</v>
      </c>
    </row>
    <row r="16554" spans="1:7" x14ac:dyDescent="0.3">
      <c r="A16554" s="13" t="s">
        <v>119</v>
      </c>
      <c r="B16554" s="14" t="s">
        <v>1</v>
      </c>
      <c r="C16554" s="14" t="s">
        <v>96</v>
      </c>
      <c r="D16554" s="14" t="s">
        <v>120</v>
      </c>
      <c r="E16554" s="15">
        <v>45505</v>
      </c>
      <c r="F16554" s="14" t="s">
        <v>15</v>
      </c>
      <c r="G16554" s="16">
        <v>0</v>
      </c>
    </row>
    <row r="16555" spans="1:7" x14ac:dyDescent="0.3">
      <c r="A16555" s="13" t="s">
        <v>119</v>
      </c>
      <c r="B16555" s="14" t="s">
        <v>1</v>
      </c>
      <c r="C16555" s="14" t="s">
        <v>96</v>
      </c>
      <c r="D16555" s="14" t="s">
        <v>120</v>
      </c>
      <c r="E16555" s="15">
        <v>45506</v>
      </c>
      <c r="F16555" s="14" t="s">
        <v>15</v>
      </c>
      <c r="G16555" s="16">
        <v>0</v>
      </c>
    </row>
    <row r="16556" spans="1:7" x14ac:dyDescent="0.3">
      <c r="A16556" s="13" t="s">
        <v>119</v>
      </c>
      <c r="B16556" s="14" t="s">
        <v>1</v>
      </c>
      <c r="C16556" s="14" t="s">
        <v>96</v>
      </c>
      <c r="D16556" s="14" t="s">
        <v>120</v>
      </c>
      <c r="E16556" s="15">
        <v>45507</v>
      </c>
      <c r="F16556" s="14" t="s">
        <v>15</v>
      </c>
      <c r="G16556" s="16">
        <v>0</v>
      </c>
    </row>
    <row r="16557" spans="1:7" x14ac:dyDescent="0.3">
      <c r="A16557" s="13" t="s">
        <v>119</v>
      </c>
      <c r="B16557" s="14" t="s">
        <v>1</v>
      </c>
      <c r="C16557" s="14" t="s">
        <v>96</v>
      </c>
      <c r="D16557" s="14" t="s">
        <v>120</v>
      </c>
      <c r="E16557" s="15">
        <v>45508</v>
      </c>
      <c r="F16557" s="14" t="s">
        <v>15</v>
      </c>
      <c r="G16557" s="16">
        <v>0</v>
      </c>
    </row>
    <row r="16558" spans="1:7" x14ac:dyDescent="0.3">
      <c r="A16558" s="13" t="s">
        <v>119</v>
      </c>
      <c r="B16558" s="14" t="s">
        <v>1</v>
      </c>
      <c r="C16558" s="14" t="s">
        <v>96</v>
      </c>
      <c r="D16558" s="14" t="s">
        <v>120</v>
      </c>
      <c r="E16558" s="15">
        <v>45509</v>
      </c>
      <c r="F16558" s="14" t="s">
        <v>15</v>
      </c>
      <c r="G16558" s="16">
        <v>0</v>
      </c>
    </row>
    <row r="16559" spans="1:7" x14ac:dyDescent="0.3">
      <c r="A16559" s="13" t="s">
        <v>119</v>
      </c>
      <c r="B16559" s="14" t="s">
        <v>1</v>
      </c>
      <c r="C16559" s="14" t="s">
        <v>96</v>
      </c>
      <c r="D16559" s="14" t="s">
        <v>120</v>
      </c>
      <c r="E16559" s="15">
        <v>45510</v>
      </c>
      <c r="F16559" s="14" t="s">
        <v>15</v>
      </c>
      <c r="G16559" s="16">
        <v>0</v>
      </c>
    </row>
    <row r="16560" spans="1:7" x14ac:dyDescent="0.3">
      <c r="A16560" s="13" t="s">
        <v>119</v>
      </c>
      <c r="B16560" s="14" t="s">
        <v>1</v>
      </c>
      <c r="C16560" s="14" t="s">
        <v>96</v>
      </c>
      <c r="D16560" s="14" t="s">
        <v>120</v>
      </c>
      <c r="E16560" s="15">
        <v>45511</v>
      </c>
      <c r="F16560" s="14" t="s">
        <v>15</v>
      </c>
      <c r="G16560" s="16">
        <v>0</v>
      </c>
    </row>
    <row r="16561" spans="1:7" x14ac:dyDescent="0.3">
      <c r="A16561" s="13" t="s">
        <v>119</v>
      </c>
      <c r="B16561" s="14" t="s">
        <v>1</v>
      </c>
      <c r="C16561" s="14" t="s">
        <v>96</v>
      </c>
      <c r="D16561" s="14" t="s">
        <v>120</v>
      </c>
      <c r="E16561" s="15">
        <v>45512</v>
      </c>
      <c r="F16561" s="14" t="s">
        <v>15</v>
      </c>
      <c r="G16561" s="16">
        <v>0</v>
      </c>
    </row>
    <row r="16562" spans="1:7" x14ac:dyDescent="0.3">
      <c r="A16562" s="13" t="s">
        <v>119</v>
      </c>
      <c r="B16562" s="14" t="s">
        <v>1</v>
      </c>
      <c r="C16562" s="14" t="s">
        <v>96</v>
      </c>
      <c r="D16562" s="14" t="s">
        <v>120</v>
      </c>
      <c r="E16562" s="15">
        <v>45513</v>
      </c>
      <c r="F16562" s="14" t="s">
        <v>15</v>
      </c>
      <c r="G16562" s="16">
        <v>0</v>
      </c>
    </row>
    <row r="16563" spans="1:7" x14ac:dyDescent="0.3">
      <c r="A16563" s="13" t="s">
        <v>119</v>
      </c>
      <c r="B16563" s="14" t="s">
        <v>1</v>
      </c>
      <c r="C16563" s="14" t="s">
        <v>96</v>
      </c>
      <c r="D16563" s="14" t="s">
        <v>120</v>
      </c>
      <c r="E16563" s="15">
        <v>45514</v>
      </c>
      <c r="F16563" s="14" t="s">
        <v>15</v>
      </c>
      <c r="G16563" s="16">
        <v>0</v>
      </c>
    </row>
    <row r="16564" spans="1:7" x14ac:dyDescent="0.3">
      <c r="A16564" s="13" t="s">
        <v>119</v>
      </c>
      <c r="B16564" s="14" t="s">
        <v>1</v>
      </c>
      <c r="C16564" s="14" t="s">
        <v>96</v>
      </c>
      <c r="D16564" s="14" t="s">
        <v>120</v>
      </c>
      <c r="E16564" s="15">
        <v>45515</v>
      </c>
      <c r="F16564" s="14" t="s">
        <v>15</v>
      </c>
      <c r="G16564" s="16">
        <v>0</v>
      </c>
    </row>
    <row r="16565" spans="1:7" x14ac:dyDescent="0.3">
      <c r="A16565" s="13" t="s">
        <v>119</v>
      </c>
      <c r="B16565" s="14" t="s">
        <v>1</v>
      </c>
      <c r="C16565" s="14" t="s">
        <v>96</v>
      </c>
      <c r="D16565" s="14" t="s">
        <v>120</v>
      </c>
      <c r="E16565" s="15">
        <v>45516</v>
      </c>
      <c r="F16565" s="14" t="s">
        <v>15</v>
      </c>
      <c r="G16565" s="16">
        <v>0</v>
      </c>
    </row>
    <row r="16566" spans="1:7" x14ac:dyDescent="0.3">
      <c r="A16566" s="13" t="s">
        <v>119</v>
      </c>
      <c r="B16566" s="14" t="s">
        <v>1</v>
      </c>
      <c r="C16566" s="14" t="s">
        <v>96</v>
      </c>
      <c r="D16566" s="14" t="s">
        <v>120</v>
      </c>
      <c r="E16566" s="15">
        <v>45517</v>
      </c>
      <c r="F16566" s="14" t="s">
        <v>15</v>
      </c>
      <c r="G16566" s="16">
        <v>0</v>
      </c>
    </row>
    <row r="16567" spans="1:7" x14ac:dyDescent="0.3">
      <c r="A16567" s="13" t="s">
        <v>119</v>
      </c>
      <c r="B16567" s="14" t="s">
        <v>1</v>
      </c>
      <c r="C16567" s="14" t="s">
        <v>96</v>
      </c>
      <c r="D16567" s="14" t="s">
        <v>120</v>
      </c>
      <c r="E16567" s="15">
        <v>45518</v>
      </c>
      <c r="F16567" s="14" t="s">
        <v>15</v>
      </c>
      <c r="G16567" s="16">
        <v>0</v>
      </c>
    </row>
    <row r="16568" spans="1:7" x14ac:dyDescent="0.3">
      <c r="A16568" s="13" t="s">
        <v>119</v>
      </c>
      <c r="B16568" s="14" t="s">
        <v>1</v>
      </c>
      <c r="C16568" s="14" t="s">
        <v>96</v>
      </c>
      <c r="D16568" s="14" t="s">
        <v>120</v>
      </c>
      <c r="E16568" s="15">
        <v>45519</v>
      </c>
      <c r="F16568" s="14" t="s">
        <v>15</v>
      </c>
      <c r="G16568" s="16">
        <v>0</v>
      </c>
    </row>
    <row r="16569" spans="1:7" x14ac:dyDescent="0.3">
      <c r="A16569" s="13" t="s">
        <v>119</v>
      </c>
      <c r="B16569" s="14" t="s">
        <v>1</v>
      </c>
      <c r="C16569" s="14" t="s">
        <v>96</v>
      </c>
      <c r="D16569" s="14" t="s">
        <v>120</v>
      </c>
      <c r="E16569" s="15">
        <v>45520</v>
      </c>
      <c r="F16569" s="14" t="s">
        <v>15</v>
      </c>
      <c r="G16569" s="16">
        <v>0</v>
      </c>
    </row>
    <row r="16570" spans="1:7" x14ac:dyDescent="0.3">
      <c r="A16570" s="13" t="s">
        <v>119</v>
      </c>
      <c r="B16570" s="14" t="s">
        <v>1</v>
      </c>
      <c r="C16570" s="14" t="s">
        <v>96</v>
      </c>
      <c r="D16570" s="14" t="s">
        <v>120</v>
      </c>
      <c r="E16570" s="15">
        <v>45521</v>
      </c>
      <c r="F16570" s="14" t="s">
        <v>15</v>
      </c>
      <c r="G16570" s="16">
        <v>0</v>
      </c>
    </row>
    <row r="16571" spans="1:7" x14ac:dyDescent="0.3">
      <c r="A16571" s="13" t="s">
        <v>119</v>
      </c>
      <c r="B16571" s="14" t="s">
        <v>1</v>
      </c>
      <c r="C16571" s="14" t="s">
        <v>96</v>
      </c>
      <c r="D16571" s="14" t="s">
        <v>120</v>
      </c>
      <c r="E16571" s="15">
        <v>45522</v>
      </c>
      <c r="F16571" s="14" t="s">
        <v>15</v>
      </c>
      <c r="G16571" s="16">
        <v>0</v>
      </c>
    </row>
    <row r="16572" spans="1:7" x14ac:dyDescent="0.3">
      <c r="A16572" s="13" t="s">
        <v>119</v>
      </c>
      <c r="B16572" s="14" t="s">
        <v>1</v>
      </c>
      <c r="C16572" s="14" t="s">
        <v>96</v>
      </c>
      <c r="D16572" s="14" t="s">
        <v>120</v>
      </c>
      <c r="E16572" s="15">
        <v>45523</v>
      </c>
      <c r="F16572" s="14" t="s">
        <v>15</v>
      </c>
      <c r="G16572" s="16">
        <v>0</v>
      </c>
    </row>
    <row r="16573" spans="1:7" x14ac:dyDescent="0.3">
      <c r="A16573" s="13" t="s">
        <v>119</v>
      </c>
      <c r="B16573" s="14" t="s">
        <v>1</v>
      </c>
      <c r="C16573" s="14" t="s">
        <v>96</v>
      </c>
      <c r="D16573" s="14" t="s">
        <v>120</v>
      </c>
      <c r="E16573" s="15">
        <v>45524</v>
      </c>
      <c r="F16573" s="14" t="s">
        <v>15</v>
      </c>
      <c r="G16573" s="16">
        <v>0</v>
      </c>
    </row>
    <row r="16574" spans="1:7" x14ac:dyDescent="0.3">
      <c r="A16574" s="13" t="s">
        <v>119</v>
      </c>
      <c r="B16574" s="14" t="s">
        <v>1</v>
      </c>
      <c r="C16574" s="14" t="s">
        <v>96</v>
      </c>
      <c r="D16574" s="14" t="s">
        <v>120</v>
      </c>
      <c r="E16574" s="15">
        <v>45525</v>
      </c>
      <c r="F16574" s="14" t="s">
        <v>15</v>
      </c>
      <c r="G16574" s="16">
        <v>0</v>
      </c>
    </row>
    <row r="16575" spans="1:7" x14ac:dyDescent="0.3">
      <c r="A16575" s="13" t="s">
        <v>119</v>
      </c>
      <c r="B16575" s="14" t="s">
        <v>1</v>
      </c>
      <c r="C16575" s="14" t="s">
        <v>96</v>
      </c>
      <c r="D16575" s="14" t="s">
        <v>120</v>
      </c>
      <c r="E16575" s="15">
        <v>45526</v>
      </c>
      <c r="F16575" s="14" t="s">
        <v>15</v>
      </c>
      <c r="G16575" s="16">
        <v>0</v>
      </c>
    </row>
    <row r="16576" spans="1:7" x14ac:dyDescent="0.3">
      <c r="A16576" s="13" t="s">
        <v>119</v>
      </c>
      <c r="B16576" s="14" t="s">
        <v>1</v>
      </c>
      <c r="C16576" s="14" t="s">
        <v>96</v>
      </c>
      <c r="D16576" s="14" t="s">
        <v>120</v>
      </c>
      <c r="E16576" s="15">
        <v>45527</v>
      </c>
      <c r="F16576" s="14" t="s">
        <v>15</v>
      </c>
      <c r="G16576" s="16">
        <v>0</v>
      </c>
    </row>
    <row r="16577" spans="1:7" x14ac:dyDescent="0.3">
      <c r="A16577" s="13" t="s">
        <v>119</v>
      </c>
      <c r="B16577" s="14" t="s">
        <v>1</v>
      </c>
      <c r="C16577" s="14" t="s">
        <v>96</v>
      </c>
      <c r="D16577" s="14" t="s">
        <v>120</v>
      </c>
      <c r="E16577" s="15">
        <v>45528</v>
      </c>
      <c r="F16577" s="14" t="s">
        <v>15</v>
      </c>
      <c r="G16577" s="16">
        <v>0</v>
      </c>
    </row>
    <row r="16578" spans="1:7" x14ac:dyDescent="0.3">
      <c r="A16578" s="13" t="s">
        <v>119</v>
      </c>
      <c r="B16578" s="14" t="s">
        <v>1</v>
      </c>
      <c r="C16578" s="14" t="s">
        <v>96</v>
      </c>
      <c r="D16578" s="14" t="s">
        <v>120</v>
      </c>
      <c r="E16578" s="15">
        <v>45529</v>
      </c>
      <c r="F16578" s="14" t="s">
        <v>15</v>
      </c>
      <c r="G16578" s="16">
        <v>0</v>
      </c>
    </row>
    <row r="16579" spans="1:7" x14ac:dyDescent="0.3">
      <c r="A16579" s="13" t="s">
        <v>119</v>
      </c>
      <c r="B16579" s="14" t="s">
        <v>1</v>
      </c>
      <c r="C16579" s="14" t="s">
        <v>96</v>
      </c>
      <c r="D16579" s="14" t="s">
        <v>120</v>
      </c>
      <c r="E16579" s="15">
        <v>45530</v>
      </c>
      <c r="F16579" s="14" t="s">
        <v>15</v>
      </c>
      <c r="G16579" s="16">
        <v>0</v>
      </c>
    </row>
    <row r="16580" spans="1:7" x14ac:dyDescent="0.3">
      <c r="A16580" s="13" t="s">
        <v>119</v>
      </c>
      <c r="B16580" s="14" t="s">
        <v>1</v>
      </c>
      <c r="C16580" s="14" t="s">
        <v>96</v>
      </c>
      <c r="D16580" s="14" t="s">
        <v>120</v>
      </c>
      <c r="E16580" s="15">
        <v>45531</v>
      </c>
      <c r="F16580" s="14" t="s">
        <v>15</v>
      </c>
      <c r="G16580" s="16">
        <v>0</v>
      </c>
    </row>
    <row r="16581" spans="1:7" x14ac:dyDescent="0.3">
      <c r="A16581" s="13" t="s">
        <v>119</v>
      </c>
      <c r="B16581" s="14" t="s">
        <v>1</v>
      </c>
      <c r="C16581" s="14" t="s">
        <v>96</v>
      </c>
      <c r="D16581" s="14" t="s">
        <v>120</v>
      </c>
      <c r="E16581" s="15">
        <v>45532</v>
      </c>
      <c r="F16581" s="14" t="s">
        <v>15</v>
      </c>
      <c r="G16581" s="16">
        <v>0</v>
      </c>
    </row>
    <row r="16582" spans="1:7" x14ac:dyDescent="0.3">
      <c r="A16582" s="13" t="s">
        <v>119</v>
      </c>
      <c r="B16582" s="14" t="s">
        <v>1</v>
      </c>
      <c r="C16582" s="14" t="s">
        <v>96</v>
      </c>
      <c r="D16582" s="14" t="s">
        <v>120</v>
      </c>
      <c r="E16582" s="15">
        <v>45533</v>
      </c>
      <c r="F16582" s="14" t="s">
        <v>15</v>
      </c>
      <c r="G16582" s="16">
        <v>0</v>
      </c>
    </row>
    <row r="16583" spans="1:7" x14ac:dyDescent="0.3">
      <c r="A16583" s="13" t="s">
        <v>119</v>
      </c>
      <c r="B16583" s="14" t="s">
        <v>1</v>
      </c>
      <c r="C16583" s="14" t="s">
        <v>96</v>
      </c>
      <c r="D16583" s="14" t="s">
        <v>120</v>
      </c>
      <c r="E16583" s="15">
        <v>45534</v>
      </c>
      <c r="F16583" s="14" t="s">
        <v>15</v>
      </c>
      <c r="G16583" s="16">
        <v>0</v>
      </c>
    </row>
    <row r="16584" spans="1:7" x14ac:dyDescent="0.3">
      <c r="A16584" s="13" t="s">
        <v>119</v>
      </c>
      <c r="B16584" s="14" t="s">
        <v>1</v>
      </c>
      <c r="C16584" s="14" t="s">
        <v>96</v>
      </c>
      <c r="D16584" s="14" t="s">
        <v>120</v>
      </c>
      <c r="E16584" s="15">
        <v>45535</v>
      </c>
      <c r="F16584" s="14" t="s">
        <v>15</v>
      </c>
      <c r="G16584" s="16">
        <v>0</v>
      </c>
    </row>
    <row r="16585" spans="1:7" x14ac:dyDescent="0.3">
      <c r="A16585" s="13" t="s">
        <v>119</v>
      </c>
      <c r="B16585" s="14" t="s">
        <v>1</v>
      </c>
      <c r="C16585" s="14" t="s">
        <v>96</v>
      </c>
      <c r="D16585" s="14" t="s">
        <v>120</v>
      </c>
      <c r="E16585" s="15">
        <v>45536</v>
      </c>
      <c r="F16585" s="14" t="s">
        <v>15</v>
      </c>
      <c r="G16585" s="16">
        <v>0</v>
      </c>
    </row>
    <row r="16586" spans="1:7" x14ac:dyDescent="0.3">
      <c r="A16586" s="13" t="s">
        <v>119</v>
      </c>
      <c r="B16586" s="14" t="s">
        <v>1</v>
      </c>
      <c r="C16586" s="14" t="s">
        <v>96</v>
      </c>
      <c r="D16586" s="14" t="s">
        <v>120</v>
      </c>
      <c r="E16586" s="15">
        <v>45537</v>
      </c>
      <c r="F16586" s="14" t="s">
        <v>15</v>
      </c>
      <c r="G16586" s="16">
        <v>0</v>
      </c>
    </row>
    <row r="16587" spans="1:7" x14ac:dyDescent="0.3">
      <c r="A16587" s="13" t="s">
        <v>119</v>
      </c>
      <c r="B16587" s="14" t="s">
        <v>1</v>
      </c>
      <c r="C16587" s="14" t="s">
        <v>96</v>
      </c>
      <c r="D16587" s="14" t="s">
        <v>120</v>
      </c>
      <c r="E16587" s="15">
        <v>45538</v>
      </c>
      <c r="F16587" s="14" t="s">
        <v>15</v>
      </c>
      <c r="G16587" s="16">
        <v>0</v>
      </c>
    </row>
    <row r="16588" spans="1:7" x14ac:dyDescent="0.3">
      <c r="A16588" s="13" t="s">
        <v>119</v>
      </c>
      <c r="B16588" s="14" t="s">
        <v>1</v>
      </c>
      <c r="C16588" s="14" t="s">
        <v>96</v>
      </c>
      <c r="D16588" s="14" t="s">
        <v>120</v>
      </c>
      <c r="E16588" s="15">
        <v>45539</v>
      </c>
      <c r="F16588" s="14" t="s">
        <v>15</v>
      </c>
      <c r="G16588" s="16">
        <v>0</v>
      </c>
    </row>
    <row r="16589" spans="1:7" x14ac:dyDescent="0.3">
      <c r="A16589" s="13" t="s">
        <v>119</v>
      </c>
      <c r="B16589" s="14" t="s">
        <v>1</v>
      </c>
      <c r="C16589" s="14" t="s">
        <v>96</v>
      </c>
      <c r="D16589" s="14" t="s">
        <v>120</v>
      </c>
      <c r="E16589" s="15">
        <v>45540</v>
      </c>
      <c r="F16589" s="14" t="s">
        <v>15</v>
      </c>
      <c r="G16589" s="16">
        <v>0</v>
      </c>
    </row>
    <row r="16590" spans="1:7" x14ac:dyDescent="0.3">
      <c r="A16590" s="13" t="s">
        <v>119</v>
      </c>
      <c r="B16590" s="14" t="s">
        <v>1</v>
      </c>
      <c r="C16590" s="14" t="s">
        <v>96</v>
      </c>
      <c r="D16590" s="14" t="s">
        <v>120</v>
      </c>
      <c r="E16590" s="15">
        <v>45541</v>
      </c>
      <c r="F16590" s="14" t="s">
        <v>15</v>
      </c>
      <c r="G16590" s="16">
        <v>0</v>
      </c>
    </row>
    <row r="16591" spans="1:7" x14ac:dyDescent="0.3">
      <c r="A16591" s="13" t="s">
        <v>119</v>
      </c>
      <c r="B16591" s="14" t="s">
        <v>1</v>
      </c>
      <c r="C16591" s="14" t="s">
        <v>96</v>
      </c>
      <c r="D16591" s="14" t="s">
        <v>120</v>
      </c>
      <c r="E16591" s="15">
        <v>45542</v>
      </c>
      <c r="F16591" s="14" t="s">
        <v>15</v>
      </c>
      <c r="G16591" s="16">
        <v>0</v>
      </c>
    </row>
    <row r="16592" spans="1:7" x14ac:dyDescent="0.3">
      <c r="A16592" s="13" t="s">
        <v>119</v>
      </c>
      <c r="B16592" s="14" t="s">
        <v>1</v>
      </c>
      <c r="C16592" s="14" t="s">
        <v>96</v>
      </c>
      <c r="D16592" s="14" t="s">
        <v>120</v>
      </c>
      <c r="E16592" s="15">
        <v>45543</v>
      </c>
      <c r="F16592" s="14" t="s">
        <v>15</v>
      </c>
      <c r="G16592" s="16">
        <v>0</v>
      </c>
    </row>
    <row r="16593" spans="1:7" x14ac:dyDescent="0.3">
      <c r="A16593" s="13" t="s">
        <v>119</v>
      </c>
      <c r="B16593" s="14" t="s">
        <v>1</v>
      </c>
      <c r="C16593" s="14" t="s">
        <v>96</v>
      </c>
      <c r="D16593" s="14" t="s">
        <v>120</v>
      </c>
      <c r="E16593" s="15">
        <v>45544</v>
      </c>
      <c r="F16593" s="14" t="s">
        <v>15</v>
      </c>
      <c r="G16593" s="16">
        <v>0</v>
      </c>
    </row>
    <row r="16594" spans="1:7" x14ac:dyDescent="0.3">
      <c r="A16594" s="13" t="s">
        <v>119</v>
      </c>
      <c r="B16594" s="14" t="s">
        <v>1</v>
      </c>
      <c r="C16594" s="14" t="s">
        <v>96</v>
      </c>
      <c r="D16594" s="14" t="s">
        <v>120</v>
      </c>
      <c r="E16594" s="15">
        <v>45545</v>
      </c>
      <c r="F16594" s="14" t="s">
        <v>15</v>
      </c>
      <c r="G16594" s="16">
        <v>0</v>
      </c>
    </row>
    <row r="16595" spans="1:7" x14ac:dyDescent="0.3">
      <c r="A16595" s="13" t="s">
        <v>119</v>
      </c>
      <c r="B16595" s="14" t="s">
        <v>1</v>
      </c>
      <c r="C16595" s="14" t="s">
        <v>96</v>
      </c>
      <c r="D16595" s="14" t="s">
        <v>120</v>
      </c>
      <c r="E16595" s="15">
        <v>45546</v>
      </c>
      <c r="F16595" s="14" t="s">
        <v>15</v>
      </c>
      <c r="G16595" s="16">
        <v>0</v>
      </c>
    </row>
    <row r="16596" spans="1:7" x14ac:dyDescent="0.3">
      <c r="A16596" s="13" t="s">
        <v>119</v>
      </c>
      <c r="B16596" s="14" t="s">
        <v>1</v>
      </c>
      <c r="C16596" s="14" t="s">
        <v>96</v>
      </c>
      <c r="D16596" s="14" t="s">
        <v>120</v>
      </c>
      <c r="E16596" s="15">
        <v>45547</v>
      </c>
      <c r="F16596" s="14" t="s">
        <v>15</v>
      </c>
      <c r="G16596" s="16">
        <v>0</v>
      </c>
    </row>
    <row r="16597" spans="1:7" x14ac:dyDescent="0.3">
      <c r="A16597" s="13" t="s">
        <v>119</v>
      </c>
      <c r="B16597" s="14" t="s">
        <v>1</v>
      </c>
      <c r="C16597" s="14" t="s">
        <v>96</v>
      </c>
      <c r="D16597" s="14" t="s">
        <v>120</v>
      </c>
      <c r="E16597" s="15">
        <v>45548</v>
      </c>
      <c r="F16597" s="14" t="s">
        <v>15</v>
      </c>
      <c r="G16597" s="16">
        <v>0</v>
      </c>
    </row>
    <row r="16598" spans="1:7" x14ac:dyDescent="0.3">
      <c r="A16598" s="13" t="s">
        <v>119</v>
      </c>
      <c r="B16598" s="14" t="s">
        <v>1</v>
      </c>
      <c r="C16598" s="14" t="s">
        <v>96</v>
      </c>
      <c r="D16598" s="14" t="s">
        <v>120</v>
      </c>
      <c r="E16598" s="15">
        <v>45549</v>
      </c>
      <c r="F16598" s="14" t="s">
        <v>15</v>
      </c>
      <c r="G16598" s="16">
        <v>0</v>
      </c>
    </row>
    <row r="16599" spans="1:7" x14ac:dyDescent="0.3">
      <c r="A16599" s="13" t="s">
        <v>119</v>
      </c>
      <c r="B16599" s="14" t="s">
        <v>1</v>
      </c>
      <c r="C16599" s="14" t="s">
        <v>96</v>
      </c>
      <c r="D16599" s="14" t="s">
        <v>120</v>
      </c>
      <c r="E16599" s="15">
        <v>45550</v>
      </c>
      <c r="F16599" s="14" t="s">
        <v>15</v>
      </c>
      <c r="G16599" s="16">
        <v>0</v>
      </c>
    </row>
    <row r="16600" spans="1:7" x14ac:dyDescent="0.3">
      <c r="A16600" s="13" t="s">
        <v>119</v>
      </c>
      <c r="B16600" s="14" t="s">
        <v>1</v>
      </c>
      <c r="C16600" s="14" t="s">
        <v>96</v>
      </c>
      <c r="D16600" s="14" t="s">
        <v>120</v>
      </c>
      <c r="E16600" s="15">
        <v>45551</v>
      </c>
      <c r="F16600" s="14" t="s">
        <v>15</v>
      </c>
      <c r="G16600" s="16">
        <v>0</v>
      </c>
    </row>
    <row r="16601" spans="1:7" x14ac:dyDescent="0.3">
      <c r="A16601" s="13" t="s">
        <v>119</v>
      </c>
      <c r="B16601" s="14" t="s">
        <v>1</v>
      </c>
      <c r="C16601" s="14" t="s">
        <v>96</v>
      </c>
      <c r="D16601" s="14" t="s">
        <v>120</v>
      </c>
      <c r="E16601" s="15">
        <v>45552</v>
      </c>
      <c r="F16601" s="14" t="s">
        <v>15</v>
      </c>
      <c r="G16601" s="16">
        <v>0</v>
      </c>
    </row>
    <row r="16602" spans="1:7" x14ac:dyDescent="0.3">
      <c r="A16602" s="13" t="s">
        <v>119</v>
      </c>
      <c r="B16602" s="14" t="s">
        <v>1</v>
      </c>
      <c r="C16602" s="14" t="s">
        <v>96</v>
      </c>
      <c r="D16602" s="14" t="s">
        <v>120</v>
      </c>
      <c r="E16602" s="15">
        <v>45553</v>
      </c>
      <c r="F16602" s="14" t="s">
        <v>15</v>
      </c>
      <c r="G16602" s="16">
        <v>0</v>
      </c>
    </row>
    <row r="16603" spans="1:7" x14ac:dyDescent="0.3">
      <c r="A16603" s="13" t="s">
        <v>119</v>
      </c>
      <c r="B16603" s="14" t="s">
        <v>1</v>
      </c>
      <c r="C16603" s="14" t="s">
        <v>96</v>
      </c>
      <c r="D16603" s="14" t="s">
        <v>120</v>
      </c>
      <c r="E16603" s="15">
        <v>45554</v>
      </c>
      <c r="F16603" s="14" t="s">
        <v>15</v>
      </c>
      <c r="G16603" s="16">
        <v>0</v>
      </c>
    </row>
    <row r="16604" spans="1:7" x14ac:dyDescent="0.3">
      <c r="A16604" s="13" t="s">
        <v>119</v>
      </c>
      <c r="B16604" s="14" t="s">
        <v>1</v>
      </c>
      <c r="C16604" s="14" t="s">
        <v>96</v>
      </c>
      <c r="D16604" s="14" t="s">
        <v>120</v>
      </c>
      <c r="E16604" s="15">
        <v>45555</v>
      </c>
      <c r="F16604" s="14" t="s">
        <v>15</v>
      </c>
      <c r="G16604" s="16">
        <v>0</v>
      </c>
    </row>
    <row r="16605" spans="1:7" x14ac:dyDescent="0.3">
      <c r="A16605" s="13" t="s">
        <v>119</v>
      </c>
      <c r="B16605" s="14" t="s">
        <v>1</v>
      </c>
      <c r="C16605" s="14" t="s">
        <v>96</v>
      </c>
      <c r="D16605" s="14" t="s">
        <v>120</v>
      </c>
      <c r="E16605" s="15">
        <v>45556</v>
      </c>
      <c r="F16605" s="14" t="s">
        <v>15</v>
      </c>
      <c r="G16605" s="16">
        <v>0</v>
      </c>
    </row>
    <row r="16606" spans="1:7" x14ac:dyDescent="0.3">
      <c r="A16606" s="13" t="s">
        <v>119</v>
      </c>
      <c r="B16606" s="14" t="s">
        <v>1</v>
      </c>
      <c r="C16606" s="14" t="s">
        <v>96</v>
      </c>
      <c r="D16606" s="14" t="s">
        <v>120</v>
      </c>
      <c r="E16606" s="15">
        <v>45557</v>
      </c>
      <c r="F16606" s="14" t="s">
        <v>15</v>
      </c>
      <c r="G16606" s="16">
        <v>0</v>
      </c>
    </row>
    <row r="16607" spans="1:7" x14ac:dyDescent="0.3">
      <c r="A16607" s="13" t="s">
        <v>119</v>
      </c>
      <c r="B16607" s="14" t="s">
        <v>1</v>
      </c>
      <c r="C16607" s="14" t="s">
        <v>96</v>
      </c>
      <c r="D16607" s="14" t="s">
        <v>120</v>
      </c>
      <c r="E16607" s="15">
        <v>45558</v>
      </c>
      <c r="F16607" s="14" t="s">
        <v>15</v>
      </c>
      <c r="G16607" s="16">
        <v>0</v>
      </c>
    </row>
    <row r="16608" spans="1:7" x14ac:dyDescent="0.3">
      <c r="A16608" s="13" t="s">
        <v>119</v>
      </c>
      <c r="B16608" s="14" t="s">
        <v>1</v>
      </c>
      <c r="C16608" s="14" t="s">
        <v>96</v>
      </c>
      <c r="D16608" s="14" t="s">
        <v>120</v>
      </c>
      <c r="E16608" s="15">
        <v>45559</v>
      </c>
      <c r="F16608" s="14" t="s">
        <v>15</v>
      </c>
      <c r="G16608" s="16">
        <v>0</v>
      </c>
    </row>
    <row r="16609" spans="1:7" x14ac:dyDescent="0.3">
      <c r="A16609" s="13" t="s">
        <v>119</v>
      </c>
      <c r="B16609" s="14" t="s">
        <v>1</v>
      </c>
      <c r="C16609" s="14" t="s">
        <v>96</v>
      </c>
      <c r="D16609" s="14" t="s">
        <v>120</v>
      </c>
      <c r="E16609" s="15">
        <v>45560</v>
      </c>
      <c r="F16609" s="14" t="s">
        <v>15</v>
      </c>
      <c r="G16609" s="16">
        <v>0</v>
      </c>
    </row>
    <row r="16610" spans="1:7" x14ac:dyDescent="0.3">
      <c r="A16610" s="13" t="s">
        <v>119</v>
      </c>
      <c r="B16610" s="14" t="s">
        <v>1</v>
      </c>
      <c r="C16610" s="14" t="s">
        <v>96</v>
      </c>
      <c r="D16610" s="14" t="s">
        <v>120</v>
      </c>
      <c r="E16610" s="15">
        <v>45561</v>
      </c>
      <c r="F16610" s="14" t="s">
        <v>15</v>
      </c>
      <c r="G16610" s="16">
        <v>0</v>
      </c>
    </row>
    <row r="16611" spans="1:7" x14ac:dyDescent="0.3">
      <c r="A16611" s="13" t="s">
        <v>119</v>
      </c>
      <c r="B16611" s="14" t="s">
        <v>1</v>
      </c>
      <c r="C16611" s="14" t="s">
        <v>96</v>
      </c>
      <c r="D16611" s="14" t="s">
        <v>120</v>
      </c>
      <c r="E16611" s="15">
        <v>45562</v>
      </c>
      <c r="F16611" s="14" t="s">
        <v>15</v>
      </c>
      <c r="G16611" s="16">
        <v>0</v>
      </c>
    </row>
    <row r="16612" spans="1:7" x14ac:dyDescent="0.3">
      <c r="A16612" s="13" t="s">
        <v>119</v>
      </c>
      <c r="B16612" s="14" t="s">
        <v>1</v>
      </c>
      <c r="C16612" s="14" t="s">
        <v>96</v>
      </c>
      <c r="D16612" s="14" t="s">
        <v>120</v>
      </c>
      <c r="E16612" s="15">
        <v>45563</v>
      </c>
      <c r="F16612" s="14" t="s">
        <v>15</v>
      </c>
      <c r="G16612" s="16">
        <v>0</v>
      </c>
    </row>
    <row r="16613" spans="1:7" x14ac:dyDescent="0.3">
      <c r="A16613" s="13" t="s">
        <v>119</v>
      </c>
      <c r="B16613" s="14" t="s">
        <v>1</v>
      </c>
      <c r="C16613" s="14" t="s">
        <v>96</v>
      </c>
      <c r="D16613" s="14" t="s">
        <v>120</v>
      </c>
      <c r="E16613" s="15">
        <v>45564</v>
      </c>
      <c r="F16613" s="14" t="s">
        <v>15</v>
      </c>
      <c r="G16613" s="16">
        <v>0</v>
      </c>
    </row>
    <row r="16614" spans="1:7" x14ac:dyDescent="0.3">
      <c r="A16614" s="13" t="s">
        <v>119</v>
      </c>
      <c r="B16614" s="14" t="s">
        <v>1</v>
      </c>
      <c r="C16614" s="14" t="s">
        <v>96</v>
      </c>
      <c r="D16614" s="14" t="s">
        <v>120</v>
      </c>
      <c r="E16614" s="15">
        <v>45565</v>
      </c>
      <c r="F16614" s="14" t="s">
        <v>15</v>
      </c>
      <c r="G16614" s="16">
        <v>0</v>
      </c>
    </row>
    <row r="16615" spans="1:7" x14ac:dyDescent="0.3">
      <c r="A16615" s="13" t="s">
        <v>119</v>
      </c>
      <c r="B16615" s="14" t="s">
        <v>1</v>
      </c>
      <c r="C16615" s="14" t="s">
        <v>96</v>
      </c>
      <c r="D16615" s="14" t="s">
        <v>120</v>
      </c>
      <c r="E16615" s="15">
        <v>45566</v>
      </c>
      <c r="F16615" s="14" t="s">
        <v>15</v>
      </c>
      <c r="G16615" s="16">
        <v>0</v>
      </c>
    </row>
    <row r="16616" spans="1:7" x14ac:dyDescent="0.3">
      <c r="A16616" s="13" t="s">
        <v>119</v>
      </c>
      <c r="B16616" s="14" t="s">
        <v>1</v>
      </c>
      <c r="C16616" s="14" t="s">
        <v>96</v>
      </c>
      <c r="D16616" s="14" t="s">
        <v>120</v>
      </c>
      <c r="E16616" s="15">
        <v>45567</v>
      </c>
      <c r="F16616" s="14" t="s">
        <v>15</v>
      </c>
      <c r="G16616" s="16">
        <v>0</v>
      </c>
    </row>
    <row r="16617" spans="1:7" x14ac:dyDescent="0.3">
      <c r="A16617" s="13" t="s">
        <v>119</v>
      </c>
      <c r="B16617" s="14" t="s">
        <v>1</v>
      </c>
      <c r="C16617" s="14" t="s">
        <v>96</v>
      </c>
      <c r="D16617" s="14" t="s">
        <v>120</v>
      </c>
      <c r="E16617" s="15">
        <v>45568</v>
      </c>
      <c r="F16617" s="14" t="s">
        <v>15</v>
      </c>
      <c r="G16617" s="16">
        <v>0</v>
      </c>
    </row>
    <row r="16618" spans="1:7" x14ac:dyDescent="0.3">
      <c r="A16618" s="13" t="s">
        <v>119</v>
      </c>
      <c r="B16618" s="14" t="s">
        <v>1</v>
      </c>
      <c r="C16618" s="14" t="s">
        <v>96</v>
      </c>
      <c r="D16618" s="14" t="s">
        <v>120</v>
      </c>
      <c r="E16618" s="15">
        <v>45569</v>
      </c>
      <c r="F16618" s="14" t="s">
        <v>15</v>
      </c>
      <c r="G16618" s="16">
        <v>0</v>
      </c>
    </row>
    <row r="16619" spans="1:7" x14ac:dyDescent="0.3">
      <c r="A16619" s="13" t="s">
        <v>119</v>
      </c>
      <c r="B16619" s="14" t="s">
        <v>1</v>
      </c>
      <c r="C16619" s="14" t="s">
        <v>96</v>
      </c>
      <c r="D16619" s="14" t="s">
        <v>120</v>
      </c>
      <c r="E16619" s="15">
        <v>45570</v>
      </c>
      <c r="F16619" s="14" t="s">
        <v>15</v>
      </c>
      <c r="G16619" s="16">
        <v>0</v>
      </c>
    </row>
    <row r="16620" spans="1:7" x14ac:dyDescent="0.3">
      <c r="A16620" s="13" t="s">
        <v>119</v>
      </c>
      <c r="B16620" s="14" t="s">
        <v>1</v>
      </c>
      <c r="C16620" s="14" t="s">
        <v>96</v>
      </c>
      <c r="D16620" s="14" t="s">
        <v>120</v>
      </c>
      <c r="E16620" s="15">
        <v>45571</v>
      </c>
      <c r="F16620" s="14" t="s">
        <v>15</v>
      </c>
      <c r="G16620" s="16">
        <v>0</v>
      </c>
    </row>
    <row r="16621" spans="1:7" x14ac:dyDescent="0.3">
      <c r="A16621" s="13" t="s">
        <v>119</v>
      </c>
      <c r="B16621" s="14" t="s">
        <v>1</v>
      </c>
      <c r="C16621" s="14" t="s">
        <v>96</v>
      </c>
      <c r="D16621" s="14" t="s">
        <v>120</v>
      </c>
      <c r="E16621" s="15">
        <v>45572</v>
      </c>
      <c r="F16621" s="14" t="s">
        <v>15</v>
      </c>
      <c r="G16621" s="16">
        <v>0</v>
      </c>
    </row>
    <row r="16622" spans="1:7" x14ac:dyDescent="0.3">
      <c r="A16622" s="13" t="s">
        <v>119</v>
      </c>
      <c r="B16622" s="14" t="s">
        <v>1</v>
      </c>
      <c r="C16622" s="14" t="s">
        <v>96</v>
      </c>
      <c r="D16622" s="14" t="s">
        <v>120</v>
      </c>
      <c r="E16622" s="15">
        <v>45573</v>
      </c>
      <c r="F16622" s="14" t="s">
        <v>15</v>
      </c>
      <c r="G16622" s="16">
        <v>0</v>
      </c>
    </row>
    <row r="16623" spans="1:7" x14ac:dyDescent="0.3">
      <c r="A16623" s="13" t="s">
        <v>119</v>
      </c>
      <c r="B16623" s="14" t="s">
        <v>1</v>
      </c>
      <c r="C16623" s="14" t="s">
        <v>96</v>
      </c>
      <c r="D16623" s="14" t="s">
        <v>120</v>
      </c>
      <c r="E16623" s="15">
        <v>45574</v>
      </c>
      <c r="F16623" s="14" t="s">
        <v>15</v>
      </c>
      <c r="G16623" s="16">
        <v>0</v>
      </c>
    </row>
    <row r="16624" spans="1:7" x14ac:dyDescent="0.3">
      <c r="A16624" s="13" t="s">
        <v>119</v>
      </c>
      <c r="B16624" s="14" t="s">
        <v>1</v>
      </c>
      <c r="C16624" s="14" t="s">
        <v>96</v>
      </c>
      <c r="D16624" s="14" t="s">
        <v>120</v>
      </c>
      <c r="E16624" s="15">
        <v>45575</v>
      </c>
      <c r="F16624" s="14" t="s">
        <v>15</v>
      </c>
      <c r="G16624" s="16">
        <v>0</v>
      </c>
    </row>
    <row r="16625" spans="1:7" x14ac:dyDescent="0.3">
      <c r="A16625" s="13" t="s">
        <v>119</v>
      </c>
      <c r="B16625" s="14" t="s">
        <v>1</v>
      </c>
      <c r="C16625" s="14" t="s">
        <v>96</v>
      </c>
      <c r="D16625" s="14" t="s">
        <v>120</v>
      </c>
      <c r="E16625" s="15">
        <v>45576</v>
      </c>
      <c r="F16625" s="14" t="s">
        <v>15</v>
      </c>
      <c r="G16625" s="16">
        <v>0</v>
      </c>
    </row>
    <row r="16626" spans="1:7" x14ac:dyDescent="0.3">
      <c r="A16626" s="13" t="s">
        <v>119</v>
      </c>
      <c r="B16626" s="14" t="s">
        <v>1</v>
      </c>
      <c r="C16626" s="14" t="s">
        <v>96</v>
      </c>
      <c r="D16626" s="14" t="s">
        <v>120</v>
      </c>
      <c r="E16626" s="15">
        <v>45577</v>
      </c>
      <c r="F16626" s="14" t="s">
        <v>15</v>
      </c>
      <c r="G16626" s="16">
        <v>0</v>
      </c>
    </row>
    <row r="16627" spans="1:7" x14ac:dyDescent="0.3">
      <c r="A16627" s="13" t="s">
        <v>119</v>
      </c>
      <c r="B16627" s="14" t="s">
        <v>1</v>
      </c>
      <c r="C16627" s="14" t="s">
        <v>96</v>
      </c>
      <c r="D16627" s="14" t="s">
        <v>120</v>
      </c>
      <c r="E16627" s="15">
        <v>45578</v>
      </c>
      <c r="F16627" s="14" t="s">
        <v>15</v>
      </c>
      <c r="G16627" s="16">
        <v>0</v>
      </c>
    </row>
    <row r="16628" spans="1:7" x14ac:dyDescent="0.3">
      <c r="A16628" s="13" t="s">
        <v>119</v>
      </c>
      <c r="B16628" s="14" t="s">
        <v>1</v>
      </c>
      <c r="C16628" s="14" t="s">
        <v>96</v>
      </c>
      <c r="D16628" s="14" t="s">
        <v>120</v>
      </c>
      <c r="E16628" s="15">
        <v>45579</v>
      </c>
      <c r="F16628" s="14" t="s">
        <v>15</v>
      </c>
      <c r="G16628" s="16">
        <v>0</v>
      </c>
    </row>
    <row r="16629" spans="1:7" x14ac:dyDescent="0.3">
      <c r="A16629" s="13" t="s">
        <v>119</v>
      </c>
      <c r="B16629" s="14" t="s">
        <v>1</v>
      </c>
      <c r="C16629" s="14" t="s">
        <v>96</v>
      </c>
      <c r="D16629" s="14" t="s">
        <v>120</v>
      </c>
      <c r="E16629" s="15">
        <v>45580</v>
      </c>
      <c r="F16629" s="14" t="s">
        <v>15</v>
      </c>
      <c r="G16629" s="16">
        <v>0</v>
      </c>
    </row>
    <row r="16630" spans="1:7" x14ac:dyDescent="0.3">
      <c r="A16630" s="13" t="s">
        <v>119</v>
      </c>
      <c r="B16630" s="14" t="s">
        <v>1</v>
      </c>
      <c r="C16630" s="14" t="s">
        <v>96</v>
      </c>
      <c r="D16630" s="14" t="s">
        <v>120</v>
      </c>
      <c r="E16630" s="15">
        <v>45581</v>
      </c>
      <c r="F16630" s="14" t="s">
        <v>15</v>
      </c>
      <c r="G16630" s="16">
        <v>0</v>
      </c>
    </row>
    <row r="16631" spans="1:7" x14ac:dyDescent="0.3">
      <c r="A16631" s="13" t="s">
        <v>119</v>
      </c>
      <c r="B16631" s="14" t="s">
        <v>1</v>
      </c>
      <c r="C16631" s="14" t="s">
        <v>96</v>
      </c>
      <c r="D16631" s="14" t="s">
        <v>120</v>
      </c>
      <c r="E16631" s="15">
        <v>45582</v>
      </c>
      <c r="F16631" s="14" t="s">
        <v>15</v>
      </c>
      <c r="G16631" s="16">
        <v>0</v>
      </c>
    </row>
    <row r="16632" spans="1:7" x14ac:dyDescent="0.3">
      <c r="A16632" s="13" t="s">
        <v>119</v>
      </c>
      <c r="B16632" s="14" t="s">
        <v>1</v>
      </c>
      <c r="C16632" s="14" t="s">
        <v>96</v>
      </c>
      <c r="D16632" s="14" t="s">
        <v>120</v>
      </c>
      <c r="E16632" s="15">
        <v>45583</v>
      </c>
      <c r="F16632" s="14" t="s">
        <v>15</v>
      </c>
      <c r="G16632" s="16">
        <v>0</v>
      </c>
    </row>
    <row r="16633" spans="1:7" x14ac:dyDescent="0.3">
      <c r="A16633" s="13" t="s">
        <v>119</v>
      </c>
      <c r="B16633" s="14" t="s">
        <v>1</v>
      </c>
      <c r="C16633" s="14" t="s">
        <v>96</v>
      </c>
      <c r="D16633" s="14" t="s">
        <v>120</v>
      </c>
      <c r="E16633" s="15">
        <v>45584</v>
      </c>
      <c r="F16633" s="14" t="s">
        <v>15</v>
      </c>
      <c r="G16633" s="16">
        <v>0</v>
      </c>
    </row>
    <row r="16634" spans="1:7" x14ac:dyDescent="0.3">
      <c r="A16634" s="13" t="s">
        <v>119</v>
      </c>
      <c r="B16634" s="14" t="s">
        <v>1</v>
      </c>
      <c r="C16634" s="14" t="s">
        <v>96</v>
      </c>
      <c r="D16634" s="14" t="s">
        <v>120</v>
      </c>
      <c r="E16634" s="15">
        <v>45585</v>
      </c>
      <c r="F16634" s="14" t="s">
        <v>15</v>
      </c>
      <c r="G16634" s="16">
        <v>0</v>
      </c>
    </row>
    <row r="16635" spans="1:7" x14ac:dyDescent="0.3">
      <c r="A16635" s="13" t="s">
        <v>119</v>
      </c>
      <c r="B16635" s="14" t="s">
        <v>1</v>
      </c>
      <c r="C16635" s="14" t="s">
        <v>96</v>
      </c>
      <c r="D16635" s="14" t="s">
        <v>120</v>
      </c>
      <c r="E16635" s="15">
        <v>45586</v>
      </c>
      <c r="F16635" s="14" t="s">
        <v>15</v>
      </c>
      <c r="G16635" s="16">
        <v>0</v>
      </c>
    </row>
    <row r="16636" spans="1:7" x14ac:dyDescent="0.3">
      <c r="A16636" s="13" t="s">
        <v>119</v>
      </c>
      <c r="B16636" s="14" t="s">
        <v>1</v>
      </c>
      <c r="C16636" s="14" t="s">
        <v>96</v>
      </c>
      <c r="D16636" s="14" t="s">
        <v>120</v>
      </c>
      <c r="E16636" s="15">
        <v>45587</v>
      </c>
      <c r="F16636" s="14" t="s">
        <v>15</v>
      </c>
      <c r="G16636" s="16">
        <v>0</v>
      </c>
    </row>
    <row r="16637" spans="1:7" x14ac:dyDescent="0.3">
      <c r="A16637" s="13" t="s">
        <v>119</v>
      </c>
      <c r="B16637" s="14" t="s">
        <v>1</v>
      </c>
      <c r="C16637" s="14" t="s">
        <v>96</v>
      </c>
      <c r="D16637" s="14" t="s">
        <v>120</v>
      </c>
      <c r="E16637" s="15">
        <v>45588</v>
      </c>
      <c r="F16637" s="14" t="s">
        <v>15</v>
      </c>
      <c r="G16637" s="16">
        <v>0</v>
      </c>
    </row>
    <row r="16638" spans="1:7" x14ac:dyDescent="0.3">
      <c r="A16638" s="13" t="s">
        <v>119</v>
      </c>
      <c r="B16638" s="14" t="s">
        <v>1</v>
      </c>
      <c r="C16638" s="14" t="s">
        <v>96</v>
      </c>
      <c r="D16638" s="14" t="s">
        <v>120</v>
      </c>
      <c r="E16638" s="15">
        <v>45589</v>
      </c>
      <c r="F16638" s="14" t="s">
        <v>15</v>
      </c>
      <c r="G16638" s="16">
        <v>0</v>
      </c>
    </row>
    <row r="16639" spans="1:7" x14ac:dyDescent="0.3">
      <c r="A16639" s="13" t="s">
        <v>119</v>
      </c>
      <c r="B16639" s="14" t="s">
        <v>1</v>
      </c>
      <c r="C16639" s="14" t="s">
        <v>96</v>
      </c>
      <c r="D16639" s="14" t="s">
        <v>120</v>
      </c>
      <c r="E16639" s="15">
        <v>45590</v>
      </c>
      <c r="F16639" s="14" t="s">
        <v>15</v>
      </c>
      <c r="G16639" s="16">
        <v>0</v>
      </c>
    </row>
    <row r="16640" spans="1:7" x14ac:dyDescent="0.3">
      <c r="A16640" s="13" t="s">
        <v>119</v>
      </c>
      <c r="B16640" s="14" t="s">
        <v>1</v>
      </c>
      <c r="C16640" s="14" t="s">
        <v>96</v>
      </c>
      <c r="D16640" s="14" t="s">
        <v>120</v>
      </c>
      <c r="E16640" s="15">
        <v>45591</v>
      </c>
      <c r="F16640" s="14" t="s">
        <v>15</v>
      </c>
      <c r="G16640" s="16">
        <v>0</v>
      </c>
    </row>
    <row r="16641" spans="1:7" x14ac:dyDescent="0.3">
      <c r="A16641" s="13" t="s">
        <v>119</v>
      </c>
      <c r="B16641" s="14" t="s">
        <v>1</v>
      </c>
      <c r="C16641" s="14" t="s">
        <v>96</v>
      </c>
      <c r="D16641" s="14" t="s">
        <v>120</v>
      </c>
      <c r="E16641" s="15">
        <v>45592</v>
      </c>
      <c r="F16641" s="14" t="s">
        <v>15</v>
      </c>
      <c r="G16641" s="16">
        <v>0</v>
      </c>
    </row>
    <row r="16642" spans="1:7" x14ac:dyDescent="0.3">
      <c r="A16642" s="13" t="s">
        <v>119</v>
      </c>
      <c r="B16642" s="14" t="s">
        <v>1</v>
      </c>
      <c r="C16642" s="14" t="s">
        <v>96</v>
      </c>
      <c r="D16642" s="14" t="s">
        <v>120</v>
      </c>
      <c r="E16642" s="15">
        <v>45593</v>
      </c>
      <c r="F16642" s="14" t="s">
        <v>15</v>
      </c>
      <c r="G16642" s="16">
        <v>0</v>
      </c>
    </row>
    <row r="16643" spans="1:7" x14ac:dyDescent="0.3">
      <c r="A16643" s="13" t="s">
        <v>119</v>
      </c>
      <c r="B16643" s="14" t="s">
        <v>1</v>
      </c>
      <c r="C16643" s="14" t="s">
        <v>96</v>
      </c>
      <c r="D16643" s="14" t="s">
        <v>120</v>
      </c>
      <c r="E16643" s="15">
        <v>45594</v>
      </c>
      <c r="F16643" s="14" t="s">
        <v>15</v>
      </c>
      <c r="G16643" s="16">
        <v>0</v>
      </c>
    </row>
    <row r="16644" spans="1:7" x14ac:dyDescent="0.3">
      <c r="A16644" s="13" t="s">
        <v>119</v>
      </c>
      <c r="B16644" s="14" t="s">
        <v>1</v>
      </c>
      <c r="C16644" s="14" t="s">
        <v>96</v>
      </c>
      <c r="D16644" s="14" t="s">
        <v>120</v>
      </c>
      <c r="E16644" s="15">
        <v>45595</v>
      </c>
      <c r="F16644" s="14" t="s">
        <v>15</v>
      </c>
      <c r="G16644" s="16">
        <v>0</v>
      </c>
    </row>
    <row r="16645" spans="1:7" x14ac:dyDescent="0.3">
      <c r="A16645" s="13" t="s">
        <v>119</v>
      </c>
      <c r="B16645" s="14" t="s">
        <v>1</v>
      </c>
      <c r="C16645" s="14" t="s">
        <v>96</v>
      </c>
      <c r="D16645" s="14" t="s">
        <v>120</v>
      </c>
      <c r="E16645" s="15">
        <v>45596</v>
      </c>
      <c r="F16645" s="14" t="s">
        <v>15</v>
      </c>
      <c r="G16645" s="16">
        <v>0</v>
      </c>
    </row>
    <row r="16646" spans="1:7" x14ac:dyDescent="0.3">
      <c r="A16646" s="13" t="s">
        <v>119</v>
      </c>
      <c r="B16646" s="14" t="s">
        <v>1</v>
      </c>
      <c r="C16646" s="14" t="s">
        <v>96</v>
      </c>
      <c r="D16646" s="14" t="s">
        <v>120</v>
      </c>
      <c r="E16646" s="15">
        <v>45597</v>
      </c>
      <c r="F16646" s="14" t="s">
        <v>15</v>
      </c>
      <c r="G16646" s="16">
        <v>0</v>
      </c>
    </row>
    <row r="16647" spans="1:7" x14ac:dyDescent="0.3">
      <c r="A16647" s="13" t="s">
        <v>119</v>
      </c>
      <c r="B16647" s="14" t="s">
        <v>1</v>
      </c>
      <c r="C16647" s="14" t="s">
        <v>96</v>
      </c>
      <c r="D16647" s="14" t="s">
        <v>120</v>
      </c>
      <c r="E16647" s="15">
        <v>45598</v>
      </c>
      <c r="F16647" s="14" t="s">
        <v>15</v>
      </c>
      <c r="G16647" s="16">
        <v>0</v>
      </c>
    </row>
    <row r="16648" spans="1:7" x14ac:dyDescent="0.3">
      <c r="A16648" s="13" t="s">
        <v>119</v>
      </c>
      <c r="B16648" s="14" t="s">
        <v>1</v>
      </c>
      <c r="C16648" s="14" t="s">
        <v>96</v>
      </c>
      <c r="D16648" s="14" t="s">
        <v>120</v>
      </c>
      <c r="E16648" s="15">
        <v>45599</v>
      </c>
      <c r="F16648" s="14" t="s">
        <v>15</v>
      </c>
      <c r="G16648" s="16">
        <v>0</v>
      </c>
    </row>
    <row r="16649" spans="1:7" x14ac:dyDescent="0.3">
      <c r="A16649" s="13" t="s">
        <v>119</v>
      </c>
      <c r="B16649" s="14" t="s">
        <v>1</v>
      </c>
      <c r="C16649" s="14" t="s">
        <v>96</v>
      </c>
      <c r="D16649" s="14" t="s">
        <v>120</v>
      </c>
      <c r="E16649" s="15">
        <v>45600</v>
      </c>
      <c r="F16649" s="14" t="s">
        <v>15</v>
      </c>
      <c r="G16649" s="16">
        <v>0</v>
      </c>
    </row>
    <row r="16650" spans="1:7" x14ac:dyDescent="0.3">
      <c r="A16650" s="13" t="s">
        <v>119</v>
      </c>
      <c r="B16650" s="14" t="s">
        <v>1</v>
      </c>
      <c r="C16650" s="14" t="s">
        <v>96</v>
      </c>
      <c r="D16650" s="14" t="s">
        <v>120</v>
      </c>
      <c r="E16650" s="15">
        <v>45601</v>
      </c>
      <c r="F16650" s="14" t="s">
        <v>15</v>
      </c>
      <c r="G16650" s="16">
        <v>0</v>
      </c>
    </row>
    <row r="16651" spans="1:7" x14ac:dyDescent="0.3">
      <c r="A16651" s="13" t="s">
        <v>119</v>
      </c>
      <c r="B16651" s="14" t="s">
        <v>1</v>
      </c>
      <c r="C16651" s="14" t="s">
        <v>96</v>
      </c>
      <c r="D16651" s="14" t="s">
        <v>120</v>
      </c>
      <c r="E16651" s="15">
        <v>45602</v>
      </c>
      <c r="F16651" s="14" t="s">
        <v>15</v>
      </c>
      <c r="G16651" s="16">
        <v>0</v>
      </c>
    </row>
    <row r="16652" spans="1:7" x14ac:dyDescent="0.3">
      <c r="A16652" s="13" t="s">
        <v>119</v>
      </c>
      <c r="B16652" s="14" t="s">
        <v>1</v>
      </c>
      <c r="C16652" s="14" t="s">
        <v>96</v>
      </c>
      <c r="D16652" s="14" t="s">
        <v>120</v>
      </c>
      <c r="E16652" s="15">
        <v>45603</v>
      </c>
      <c r="F16652" s="14" t="s">
        <v>15</v>
      </c>
      <c r="G16652" s="16">
        <v>0</v>
      </c>
    </row>
    <row r="16653" spans="1:7" x14ac:dyDescent="0.3">
      <c r="A16653" s="13" t="s">
        <v>119</v>
      </c>
      <c r="B16653" s="14" t="s">
        <v>1</v>
      </c>
      <c r="C16653" s="14" t="s">
        <v>96</v>
      </c>
      <c r="D16653" s="14" t="s">
        <v>120</v>
      </c>
      <c r="E16653" s="15">
        <v>45604</v>
      </c>
      <c r="F16653" s="14" t="s">
        <v>15</v>
      </c>
      <c r="G16653" s="16">
        <v>0</v>
      </c>
    </row>
    <row r="16654" spans="1:7" x14ac:dyDescent="0.3">
      <c r="A16654" s="13" t="s">
        <v>119</v>
      </c>
      <c r="B16654" s="14" t="s">
        <v>1</v>
      </c>
      <c r="C16654" s="14" t="s">
        <v>96</v>
      </c>
      <c r="D16654" s="14" t="s">
        <v>120</v>
      </c>
      <c r="E16654" s="15">
        <v>45605</v>
      </c>
      <c r="F16654" s="14" t="s">
        <v>15</v>
      </c>
      <c r="G16654" s="16">
        <v>0</v>
      </c>
    </row>
    <row r="16655" spans="1:7" x14ac:dyDescent="0.3">
      <c r="A16655" s="13" t="s">
        <v>119</v>
      </c>
      <c r="B16655" s="14" t="s">
        <v>1</v>
      </c>
      <c r="C16655" s="14" t="s">
        <v>96</v>
      </c>
      <c r="D16655" s="14" t="s">
        <v>120</v>
      </c>
      <c r="E16655" s="15">
        <v>45606</v>
      </c>
      <c r="F16655" s="14" t="s">
        <v>15</v>
      </c>
      <c r="G16655" s="16">
        <v>0</v>
      </c>
    </row>
    <row r="16656" spans="1:7" x14ac:dyDescent="0.3">
      <c r="A16656" s="13" t="s">
        <v>119</v>
      </c>
      <c r="B16656" s="14" t="s">
        <v>1</v>
      </c>
      <c r="C16656" s="14" t="s">
        <v>96</v>
      </c>
      <c r="D16656" s="14" t="s">
        <v>120</v>
      </c>
      <c r="E16656" s="15">
        <v>45607</v>
      </c>
      <c r="F16656" s="14" t="s">
        <v>15</v>
      </c>
      <c r="G16656" s="16">
        <v>0</v>
      </c>
    </row>
    <row r="16657" spans="1:7" x14ac:dyDescent="0.3">
      <c r="A16657" s="13" t="s">
        <v>119</v>
      </c>
      <c r="B16657" s="14" t="s">
        <v>1</v>
      </c>
      <c r="C16657" s="14" t="s">
        <v>96</v>
      </c>
      <c r="D16657" s="14" t="s">
        <v>120</v>
      </c>
      <c r="E16657" s="15">
        <v>45608</v>
      </c>
      <c r="F16657" s="14" t="s">
        <v>15</v>
      </c>
      <c r="G16657" s="16">
        <v>0</v>
      </c>
    </row>
    <row r="16658" spans="1:7" x14ac:dyDescent="0.3">
      <c r="A16658" s="13" t="s">
        <v>119</v>
      </c>
      <c r="B16658" s="14" t="s">
        <v>1</v>
      </c>
      <c r="C16658" s="14" t="s">
        <v>96</v>
      </c>
      <c r="D16658" s="14" t="s">
        <v>120</v>
      </c>
      <c r="E16658" s="15">
        <v>45609</v>
      </c>
      <c r="F16658" s="14" t="s">
        <v>15</v>
      </c>
      <c r="G16658" s="16">
        <v>0</v>
      </c>
    </row>
    <row r="16659" spans="1:7" x14ac:dyDescent="0.3">
      <c r="A16659" s="13" t="s">
        <v>119</v>
      </c>
      <c r="B16659" s="14" t="s">
        <v>1</v>
      </c>
      <c r="C16659" s="14" t="s">
        <v>96</v>
      </c>
      <c r="D16659" s="14" t="s">
        <v>120</v>
      </c>
      <c r="E16659" s="15">
        <v>45610</v>
      </c>
      <c r="F16659" s="14" t="s">
        <v>15</v>
      </c>
      <c r="G16659" s="16">
        <v>0</v>
      </c>
    </row>
    <row r="16660" spans="1:7" x14ac:dyDescent="0.3">
      <c r="A16660" s="13" t="s">
        <v>119</v>
      </c>
      <c r="B16660" s="14" t="s">
        <v>1</v>
      </c>
      <c r="C16660" s="14" t="s">
        <v>96</v>
      </c>
      <c r="D16660" s="14" t="s">
        <v>120</v>
      </c>
      <c r="E16660" s="15">
        <v>45611</v>
      </c>
      <c r="F16660" s="14" t="s">
        <v>15</v>
      </c>
      <c r="G16660" s="16">
        <v>0</v>
      </c>
    </row>
    <row r="16661" spans="1:7" x14ac:dyDescent="0.3">
      <c r="A16661" s="13" t="s">
        <v>119</v>
      </c>
      <c r="B16661" s="14" t="s">
        <v>1</v>
      </c>
      <c r="C16661" s="14" t="s">
        <v>96</v>
      </c>
      <c r="D16661" s="14" t="s">
        <v>120</v>
      </c>
      <c r="E16661" s="15">
        <v>45612</v>
      </c>
      <c r="F16661" s="14" t="s">
        <v>15</v>
      </c>
      <c r="G16661" s="16">
        <v>0</v>
      </c>
    </row>
    <row r="16662" spans="1:7" x14ac:dyDescent="0.3">
      <c r="A16662" s="13" t="s">
        <v>119</v>
      </c>
      <c r="B16662" s="14" t="s">
        <v>1</v>
      </c>
      <c r="C16662" s="14" t="s">
        <v>96</v>
      </c>
      <c r="D16662" s="14" t="s">
        <v>120</v>
      </c>
      <c r="E16662" s="15">
        <v>45613</v>
      </c>
      <c r="F16662" s="14" t="s">
        <v>15</v>
      </c>
      <c r="G16662" s="16">
        <v>0</v>
      </c>
    </row>
    <row r="16663" spans="1:7" x14ac:dyDescent="0.3">
      <c r="A16663" s="13" t="s">
        <v>119</v>
      </c>
      <c r="B16663" s="14" t="s">
        <v>1</v>
      </c>
      <c r="C16663" s="14" t="s">
        <v>96</v>
      </c>
      <c r="D16663" s="14" t="s">
        <v>120</v>
      </c>
      <c r="E16663" s="15">
        <v>45614</v>
      </c>
      <c r="F16663" s="14" t="s">
        <v>15</v>
      </c>
      <c r="G16663" s="16">
        <v>0</v>
      </c>
    </row>
    <row r="16664" spans="1:7" x14ac:dyDescent="0.3">
      <c r="A16664" s="13" t="s">
        <v>119</v>
      </c>
      <c r="B16664" s="14" t="s">
        <v>1</v>
      </c>
      <c r="C16664" s="14" t="s">
        <v>96</v>
      </c>
      <c r="D16664" s="14" t="s">
        <v>120</v>
      </c>
      <c r="E16664" s="15">
        <v>45615</v>
      </c>
      <c r="F16664" s="14" t="s">
        <v>15</v>
      </c>
      <c r="G16664" s="16">
        <v>0</v>
      </c>
    </row>
    <row r="16665" spans="1:7" x14ac:dyDescent="0.3">
      <c r="A16665" s="13" t="s">
        <v>119</v>
      </c>
      <c r="B16665" s="14" t="s">
        <v>1</v>
      </c>
      <c r="C16665" s="14" t="s">
        <v>96</v>
      </c>
      <c r="D16665" s="14" t="s">
        <v>120</v>
      </c>
      <c r="E16665" s="15">
        <v>45616</v>
      </c>
      <c r="F16665" s="14" t="s">
        <v>15</v>
      </c>
      <c r="G16665" s="16">
        <v>0</v>
      </c>
    </row>
    <row r="16666" spans="1:7" x14ac:dyDescent="0.3">
      <c r="A16666" s="13" t="s">
        <v>119</v>
      </c>
      <c r="B16666" s="14" t="s">
        <v>1</v>
      </c>
      <c r="C16666" s="14" t="s">
        <v>96</v>
      </c>
      <c r="D16666" s="14" t="s">
        <v>120</v>
      </c>
      <c r="E16666" s="15">
        <v>45617</v>
      </c>
      <c r="F16666" s="14" t="s">
        <v>15</v>
      </c>
      <c r="G16666" s="16">
        <v>0</v>
      </c>
    </row>
    <row r="16667" spans="1:7" x14ac:dyDescent="0.3">
      <c r="A16667" s="13" t="s">
        <v>119</v>
      </c>
      <c r="B16667" s="14" t="s">
        <v>1</v>
      </c>
      <c r="C16667" s="14" t="s">
        <v>96</v>
      </c>
      <c r="D16667" s="14" t="s">
        <v>120</v>
      </c>
      <c r="E16667" s="15">
        <v>45618</v>
      </c>
      <c r="F16667" s="14" t="s">
        <v>15</v>
      </c>
      <c r="G16667" s="16">
        <v>0</v>
      </c>
    </row>
    <row r="16668" spans="1:7" x14ac:dyDescent="0.3">
      <c r="A16668" s="13" t="s">
        <v>119</v>
      </c>
      <c r="B16668" s="14" t="s">
        <v>1</v>
      </c>
      <c r="C16668" s="14" t="s">
        <v>96</v>
      </c>
      <c r="D16668" s="14" t="s">
        <v>120</v>
      </c>
      <c r="E16668" s="15">
        <v>45619</v>
      </c>
      <c r="F16668" s="14" t="s">
        <v>15</v>
      </c>
      <c r="G16668" s="16">
        <v>0</v>
      </c>
    </row>
    <row r="16669" spans="1:7" x14ac:dyDescent="0.3">
      <c r="A16669" s="13" t="s">
        <v>119</v>
      </c>
      <c r="B16669" s="14" t="s">
        <v>1</v>
      </c>
      <c r="C16669" s="14" t="s">
        <v>96</v>
      </c>
      <c r="D16669" s="14" t="s">
        <v>120</v>
      </c>
      <c r="E16669" s="15">
        <v>45620</v>
      </c>
      <c r="F16669" s="14" t="s">
        <v>15</v>
      </c>
      <c r="G16669" s="16">
        <v>0</v>
      </c>
    </row>
    <row r="16670" spans="1:7" x14ac:dyDescent="0.3">
      <c r="A16670" s="13" t="s">
        <v>119</v>
      </c>
      <c r="B16670" s="14" t="s">
        <v>1</v>
      </c>
      <c r="C16670" s="14" t="s">
        <v>96</v>
      </c>
      <c r="D16670" s="14" t="s">
        <v>120</v>
      </c>
      <c r="E16670" s="15">
        <v>45621</v>
      </c>
      <c r="F16670" s="14" t="s">
        <v>15</v>
      </c>
      <c r="G16670" s="16">
        <v>0</v>
      </c>
    </row>
    <row r="16671" spans="1:7" x14ac:dyDescent="0.3">
      <c r="A16671" s="13" t="s">
        <v>119</v>
      </c>
      <c r="B16671" s="14" t="s">
        <v>1</v>
      </c>
      <c r="C16671" s="14" t="s">
        <v>96</v>
      </c>
      <c r="D16671" s="14" t="s">
        <v>120</v>
      </c>
      <c r="E16671" s="15">
        <v>45622</v>
      </c>
      <c r="F16671" s="14" t="s">
        <v>15</v>
      </c>
      <c r="G16671" s="16">
        <v>0</v>
      </c>
    </row>
    <row r="16672" spans="1:7" x14ac:dyDescent="0.3">
      <c r="A16672" s="13" t="s">
        <v>119</v>
      </c>
      <c r="B16672" s="14" t="s">
        <v>1</v>
      </c>
      <c r="C16672" s="14" t="s">
        <v>96</v>
      </c>
      <c r="D16672" s="14" t="s">
        <v>120</v>
      </c>
      <c r="E16672" s="15">
        <v>45623</v>
      </c>
      <c r="F16672" s="14" t="s">
        <v>15</v>
      </c>
      <c r="G16672" s="16">
        <v>0</v>
      </c>
    </row>
    <row r="16673" spans="1:7" x14ac:dyDescent="0.3">
      <c r="A16673" s="13" t="s">
        <v>119</v>
      </c>
      <c r="B16673" s="14" t="s">
        <v>1</v>
      </c>
      <c r="C16673" s="14" t="s">
        <v>96</v>
      </c>
      <c r="D16673" s="14" t="s">
        <v>120</v>
      </c>
      <c r="E16673" s="15">
        <v>45624</v>
      </c>
      <c r="F16673" s="14" t="s">
        <v>15</v>
      </c>
      <c r="G16673" s="16">
        <v>0</v>
      </c>
    </row>
    <row r="16674" spans="1:7" x14ac:dyDescent="0.3">
      <c r="A16674" s="13" t="s">
        <v>119</v>
      </c>
      <c r="B16674" s="14" t="s">
        <v>1</v>
      </c>
      <c r="C16674" s="14" t="s">
        <v>96</v>
      </c>
      <c r="D16674" s="14" t="s">
        <v>120</v>
      </c>
      <c r="E16674" s="15">
        <v>45625</v>
      </c>
      <c r="F16674" s="14" t="s">
        <v>15</v>
      </c>
      <c r="G16674" s="16">
        <v>0</v>
      </c>
    </row>
    <row r="16675" spans="1:7" x14ac:dyDescent="0.3">
      <c r="A16675" s="13" t="s">
        <v>119</v>
      </c>
      <c r="B16675" s="14" t="s">
        <v>1</v>
      </c>
      <c r="C16675" s="14" t="s">
        <v>96</v>
      </c>
      <c r="D16675" s="14" t="s">
        <v>120</v>
      </c>
      <c r="E16675" s="15">
        <v>45626</v>
      </c>
      <c r="F16675" s="14" t="s">
        <v>15</v>
      </c>
      <c r="G16675" s="16">
        <v>0</v>
      </c>
    </row>
    <row r="16676" spans="1:7" x14ac:dyDescent="0.3">
      <c r="A16676" s="13" t="s">
        <v>119</v>
      </c>
      <c r="B16676" s="14" t="s">
        <v>1</v>
      </c>
      <c r="C16676" s="14" t="s">
        <v>96</v>
      </c>
      <c r="D16676" s="14" t="s">
        <v>120</v>
      </c>
      <c r="E16676" s="15">
        <v>45627</v>
      </c>
      <c r="F16676" s="14" t="s">
        <v>15</v>
      </c>
      <c r="G16676" s="16">
        <v>0</v>
      </c>
    </row>
    <row r="16677" spans="1:7" x14ac:dyDescent="0.3">
      <c r="A16677" s="13" t="s">
        <v>119</v>
      </c>
      <c r="B16677" s="14" t="s">
        <v>1</v>
      </c>
      <c r="C16677" s="14" t="s">
        <v>96</v>
      </c>
      <c r="D16677" s="14" t="s">
        <v>120</v>
      </c>
      <c r="E16677" s="15">
        <v>45628</v>
      </c>
      <c r="F16677" s="14" t="s">
        <v>15</v>
      </c>
      <c r="G16677" s="16">
        <v>0</v>
      </c>
    </row>
    <row r="16678" spans="1:7" x14ac:dyDescent="0.3">
      <c r="A16678" s="13" t="s">
        <v>119</v>
      </c>
      <c r="B16678" s="14" t="s">
        <v>1</v>
      </c>
      <c r="C16678" s="14" t="s">
        <v>96</v>
      </c>
      <c r="D16678" s="14" t="s">
        <v>120</v>
      </c>
      <c r="E16678" s="15">
        <v>45629</v>
      </c>
      <c r="F16678" s="14" t="s">
        <v>15</v>
      </c>
      <c r="G16678" s="16">
        <v>0</v>
      </c>
    </row>
    <row r="16679" spans="1:7" x14ac:dyDescent="0.3">
      <c r="A16679" s="13" t="s">
        <v>119</v>
      </c>
      <c r="B16679" s="14" t="s">
        <v>1</v>
      </c>
      <c r="C16679" s="14" t="s">
        <v>96</v>
      </c>
      <c r="D16679" s="14" t="s">
        <v>120</v>
      </c>
      <c r="E16679" s="15">
        <v>45630</v>
      </c>
      <c r="F16679" s="14" t="s">
        <v>15</v>
      </c>
      <c r="G16679" s="16">
        <v>0</v>
      </c>
    </row>
    <row r="16680" spans="1:7" x14ac:dyDescent="0.3">
      <c r="A16680" s="13" t="s">
        <v>119</v>
      </c>
      <c r="B16680" s="14" t="s">
        <v>1</v>
      </c>
      <c r="C16680" s="14" t="s">
        <v>96</v>
      </c>
      <c r="D16680" s="14" t="s">
        <v>120</v>
      </c>
      <c r="E16680" s="15">
        <v>45631</v>
      </c>
      <c r="F16680" s="14" t="s">
        <v>15</v>
      </c>
      <c r="G16680" s="16">
        <v>0</v>
      </c>
    </row>
    <row r="16681" spans="1:7" x14ac:dyDescent="0.3">
      <c r="A16681" s="13" t="s">
        <v>119</v>
      </c>
      <c r="B16681" s="14" t="s">
        <v>1</v>
      </c>
      <c r="C16681" s="14" t="s">
        <v>96</v>
      </c>
      <c r="D16681" s="14" t="s">
        <v>120</v>
      </c>
      <c r="E16681" s="15">
        <v>45632</v>
      </c>
      <c r="F16681" s="14" t="s">
        <v>15</v>
      </c>
      <c r="G16681" s="16">
        <v>0</v>
      </c>
    </row>
    <row r="16682" spans="1:7" x14ac:dyDescent="0.3">
      <c r="A16682" s="13" t="s">
        <v>119</v>
      </c>
      <c r="B16682" s="14" t="s">
        <v>1</v>
      </c>
      <c r="C16682" s="14" t="s">
        <v>96</v>
      </c>
      <c r="D16682" s="14" t="s">
        <v>120</v>
      </c>
      <c r="E16682" s="15">
        <v>45633</v>
      </c>
      <c r="F16682" s="14" t="s">
        <v>15</v>
      </c>
      <c r="G16682" s="16">
        <v>0</v>
      </c>
    </row>
    <row r="16683" spans="1:7" x14ac:dyDescent="0.3">
      <c r="A16683" s="13" t="s">
        <v>119</v>
      </c>
      <c r="B16683" s="14" t="s">
        <v>1</v>
      </c>
      <c r="C16683" s="14" t="s">
        <v>96</v>
      </c>
      <c r="D16683" s="14" t="s">
        <v>120</v>
      </c>
      <c r="E16683" s="15">
        <v>45634</v>
      </c>
      <c r="F16683" s="14" t="s">
        <v>15</v>
      </c>
      <c r="G16683" s="16">
        <v>0</v>
      </c>
    </row>
    <row r="16684" spans="1:7" x14ac:dyDescent="0.3">
      <c r="A16684" s="13" t="s">
        <v>119</v>
      </c>
      <c r="B16684" s="14" t="s">
        <v>1</v>
      </c>
      <c r="C16684" s="14" t="s">
        <v>96</v>
      </c>
      <c r="D16684" s="14" t="s">
        <v>120</v>
      </c>
      <c r="E16684" s="15">
        <v>45635</v>
      </c>
      <c r="F16684" s="14" t="s">
        <v>15</v>
      </c>
      <c r="G16684" s="16">
        <v>0</v>
      </c>
    </row>
    <row r="16685" spans="1:7" x14ac:dyDescent="0.3">
      <c r="A16685" s="13" t="s">
        <v>119</v>
      </c>
      <c r="B16685" s="14" t="s">
        <v>1</v>
      </c>
      <c r="C16685" s="14" t="s">
        <v>96</v>
      </c>
      <c r="D16685" s="14" t="s">
        <v>120</v>
      </c>
      <c r="E16685" s="15">
        <v>45636</v>
      </c>
      <c r="F16685" s="14" t="s">
        <v>15</v>
      </c>
      <c r="G16685" s="16">
        <v>0</v>
      </c>
    </row>
    <row r="16686" spans="1:7" x14ac:dyDescent="0.3">
      <c r="A16686" s="13" t="s">
        <v>119</v>
      </c>
      <c r="B16686" s="14" t="s">
        <v>1</v>
      </c>
      <c r="C16686" s="14" t="s">
        <v>96</v>
      </c>
      <c r="D16686" s="14" t="s">
        <v>120</v>
      </c>
      <c r="E16686" s="15">
        <v>45637</v>
      </c>
      <c r="F16686" s="14" t="s">
        <v>15</v>
      </c>
      <c r="G16686" s="16">
        <v>0</v>
      </c>
    </row>
    <row r="16687" spans="1:7" x14ac:dyDescent="0.3">
      <c r="A16687" s="13" t="s">
        <v>119</v>
      </c>
      <c r="B16687" s="14" t="s">
        <v>1</v>
      </c>
      <c r="C16687" s="14" t="s">
        <v>96</v>
      </c>
      <c r="D16687" s="14" t="s">
        <v>120</v>
      </c>
      <c r="E16687" s="15">
        <v>45638</v>
      </c>
      <c r="F16687" s="14" t="s">
        <v>15</v>
      </c>
      <c r="G16687" s="16">
        <v>0</v>
      </c>
    </row>
    <row r="16688" spans="1:7" x14ac:dyDescent="0.3">
      <c r="A16688" s="13" t="s">
        <v>119</v>
      </c>
      <c r="B16688" s="14" t="s">
        <v>1</v>
      </c>
      <c r="C16688" s="14" t="s">
        <v>96</v>
      </c>
      <c r="D16688" s="14" t="s">
        <v>120</v>
      </c>
      <c r="E16688" s="15">
        <v>45639</v>
      </c>
      <c r="F16688" s="14" t="s">
        <v>15</v>
      </c>
      <c r="G16688" s="16">
        <v>0</v>
      </c>
    </row>
    <row r="16689" spans="1:7" x14ac:dyDescent="0.3">
      <c r="A16689" s="13" t="s">
        <v>119</v>
      </c>
      <c r="B16689" s="14" t="s">
        <v>1</v>
      </c>
      <c r="C16689" s="14" t="s">
        <v>96</v>
      </c>
      <c r="D16689" s="14" t="s">
        <v>120</v>
      </c>
      <c r="E16689" s="15">
        <v>45640</v>
      </c>
      <c r="F16689" s="14" t="s">
        <v>15</v>
      </c>
      <c r="G16689" s="16">
        <v>0</v>
      </c>
    </row>
    <row r="16690" spans="1:7" x14ac:dyDescent="0.3">
      <c r="A16690" s="13" t="s">
        <v>119</v>
      </c>
      <c r="B16690" s="14" t="s">
        <v>1</v>
      </c>
      <c r="C16690" s="14" t="s">
        <v>96</v>
      </c>
      <c r="D16690" s="14" t="s">
        <v>120</v>
      </c>
      <c r="E16690" s="15">
        <v>45641</v>
      </c>
      <c r="F16690" s="14" t="s">
        <v>15</v>
      </c>
      <c r="G16690" s="16">
        <v>0</v>
      </c>
    </row>
    <row r="16691" spans="1:7" x14ac:dyDescent="0.3">
      <c r="A16691" s="13" t="s">
        <v>119</v>
      </c>
      <c r="B16691" s="14" t="s">
        <v>1</v>
      </c>
      <c r="C16691" s="14" t="s">
        <v>96</v>
      </c>
      <c r="D16691" s="14" t="s">
        <v>120</v>
      </c>
      <c r="E16691" s="15">
        <v>45642</v>
      </c>
      <c r="F16691" s="14" t="s">
        <v>15</v>
      </c>
      <c r="G16691" s="16">
        <v>0</v>
      </c>
    </row>
    <row r="16692" spans="1:7" x14ac:dyDescent="0.3">
      <c r="A16692" s="13" t="s">
        <v>119</v>
      </c>
      <c r="B16692" s="14" t="s">
        <v>1</v>
      </c>
      <c r="C16692" s="14" t="s">
        <v>96</v>
      </c>
      <c r="D16692" s="14" t="s">
        <v>120</v>
      </c>
      <c r="E16692" s="15">
        <v>45643</v>
      </c>
      <c r="F16692" s="14" t="s">
        <v>15</v>
      </c>
      <c r="G16692" s="16">
        <v>0</v>
      </c>
    </row>
    <row r="16693" spans="1:7" x14ac:dyDescent="0.3">
      <c r="A16693" s="13" t="s">
        <v>119</v>
      </c>
      <c r="B16693" s="14" t="s">
        <v>1</v>
      </c>
      <c r="C16693" s="14" t="s">
        <v>96</v>
      </c>
      <c r="D16693" s="14" t="s">
        <v>120</v>
      </c>
      <c r="E16693" s="15">
        <v>45644</v>
      </c>
      <c r="F16693" s="14" t="s">
        <v>15</v>
      </c>
      <c r="G16693" s="16">
        <v>0</v>
      </c>
    </row>
    <row r="16694" spans="1:7" x14ac:dyDescent="0.3">
      <c r="A16694" s="13" t="s">
        <v>119</v>
      </c>
      <c r="B16694" s="14" t="s">
        <v>1</v>
      </c>
      <c r="C16694" s="14" t="s">
        <v>96</v>
      </c>
      <c r="D16694" s="14" t="s">
        <v>120</v>
      </c>
      <c r="E16694" s="15">
        <v>45645</v>
      </c>
      <c r="F16694" s="14" t="s">
        <v>15</v>
      </c>
      <c r="G16694" s="16">
        <v>0</v>
      </c>
    </row>
    <row r="16695" spans="1:7" x14ac:dyDescent="0.3">
      <c r="A16695" s="13" t="s">
        <v>119</v>
      </c>
      <c r="B16695" s="14" t="s">
        <v>1</v>
      </c>
      <c r="C16695" s="14" t="s">
        <v>96</v>
      </c>
      <c r="D16695" s="14" t="s">
        <v>120</v>
      </c>
      <c r="E16695" s="15">
        <v>45646</v>
      </c>
      <c r="F16695" s="14" t="s">
        <v>15</v>
      </c>
      <c r="G16695" s="16">
        <v>0</v>
      </c>
    </row>
    <row r="16696" spans="1:7" x14ac:dyDescent="0.3">
      <c r="A16696" s="13" t="s">
        <v>119</v>
      </c>
      <c r="B16696" s="14" t="s">
        <v>1</v>
      </c>
      <c r="C16696" s="14" t="s">
        <v>96</v>
      </c>
      <c r="D16696" s="14" t="s">
        <v>120</v>
      </c>
      <c r="E16696" s="15">
        <v>45647</v>
      </c>
      <c r="F16696" s="14" t="s">
        <v>15</v>
      </c>
      <c r="G16696" s="16">
        <v>0</v>
      </c>
    </row>
    <row r="16697" spans="1:7" x14ac:dyDescent="0.3">
      <c r="A16697" s="13" t="s">
        <v>119</v>
      </c>
      <c r="B16697" s="14" t="s">
        <v>1</v>
      </c>
      <c r="C16697" s="14" t="s">
        <v>96</v>
      </c>
      <c r="D16697" s="14" t="s">
        <v>120</v>
      </c>
      <c r="E16697" s="15">
        <v>45648</v>
      </c>
      <c r="F16697" s="14" t="s">
        <v>15</v>
      </c>
      <c r="G16697" s="16">
        <v>0</v>
      </c>
    </row>
    <row r="16698" spans="1:7" x14ac:dyDescent="0.3">
      <c r="A16698" s="13" t="s">
        <v>119</v>
      </c>
      <c r="B16698" s="14" t="s">
        <v>1</v>
      </c>
      <c r="C16698" s="14" t="s">
        <v>96</v>
      </c>
      <c r="D16698" s="14" t="s">
        <v>120</v>
      </c>
      <c r="E16698" s="15">
        <v>45649</v>
      </c>
      <c r="F16698" s="14" t="s">
        <v>15</v>
      </c>
      <c r="G16698" s="16">
        <v>0</v>
      </c>
    </row>
    <row r="16699" spans="1:7" x14ac:dyDescent="0.3">
      <c r="A16699" s="13" t="s">
        <v>119</v>
      </c>
      <c r="B16699" s="14" t="s">
        <v>1</v>
      </c>
      <c r="C16699" s="14" t="s">
        <v>96</v>
      </c>
      <c r="D16699" s="14" t="s">
        <v>120</v>
      </c>
      <c r="E16699" s="15">
        <v>45650</v>
      </c>
      <c r="F16699" s="14" t="s">
        <v>15</v>
      </c>
      <c r="G16699" s="16">
        <v>0</v>
      </c>
    </row>
    <row r="16700" spans="1:7" x14ac:dyDescent="0.3">
      <c r="A16700" s="13" t="s">
        <v>119</v>
      </c>
      <c r="B16700" s="14" t="s">
        <v>1</v>
      </c>
      <c r="C16700" s="14" t="s">
        <v>96</v>
      </c>
      <c r="D16700" s="14" t="s">
        <v>120</v>
      </c>
      <c r="E16700" s="15">
        <v>45651</v>
      </c>
      <c r="F16700" s="14" t="s">
        <v>15</v>
      </c>
      <c r="G16700" s="16">
        <v>0</v>
      </c>
    </row>
    <row r="16701" spans="1:7" x14ac:dyDescent="0.3">
      <c r="A16701" s="13" t="s">
        <v>119</v>
      </c>
      <c r="B16701" s="14" t="s">
        <v>1</v>
      </c>
      <c r="C16701" s="14" t="s">
        <v>96</v>
      </c>
      <c r="D16701" s="14" t="s">
        <v>120</v>
      </c>
      <c r="E16701" s="15">
        <v>45652</v>
      </c>
      <c r="F16701" s="14" t="s">
        <v>15</v>
      </c>
      <c r="G16701" s="16">
        <v>0</v>
      </c>
    </row>
    <row r="16702" spans="1:7" x14ac:dyDescent="0.3">
      <c r="A16702" s="13" t="s">
        <v>119</v>
      </c>
      <c r="B16702" s="14" t="s">
        <v>1</v>
      </c>
      <c r="C16702" s="14" t="s">
        <v>96</v>
      </c>
      <c r="D16702" s="14" t="s">
        <v>120</v>
      </c>
      <c r="E16702" s="15">
        <v>45653</v>
      </c>
      <c r="F16702" s="14" t="s">
        <v>15</v>
      </c>
      <c r="G16702" s="16">
        <v>0</v>
      </c>
    </row>
    <row r="16703" spans="1:7" x14ac:dyDescent="0.3">
      <c r="A16703" s="13" t="s">
        <v>119</v>
      </c>
      <c r="B16703" s="14" t="s">
        <v>1</v>
      </c>
      <c r="C16703" s="14" t="s">
        <v>96</v>
      </c>
      <c r="D16703" s="14" t="s">
        <v>120</v>
      </c>
      <c r="E16703" s="15">
        <v>45654</v>
      </c>
      <c r="F16703" s="14" t="s">
        <v>15</v>
      </c>
      <c r="G16703" s="16">
        <v>0</v>
      </c>
    </row>
    <row r="16704" spans="1:7" x14ac:dyDescent="0.3">
      <c r="A16704" s="13" t="s">
        <v>119</v>
      </c>
      <c r="B16704" s="14" t="s">
        <v>1</v>
      </c>
      <c r="C16704" s="14" t="s">
        <v>96</v>
      </c>
      <c r="D16704" s="14" t="s">
        <v>120</v>
      </c>
      <c r="E16704" s="15">
        <v>45655</v>
      </c>
      <c r="F16704" s="14" t="s">
        <v>15</v>
      </c>
      <c r="G16704" s="16">
        <v>0</v>
      </c>
    </row>
    <row r="16705" spans="1:7" x14ac:dyDescent="0.3">
      <c r="A16705" s="13" t="s">
        <v>119</v>
      </c>
      <c r="B16705" s="14" t="s">
        <v>1</v>
      </c>
      <c r="C16705" s="14" t="s">
        <v>96</v>
      </c>
      <c r="D16705" s="14" t="s">
        <v>120</v>
      </c>
      <c r="E16705" s="15">
        <v>45656</v>
      </c>
      <c r="F16705" s="14" t="s">
        <v>15</v>
      </c>
      <c r="G16705" s="16">
        <v>0</v>
      </c>
    </row>
    <row r="16706" spans="1:7" x14ac:dyDescent="0.3">
      <c r="A16706" s="13" t="s">
        <v>119</v>
      </c>
      <c r="B16706" s="14" t="s">
        <v>1</v>
      </c>
      <c r="C16706" s="14" t="s">
        <v>96</v>
      </c>
      <c r="D16706" s="14" t="s">
        <v>120</v>
      </c>
      <c r="E16706" s="15">
        <v>45657</v>
      </c>
      <c r="F16706" s="14" t="s">
        <v>15</v>
      </c>
      <c r="G16706" s="16">
        <v>0</v>
      </c>
    </row>
    <row r="16707" spans="1:7" x14ac:dyDescent="0.3">
      <c r="A16707" s="13" t="s">
        <v>119</v>
      </c>
      <c r="B16707" s="14" t="s">
        <v>1</v>
      </c>
      <c r="C16707" s="14" t="s">
        <v>96</v>
      </c>
      <c r="D16707" s="14" t="s">
        <v>120</v>
      </c>
      <c r="E16707" s="15">
        <v>45658</v>
      </c>
      <c r="F16707" s="14" t="s">
        <v>15</v>
      </c>
      <c r="G16707" s="16">
        <v>0</v>
      </c>
    </row>
    <row r="16708" spans="1:7" x14ac:dyDescent="0.3">
      <c r="A16708" s="13" t="s">
        <v>119</v>
      </c>
      <c r="B16708" s="14" t="s">
        <v>1</v>
      </c>
      <c r="C16708" s="14" t="s">
        <v>96</v>
      </c>
      <c r="D16708" s="14" t="s">
        <v>120</v>
      </c>
      <c r="E16708" s="15">
        <v>45659</v>
      </c>
      <c r="F16708" s="14" t="s">
        <v>15</v>
      </c>
      <c r="G16708" s="16">
        <v>0</v>
      </c>
    </row>
    <row r="16709" spans="1:7" x14ac:dyDescent="0.3">
      <c r="A16709" s="13" t="s">
        <v>119</v>
      </c>
      <c r="B16709" s="14" t="s">
        <v>1</v>
      </c>
      <c r="C16709" s="14" t="s">
        <v>96</v>
      </c>
      <c r="D16709" s="14" t="s">
        <v>120</v>
      </c>
      <c r="E16709" s="15">
        <v>45660</v>
      </c>
      <c r="F16709" s="14" t="s">
        <v>15</v>
      </c>
      <c r="G16709" s="16">
        <v>0</v>
      </c>
    </row>
    <row r="16710" spans="1:7" x14ac:dyDescent="0.3">
      <c r="A16710" s="13" t="s">
        <v>119</v>
      </c>
      <c r="B16710" s="14" t="s">
        <v>1</v>
      </c>
      <c r="C16710" s="14" t="s">
        <v>96</v>
      </c>
      <c r="D16710" s="14" t="s">
        <v>120</v>
      </c>
      <c r="E16710" s="15">
        <v>45661</v>
      </c>
      <c r="F16710" s="14" t="s">
        <v>15</v>
      </c>
      <c r="G16710" s="16">
        <v>0</v>
      </c>
    </row>
    <row r="16711" spans="1:7" x14ac:dyDescent="0.3">
      <c r="A16711" s="13" t="s">
        <v>119</v>
      </c>
      <c r="B16711" s="14" t="s">
        <v>1</v>
      </c>
      <c r="C16711" s="14" t="s">
        <v>96</v>
      </c>
      <c r="D16711" s="14" t="s">
        <v>120</v>
      </c>
      <c r="E16711" s="15">
        <v>45662</v>
      </c>
      <c r="F16711" s="14" t="s">
        <v>15</v>
      </c>
      <c r="G16711" s="16">
        <v>0</v>
      </c>
    </row>
    <row r="16712" spans="1:7" x14ac:dyDescent="0.3">
      <c r="A16712" s="13" t="s">
        <v>119</v>
      </c>
      <c r="B16712" s="14" t="s">
        <v>1</v>
      </c>
      <c r="C16712" s="14" t="s">
        <v>96</v>
      </c>
      <c r="D16712" s="14" t="s">
        <v>120</v>
      </c>
      <c r="E16712" s="15">
        <v>45663</v>
      </c>
      <c r="F16712" s="14" t="s">
        <v>15</v>
      </c>
      <c r="G16712" s="16">
        <v>0</v>
      </c>
    </row>
    <row r="16713" spans="1:7" x14ac:dyDescent="0.3">
      <c r="A16713" s="13" t="s">
        <v>119</v>
      </c>
      <c r="B16713" s="14" t="s">
        <v>1</v>
      </c>
      <c r="C16713" s="14" t="s">
        <v>96</v>
      </c>
      <c r="D16713" s="14" t="s">
        <v>120</v>
      </c>
      <c r="E16713" s="15">
        <v>45664</v>
      </c>
      <c r="F16713" s="14" t="s">
        <v>15</v>
      </c>
      <c r="G16713" s="16">
        <v>0</v>
      </c>
    </row>
    <row r="16714" spans="1:7" x14ac:dyDescent="0.3">
      <c r="A16714" s="13" t="s">
        <v>119</v>
      </c>
      <c r="B16714" s="14" t="s">
        <v>1</v>
      </c>
      <c r="C16714" s="14" t="s">
        <v>96</v>
      </c>
      <c r="D16714" s="14" t="s">
        <v>120</v>
      </c>
      <c r="E16714" s="15">
        <v>45665</v>
      </c>
      <c r="F16714" s="14" t="s">
        <v>15</v>
      </c>
      <c r="G16714" s="16">
        <v>0</v>
      </c>
    </row>
    <row r="16715" spans="1:7" x14ac:dyDescent="0.3">
      <c r="A16715" s="13" t="s">
        <v>119</v>
      </c>
      <c r="B16715" s="14" t="s">
        <v>1</v>
      </c>
      <c r="C16715" s="14" t="s">
        <v>96</v>
      </c>
      <c r="D16715" s="14" t="s">
        <v>120</v>
      </c>
      <c r="E16715" s="15">
        <v>45666</v>
      </c>
      <c r="F16715" s="14" t="s">
        <v>15</v>
      </c>
      <c r="G16715" s="16">
        <v>0</v>
      </c>
    </row>
    <row r="16716" spans="1:7" x14ac:dyDescent="0.3">
      <c r="A16716" s="13" t="s">
        <v>119</v>
      </c>
      <c r="B16716" s="14" t="s">
        <v>1</v>
      </c>
      <c r="C16716" s="14" t="s">
        <v>96</v>
      </c>
      <c r="D16716" s="14" t="s">
        <v>120</v>
      </c>
      <c r="E16716" s="15">
        <v>45667</v>
      </c>
      <c r="F16716" s="14" t="s">
        <v>15</v>
      </c>
      <c r="G16716" s="16">
        <v>0</v>
      </c>
    </row>
    <row r="16717" spans="1:7" x14ac:dyDescent="0.3">
      <c r="A16717" s="13" t="s">
        <v>119</v>
      </c>
      <c r="B16717" s="14" t="s">
        <v>1</v>
      </c>
      <c r="C16717" s="14" t="s">
        <v>96</v>
      </c>
      <c r="D16717" s="14" t="s">
        <v>120</v>
      </c>
      <c r="E16717" s="15">
        <v>45668</v>
      </c>
      <c r="F16717" s="14" t="s">
        <v>15</v>
      </c>
      <c r="G16717" s="16">
        <v>0</v>
      </c>
    </row>
    <row r="16718" spans="1:7" x14ac:dyDescent="0.3">
      <c r="A16718" s="13" t="s">
        <v>119</v>
      </c>
      <c r="B16718" s="14" t="s">
        <v>1</v>
      </c>
      <c r="C16718" s="14" t="s">
        <v>96</v>
      </c>
      <c r="D16718" s="14" t="s">
        <v>120</v>
      </c>
      <c r="E16718" s="15">
        <v>45669</v>
      </c>
      <c r="F16718" s="14" t="s">
        <v>15</v>
      </c>
      <c r="G16718" s="16">
        <v>0</v>
      </c>
    </row>
    <row r="16719" spans="1:7" x14ac:dyDescent="0.3">
      <c r="A16719" s="13" t="s">
        <v>119</v>
      </c>
      <c r="B16719" s="14" t="s">
        <v>1</v>
      </c>
      <c r="C16719" s="14" t="s">
        <v>96</v>
      </c>
      <c r="D16719" s="14" t="s">
        <v>120</v>
      </c>
      <c r="E16719" s="15">
        <v>45670</v>
      </c>
      <c r="F16719" s="14" t="s">
        <v>15</v>
      </c>
      <c r="G16719" s="16">
        <v>0</v>
      </c>
    </row>
    <row r="16720" spans="1:7" x14ac:dyDescent="0.3">
      <c r="A16720" s="13" t="s">
        <v>119</v>
      </c>
      <c r="B16720" s="14" t="s">
        <v>1</v>
      </c>
      <c r="C16720" s="14" t="s">
        <v>96</v>
      </c>
      <c r="D16720" s="14" t="s">
        <v>120</v>
      </c>
      <c r="E16720" s="15">
        <v>45671</v>
      </c>
      <c r="F16720" s="14" t="s">
        <v>15</v>
      </c>
      <c r="G16720" s="16">
        <v>0</v>
      </c>
    </row>
    <row r="16721" spans="1:7" x14ac:dyDescent="0.3">
      <c r="A16721" s="13" t="s">
        <v>119</v>
      </c>
      <c r="B16721" s="14" t="s">
        <v>1</v>
      </c>
      <c r="C16721" s="14" t="s">
        <v>96</v>
      </c>
      <c r="D16721" s="14" t="s">
        <v>120</v>
      </c>
      <c r="E16721" s="15">
        <v>45672</v>
      </c>
      <c r="F16721" s="14" t="s">
        <v>15</v>
      </c>
      <c r="G16721" s="16">
        <v>0</v>
      </c>
    </row>
    <row r="16722" spans="1:7" x14ac:dyDescent="0.3">
      <c r="A16722" s="13" t="s">
        <v>119</v>
      </c>
      <c r="B16722" s="14" t="s">
        <v>1</v>
      </c>
      <c r="C16722" s="14" t="s">
        <v>96</v>
      </c>
      <c r="D16722" s="14" t="s">
        <v>120</v>
      </c>
      <c r="E16722" s="15">
        <v>45673</v>
      </c>
      <c r="F16722" s="14" t="s">
        <v>15</v>
      </c>
      <c r="G16722" s="16">
        <v>0</v>
      </c>
    </row>
    <row r="16723" spans="1:7" x14ac:dyDescent="0.3">
      <c r="A16723" s="13" t="s">
        <v>119</v>
      </c>
      <c r="B16723" s="14" t="s">
        <v>1</v>
      </c>
      <c r="C16723" s="14" t="s">
        <v>96</v>
      </c>
      <c r="D16723" s="14" t="s">
        <v>120</v>
      </c>
      <c r="E16723" s="15">
        <v>45674</v>
      </c>
      <c r="F16723" s="14" t="s">
        <v>15</v>
      </c>
      <c r="G16723" s="16">
        <v>0</v>
      </c>
    </row>
    <row r="16724" spans="1:7" x14ac:dyDescent="0.3">
      <c r="A16724" s="13" t="s">
        <v>119</v>
      </c>
      <c r="B16724" s="14" t="s">
        <v>1</v>
      </c>
      <c r="C16724" s="14" t="s">
        <v>96</v>
      </c>
      <c r="D16724" s="14" t="s">
        <v>120</v>
      </c>
      <c r="E16724" s="15">
        <v>45675</v>
      </c>
      <c r="F16724" s="14" t="s">
        <v>15</v>
      </c>
      <c r="G16724" s="16">
        <v>0</v>
      </c>
    </row>
    <row r="16725" spans="1:7" x14ac:dyDescent="0.3">
      <c r="A16725" s="13" t="s">
        <v>119</v>
      </c>
      <c r="B16725" s="14" t="s">
        <v>1</v>
      </c>
      <c r="C16725" s="14" t="s">
        <v>96</v>
      </c>
      <c r="D16725" s="14" t="s">
        <v>120</v>
      </c>
      <c r="E16725" s="15">
        <v>45676</v>
      </c>
      <c r="F16725" s="14" t="s">
        <v>15</v>
      </c>
      <c r="G16725" s="16">
        <v>0</v>
      </c>
    </row>
    <row r="16726" spans="1:7" x14ac:dyDescent="0.3">
      <c r="A16726" s="13" t="s">
        <v>119</v>
      </c>
      <c r="B16726" s="14" t="s">
        <v>1</v>
      </c>
      <c r="C16726" s="14" t="s">
        <v>96</v>
      </c>
      <c r="D16726" s="14" t="s">
        <v>120</v>
      </c>
      <c r="E16726" s="15">
        <v>45677</v>
      </c>
      <c r="F16726" s="14" t="s">
        <v>15</v>
      </c>
      <c r="G16726" s="16">
        <v>0</v>
      </c>
    </row>
    <row r="16727" spans="1:7" x14ac:dyDescent="0.3">
      <c r="A16727" s="13" t="s">
        <v>119</v>
      </c>
      <c r="B16727" s="14" t="s">
        <v>1</v>
      </c>
      <c r="C16727" s="14" t="s">
        <v>96</v>
      </c>
      <c r="D16727" s="14" t="s">
        <v>120</v>
      </c>
      <c r="E16727" s="15">
        <v>45678</v>
      </c>
      <c r="F16727" s="14" t="s">
        <v>15</v>
      </c>
      <c r="G16727" s="16">
        <v>0</v>
      </c>
    </row>
    <row r="16728" spans="1:7" x14ac:dyDescent="0.3">
      <c r="A16728" s="13" t="s">
        <v>119</v>
      </c>
      <c r="B16728" s="14" t="s">
        <v>1</v>
      </c>
      <c r="C16728" s="14" t="s">
        <v>96</v>
      </c>
      <c r="D16728" s="14" t="s">
        <v>120</v>
      </c>
      <c r="E16728" s="15">
        <v>45679</v>
      </c>
      <c r="F16728" s="14" t="s">
        <v>15</v>
      </c>
      <c r="G16728" s="16">
        <v>0</v>
      </c>
    </row>
    <row r="16729" spans="1:7" x14ac:dyDescent="0.3">
      <c r="A16729" s="13" t="s">
        <v>119</v>
      </c>
      <c r="B16729" s="14" t="s">
        <v>1</v>
      </c>
      <c r="C16729" s="14" t="s">
        <v>96</v>
      </c>
      <c r="D16729" s="14" t="s">
        <v>120</v>
      </c>
      <c r="E16729" s="15">
        <v>45680</v>
      </c>
      <c r="F16729" s="14" t="s">
        <v>15</v>
      </c>
      <c r="G16729" s="16">
        <v>0</v>
      </c>
    </row>
    <row r="16730" spans="1:7" x14ac:dyDescent="0.3">
      <c r="A16730" s="13" t="s">
        <v>119</v>
      </c>
      <c r="B16730" s="14" t="s">
        <v>1</v>
      </c>
      <c r="C16730" s="14" t="s">
        <v>96</v>
      </c>
      <c r="D16730" s="14" t="s">
        <v>120</v>
      </c>
      <c r="E16730" s="15">
        <v>45681</v>
      </c>
      <c r="F16730" s="14" t="s">
        <v>15</v>
      </c>
      <c r="G16730" s="16">
        <v>0</v>
      </c>
    </row>
    <row r="16731" spans="1:7" x14ac:dyDescent="0.3">
      <c r="A16731" s="13" t="s">
        <v>119</v>
      </c>
      <c r="B16731" s="14" t="s">
        <v>1</v>
      </c>
      <c r="C16731" s="14" t="s">
        <v>96</v>
      </c>
      <c r="D16731" s="14" t="s">
        <v>120</v>
      </c>
      <c r="E16731" s="15">
        <v>45682</v>
      </c>
      <c r="F16731" s="14" t="s">
        <v>15</v>
      </c>
      <c r="G16731" s="16">
        <v>0</v>
      </c>
    </row>
    <row r="16732" spans="1:7" x14ac:dyDescent="0.3">
      <c r="A16732" s="13" t="s">
        <v>119</v>
      </c>
      <c r="B16732" s="14" t="s">
        <v>1</v>
      </c>
      <c r="C16732" s="14" t="s">
        <v>96</v>
      </c>
      <c r="D16732" s="14" t="s">
        <v>120</v>
      </c>
      <c r="E16732" s="15">
        <v>45683</v>
      </c>
      <c r="F16732" s="14" t="s">
        <v>15</v>
      </c>
      <c r="G16732" s="16">
        <v>0</v>
      </c>
    </row>
    <row r="16733" spans="1:7" x14ac:dyDescent="0.3">
      <c r="A16733" s="13" t="s">
        <v>119</v>
      </c>
      <c r="B16733" s="14" t="s">
        <v>1</v>
      </c>
      <c r="C16733" s="14" t="s">
        <v>96</v>
      </c>
      <c r="D16733" s="14" t="s">
        <v>120</v>
      </c>
      <c r="E16733" s="15">
        <v>45684</v>
      </c>
      <c r="F16733" s="14" t="s">
        <v>15</v>
      </c>
      <c r="G16733" s="16">
        <v>0</v>
      </c>
    </row>
    <row r="16734" spans="1:7" x14ac:dyDescent="0.3">
      <c r="A16734" s="13" t="s">
        <v>119</v>
      </c>
      <c r="B16734" s="14" t="s">
        <v>1</v>
      </c>
      <c r="C16734" s="14" t="s">
        <v>96</v>
      </c>
      <c r="D16734" s="14" t="s">
        <v>120</v>
      </c>
      <c r="E16734" s="15">
        <v>45685</v>
      </c>
      <c r="F16734" s="14" t="s">
        <v>15</v>
      </c>
      <c r="G16734" s="16">
        <v>0</v>
      </c>
    </row>
    <row r="16735" spans="1:7" x14ac:dyDescent="0.3">
      <c r="A16735" s="13" t="s">
        <v>119</v>
      </c>
      <c r="B16735" s="14" t="s">
        <v>1</v>
      </c>
      <c r="C16735" s="14" t="s">
        <v>96</v>
      </c>
      <c r="D16735" s="14" t="s">
        <v>120</v>
      </c>
      <c r="E16735" s="15">
        <v>45686</v>
      </c>
      <c r="F16735" s="14" t="s">
        <v>15</v>
      </c>
      <c r="G16735" s="16">
        <v>0</v>
      </c>
    </row>
    <row r="16736" spans="1:7" x14ac:dyDescent="0.3">
      <c r="A16736" s="13" t="s">
        <v>119</v>
      </c>
      <c r="B16736" s="14" t="s">
        <v>1</v>
      </c>
      <c r="C16736" s="14" t="s">
        <v>96</v>
      </c>
      <c r="D16736" s="14" t="s">
        <v>120</v>
      </c>
      <c r="E16736" s="15">
        <v>45687</v>
      </c>
      <c r="F16736" s="14" t="s">
        <v>15</v>
      </c>
      <c r="G16736" s="16">
        <v>0</v>
      </c>
    </row>
    <row r="16737" spans="1:7" x14ac:dyDescent="0.3">
      <c r="A16737" s="13" t="s">
        <v>119</v>
      </c>
      <c r="B16737" s="14" t="s">
        <v>1</v>
      </c>
      <c r="C16737" s="14" t="s">
        <v>96</v>
      </c>
      <c r="D16737" s="14" t="s">
        <v>120</v>
      </c>
      <c r="E16737" s="15">
        <v>45688</v>
      </c>
      <c r="F16737" s="14" t="s">
        <v>15</v>
      </c>
      <c r="G16737" s="16">
        <v>0</v>
      </c>
    </row>
    <row r="16738" spans="1:7" x14ac:dyDescent="0.3">
      <c r="A16738" s="13" t="s">
        <v>119</v>
      </c>
      <c r="B16738" s="14" t="s">
        <v>1</v>
      </c>
      <c r="C16738" s="14" t="s">
        <v>96</v>
      </c>
      <c r="D16738" s="14" t="s">
        <v>120</v>
      </c>
      <c r="E16738" s="15">
        <v>45689</v>
      </c>
      <c r="F16738" s="14" t="s">
        <v>15</v>
      </c>
      <c r="G16738" s="16">
        <v>0</v>
      </c>
    </row>
    <row r="16739" spans="1:7" x14ac:dyDescent="0.3">
      <c r="A16739" s="13" t="s">
        <v>119</v>
      </c>
      <c r="B16739" s="14" t="s">
        <v>1</v>
      </c>
      <c r="C16739" s="14" t="s">
        <v>96</v>
      </c>
      <c r="D16739" s="14" t="s">
        <v>120</v>
      </c>
      <c r="E16739" s="15">
        <v>45690</v>
      </c>
      <c r="F16739" s="14" t="s">
        <v>15</v>
      </c>
      <c r="G16739" s="16">
        <v>0</v>
      </c>
    </row>
    <row r="16740" spans="1:7" x14ac:dyDescent="0.3">
      <c r="A16740" s="13" t="s">
        <v>119</v>
      </c>
      <c r="B16740" s="14" t="s">
        <v>1</v>
      </c>
      <c r="C16740" s="14" t="s">
        <v>96</v>
      </c>
      <c r="D16740" s="14" t="s">
        <v>120</v>
      </c>
      <c r="E16740" s="15">
        <v>45691</v>
      </c>
      <c r="F16740" s="14" t="s">
        <v>15</v>
      </c>
      <c r="G16740" s="16">
        <v>0</v>
      </c>
    </row>
    <row r="16741" spans="1:7" x14ac:dyDescent="0.3">
      <c r="A16741" s="13" t="s">
        <v>119</v>
      </c>
      <c r="B16741" s="14" t="s">
        <v>1</v>
      </c>
      <c r="C16741" s="14" t="s">
        <v>96</v>
      </c>
      <c r="D16741" s="14" t="s">
        <v>120</v>
      </c>
      <c r="E16741" s="15">
        <v>45692</v>
      </c>
      <c r="F16741" s="14" t="s">
        <v>15</v>
      </c>
      <c r="G16741" s="16">
        <v>0</v>
      </c>
    </row>
    <row r="16742" spans="1:7" x14ac:dyDescent="0.3">
      <c r="A16742" s="13" t="s">
        <v>119</v>
      </c>
      <c r="B16742" s="14" t="s">
        <v>1</v>
      </c>
      <c r="C16742" s="14" t="s">
        <v>96</v>
      </c>
      <c r="D16742" s="14" t="s">
        <v>120</v>
      </c>
      <c r="E16742" s="15">
        <v>45693</v>
      </c>
      <c r="F16742" s="14" t="s">
        <v>15</v>
      </c>
      <c r="G16742" s="16">
        <v>0</v>
      </c>
    </row>
    <row r="16743" spans="1:7" x14ac:dyDescent="0.3">
      <c r="A16743" s="13" t="s">
        <v>119</v>
      </c>
      <c r="B16743" s="14" t="s">
        <v>1</v>
      </c>
      <c r="C16743" s="14" t="s">
        <v>96</v>
      </c>
      <c r="D16743" s="14" t="s">
        <v>120</v>
      </c>
      <c r="E16743" s="15">
        <v>45694</v>
      </c>
      <c r="F16743" s="14" t="s">
        <v>15</v>
      </c>
      <c r="G16743" s="16">
        <v>0</v>
      </c>
    </row>
    <row r="16744" spans="1:7" x14ac:dyDescent="0.3">
      <c r="A16744" s="13" t="s">
        <v>119</v>
      </c>
      <c r="B16744" s="14" t="s">
        <v>1</v>
      </c>
      <c r="C16744" s="14" t="s">
        <v>96</v>
      </c>
      <c r="D16744" s="14" t="s">
        <v>120</v>
      </c>
      <c r="E16744" s="15">
        <v>45695</v>
      </c>
      <c r="F16744" s="14" t="s">
        <v>15</v>
      </c>
      <c r="G16744" s="16">
        <v>0</v>
      </c>
    </row>
    <row r="16745" spans="1:7" x14ac:dyDescent="0.3">
      <c r="A16745" s="13" t="s">
        <v>119</v>
      </c>
      <c r="B16745" s="14" t="s">
        <v>1</v>
      </c>
      <c r="C16745" s="14" t="s">
        <v>96</v>
      </c>
      <c r="D16745" s="14" t="s">
        <v>120</v>
      </c>
      <c r="E16745" s="15">
        <v>45696</v>
      </c>
      <c r="F16745" s="14" t="s">
        <v>15</v>
      </c>
      <c r="G16745" s="16">
        <v>0</v>
      </c>
    </row>
    <row r="16746" spans="1:7" x14ac:dyDescent="0.3">
      <c r="A16746" s="13" t="s">
        <v>119</v>
      </c>
      <c r="B16746" s="14" t="s">
        <v>1</v>
      </c>
      <c r="C16746" s="14" t="s">
        <v>96</v>
      </c>
      <c r="D16746" s="14" t="s">
        <v>120</v>
      </c>
      <c r="E16746" s="15">
        <v>45697</v>
      </c>
      <c r="F16746" s="14" t="s">
        <v>15</v>
      </c>
      <c r="G16746" s="16">
        <v>0</v>
      </c>
    </row>
    <row r="16747" spans="1:7" x14ac:dyDescent="0.3">
      <c r="A16747" s="13" t="s">
        <v>119</v>
      </c>
      <c r="B16747" s="14" t="s">
        <v>1</v>
      </c>
      <c r="C16747" s="14" t="s">
        <v>96</v>
      </c>
      <c r="D16747" s="14" t="s">
        <v>120</v>
      </c>
      <c r="E16747" s="15">
        <v>45698</v>
      </c>
      <c r="F16747" s="14" t="s">
        <v>15</v>
      </c>
      <c r="G16747" s="16">
        <v>0</v>
      </c>
    </row>
    <row r="16748" spans="1:7" x14ac:dyDescent="0.3">
      <c r="A16748" s="13" t="s">
        <v>119</v>
      </c>
      <c r="B16748" s="14" t="s">
        <v>1</v>
      </c>
      <c r="C16748" s="14" t="s">
        <v>96</v>
      </c>
      <c r="D16748" s="14" t="s">
        <v>120</v>
      </c>
      <c r="E16748" s="15">
        <v>45699</v>
      </c>
      <c r="F16748" s="14" t="s">
        <v>15</v>
      </c>
      <c r="G16748" s="16">
        <v>0</v>
      </c>
    </row>
    <row r="16749" spans="1:7" x14ac:dyDescent="0.3">
      <c r="A16749" s="13" t="s">
        <v>119</v>
      </c>
      <c r="B16749" s="14" t="s">
        <v>1</v>
      </c>
      <c r="C16749" s="14" t="s">
        <v>96</v>
      </c>
      <c r="D16749" s="14" t="s">
        <v>120</v>
      </c>
      <c r="E16749" s="15">
        <v>45700</v>
      </c>
      <c r="F16749" s="14" t="s">
        <v>15</v>
      </c>
      <c r="G16749" s="16">
        <v>0</v>
      </c>
    </row>
    <row r="16750" spans="1:7" x14ac:dyDescent="0.3">
      <c r="A16750" s="13" t="s">
        <v>119</v>
      </c>
      <c r="B16750" s="14" t="s">
        <v>1</v>
      </c>
      <c r="C16750" s="14" t="s">
        <v>96</v>
      </c>
      <c r="D16750" s="14" t="s">
        <v>120</v>
      </c>
      <c r="E16750" s="15">
        <v>45701</v>
      </c>
      <c r="F16750" s="14" t="s">
        <v>15</v>
      </c>
      <c r="G16750" s="16">
        <v>0</v>
      </c>
    </row>
    <row r="16751" spans="1:7" x14ac:dyDescent="0.3">
      <c r="A16751" s="13" t="s">
        <v>119</v>
      </c>
      <c r="B16751" s="14" t="s">
        <v>1</v>
      </c>
      <c r="C16751" s="14" t="s">
        <v>96</v>
      </c>
      <c r="D16751" s="14" t="s">
        <v>120</v>
      </c>
      <c r="E16751" s="15">
        <v>45702</v>
      </c>
      <c r="F16751" s="14" t="s">
        <v>15</v>
      </c>
      <c r="G16751" s="16">
        <v>0</v>
      </c>
    </row>
    <row r="16752" spans="1:7" x14ac:dyDescent="0.3">
      <c r="A16752" s="13" t="s">
        <v>119</v>
      </c>
      <c r="B16752" s="14" t="s">
        <v>1</v>
      </c>
      <c r="C16752" s="14" t="s">
        <v>96</v>
      </c>
      <c r="D16752" s="14" t="s">
        <v>120</v>
      </c>
      <c r="E16752" s="15">
        <v>45703</v>
      </c>
      <c r="F16752" s="14" t="s">
        <v>15</v>
      </c>
      <c r="G16752" s="16">
        <v>0</v>
      </c>
    </row>
    <row r="16753" spans="1:7" x14ac:dyDescent="0.3">
      <c r="A16753" s="13" t="s">
        <v>119</v>
      </c>
      <c r="B16753" s="14" t="s">
        <v>1</v>
      </c>
      <c r="C16753" s="14" t="s">
        <v>96</v>
      </c>
      <c r="D16753" s="14" t="s">
        <v>120</v>
      </c>
      <c r="E16753" s="15">
        <v>45704</v>
      </c>
      <c r="F16753" s="14" t="s">
        <v>15</v>
      </c>
      <c r="G16753" s="16">
        <v>0</v>
      </c>
    </row>
    <row r="16754" spans="1:7" x14ac:dyDescent="0.3">
      <c r="A16754" s="13" t="s">
        <v>119</v>
      </c>
      <c r="B16754" s="14" t="s">
        <v>1</v>
      </c>
      <c r="C16754" s="14" t="s">
        <v>96</v>
      </c>
      <c r="D16754" s="14" t="s">
        <v>120</v>
      </c>
      <c r="E16754" s="15">
        <v>45705</v>
      </c>
      <c r="F16754" s="14" t="s">
        <v>15</v>
      </c>
      <c r="G16754" s="16">
        <v>0</v>
      </c>
    </row>
    <row r="16755" spans="1:7" x14ac:dyDescent="0.3">
      <c r="A16755" s="13" t="s">
        <v>119</v>
      </c>
      <c r="B16755" s="14" t="s">
        <v>1</v>
      </c>
      <c r="C16755" s="14" t="s">
        <v>96</v>
      </c>
      <c r="D16755" s="14" t="s">
        <v>120</v>
      </c>
      <c r="E16755" s="15">
        <v>45706</v>
      </c>
      <c r="F16755" s="14" t="s">
        <v>15</v>
      </c>
      <c r="G16755" s="16">
        <v>0</v>
      </c>
    </row>
    <row r="16756" spans="1:7" x14ac:dyDescent="0.3">
      <c r="A16756" s="13" t="s">
        <v>119</v>
      </c>
      <c r="B16756" s="14" t="s">
        <v>1</v>
      </c>
      <c r="C16756" s="14" t="s">
        <v>96</v>
      </c>
      <c r="D16756" s="14" t="s">
        <v>120</v>
      </c>
      <c r="E16756" s="15">
        <v>45707</v>
      </c>
      <c r="F16756" s="14" t="s">
        <v>15</v>
      </c>
      <c r="G16756" s="16">
        <v>0</v>
      </c>
    </row>
    <row r="16757" spans="1:7" x14ac:dyDescent="0.3">
      <c r="A16757" s="13" t="s">
        <v>119</v>
      </c>
      <c r="B16757" s="14" t="s">
        <v>1</v>
      </c>
      <c r="C16757" s="14" t="s">
        <v>96</v>
      </c>
      <c r="D16757" s="14" t="s">
        <v>120</v>
      </c>
      <c r="E16757" s="15">
        <v>45708</v>
      </c>
      <c r="F16757" s="14" t="s">
        <v>15</v>
      </c>
      <c r="G16757" s="16">
        <v>0</v>
      </c>
    </row>
    <row r="16758" spans="1:7" x14ac:dyDescent="0.3">
      <c r="A16758" s="13" t="s">
        <v>119</v>
      </c>
      <c r="B16758" s="14" t="s">
        <v>1</v>
      </c>
      <c r="C16758" s="14" t="s">
        <v>96</v>
      </c>
      <c r="D16758" s="14" t="s">
        <v>120</v>
      </c>
      <c r="E16758" s="15">
        <v>45709</v>
      </c>
      <c r="F16758" s="14" t="s">
        <v>15</v>
      </c>
      <c r="G16758" s="16">
        <v>0</v>
      </c>
    </row>
    <row r="16759" spans="1:7" x14ac:dyDescent="0.3">
      <c r="A16759" s="13" t="s">
        <v>119</v>
      </c>
      <c r="B16759" s="14" t="s">
        <v>1</v>
      </c>
      <c r="C16759" s="14" t="s">
        <v>96</v>
      </c>
      <c r="D16759" s="14" t="s">
        <v>120</v>
      </c>
      <c r="E16759" s="15">
        <v>45710</v>
      </c>
      <c r="F16759" s="14" t="s">
        <v>15</v>
      </c>
      <c r="G16759" s="16">
        <v>0</v>
      </c>
    </row>
    <row r="16760" spans="1:7" x14ac:dyDescent="0.3">
      <c r="A16760" s="13" t="s">
        <v>119</v>
      </c>
      <c r="B16760" s="14" t="s">
        <v>1</v>
      </c>
      <c r="C16760" s="14" t="s">
        <v>96</v>
      </c>
      <c r="D16760" s="14" t="s">
        <v>120</v>
      </c>
      <c r="E16760" s="15">
        <v>45711</v>
      </c>
      <c r="F16760" s="14" t="s">
        <v>15</v>
      </c>
      <c r="G16760" s="16">
        <v>0</v>
      </c>
    </row>
    <row r="16761" spans="1:7" x14ac:dyDescent="0.3">
      <c r="A16761" s="13" t="s">
        <v>119</v>
      </c>
      <c r="B16761" s="14" t="s">
        <v>1</v>
      </c>
      <c r="C16761" s="14" t="s">
        <v>96</v>
      </c>
      <c r="D16761" s="14" t="s">
        <v>120</v>
      </c>
      <c r="E16761" s="15">
        <v>45712</v>
      </c>
      <c r="F16761" s="14" t="s">
        <v>15</v>
      </c>
      <c r="G16761" s="16">
        <v>0</v>
      </c>
    </row>
    <row r="16762" spans="1:7" x14ac:dyDescent="0.3">
      <c r="A16762" s="13" t="s">
        <v>119</v>
      </c>
      <c r="B16762" s="14" t="s">
        <v>1</v>
      </c>
      <c r="C16762" s="14" t="s">
        <v>96</v>
      </c>
      <c r="D16762" s="14" t="s">
        <v>120</v>
      </c>
      <c r="E16762" s="15">
        <v>45713</v>
      </c>
      <c r="F16762" s="14" t="s">
        <v>15</v>
      </c>
      <c r="G16762" s="16">
        <v>0</v>
      </c>
    </row>
    <row r="16763" spans="1:7" x14ac:dyDescent="0.3">
      <c r="A16763" s="13" t="s">
        <v>119</v>
      </c>
      <c r="B16763" s="14" t="s">
        <v>1</v>
      </c>
      <c r="C16763" s="14" t="s">
        <v>96</v>
      </c>
      <c r="D16763" s="14" t="s">
        <v>120</v>
      </c>
      <c r="E16763" s="15">
        <v>45714</v>
      </c>
      <c r="F16763" s="14" t="s">
        <v>15</v>
      </c>
      <c r="G16763" s="16">
        <v>0</v>
      </c>
    </row>
    <row r="16764" spans="1:7" x14ac:dyDescent="0.3">
      <c r="A16764" s="13" t="s">
        <v>119</v>
      </c>
      <c r="B16764" s="14" t="s">
        <v>1</v>
      </c>
      <c r="C16764" s="14" t="s">
        <v>96</v>
      </c>
      <c r="D16764" s="14" t="s">
        <v>120</v>
      </c>
      <c r="E16764" s="15">
        <v>45715</v>
      </c>
      <c r="F16764" s="14" t="s">
        <v>15</v>
      </c>
      <c r="G16764" s="16">
        <v>0</v>
      </c>
    </row>
    <row r="16765" spans="1:7" x14ac:dyDescent="0.3">
      <c r="A16765" s="13" t="s">
        <v>119</v>
      </c>
      <c r="B16765" s="14" t="s">
        <v>1</v>
      </c>
      <c r="C16765" s="14" t="s">
        <v>96</v>
      </c>
      <c r="D16765" s="14" t="s">
        <v>120</v>
      </c>
      <c r="E16765" s="15">
        <v>45716</v>
      </c>
      <c r="F16765" s="14" t="s">
        <v>15</v>
      </c>
      <c r="G16765" s="16">
        <v>0</v>
      </c>
    </row>
    <row r="16766" spans="1:7" x14ac:dyDescent="0.3">
      <c r="A16766" s="13" t="s">
        <v>119</v>
      </c>
      <c r="B16766" s="14" t="s">
        <v>1</v>
      </c>
      <c r="C16766" s="14" t="s">
        <v>96</v>
      </c>
      <c r="D16766" s="14" t="s">
        <v>120</v>
      </c>
      <c r="E16766" s="15">
        <v>45717</v>
      </c>
      <c r="F16766" s="14" t="s">
        <v>15</v>
      </c>
      <c r="G16766" s="16">
        <v>0</v>
      </c>
    </row>
    <row r="16767" spans="1:7" x14ac:dyDescent="0.3">
      <c r="A16767" s="13" t="s">
        <v>119</v>
      </c>
      <c r="B16767" s="14" t="s">
        <v>1</v>
      </c>
      <c r="C16767" s="14" t="s">
        <v>96</v>
      </c>
      <c r="D16767" s="14" t="s">
        <v>120</v>
      </c>
      <c r="E16767" s="15">
        <v>45718</v>
      </c>
      <c r="F16767" s="14" t="s">
        <v>15</v>
      </c>
      <c r="G16767" s="16">
        <v>0</v>
      </c>
    </row>
    <row r="16768" spans="1:7" x14ac:dyDescent="0.3">
      <c r="A16768" s="13" t="s">
        <v>119</v>
      </c>
      <c r="B16768" s="14" t="s">
        <v>1</v>
      </c>
      <c r="C16768" s="14" t="s">
        <v>96</v>
      </c>
      <c r="D16768" s="14" t="s">
        <v>120</v>
      </c>
      <c r="E16768" s="15">
        <v>45719</v>
      </c>
      <c r="F16768" s="14" t="s">
        <v>15</v>
      </c>
      <c r="G16768" s="16">
        <v>0</v>
      </c>
    </row>
    <row r="16769" spans="1:7" x14ac:dyDescent="0.3">
      <c r="A16769" s="13" t="s">
        <v>119</v>
      </c>
      <c r="B16769" s="14" t="s">
        <v>1</v>
      </c>
      <c r="C16769" s="14" t="s">
        <v>96</v>
      </c>
      <c r="D16769" s="14" t="s">
        <v>120</v>
      </c>
      <c r="E16769" s="15">
        <v>45720</v>
      </c>
      <c r="F16769" s="14" t="s">
        <v>15</v>
      </c>
      <c r="G16769" s="16">
        <v>0</v>
      </c>
    </row>
    <row r="16770" spans="1:7" x14ac:dyDescent="0.3">
      <c r="A16770" s="13" t="s">
        <v>119</v>
      </c>
      <c r="B16770" s="14" t="s">
        <v>1</v>
      </c>
      <c r="C16770" s="14" t="s">
        <v>96</v>
      </c>
      <c r="D16770" s="14" t="s">
        <v>120</v>
      </c>
      <c r="E16770" s="15">
        <v>45721</v>
      </c>
      <c r="F16770" s="14" t="s">
        <v>15</v>
      </c>
      <c r="G16770" s="16">
        <v>0</v>
      </c>
    </row>
    <row r="16771" spans="1:7" x14ac:dyDescent="0.3">
      <c r="A16771" s="13" t="s">
        <v>119</v>
      </c>
      <c r="B16771" s="14" t="s">
        <v>1</v>
      </c>
      <c r="C16771" s="14" t="s">
        <v>96</v>
      </c>
      <c r="D16771" s="14" t="s">
        <v>120</v>
      </c>
      <c r="E16771" s="15">
        <v>45722</v>
      </c>
      <c r="F16771" s="14" t="s">
        <v>15</v>
      </c>
      <c r="G16771" s="16">
        <v>0</v>
      </c>
    </row>
    <row r="16772" spans="1:7" x14ac:dyDescent="0.3">
      <c r="A16772" s="13" t="s">
        <v>119</v>
      </c>
      <c r="B16772" s="14" t="s">
        <v>1</v>
      </c>
      <c r="C16772" s="14" t="s">
        <v>96</v>
      </c>
      <c r="D16772" s="14" t="s">
        <v>120</v>
      </c>
      <c r="E16772" s="15">
        <v>45723</v>
      </c>
      <c r="F16772" s="14" t="s">
        <v>15</v>
      </c>
      <c r="G16772" s="16">
        <v>0</v>
      </c>
    </row>
    <row r="16773" spans="1:7" x14ac:dyDescent="0.3">
      <c r="A16773" s="13" t="s">
        <v>119</v>
      </c>
      <c r="B16773" s="14" t="s">
        <v>1</v>
      </c>
      <c r="C16773" s="14" t="s">
        <v>96</v>
      </c>
      <c r="D16773" s="14" t="s">
        <v>120</v>
      </c>
      <c r="E16773" s="15">
        <v>45724</v>
      </c>
      <c r="F16773" s="14" t="s">
        <v>15</v>
      </c>
      <c r="G16773" s="16">
        <v>0</v>
      </c>
    </row>
    <row r="16774" spans="1:7" x14ac:dyDescent="0.3">
      <c r="A16774" s="13" t="s">
        <v>119</v>
      </c>
      <c r="B16774" s="14" t="s">
        <v>1</v>
      </c>
      <c r="C16774" s="14" t="s">
        <v>96</v>
      </c>
      <c r="D16774" s="14" t="s">
        <v>120</v>
      </c>
      <c r="E16774" s="15">
        <v>45725</v>
      </c>
      <c r="F16774" s="14" t="s">
        <v>15</v>
      </c>
      <c r="G16774" s="16">
        <v>0</v>
      </c>
    </row>
    <row r="16775" spans="1:7" x14ac:dyDescent="0.3">
      <c r="A16775" s="13" t="s">
        <v>119</v>
      </c>
      <c r="B16775" s="14" t="s">
        <v>1</v>
      </c>
      <c r="C16775" s="14" t="s">
        <v>96</v>
      </c>
      <c r="D16775" s="14" t="s">
        <v>120</v>
      </c>
      <c r="E16775" s="15">
        <v>45726</v>
      </c>
      <c r="F16775" s="14" t="s">
        <v>15</v>
      </c>
      <c r="G16775" s="16">
        <v>0</v>
      </c>
    </row>
    <row r="16776" spans="1:7" x14ac:dyDescent="0.3">
      <c r="A16776" s="13" t="s">
        <v>119</v>
      </c>
      <c r="B16776" s="14" t="s">
        <v>1</v>
      </c>
      <c r="C16776" s="14" t="s">
        <v>96</v>
      </c>
      <c r="D16776" s="14" t="s">
        <v>120</v>
      </c>
      <c r="E16776" s="15">
        <v>45727</v>
      </c>
      <c r="F16776" s="14" t="s">
        <v>15</v>
      </c>
      <c r="G16776" s="16">
        <v>0</v>
      </c>
    </row>
    <row r="16777" spans="1:7" x14ac:dyDescent="0.3">
      <c r="A16777" s="13" t="s">
        <v>119</v>
      </c>
      <c r="B16777" s="14" t="s">
        <v>1</v>
      </c>
      <c r="C16777" s="14" t="s">
        <v>96</v>
      </c>
      <c r="D16777" s="14" t="s">
        <v>120</v>
      </c>
      <c r="E16777" s="15">
        <v>45728</v>
      </c>
      <c r="F16777" s="14" t="s">
        <v>15</v>
      </c>
      <c r="G16777" s="16">
        <v>0</v>
      </c>
    </row>
    <row r="16778" spans="1:7" x14ac:dyDescent="0.3">
      <c r="A16778" s="13" t="s">
        <v>119</v>
      </c>
      <c r="B16778" s="14" t="s">
        <v>1</v>
      </c>
      <c r="C16778" s="14" t="s">
        <v>96</v>
      </c>
      <c r="D16778" s="14" t="s">
        <v>120</v>
      </c>
      <c r="E16778" s="15">
        <v>45729</v>
      </c>
      <c r="F16778" s="14" t="s">
        <v>15</v>
      </c>
      <c r="G16778" s="16">
        <v>0</v>
      </c>
    </row>
    <row r="16779" spans="1:7" x14ac:dyDescent="0.3">
      <c r="A16779" s="13" t="s">
        <v>119</v>
      </c>
      <c r="B16779" s="14" t="s">
        <v>1</v>
      </c>
      <c r="C16779" s="14" t="s">
        <v>96</v>
      </c>
      <c r="D16779" s="14" t="s">
        <v>120</v>
      </c>
      <c r="E16779" s="15">
        <v>45730</v>
      </c>
      <c r="F16779" s="14" t="s">
        <v>15</v>
      </c>
      <c r="G16779" s="16">
        <v>0</v>
      </c>
    </row>
    <row r="16780" spans="1:7" x14ac:dyDescent="0.3">
      <c r="A16780" s="13" t="s">
        <v>119</v>
      </c>
      <c r="B16780" s="14" t="s">
        <v>1</v>
      </c>
      <c r="C16780" s="14" t="s">
        <v>96</v>
      </c>
      <c r="D16780" s="14" t="s">
        <v>120</v>
      </c>
      <c r="E16780" s="15">
        <v>45731</v>
      </c>
      <c r="F16780" s="14" t="s">
        <v>15</v>
      </c>
      <c r="G16780" s="16">
        <v>0</v>
      </c>
    </row>
    <row r="16781" spans="1:7" x14ac:dyDescent="0.3">
      <c r="A16781" s="13" t="s">
        <v>119</v>
      </c>
      <c r="B16781" s="14" t="s">
        <v>1</v>
      </c>
      <c r="C16781" s="14" t="s">
        <v>96</v>
      </c>
      <c r="D16781" s="14" t="s">
        <v>120</v>
      </c>
      <c r="E16781" s="15">
        <v>45732</v>
      </c>
      <c r="F16781" s="14" t="s">
        <v>15</v>
      </c>
      <c r="G16781" s="16">
        <v>0</v>
      </c>
    </row>
    <row r="16782" spans="1:7" x14ac:dyDescent="0.3">
      <c r="A16782" s="13" t="s">
        <v>119</v>
      </c>
      <c r="B16782" s="14" t="s">
        <v>1</v>
      </c>
      <c r="C16782" s="14" t="s">
        <v>96</v>
      </c>
      <c r="D16782" s="14" t="s">
        <v>120</v>
      </c>
      <c r="E16782" s="15">
        <v>45733</v>
      </c>
      <c r="F16782" s="14" t="s">
        <v>15</v>
      </c>
      <c r="G16782" s="16">
        <v>0</v>
      </c>
    </row>
    <row r="16783" spans="1:7" x14ac:dyDescent="0.3">
      <c r="A16783" s="13" t="s">
        <v>119</v>
      </c>
      <c r="B16783" s="14" t="s">
        <v>1</v>
      </c>
      <c r="C16783" s="14" t="s">
        <v>96</v>
      </c>
      <c r="D16783" s="14" t="s">
        <v>120</v>
      </c>
      <c r="E16783" s="15">
        <v>45734</v>
      </c>
      <c r="F16783" s="14" t="s">
        <v>15</v>
      </c>
      <c r="G16783" s="16">
        <v>0</v>
      </c>
    </row>
    <row r="16784" spans="1:7" x14ac:dyDescent="0.3">
      <c r="A16784" s="13" t="s">
        <v>119</v>
      </c>
      <c r="B16784" s="14" t="s">
        <v>1</v>
      </c>
      <c r="C16784" s="14" t="s">
        <v>96</v>
      </c>
      <c r="D16784" s="14" t="s">
        <v>120</v>
      </c>
      <c r="E16784" s="15">
        <v>45735</v>
      </c>
      <c r="F16784" s="14" t="s">
        <v>15</v>
      </c>
      <c r="G16784" s="16">
        <v>0</v>
      </c>
    </row>
    <row r="16785" spans="1:7" x14ac:dyDescent="0.3">
      <c r="A16785" s="13" t="s">
        <v>119</v>
      </c>
      <c r="B16785" s="14" t="s">
        <v>1</v>
      </c>
      <c r="C16785" s="14" t="s">
        <v>96</v>
      </c>
      <c r="D16785" s="14" t="s">
        <v>120</v>
      </c>
      <c r="E16785" s="15">
        <v>45736</v>
      </c>
      <c r="F16785" s="14" t="s">
        <v>15</v>
      </c>
      <c r="G16785" s="16">
        <v>0</v>
      </c>
    </row>
    <row r="16786" spans="1:7" x14ac:dyDescent="0.3">
      <c r="A16786" s="13" t="s">
        <v>119</v>
      </c>
      <c r="B16786" s="14" t="s">
        <v>1</v>
      </c>
      <c r="C16786" s="14" t="s">
        <v>96</v>
      </c>
      <c r="D16786" s="14" t="s">
        <v>120</v>
      </c>
      <c r="E16786" s="15">
        <v>45737</v>
      </c>
      <c r="F16786" s="14" t="s">
        <v>15</v>
      </c>
      <c r="G16786" s="16">
        <v>0</v>
      </c>
    </row>
    <row r="16787" spans="1:7" x14ac:dyDescent="0.3">
      <c r="A16787" s="13" t="s">
        <v>119</v>
      </c>
      <c r="B16787" s="14" t="s">
        <v>1</v>
      </c>
      <c r="C16787" s="14" t="s">
        <v>96</v>
      </c>
      <c r="D16787" s="14" t="s">
        <v>120</v>
      </c>
      <c r="E16787" s="15">
        <v>45738</v>
      </c>
      <c r="F16787" s="14" t="s">
        <v>15</v>
      </c>
      <c r="G16787" s="16">
        <v>0</v>
      </c>
    </row>
    <row r="16788" spans="1:7" x14ac:dyDescent="0.3">
      <c r="A16788" s="13" t="s">
        <v>119</v>
      </c>
      <c r="B16788" s="14" t="s">
        <v>1</v>
      </c>
      <c r="C16788" s="14" t="s">
        <v>96</v>
      </c>
      <c r="D16788" s="14" t="s">
        <v>120</v>
      </c>
      <c r="E16788" s="15">
        <v>45739</v>
      </c>
      <c r="F16788" s="14" t="s">
        <v>15</v>
      </c>
      <c r="G16788" s="16">
        <v>0</v>
      </c>
    </row>
    <row r="16789" spans="1:7" x14ac:dyDescent="0.3">
      <c r="A16789" s="13" t="s">
        <v>119</v>
      </c>
      <c r="B16789" s="14" t="s">
        <v>1</v>
      </c>
      <c r="C16789" s="14" t="s">
        <v>96</v>
      </c>
      <c r="D16789" s="14" t="s">
        <v>120</v>
      </c>
      <c r="E16789" s="15">
        <v>45740</v>
      </c>
      <c r="F16789" s="14" t="s">
        <v>15</v>
      </c>
      <c r="G16789" s="16">
        <v>0</v>
      </c>
    </row>
    <row r="16790" spans="1:7" x14ac:dyDescent="0.3">
      <c r="A16790" s="13" t="s">
        <v>119</v>
      </c>
      <c r="B16790" s="14" t="s">
        <v>1</v>
      </c>
      <c r="C16790" s="14" t="s">
        <v>96</v>
      </c>
      <c r="D16790" s="14" t="s">
        <v>120</v>
      </c>
      <c r="E16790" s="15">
        <v>45741</v>
      </c>
      <c r="F16790" s="14" t="s">
        <v>15</v>
      </c>
      <c r="G16790" s="16">
        <v>0</v>
      </c>
    </row>
    <row r="16791" spans="1:7" x14ac:dyDescent="0.3">
      <c r="A16791" s="13" t="s">
        <v>119</v>
      </c>
      <c r="B16791" s="14" t="s">
        <v>1</v>
      </c>
      <c r="C16791" s="14" t="s">
        <v>96</v>
      </c>
      <c r="D16791" s="14" t="s">
        <v>120</v>
      </c>
      <c r="E16791" s="15">
        <v>45742</v>
      </c>
      <c r="F16791" s="14" t="s">
        <v>15</v>
      </c>
      <c r="G16791" s="16">
        <v>1.2393407203926048E-2</v>
      </c>
    </row>
    <row r="16792" spans="1:7" x14ac:dyDescent="0.3">
      <c r="A16792" s="13" t="s">
        <v>119</v>
      </c>
      <c r="B16792" s="14" t="s">
        <v>1</v>
      </c>
      <c r="C16792" s="14" t="s">
        <v>96</v>
      </c>
      <c r="D16792" s="14" t="s">
        <v>120</v>
      </c>
      <c r="E16792" s="15">
        <v>45743</v>
      </c>
      <c r="F16792" s="14" t="s">
        <v>15</v>
      </c>
      <c r="G16792" s="16">
        <v>2.2896540016667188E-2</v>
      </c>
    </row>
    <row r="16793" spans="1:7" x14ac:dyDescent="0.3">
      <c r="A16793" s="13" t="s">
        <v>119</v>
      </c>
      <c r="B16793" s="14" t="s">
        <v>1</v>
      </c>
      <c r="C16793" s="14" t="s">
        <v>96</v>
      </c>
      <c r="D16793" s="14" t="s">
        <v>120</v>
      </c>
      <c r="E16793" s="15">
        <v>45744</v>
      </c>
      <c r="F16793" s="14" t="s">
        <v>15</v>
      </c>
      <c r="G16793" s="16">
        <v>1.4484027284792745E-2</v>
      </c>
    </row>
    <row r="16794" spans="1:7" x14ac:dyDescent="0.3">
      <c r="A16794" s="13" t="s">
        <v>119</v>
      </c>
      <c r="B16794" s="14" t="s">
        <v>1</v>
      </c>
      <c r="C16794" s="14" t="s">
        <v>96</v>
      </c>
      <c r="D16794" s="14" t="s">
        <v>120</v>
      </c>
      <c r="E16794" s="15">
        <v>45745</v>
      </c>
      <c r="F16794" s="14" t="s">
        <v>15</v>
      </c>
      <c r="G16794" s="16">
        <v>1.4484027284792745E-2</v>
      </c>
    </row>
    <row r="16795" spans="1:7" x14ac:dyDescent="0.3">
      <c r="A16795" s="13" t="s">
        <v>119</v>
      </c>
      <c r="B16795" s="14" t="s">
        <v>1</v>
      </c>
      <c r="C16795" s="14" t="s">
        <v>96</v>
      </c>
      <c r="D16795" s="14" t="s">
        <v>120</v>
      </c>
      <c r="E16795" s="15">
        <v>45746</v>
      </c>
      <c r="F16795" s="14" t="s">
        <v>15</v>
      </c>
      <c r="G16795" s="16">
        <v>1.4484027284792745E-2</v>
      </c>
    </row>
    <row r="16796" spans="1:7" x14ac:dyDescent="0.3">
      <c r="A16796" s="13" t="s">
        <v>119</v>
      </c>
      <c r="B16796" s="14" t="s">
        <v>1</v>
      </c>
      <c r="C16796" s="14" t="s">
        <v>96</v>
      </c>
      <c r="D16796" s="14" t="s">
        <v>120</v>
      </c>
      <c r="E16796" s="15">
        <v>45747</v>
      </c>
      <c r="F16796" s="14" t="s">
        <v>15</v>
      </c>
      <c r="G16796" s="16">
        <v>1.4484027284792745E-2</v>
      </c>
    </row>
    <row r="16797" spans="1:7" x14ac:dyDescent="0.3">
      <c r="A16797" s="13" t="s">
        <v>121</v>
      </c>
      <c r="B16797" s="14" t="s">
        <v>1</v>
      </c>
      <c r="C16797" s="14" t="s">
        <v>13</v>
      </c>
      <c r="D16797" s="14" t="s">
        <v>122</v>
      </c>
      <c r="E16797" s="15">
        <v>45383</v>
      </c>
      <c r="F16797" s="14" t="s">
        <v>15</v>
      </c>
      <c r="G16797" s="16">
        <v>0</v>
      </c>
    </row>
    <row r="16798" spans="1:7" x14ac:dyDescent="0.3">
      <c r="A16798" s="13" t="s">
        <v>121</v>
      </c>
      <c r="B16798" s="14" t="s">
        <v>1</v>
      </c>
      <c r="C16798" s="14" t="s">
        <v>13</v>
      </c>
      <c r="D16798" s="14" t="s">
        <v>122</v>
      </c>
      <c r="E16798" s="15">
        <v>45384</v>
      </c>
      <c r="F16798" s="14" t="s">
        <v>15</v>
      </c>
      <c r="G16798" s="16">
        <v>0</v>
      </c>
    </row>
    <row r="16799" spans="1:7" x14ac:dyDescent="0.3">
      <c r="A16799" s="13" t="s">
        <v>121</v>
      </c>
      <c r="B16799" s="14" t="s">
        <v>1</v>
      </c>
      <c r="C16799" s="14" t="s">
        <v>13</v>
      </c>
      <c r="D16799" s="14" t="s">
        <v>122</v>
      </c>
      <c r="E16799" s="15">
        <v>45385</v>
      </c>
      <c r="F16799" s="14" t="s">
        <v>15</v>
      </c>
      <c r="G16799" s="16">
        <v>2.0634166439130863E-2</v>
      </c>
    </row>
    <row r="16800" spans="1:7" x14ac:dyDescent="0.3">
      <c r="A16800" s="13" t="s">
        <v>121</v>
      </c>
      <c r="B16800" s="14" t="s">
        <v>1</v>
      </c>
      <c r="C16800" s="14" t="s">
        <v>13</v>
      </c>
      <c r="D16800" s="14" t="s">
        <v>122</v>
      </c>
      <c r="E16800" s="15">
        <v>45386</v>
      </c>
      <c r="F16800" s="14" t="s">
        <v>15</v>
      </c>
      <c r="G16800" s="16">
        <v>3.3353550984556918E-2</v>
      </c>
    </row>
    <row r="16801" spans="1:7" x14ac:dyDescent="0.3">
      <c r="A16801" s="13" t="s">
        <v>121</v>
      </c>
      <c r="B16801" s="14" t="s">
        <v>1</v>
      </c>
      <c r="C16801" s="14" t="s">
        <v>13</v>
      </c>
      <c r="D16801" s="14" t="s">
        <v>122</v>
      </c>
      <c r="E16801" s="15">
        <v>45387</v>
      </c>
      <c r="F16801" s="14" t="s">
        <v>15</v>
      </c>
      <c r="G16801" s="16">
        <v>4.9925937017918059E-2</v>
      </c>
    </row>
    <row r="16802" spans="1:7" x14ac:dyDescent="0.3">
      <c r="A16802" s="13" t="s">
        <v>121</v>
      </c>
      <c r="B16802" s="14" t="s">
        <v>1</v>
      </c>
      <c r="C16802" s="14" t="s">
        <v>13</v>
      </c>
      <c r="D16802" s="14" t="s">
        <v>122</v>
      </c>
      <c r="E16802" s="15">
        <v>45388</v>
      </c>
      <c r="F16802" s="14" t="s">
        <v>15</v>
      </c>
      <c r="G16802" s="16">
        <v>4.9925937017918059E-2</v>
      </c>
    </row>
    <row r="16803" spans="1:7" x14ac:dyDescent="0.3">
      <c r="A16803" s="13" t="s">
        <v>121</v>
      </c>
      <c r="B16803" s="14" t="s">
        <v>1</v>
      </c>
      <c r="C16803" s="14" t="s">
        <v>13</v>
      </c>
      <c r="D16803" s="14" t="s">
        <v>122</v>
      </c>
      <c r="E16803" s="15">
        <v>45389</v>
      </c>
      <c r="F16803" s="14" t="s">
        <v>15</v>
      </c>
      <c r="G16803" s="16">
        <v>4.9925937017918059E-2</v>
      </c>
    </row>
    <row r="16804" spans="1:7" x14ac:dyDescent="0.3">
      <c r="A16804" s="13" t="s">
        <v>121</v>
      </c>
      <c r="B16804" s="14" t="s">
        <v>1</v>
      </c>
      <c r="C16804" s="14" t="s">
        <v>13</v>
      </c>
      <c r="D16804" s="14" t="s">
        <v>122</v>
      </c>
      <c r="E16804" s="15">
        <v>45390</v>
      </c>
      <c r="F16804" s="14" t="s">
        <v>15</v>
      </c>
      <c r="G16804" s="16">
        <v>6.1057078508142966E-2</v>
      </c>
    </row>
    <row r="16805" spans="1:7" x14ac:dyDescent="0.3">
      <c r="A16805" s="13" t="s">
        <v>121</v>
      </c>
      <c r="B16805" s="14" t="s">
        <v>1</v>
      </c>
      <c r="C16805" s="14" t="s">
        <v>13</v>
      </c>
      <c r="D16805" s="14" t="s">
        <v>122</v>
      </c>
      <c r="E16805" s="15">
        <v>45391</v>
      </c>
      <c r="F16805" s="14" t="s">
        <v>15</v>
      </c>
      <c r="G16805" s="16">
        <v>7.5189528948097772E-2</v>
      </c>
    </row>
    <row r="16806" spans="1:7" x14ac:dyDescent="0.3">
      <c r="A16806" s="13" t="s">
        <v>121</v>
      </c>
      <c r="B16806" s="14" t="s">
        <v>1</v>
      </c>
      <c r="C16806" s="14" t="s">
        <v>13</v>
      </c>
      <c r="D16806" s="14" t="s">
        <v>122</v>
      </c>
      <c r="E16806" s="15">
        <v>45392</v>
      </c>
      <c r="F16806" s="14" t="s">
        <v>15</v>
      </c>
      <c r="G16806" s="16">
        <v>7.988078167232511E-2</v>
      </c>
    </row>
    <row r="16807" spans="1:7" x14ac:dyDescent="0.3">
      <c r="A16807" s="13" t="s">
        <v>121</v>
      </c>
      <c r="B16807" s="14" t="s">
        <v>1</v>
      </c>
      <c r="C16807" s="14" t="s">
        <v>13</v>
      </c>
      <c r="D16807" s="14" t="s">
        <v>122</v>
      </c>
      <c r="E16807" s="15">
        <v>45393</v>
      </c>
      <c r="F16807" s="14" t="s">
        <v>15</v>
      </c>
      <c r="G16807" s="16">
        <v>8.4570242302837148E-2</v>
      </c>
    </row>
    <row r="16808" spans="1:7" x14ac:dyDescent="0.3">
      <c r="A16808" s="13" t="s">
        <v>121</v>
      </c>
      <c r="B16808" s="14" t="s">
        <v>1</v>
      </c>
      <c r="C16808" s="14" t="s">
        <v>13</v>
      </c>
      <c r="D16808" s="14" t="s">
        <v>122</v>
      </c>
      <c r="E16808" s="15">
        <v>45394</v>
      </c>
      <c r="F16808" s="14" t="s">
        <v>15</v>
      </c>
      <c r="G16808" s="16">
        <v>8.9286584339078948E-2</v>
      </c>
    </row>
    <row r="16809" spans="1:7" x14ac:dyDescent="0.3">
      <c r="A16809" s="13" t="s">
        <v>121</v>
      </c>
      <c r="B16809" s="14" t="s">
        <v>1</v>
      </c>
      <c r="C16809" s="14" t="s">
        <v>13</v>
      </c>
      <c r="D16809" s="14" t="s">
        <v>122</v>
      </c>
      <c r="E16809" s="15">
        <v>45395</v>
      </c>
      <c r="F16809" s="14" t="s">
        <v>15</v>
      </c>
      <c r="G16809" s="16">
        <v>8.9286584339078948E-2</v>
      </c>
    </row>
    <row r="16810" spans="1:7" x14ac:dyDescent="0.3">
      <c r="A16810" s="13" t="s">
        <v>121</v>
      </c>
      <c r="B16810" s="14" t="s">
        <v>1</v>
      </c>
      <c r="C16810" s="14" t="s">
        <v>13</v>
      </c>
      <c r="D16810" s="14" t="s">
        <v>122</v>
      </c>
      <c r="E16810" s="15">
        <v>45396</v>
      </c>
      <c r="F16810" s="14" t="s">
        <v>15</v>
      </c>
      <c r="G16810" s="16">
        <v>8.9286584339078948E-2</v>
      </c>
    </row>
    <row r="16811" spans="1:7" x14ac:dyDescent="0.3">
      <c r="A16811" s="13" t="s">
        <v>121</v>
      </c>
      <c r="B16811" s="14" t="s">
        <v>1</v>
      </c>
      <c r="C16811" s="14" t="s">
        <v>13</v>
      </c>
      <c r="D16811" s="14" t="s">
        <v>122</v>
      </c>
      <c r="E16811" s="15">
        <v>45397</v>
      </c>
      <c r="F16811" s="14" t="s">
        <v>15</v>
      </c>
      <c r="G16811" s="16">
        <v>9.4019055218758613E-2</v>
      </c>
    </row>
    <row r="16812" spans="1:7" x14ac:dyDescent="0.3">
      <c r="A16812" s="13" t="s">
        <v>121</v>
      </c>
      <c r="B16812" s="14" t="s">
        <v>1</v>
      </c>
      <c r="C16812" s="14" t="s">
        <v>13</v>
      </c>
      <c r="D16812" s="14" t="s">
        <v>122</v>
      </c>
      <c r="E16812" s="15">
        <v>45398</v>
      </c>
      <c r="F16812" s="14" t="s">
        <v>15</v>
      </c>
      <c r="G16812" s="16">
        <v>0.10834460375653901</v>
      </c>
    </row>
    <row r="16813" spans="1:7" x14ac:dyDescent="0.3">
      <c r="A16813" s="13" t="s">
        <v>121</v>
      </c>
      <c r="B16813" s="14" t="s">
        <v>1</v>
      </c>
      <c r="C16813" s="14" t="s">
        <v>13</v>
      </c>
      <c r="D16813" s="14" t="s">
        <v>122</v>
      </c>
      <c r="E16813" s="15">
        <v>45399</v>
      </c>
      <c r="F16813" s="14" t="s">
        <v>15</v>
      </c>
      <c r="G16813" s="16">
        <v>0.11312322104938814</v>
      </c>
    </row>
    <row r="16814" spans="1:7" x14ac:dyDescent="0.3">
      <c r="A16814" s="13" t="s">
        <v>121</v>
      </c>
      <c r="B16814" s="14" t="s">
        <v>1</v>
      </c>
      <c r="C16814" s="14" t="s">
        <v>13</v>
      </c>
      <c r="D16814" s="14" t="s">
        <v>122</v>
      </c>
      <c r="E16814" s="15">
        <v>45400</v>
      </c>
      <c r="F16814" s="14" t="s">
        <v>15</v>
      </c>
      <c r="G16814" s="16">
        <v>0.11715453526294942</v>
      </c>
    </row>
    <row r="16815" spans="1:7" x14ac:dyDescent="0.3">
      <c r="A16815" s="13" t="s">
        <v>121</v>
      </c>
      <c r="B16815" s="14" t="s">
        <v>1</v>
      </c>
      <c r="C16815" s="14" t="s">
        <v>13</v>
      </c>
      <c r="D16815" s="14" t="s">
        <v>122</v>
      </c>
      <c r="E16815" s="15">
        <v>45401</v>
      </c>
      <c r="F16815" s="14" t="s">
        <v>15</v>
      </c>
      <c r="G16815" s="16">
        <v>0.12182921112031005</v>
      </c>
    </row>
    <row r="16816" spans="1:7" x14ac:dyDescent="0.3">
      <c r="A16816" s="13" t="s">
        <v>121</v>
      </c>
      <c r="B16816" s="14" t="s">
        <v>1</v>
      </c>
      <c r="C16816" s="14" t="s">
        <v>13</v>
      </c>
      <c r="D16816" s="14" t="s">
        <v>122</v>
      </c>
      <c r="E16816" s="15">
        <v>45402</v>
      </c>
      <c r="F16816" s="14" t="s">
        <v>15</v>
      </c>
      <c r="G16816" s="16">
        <v>0.12182921112031005</v>
      </c>
    </row>
    <row r="16817" spans="1:7" x14ac:dyDescent="0.3">
      <c r="A16817" s="13" t="s">
        <v>121</v>
      </c>
      <c r="B16817" s="14" t="s">
        <v>1</v>
      </c>
      <c r="C16817" s="14" t="s">
        <v>13</v>
      </c>
      <c r="D16817" s="14" t="s">
        <v>122</v>
      </c>
      <c r="E16817" s="15">
        <v>45403</v>
      </c>
      <c r="F16817" s="14" t="s">
        <v>15</v>
      </c>
      <c r="G16817" s="16">
        <v>0.12182921112031005</v>
      </c>
    </row>
    <row r="16818" spans="1:7" x14ac:dyDescent="0.3">
      <c r="A16818" s="13" t="s">
        <v>121</v>
      </c>
      <c r="B16818" s="14" t="s">
        <v>1</v>
      </c>
      <c r="C16818" s="14" t="s">
        <v>13</v>
      </c>
      <c r="D16818" s="14" t="s">
        <v>122</v>
      </c>
      <c r="E16818" s="15">
        <v>45404</v>
      </c>
      <c r="F16818" s="14" t="s">
        <v>15</v>
      </c>
      <c r="G16818" s="16">
        <v>0.12640532182332817</v>
      </c>
    </row>
    <row r="16819" spans="1:7" x14ac:dyDescent="0.3">
      <c r="A16819" s="13" t="s">
        <v>121</v>
      </c>
      <c r="B16819" s="14" t="s">
        <v>1</v>
      </c>
      <c r="C16819" s="14" t="s">
        <v>13</v>
      </c>
      <c r="D16819" s="14" t="s">
        <v>122</v>
      </c>
      <c r="E16819" s="15">
        <v>45405</v>
      </c>
      <c r="F16819" s="14" t="s">
        <v>15</v>
      </c>
      <c r="G16819" s="16">
        <v>0.1404893857329694</v>
      </c>
    </row>
    <row r="16820" spans="1:7" x14ac:dyDescent="0.3">
      <c r="A16820" s="13" t="s">
        <v>121</v>
      </c>
      <c r="B16820" s="14" t="s">
        <v>1</v>
      </c>
      <c r="C16820" s="14" t="s">
        <v>13</v>
      </c>
      <c r="D16820" s="14" t="s">
        <v>122</v>
      </c>
      <c r="E16820" s="15">
        <v>45406</v>
      </c>
      <c r="F16820" s="14" t="s">
        <v>15</v>
      </c>
      <c r="G16820" s="16">
        <v>0.14514793274689219</v>
      </c>
    </row>
    <row r="16821" spans="1:7" x14ac:dyDescent="0.3">
      <c r="A16821" s="13" t="s">
        <v>121</v>
      </c>
      <c r="B16821" s="14" t="s">
        <v>1</v>
      </c>
      <c r="C16821" s="14" t="s">
        <v>13</v>
      </c>
      <c r="D16821" s="14" t="s">
        <v>122</v>
      </c>
      <c r="E16821" s="15">
        <v>45407</v>
      </c>
      <c r="F16821" s="14" t="s">
        <v>15</v>
      </c>
      <c r="G16821" s="16">
        <v>0.14978049440194283</v>
      </c>
    </row>
    <row r="16822" spans="1:7" x14ac:dyDescent="0.3">
      <c r="A16822" s="13" t="s">
        <v>121</v>
      </c>
      <c r="B16822" s="14" t="s">
        <v>1</v>
      </c>
      <c r="C16822" s="14" t="s">
        <v>13</v>
      </c>
      <c r="D16822" s="14" t="s">
        <v>122</v>
      </c>
      <c r="E16822" s="15">
        <v>45408</v>
      </c>
      <c r="F16822" s="14" t="s">
        <v>15</v>
      </c>
      <c r="G16822" s="16">
        <v>0.15465767684913448</v>
      </c>
    </row>
    <row r="16823" spans="1:7" x14ac:dyDescent="0.3">
      <c r="A16823" s="13" t="s">
        <v>121</v>
      </c>
      <c r="B16823" s="14" t="s">
        <v>1</v>
      </c>
      <c r="C16823" s="14" t="s">
        <v>13</v>
      </c>
      <c r="D16823" s="14" t="s">
        <v>122</v>
      </c>
      <c r="E16823" s="15">
        <v>45409</v>
      </c>
      <c r="F16823" s="14" t="s">
        <v>15</v>
      </c>
      <c r="G16823" s="16">
        <v>0.15465767684913448</v>
      </c>
    </row>
    <row r="16824" spans="1:7" x14ac:dyDescent="0.3">
      <c r="A16824" s="13" t="s">
        <v>121</v>
      </c>
      <c r="B16824" s="14" t="s">
        <v>1</v>
      </c>
      <c r="C16824" s="14" t="s">
        <v>13</v>
      </c>
      <c r="D16824" s="14" t="s">
        <v>122</v>
      </c>
      <c r="E16824" s="15">
        <v>45410</v>
      </c>
      <c r="F16824" s="14" t="s">
        <v>15</v>
      </c>
      <c r="G16824" s="16">
        <v>0.15465767684913448</v>
      </c>
    </row>
    <row r="16825" spans="1:7" x14ac:dyDescent="0.3">
      <c r="A16825" s="13" t="s">
        <v>121</v>
      </c>
      <c r="B16825" s="14" t="s">
        <v>1</v>
      </c>
      <c r="C16825" s="14" t="s">
        <v>13</v>
      </c>
      <c r="D16825" s="14" t="s">
        <v>122</v>
      </c>
      <c r="E16825" s="15">
        <v>45411</v>
      </c>
      <c r="F16825" s="14" t="s">
        <v>15</v>
      </c>
      <c r="G16825" s="16">
        <v>0.15929606280875994</v>
      </c>
    </row>
    <row r="16826" spans="1:7" x14ac:dyDescent="0.3">
      <c r="A16826" s="13" t="s">
        <v>121</v>
      </c>
      <c r="B16826" s="14" t="s">
        <v>1</v>
      </c>
      <c r="C16826" s="14" t="s">
        <v>13</v>
      </c>
      <c r="D16826" s="14" t="s">
        <v>122</v>
      </c>
      <c r="E16826" s="15">
        <v>45412</v>
      </c>
      <c r="F16826" s="14" t="s">
        <v>15</v>
      </c>
      <c r="G16826" s="16">
        <v>0.17323407108060265</v>
      </c>
    </row>
    <row r="16827" spans="1:7" x14ac:dyDescent="0.3">
      <c r="A16827" s="13" t="s">
        <v>121</v>
      </c>
      <c r="B16827" s="14" t="s">
        <v>1</v>
      </c>
      <c r="C16827" s="14" t="s">
        <v>13</v>
      </c>
      <c r="D16827" s="14" t="s">
        <v>122</v>
      </c>
      <c r="E16827" s="15">
        <v>45413</v>
      </c>
      <c r="F16827" s="14" t="s">
        <v>15</v>
      </c>
      <c r="G16827" s="16">
        <v>0.17323407108060265</v>
      </c>
    </row>
    <row r="16828" spans="1:7" x14ac:dyDescent="0.3">
      <c r="A16828" s="13" t="s">
        <v>121</v>
      </c>
      <c r="B16828" s="14" t="s">
        <v>1</v>
      </c>
      <c r="C16828" s="14" t="s">
        <v>13</v>
      </c>
      <c r="D16828" s="14" t="s">
        <v>122</v>
      </c>
      <c r="E16828" s="15">
        <v>45414</v>
      </c>
      <c r="F16828" s="14" t="s">
        <v>15</v>
      </c>
      <c r="G16828" s="16">
        <v>0.17780883771333431</v>
      </c>
    </row>
    <row r="16829" spans="1:7" x14ac:dyDescent="0.3">
      <c r="A16829" s="13" t="s">
        <v>121</v>
      </c>
      <c r="B16829" s="14" t="s">
        <v>1</v>
      </c>
      <c r="C16829" s="14" t="s">
        <v>13</v>
      </c>
      <c r="D16829" s="14" t="s">
        <v>122</v>
      </c>
      <c r="E16829" s="15">
        <v>45415</v>
      </c>
      <c r="F16829" s="14" t="s">
        <v>15</v>
      </c>
      <c r="G16829" s="16">
        <v>0.19434000559124312</v>
      </c>
    </row>
    <row r="16830" spans="1:7" x14ac:dyDescent="0.3">
      <c r="A16830" s="13" t="s">
        <v>121</v>
      </c>
      <c r="B16830" s="14" t="s">
        <v>1</v>
      </c>
      <c r="C16830" s="14" t="s">
        <v>13</v>
      </c>
      <c r="D16830" s="14" t="s">
        <v>122</v>
      </c>
      <c r="E16830" s="15">
        <v>45416</v>
      </c>
      <c r="F16830" s="14" t="s">
        <v>15</v>
      </c>
      <c r="G16830" s="16">
        <v>0.19434000559124312</v>
      </c>
    </row>
    <row r="16831" spans="1:7" x14ac:dyDescent="0.3">
      <c r="A16831" s="13" t="s">
        <v>121</v>
      </c>
      <c r="B16831" s="14" t="s">
        <v>1</v>
      </c>
      <c r="C16831" s="14" t="s">
        <v>13</v>
      </c>
      <c r="D16831" s="14" t="s">
        <v>122</v>
      </c>
      <c r="E16831" s="15">
        <v>45417</v>
      </c>
      <c r="F16831" s="14" t="s">
        <v>15</v>
      </c>
      <c r="G16831" s="16">
        <v>0.19434000559124312</v>
      </c>
    </row>
    <row r="16832" spans="1:7" x14ac:dyDescent="0.3">
      <c r="A16832" s="13" t="s">
        <v>121</v>
      </c>
      <c r="B16832" s="14" t="s">
        <v>1</v>
      </c>
      <c r="C16832" s="14" t="s">
        <v>13</v>
      </c>
      <c r="D16832" s="14" t="s">
        <v>122</v>
      </c>
      <c r="E16832" s="15">
        <v>45418</v>
      </c>
      <c r="F16832" s="14" t="s">
        <v>15</v>
      </c>
      <c r="G16832" s="16">
        <v>0.19434000559124312</v>
      </c>
    </row>
    <row r="16833" spans="1:7" x14ac:dyDescent="0.3">
      <c r="A16833" s="13" t="s">
        <v>121</v>
      </c>
      <c r="B16833" s="14" t="s">
        <v>1</v>
      </c>
      <c r="C16833" s="14" t="s">
        <v>13</v>
      </c>
      <c r="D16833" s="14" t="s">
        <v>122</v>
      </c>
      <c r="E16833" s="15">
        <v>45419</v>
      </c>
      <c r="F16833" s="14" t="s">
        <v>15</v>
      </c>
      <c r="G16833" s="16">
        <v>0.19901736958917676</v>
      </c>
    </row>
    <row r="16834" spans="1:7" x14ac:dyDescent="0.3">
      <c r="A16834" s="13" t="s">
        <v>121</v>
      </c>
      <c r="B16834" s="14" t="s">
        <v>1</v>
      </c>
      <c r="C16834" s="14" t="s">
        <v>13</v>
      </c>
      <c r="D16834" s="14" t="s">
        <v>122</v>
      </c>
      <c r="E16834" s="15">
        <v>45420</v>
      </c>
      <c r="F16834" s="14" t="s">
        <v>15</v>
      </c>
      <c r="G16834" s="16">
        <v>0.21764842327801021</v>
      </c>
    </row>
    <row r="16835" spans="1:7" x14ac:dyDescent="0.3">
      <c r="A16835" s="13" t="s">
        <v>121</v>
      </c>
      <c r="B16835" s="14" t="s">
        <v>1</v>
      </c>
      <c r="C16835" s="14" t="s">
        <v>13</v>
      </c>
      <c r="D16835" s="14" t="s">
        <v>122</v>
      </c>
      <c r="E16835" s="15">
        <v>45421</v>
      </c>
      <c r="F16835" s="14" t="s">
        <v>15</v>
      </c>
      <c r="G16835" s="16">
        <v>0.21764842327801021</v>
      </c>
    </row>
    <row r="16836" spans="1:7" x14ac:dyDescent="0.3">
      <c r="A16836" s="13" t="s">
        <v>121</v>
      </c>
      <c r="B16836" s="14" t="s">
        <v>1</v>
      </c>
      <c r="C16836" s="14" t="s">
        <v>13</v>
      </c>
      <c r="D16836" s="14" t="s">
        <v>122</v>
      </c>
      <c r="E16836" s="15">
        <v>45422</v>
      </c>
      <c r="F16836" s="14" t="s">
        <v>15</v>
      </c>
      <c r="G16836" s="16">
        <v>0.22225096736332928</v>
      </c>
    </row>
    <row r="16837" spans="1:7" x14ac:dyDescent="0.3">
      <c r="A16837" s="13" t="s">
        <v>121</v>
      </c>
      <c r="B16837" s="14" t="s">
        <v>1</v>
      </c>
      <c r="C16837" s="14" t="s">
        <v>13</v>
      </c>
      <c r="D16837" s="14" t="s">
        <v>122</v>
      </c>
      <c r="E16837" s="15">
        <v>45423</v>
      </c>
      <c r="F16837" s="14" t="s">
        <v>15</v>
      </c>
      <c r="G16837" s="16">
        <v>0.22225096736332928</v>
      </c>
    </row>
    <row r="16838" spans="1:7" x14ac:dyDescent="0.3">
      <c r="A16838" s="13" t="s">
        <v>121</v>
      </c>
      <c r="B16838" s="14" t="s">
        <v>1</v>
      </c>
      <c r="C16838" s="14" t="s">
        <v>13</v>
      </c>
      <c r="D16838" s="14" t="s">
        <v>122</v>
      </c>
      <c r="E16838" s="15">
        <v>45424</v>
      </c>
      <c r="F16838" s="14" t="s">
        <v>15</v>
      </c>
      <c r="G16838" s="16">
        <v>0.22225096736332928</v>
      </c>
    </row>
    <row r="16839" spans="1:7" x14ac:dyDescent="0.3">
      <c r="A16839" s="13" t="s">
        <v>121</v>
      </c>
      <c r="B16839" s="14" t="s">
        <v>1</v>
      </c>
      <c r="C16839" s="14" t="s">
        <v>13</v>
      </c>
      <c r="D16839" s="14" t="s">
        <v>122</v>
      </c>
      <c r="E16839" s="15">
        <v>45425</v>
      </c>
      <c r="F16839" s="14" t="s">
        <v>15</v>
      </c>
      <c r="G16839" s="16">
        <v>0.23164781016055458</v>
      </c>
    </row>
    <row r="16840" spans="1:7" x14ac:dyDescent="0.3">
      <c r="A16840" s="13" t="s">
        <v>121</v>
      </c>
      <c r="B16840" s="14" t="s">
        <v>1</v>
      </c>
      <c r="C16840" s="14" t="s">
        <v>13</v>
      </c>
      <c r="D16840" s="14" t="s">
        <v>122</v>
      </c>
      <c r="E16840" s="15">
        <v>45426</v>
      </c>
      <c r="F16840" s="14" t="s">
        <v>15</v>
      </c>
      <c r="G16840" s="16">
        <v>0.25175375697709529</v>
      </c>
    </row>
    <row r="16841" spans="1:7" x14ac:dyDescent="0.3">
      <c r="A16841" s="13" t="s">
        <v>121</v>
      </c>
      <c r="B16841" s="14" t="s">
        <v>1</v>
      </c>
      <c r="C16841" s="14" t="s">
        <v>13</v>
      </c>
      <c r="D16841" s="14" t="s">
        <v>122</v>
      </c>
      <c r="E16841" s="15">
        <v>45427</v>
      </c>
      <c r="F16841" s="14" t="s">
        <v>15</v>
      </c>
      <c r="G16841" s="16">
        <v>0.25605522931824082</v>
      </c>
    </row>
    <row r="16842" spans="1:7" x14ac:dyDescent="0.3">
      <c r="A16842" s="13" t="s">
        <v>121</v>
      </c>
      <c r="B16842" s="14" t="s">
        <v>1</v>
      </c>
      <c r="C16842" s="14" t="s">
        <v>13</v>
      </c>
      <c r="D16842" s="14" t="s">
        <v>122</v>
      </c>
      <c r="E16842" s="15">
        <v>45428</v>
      </c>
      <c r="F16842" s="14" t="s">
        <v>15</v>
      </c>
      <c r="G16842" s="16">
        <v>0.26034818921423858</v>
      </c>
    </row>
    <row r="16843" spans="1:7" x14ac:dyDescent="0.3">
      <c r="A16843" s="13" t="s">
        <v>121</v>
      </c>
      <c r="B16843" s="14" t="s">
        <v>1</v>
      </c>
      <c r="C16843" s="14" t="s">
        <v>13</v>
      </c>
      <c r="D16843" s="14" t="s">
        <v>122</v>
      </c>
      <c r="E16843" s="15">
        <v>45429</v>
      </c>
      <c r="F16843" s="14" t="s">
        <v>15</v>
      </c>
      <c r="G16843" s="16">
        <v>0.28475605699440171</v>
      </c>
    </row>
    <row r="16844" spans="1:7" x14ac:dyDescent="0.3">
      <c r="A16844" s="13" t="s">
        <v>121</v>
      </c>
      <c r="B16844" s="14" t="s">
        <v>1</v>
      </c>
      <c r="C16844" s="14" t="s">
        <v>13</v>
      </c>
      <c r="D16844" s="14" t="s">
        <v>122</v>
      </c>
      <c r="E16844" s="15">
        <v>45430</v>
      </c>
      <c r="F16844" s="14" t="s">
        <v>15</v>
      </c>
      <c r="G16844" s="16">
        <v>0.28475605699440171</v>
      </c>
    </row>
    <row r="16845" spans="1:7" x14ac:dyDescent="0.3">
      <c r="A16845" s="13" t="s">
        <v>121</v>
      </c>
      <c r="B16845" s="14" t="s">
        <v>1</v>
      </c>
      <c r="C16845" s="14" t="s">
        <v>13</v>
      </c>
      <c r="D16845" s="14" t="s">
        <v>122</v>
      </c>
      <c r="E16845" s="15">
        <v>45431</v>
      </c>
      <c r="F16845" s="14" t="s">
        <v>15</v>
      </c>
      <c r="G16845" s="16">
        <v>0.28475605699440171</v>
      </c>
    </row>
    <row r="16846" spans="1:7" x14ac:dyDescent="0.3">
      <c r="A16846" s="13" t="s">
        <v>121</v>
      </c>
      <c r="B16846" s="14" t="s">
        <v>1</v>
      </c>
      <c r="C16846" s="14" t="s">
        <v>13</v>
      </c>
      <c r="D16846" s="14" t="s">
        <v>122</v>
      </c>
      <c r="E16846" s="15">
        <v>45432</v>
      </c>
      <c r="F16846" s="14" t="s">
        <v>15</v>
      </c>
      <c r="G16846" s="16">
        <v>0.28475605699440171</v>
      </c>
    </row>
    <row r="16847" spans="1:7" x14ac:dyDescent="0.3">
      <c r="A16847" s="13" t="s">
        <v>121</v>
      </c>
      <c r="B16847" s="14" t="s">
        <v>1</v>
      </c>
      <c r="C16847" s="14" t="s">
        <v>13</v>
      </c>
      <c r="D16847" s="14" t="s">
        <v>122</v>
      </c>
      <c r="E16847" s="15">
        <v>45433</v>
      </c>
      <c r="F16847" s="14" t="s">
        <v>15</v>
      </c>
      <c r="G16847" s="16">
        <v>0.28926630825338184</v>
      </c>
    </row>
    <row r="16848" spans="1:7" x14ac:dyDescent="0.3">
      <c r="A16848" s="13" t="s">
        <v>121</v>
      </c>
      <c r="B16848" s="14" t="s">
        <v>1</v>
      </c>
      <c r="C16848" s="14" t="s">
        <v>13</v>
      </c>
      <c r="D16848" s="14" t="s">
        <v>122</v>
      </c>
      <c r="E16848" s="15">
        <v>45434</v>
      </c>
      <c r="F16848" s="14" t="s">
        <v>15</v>
      </c>
      <c r="G16848" s="16">
        <v>0.30722308668182663</v>
      </c>
    </row>
    <row r="16849" spans="1:7" x14ac:dyDescent="0.3">
      <c r="A16849" s="13" t="s">
        <v>121</v>
      </c>
      <c r="B16849" s="14" t="s">
        <v>1</v>
      </c>
      <c r="C16849" s="14" t="s">
        <v>13</v>
      </c>
      <c r="D16849" s="14" t="s">
        <v>122</v>
      </c>
      <c r="E16849" s="15">
        <v>45435</v>
      </c>
      <c r="F16849" s="14" t="s">
        <v>15</v>
      </c>
      <c r="G16849" s="16">
        <v>0.3444986353614064</v>
      </c>
    </row>
    <row r="16850" spans="1:7" x14ac:dyDescent="0.3">
      <c r="A16850" s="13" t="s">
        <v>121</v>
      </c>
      <c r="B16850" s="14" t="s">
        <v>1</v>
      </c>
      <c r="C16850" s="14" t="s">
        <v>13</v>
      </c>
      <c r="D16850" s="14" t="s">
        <v>122</v>
      </c>
      <c r="E16850" s="15">
        <v>45436</v>
      </c>
      <c r="F16850" s="14" t="s">
        <v>15</v>
      </c>
      <c r="G16850" s="16">
        <v>0.34901336685467488</v>
      </c>
    </row>
    <row r="16851" spans="1:7" x14ac:dyDescent="0.3">
      <c r="A16851" s="13" t="s">
        <v>121</v>
      </c>
      <c r="B16851" s="14" t="s">
        <v>1</v>
      </c>
      <c r="C16851" s="14" t="s">
        <v>13</v>
      </c>
      <c r="D16851" s="14" t="s">
        <v>122</v>
      </c>
      <c r="E16851" s="15">
        <v>45437</v>
      </c>
      <c r="F16851" s="14" t="s">
        <v>15</v>
      </c>
      <c r="G16851" s="16">
        <v>0.34901336685467488</v>
      </c>
    </row>
    <row r="16852" spans="1:7" x14ac:dyDescent="0.3">
      <c r="A16852" s="13" t="s">
        <v>121</v>
      </c>
      <c r="B16852" s="14" t="s">
        <v>1</v>
      </c>
      <c r="C16852" s="14" t="s">
        <v>13</v>
      </c>
      <c r="D16852" s="14" t="s">
        <v>122</v>
      </c>
      <c r="E16852" s="15">
        <v>45438</v>
      </c>
      <c r="F16852" s="14" t="s">
        <v>15</v>
      </c>
      <c r="G16852" s="16">
        <v>0.34901336685467488</v>
      </c>
    </row>
    <row r="16853" spans="1:7" x14ac:dyDescent="0.3">
      <c r="A16853" s="13" t="s">
        <v>121</v>
      </c>
      <c r="B16853" s="14" t="s">
        <v>1</v>
      </c>
      <c r="C16853" s="14" t="s">
        <v>13</v>
      </c>
      <c r="D16853" s="14" t="s">
        <v>122</v>
      </c>
      <c r="E16853" s="15">
        <v>45439</v>
      </c>
      <c r="F16853" s="14" t="s">
        <v>15</v>
      </c>
      <c r="G16853" s="16">
        <v>0.35354736335538306</v>
      </c>
    </row>
    <row r="16854" spans="1:7" x14ac:dyDescent="0.3">
      <c r="A16854" s="13" t="s">
        <v>121</v>
      </c>
      <c r="B16854" s="14" t="s">
        <v>1</v>
      </c>
      <c r="C16854" s="14" t="s">
        <v>13</v>
      </c>
      <c r="D16854" s="14" t="s">
        <v>122</v>
      </c>
      <c r="E16854" s="15">
        <v>45440</v>
      </c>
      <c r="F16854" s="14" t="s">
        <v>15</v>
      </c>
      <c r="G16854" s="16">
        <v>0.36718788407048292</v>
      </c>
    </row>
    <row r="16855" spans="1:7" x14ac:dyDescent="0.3">
      <c r="A16855" s="13" t="s">
        <v>121</v>
      </c>
      <c r="B16855" s="14" t="s">
        <v>1</v>
      </c>
      <c r="C16855" s="14" t="s">
        <v>13</v>
      </c>
      <c r="D16855" s="14" t="s">
        <v>122</v>
      </c>
      <c r="E16855" s="15">
        <v>45441</v>
      </c>
      <c r="F16855" s="14" t="s">
        <v>15</v>
      </c>
      <c r="G16855" s="16">
        <v>0.37216094353144413</v>
      </c>
    </row>
    <row r="16856" spans="1:7" x14ac:dyDescent="0.3">
      <c r="A16856" s="13" t="s">
        <v>121</v>
      </c>
      <c r="B16856" s="14" t="s">
        <v>1</v>
      </c>
      <c r="C16856" s="14" t="s">
        <v>13</v>
      </c>
      <c r="D16856" s="14" t="s">
        <v>122</v>
      </c>
      <c r="E16856" s="15">
        <v>45442</v>
      </c>
      <c r="F16856" s="14" t="s">
        <v>15</v>
      </c>
      <c r="G16856" s="16">
        <v>0.37671017282873248</v>
      </c>
    </row>
    <row r="16857" spans="1:7" x14ac:dyDescent="0.3">
      <c r="A16857" s="13" t="s">
        <v>121</v>
      </c>
      <c r="B16857" s="14" t="s">
        <v>1</v>
      </c>
      <c r="C16857" s="14" t="s">
        <v>13</v>
      </c>
      <c r="D16857" s="14" t="s">
        <v>122</v>
      </c>
      <c r="E16857" s="15">
        <v>45443</v>
      </c>
      <c r="F16857" s="14" t="s">
        <v>15</v>
      </c>
      <c r="G16857" s="16">
        <v>0.38128538748489299</v>
      </c>
    </row>
    <row r="16858" spans="1:7" x14ac:dyDescent="0.3">
      <c r="A16858" s="13" t="s">
        <v>121</v>
      </c>
      <c r="B16858" s="14" t="s">
        <v>1</v>
      </c>
      <c r="C16858" s="14" t="s">
        <v>13</v>
      </c>
      <c r="D16858" s="14" t="s">
        <v>122</v>
      </c>
      <c r="E16858" s="15">
        <v>45444</v>
      </c>
      <c r="F16858" s="14" t="s">
        <v>15</v>
      </c>
      <c r="G16858" s="16">
        <v>0.38128538748489299</v>
      </c>
    </row>
    <row r="16859" spans="1:7" x14ac:dyDescent="0.3">
      <c r="A16859" s="13" t="s">
        <v>121</v>
      </c>
      <c r="B16859" s="14" t="s">
        <v>1</v>
      </c>
      <c r="C16859" s="14" t="s">
        <v>13</v>
      </c>
      <c r="D16859" s="14" t="s">
        <v>122</v>
      </c>
      <c r="E16859" s="15">
        <v>45445</v>
      </c>
      <c r="F16859" s="14" t="s">
        <v>15</v>
      </c>
      <c r="G16859" s="16">
        <v>0.38128538748489299</v>
      </c>
    </row>
    <row r="16860" spans="1:7" x14ac:dyDescent="0.3">
      <c r="A16860" s="13" t="s">
        <v>121</v>
      </c>
      <c r="B16860" s="14" t="s">
        <v>1</v>
      </c>
      <c r="C16860" s="14" t="s">
        <v>13</v>
      </c>
      <c r="D16860" s="14" t="s">
        <v>122</v>
      </c>
      <c r="E16860" s="15">
        <v>45446</v>
      </c>
      <c r="F16860" s="14" t="s">
        <v>15</v>
      </c>
      <c r="G16860" s="16">
        <v>0.38128538748489299</v>
      </c>
    </row>
    <row r="16861" spans="1:7" x14ac:dyDescent="0.3">
      <c r="A16861" s="13" t="s">
        <v>121</v>
      </c>
      <c r="B16861" s="14" t="s">
        <v>1</v>
      </c>
      <c r="C16861" s="14" t="s">
        <v>13</v>
      </c>
      <c r="D16861" s="14" t="s">
        <v>122</v>
      </c>
      <c r="E16861" s="15">
        <v>45447</v>
      </c>
      <c r="F16861" s="14" t="s">
        <v>15</v>
      </c>
      <c r="G16861" s="16">
        <v>0.38583551282903894</v>
      </c>
    </row>
    <row r="16862" spans="1:7" x14ac:dyDescent="0.3">
      <c r="A16862" s="13" t="s">
        <v>121</v>
      </c>
      <c r="B16862" s="14" t="s">
        <v>1</v>
      </c>
      <c r="C16862" s="14" t="s">
        <v>13</v>
      </c>
      <c r="D16862" s="14" t="s">
        <v>122</v>
      </c>
      <c r="E16862" s="15">
        <v>45448</v>
      </c>
      <c r="F16862" s="14" t="s">
        <v>15</v>
      </c>
      <c r="G16862" s="16">
        <v>0.40674236399348485</v>
      </c>
    </row>
    <row r="16863" spans="1:7" x14ac:dyDescent="0.3">
      <c r="A16863" s="13" t="s">
        <v>121</v>
      </c>
      <c r="B16863" s="14" t="s">
        <v>1</v>
      </c>
      <c r="C16863" s="14" t="s">
        <v>13</v>
      </c>
      <c r="D16863" s="14" t="s">
        <v>122</v>
      </c>
      <c r="E16863" s="15">
        <v>45449</v>
      </c>
      <c r="F16863" s="14" t="s">
        <v>15</v>
      </c>
      <c r="G16863" s="16">
        <v>0.41117423685403903</v>
      </c>
    </row>
    <row r="16864" spans="1:7" x14ac:dyDescent="0.3">
      <c r="A16864" s="13" t="s">
        <v>121</v>
      </c>
      <c r="B16864" s="14" t="s">
        <v>1</v>
      </c>
      <c r="C16864" s="14" t="s">
        <v>13</v>
      </c>
      <c r="D16864" s="14" t="s">
        <v>122</v>
      </c>
      <c r="E16864" s="15">
        <v>45450</v>
      </c>
      <c r="F16864" s="14" t="s">
        <v>15</v>
      </c>
      <c r="G16864" s="16">
        <v>0.41558247642890134</v>
      </c>
    </row>
    <row r="16865" spans="1:7" x14ac:dyDescent="0.3">
      <c r="A16865" s="13" t="s">
        <v>121</v>
      </c>
      <c r="B16865" s="14" t="s">
        <v>1</v>
      </c>
      <c r="C16865" s="14" t="s">
        <v>13</v>
      </c>
      <c r="D16865" s="14" t="s">
        <v>122</v>
      </c>
      <c r="E16865" s="15">
        <v>45451</v>
      </c>
      <c r="F16865" s="14" t="s">
        <v>15</v>
      </c>
      <c r="G16865" s="16">
        <v>0.41558247642890134</v>
      </c>
    </row>
    <row r="16866" spans="1:7" x14ac:dyDescent="0.3">
      <c r="A16866" s="13" t="s">
        <v>121</v>
      </c>
      <c r="B16866" s="14" t="s">
        <v>1</v>
      </c>
      <c r="C16866" s="14" t="s">
        <v>13</v>
      </c>
      <c r="D16866" s="14" t="s">
        <v>122</v>
      </c>
      <c r="E16866" s="15">
        <v>45452</v>
      </c>
      <c r="F16866" s="14" t="s">
        <v>15</v>
      </c>
      <c r="G16866" s="16">
        <v>0.41558247642890134</v>
      </c>
    </row>
    <row r="16867" spans="1:7" x14ac:dyDescent="0.3">
      <c r="A16867" s="13" t="s">
        <v>121</v>
      </c>
      <c r="B16867" s="14" t="s">
        <v>1</v>
      </c>
      <c r="C16867" s="14" t="s">
        <v>13</v>
      </c>
      <c r="D16867" s="14" t="s">
        <v>122</v>
      </c>
      <c r="E16867" s="15">
        <v>45453</v>
      </c>
      <c r="F16867" s="14" t="s">
        <v>15</v>
      </c>
      <c r="G16867" s="16">
        <v>0.42007579583225457</v>
      </c>
    </row>
    <row r="16868" spans="1:7" x14ac:dyDescent="0.3">
      <c r="A16868" s="13" t="s">
        <v>121</v>
      </c>
      <c r="B16868" s="14" t="s">
        <v>1</v>
      </c>
      <c r="C16868" s="14" t="s">
        <v>13</v>
      </c>
      <c r="D16868" s="14" t="s">
        <v>122</v>
      </c>
      <c r="E16868" s="15">
        <v>45454</v>
      </c>
      <c r="F16868" s="14" t="s">
        <v>15</v>
      </c>
      <c r="G16868" s="16">
        <v>0.43349519239339562</v>
      </c>
    </row>
    <row r="16869" spans="1:7" x14ac:dyDescent="0.3">
      <c r="A16869" s="13" t="s">
        <v>121</v>
      </c>
      <c r="B16869" s="14" t="s">
        <v>1</v>
      </c>
      <c r="C16869" s="14" t="s">
        <v>13</v>
      </c>
      <c r="D16869" s="14" t="s">
        <v>122</v>
      </c>
      <c r="E16869" s="15">
        <v>45455</v>
      </c>
      <c r="F16869" s="14" t="s">
        <v>15</v>
      </c>
      <c r="G16869" s="16">
        <v>0.43794167492146846</v>
      </c>
    </row>
    <row r="16870" spans="1:7" x14ac:dyDescent="0.3">
      <c r="A16870" s="13" t="s">
        <v>121</v>
      </c>
      <c r="B16870" s="14" t="s">
        <v>1</v>
      </c>
      <c r="C16870" s="14" t="s">
        <v>13</v>
      </c>
      <c r="D16870" s="14" t="s">
        <v>122</v>
      </c>
      <c r="E16870" s="15">
        <v>45456</v>
      </c>
      <c r="F16870" s="14" t="s">
        <v>15</v>
      </c>
      <c r="G16870" s="16">
        <v>0.44240749377419836</v>
      </c>
    </row>
    <row r="16871" spans="1:7" x14ac:dyDescent="0.3">
      <c r="A16871" s="13" t="s">
        <v>121</v>
      </c>
      <c r="B16871" s="14" t="s">
        <v>1</v>
      </c>
      <c r="C16871" s="14" t="s">
        <v>13</v>
      </c>
      <c r="D16871" s="14" t="s">
        <v>122</v>
      </c>
      <c r="E16871" s="15">
        <v>45457</v>
      </c>
      <c r="F16871" s="14" t="s">
        <v>15</v>
      </c>
      <c r="G16871" s="16">
        <v>0.49649247017738085</v>
      </c>
    </row>
    <row r="16872" spans="1:7" x14ac:dyDescent="0.3">
      <c r="A16872" s="13" t="s">
        <v>121</v>
      </c>
      <c r="B16872" s="14" t="s">
        <v>1</v>
      </c>
      <c r="C16872" s="14" t="s">
        <v>13</v>
      </c>
      <c r="D16872" s="14" t="s">
        <v>122</v>
      </c>
      <c r="E16872" s="15">
        <v>45458</v>
      </c>
      <c r="F16872" s="14" t="s">
        <v>15</v>
      </c>
      <c r="G16872" s="16">
        <v>0.49649247017738085</v>
      </c>
    </row>
    <row r="16873" spans="1:7" x14ac:dyDescent="0.3">
      <c r="A16873" s="13" t="s">
        <v>121</v>
      </c>
      <c r="B16873" s="14" t="s">
        <v>1</v>
      </c>
      <c r="C16873" s="14" t="s">
        <v>13</v>
      </c>
      <c r="D16873" s="14" t="s">
        <v>122</v>
      </c>
      <c r="E16873" s="15">
        <v>45459</v>
      </c>
      <c r="F16873" s="14" t="s">
        <v>15</v>
      </c>
      <c r="G16873" s="16">
        <v>0.49649247017738085</v>
      </c>
    </row>
    <row r="16874" spans="1:7" x14ac:dyDescent="0.3">
      <c r="A16874" s="13" t="s">
        <v>121</v>
      </c>
      <c r="B16874" s="14" t="s">
        <v>1</v>
      </c>
      <c r="C16874" s="14" t="s">
        <v>13</v>
      </c>
      <c r="D16874" s="14" t="s">
        <v>122</v>
      </c>
      <c r="E16874" s="15">
        <v>45460</v>
      </c>
      <c r="F16874" s="14" t="s">
        <v>15</v>
      </c>
      <c r="G16874" s="16">
        <v>0.5008796546431723</v>
      </c>
    </row>
    <row r="16875" spans="1:7" x14ac:dyDescent="0.3">
      <c r="A16875" s="13" t="s">
        <v>121</v>
      </c>
      <c r="B16875" s="14" t="s">
        <v>1</v>
      </c>
      <c r="C16875" s="14" t="s">
        <v>13</v>
      </c>
      <c r="D16875" s="14" t="s">
        <v>122</v>
      </c>
      <c r="E16875" s="15">
        <v>45461</v>
      </c>
      <c r="F16875" s="14" t="s">
        <v>15</v>
      </c>
      <c r="G16875" s="16">
        <v>0.51423803435761772</v>
      </c>
    </row>
    <row r="16876" spans="1:7" x14ac:dyDescent="0.3">
      <c r="A16876" s="13" t="s">
        <v>121</v>
      </c>
      <c r="B16876" s="14" t="s">
        <v>1</v>
      </c>
      <c r="C16876" s="14" t="s">
        <v>13</v>
      </c>
      <c r="D16876" s="14" t="s">
        <v>122</v>
      </c>
      <c r="E16876" s="15">
        <v>45462</v>
      </c>
      <c r="F16876" s="14" t="s">
        <v>15</v>
      </c>
      <c r="G16876" s="16">
        <v>0.51866603995324045</v>
      </c>
    </row>
    <row r="16877" spans="1:7" x14ac:dyDescent="0.3">
      <c r="A16877" s="13" t="s">
        <v>121</v>
      </c>
      <c r="B16877" s="14" t="s">
        <v>1</v>
      </c>
      <c r="C16877" s="14" t="s">
        <v>13</v>
      </c>
      <c r="D16877" s="14" t="s">
        <v>122</v>
      </c>
      <c r="E16877" s="15">
        <v>45463</v>
      </c>
      <c r="F16877" s="14" t="s">
        <v>15</v>
      </c>
      <c r="G16877" s="16">
        <v>0.52308674071510408</v>
      </c>
    </row>
    <row r="16878" spans="1:7" x14ac:dyDescent="0.3">
      <c r="A16878" s="13" t="s">
        <v>121</v>
      </c>
      <c r="B16878" s="14" t="s">
        <v>1</v>
      </c>
      <c r="C16878" s="14" t="s">
        <v>13</v>
      </c>
      <c r="D16878" s="14" t="s">
        <v>122</v>
      </c>
      <c r="E16878" s="15">
        <v>45464</v>
      </c>
      <c r="F16878" s="14" t="s">
        <v>15</v>
      </c>
      <c r="G16878" s="16">
        <v>0.52748294879906854</v>
      </c>
    </row>
    <row r="16879" spans="1:7" x14ac:dyDescent="0.3">
      <c r="A16879" s="13" t="s">
        <v>121</v>
      </c>
      <c r="B16879" s="14" t="s">
        <v>1</v>
      </c>
      <c r="C16879" s="14" t="s">
        <v>13</v>
      </c>
      <c r="D16879" s="14" t="s">
        <v>122</v>
      </c>
      <c r="E16879" s="15">
        <v>45465</v>
      </c>
      <c r="F16879" s="14" t="s">
        <v>15</v>
      </c>
      <c r="G16879" s="16">
        <v>0.52748294879906854</v>
      </c>
    </row>
    <row r="16880" spans="1:7" x14ac:dyDescent="0.3">
      <c r="A16880" s="13" t="s">
        <v>121</v>
      </c>
      <c r="B16880" s="14" t="s">
        <v>1</v>
      </c>
      <c r="C16880" s="14" t="s">
        <v>13</v>
      </c>
      <c r="D16880" s="14" t="s">
        <v>122</v>
      </c>
      <c r="E16880" s="15">
        <v>45466</v>
      </c>
      <c r="F16880" s="14" t="s">
        <v>15</v>
      </c>
      <c r="G16880" s="16">
        <v>0.52748294879906854</v>
      </c>
    </row>
    <row r="16881" spans="1:7" x14ac:dyDescent="0.3">
      <c r="A16881" s="13" t="s">
        <v>121</v>
      </c>
      <c r="B16881" s="14" t="s">
        <v>1</v>
      </c>
      <c r="C16881" s="14" t="s">
        <v>13</v>
      </c>
      <c r="D16881" s="14" t="s">
        <v>122</v>
      </c>
      <c r="E16881" s="15">
        <v>45467</v>
      </c>
      <c r="F16881" s="14" t="s">
        <v>15</v>
      </c>
      <c r="G16881" s="16">
        <v>0.54277109371428556</v>
      </c>
    </row>
    <row r="16882" spans="1:7" x14ac:dyDescent="0.3">
      <c r="A16882" s="13" t="s">
        <v>121</v>
      </c>
      <c r="B16882" s="14" t="s">
        <v>1</v>
      </c>
      <c r="C16882" s="14" t="s">
        <v>13</v>
      </c>
      <c r="D16882" s="14" t="s">
        <v>122</v>
      </c>
      <c r="E16882" s="15">
        <v>45468</v>
      </c>
      <c r="F16882" s="14" t="s">
        <v>15</v>
      </c>
      <c r="G16882" s="16">
        <v>0.55594728228085155</v>
      </c>
    </row>
    <row r="16883" spans="1:7" x14ac:dyDescent="0.3">
      <c r="A16883" s="13" t="s">
        <v>121</v>
      </c>
      <c r="B16883" s="14" t="s">
        <v>1</v>
      </c>
      <c r="C16883" s="14" t="s">
        <v>13</v>
      </c>
      <c r="D16883" s="14" t="s">
        <v>122</v>
      </c>
      <c r="E16883" s="15">
        <v>45469</v>
      </c>
      <c r="F16883" s="14" t="s">
        <v>15</v>
      </c>
      <c r="G16883" s="16">
        <v>0.56031641951029632</v>
      </c>
    </row>
    <row r="16884" spans="1:7" x14ac:dyDescent="0.3">
      <c r="A16884" s="13" t="s">
        <v>121</v>
      </c>
      <c r="B16884" s="14" t="s">
        <v>1</v>
      </c>
      <c r="C16884" s="14" t="s">
        <v>13</v>
      </c>
      <c r="D16884" s="14" t="s">
        <v>122</v>
      </c>
      <c r="E16884" s="15">
        <v>45470</v>
      </c>
      <c r="F16884" s="14" t="s">
        <v>15</v>
      </c>
      <c r="G16884" s="16">
        <v>0.56468211917091304</v>
      </c>
    </row>
    <row r="16885" spans="1:7" x14ac:dyDescent="0.3">
      <c r="A16885" s="13" t="s">
        <v>121</v>
      </c>
      <c r="B16885" s="14" t="s">
        <v>1</v>
      </c>
      <c r="C16885" s="14" t="s">
        <v>13</v>
      </c>
      <c r="D16885" s="14" t="s">
        <v>122</v>
      </c>
      <c r="E16885" s="15">
        <v>45471</v>
      </c>
      <c r="F16885" s="14" t="s">
        <v>15</v>
      </c>
      <c r="G16885" s="16">
        <v>0.56783006007424075</v>
      </c>
    </row>
    <row r="16886" spans="1:7" x14ac:dyDescent="0.3">
      <c r="A16886" s="13" t="s">
        <v>121</v>
      </c>
      <c r="B16886" s="14" t="s">
        <v>1</v>
      </c>
      <c r="C16886" s="14" t="s">
        <v>13</v>
      </c>
      <c r="D16886" s="14" t="s">
        <v>122</v>
      </c>
      <c r="E16886" s="15">
        <v>45472</v>
      </c>
      <c r="F16886" s="14" t="s">
        <v>15</v>
      </c>
      <c r="G16886" s="16">
        <v>0.56783006007424075</v>
      </c>
    </row>
    <row r="16887" spans="1:7" x14ac:dyDescent="0.3">
      <c r="A16887" s="13" t="s">
        <v>121</v>
      </c>
      <c r="B16887" s="14" t="s">
        <v>1</v>
      </c>
      <c r="C16887" s="14" t="s">
        <v>13</v>
      </c>
      <c r="D16887" s="14" t="s">
        <v>122</v>
      </c>
      <c r="E16887" s="15">
        <v>45473</v>
      </c>
      <c r="F16887" s="14" t="s">
        <v>15</v>
      </c>
      <c r="G16887" s="16">
        <v>0.56783006007424075</v>
      </c>
    </row>
    <row r="16888" spans="1:7" x14ac:dyDescent="0.3">
      <c r="A16888" s="13" t="s">
        <v>121</v>
      </c>
      <c r="B16888" s="14" t="s">
        <v>1</v>
      </c>
      <c r="C16888" s="14" t="s">
        <v>13</v>
      </c>
      <c r="D16888" s="14" t="s">
        <v>122</v>
      </c>
      <c r="E16888" s="15">
        <v>45474</v>
      </c>
      <c r="F16888" s="14" t="s">
        <v>15</v>
      </c>
      <c r="G16888" s="16">
        <v>0.57220263487251333</v>
      </c>
    </row>
    <row r="16889" spans="1:7" x14ac:dyDescent="0.3">
      <c r="A16889" s="13" t="s">
        <v>121</v>
      </c>
      <c r="B16889" s="14" t="s">
        <v>1</v>
      </c>
      <c r="C16889" s="14" t="s">
        <v>13</v>
      </c>
      <c r="D16889" s="14" t="s">
        <v>122</v>
      </c>
      <c r="E16889" s="15">
        <v>45475</v>
      </c>
      <c r="F16889" s="14" t="s">
        <v>15</v>
      </c>
      <c r="G16889" s="16">
        <v>0.59322292580828062</v>
      </c>
    </row>
    <row r="16890" spans="1:7" x14ac:dyDescent="0.3">
      <c r="A16890" s="13" t="s">
        <v>121</v>
      </c>
      <c r="B16890" s="14" t="s">
        <v>1</v>
      </c>
      <c r="C16890" s="14" t="s">
        <v>13</v>
      </c>
      <c r="D16890" s="14" t="s">
        <v>122</v>
      </c>
      <c r="E16890" s="15">
        <v>45476</v>
      </c>
      <c r="F16890" s="14" t="s">
        <v>15</v>
      </c>
      <c r="G16890" s="16">
        <v>0.59674642110605802</v>
      </c>
    </row>
    <row r="16891" spans="1:7" x14ac:dyDescent="0.3">
      <c r="A16891" s="13" t="s">
        <v>121</v>
      </c>
      <c r="B16891" s="14" t="s">
        <v>1</v>
      </c>
      <c r="C16891" s="14" t="s">
        <v>13</v>
      </c>
      <c r="D16891" s="14" t="s">
        <v>122</v>
      </c>
      <c r="E16891" s="15">
        <v>45477</v>
      </c>
      <c r="F16891" s="14" t="s">
        <v>15</v>
      </c>
      <c r="G16891" s="16">
        <v>0.60082263703387584</v>
      </c>
    </row>
    <row r="16892" spans="1:7" x14ac:dyDescent="0.3">
      <c r="A16892" s="13" t="s">
        <v>121</v>
      </c>
      <c r="B16892" s="14" t="s">
        <v>1</v>
      </c>
      <c r="C16892" s="14" t="s">
        <v>13</v>
      </c>
      <c r="D16892" s="14" t="s">
        <v>122</v>
      </c>
      <c r="E16892" s="15">
        <v>45478</v>
      </c>
      <c r="F16892" s="14" t="s">
        <v>15</v>
      </c>
      <c r="G16892" s="16">
        <v>0.60508770039077597</v>
      </c>
    </row>
    <row r="16893" spans="1:7" x14ac:dyDescent="0.3">
      <c r="A16893" s="13" t="s">
        <v>121</v>
      </c>
      <c r="B16893" s="14" t="s">
        <v>1</v>
      </c>
      <c r="C16893" s="14" t="s">
        <v>13</v>
      </c>
      <c r="D16893" s="14" t="s">
        <v>122</v>
      </c>
      <c r="E16893" s="15">
        <v>45479</v>
      </c>
      <c r="F16893" s="14" t="s">
        <v>15</v>
      </c>
      <c r="G16893" s="16">
        <v>0.60508770039077597</v>
      </c>
    </row>
    <row r="16894" spans="1:7" x14ac:dyDescent="0.3">
      <c r="A16894" s="13" t="s">
        <v>121</v>
      </c>
      <c r="B16894" s="14" t="s">
        <v>1</v>
      </c>
      <c r="C16894" s="14" t="s">
        <v>13</v>
      </c>
      <c r="D16894" s="14" t="s">
        <v>122</v>
      </c>
      <c r="E16894" s="15">
        <v>45480</v>
      </c>
      <c r="F16894" s="14" t="s">
        <v>15</v>
      </c>
      <c r="G16894" s="16">
        <v>0.60508770039077597</v>
      </c>
    </row>
    <row r="16895" spans="1:7" x14ac:dyDescent="0.3">
      <c r="A16895" s="13" t="s">
        <v>121</v>
      </c>
      <c r="B16895" s="14" t="s">
        <v>1</v>
      </c>
      <c r="C16895" s="14" t="s">
        <v>13</v>
      </c>
      <c r="D16895" s="14" t="s">
        <v>122</v>
      </c>
      <c r="E16895" s="15">
        <v>45481</v>
      </c>
      <c r="F16895" s="14" t="s">
        <v>15</v>
      </c>
      <c r="G16895" s="16">
        <v>0.60921671748894191</v>
      </c>
    </row>
    <row r="16896" spans="1:7" x14ac:dyDescent="0.3">
      <c r="A16896" s="13" t="s">
        <v>121</v>
      </c>
      <c r="B16896" s="14" t="s">
        <v>1</v>
      </c>
      <c r="C16896" s="14" t="s">
        <v>13</v>
      </c>
      <c r="D16896" s="14" t="s">
        <v>122</v>
      </c>
      <c r="E16896" s="15">
        <v>45482</v>
      </c>
      <c r="F16896" s="14" t="s">
        <v>15</v>
      </c>
      <c r="G16896" s="16">
        <v>0.62213165905851553</v>
      </c>
    </row>
    <row r="16897" spans="1:7" x14ac:dyDescent="0.3">
      <c r="A16897" s="13" t="s">
        <v>121</v>
      </c>
      <c r="B16897" s="14" t="s">
        <v>1</v>
      </c>
      <c r="C16897" s="14" t="s">
        <v>13</v>
      </c>
      <c r="D16897" s="14" t="s">
        <v>122</v>
      </c>
      <c r="E16897" s="15">
        <v>45483</v>
      </c>
      <c r="F16897" s="14" t="s">
        <v>15</v>
      </c>
      <c r="G16897" s="16">
        <v>0.63254163699698818</v>
      </c>
    </row>
    <row r="16898" spans="1:7" x14ac:dyDescent="0.3">
      <c r="A16898" s="13" t="s">
        <v>121</v>
      </c>
      <c r="B16898" s="14" t="s">
        <v>1</v>
      </c>
      <c r="C16898" s="14" t="s">
        <v>13</v>
      </c>
      <c r="D16898" s="14" t="s">
        <v>122</v>
      </c>
      <c r="E16898" s="15">
        <v>45484</v>
      </c>
      <c r="F16898" s="14" t="s">
        <v>15</v>
      </c>
      <c r="G16898" s="16">
        <v>0.63676483996658551</v>
      </c>
    </row>
    <row r="16899" spans="1:7" x14ac:dyDescent="0.3">
      <c r="A16899" s="13" t="s">
        <v>121</v>
      </c>
      <c r="B16899" s="14" t="s">
        <v>1</v>
      </c>
      <c r="C16899" s="14" t="s">
        <v>13</v>
      </c>
      <c r="D16899" s="14" t="s">
        <v>122</v>
      </c>
      <c r="E16899" s="15">
        <v>45485</v>
      </c>
      <c r="F16899" s="14" t="s">
        <v>15</v>
      </c>
      <c r="G16899" s="16">
        <v>0.6527793529414484</v>
      </c>
    </row>
    <row r="16900" spans="1:7" x14ac:dyDescent="0.3">
      <c r="A16900" s="13" t="s">
        <v>121</v>
      </c>
      <c r="B16900" s="14" t="s">
        <v>1</v>
      </c>
      <c r="C16900" s="14" t="s">
        <v>13</v>
      </c>
      <c r="D16900" s="14" t="s">
        <v>122</v>
      </c>
      <c r="E16900" s="15">
        <v>45486</v>
      </c>
      <c r="F16900" s="14" t="s">
        <v>15</v>
      </c>
      <c r="G16900" s="16">
        <v>0.6527793529414484</v>
      </c>
    </row>
    <row r="16901" spans="1:7" x14ac:dyDescent="0.3">
      <c r="A16901" s="13" t="s">
        <v>121</v>
      </c>
      <c r="B16901" s="14" t="s">
        <v>1</v>
      </c>
      <c r="C16901" s="14" t="s">
        <v>13</v>
      </c>
      <c r="D16901" s="14" t="s">
        <v>122</v>
      </c>
      <c r="E16901" s="15">
        <v>45487</v>
      </c>
      <c r="F16901" s="14" t="s">
        <v>15</v>
      </c>
      <c r="G16901" s="16">
        <v>0.6527793529414484</v>
      </c>
    </row>
    <row r="16902" spans="1:7" x14ac:dyDescent="0.3">
      <c r="A16902" s="13" t="s">
        <v>121</v>
      </c>
      <c r="B16902" s="14" t="s">
        <v>1</v>
      </c>
      <c r="C16902" s="14" t="s">
        <v>13</v>
      </c>
      <c r="D16902" s="14" t="s">
        <v>122</v>
      </c>
      <c r="E16902" s="15">
        <v>45488</v>
      </c>
      <c r="F16902" s="14" t="s">
        <v>15</v>
      </c>
      <c r="G16902" s="16">
        <v>0.65698115003117485</v>
      </c>
    </row>
    <row r="16903" spans="1:7" x14ac:dyDescent="0.3">
      <c r="A16903" s="13" t="s">
        <v>121</v>
      </c>
      <c r="B16903" s="14" t="s">
        <v>1</v>
      </c>
      <c r="C16903" s="14" t="s">
        <v>13</v>
      </c>
      <c r="D16903" s="14" t="s">
        <v>122</v>
      </c>
      <c r="E16903" s="15">
        <v>45489</v>
      </c>
      <c r="F16903" s="14" t="s">
        <v>15</v>
      </c>
      <c r="G16903" s="16">
        <v>0.66948224458991334</v>
      </c>
    </row>
    <row r="16904" spans="1:7" x14ac:dyDescent="0.3">
      <c r="A16904" s="13" t="s">
        <v>121</v>
      </c>
      <c r="B16904" s="14" t="s">
        <v>1</v>
      </c>
      <c r="C16904" s="14" t="s">
        <v>13</v>
      </c>
      <c r="D16904" s="14" t="s">
        <v>122</v>
      </c>
      <c r="E16904" s="15">
        <v>45490</v>
      </c>
      <c r="F16904" s="14" t="s">
        <v>15</v>
      </c>
      <c r="G16904" s="16">
        <v>0.67362410521600169</v>
      </c>
    </row>
    <row r="16905" spans="1:7" x14ac:dyDescent="0.3">
      <c r="A16905" s="13" t="s">
        <v>121</v>
      </c>
      <c r="B16905" s="14" t="s">
        <v>1</v>
      </c>
      <c r="C16905" s="14" t="s">
        <v>13</v>
      </c>
      <c r="D16905" s="14" t="s">
        <v>122</v>
      </c>
      <c r="E16905" s="15">
        <v>45491</v>
      </c>
      <c r="F16905" s="14" t="s">
        <v>15</v>
      </c>
      <c r="G16905" s="16">
        <v>0.67775312231416751</v>
      </c>
    </row>
    <row r="16906" spans="1:7" x14ac:dyDescent="0.3">
      <c r="A16906" s="13" t="s">
        <v>121</v>
      </c>
      <c r="B16906" s="14" t="s">
        <v>1</v>
      </c>
      <c r="C16906" s="14" t="s">
        <v>13</v>
      </c>
      <c r="D16906" s="14" t="s">
        <v>122</v>
      </c>
      <c r="E16906" s="15">
        <v>45492</v>
      </c>
      <c r="F16906" s="14" t="s">
        <v>15</v>
      </c>
      <c r="G16906" s="16">
        <v>0.68189640999891388</v>
      </c>
    </row>
    <row r="16907" spans="1:7" x14ac:dyDescent="0.3">
      <c r="A16907" s="13" t="s">
        <v>121</v>
      </c>
      <c r="B16907" s="14" t="s">
        <v>1</v>
      </c>
      <c r="C16907" s="14" t="s">
        <v>13</v>
      </c>
      <c r="D16907" s="14" t="s">
        <v>122</v>
      </c>
      <c r="E16907" s="15">
        <v>45493</v>
      </c>
      <c r="F16907" s="14" t="s">
        <v>15</v>
      </c>
      <c r="G16907" s="16">
        <v>0.68189640999891388</v>
      </c>
    </row>
    <row r="16908" spans="1:7" x14ac:dyDescent="0.3">
      <c r="A16908" s="13" t="s">
        <v>121</v>
      </c>
      <c r="B16908" s="14" t="s">
        <v>1</v>
      </c>
      <c r="C16908" s="14" t="s">
        <v>13</v>
      </c>
      <c r="D16908" s="14" t="s">
        <v>122</v>
      </c>
      <c r="E16908" s="15">
        <v>45494</v>
      </c>
      <c r="F16908" s="14" t="s">
        <v>15</v>
      </c>
      <c r="G16908" s="16">
        <v>0.68189640999891388</v>
      </c>
    </row>
    <row r="16909" spans="1:7" x14ac:dyDescent="0.3">
      <c r="A16909" s="13" t="s">
        <v>121</v>
      </c>
      <c r="B16909" s="14" t="s">
        <v>1</v>
      </c>
      <c r="C16909" s="14" t="s">
        <v>13</v>
      </c>
      <c r="D16909" s="14" t="s">
        <v>122</v>
      </c>
      <c r="E16909" s="15">
        <v>45495</v>
      </c>
      <c r="F16909" s="14" t="s">
        <v>15</v>
      </c>
      <c r="G16909" s="16">
        <v>0.68523959346271235</v>
      </c>
    </row>
    <row r="16910" spans="1:7" x14ac:dyDescent="0.3">
      <c r="A16910" s="13" t="s">
        <v>121</v>
      </c>
      <c r="B16910" s="14" t="s">
        <v>1</v>
      </c>
      <c r="C16910" s="14" t="s">
        <v>13</v>
      </c>
      <c r="D16910" s="14" t="s">
        <v>122</v>
      </c>
      <c r="E16910" s="15">
        <v>45496</v>
      </c>
      <c r="F16910" s="14" t="s">
        <v>15</v>
      </c>
      <c r="G16910" s="16">
        <v>0.69786246369360461</v>
      </c>
    </row>
    <row r="16911" spans="1:7" x14ac:dyDescent="0.3">
      <c r="A16911" s="13" t="s">
        <v>121</v>
      </c>
      <c r="B16911" s="14" t="s">
        <v>1</v>
      </c>
      <c r="C16911" s="14" t="s">
        <v>13</v>
      </c>
      <c r="D16911" s="14" t="s">
        <v>122</v>
      </c>
      <c r="E16911" s="15">
        <v>45497</v>
      </c>
      <c r="F16911" s="14" t="s">
        <v>15</v>
      </c>
      <c r="G16911" s="16">
        <v>0.70208709372185996</v>
      </c>
    </row>
    <row r="16912" spans="1:7" x14ac:dyDescent="0.3">
      <c r="A16912" s="13" t="s">
        <v>121</v>
      </c>
      <c r="B16912" s="14" t="s">
        <v>1</v>
      </c>
      <c r="C16912" s="14" t="s">
        <v>13</v>
      </c>
      <c r="D16912" s="14" t="s">
        <v>122</v>
      </c>
      <c r="E16912" s="15">
        <v>45498</v>
      </c>
      <c r="F16912" s="14" t="s">
        <v>15</v>
      </c>
      <c r="G16912" s="16">
        <v>0.70631172375011531</v>
      </c>
    </row>
    <row r="16913" spans="1:7" x14ac:dyDescent="0.3">
      <c r="A16913" s="13" t="s">
        <v>121</v>
      </c>
      <c r="B16913" s="14" t="s">
        <v>1</v>
      </c>
      <c r="C16913" s="14" t="s">
        <v>13</v>
      </c>
      <c r="D16913" s="14" t="s">
        <v>122</v>
      </c>
      <c r="E16913" s="15">
        <v>45499</v>
      </c>
      <c r="F16913" s="14" t="s">
        <v>15</v>
      </c>
      <c r="G16913" s="16">
        <v>0.71042218908572641</v>
      </c>
    </row>
    <row r="16914" spans="1:7" x14ac:dyDescent="0.3">
      <c r="A16914" s="13" t="s">
        <v>121</v>
      </c>
      <c r="B16914" s="14" t="s">
        <v>1</v>
      </c>
      <c r="C16914" s="14" t="s">
        <v>13</v>
      </c>
      <c r="D16914" s="14" t="s">
        <v>122</v>
      </c>
      <c r="E16914" s="15">
        <v>45500</v>
      </c>
      <c r="F16914" s="14" t="s">
        <v>15</v>
      </c>
      <c r="G16914" s="16">
        <v>0.71042218908572641</v>
      </c>
    </row>
    <row r="16915" spans="1:7" x14ac:dyDescent="0.3">
      <c r="A16915" s="13" t="s">
        <v>121</v>
      </c>
      <c r="B16915" s="14" t="s">
        <v>1</v>
      </c>
      <c r="C16915" s="14" t="s">
        <v>13</v>
      </c>
      <c r="D16915" s="14" t="s">
        <v>122</v>
      </c>
      <c r="E16915" s="15">
        <v>45501</v>
      </c>
      <c r="F16915" s="14" t="s">
        <v>15</v>
      </c>
      <c r="G16915" s="16">
        <v>0.71042218908572641</v>
      </c>
    </row>
    <row r="16916" spans="1:7" x14ac:dyDescent="0.3">
      <c r="A16916" s="13" t="s">
        <v>121</v>
      </c>
      <c r="B16916" s="14" t="s">
        <v>1</v>
      </c>
      <c r="C16916" s="14" t="s">
        <v>13</v>
      </c>
      <c r="D16916" s="14" t="s">
        <v>122</v>
      </c>
      <c r="E16916" s="15">
        <v>45502</v>
      </c>
      <c r="F16916" s="14" t="s">
        <v>15</v>
      </c>
      <c r="G16916" s="16">
        <v>0.71455929284962116</v>
      </c>
    </row>
    <row r="16917" spans="1:7" x14ac:dyDescent="0.3">
      <c r="A16917" s="13" t="s">
        <v>121</v>
      </c>
      <c r="B16917" s="14" t="s">
        <v>1</v>
      </c>
      <c r="C16917" s="14" t="s">
        <v>13</v>
      </c>
      <c r="D16917" s="14" t="s">
        <v>122</v>
      </c>
      <c r="E16917" s="15">
        <v>45503</v>
      </c>
      <c r="F16917" s="14" t="s">
        <v>15</v>
      </c>
      <c r="G16917" s="16">
        <v>0.7269623960471735</v>
      </c>
    </row>
    <row r="16918" spans="1:7" x14ac:dyDescent="0.3">
      <c r="A16918" s="13" t="s">
        <v>121</v>
      </c>
      <c r="B16918" s="14" t="s">
        <v>1</v>
      </c>
      <c r="C16918" s="14" t="s">
        <v>13</v>
      </c>
      <c r="D16918" s="14" t="s">
        <v>122</v>
      </c>
      <c r="E16918" s="15">
        <v>45504</v>
      </c>
      <c r="F16918" s="14" t="s">
        <v>15</v>
      </c>
      <c r="G16918" s="16">
        <v>0.73312211761574764</v>
      </c>
    </row>
    <row r="16919" spans="1:7" x14ac:dyDescent="0.3">
      <c r="A16919" s="13" t="s">
        <v>121</v>
      </c>
      <c r="B16919" s="14" t="s">
        <v>1</v>
      </c>
      <c r="C16919" s="14" t="s">
        <v>13</v>
      </c>
      <c r="D16919" s="14" t="s">
        <v>122</v>
      </c>
      <c r="E16919" s="15">
        <v>45505</v>
      </c>
      <c r="F16919" s="14" t="s">
        <v>15</v>
      </c>
      <c r="G16919" s="16">
        <v>0.73312211761574764</v>
      </c>
    </row>
    <row r="16920" spans="1:7" x14ac:dyDescent="0.3">
      <c r="A16920" s="13" t="s">
        <v>121</v>
      </c>
      <c r="B16920" s="14" t="s">
        <v>1</v>
      </c>
      <c r="C16920" s="14" t="s">
        <v>13</v>
      </c>
      <c r="D16920" s="14" t="s">
        <v>122</v>
      </c>
      <c r="E16920" s="15">
        <v>45506</v>
      </c>
      <c r="F16920" s="14" t="s">
        <v>15</v>
      </c>
      <c r="G16920" s="16">
        <v>0.73730631431535809</v>
      </c>
    </row>
    <row r="16921" spans="1:7" x14ac:dyDescent="0.3">
      <c r="A16921" s="13" t="s">
        <v>121</v>
      </c>
      <c r="B16921" s="14" t="s">
        <v>1</v>
      </c>
      <c r="C16921" s="14" t="s">
        <v>13</v>
      </c>
      <c r="D16921" s="14" t="s">
        <v>122</v>
      </c>
      <c r="E16921" s="15">
        <v>45507</v>
      </c>
      <c r="F16921" s="14" t="s">
        <v>15</v>
      </c>
      <c r="G16921" s="16">
        <v>0.73730631431535809</v>
      </c>
    </row>
    <row r="16922" spans="1:7" x14ac:dyDescent="0.3">
      <c r="A16922" s="13" t="s">
        <v>121</v>
      </c>
      <c r="B16922" s="14" t="s">
        <v>1</v>
      </c>
      <c r="C16922" s="14" t="s">
        <v>13</v>
      </c>
      <c r="D16922" s="14" t="s">
        <v>122</v>
      </c>
      <c r="E16922" s="15">
        <v>45508</v>
      </c>
      <c r="F16922" s="14" t="s">
        <v>15</v>
      </c>
      <c r="G16922" s="16">
        <v>0.73730631431535809</v>
      </c>
    </row>
    <row r="16923" spans="1:7" x14ac:dyDescent="0.3">
      <c r="A16923" s="13" t="s">
        <v>121</v>
      </c>
      <c r="B16923" s="14" t="s">
        <v>1</v>
      </c>
      <c r="C16923" s="14" t="s">
        <v>13</v>
      </c>
      <c r="D16923" s="14" t="s">
        <v>122</v>
      </c>
      <c r="E16923" s="15">
        <v>45509</v>
      </c>
      <c r="F16923" s="14" t="s">
        <v>15</v>
      </c>
      <c r="G16923" s="16">
        <v>0.73730631431535809</v>
      </c>
    </row>
    <row r="16924" spans="1:7" x14ac:dyDescent="0.3">
      <c r="A16924" s="13" t="s">
        <v>121</v>
      </c>
      <c r="B16924" s="14" t="s">
        <v>1</v>
      </c>
      <c r="C16924" s="14" t="s">
        <v>13</v>
      </c>
      <c r="D16924" s="14" t="s">
        <v>122</v>
      </c>
      <c r="E16924" s="15">
        <v>45510</v>
      </c>
      <c r="F16924" s="14" t="s">
        <v>15</v>
      </c>
      <c r="G16924" s="16">
        <v>0.77328347517149343</v>
      </c>
    </row>
    <row r="16925" spans="1:7" x14ac:dyDescent="0.3">
      <c r="A16925" s="13" t="s">
        <v>121</v>
      </c>
      <c r="B16925" s="14" t="s">
        <v>1</v>
      </c>
      <c r="C16925" s="14" t="s">
        <v>13</v>
      </c>
      <c r="D16925" s="14" t="s">
        <v>122</v>
      </c>
      <c r="E16925" s="15">
        <v>45511</v>
      </c>
      <c r="F16925" s="14" t="s">
        <v>15</v>
      </c>
      <c r="G16925" s="16">
        <v>0.79656028965718395</v>
      </c>
    </row>
    <row r="16926" spans="1:7" x14ac:dyDescent="0.3">
      <c r="A16926" s="13" t="s">
        <v>121</v>
      </c>
      <c r="B16926" s="14" t="s">
        <v>1</v>
      </c>
      <c r="C16926" s="14" t="s">
        <v>13</v>
      </c>
      <c r="D16926" s="14" t="s">
        <v>122</v>
      </c>
      <c r="E16926" s="15">
        <v>45512</v>
      </c>
      <c r="F16926" s="14" t="s">
        <v>15</v>
      </c>
      <c r="G16926" s="16">
        <v>0.80080489850665193</v>
      </c>
    </row>
    <row r="16927" spans="1:7" x14ac:dyDescent="0.3">
      <c r="A16927" s="13" t="s">
        <v>121</v>
      </c>
      <c r="B16927" s="14" t="s">
        <v>1</v>
      </c>
      <c r="C16927" s="14" t="s">
        <v>13</v>
      </c>
      <c r="D16927" s="14" t="s">
        <v>122</v>
      </c>
      <c r="E16927" s="15">
        <v>45513</v>
      </c>
      <c r="F16927" s="14" t="s">
        <v>15</v>
      </c>
      <c r="G16927" s="16">
        <v>0.80505616696319104</v>
      </c>
    </row>
    <row r="16928" spans="1:7" x14ac:dyDescent="0.3">
      <c r="A16928" s="13" t="s">
        <v>121</v>
      </c>
      <c r="B16928" s="14" t="s">
        <v>1</v>
      </c>
      <c r="C16928" s="14" t="s">
        <v>13</v>
      </c>
      <c r="D16928" s="14" t="s">
        <v>122</v>
      </c>
      <c r="E16928" s="15">
        <v>45514</v>
      </c>
      <c r="F16928" s="14" t="s">
        <v>15</v>
      </c>
      <c r="G16928" s="16">
        <v>0.80505616696319104</v>
      </c>
    </row>
    <row r="16929" spans="1:7" x14ac:dyDescent="0.3">
      <c r="A16929" s="13" t="s">
        <v>121</v>
      </c>
      <c r="B16929" s="14" t="s">
        <v>1</v>
      </c>
      <c r="C16929" s="14" t="s">
        <v>13</v>
      </c>
      <c r="D16929" s="14" t="s">
        <v>122</v>
      </c>
      <c r="E16929" s="15">
        <v>45515</v>
      </c>
      <c r="F16929" s="14" t="s">
        <v>15</v>
      </c>
      <c r="G16929" s="16">
        <v>0.80505616696319104</v>
      </c>
    </row>
    <row r="16930" spans="1:7" x14ac:dyDescent="0.3">
      <c r="A16930" s="13" t="s">
        <v>121</v>
      </c>
      <c r="B16930" s="14" t="s">
        <v>1</v>
      </c>
      <c r="C16930" s="14" t="s">
        <v>13</v>
      </c>
      <c r="D16930" s="14" t="s">
        <v>122</v>
      </c>
      <c r="E16930" s="15">
        <v>45516</v>
      </c>
      <c r="F16930" s="14" t="s">
        <v>15</v>
      </c>
      <c r="G16930" s="16">
        <v>0.80919279504086639</v>
      </c>
    </row>
    <row r="16931" spans="1:7" x14ac:dyDescent="0.3">
      <c r="A16931" s="13" t="s">
        <v>121</v>
      </c>
      <c r="B16931" s="14" t="s">
        <v>1</v>
      </c>
      <c r="C16931" s="14" t="s">
        <v>13</v>
      </c>
      <c r="D16931" s="14" t="s">
        <v>122</v>
      </c>
      <c r="E16931" s="15">
        <v>45517</v>
      </c>
      <c r="F16931" s="14" t="s">
        <v>15</v>
      </c>
      <c r="G16931" s="16">
        <v>0.821607314707683</v>
      </c>
    </row>
    <row r="16932" spans="1:7" x14ac:dyDescent="0.3">
      <c r="A16932" s="13" t="s">
        <v>121</v>
      </c>
      <c r="B16932" s="14" t="s">
        <v>1</v>
      </c>
      <c r="C16932" s="14" t="s">
        <v>13</v>
      </c>
      <c r="D16932" s="14" t="s">
        <v>122</v>
      </c>
      <c r="E16932" s="15">
        <v>45518</v>
      </c>
      <c r="F16932" s="14" t="s">
        <v>15</v>
      </c>
      <c r="G16932" s="16">
        <v>0.82569542279098473</v>
      </c>
    </row>
    <row r="16933" spans="1:7" x14ac:dyDescent="0.3">
      <c r="A16933" s="13" t="s">
        <v>121</v>
      </c>
      <c r="B16933" s="14" t="s">
        <v>1</v>
      </c>
      <c r="C16933" s="14" t="s">
        <v>13</v>
      </c>
      <c r="D16933" s="14" t="s">
        <v>122</v>
      </c>
      <c r="E16933" s="15">
        <v>45519</v>
      </c>
      <c r="F16933" s="14" t="s">
        <v>15</v>
      </c>
      <c r="G16933" s="16">
        <v>0.8297502328389319</v>
      </c>
    </row>
    <row r="16934" spans="1:7" x14ac:dyDescent="0.3">
      <c r="A16934" s="13" t="s">
        <v>121</v>
      </c>
      <c r="B16934" s="14" t="s">
        <v>1</v>
      </c>
      <c r="C16934" s="14" t="s">
        <v>13</v>
      </c>
      <c r="D16934" s="14" t="s">
        <v>122</v>
      </c>
      <c r="E16934" s="15">
        <v>45520</v>
      </c>
      <c r="F16934" s="14" t="s">
        <v>15</v>
      </c>
      <c r="G16934" s="16">
        <v>0.83379124798651783</v>
      </c>
    </row>
    <row r="16935" spans="1:7" x14ac:dyDescent="0.3">
      <c r="A16935" s="13" t="s">
        <v>121</v>
      </c>
      <c r="B16935" s="14" t="s">
        <v>1</v>
      </c>
      <c r="C16935" s="14" t="s">
        <v>13</v>
      </c>
      <c r="D16935" s="14" t="s">
        <v>122</v>
      </c>
      <c r="E16935" s="15">
        <v>45521</v>
      </c>
      <c r="F16935" s="14" t="s">
        <v>15</v>
      </c>
      <c r="G16935" s="16">
        <v>0.83379124798651783</v>
      </c>
    </row>
    <row r="16936" spans="1:7" x14ac:dyDescent="0.3">
      <c r="A16936" s="13" t="s">
        <v>121</v>
      </c>
      <c r="B16936" s="14" t="s">
        <v>1</v>
      </c>
      <c r="C16936" s="14" t="s">
        <v>13</v>
      </c>
      <c r="D16936" s="14" t="s">
        <v>122</v>
      </c>
      <c r="E16936" s="15">
        <v>45522</v>
      </c>
      <c r="F16936" s="14" t="s">
        <v>15</v>
      </c>
      <c r="G16936" s="16">
        <v>0.83379124798651783</v>
      </c>
    </row>
    <row r="16937" spans="1:7" x14ac:dyDescent="0.3">
      <c r="A16937" s="13" t="s">
        <v>121</v>
      </c>
      <c r="B16937" s="14" t="s">
        <v>1</v>
      </c>
      <c r="C16937" s="14" t="s">
        <v>13</v>
      </c>
      <c r="D16937" s="14" t="s">
        <v>122</v>
      </c>
      <c r="E16937" s="15">
        <v>45523</v>
      </c>
      <c r="F16937" s="14" t="s">
        <v>15</v>
      </c>
      <c r="G16937" s="16">
        <v>0.83781228431289112</v>
      </c>
    </row>
    <row r="16938" spans="1:7" x14ac:dyDescent="0.3">
      <c r="A16938" s="13" t="s">
        <v>121</v>
      </c>
      <c r="B16938" s="14" t="s">
        <v>1</v>
      </c>
      <c r="C16938" s="14" t="s">
        <v>13</v>
      </c>
      <c r="D16938" s="14" t="s">
        <v>122</v>
      </c>
      <c r="E16938" s="15">
        <v>45524</v>
      </c>
      <c r="F16938" s="14" t="s">
        <v>15</v>
      </c>
      <c r="G16938" s="16">
        <v>0.84990286166433004</v>
      </c>
    </row>
    <row r="16939" spans="1:7" x14ac:dyDescent="0.3">
      <c r="A16939" s="13" t="s">
        <v>121</v>
      </c>
      <c r="B16939" s="14" t="s">
        <v>1</v>
      </c>
      <c r="C16939" s="14" t="s">
        <v>13</v>
      </c>
      <c r="D16939" s="14" t="s">
        <v>122</v>
      </c>
      <c r="E16939" s="15">
        <v>45525</v>
      </c>
      <c r="F16939" s="14" t="s">
        <v>15</v>
      </c>
      <c r="G16939" s="16">
        <v>0.85219731089938988</v>
      </c>
    </row>
    <row r="16940" spans="1:7" x14ac:dyDescent="0.3">
      <c r="A16940" s="13" t="s">
        <v>121</v>
      </c>
      <c r="B16940" s="14" t="s">
        <v>1</v>
      </c>
      <c r="C16940" s="14" t="s">
        <v>13</v>
      </c>
      <c r="D16940" s="14" t="s">
        <v>122</v>
      </c>
      <c r="E16940" s="15">
        <v>45526</v>
      </c>
      <c r="F16940" s="14" t="s">
        <v>15</v>
      </c>
      <c r="G16940" s="16">
        <v>0.89020324783487148</v>
      </c>
    </row>
    <row r="16941" spans="1:7" x14ac:dyDescent="0.3">
      <c r="A16941" s="13" t="s">
        <v>121</v>
      </c>
      <c r="B16941" s="14" t="s">
        <v>1</v>
      </c>
      <c r="C16941" s="14" t="s">
        <v>13</v>
      </c>
      <c r="D16941" s="14" t="s">
        <v>122</v>
      </c>
      <c r="E16941" s="15">
        <v>45527</v>
      </c>
      <c r="F16941" s="14" t="s">
        <v>15</v>
      </c>
      <c r="G16941" s="16">
        <v>0.90034553909003012</v>
      </c>
    </row>
    <row r="16942" spans="1:7" x14ac:dyDescent="0.3">
      <c r="A16942" s="13" t="s">
        <v>121</v>
      </c>
      <c r="B16942" s="14" t="s">
        <v>1</v>
      </c>
      <c r="C16942" s="14" t="s">
        <v>13</v>
      </c>
      <c r="D16942" s="14" t="s">
        <v>122</v>
      </c>
      <c r="E16942" s="15">
        <v>45528</v>
      </c>
      <c r="F16942" s="14" t="s">
        <v>15</v>
      </c>
      <c r="G16942" s="16">
        <v>0.90034553909003012</v>
      </c>
    </row>
    <row r="16943" spans="1:7" x14ac:dyDescent="0.3">
      <c r="A16943" s="13" t="s">
        <v>121</v>
      </c>
      <c r="B16943" s="14" t="s">
        <v>1</v>
      </c>
      <c r="C16943" s="14" t="s">
        <v>13</v>
      </c>
      <c r="D16943" s="14" t="s">
        <v>122</v>
      </c>
      <c r="E16943" s="15">
        <v>45529</v>
      </c>
      <c r="F16943" s="14" t="s">
        <v>15</v>
      </c>
      <c r="G16943" s="16">
        <v>0.90034553909003012</v>
      </c>
    </row>
    <row r="16944" spans="1:7" x14ac:dyDescent="0.3">
      <c r="A16944" s="13" t="s">
        <v>121</v>
      </c>
      <c r="B16944" s="14" t="s">
        <v>1</v>
      </c>
      <c r="C16944" s="14" t="s">
        <v>13</v>
      </c>
      <c r="D16944" s="14" t="s">
        <v>122</v>
      </c>
      <c r="E16944" s="15">
        <v>45530</v>
      </c>
      <c r="F16944" s="14" t="s">
        <v>15</v>
      </c>
      <c r="G16944" s="16">
        <v>0.90434326705837687</v>
      </c>
    </row>
    <row r="16945" spans="1:7" x14ac:dyDescent="0.3">
      <c r="A16945" s="13" t="s">
        <v>121</v>
      </c>
      <c r="B16945" s="14" t="s">
        <v>1</v>
      </c>
      <c r="C16945" s="14" t="s">
        <v>13</v>
      </c>
      <c r="D16945" s="14" t="s">
        <v>122</v>
      </c>
      <c r="E16945" s="15">
        <v>45531</v>
      </c>
      <c r="F16945" s="14" t="s">
        <v>15</v>
      </c>
      <c r="G16945" s="16">
        <v>0.91631965228475809</v>
      </c>
    </row>
    <row r="16946" spans="1:7" x14ac:dyDescent="0.3">
      <c r="A16946" s="13" t="s">
        <v>121</v>
      </c>
      <c r="B16946" s="14" t="s">
        <v>1</v>
      </c>
      <c r="C16946" s="14" t="s">
        <v>13</v>
      </c>
      <c r="D16946" s="14" t="s">
        <v>122</v>
      </c>
      <c r="E16946" s="15">
        <v>45532</v>
      </c>
      <c r="F16946" s="14" t="s">
        <v>15</v>
      </c>
      <c r="G16946" s="16">
        <v>0.92320979094434907</v>
      </c>
    </row>
    <row r="16947" spans="1:7" x14ac:dyDescent="0.3">
      <c r="A16947" s="13" t="s">
        <v>121</v>
      </c>
      <c r="B16947" s="14" t="s">
        <v>1</v>
      </c>
      <c r="C16947" s="14" t="s">
        <v>13</v>
      </c>
      <c r="D16947" s="14" t="s">
        <v>122</v>
      </c>
      <c r="E16947" s="15">
        <v>45533</v>
      </c>
      <c r="F16947" s="14" t="s">
        <v>15</v>
      </c>
      <c r="G16947" s="16">
        <v>0.92711423263646298</v>
      </c>
    </row>
    <row r="16948" spans="1:7" x14ac:dyDescent="0.3">
      <c r="A16948" s="13" t="s">
        <v>121</v>
      </c>
      <c r="B16948" s="14" t="s">
        <v>1</v>
      </c>
      <c r="C16948" s="14" t="s">
        <v>13</v>
      </c>
      <c r="D16948" s="14" t="s">
        <v>122</v>
      </c>
      <c r="E16948" s="15">
        <v>45534</v>
      </c>
      <c r="F16948" s="14" t="s">
        <v>15</v>
      </c>
      <c r="G16948" s="16">
        <v>0.93102671624894173</v>
      </c>
    </row>
    <row r="16949" spans="1:7" x14ac:dyDescent="0.3">
      <c r="A16949" s="13" t="s">
        <v>121</v>
      </c>
      <c r="B16949" s="14" t="s">
        <v>1</v>
      </c>
      <c r="C16949" s="14" t="s">
        <v>13</v>
      </c>
      <c r="D16949" s="14" t="s">
        <v>122</v>
      </c>
      <c r="E16949" s="15">
        <v>45535</v>
      </c>
      <c r="F16949" s="14" t="s">
        <v>15</v>
      </c>
      <c r="G16949" s="16">
        <v>0.93102671624894173</v>
      </c>
    </row>
    <row r="16950" spans="1:7" x14ac:dyDescent="0.3">
      <c r="A16950" s="13" t="s">
        <v>121</v>
      </c>
      <c r="B16950" s="14" t="s">
        <v>1</v>
      </c>
      <c r="C16950" s="14" t="s">
        <v>13</v>
      </c>
      <c r="D16950" s="14" t="s">
        <v>122</v>
      </c>
      <c r="E16950" s="15">
        <v>45536</v>
      </c>
      <c r="F16950" s="14" t="s">
        <v>15</v>
      </c>
      <c r="G16950" s="16">
        <v>0.93102671624894173</v>
      </c>
    </row>
    <row r="16951" spans="1:7" x14ac:dyDescent="0.3">
      <c r="A16951" s="13" t="s">
        <v>121</v>
      </c>
      <c r="B16951" s="14" t="s">
        <v>1</v>
      </c>
      <c r="C16951" s="14" t="s">
        <v>13</v>
      </c>
      <c r="D16951" s="14" t="s">
        <v>122</v>
      </c>
      <c r="E16951" s="15">
        <v>45537</v>
      </c>
      <c r="F16951" s="14" t="s">
        <v>15</v>
      </c>
      <c r="G16951" s="16">
        <v>0.93493919986142049</v>
      </c>
    </row>
    <row r="16952" spans="1:7" x14ac:dyDescent="0.3">
      <c r="A16952" s="13" t="s">
        <v>121</v>
      </c>
      <c r="B16952" s="14" t="s">
        <v>1</v>
      </c>
      <c r="C16952" s="14" t="s">
        <v>13</v>
      </c>
      <c r="D16952" s="14" t="s">
        <v>122</v>
      </c>
      <c r="E16952" s="15">
        <v>45538</v>
      </c>
      <c r="F16952" s="14" t="s">
        <v>15</v>
      </c>
      <c r="G16952" s="16">
        <v>0.95696959392800596</v>
      </c>
    </row>
    <row r="16953" spans="1:7" x14ac:dyDescent="0.3">
      <c r="A16953" s="13" t="s">
        <v>121</v>
      </c>
      <c r="B16953" s="14" t="s">
        <v>1</v>
      </c>
      <c r="C16953" s="14" t="s">
        <v>13</v>
      </c>
      <c r="D16953" s="14" t="s">
        <v>122</v>
      </c>
      <c r="E16953" s="15">
        <v>45539</v>
      </c>
      <c r="F16953" s="14" t="s">
        <v>15</v>
      </c>
      <c r="G16953" s="16">
        <v>0.9609067394296037</v>
      </c>
    </row>
    <row r="16954" spans="1:7" x14ac:dyDescent="0.3">
      <c r="A16954" s="13" t="s">
        <v>121</v>
      </c>
      <c r="B16954" s="14" t="s">
        <v>1</v>
      </c>
      <c r="C16954" s="14" t="s">
        <v>13</v>
      </c>
      <c r="D16954" s="14" t="s">
        <v>122</v>
      </c>
      <c r="E16954" s="15">
        <v>45540</v>
      </c>
      <c r="F16954" s="14" t="s">
        <v>15</v>
      </c>
      <c r="G16954" s="16">
        <v>0.97206981844308105</v>
      </c>
    </row>
    <row r="16955" spans="1:7" x14ac:dyDescent="0.3">
      <c r="A16955" s="13" t="s">
        <v>121</v>
      </c>
      <c r="B16955" s="14" t="s">
        <v>1</v>
      </c>
      <c r="C16955" s="14" t="s">
        <v>13</v>
      </c>
      <c r="D16955" s="14" t="s">
        <v>122</v>
      </c>
      <c r="E16955" s="15">
        <v>45541</v>
      </c>
      <c r="F16955" s="14" t="s">
        <v>15</v>
      </c>
      <c r="G16955" s="16">
        <v>0.97632917688729948</v>
      </c>
    </row>
    <row r="16956" spans="1:7" x14ac:dyDescent="0.3">
      <c r="A16956" s="13" t="s">
        <v>121</v>
      </c>
      <c r="B16956" s="14" t="s">
        <v>1</v>
      </c>
      <c r="C16956" s="14" t="s">
        <v>13</v>
      </c>
      <c r="D16956" s="14" t="s">
        <v>122</v>
      </c>
      <c r="E16956" s="15">
        <v>45542</v>
      </c>
      <c r="F16956" s="14" t="s">
        <v>15</v>
      </c>
      <c r="G16956" s="16">
        <v>0.97632917688729948</v>
      </c>
    </row>
    <row r="16957" spans="1:7" x14ac:dyDescent="0.3">
      <c r="A16957" s="13" t="s">
        <v>121</v>
      </c>
      <c r="B16957" s="14" t="s">
        <v>1</v>
      </c>
      <c r="C16957" s="14" t="s">
        <v>13</v>
      </c>
      <c r="D16957" s="14" t="s">
        <v>122</v>
      </c>
      <c r="E16957" s="15">
        <v>45543</v>
      </c>
      <c r="F16957" s="14" t="s">
        <v>15</v>
      </c>
      <c r="G16957" s="16">
        <v>0.97632917688729948</v>
      </c>
    </row>
    <row r="16958" spans="1:7" x14ac:dyDescent="0.3">
      <c r="A16958" s="13" t="s">
        <v>121</v>
      </c>
      <c r="B16958" s="14" t="s">
        <v>1</v>
      </c>
      <c r="C16958" s="14" t="s">
        <v>13</v>
      </c>
      <c r="D16958" s="14" t="s">
        <v>122</v>
      </c>
      <c r="E16958" s="15">
        <v>45544</v>
      </c>
      <c r="F16958" s="14" t="s">
        <v>15</v>
      </c>
      <c r="G16958" s="16">
        <v>0.98058585469139625</v>
      </c>
    </row>
    <row r="16959" spans="1:7" x14ac:dyDescent="0.3">
      <c r="A16959" s="13" t="s">
        <v>121</v>
      </c>
      <c r="B16959" s="14" t="s">
        <v>1</v>
      </c>
      <c r="C16959" s="14" t="s">
        <v>13</v>
      </c>
      <c r="D16959" s="14" t="s">
        <v>122</v>
      </c>
      <c r="E16959" s="15">
        <v>45545</v>
      </c>
      <c r="F16959" s="14" t="s">
        <v>15</v>
      </c>
      <c r="G16959" s="16">
        <v>0.99320344903487257</v>
      </c>
    </row>
    <row r="16960" spans="1:7" x14ac:dyDescent="0.3">
      <c r="A16960" s="13" t="s">
        <v>121</v>
      </c>
      <c r="B16960" s="14" t="s">
        <v>1</v>
      </c>
      <c r="C16960" s="14" t="s">
        <v>13</v>
      </c>
      <c r="D16960" s="14" t="s">
        <v>122</v>
      </c>
      <c r="E16960" s="15">
        <v>45546</v>
      </c>
      <c r="F16960" s="14" t="s">
        <v>15</v>
      </c>
      <c r="G16960" s="16">
        <v>0.99736737669076059</v>
      </c>
    </row>
    <row r="16961" spans="1:7" x14ac:dyDescent="0.3">
      <c r="A16961" s="13" t="s">
        <v>121</v>
      </c>
      <c r="B16961" s="14" t="s">
        <v>1</v>
      </c>
      <c r="C16961" s="14" t="s">
        <v>13</v>
      </c>
      <c r="D16961" s="14" t="s">
        <v>122</v>
      </c>
      <c r="E16961" s="15">
        <v>45547</v>
      </c>
      <c r="F16961" s="14" t="s">
        <v>15</v>
      </c>
      <c r="G16961" s="16">
        <v>1.0014927031288974</v>
      </c>
    </row>
    <row r="16962" spans="1:7" x14ac:dyDescent="0.3">
      <c r="A16962" s="13" t="s">
        <v>121</v>
      </c>
      <c r="B16962" s="14" t="s">
        <v>1</v>
      </c>
      <c r="C16962" s="14" t="s">
        <v>13</v>
      </c>
      <c r="D16962" s="14" t="s">
        <v>122</v>
      </c>
      <c r="E16962" s="15">
        <v>45548</v>
      </c>
      <c r="F16962" s="14" t="s">
        <v>15</v>
      </c>
      <c r="G16962" s="16">
        <v>1.0386869422355476</v>
      </c>
    </row>
    <row r="16963" spans="1:7" x14ac:dyDescent="0.3">
      <c r="A16963" s="13" t="s">
        <v>121</v>
      </c>
      <c r="B16963" s="14" t="s">
        <v>1</v>
      </c>
      <c r="C16963" s="14" t="s">
        <v>13</v>
      </c>
      <c r="D16963" s="14" t="s">
        <v>122</v>
      </c>
      <c r="E16963" s="15">
        <v>45549</v>
      </c>
      <c r="F16963" s="14" t="s">
        <v>15</v>
      </c>
      <c r="G16963" s="16">
        <v>1.0386869422355476</v>
      </c>
    </row>
    <row r="16964" spans="1:7" x14ac:dyDescent="0.3">
      <c r="A16964" s="13" t="s">
        <v>121</v>
      </c>
      <c r="B16964" s="14" t="s">
        <v>1</v>
      </c>
      <c r="C16964" s="14" t="s">
        <v>13</v>
      </c>
      <c r="D16964" s="14" t="s">
        <v>122</v>
      </c>
      <c r="E16964" s="15">
        <v>45550</v>
      </c>
      <c r="F16964" s="14" t="s">
        <v>15</v>
      </c>
      <c r="G16964" s="16">
        <v>1.0386869422355476</v>
      </c>
    </row>
    <row r="16965" spans="1:7" x14ac:dyDescent="0.3">
      <c r="A16965" s="13" t="s">
        <v>121</v>
      </c>
      <c r="B16965" s="14" t="s">
        <v>1</v>
      </c>
      <c r="C16965" s="14" t="s">
        <v>13</v>
      </c>
      <c r="D16965" s="14" t="s">
        <v>122</v>
      </c>
      <c r="E16965" s="15">
        <v>45551</v>
      </c>
      <c r="F16965" s="14" t="s">
        <v>15</v>
      </c>
      <c r="G16965" s="16">
        <v>1.0425946006958076</v>
      </c>
    </row>
    <row r="16966" spans="1:7" x14ac:dyDescent="0.3">
      <c r="A16966" s="13" t="s">
        <v>121</v>
      </c>
      <c r="B16966" s="14" t="s">
        <v>1</v>
      </c>
      <c r="C16966" s="14" t="s">
        <v>13</v>
      </c>
      <c r="D16966" s="14" t="s">
        <v>122</v>
      </c>
      <c r="E16966" s="15">
        <v>45552</v>
      </c>
      <c r="F16966" s="14" t="s">
        <v>15</v>
      </c>
      <c r="G16966" s="16">
        <v>1.0653482314672102</v>
      </c>
    </row>
    <row r="16967" spans="1:7" x14ac:dyDescent="0.3">
      <c r="A16967" s="13" t="s">
        <v>121</v>
      </c>
      <c r="B16967" s="14" t="s">
        <v>1</v>
      </c>
      <c r="C16967" s="14" t="s">
        <v>13</v>
      </c>
      <c r="D16967" s="14" t="s">
        <v>122</v>
      </c>
      <c r="E16967" s="15">
        <v>45553</v>
      </c>
      <c r="F16967" s="14" t="s">
        <v>15</v>
      </c>
      <c r="G16967" s="16">
        <v>1.0691411585302641</v>
      </c>
    </row>
    <row r="16968" spans="1:7" x14ac:dyDescent="0.3">
      <c r="A16968" s="13" t="s">
        <v>121</v>
      </c>
      <c r="B16968" s="14" t="s">
        <v>1</v>
      </c>
      <c r="C16968" s="14" t="s">
        <v>13</v>
      </c>
      <c r="D16968" s="14" t="s">
        <v>122</v>
      </c>
      <c r="E16968" s="15">
        <v>45554</v>
      </c>
      <c r="F16968" s="14" t="s">
        <v>15</v>
      </c>
      <c r="G16968" s="16">
        <v>1.0718355592714719</v>
      </c>
    </row>
    <row r="16969" spans="1:7" x14ac:dyDescent="0.3">
      <c r="A16969" s="13" t="s">
        <v>121</v>
      </c>
      <c r="B16969" s="14" t="s">
        <v>1</v>
      </c>
      <c r="C16969" s="14" t="s">
        <v>13</v>
      </c>
      <c r="D16969" s="14" t="s">
        <v>122</v>
      </c>
      <c r="E16969" s="15">
        <v>45555</v>
      </c>
      <c r="F16969" s="14" t="s">
        <v>15</v>
      </c>
      <c r="G16969" s="16">
        <v>1.0767779448186827</v>
      </c>
    </row>
    <row r="16970" spans="1:7" x14ac:dyDescent="0.3">
      <c r="A16970" s="13" t="s">
        <v>121</v>
      </c>
      <c r="B16970" s="14" t="s">
        <v>1</v>
      </c>
      <c r="C16970" s="14" t="s">
        <v>13</v>
      </c>
      <c r="D16970" s="14" t="s">
        <v>122</v>
      </c>
      <c r="E16970" s="15">
        <v>45556</v>
      </c>
      <c r="F16970" s="14" t="s">
        <v>15</v>
      </c>
      <c r="G16970" s="16">
        <v>1.0767779448186827</v>
      </c>
    </row>
    <row r="16971" spans="1:7" x14ac:dyDescent="0.3">
      <c r="A16971" s="13" t="s">
        <v>121</v>
      </c>
      <c r="B16971" s="14" t="s">
        <v>1</v>
      </c>
      <c r="C16971" s="14" t="s">
        <v>13</v>
      </c>
      <c r="D16971" s="14" t="s">
        <v>122</v>
      </c>
      <c r="E16971" s="15">
        <v>45557</v>
      </c>
      <c r="F16971" s="14" t="s">
        <v>15</v>
      </c>
      <c r="G16971" s="16">
        <v>1.0767779448186827</v>
      </c>
    </row>
    <row r="16972" spans="1:7" x14ac:dyDescent="0.3">
      <c r="A16972" s="13" t="s">
        <v>121</v>
      </c>
      <c r="B16972" s="14" t="s">
        <v>1</v>
      </c>
      <c r="C16972" s="14" t="s">
        <v>13</v>
      </c>
      <c r="D16972" s="14" t="s">
        <v>122</v>
      </c>
      <c r="E16972" s="15">
        <v>45558</v>
      </c>
      <c r="F16972" s="14" t="s">
        <v>15</v>
      </c>
      <c r="G16972" s="16">
        <v>1.0790193173793343</v>
      </c>
    </row>
    <row r="16973" spans="1:7" x14ac:dyDescent="0.3">
      <c r="A16973" s="13" t="s">
        <v>121</v>
      </c>
      <c r="B16973" s="14" t="s">
        <v>1</v>
      </c>
      <c r="C16973" s="14" t="s">
        <v>13</v>
      </c>
      <c r="D16973" s="14" t="s">
        <v>122</v>
      </c>
      <c r="E16973" s="15">
        <v>45559</v>
      </c>
      <c r="F16973" s="14" t="s">
        <v>15</v>
      </c>
      <c r="G16973" s="16">
        <v>1.0902976639180419</v>
      </c>
    </row>
    <row r="16974" spans="1:7" x14ac:dyDescent="0.3">
      <c r="A16974" s="13" t="s">
        <v>121</v>
      </c>
      <c r="B16974" s="14" t="s">
        <v>1</v>
      </c>
      <c r="C16974" s="14" t="s">
        <v>13</v>
      </c>
      <c r="D16974" s="14" t="s">
        <v>122</v>
      </c>
      <c r="E16974" s="15">
        <v>45560</v>
      </c>
      <c r="F16974" s="14" t="s">
        <v>15</v>
      </c>
      <c r="G16974" s="16">
        <v>1.0938777481554378</v>
      </c>
    </row>
    <row r="16975" spans="1:7" x14ac:dyDescent="0.3">
      <c r="A16975" s="13" t="s">
        <v>121</v>
      </c>
      <c r="B16975" s="14" t="s">
        <v>1</v>
      </c>
      <c r="C16975" s="14" t="s">
        <v>13</v>
      </c>
      <c r="D16975" s="14" t="s">
        <v>122</v>
      </c>
      <c r="E16975" s="15">
        <v>45561</v>
      </c>
      <c r="F16975" s="14" t="s">
        <v>15</v>
      </c>
      <c r="G16975" s="16">
        <v>1.0974460375762989</v>
      </c>
    </row>
    <row r="16976" spans="1:7" x14ac:dyDescent="0.3">
      <c r="A16976" s="13" t="s">
        <v>121</v>
      </c>
      <c r="B16976" s="14" t="s">
        <v>1</v>
      </c>
      <c r="C16976" s="14" t="s">
        <v>13</v>
      </c>
      <c r="D16976" s="14" t="s">
        <v>122</v>
      </c>
      <c r="E16976" s="15">
        <v>45562</v>
      </c>
      <c r="F16976" s="14" t="s">
        <v>15</v>
      </c>
      <c r="G16976" s="16">
        <v>1.1039212131450606</v>
      </c>
    </row>
    <row r="16977" spans="1:7" x14ac:dyDescent="0.3">
      <c r="A16977" s="13" t="s">
        <v>121</v>
      </c>
      <c r="B16977" s="14" t="s">
        <v>1</v>
      </c>
      <c r="C16977" s="14" t="s">
        <v>13</v>
      </c>
      <c r="D16977" s="14" t="s">
        <v>122</v>
      </c>
      <c r="E16977" s="15">
        <v>45563</v>
      </c>
      <c r="F16977" s="14" t="s">
        <v>15</v>
      </c>
      <c r="G16977" s="16">
        <v>1.1039212131450606</v>
      </c>
    </row>
    <row r="16978" spans="1:7" x14ac:dyDescent="0.3">
      <c r="A16978" s="13" t="s">
        <v>121</v>
      </c>
      <c r="B16978" s="14" t="s">
        <v>1</v>
      </c>
      <c r="C16978" s="14" t="s">
        <v>13</v>
      </c>
      <c r="D16978" s="14" t="s">
        <v>122</v>
      </c>
      <c r="E16978" s="15">
        <v>45564</v>
      </c>
      <c r="F16978" s="14" t="s">
        <v>15</v>
      </c>
      <c r="G16978" s="16">
        <v>1.1039212131450606</v>
      </c>
    </row>
    <row r="16979" spans="1:7" x14ac:dyDescent="0.3">
      <c r="A16979" s="13" t="s">
        <v>121</v>
      </c>
      <c r="B16979" s="14" t="s">
        <v>1</v>
      </c>
      <c r="C16979" s="14" t="s">
        <v>13</v>
      </c>
      <c r="D16979" s="14" t="s">
        <v>122</v>
      </c>
      <c r="E16979" s="15">
        <v>45565</v>
      </c>
      <c r="F16979" s="14" t="s">
        <v>15</v>
      </c>
      <c r="G16979" s="16">
        <v>1.1076918596195939</v>
      </c>
    </row>
    <row r="16980" spans="1:7" x14ac:dyDescent="0.3">
      <c r="A16980" s="13" t="s">
        <v>121</v>
      </c>
      <c r="B16980" s="14" t="s">
        <v>1</v>
      </c>
      <c r="C16980" s="14" t="s">
        <v>13</v>
      </c>
      <c r="D16980" s="14" t="s">
        <v>122</v>
      </c>
      <c r="E16980" s="15">
        <v>45566</v>
      </c>
      <c r="F16980" s="14" t="s">
        <v>15</v>
      </c>
      <c r="G16980" s="16">
        <v>1.119064158922132</v>
      </c>
    </row>
    <row r="16981" spans="1:7" x14ac:dyDescent="0.3">
      <c r="A16981" s="13" t="s">
        <v>121</v>
      </c>
      <c r="B16981" s="14" t="s">
        <v>1</v>
      </c>
      <c r="C16981" s="14" t="s">
        <v>13</v>
      </c>
      <c r="D16981" s="14" t="s">
        <v>122</v>
      </c>
      <c r="E16981" s="15">
        <v>45567</v>
      </c>
      <c r="F16981" s="14" t="s">
        <v>15</v>
      </c>
      <c r="G16981" s="16">
        <v>1.1445561425095725</v>
      </c>
    </row>
    <row r="16982" spans="1:7" x14ac:dyDescent="0.3">
      <c r="A16982" s="13" t="s">
        <v>121</v>
      </c>
      <c r="B16982" s="14" t="s">
        <v>1</v>
      </c>
      <c r="C16982" s="14" t="s">
        <v>13</v>
      </c>
      <c r="D16982" s="14" t="s">
        <v>122</v>
      </c>
      <c r="E16982" s="15">
        <v>45568</v>
      </c>
      <c r="F16982" s="14" t="s">
        <v>15</v>
      </c>
      <c r="G16982" s="16">
        <v>1.1484925384917224</v>
      </c>
    </row>
    <row r="16983" spans="1:7" x14ac:dyDescent="0.3">
      <c r="A16983" s="13" t="s">
        <v>121</v>
      </c>
      <c r="B16983" s="14" t="s">
        <v>1</v>
      </c>
      <c r="C16983" s="14" t="s">
        <v>13</v>
      </c>
      <c r="D16983" s="14" t="s">
        <v>122</v>
      </c>
      <c r="E16983" s="15">
        <v>45569</v>
      </c>
      <c r="F16983" s="14" t="s">
        <v>15</v>
      </c>
      <c r="G16983" s="16">
        <v>1.1589024037680669</v>
      </c>
    </row>
    <row r="16984" spans="1:7" x14ac:dyDescent="0.3">
      <c r="A16984" s="13" t="s">
        <v>121</v>
      </c>
      <c r="B16984" s="14" t="s">
        <v>1</v>
      </c>
      <c r="C16984" s="14" t="s">
        <v>13</v>
      </c>
      <c r="D16984" s="14" t="s">
        <v>122</v>
      </c>
      <c r="E16984" s="15">
        <v>45570</v>
      </c>
      <c r="F16984" s="14" t="s">
        <v>15</v>
      </c>
      <c r="G16984" s="16">
        <v>1.1589024037680669</v>
      </c>
    </row>
    <row r="16985" spans="1:7" x14ac:dyDescent="0.3">
      <c r="A16985" s="13" t="s">
        <v>121</v>
      </c>
      <c r="B16985" s="14" t="s">
        <v>1</v>
      </c>
      <c r="C16985" s="14" t="s">
        <v>13</v>
      </c>
      <c r="D16985" s="14" t="s">
        <v>122</v>
      </c>
      <c r="E16985" s="15">
        <v>45571</v>
      </c>
      <c r="F16985" s="14" t="s">
        <v>15</v>
      </c>
      <c r="G16985" s="16">
        <v>1.1589024037680669</v>
      </c>
    </row>
    <row r="16986" spans="1:7" x14ac:dyDescent="0.3">
      <c r="A16986" s="13" t="s">
        <v>121</v>
      </c>
      <c r="B16986" s="14" t="s">
        <v>1</v>
      </c>
      <c r="C16986" s="14" t="s">
        <v>13</v>
      </c>
      <c r="D16986" s="14" t="s">
        <v>122</v>
      </c>
      <c r="E16986" s="15">
        <v>45572</v>
      </c>
      <c r="F16986" s="14" t="s">
        <v>15</v>
      </c>
      <c r="G16986" s="16">
        <v>1.1628273874890365</v>
      </c>
    </row>
    <row r="16987" spans="1:7" x14ac:dyDescent="0.3">
      <c r="A16987" s="13" t="s">
        <v>121</v>
      </c>
      <c r="B16987" s="14" t="s">
        <v>1</v>
      </c>
      <c r="C16987" s="14" t="s">
        <v>13</v>
      </c>
      <c r="D16987" s="14" t="s">
        <v>122</v>
      </c>
      <c r="E16987" s="15">
        <v>45573</v>
      </c>
      <c r="F16987" s="14" t="s">
        <v>15</v>
      </c>
      <c r="G16987" s="16">
        <v>1.1746588944438239</v>
      </c>
    </row>
    <row r="16988" spans="1:7" x14ac:dyDescent="0.3">
      <c r="A16988" s="13" t="s">
        <v>121</v>
      </c>
      <c r="B16988" s="14" t="s">
        <v>1</v>
      </c>
      <c r="C16988" s="14" t="s">
        <v>13</v>
      </c>
      <c r="D16988" s="14" t="s">
        <v>122</v>
      </c>
      <c r="E16988" s="15">
        <v>45574</v>
      </c>
      <c r="F16988" s="14" t="s">
        <v>15</v>
      </c>
      <c r="G16988" s="16">
        <v>1.1785511481912354</v>
      </c>
    </row>
    <row r="16989" spans="1:7" x14ac:dyDescent="0.3">
      <c r="A16989" s="13" t="s">
        <v>121</v>
      </c>
      <c r="B16989" s="14" t="s">
        <v>1</v>
      </c>
      <c r="C16989" s="14" t="s">
        <v>13</v>
      </c>
      <c r="D16989" s="14" t="s">
        <v>122</v>
      </c>
      <c r="E16989" s="15">
        <v>45575</v>
      </c>
      <c r="F16989" s="14" t="s">
        <v>15</v>
      </c>
      <c r="G16989" s="16">
        <v>1.1824278258410739</v>
      </c>
    </row>
    <row r="16990" spans="1:7" x14ac:dyDescent="0.3">
      <c r="A16990" s="13" t="s">
        <v>121</v>
      </c>
      <c r="B16990" s="14" t="s">
        <v>1</v>
      </c>
      <c r="C16990" s="14" t="s">
        <v>13</v>
      </c>
      <c r="D16990" s="14" t="s">
        <v>122</v>
      </c>
      <c r="E16990" s="15">
        <v>45576</v>
      </c>
      <c r="F16990" s="14" t="s">
        <v>15</v>
      </c>
      <c r="G16990" s="16">
        <v>1.1862956028637279</v>
      </c>
    </row>
    <row r="16991" spans="1:7" x14ac:dyDescent="0.3">
      <c r="A16991" s="13" t="s">
        <v>121</v>
      </c>
      <c r="B16991" s="14" t="s">
        <v>1</v>
      </c>
      <c r="C16991" s="14" t="s">
        <v>13</v>
      </c>
      <c r="D16991" s="14" t="s">
        <v>122</v>
      </c>
      <c r="E16991" s="15">
        <v>45577</v>
      </c>
      <c r="F16991" s="14" t="s">
        <v>15</v>
      </c>
      <c r="G16991" s="16">
        <v>1.1862956028637279</v>
      </c>
    </row>
    <row r="16992" spans="1:7" x14ac:dyDescent="0.3">
      <c r="A16992" s="13" t="s">
        <v>121</v>
      </c>
      <c r="B16992" s="14" t="s">
        <v>1</v>
      </c>
      <c r="C16992" s="14" t="s">
        <v>13</v>
      </c>
      <c r="D16992" s="14" t="s">
        <v>122</v>
      </c>
      <c r="E16992" s="15">
        <v>45578</v>
      </c>
      <c r="F16992" s="14" t="s">
        <v>15</v>
      </c>
      <c r="G16992" s="16">
        <v>1.1862956028637279</v>
      </c>
    </row>
    <row r="16993" spans="1:7" x14ac:dyDescent="0.3">
      <c r="A16993" s="13" t="s">
        <v>121</v>
      </c>
      <c r="B16993" s="14" t="s">
        <v>1</v>
      </c>
      <c r="C16993" s="14" t="s">
        <v>13</v>
      </c>
      <c r="D16993" s="14" t="s">
        <v>122</v>
      </c>
      <c r="E16993" s="15">
        <v>45579</v>
      </c>
      <c r="F16993" s="14" t="s">
        <v>15</v>
      </c>
      <c r="G16993" s="16">
        <v>1.1901589295727901</v>
      </c>
    </row>
    <row r="16994" spans="1:7" x14ac:dyDescent="0.3">
      <c r="A16994" s="13" t="s">
        <v>121</v>
      </c>
      <c r="B16994" s="14" t="s">
        <v>1</v>
      </c>
      <c r="C16994" s="14" t="s">
        <v>13</v>
      </c>
      <c r="D16994" s="14" t="s">
        <v>122</v>
      </c>
      <c r="E16994" s="15">
        <v>45580</v>
      </c>
      <c r="F16994" s="14" t="s">
        <v>15</v>
      </c>
      <c r="G16994" s="16">
        <v>1.2018080799113742</v>
      </c>
    </row>
    <row r="16995" spans="1:7" x14ac:dyDescent="0.3">
      <c r="A16995" s="13" t="s">
        <v>121</v>
      </c>
      <c r="B16995" s="14" t="s">
        <v>1</v>
      </c>
      <c r="C16995" s="14" t="s">
        <v>13</v>
      </c>
      <c r="D16995" s="14" t="s">
        <v>122</v>
      </c>
      <c r="E16995" s="15">
        <v>45581</v>
      </c>
      <c r="F16995" s="14" t="s">
        <v>15</v>
      </c>
      <c r="G16995" s="16">
        <v>1.205660280836456</v>
      </c>
    </row>
    <row r="16996" spans="1:7" x14ac:dyDescent="0.3">
      <c r="A16996" s="13" t="s">
        <v>121</v>
      </c>
      <c r="B16996" s="14" t="s">
        <v>1</v>
      </c>
      <c r="C16996" s="14" t="s">
        <v>13</v>
      </c>
      <c r="D16996" s="14" t="s">
        <v>122</v>
      </c>
      <c r="E16996" s="15">
        <v>45582</v>
      </c>
      <c r="F16996" s="14" t="s">
        <v>15</v>
      </c>
      <c r="G16996" s="16">
        <v>1.2095224949671199</v>
      </c>
    </row>
    <row r="16997" spans="1:7" x14ac:dyDescent="0.3">
      <c r="A16997" s="13" t="s">
        <v>121</v>
      </c>
      <c r="B16997" s="14" t="s">
        <v>1</v>
      </c>
      <c r="C16997" s="14" t="s">
        <v>13</v>
      </c>
      <c r="D16997" s="14" t="s">
        <v>122</v>
      </c>
      <c r="E16997" s="15">
        <v>45583</v>
      </c>
      <c r="F16997" s="14" t="s">
        <v>15</v>
      </c>
      <c r="G16997" s="16">
        <v>1.2133741396030027</v>
      </c>
    </row>
    <row r="16998" spans="1:7" x14ac:dyDescent="0.3">
      <c r="A16998" s="13" t="s">
        <v>121</v>
      </c>
      <c r="B16998" s="14" t="s">
        <v>1</v>
      </c>
      <c r="C16998" s="14" t="s">
        <v>13</v>
      </c>
      <c r="D16998" s="14" t="s">
        <v>122</v>
      </c>
      <c r="E16998" s="15">
        <v>45584</v>
      </c>
      <c r="F16998" s="14" t="s">
        <v>15</v>
      </c>
      <c r="G16998" s="16">
        <v>1.2133741396030027</v>
      </c>
    </row>
    <row r="16999" spans="1:7" x14ac:dyDescent="0.3">
      <c r="A16999" s="13" t="s">
        <v>121</v>
      </c>
      <c r="B16999" s="14" t="s">
        <v>1</v>
      </c>
      <c r="C16999" s="14" t="s">
        <v>13</v>
      </c>
      <c r="D16999" s="14" t="s">
        <v>122</v>
      </c>
      <c r="E16999" s="15">
        <v>45585</v>
      </c>
      <c r="F16999" s="14" t="s">
        <v>15</v>
      </c>
      <c r="G16999" s="16">
        <v>1.2133741396030027</v>
      </c>
    </row>
    <row r="17000" spans="1:7" x14ac:dyDescent="0.3">
      <c r="A17000" s="13" t="s">
        <v>121</v>
      </c>
      <c r="B17000" s="14" t="s">
        <v>1</v>
      </c>
      <c r="C17000" s="14" t="s">
        <v>13</v>
      </c>
      <c r="D17000" s="14" t="s">
        <v>122</v>
      </c>
      <c r="E17000" s="15">
        <v>45586</v>
      </c>
      <c r="F17000" s="14" t="s">
        <v>15</v>
      </c>
      <c r="G17000" s="16">
        <v>1.216583270214014</v>
      </c>
    </row>
    <row r="17001" spans="1:7" x14ac:dyDescent="0.3">
      <c r="A17001" s="13" t="s">
        <v>121</v>
      </c>
      <c r="B17001" s="14" t="s">
        <v>1</v>
      </c>
      <c r="C17001" s="14" t="s">
        <v>13</v>
      </c>
      <c r="D17001" s="14" t="s">
        <v>122</v>
      </c>
      <c r="E17001" s="15">
        <v>45587</v>
      </c>
      <c r="F17001" s="14" t="s">
        <v>15</v>
      </c>
      <c r="G17001" s="16">
        <v>1.2285495053960407</v>
      </c>
    </row>
    <row r="17002" spans="1:7" x14ac:dyDescent="0.3">
      <c r="A17002" s="13" t="s">
        <v>121</v>
      </c>
      <c r="B17002" s="14" t="s">
        <v>1</v>
      </c>
      <c r="C17002" s="14" t="s">
        <v>13</v>
      </c>
      <c r="D17002" s="14" t="s">
        <v>122</v>
      </c>
      <c r="E17002" s="15">
        <v>45588</v>
      </c>
      <c r="F17002" s="14" t="s">
        <v>15</v>
      </c>
      <c r="G17002" s="16">
        <v>1.2325274276801015</v>
      </c>
    </row>
    <row r="17003" spans="1:7" x14ac:dyDescent="0.3">
      <c r="A17003" s="13" t="s">
        <v>121</v>
      </c>
      <c r="B17003" s="14" t="s">
        <v>1</v>
      </c>
      <c r="C17003" s="14" t="s">
        <v>13</v>
      </c>
      <c r="D17003" s="14" t="s">
        <v>122</v>
      </c>
      <c r="E17003" s="15">
        <v>45589</v>
      </c>
      <c r="F17003" s="14" t="s">
        <v>15</v>
      </c>
      <c r="G17003" s="16">
        <v>1.236497561915376</v>
      </c>
    </row>
    <row r="17004" spans="1:7" x14ac:dyDescent="0.3">
      <c r="A17004" s="13" t="s">
        <v>121</v>
      </c>
      <c r="B17004" s="14" t="s">
        <v>1</v>
      </c>
      <c r="C17004" s="14" t="s">
        <v>13</v>
      </c>
      <c r="D17004" s="14" t="s">
        <v>122</v>
      </c>
      <c r="E17004" s="15">
        <v>45590</v>
      </c>
      <c r="F17004" s="14" t="s">
        <v>15</v>
      </c>
      <c r="G17004" s="16">
        <v>1.2404905040078105</v>
      </c>
    </row>
    <row r="17005" spans="1:7" x14ac:dyDescent="0.3">
      <c r="A17005" s="13" t="s">
        <v>121</v>
      </c>
      <c r="B17005" s="14" t="s">
        <v>1</v>
      </c>
      <c r="C17005" s="14" t="s">
        <v>13</v>
      </c>
      <c r="D17005" s="14" t="s">
        <v>122</v>
      </c>
      <c r="E17005" s="15">
        <v>45591</v>
      </c>
      <c r="F17005" s="14" t="s">
        <v>15</v>
      </c>
      <c r="G17005" s="16">
        <v>1.2404905040078105</v>
      </c>
    </row>
    <row r="17006" spans="1:7" x14ac:dyDescent="0.3">
      <c r="A17006" s="13" t="s">
        <v>121</v>
      </c>
      <c r="B17006" s="14" t="s">
        <v>1</v>
      </c>
      <c r="C17006" s="14" t="s">
        <v>13</v>
      </c>
      <c r="D17006" s="14" t="s">
        <v>122</v>
      </c>
      <c r="E17006" s="15">
        <v>45592</v>
      </c>
      <c r="F17006" s="14" t="s">
        <v>15</v>
      </c>
      <c r="G17006" s="16">
        <v>1.2404905040078105</v>
      </c>
    </row>
    <row r="17007" spans="1:7" x14ac:dyDescent="0.3">
      <c r="A17007" s="13" t="s">
        <v>121</v>
      </c>
      <c r="B17007" s="14" t="s">
        <v>1</v>
      </c>
      <c r="C17007" s="14" t="s">
        <v>13</v>
      </c>
      <c r="D17007" s="14" t="s">
        <v>122</v>
      </c>
      <c r="E17007" s="15">
        <v>45593</v>
      </c>
      <c r="F17007" s="14" t="s">
        <v>15</v>
      </c>
      <c r="G17007" s="16">
        <v>1.2404905040078105</v>
      </c>
    </row>
    <row r="17008" spans="1:7" x14ac:dyDescent="0.3">
      <c r="A17008" s="13" t="s">
        <v>121</v>
      </c>
      <c r="B17008" s="14" t="s">
        <v>1</v>
      </c>
      <c r="C17008" s="14" t="s">
        <v>13</v>
      </c>
      <c r="D17008" s="14" t="s">
        <v>122</v>
      </c>
      <c r="E17008" s="15">
        <v>45594</v>
      </c>
      <c r="F17008" s="14" t="s">
        <v>15</v>
      </c>
      <c r="G17008" s="16">
        <v>1.2464482595511928</v>
      </c>
    </row>
    <row r="17009" spans="1:7" x14ac:dyDescent="0.3">
      <c r="A17009" s="13" t="s">
        <v>121</v>
      </c>
      <c r="B17009" s="14" t="s">
        <v>1</v>
      </c>
      <c r="C17009" s="14" t="s">
        <v>13</v>
      </c>
      <c r="D17009" s="14" t="s">
        <v>122</v>
      </c>
      <c r="E17009" s="15">
        <v>45595</v>
      </c>
      <c r="F17009" s="14" t="s">
        <v>15</v>
      </c>
      <c r="G17009" s="16">
        <v>1.262487644248464</v>
      </c>
    </row>
    <row r="17010" spans="1:7" x14ac:dyDescent="0.3">
      <c r="A17010" s="13" t="s">
        <v>121</v>
      </c>
      <c r="B17010" s="14" t="s">
        <v>1</v>
      </c>
      <c r="C17010" s="14" t="s">
        <v>13</v>
      </c>
      <c r="D17010" s="14" t="s">
        <v>122</v>
      </c>
      <c r="E17010" s="15">
        <v>45596</v>
      </c>
      <c r="F17010" s="14" t="s">
        <v>15</v>
      </c>
      <c r="G17010" s="16">
        <v>1.2664711294245152</v>
      </c>
    </row>
    <row r="17011" spans="1:7" x14ac:dyDescent="0.3">
      <c r="A17011" s="13" t="s">
        <v>121</v>
      </c>
      <c r="B17011" s="14" t="s">
        <v>1</v>
      </c>
      <c r="C17011" s="14" t="s">
        <v>13</v>
      </c>
      <c r="D17011" s="14" t="s">
        <v>122</v>
      </c>
      <c r="E17011" s="15">
        <v>45597</v>
      </c>
      <c r="F17011" s="14" t="s">
        <v>15</v>
      </c>
      <c r="G17011" s="16">
        <v>1.2702938470220486</v>
      </c>
    </row>
    <row r="17012" spans="1:7" x14ac:dyDescent="0.3">
      <c r="A17012" s="13" t="s">
        <v>121</v>
      </c>
      <c r="B17012" s="14" t="s">
        <v>1</v>
      </c>
      <c r="C17012" s="14" t="s">
        <v>13</v>
      </c>
      <c r="D17012" s="14" t="s">
        <v>122</v>
      </c>
      <c r="E17012" s="15">
        <v>45598</v>
      </c>
      <c r="F17012" s="14" t="s">
        <v>15</v>
      </c>
      <c r="G17012" s="16">
        <v>1.2702938470220486</v>
      </c>
    </row>
    <row r="17013" spans="1:7" x14ac:dyDescent="0.3">
      <c r="A17013" s="13" t="s">
        <v>121</v>
      </c>
      <c r="B17013" s="14" t="s">
        <v>1</v>
      </c>
      <c r="C17013" s="14" t="s">
        <v>13</v>
      </c>
      <c r="D17013" s="14" t="s">
        <v>122</v>
      </c>
      <c r="E17013" s="15">
        <v>45599</v>
      </c>
      <c r="F17013" s="14" t="s">
        <v>15</v>
      </c>
      <c r="G17013" s="16">
        <v>1.2702938470220486</v>
      </c>
    </row>
    <row r="17014" spans="1:7" x14ac:dyDescent="0.3">
      <c r="A17014" s="13" t="s">
        <v>121</v>
      </c>
      <c r="B17014" s="14" t="s">
        <v>1</v>
      </c>
      <c r="C17014" s="14" t="s">
        <v>13</v>
      </c>
      <c r="D17014" s="14" t="s">
        <v>122</v>
      </c>
      <c r="E17014" s="15">
        <v>45600</v>
      </c>
      <c r="F17014" s="14" t="s">
        <v>15</v>
      </c>
      <c r="G17014" s="16">
        <v>1.2801500772721826</v>
      </c>
    </row>
    <row r="17015" spans="1:7" x14ac:dyDescent="0.3">
      <c r="A17015" s="13" t="s">
        <v>121</v>
      </c>
      <c r="B17015" s="14" t="s">
        <v>1</v>
      </c>
      <c r="C17015" s="14" t="s">
        <v>13</v>
      </c>
      <c r="D17015" s="14" t="s">
        <v>122</v>
      </c>
      <c r="E17015" s="15">
        <v>45601</v>
      </c>
      <c r="F17015" s="14" t="s">
        <v>15</v>
      </c>
      <c r="G17015" s="16">
        <v>1.2922620602243535</v>
      </c>
    </row>
    <row r="17016" spans="1:7" x14ac:dyDescent="0.3">
      <c r="A17016" s="13" t="s">
        <v>121</v>
      </c>
      <c r="B17016" s="14" t="s">
        <v>1</v>
      </c>
      <c r="C17016" s="14" t="s">
        <v>13</v>
      </c>
      <c r="D17016" s="14" t="s">
        <v>122</v>
      </c>
      <c r="E17016" s="15">
        <v>45602</v>
      </c>
      <c r="F17016" s="14" t="s">
        <v>15</v>
      </c>
      <c r="G17016" s="16">
        <v>1.3029338104402546</v>
      </c>
    </row>
    <row r="17017" spans="1:7" x14ac:dyDescent="0.3">
      <c r="A17017" s="13" t="s">
        <v>121</v>
      </c>
      <c r="B17017" s="14" t="s">
        <v>1</v>
      </c>
      <c r="C17017" s="14" t="s">
        <v>13</v>
      </c>
      <c r="D17017" s="14" t="s">
        <v>122</v>
      </c>
      <c r="E17017" s="15">
        <v>45603</v>
      </c>
      <c r="F17017" s="14" t="s">
        <v>15</v>
      </c>
      <c r="G17017" s="16">
        <v>1.3068978254943397</v>
      </c>
    </row>
    <row r="17018" spans="1:7" x14ac:dyDescent="0.3">
      <c r="A17018" s="13" t="s">
        <v>121</v>
      </c>
      <c r="B17018" s="14" t="s">
        <v>1</v>
      </c>
      <c r="C17018" s="14" t="s">
        <v>13</v>
      </c>
      <c r="D17018" s="14" t="s">
        <v>122</v>
      </c>
      <c r="E17018" s="15">
        <v>45604</v>
      </c>
      <c r="F17018" s="14" t="s">
        <v>15</v>
      </c>
      <c r="G17018" s="16">
        <v>1.31084181413726</v>
      </c>
    </row>
    <row r="17019" spans="1:7" x14ac:dyDescent="0.3">
      <c r="A17019" s="13" t="s">
        <v>121</v>
      </c>
      <c r="B17019" s="14" t="s">
        <v>1</v>
      </c>
      <c r="C17019" s="14" t="s">
        <v>13</v>
      </c>
      <c r="D17019" s="14" t="s">
        <v>122</v>
      </c>
      <c r="E17019" s="15">
        <v>45605</v>
      </c>
      <c r="F17019" s="14" t="s">
        <v>15</v>
      </c>
      <c r="G17019" s="16">
        <v>1.31084181413726</v>
      </c>
    </row>
    <row r="17020" spans="1:7" x14ac:dyDescent="0.3">
      <c r="A17020" s="13" t="s">
        <v>121</v>
      </c>
      <c r="B17020" s="14" t="s">
        <v>1</v>
      </c>
      <c r="C17020" s="14" t="s">
        <v>13</v>
      </c>
      <c r="D17020" s="14" t="s">
        <v>122</v>
      </c>
      <c r="E17020" s="15">
        <v>45606</v>
      </c>
      <c r="F17020" s="14" t="s">
        <v>15</v>
      </c>
      <c r="G17020" s="16">
        <v>1.31084181413726</v>
      </c>
    </row>
    <row r="17021" spans="1:7" x14ac:dyDescent="0.3">
      <c r="A17021" s="13" t="s">
        <v>121</v>
      </c>
      <c r="B17021" s="14" t="s">
        <v>1</v>
      </c>
      <c r="C17021" s="14" t="s">
        <v>13</v>
      </c>
      <c r="D17021" s="14" t="s">
        <v>122</v>
      </c>
      <c r="E17021" s="15">
        <v>45607</v>
      </c>
      <c r="F17021" s="14" t="s">
        <v>15</v>
      </c>
      <c r="G17021" s="16">
        <v>1.3147535380066369</v>
      </c>
    </row>
    <row r="17022" spans="1:7" x14ac:dyDescent="0.3">
      <c r="A17022" s="13" t="s">
        <v>121</v>
      </c>
      <c r="B17022" s="14" t="s">
        <v>1</v>
      </c>
      <c r="C17022" s="14" t="s">
        <v>13</v>
      </c>
      <c r="D17022" s="14" t="s">
        <v>122</v>
      </c>
      <c r="E17022" s="15">
        <v>45608</v>
      </c>
      <c r="F17022" s="14" t="s">
        <v>15</v>
      </c>
      <c r="G17022" s="16">
        <v>1.326474449651895</v>
      </c>
    </row>
    <row r="17023" spans="1:7" x14ac:dyDescent="0.3">
      <c r="A17023" s="13" t="s">
        <v>121</v>
      </c>
      <c r="B17023" s="14" t="s">
        <v>1</v>
      </c>
      <c r="C17023" s="14" t="s">
        <v>13</v>
      </c>
      <c r="D17023" s="14" t="s">
        <v>122</v>
      </c>
      <c r="E17023" s="15">
        <v>45609</v>
      </c>
      <c r="F17023" s="14" t="s">
        <v>15</v>
      </c>
      <c r="G17023" s="16">
        <v>1.3303628093749129</v>
      </c>
    </row>
    <row r="17024" spans="1:7" x14ac:dyDescent="0.3">
      <c r="A17024" s="13" t="s">
        <v>121</v>
      </c>
      <c r="B17024" s="14" t="s">
        <v>1</v>
      </c>
      <c r="C17024" s="14" t="s">
        <v>13</v>
      </c>
      <c r="D17024" s="14" t="s">
        <v>122</v>
      </c>
      <c r="E17024" s="15">
        <v>45610</v>
      </c>
      <c r="F17024" s="14" t="s">
        <v>15</v>
      </c>
      <c r="G17024" s="16">
        <v>1.3656130852712347</v>
      </c>
    </row>
    <row r="17025" spans="1:7" x14ac:dyDescent="0.3">
      <c r="A17025" s="13" t="s">
        <v>121</v>
      </c>
      <c r="B17025" s="14" t="s">
        <v>1</v>
      </c>
      <c r="C17025" s="14" t="s">
        <v>13</v>
      </c>
      <c r="D17025" s="14" t="s">
        <v>122</v>
      </c>
      <c r="E17025" s="15">
        <v>45611</v>
      </c>
      <c r="F17025" s="14" t="s">
        <v>15</v>
      </c>
      <c r="G17025" s="16">
        <v>1.3879465609883697</v>
      </c>
    </row>
    <row r="17026" spans="1:7" x14ac:dyDescent="0.3">
      <c r="A17026" s="13" t="s">
        <v>121</v>
      </c>
      <c r="B17026" s="14" t="s">
        <v>1</v>
      </c>
      <c r="C17026" s="14" t="s">
        <v>13</v>
      </c>
      <c r="D17026" s="14" t="s">
        <v>122</v>
      </c>
      <c r="E17026" s="15">
        <v>45612</v>
      </c>
      <c r="F17026" s="14" t="s">
        <v>15</v>
      </c>
      <c r="G17026" s="16">
        <v>1.3879465609883697</v>
      </c>
    </row>
    <row r="17027" spans="1:7" x14ac:dyDescent="0.3">
      <c r="A17027" s="13" t="s">
        <v>121</v>
      </c>
      <c r="B17027" s="14" t="s">
        <v>1</v>
      </c>
      <c r="C17027" s="14" t="s">
        <v>13</v>
      </c>
      <c r="D17027" s="14" t="s">
        <v>122</v>
      </c>
      <c r="E17027" s="15">
        <v>45613</v>
      </c>
      <c r="F17027" s="14" t="s">
        <v>15</v>
      </c>
      <c r="G17027" s="16">
        <v>1.3879465609883697</v>
      </c>
    </row>
    <row r="17028" spans="1:7" x14ac:dyDescent="0.3">
      <c r="A17028" s="13" t="s">
        <v>121</v>
      </c>
      <c r="B17028" s="14" t="s">
        <v>1</v>
      </c>
      <c r="C17028" s="14" t="s">
        <v>13</v>
      </c>
      <c r="D17028" s="14" t="s">
        <v>122</v>
      </c>
      <c r="E17028" s="15">
        <v>45614</v>
      </c>
      <c r="F17028" s="14" t="s">
        <v>15</v>
      </c>
      <c r="G17028" s="16">
        <v>1.3917540966346129</v>
      </c>
    </row>
    <row r="17029" spans="1:7" x14ac:dyDescent="0.3">
      <c r="A17029" s="13" t="s">
        <v>121</v>
      </c>
      <c r="B17029" s="14" t="s">
        <v>1</v>
      </c>
      <c r="C17029" s="14" t="s">
        <v>13</v>
      </c>
      <c r="D17029" s="14" t="s">
        <v>122</v>
      </c>
      <c r="E17029" s="15">
        <v>45615</v>
      </c>
      <c r="F17029" s="14" t="s">
        <v>15</v>
      </c>
      <c r="G17029" s="16">
        <v>1.4025952137743523</v>
      </c>
    </row>
    <row r="17030" spans="1:7" x14ac:dyDescent="0.3">
      <c r="A17030" s="13" t="s">
        <v>121</v>
      </c>
      <c r="B17030" s="14" t="s">
        <v>1</v>
      </c>
      <c r="C17030" s="14" t="s">
        <v>13</v>
      </c>
      <c r="D17030" s="14" t="s">
        <v>122</v>
      </c>
      <c r="E17030" s="15">
        <v>45616</v>
      </c>
      <c r="F17030" s="14" t="s">
        <v>15</v>
      </c>
      <c r="G17030" s="16">
        <v>1.4063344804639801</v>
      </c>
    </row>
    <row r="17031" spans="1:7" x14ac:dyDescent="0.3">
      <c r="A17031" s="13" t="s">
        <v>121</v>
      </c>
      <c r="B17031" s="14" t="s">
        <v>1</v>
      </c>
      <c r="C17031" s="14" t="s">
        <v>13</v>
      </c>
      <c r="D17031" s="14" t="s">
        <v>122</v>
      </c>
      <c r="E17031" s="15">
        <v>45617</v>
      </c>
      <c r="F17031" s="14" t="s">
        <v>15</v>
      </c>
      <c r="G17031" s="16">
        <v>1.4100668576258761</v>
      </c>
    </row>
    <row r="17032" spans="1:7" x14ac:dyDescent="0.3">
      <c r="A17032" s="13" t="s">
        <v>121</v>
      </c>
      <c r="B17032" s="14" t="s">
        <v>1</v>
      </c>
      <c r="C17032" s="14" t="s">
        <v>13</v>
      </c>
      <c r="D17032" s="14" t="s">
        <v>122</v>
      </c>
      <c r="E17032" s="15">
        <v>45618</v>
      </c>
      <c r="F17032" s="14" t="s">
        <v>15</v>
      </c>
      <c r="G17032" s="16">
        <v>1.4138023663912866</v>
      </c>
    </row>
    <row r="17033" spans="1:7" x14ac:dyDescent="0.3">
      <c r="A17033" s="13" t="s">
        <v>121</v>
      </c>
      <c r="B17033" s="14" t="s">
        <v>1</v>
      </c>
      <c r="C17033" s="14" t="s">
        <v>13</v>
      </c>
      <c r="D17033" s="14" t="s">
        <v>122</v>
      </c>
      <c r="E17033" s="15">
        <v>45619</v>
      </c>
      <c r="F17033" s="14" t="s">
        <v>15</v>
      </c>
      <c r="G17033" s="16">
        <v>1.4138023663912866</v>
      </c>
    </row>
    <row r="17034" spans="1:7" x14ac:dyDescent="0.3">
      <c r="A17034" s="13" t="s">
        <v>121</v>
      </c>
      <c r="B17034" s="14" t="s">
        <v>1</v>
      </c>
      <c r="C17034" s="14" t="s">
        <v>13</v>
      </c>
      <c r="D17034" s="14" t="s">
        <v>122</v>
      </c>
      <c r="E17034" s="15">
        <v>45620</v>
      </c>
      <c r="F17034" s="14" t="s">
        <v>15</v>
      </c>
      <c r="G17034" s="16">
        <v>1.4138023663912866</v>
      </c>
    </row>
    <row r="17035" spans="1:7" x14ac:dyDescent="0.3">
      <c r="A17035" s="13" t="s">
        <v>121</v>
      </c>
      <c r="B17035" s="14" t="s">
        <v>1</v>
      </c>
      <c r="C17035" s="14" t="s">
        <v>13</v>
      </c>
      <c r="D17035" s="14" t="s">
        <v>122</v>
      </c>
      <c r="E17035" s="15">
        <v>45621</v>
      </c>
      <c r="F17035" s="14" t="s">
        <v>15</v>
      </c>
      <c r="G17035" s="16">
        <v>1.4175001601061239</v>
      </c>
    </row>
    <row r="17036" spans="1:7" x14ac:dyDescent="0.3">
      <c r="A17036" s="13" t="s">
        <v>121</v>
      </c>
      <c r="B17036" s="14" t="s">
        <v>1</v>
      </c>
      <c r="C17036" s="14" t="s">
        <v>13</v>
      </c>
      <c r="D17036" s="14" t="s">
        <v>122</v>
      </c>
      <c r="E17036" s="15">
        <v>45622</v>
      </c>
      <c r="F17036" s="14" t="s">
        <v>15</v>
      </c>
      <c r="G17036" s="16">
        <v>1.4286344675394911</v>
      </c>
    </row>
    <row r="17037" spans="1:7" x14ac:dyDescent="0.3">
      <c r="A17037" s="13" t="s">
        <v>121</v>
      </c>
      <c r="B17037" s="14" t="s">
        <v>1</v>
      </c>
      <c r="C17037" s="14" t="s">
        <v>13</v>
      </c>
      <c r="D17037" s="14" t="s">
        <v>122</v>
      </c>
      <c r="E17037" s="15">
        <v>45623</v>
      </c>
      <c r="F17037" s="14" t="s">
        <v>15</v>
      </c>
      <c r="G17037" s="16">
        <v>1.4322542152227455</v>
      </c>
    </row>
    <row r="17038" spans="1:7" x14ac:dyDescent="0.3">
      <c r="A17038" s="13" t="s">
        <v>121</v>
      </c>
      <c r="B17038" s="14" t="s">
        <v>1</v>
      </c>
      <c r="C17038" s="14" t="s">
        <v>13</v>
      </c>
      <c r="D17038" s="14" t="s">
        <v>122</v>
      </c>
      <c r="E17038" s="15">
        <v>45624</v>
      </c>
      <c r="F17038" s="14" t="s">
        <v>15</v>
      </c>
      <c r="G17038" s="16">
        <v>1.437489681815147</v>
      </c>
    </row>
    <row r="17039" spans="1:7" x14ac:dyDescent="0.3">
      <c r="A17039" s="13" t="s">
        <v>121</v>
      </c>
      <c r="B17039" s="14" t="s">
        <v>1</v>
      </c>
      <c r="C17039" s="14" t="s">
        <v>13</v>
      </c>
      <c r="D17039" s="14" t="s">
        <v>122</v>
      </c>
      <c r="E17039" s="15">
        <v>45625</v>
      </c>
      <c r="F17039" s="14" t="s">
        <v>15</v>
      </c>
      <c r="G17039" s="16">
        <v>1.4412821271002012</v>
      </c>
    </row>
    <row r="17040" spans="1:7" x14ac:dyDescent="0.3">
      <c r="A17040" s="13" t="s">
        <v>121</v>
      </c>
      <c r="B17040" s="14" t="s">
        <v>1</v>
      </c>
      <c r="C17040" s="14" t="s">
        <v>13</v>
      </c>
      <c r="D17040" s="14" t="s">
        <v>122</v>
      </c>
      <c r="E17040" s="15">
        <v>45626</v>
      </c>
      <c r="F17040" s="14" t="s">
        <v>15</v>
      </c>
      <c r="G17040" s="16">
        <v>1.4412821271002012</v>
      </c>
    </row>
    <row r="17041" spans="1:7" x14ac:dyDescent="0.3">
      <c r="A17041" s="13" t="s">
        <v>121</v>
      </c>
      <c r="B17041" s="14" t="s">
        <v>1</v>
      </c>
      <c r="C17041" s="14" t="s">
        <v>13</v>
      </c>
      <c r="D17041" s="14" t="s">
        <v>122</v>
      </c>
      <c r="E17041" s="15">
        <v>45627</v>
      </c>
      <c r="F17041" s="14" t="s">
        <v>15</v>
      </c>
      <c r="G17041" s="16">
        <v>1.4412821271002012</v>
      </c>
    </row>
    <row r="17042" spans="1:7" x14ac:dyDescent="0.3">
      <c r="A17042" s="13" t="s">
        <v>121</v>
      </c>
      <c r="B17042" s="14" t="s">
        <v>1</v>
      </c>
      <c r="C17042" s="14" t="s">
        <v>13</v>
      </c>
      <c r="D17042" s="14" t="s">
        <v>122</v>
      </c>
      <c r="E17042" s="15">
        <v>45628</v>
      </c>
      <c r="F17042" s="14" t="s">
        <v>15</v>
      </c>
      <c r="G17042" s="16">
        <v>1.4510315326114425</v>
      </c>
    </row>
    <row r="17043" spans="1:7" x14ac:dyDescent="0.3">
      <c r="A17043" s="13" t="s">
        <v>121</v>
      </c>
      <c r="B17043" s="14" t="s">
        <v>1</v>
      </c>
      <c r="C17043" s="14" t="s">
        <v>13</v>
      </c>
      <c r="D17043" s="14" t="s">
        <v>122</v>
      </c>
      <c r="E17043" s="15">
        <v>45629</v>
      </c>
      <c r="F17043" s="14" t="s">
        <v>15</v>
      </c>
      <c r="G17043" s="16">
        <v>1.4604693075143076</v>
      </c>
    </row>
    <row r="17044" spans="1:7" x14ac:dyDescent="0.3">
      <c r="A17044" s="13" t="s">
        <v>121</v>
      </c>
      <c r="B17044" s="14" t="s">
        <v>1</v>
      </c>
      <c r="C17044" s="14" t="s">
        <v>13</v>
      </c>
      <c r="D17044" s="14" t="s">
        <v>122</v>
      </c>
      <c r="E17044" s="15">
        <v>45630</v>
      </c>
      <c r="F17044" s="14" t="s">
        <v>15</v>
      </c>
      <c r="G17044" s="16">
        <v>1.469186402040431</v>
      </c>
    </row>
    <row r="17045" spans="1:7" x14ac:dyDescent="0.3">
      <c r="A17045" s="13" t="s">
        <v>121</v>
      </c>
      <c r="B17045" s="14" t="s">
        <v>1</v>
      </c>
      <c r="C17045" s="14" t="s">
        <v>13</v>
      </c>
      <c r="D17045" s="14" t="s">
        <v>122</v>
      </c>
      <c r="E17045" s="15">
        <v>45631</v>
      </c>
      <c r="F17045" s="14" t="s">
        <v>15</v>
      </c>
      <c r="G17045" s="16">
        <v>1.4788339602480467</v>
      </c>
    </row>
    <row r="17046" spans="1:7" x14ac:dyDescent="0.3">
      <c r="A17046" s="13" t="s">
        <v>121</v>
      </c>
      <c r="B17046" s="14" t="s">
        <v>1</v>
      </c>
      <c r="C17046" s="14" t="s">
        <v>13</v>
      </c>
      <c r="D17046" s="14" t="s">
        <v>122</v>
      </c>
      <c r="E17046" s="15">
        <v>45632</v>
      </c>
      <c r="F17046" s="14" t="s">
        <v>15</v>
      </c>
      <c r="G17046" s="16">
        <v>1.4824426375722115</v>
      </c>
    </row>
    <row r="17047" spans="1:7" x14ac:dyDescent="0.3">
      <c r="A17047" s="13" t="s">
        <v>121</v>
      </c>
      <c r="B17047" s="14" t="s">
        <v>1</v>
      </c>
      <c r="C17047" s="14" t="s">
        <v>13</v>
      </c>
      <c r="D17047" s="14" t="s">
        <v>122</v>
      </c>
      <c r="E17047" s="15">
        <v>45633</v>
      </c>
      <c r="F17047" s="14" t="s">
        <v>15</v>
      </c>
      <c r="G17047" s="16">
        <v>1.4824426375722115</v>
      </c>
    </row>
    <row r="17048" spans="1:7" x14ac:dyDescent="0.3">
      <c r="A17048" s="13" t="s">
        <v>121</v>
      </c>
      <c r="B17048" s="14" t="s">
        <v>1</v>
      </c>
      <c r="C17048" s="14" t="s">
        <v>13</v>
      </c>
      <c r="D17048" s="14" t="s">
        <v>122</v>
      </c>
      <c r="E17048" s="15">
        <v>45634</v>
      </c>
      <c r="F17048" s="14" t="s">
        <v>15</v>
      </c>
      <c r="G17048" s="16">
        <v>1.4824426375722115</v>
      </c>
    </row>
    <row r="17049" spans="1:7" x14ac:dyDescent="0.3">
      <c r="A17049" s="13" t="s">
        <v>121</v>
      </c>
      <c r="B17049" s="14" t="s">
        <v>1</v>
      </c>
      <c r="C17049" s="14" t="s">
        <v>13</v>
      </c>
      <c r="D17049" s="14" t="s">
        <v>122</v>
      </c>
      <c r="E17049" s="15">
        <v>45635</v>
      </c>
      <c r="F17049" s="14" t="s">
        <v>15</v>
      </c>
      <c r="G17049" s="16">
        <v>1.4860352628756961</v>
      </c>
    </row>
    <row r="17050" spans="1:7" x14ac:dyDescent="0.3">
      <c r="A17050" s="13" t="s">
        <v>121</v>
      </c>
      <c r="B17050" s="14" t="s">
        <v>1</v>
      </c>
      <c r="C17050" s="14" t="s">
        <v>13</v>
      </c>
      <c r="D17050" s="14" t="s">
        <v>122</v>
      </c>
      <c r="E17050" s="15">
        <v>45636</v>
      </c>
      <c r="F17050" s="14" t="s">
        <v>15</v>
      </c>
      <c r="G17050" s="16">
        <v>1.4968623678443231</v>
      </c>
    </row>
    <row r="17051" spans="1:7" x14ac:dyDescent="0.3">
      <c r="A17051" s="13" t="s">
        <v>121</v>
      </c>
      <c r="B17051" s="14" t="s">
        <v>1</v>
      </c>
      <c r="C17051" s="14" t="s">
        <v>13</v>
      </c>
      <c r="D17051" s="14" t="s">
        <v>122</v>
      </c>
      <c r="E17051" s="15">
        <v>45637</v>
      </c>
      <c r="F17051" s="14" t="s">
        <v>15</v>
      </c>
      <c r="G17051" s="16">
        <v>1.5106004237355961</v>
      </c>
    </row>
    <row r="17052" spans="1:7" x14ac:dyDescent="0.3">
      <c r="A17052" s="13" t="s">
        <v>121</v>
      </c>
      <c r="B17052" s="14" t="s">
        <v>1</v>
      </c>
      <c r="C17052" s="14" t="s">
        <v>13</v>
      </c>
      <c r="D17052" s="14" t="s">
        <v>122</v>
      </c>
      <c r="E17052" s="15">
        <v>45638</v>
      </c>
      <c r="F17052" s="14" t="s">
        <v>15</v>
      </c>
      <c r="G17052" s="16">
        <v>1.5142030123622616</v>
      </c>
    </row>
    <row r="17053" spans="1:7" x14ac:dyDescent="0.3">
      <c r="A17053" s="13" t="s">
        <v>121</v>
      </c>
      <c r="B17053" s="14" t="s">
        <v>1</v>
      </c>
      <c r="C17053" s="14" t="s">
        <v>13</v>
      </c>
      <c r="D17053" s="14" t="s">
        <v>122</v>
      </c>
      <c r="E17053" s="15">
        <v>45639</v>
      </c>
      <c r="F17053" s="14" t="s">
        <v>15</v>
      </c>
      <c r="G17053" s="16">
        <v>1.5484837800984033</v>
      </c>
    </row>
    <row r="17054" spans="1:7" x14ac:dyDescent="0.3">
      <c r="A17054" s="13" t="s">
        <v>121</v>
      </c>
      <c r="B17054" s="14" t="s">
        <v>1</v>
      </c>
      <c r="C17054" s="14" t="s">
        <v>13</v>
      </c>
      <c r="D17054" s="14" t="s">
        <v>122</v>
      </c>
      <c r="E17054" s="15">
        <v>45640</v>
      </c>
      <c r="F17054" s="14" t="s">
        <v>15</v>
      </c>
      <c r="G17054" s="16">
        <v>1.5484837800984033</v>
      </c>
    </row>
    <row r="17055" spans="1:7" x14ac:dyDescent="0.3">
      <c r="A17055" s="13" t="s">
        <v>121</v>
      </c>
      <c r="B17055" s="14" t="s">
        <v>1</v>
      </c>
      <c r="C17055" s="14" t="s">
        <v>13</v>
      </c>
      <c r="D17055" s="14" t="s">
        <v>122</v>
      </c>
      <c r="E17055" s="15">
        <v>45641</v>
      </c>
      <c r="F17055" s="14" t="s">
        <v>15</v>
      </c>
      <c r="G17055" s="16">
        <v>1.5484837800984033</v>
      </c>
    </row>
    <row r="17056" spans="1:7" x14ac:dyDescent="0.3">
      <c r="A17056" s="13" t="s">
        <v>121</v>
      </c>
      <c r="B17056" s="14" t="s">
        <v>1</v>
      </c>
      <c r="C17056" s="14" t="s">
        <v>13</v>
      </c>
      <c r="D17056" s="14" t="s">
        <v>122</v>
      </c>
      <c r="E17056" s="15">
        <v>45642</v>
      </c>
      <c r="F17056" s="14" t="s">
        <v>15</v>
      </c>
      <c r="G17056" s="16">
        <v>1.5521428275564262</v>
      </c>
    </row>
    <row r="17057" spans="1:7" x14ac:dyDescent="0.3">
      <c r="A17057" s="13" t="s">
        <v>121</v>
      </c>
      <c r="B17057" s="14" t="s">
        <v>1</v>
      </c>
      <c r="C17057" s="14" t="s">
        <v>13</v>
      </c>
      <c r="D17057" s="14" t="s">
        <v>122</v>
      </c>
      <c r="E17057" s="15">
        <v>45643</v>
      </c>
      <c r="F17057" s="14" t="s">
        <v>15</v>
      </c>
      <c r="G17057" s="16">
        <v>1.5633186488363799</v>
      </c>
    </row>
    <row r="17058" spans="1:7" x14ac:dyDescent="0.3">
      <c r="A17058" s="13" t="s">
        <v>121</v>
      </c>
      <c r="B17058" s="14" t="s">
        <v>1</v>
      </c>
      <c r="C17058" s="14" t="s">
        <v>13</v>
      </c>
      <c r="D17058" s="14" t="s">
        <v>122</v>
      </c>
      <c r="E17058" s="15">
        <v>45644</v>
      </c>
      <c r="F17058" s="14" t="s">
        <v>15</v>
      </c>
      <c r="G17058" s="16">
        <v>1.5667180963737488</v>
      </c>
    </row>
    <row r="17059" spans="1:7" x14ac:dyDescent="0.3">
      <c r="A17059" s="13" t="s">
        <v>121</v>
      </c>
      <c r="B17059" s="14" t="s">
        <v>1</v>
      </c>
      <c r="C17059" s="14" t="s">
        <v>13</v>
      </c>
      <c r="D17059" s="14" t="s">
        <v>122</v>
      </c>
      <c r="E17059" s="15">
        <v>45645</v>
      </c>
      <c r="F17059" s="14" t="s">
        <v>15</v>
      </c>
      <c r="G17059" s="16">
        <v>1.5703688410624543</v>
      </c>
    </row>
    <row r="17060" spans="1:7" x14ac:dyDescent="0.3">
      <c r="A17060" s="13" t="s">
        <v>121</v>
      </c>
      <c r="B17060" s="14" t="s">
        <v>1</v>
      </c>
      <c r="C17060" s="14" t="s">
        <v>13</v>
      </c>
      <c r="D17060" s="14" t="s">
        <v>122</v>
      </c>
      <c r="E17060" s="15">
        <v>45646</v>
      </c>
      <c r="F17060" s="14" t="s">
        <v>15</v>
      </c>
      <c r="G17060" s="16">
        <v>1.5742210662865934</v>
      </c>
    </row>
    <row r="17061" spans="1:7" x14ac:dyDescent="0.3">
      <c r="A17061" s="13" t="s">
        <v>121</v>
      </c>
      <c r="B17061" s="14" t="s">
        <v>1</v>
      </c>
      <c r="C17061" s="14" t="s">
        <v>13</v>
      </c>
      <c r="D17061" s="14" t="s">
        <v>122</v>
      </c>
      <c r="E17061" s="15">
        <v>45647</v>
      </c>
      <c r="F17061" s="14" t="s">
        <v>15</v>
      </c>
      <c r="G17061" s="16">
        <v>1.5742210662865934</v>
      </c>
    </row>
    <row r="17062" spans="1:7" x14ac:dyDescent="0.3">
      <c r="A17062" s="13" t="s">
        <v>121</v>
      </c>
      <c r="B17062" s="14" t="s">
        <v>1</v>
      </c>
      <c r="C17062" s="14" t="s">
        <v>13</v>
      </c>
      <c r="D17062" s="14" t="s">
        <v>122</v>
      </c>
      <c r="E17062" s="15">
        <v>45648</v>
      </c>
      <c r="F17062" s="14" t="s">
        <v>15</v>
      </c>
      <c r="G17062" s="16">
        <v>1.5742210662865934</v>
      </c>
    </row>
    <row r="17063" spans="1:7" x14ac:dyDescent="0.3">
      <c r="A17063" s="13" t="s">
        <v>121</v>
      </c>
      <c r="B17063" s="14" t="s">
        <v>1</v>
      </c>
      <c r="C17063" s="14" t="s">
        <v>13</v>
      </c>
      <c r="D17063" s="14" t="s">
        <v>122</v>
      </c>
      <c r="E17063" s="15">
        <v>45649</v>
      </c>
      <c r="F17063" s="14" t="s">
        <v>15</v>
      </c>
      <c r="G17063" s="16">
        <v>1.5780887900134579</v>
      </c>
    </row>
    <row r="17064" spans="1:7" x14ac:dyDescent="0.3">
      <c r="A17064" s="13" t="s">
        <v>121</v>
      </c>
      <c r="B17064" s="14" t="s">
        <v>1</v>
      </c>
      <c r="C17064" s="14" t="s">
        <v>13</v>
      </c>
      <c r="D17064" s="14" t="s">
        <v>122</v>
      </c>
      <c r="E17064" s="15">
        <v>45650</v>
      </c>
      <c r="F17064" s="14" t="s">
        <v>15</v>
      </c>
      <c r="G17064" s="16">
        <v>1.5896919271542755</v>
      </c>
    </row>
    <row r="17065" spans="1:7" x14ac:dyDescent="0.3">
      <c r="A17065" s="13" t="s">
        <v>121</v>
      </c>
      <c r="B17065" s="14" t="s">
        <v>1</v>
      </c>
      <c r="C17065" s="14" t="s">
        <v>13</v>
      </c>
      <c r="D17065" s="14" t="s">
        <v>122</v>
      </c>
      <c r="E17065" s="15">
        <v>45651</v>
      </c>
      <c r="F17065" s="14" t="s">
        <v>15</v>
      </c>
      <c r="G17065" s="16">
        <v>1.5896919271542755</v>
      </c>
    </row>
    <row r="17066" spans="1:7" x14ac:dyDescent="0.3">
      <c r="A17066" s="13" t="s">
        <v>121</v>
      </c>
      <c r="B17066" s="14" t="s">
        <v>1</v>
      </c>
      <c r="C17066" s="14" t="s">
        <v>13</v>
      </c>
      <c r="D17066" s="14" t="s">
        <v>122</v>
      </c>
      <c r="E17066" s="15">
        <v>45652</v>
      </c>
      <c r="F17066" s="14" t="s">
        <v>15</v>
      </c>
      <c r="G17066" s="16">
        <v>1.5896919271542755</v>
      </c>
    </row>
    <row r="17067" spans="1:7" x14ac:dyDescent="0.3">
      <c r="A17067" s="13" t="s">
        <v>121</v>
      </c>
      <c r="B17067" s="14" t="s">
        <v>1</v>
      </c>
      <c r="C17067" s="14" t="s">
        <v>13</v>
      </c>
      <c r="D17067" s="14" t="s">
        <v>122</v>
      </c>
      <c r="E17067" s="15">
        <v>45653</v>
      </c>
      <c r="F17067" s="14" t="s">
        <v>15</v>
      </c>
      <c r="G17067" s="16">
        <v>1.5896919271542755</v>
      </c>
    </row>
    <row r="17068" spans="1:7" x14ac:dyDescent="0.3">
      <c r="A17068" s="13" t="s">
        <v>121</v>
      </c>
      <c r="B17068" s="14" t="s">
        <v>1</v>
      </c>
      <c r="C17068" s="14" t="s">
        <v>13</v>
      </c>
      <c r="D17068" s="14" t="s">
        <v>122</v>
      </c>
      <c r="E17068" s="15">
        <v>45654</v>
      </c>
      <c r="F17068" s="14" t="s">
        <v>15</v>
      </c>
      <c r="G17068" s="16">
        <v>1.5896919271542755</v>
      </c>
    </row>
    <row r="17069" spans="1:7" x14ac:dyDescent="0.3">
      <c r="A17069" s="13" t="s">
        <v>121</v>
      </c>
      <c r="B17069" s="14" t="s">
        <v>1</v>
      </c>
      <c r="C17069" s="14" t="s">
        <v>13</v>
      </c>
      <c r="D17069" s="14" t="s">
        <v>122</v>
      </c>
      <c r="E17069" s="15">
        <v>45655</v>
      </c>
      <c r="F17069" s="14" t="s">
        <v>15</v>
      </c>
      <c r="G17069" s="16">
        <v>1.5896919271542755</v>
      </c>
    </row>
    <row r="17070" spans="1:7" x14ac:dyDescent="0.3">
      <c r="A17070" s="13" t="s">
        <v>121</v>
      </c>
      <c r="B17070" s="14" t="s">
        <v>1</v>
      </c>
      <c r="C17070" s="14" t="s">
        <v>13</v>
      </c>
      <c r="D17070" s="14" t="s">
        <v>122</v>
      </c>
      <c r="E17070" s="15">
        <v>45656</v>
      </c>
      <c r="F17070" s="14" t="s">
        <v>15</v>
      </c>
      <c r="G17070" s="16">
        <v>1.5935319749834158</v>
      </c>
    </row>
    <row r="17071" spans="1:7" x14ac:dyDescent="0.3">
      <c r="A17071" s="13" t="s">
        <v>121</v>
      </c>
      <c r="B17071" s="14" t="s">
        <v>1</v>
      </c>
      <c r="C17071" s="14" t="s">
        <v>13</v>
      </c>
      <c r="D17071" s="14" t="s">
        <v>122</v>
      </c>
      <c r="E17071" s="15">
        <v>45657</v>
      </c>
      <c r="F17071" s="14" t="s">
        <v>15</v>
      </c>
      <c r="G17071" s="16">
        <v>1.6161534405262477</v>
      </c>
    </row>
    <row r="17072" spans="1:7" x14ac:dyDescent="0.3">
      <c r="A17072" s="13" t="s">
        <v>121</v>
      </c>
      <c r="B17072" s="14" t="s">
        <v>1</v>
      </c>
      <c r="C17072" s="14" t="s">
        <v>13</v>
      </c>
      <c r="D17072" s="14" t="s">
        <v>122</v>
      </c>
      <c r="E17072" s="15">
        <v>45658</v>
      </c>
      <c r="F17072" s="14" t="s">
        <v>15</v>
      </c>
      <c r="G17072" s="16">
        <v>1.6161534405262477</v>
      </c>
    </row>
    <row r="17073" spans="1:7" x14ac:dyDescent="0.3">
      <c r="A17073" s="13" t="s">
        <v>121</v>
      </c>
      <c r="B17073" s="14" t="s">
        <v>1</v>
      </c>
      <c r="C17073" s="14" t="s">
        <v>13</v>
      </c>
      <c r="D17073" s="14" t="s">
        <v>122</v>
      </c>
      <c r="E17073" s="15">
        <v>45659</v>
      </c>
      <c r="F17073" s="14" t="s">
        <v>15</v>
      </c>
      <c r="G17073" s="16">
        <v>1.6161534405262477</v>
      </c>
    </row>
    <row r="17074" spans="1:7" x14ac:dyDescent="0.3">
      <c r="A17074" s="13" t="s">
        <v>121</v>
      </c>
      <c r="B17074" s="14" t="s">
        <v>1</v>
      </c>
      <c r="C17074" s="14" t="s">
        <v>13</v>
      </c>
      <c r="D17074" s="14" t="s">
        <v>122</v>
      </c>
      <c r="E17074" s="15">
        <v>45660</v>
      </c>
      <c r="F17074" s="14" t="s">
        <v>15</v>
      </c>
      <c r="G17074" s="16">
        <v>1.6198910875338077</v>
      </c>
    </row>
    <row r="17075" spans="1:7" x14ac:dyDescent="0.3">
      <c r="A17075" s="13" t="s">
        <v>121</v>
      </c>
      <c r="B17075" s="14" t="s">
        <v>1</v>
      </c>
      <c r="C17075" s="14" t="s">
        <v>13</v>
      </c>
      <c r="D17075" s="14" t="s">
        <v>122</v>
      </c>
      <c r="E17075" s="15">
        <v>45661</v>
      </c>
      <c r="F17075" s="14" t="s">
        <v>15</v>
      </c>
      <c r="G17075" s="16">
        <v>1.6198910875338077</v>
      </c>
    </row>
    <row r="17076" spans="1:7" x14ac:dyDescent="0.3">
      <c r="A17076" s="13" t="s">
        <v>121</v>
      </c>
      <c r="B17076" s="14" t="s">
        <v>1</v>
      </c>
      <c r="C17076" s="14" t="s">
        <v>13</v>
      </c>
      <c r="D17076" s="14" t="s">
        <v>122</v>
      </c>
      <c r="E17076" s="15">
        <v>45662</v>
      </c>
      <c r="F17076" s="14" t="s">
        <v>15</v>
      </c>
      <c r="G17076" s="16">
        <v>1.6198910875338077</v>
      </c>
    </row>
    <row r="17077" spans="1:7" x14ac:dyDescent="0.3">
      <c r="A17077" s="13" t="s">
        <v>121</v>
      </c>
      <c r="B17077" s="14" t="s">
        <v>1</v>
      </c>
      <c r="C17077" s="14" t="s">
        <v>13</v>
      </c>
      <c r="D17077" s="14" t="s">
        <v>122</v>
      </c>
      <c r="E17077" s="15">
        <v>45663</v>
      </c>
      <c r="F17077" s="14" t="s">
        <v>15</v>
      </c>
      <c r="G17077" s="16">
        <v>1.6399680310398637</v>
      </c>
    </row>
    <row r="17078" spans="1:7" x14ac:dyDescent="0.3">
      <c r="A17078" s="13" t="s">
        <v>121</v>
      </c>
      <c r="B17078" s="14" t="s">
        <v>1</v>
      </c>
      <c r="C17078" s="14" t="s">
        <v>13</v>
      </c>
      <c r="D17078" s="14" t="s">
        <v>122</v>
      </c>
      <c r="E17078" s="15">
        <v>45664</v>
      </c>
      <c r="F17078" s="14" t="s">
        <v>15</v>
      </c>
      <c r="G17078" s="16">
        <v>1.6643214542622844</v>
      </c>
    </row>
    <row r="17079" spans="1:7" x14ac:dyDescent="0.3">
      <c r="A17079" s="13" t="s">
        <v>121</v>
      </c>
      <c r="B17079" s="14" t="s">
        <v>1</v>
      </c>
      <c r="C17079" s="14" t="s">
        <v>13</v>
      </c>
      <c r="D17079" s="14" t="s">
        <v>122</v>
      </c>
      <c r="E17079" s="15">
        <v>45665</v>
      </c>
      <c r="F17079" s="14" t="s">
        <v>15</v>
      </c>
      <c r="G17079" s="16">
        <v>1.6681327191577915</v>
      </c>
    </row>
    <row r="17080" spans="1:7" x14ac:dyDescent="0.3">
      <c r="A17080" s="13" t="s">
        <v>121</v>
      </c>
      <c r="B17080" s="14" t="s">
        <v>1</v>
      </c>
      <c r="C17080" s="14" t="s">
        <v>13</v>
      </c>
      <c r="D17080" s="14" t="s">
        <v>122</v>
      </c>
      <c r="E17080" s="15">
        <v>45666</v>
      </c>
      <c r="F17080" s="14" t="s">
        <v>15</v>
      </c>
      <c r="G17080" s="16">
        <v>1.6719628036637511</v>
      </c>
    </row>
    <row r="17081" spans="1:7" x14ac:dyDescent="0.3">
      <c r="A17081" s="13" t="s">
        <v>121</v>
      </c>
      <c r="B17081" s="14" t="s">
        <v>1</v>
      </c>
      <c r="C17081" s="14" t="s">
        <v>13</v>
      </c>
      <c r="D17081" s="14" t="s">
        <v>122</v>
      </c>
      <c r="E17081" s="15">
        <v>45667</v>
      </c>
      <c r="F17081" s="14" t="s">
        <v>15</v>
      </c>
      <c r="G17081" s="16">
        <v>1.6757635517181226</v>
      </c>
    </row>
    <row r="17082" spans="1:7" x14ac:dyDescent="0.3">
      <c r="A17082" s="13" t="s">
        <v>121</v>
      </c>
      <c r="B17082" s="14" t="s">
        <v>1</v>
      </c>
      <c r="C17082" s="14" t="s">
        <v>13</v>
      </c>
      <c r="D17082" s="14" t="s">
        <v>122</v>
      </c>
      <c r="E17082" s="15">
        <v>45668</v>
      </c>
      <c r="F17082" s="14" t="s">
        <v>15</v>
      </c>
      <c r="G17082" s="16">
        <v>1.6757635517181226</v>
      </c>
    </row>
    <row r="17083" spans="1:7" x14ac:dyDescent="0.3">
      <c r="A17083" s="13" t="s">
        <v>121</v>
      </c>
      <c r="B17083" s="14" t="s">
        <v>1</v>
      </c>
      <c r="C17083" s="14" t="s">
        <v>13</v>
      </c>
      <c r="D17083" s="14" t="s">
        <v>122</v>
      </c>
      <c r="E17083" s="15">
        <v>45669</v>
      </c>
      <c r="F17083" s="14" t="s">
        <v>15</v>
      </c>
      <c r="G17083" s="16">
        <v>1.6757635517181226</v>
      </c>
    </row>
    <row r="17084" spans="1:7" x14ac:dyDescent="0.3">
      <c r="A17084" s="13" t="s">
        <v>121</v>
      </c>
      <c r="B17084" s="14" t="s">
        <v>1</v>
      </c>
      <c r="C17084" s="14" t="s">
        <v>13</v>
      </c>
      <c r="D17084" s="14" t="s">
        <v>122</v>
      </c>
      <c r="E17084" s="15">
        <v>45670</v>
      </c>
      <c r="F17084" s="14" t="s">
        <v>15</v>
      </c>
      <c r="G17084" s="16">
        <v>1.6795881010445373</v>
      </c>
    </row>
    <row r="17085" spans="1:7" x14ac:dyDescent="0.3">
      <c r="A17085" s="13" t="s">
        <v>121</v>
      </c>
      <c r="B17085" s="14" t="s">
        <v>1</v>
      </c>
      <c r="C17085" s="14" t="s">
        <v>13</v>
      </c>
      <c r="D17085" s="14" t="s">
        <v>122</v>
      </c>
      <c r="E17085" s="15">
        <v>45671</v>
      </c>
      <c r="F17085" s="14" t="s">
        <v>15</v>
      </c>
      <c r="G17085" s="16">
        <v>1.6912161464933066</v>
      </c>
    </row>
    <row r="17086" spans="1:7" x14ac:dyDescent="0.3">
      <c r="A17086" s="13" t="s">
        <v>121</v>
      </c>
      <c r="B17086" s="14" t="s">
        <v>1</v>
      </c>
      <c r="C17086" s="14" t="s">
        <v>13</v>
      </c>
      <c r="D17086" s="14" t="s">
        <v>122</v>
      </c>
      <c r="E17086" s="15">
        <v>45672</v>
      </c>
      <c r="F17086" s="14" t="s">
        <v>15</v>
      </c>
      <c r="G17086" s="16">
        <v>1.6950938335433521</v>
      </c>
    </row>
    <row r="17087" spans="1:7" x14ac:dyDescent="0.3">
      <c r="A17087" s="13" t="s">
        <v>121</v>
      </c>
      <c r="B17087" s="14" t="s">
        <v>1</v>
      </c>
      <c r="C17087" s="14" t="s">
        <v>13</v>
      </c>
      <c r="D17087" s="14" t="s">
        <v>122</v>
      </c>
      <c r="E17087" s="15">
        <v>45673</v>
      </c>
      <c r="F17087" s="14" t="s">
        <v>15</v>
      </c>
      <c r="G17087" s="16">
        <v>1.6989510404290811</v>
      </c>
    </row>
    <row r="17088" spans="1:7" x14ac:dyDescent="0.3">
      <c r="A17088" s="13" t="s">
        <v>121</v>
      </c>
      <c r="B17088" s="14" t="s">
        <v>1</v>
      </c>
      <c r="C17088" s="14" t="s">
        <v>13</v>
      </c>
      <c r="D17088" s="14" t="s">
        <v>122</v>
      </c>
      <c r="E17088" s="15">
        <v>45674</v>
      </c>
      <c r="F17088" s="14" t="s">
        <v>15</v>
      </c>
      <c r="G17088" s="16">
        <v>1.7015346025015365</v>
      </c>
    </row>
    <row r="17089" spans="1:7" x14ac:dyDescent="0.3">
      <c r="A17089" s="13" t="s">
        <v>121</v>
      </c>
      <c r="B17089" s="14" t="s">
        <v>1</v>
      </c>
      <c r="C17089" s="14" t="s">
        <v>13</v>
      </c>
      <c r="D17089" s="14" t="s">
        <v>122</v>
      </c>
      <c r="E17089" s="15">
        <v>45675</v>
      </c>
      <c r="F17089" s="14" t="s">
        <v>15</v>
      </c>
      <c r="G17089" s="16">
        <v>1.7015346025015365</v>
      </c>
    </row>
    <row r="17090" spans="1:7" x14ac:dyDescent="0.3">
      <c r="A17090" s="13" t="s">
        <v>121</v>
      </c>
      <c r="B17090" s="14" t="s">
        <v>1</v>
      </c>
      <c r="C17090" s="14" t="s">
        <v>13</v>
      </c>
      <c r="D17090" s="14" t="s">
        <v>122</v>
      </c>
      <c r="E17090" s="15">
        <v>45676</v>
      </c>
      <c r="F17090" s="14" t="s">
        <v>15</v>
      </c>
      <c r="G17090" s="16">
        <v>1.7015346025015365</v>
      </c>
    </row>
    <row r="17091" spans="1:7" x14ac:dyDescent="0.3">
      <c r="A17091" s="13" t="s">
        <v>121</v>
      </c>
      <c r="B17091" s="14" t="s">
        <v>1</v>
      </c>
      <c r="C17091" s="14" t="s">
        <v>13</v>
      </c>
      <c r="D17091" s="14" t="s">
        <v>122</v>
      </c>
      <c r="E17091" s="15">
        <v>45677</v>
      </c>
      <c r="F17091" s="14" t="s">
        <v>15</v>
      </c>
      <c r="G17091" s="16">
        <v>1.7051421727897924</v>
      </c>
    </row>
    <row r="17092" spans="1:7" x14ac:dyDescent="0.3">
      <c r="A17092" s="13" t="s">
        <v>121</v>
      </c>
      <c r="B17092" s="14" t="s">
        <v>1</v>
      </c>
      <c r="C17092" s="14" t="s">
        <v>13</v>
      </c>
      <c r="D17092" s="14" t="s">
        <v>122</v>
      </c>
      <c r="E17092" s="15">
        <v>45678</v>
      </c>
      <c r="F17092" s="14" t="s">
        <v>15</v>
      </c>
      <c r="G17092" s="16">
        <v>1.7155779405645972</v>
      </c>
    </row>
    <row r="17093" spans="1:7" x14ac:dyDescent="0.3">
      <c r="A17093" s="13" t="s">
        <v>121</v>
      </c>
      <c r="B17093" s="14" t="s">
        <v>1</v>
      </c>
      <c r="C17093" s="14" t="s">
        <v>13</v>
      </c>
      <c r="D17093" s="14" t="s">
        <v>122</v>
      </c>
      <c r="E17093" s="15">
        <v>45679</v>
      </c>
      <c r="F17093" s="14" t="s">
        <v>15</v>
      </c>
      <c r="G17093" s="16">
        <v>1.7191041437135435</v>
      </c>
    </row>
    <row r="17094" spans="1:7" x14ac:dyDescent="0.3">
      <c r="A17094" s="13" t="s">
        <v>121</v>
      </c>
      <c r="B17094" s="14" t="s">
        <v>1</v>
      </c>
      <c r="C17094" s="14" t="s">
        <v>13</v>
      </c>
      <c r="D17094" s="14" t="s">
        <v>122</v>
      </c>
      <c r="E17094" s="15">
        <v>45680</v>
      </c>
      <c r="F17094" s="14" t="s">
        <v>15</v>
      </c>
      <c r="G17094" s="16">
        <v>1.7226104202161283</v>
      </c>
    </row>
    <row r="17095" spans="1:7" x14ac:dyDescent="0.3">
      <c r="A17095" s="13" t="s">
        <v>121</v>
      </c>
      <c r="B17095" s="14" t="s">
        <v>1</v>
      </c>
      <c r="C17095" s="14" t="s">
        <v>13</v>
      </c>
      <c r="D17095" s="14" t="s">
        <v>122</v>
      </c>
      <c r="E17095" s="15">
        <v>45681</v>
      </c>
      <c r="F17095" s="14" t="s">
        <v>15</v>
      </c>
      <c r="G17095" s="16">
        <v>1.7261078404314409</v>
      </c>
    </row>
    <row r="17096" spans="1:7" x14ac:dyDescent="0.3">
      <c r="A17096" s="13" t="s">
        <v>121</v>
      </c>
      <c r="B17096" s="14" t="s">
        <v>1</v>
      </c>
      <c r="C17096" s="14" t="s">
        <v>13</v>
      </c>
      <c r="D17096" s="14" t="s">
        <v>122</v>
      </c>
      <c r="E17096" s="15">
        <v>45682</v>
      </c>
      <c r="F17096" s="14" t="s">
        <v>15</v>
      </c>
      <c r="G17096" s="16">
        <v>1.7261078404314409</v>
      </c>
    </row>
    <row r="17097" spans="1:7" x14ac:dyDescent="0.3">
      <c r="A17097" s="13" t="s">
        <v>121</v>
      </c>
      <c r="B17097" s="14" t="s">
        <v>1</v>
      </c>
      <c r="C17097" s="14" t="s">
        <v>13</v>
      </c>
      <c r="D17097" s="14" t="s">
        <v>122</v>
      </c>
      <c r="E17097" s="15">
        <v>45683</v>
      </c>
      <c r="F17097" s="14" t="s">
        <v>15</v>
      </c>
      <c r="G17097" s="16">
        <v>1.7261078404314409</v>
      </c>
    </row>
    <row r="17098" spans="1:7" x14ac:dyDescent="0.3">
      <c r="A17098" s="13" t="s">
        <v>121</v>
      </c>
      <c r="B17098" s="14" t="s">
        <v>1</v>
      </c>
      <c r="C17098" s="14" t="s">
        <v>13</v>
      </c>
      <c r="D17098" s="14" t="s">
        <v>122</v>
      </c>
      <c r="E17098" s="15">
        <v>45684</v>
      </c>
      <c r="F17098" s="14" t="s">
        <v>15</v>
      </c>
      <c r="G17098" s="16">
        <v>1.7302025065196451</v>
      </c>
    </row>
    <row r="17099" spans="1:7" x14ac:dyDescent="0.3">
      <c r="A17099" s="13" t="s">
        <v>121</v>
      </c>
      <c r="B17099" s="14" t="s">
        <v>1</v>
      </c>
      <c r="C17099" s="14" t="s">
        <v>13</v>
      </c>
      <c r="D17099" s="14" t="s">
        <v>122</v>
      </c>
      <c r="E17099" s="15">
        <v>45685</v>
      </c>
      <c r="F17099" s="14" t="s">
        <v>15</v>
      </c>
      <c r="G17099" s="16">
        <v>1.740726837167168</v>
      </c>
    </row>
    <row r="17100" spans="1:7" x14ac:dyDescent="0.3">
      <c r="A17100" s="13" t="s">
        <v>121</v>
      </c>
      <c r="B17100" s="14" t="s">
        <v>1</v>
      </c>
      <c r="C17100" s="14" t="s">
        <v>13</v>
      </c>
      <c r="D17100" s="14" t="s">
        <v>122</v>
      </c>
      <c r="E17100" s="15">
        <v>45686</v>
      </c>
      <c r="F17100" s="14" t="s">
        <v>15</v>
      </c>
      <c r="G17100" s="16">
        <v>1.7441810829820308</v>
      </c>
    </row>
    <row r="17101" spans="1:7" x14ac:dyDescent="0.3">
      <c r="A17101" s="13" t="s">
        <v>121</v>
      </c>
      <c r="B17101" s="14" t="s">
        <v>1</v>
      </c>
      <c r="C17101" s="14" t="s">
        <v>13</v>
      </c>
      <c r="D17101" s="14" t="s">
        <v>122</v>
      </c>
      <c r="E17101" s="15">
        <v>45687</v>
      </c>
      <c r="F17101" s="14" t="s">
        <v>15</v>
      </c>
      <c r="G17101" s="16">
        <v>1.7476225978839406</v>
      </c>
    </row>
    <row r="17102" spans="1:7" x14ac:dyDescent="0.3">
      <c r="A17102" s="13" t="s">
        <v>121</v>
      </c>
      <c r="B17102" s="14" t="s">
        <v>1</v>
      </c>
      <c r="C17102" s="14" t="s">
        <v>13</v>
      </c>
      <c r="D17102" s="14" t="s">
        <v>122</v>
      </c>
      <c r="E17102" s="15">
        <v>45688</v>
      </c>
      <c r="F17102" s="14" t="s">
        <v>15</v>
      </c>
      <c r="G17102" s="16">
        <v>1.7510524889088059</v>
      </c>
    </row>
    <row r="17103" spans="1:7" x14ac:dyDescent="0.3">
      <c r="A17103" s="13" t="s">
        <v>121</v>
      </c>
      <c r="B17103" s="14" t="s">
        <v>1</v>
      </c>
      <c r="C17103" s="14" t="s">
        <v>13</v>
      </c>
      <c r="D17103" s="14" t="s">
        <v>122</v>
      </c>
      <c r="E17103" s="15">
        <v>45689</v>
      </c>
      <c r="F17103" s="14" t="s">
        <v>15</v>
      </c>
      <c r="G17103" s="16">
        <v>1.7510524889088059</v>
      </c>
    </row>
    <row r="17104" spans="1:7" x14ac:dyDescent="0.3">
      <c r="A17104" s="13" t="s">
        <v>121</v>
      </c>
      <c r="B17104" s="14" t="s">
        <v>1</v>
      </c>
      <c r="C17104" s="14" t="s">
        <v>13</v>
      </c>
      <c r="D17104" s="14" t="s">
        <v>122</v>
      </c>
      <c r="E17104" s="15">
        <v>45690</v>
      </c>
      <c r="F17104" s="14" t="s">
        <v>15</v>
      </c>
      <c r="G17104" s="16">
        <v>1.7510524889088059</v>
      </c>
    </row>
    <row r="17105" spans="1:7" x14ac:dyDescent="0.3">
      <c r="A17105" s="13" t="s">
        <v>121</v>
      </c>
      <c r="B17105" s="14" t="s">
        <v>1</v>
      </c>
      <c r="C17105" s="14" t="s">
        <v>13</v>
      </c>
      <c r="D17105" s="14" t="s">
        <v>122</v>
      </c>
      <c r="E17105" s="15">
        <v>45691</v>
      </c>
      <c r="F17105" s="14" t="s">
        <v>15</v>
      </c>
      <c r="G17105" s="16">
        <v>1.7510524889088059</v>
      </c>
    </row>
    <row r="17106" spans="1:7" x14ac:dyDescent="0.3">
      <c r="A17106" s="13" t="s">
        <v>121</v>
      </c>
      <c r="B17106" s="14" t="s">
        <v>1</v>
      </c>
      <c r="C17106" s="14" t="s">
        <v>13</v>
      </c>
      <c r="D17106" s="14" t="s">
        <v>122</v>
      </c>
      <c r="E17106" s="15">
        <v>45692</v>
      </c>
      <c r="F17106" s="14" t="s">
        <v>15</v>
      </c>
      <c r="G17106" s="16">
        <v>1.7543860678095908</v>
      </c>
    </row>
    <row r="17107" spans="1:7" x14ac:dyDescent="0.3">
      <c r="A17107" s="13" t="s">
        <v>121</v>
      </c>
      <c r="B17107" s="14" t="s">
        <v>1</v>
      </c>
      <c r="C17107" s="14" t="s">
        <v>13</v>
      </c>
      <c r="D17107" s="14" t="s">
        <v>122</v>
      </c>
      <c r="E17107" s="15">
        <v>45693</v>
      </c>
      <c r="F17107" s="14" t="s">
        <v>15</v>
      </c>
      <c r="G17107" s="16">
        <v>1.8318877315038795</v>
      </c>
    </row>
    <row r="17108" spans="1:7" x14ac:dyDescent="0.3">
      <c r="A17108" s="13" t="s">
        <v>121</v>
      </c>
      <c r="B17108" s="14" t="s">
        <v>1</v>
      </c>
      <c r="C17108" s="14" t="s">
        <v>13</v>
      </c>
      <c r="D17108" s="14" t="s">
        <v>122</v>
      </c>
      <c r="E17108" s="15">
        <v>45694</v>
      </c>
      <c r="F17108" s="14" t="s">
        <v>15</v>
      </c>
      <c r="G17108" s="16">
        <v>1.8357659720718795</v>
      </c>
    </row>
    <row r="17109" spans="1:7" x14ac:dyDescent="0.3">
      <c r="A17109" s="13" t="s">
        <v>121</v>
      </c>
      <c r="B17109" s="14" t="s">
        <v>1</v>
      </c>
      <c r="C17109" s="14" t="s">
        <v>13</v>
      </c>
      <c r="D17109" s="14" t="s">
        <v>122</v>
      </c>
      <c r="E17109" s="15">
        <v>45695</v>
      </c>
      <c r="F17109" s="14" t="s">
        <v>15</v>
      </c>
      <c r="G17109" s="16">
        <v>1.8457628001087767</v>
      </c>
    </row>
    <row r="17110" spans="1:7" x14ac:dyDescent="0.3">
      <c r="A17110" s="13" t="s">
        <v>121</v>
      </c>
      <c r="B17110" s="14" t="s">
        <v>1</v>
      </c>
      <c r="C17110" s="14" t="s">
        <v>13</v>
      </c>
      <c r="D17110" s="14" t="s">
        <v>122</v>
      </c>
      <c r="E17110" s="15">
        <v>45696</v>
      </c>
      <c r="F17110" s="14" t="s">
        <v>15</v>
      </c>
      <c r="G17110" s="16">
        <v>1.8457628001087767</v>
      </c>
    </row>
    <row r="17111" spans="1:7" x14ac:dyDescent="0.3">
      <c r="A17111" s="13" t="s">
        <v>121</v>
      </c>
      <c r="B17111" s="14" t="s">
        <v>1</v>
      </c>
      <c r="C17111" s="14" t="s">
        <v>13</v>
      </c>
      <c r="D17111" s="14" t="s">
        <v>122</v>
      </c>
      <c r="E17111" s="15">
        <v>45697</v>
      </c>
      <c r="F17111" s="14" t="s">
        <v>15</v>
      </c>
      <c r="G17111" s="16">
        <v>1.8457628001087767</v>
      </c>
    </row>
    <row r="17112" spans="1:7" x14ac:dyDescent="0.3">
      <c r="A17112" s="13" t="s">
        <v>121</v>
      </c>
      <c r="B17112" s="14" t="s">
        <v>1</v>
      </c>
      <c r="C17112" s="14" t="s">
        <v>13</v>
      </c>
      <c r="D17112" s="14" t="s">
        <v>122</v>
      </c>
      <c r="E17112" s="15">
        <v>45698</v>
      </c>
      <c r="F17112" s="14" t="s">
        <v>15</v>
      </c>
      <c r="G17112" s="16">
        <v>1.8495663157529205</v>
      </c>
    </row>
    <row r="17113" spans="1:7" x14ac:dyDescent="0.3">
      <c r="A17113" s="13" t="s">
        <v>121</v>
      </c>
      <c r="B17113" s="14" t="s">
        <v>1</v>
      </c>
      <c r="C17113" s="14" t="s">
        <v>13</v>
      </c>
      <c r="D17113" s="14" t="s">
        <v>122</v>
      </c>
      <c r="E17113" s="15">
        <v>45699</v>
      </c>
      <c r="F17113" s="14" t="s">
        <v>15</v>
      </c>
      <c r="G17113" s="16">
        <v>1.8610947279698824</v>
      </c>
    </row>
    <row r="17114" spans="1:7" x14ac:dyDescent="0.3">
      <c r="A17114" s="13" t="s">
        <v>121</v>
      </c>
      <c r="B17114" s="14" t="s">
        <v>1</v>
      </c>
      <c r="C17114" s="14" t="s">
        <v>13</v>
      </c>
      <c r="D17114" s="14" t="s">
        <v>122</v>
      </c>
      <c r="E17114" s="15">
        <v>45700</v>
      </c>
      <c r="F17114" s="14" t="s">
        <v>15</v>
      </c>
      <c r="G17114" s="16">
        <v>1.8649242589578872</v>
      </c>
    </row>
    <row r="17115" spans="1:7" x14ac:dyDescent="0.3">
      <c r="A17115" s="13" t="s">
        <v>121</v>
      </c>
      <c r="B17115" s="14" t="s">
        <v>1</v>
      </c>
      <c r="C17115" s="14" t="s">
        <v>13</v>
      </c>
      <c r="D17115" s="14" t="s">
        <v>122</v>
      </c>
      <c r="E17115" s="15">
        <v>45701</v>
      </c>
      <c r="F17115" s="14" t="s">
        <v>15</v>
      </c>
      <c r="G17115" s="16">
        <v>1.8687454871765747</v>
      </c>
    </row>
    <row r="17116" spans="1:7" x14ac:dyDescent="0.3">
      <c r="A17116" s="13" t="s">
        <v>121</v>
      </c>
      <c r="B17116" s="14" t="s">
        <v>1</v>
      </c>
      <c r="C17116" s="14" t="s">
        <v>13</v>
      </c>
      <c r="D17116" s="14" t="s">
        <v>122</v>
      </c>
      <c r="E17116" s="15">
        <v>45702</v>
      </c>
      <c r="F17116" s="14" t="s">
        <v>15</v>
      </c>
      <c r="G17116" s="16">
        <v>1.8725667153952621</v>
      </c>
    </row>
    <row r="17117" spans="1:7" x14ac:dyDescent="0.3">
      <c r="A17117" s="13" t="s">
        <v>121</v>
      </c>
      <c r="B17117" s="14" t="s">
        <v>1</v>
      </c>
      <c r="C17117" s="14" t="s">
        <v>13</v>
      </c>
      <c r="D17117" s="14" t="s">
        <v>122</v>
      </c>
      <c r="E17117" s="15">
        <v>45703</v>
      </c>
      <c r="F17117" s="14" t="s">
        <v>15</v>
      </c>
      <c r="G17117" s="16">
        <v>1.8725667153952621</v>
      </c>
    </row>
    <row r="17118" spans="1:7" x14ac:dyDescent="0.3">
      <c r="A17118" s="13" t="s">
        <v>121</v>
      </c>
      <c r="B17118" s="14" t="s">
        <v>1</v>
      </c>
      <c r="C17118" s="14" t="s">
        <v>13</v>
      </c>
      <c r="D17118" s="14" t="s">
        <v>122</v>
      </c>
      <c r="E17118" s="15">
        <v>45704</v>
      </c>
      <c r="F17118" s="14" t="s">
        <v>15</v>
      </c>
      <c r="G17118" s="16">
        <v>1.8725667153952621</v>
      </c>
    </row>
    <row r="17119" spans="1:7" x14ac:dyDescent="0.3">
      <c r="A17119" s="13" t="s">
        <v>121</v>
      </c>
      <c r="B17119" s="14" t="s">
        <v>1</v>
      </c>
      <c r="C17119" s="14" t="s">
        <v>13</v>
      </c>
      <c r="D17119" s="14" t="s">
        <v>122</v>
      </c>
      <c r="E17119" s="15">
        <v>45705</v>
      </c>
      <c r="F17119" s="14" t="s">
        <v>15</v>
      </c>
      <c r="G17119" s="16">
        <v>1.8763071299925946</v>
      </c>
    </row>
    <row r="17120" spans="1:7" x14ac:dyDescent="0.3">
      <c r="A17120" s="13" t="s">
        <v>121</v>
      </c>
      <c r="B17120" s="14" t="s">
        <v>1</v>
      </c>
      <c r="C17120" s="14" t="s">
        <v>13</v>
      </c>
      <c r="D17120" s="14" t="s">
        <v>122</v>
      </c>
      <c r="E17120" s="15">
        <v>45706</v>
      </c>
      <c r="F17120" s="14" t="s">
        <v>15</v>
      </c>
      <c r="G17120" s="16">
        <v>1.8875659789657213</v>
      </c>
    </row>
    <row r="17121" spans="1:7" x14ac:dyDescent="0.3">
      <c r="A17121" s="13" t="s">
        <v>121</v>
      </c>
      <c r="B17121" s="14" t="s">
        <v>1</v>
      </c>
      <c r="C17121" s="14" t="s">
        <v>13</v>
      </c>
      <c r="D17121" s="14" t="s">
        <v>122</v>
      </c>
      <c r="E17121" s="15">
        <v>45707</v>
      </c>
      <c r="F17121" s="14" t="s">
        <v>15</v>
      </c>
      <c r="G17121" s="16">
        <v>1.8901567367715848</v>
      </c>
    </row>
    <row r="17122" spans="1:7" x14ac:dyDescent="0.3">
      <c r="A17122" s="13" t="s">
        <v>121</v>
      </c>
      <c r="B17122" s="14" t="s">
        <v>1</v>
      </c>
      <c r="C17122" s="14" t="s">
        <v>13</v>
      </c>
      <c r="D17122" s="14" t="s">
        <v>122</v>
      </c>
      <c r="E17122" s="15">
        <v>45708</v>
      </c>
      <c r="F17122" s="14" t="s">
        <v>15</v>
      </c>
      <c r="G17122" s="16">
        <v>1.8938301756964244</v>
      </c>
    </row>
    <row r="17123" spans="1:7" x14ac:dyDescent="0.3">
      <c r="A17123" s="13" t="s">
        <v>121</v>
      </c>
      <c r="B17123" s="14" t="s">
        <v>1</v>
      </c>
      <c r="C17123" s="14" t="s">
        <v>13</v>
      </c>
      <c r="D17123" s="14" t="s">
        <v>122</v>
      </c>
      <c r="E17123" s="15">
        <v>45709</v>
      </c>
      <c r="F17123" s="14" t="s">
        <v>15</v>
      </c>
      <c r="G17123" s="16">
        <v>1.8971266688942587</v>
      </c>
    </row>
    <row r="17124" spans="1:7" x14ac:dyDescent="0.3">
      <c r="A17124" s="13" t="s">
        <v>121</v>
      </c>
      <c r="B17124" s="14" t="s">
        <v>1</v>
      </c>
      <c r="C17124" s="14" t="s">
        <v>13</v>
      </c>
      <c r="D17124" s="14" t="s">
        <v>122</v>
      </c>
      <c r="E17124" s="15">
        <v>45710</v>
      </c>
      <c r="F17124" s="14" t="s">
        <v>15</v>
      </c>
      <c r="G17124" s="16">
        <v>1.8971266688942587</v>
      </c>
    </row>
    <row r="17125" spans="1:7" x14ac:dyDescent="0.3">
      <c r="A17125" s="13" t="s">
        <v>121</v>
      </c>
      <c r="B17125" s="14" t="s">
        <v>1</v>
      </c>
      <c r="C17125" s="14" t="s">
        <v>13</v>
      </c>
      <c r="D17125" s="14" t="s">
        <v>122</v>
      </c>
      <c r="E17125" s="15">
        <v>45711</v>
      </c>
      <c r="F17125" s="14" t="s">
        <v>15</v>
      </c>
      <c r="G17125" s="16">
        <v>1.8971266688942587</v>
      </c>
    </row>
    <row r="17126" spans="1:7" x14ac:dyDescent="0.3">
      <c r="A17126" s="13" t="s">
        <v>121</v>
      </c>
      <c r="B17126" s="14" t="s">
        <v>1</v>
      </c>
      <c r="C17126" s="14" t="s">
        <v>13</v>
      </c>
      <c r="D17126" s="14" t="s">
        <v>122</v>
      </c>
      <c r="E17126" s="15">
        <v>45712</v>
      </c>
      <c r="F17126" s="14" t="s">
        <v>15</v>
      </c>
      <c r="G17126" s="16">
        <v>1.9208551703460639</v>
      </c>
    </row>
    <row r="17127" spans="1:7" x14ac:dyDescent="0.3">
      <c r="A17127" s="13" t="s">
        <v>121</v>
      </c>
      <c r="B17127" s="14" t="s">
        <v>1</v>
      </c>
      <c r="C17127" s="14" t="s">
        <v>13</v>
      </c>
      <c r="D17127" s="14" t="s">
        <v>122</v>
      </c>
      <c r="E17127" s="15">
        <v>45713</v>
      </c>
      <c r="F17127" s="14" t="s">
        <v>15</v>
      </c>
      <c r="G17127" s="16">
        <v>1.9307888973361491</v>
      </c>
    </row>
    <row r="17128" spans="1:7" x14ac:dyDescent="0.3">
      <c r="A17128" s="13" t="s">
        <v>121</v>
      </c>
      <c r="B17128" s="14" t="s">
        <v>1</v>
      </c>
      <c r="C17128" s="14" t="s">
        <v>13</v>
      </c>
      <c r="D17128" s="14" t="s">
        <v>122</v>
      </c>
      <c r="E17128" s="15">
        <v>45714</v>
      </c>
      <c r="F17128" s="14" t="s">
        <v>15</v>
      </c>
      <c r="G17128" s="16">
        <v>1.9340494118669416</v>
      </c>
    </row>
    <row r="17129" spans="1:7" x14ac:dyDescent="0.3">
      <c r="A17129" s="13" t="s">
        <v>121</v>
      </c>
      <c r="B17129" s="14" t="s">
        <v>1</v>
      </c>
      <c r="C17129" s="14" t="s">
        <v>13</v>
      </c>
      <c r="D17129" s="14" t="s">
        <v>122</v>
      </c>
      <c r="E17129" s="15">
        <v>45715</v>
      </c>
      <c r="F17129" s="14" t="s">
        <v>15</v>
      </c>
      <c r="G17129" s="16">
        <v>1.9401832380994752</v>
      </c>
    </row>
    <row r="17130" spans="1:7" x14ac:dyDescent="0.3">
      <c r="A17130" s="13" t="s">
        <v>121</v>
      </c>
      <c r="B17130" s="14" t="s">
        <v>1</v>
      </c>
      <c r="C17130" s="14" t="s">
        <v>13</v>
      </c>
      <c r="D17130" s="14" t="s">
        <v>122</v>
      </c>
      <c r="E17130" s="15">
        <v>45716</v>
      </c>
      <c r="F17130" s="14" t="s">
        <v>15</v>
      </c>
      <c r="G17130" s="16">
        <v>1.943469214456174</v>
      </c>
    </row>
    <row r="17131" spans="1:7" x14ac:dyDescent="0.3">
      <c r="A17131" s="13" t="s">
        <v>121</v>
      </c>
      <c r="B17131" s="14" t="s">
        <v>1</v>
      </c>
      <c r="C17131" s="14" t="s">
        <v>13</v>
      </c>
      <c r="D17131" s="14" t="s">
        <v>122</v>
      </c>
      <c r="E17131" s="15">
        <v>45717</v>
      </c>
      <c r="F17131" s="14" t="s">
        <v>15</v>
      </c>
      <c r="G17131" s="16">
        <v>1.943469214456174</v>
      </c>
    </row>
    <row r="17132" spans="1:7" x14ac:dyDescent="0.3">
      <c r="A17132" s="13" t="s">
        <v>121</v>
      </c>
      <c r="B17132" s="14" t="s">
        <v>1</v>
      </c>
      <c r="C17132" s="14" t="s">
        <v>13</v>
      </c>
      <c r="D17132" s="14" t="s">
        <v>122</v>
      </c>
      <c r="E17132" s="15">
        <v>45718</v>
      </c>
      <c r="F17132" s="14" t="s">
        <v>15</v>
      </c>
      <c r="G17132" s="16">
        <v>1.943469214456174</v>
      </c>
    </row>
    <row r="17133" spans="1:7" x14ac:dyDescent="0.3">
      <c r="A17133" s="13" t="s">
        <v>121</v>
      </c>
      <c r="B17133" s="14" t="s">
        <v>1</v>
      </c>
      <c r="C17133" s="14" t="s">
        <v>13</v>
      </c>
      <c r="D17133" s="14" t="s">
        <v>122</v>
      </c>
      <c r="E17133" s="15">
        <v>45719</v>
      </c>
      <c r="F17133" s="14" t="s">
        <v>15</v>
      </c>
      <c r="G17133" s="16">
        <v>1.9501211334941073</v>
      </c>
    </row>
    <row r="17134" spans="1:7" x14ac:dyDescent="0.3">
      <c r="A17134" s="13" t="s">
        <v>121</v>
      </c>
      <c r="B17134" s="14" t="s">
        <v>1</v>
      </c>
      <c r="C17134" s="14" t="s">
        <v>13</v>
      </c>
      <c r="D17134" s="14" t="s">
        <v>122</v>
      </c>
      <c r="E17134" s="15">
        <v>45720</v>
      </c>
      <c r="F17134" s="14" t="s">
        <v>15</v>
      </c>
      <c r="G17134" s="16">
        <v>1.9633178488258924</v>
      </c>
    </row>
    <row r="17135" spans="1:7" x14ac:dyDescent="0.3">
      <c r="A17135" s="13" t="s">
        <v>121</v>
      </c>
      <c r="B17135" s="14" t="s">
        <v>1</v>
      </c>
      <c r="C17135" s="14" t="s">
        <v>13</v>
      </c>
      <c r="D17135" s="14" t="s">
        <v>122</v>
      </c>
      <c r="E17135" s="15">
        <v>45721</v>
      </c>
      <c r="F17135" s="14" t="s">
        <v>15</v>
      </c>
      <c r="G17135" s="16">
        <v>1.9663486534055727</v>
      </c>
    </row>
    <row r="17136" spans="1:7" x14ac:dyDescent="0.3">
      <c r="A17136" s="13" t="s">
        <v>121</v>
      </c>
      <c r="B17136" s="14" t="s">
        <v>1</v>
      </c>
      <c r="C17136" s="14" t="s">
        <v>13</v>
      </c>
      <c r="D17136" s="14" t="s">
        <v>122</v>
      </c>
      <c r="E17136" s="15">
        <v>45722</v>
      </c>
      <c r="F17136" s="14" t="s">
        <v>15</v>
      </c>
      <c r="G17136" s="16">
        <v>1.9746926768303723</v>
      </c>
    </row>
    <row r="17137" spans="1:7" x14ac:dyDescent="0.3">
      <c r="A17137" s="13" t="s">
        <v>121</v>
      </c>
      <c r="B17137" s="14" t="s">
        <v>1</v>
      </c>
      <c r="C17137" s="14" t="s">
        <v>13</v>
      </c>
      <c r="D17137" s="14" t="s">
        <v>122</v>
      </c>
      <c r="E17137" s="15">
        <v>45723</v>
      </c>
      <c r="F17137" s="14" t="s">
        <v>15</v>
      </c>
      <c r="G17137" s="16">
        <v>1.9777217978416388</v>
      </c>
    </row>
    <row r="17138" spans="1:7" x14ac:dyDescent="0.3">
      <c r="A17138" s="13" t="s">
        <v>121</v>
      </c>
      <c r="B17138" s="14" t="s">
        <v>1</v>
      </c>
      <c r="C17138" s="14" t="s">
        <v>13</v>
      </c>
      <c r="D17138" s="14" t="s">
        <v>122</v>
      </c>
      <c r="E17138" s="15">
        <v>45724</v>
      </c>
      <c r="F17138" s="14" t="s">
        <v>15</v>
      </c>
      <c r="G17138" s="16">
        <v>1.9777217978416388</v>
      </c>
    </row>
    <row r="17139" spans="1:7" x14ac:dyDescent="0.3">
      <c r="A17139" s="13" t="s">
        <v>121</v>
      </c>
      <c r="B17139" s="14" t="s">
        <v>1</v>
      </c>
      <c r="C17139" s="14" t="s">
        <v>13</v>
      </c>
      <c r="D17139" s="14" t="s">
        <v>122</v>
      </c>
      <c r="E17139" s="15">
        <v>45725</v>
      </c>
      <c r="F17139" s="14" t="s">
        <v>15</v>
      </c>
      <c r="G17139" s="16">
        <v>1.9777217978416388</v>
      </c>
    </row>
    <row r="17140" spans="1:7" x14ac:dyDescent="0.3">
      <c r="A17140" s="13" t="s">
        <v>121</v>
      </c>
      <c r="B17140" s="14" t="s">
        <v>1</v>
      </c>
      <c r="C17140" s="14" t="s">
        <v>13</v>
      </c>
      <c r="D17140" s="14" t="s">
        <v>122</v>
      </c>
      <c r="E17140" s="15">
        <v>45726</v>
      </c>
      <c r="F17140" s="14" t="s">
        <v>15</v>
      </c>
      <c r="G17140" s="16">
        <v>1.980707840567679</v>
      </c>
    </row>
    <row r="17141" spans="1:7" x14ac:dyDescent="0.3">
      <c r="A17141" s="13" t="s">
        <v>121</v>
      </c>
      <c r="B17141" s="14" t="s">
        <v>1</v>
      </c>
      <c r="C17141" s="14" t="s">
        <v>13</v>
      </c>
      <c r="D17141" s="14" t="s">
        <v>122</v>
      </c>
      <c r="E17141" s="15">
        <v>45727</v>
      </c>
      <c r="F17141" s="14" t="s">
        <v>15</v>
      </c>
      <c r="G17141" s="16">
        <v>1.9897161666481578</v>
      </c>
    </row>
    <row r="17142" spans="1:7" x14ac:dyDescent="0.3">
      <c r="A17142" s="13" t="s">
        <v>121</v>
      </c>
      <c r="B17142" s="14" t="s">
        <v>1</v>
      </c>
      <c r="C17142" s="14" t="s">
        <v>13</v>
      </c>
      <c r="D17142" s="14" t="s">
        <v>122</v>
      </c>
      <c r="E17142" s="15">
        <v>45728</v>
      </c>
      <c r="F17142" s="14" t="s">
        <v>15</v>
      </c>
      <c r="G17142" s="16">
        <v>1.9927346473788934</v>
      </c>
    </row>
    <row r="17143" spans="1:7" x14ac:dyDescent="0.3">
      <c r="A17143" s="13" t="s">
        <v>121</v>
      </c>
      <c r="B17143" s="14" t="s">
        <v>1</v>
      </c>
      <c r="C17143" s="14" t="s">
        <v>13</v>
      </c>
      <c r="D17143" s="14" t="s">
        <v>122</v>
      </c>
      <c r="E17143" s="15">
        <v>45729</v>
      </c>
      <c r="F17143" s="14" t="s">
        <v>15</v>
      </c>
      <c r="G17143" s="16">
        <v>1.99578668466621</v>
      </c>
    </row>
    <row r="17144" spans="1:7" x14ac:dyDescent="0.3">
      <c r="A17144" s="13" t="s">
        <v>121</v>
      </c>
      <c r="B17144" s="14" t="s">
        <v>1</v>
      </c>
      <c r="C17144" s="14" t="s">
        <v>13</v>
      </c>
      <c r="D17144" s="14" t="s">
        <v>122</v>
      </c>
      <c r="E17144" s="15">
        <v>45730</v>
      </c>
      <c r="F17144" s="14" t="s">
        <v>15</v>
      </c>
      <c r="G17144" s="16">
        <v>2.0285122256623342</v>
      </c>
    </row>
    <row r="17145" spans="1:7" x14ac:dyDescent="0.3">
      <c r="A17145" s="13" t="s">
        <v>121</v>
      </c>
      <c r="B17145" s="14" t="s">
        <v>1</v>
      </c>
      <c r="C17145" s="14" t="s">
        <v>13</v>
      </c>
      <c r="D17145" s="14" t="s">
        <v>122</v>
      </c>
      <c r="E17145" s="15">
        <v>45731</v>
      </c>
      <c r="F17145" s="14" t="s">
        <v>15</v>
      </c>
      <c r="G17145" s="16">
        <v>2.0285122256623342</v>
      </c>
    </row>
    <row r="17146" spans="1:7" x14ac:dyDescent="0.3">
      <c r="A17146" s="13" t="s">
        <v>121</v>
      </c>
      <c r="B17146" s="14" t="s">
        <v>1</v>
      </c>
      <c r="C17146" s="14" t="s">
        <v>13</v>
      </c>
      <c r="D17146" s="14" t="s">
        <v>122</v>
      </c>
      <c r="E17146" s="15">
        <v>45732</v>
      </c>
      <c r="F17146" s="14" t="s">
        <v>15</v>
      </c>
      <c r="G17146" s="16">
        <v>2.0285122256623342</v>
      </c>
    </row>
    <row r="17147" spans="1:7" x14ac:dyDescent="0.3">
      <c r="A17147" s="13" t="s">
        <v>121</v>
      </c>
      <c r="B17147" s="14" t="s">
        <v>1</v>
      </c>
      <c r="C17147" s="14" t="s">
        <v>13</v>
      </c>
      <c r="D17147" s="14" t="s">
        <v>122</v>
      </c>
      <c r="E17147" s="15">
        <v>45733</v>
      </c>
      <c r="F17147" s="14" t="s">
        <v>15</v>
      </c>
      <c r="G17147" s="16">
        <v>2.0285122256623342</v>
      </c>
    </row>
    <row r="17148" spans="1:7" x14ac:dyDescent="0.3">
      <c r="A17148" s="13" t="s">
        <v>121</v>
      </c>
      <c r="B17148" s="14" t="s">
        <v>1</v>
      </c>
      <c r="C17148" s="14" t="s">
        <v>13</v>
      </c>
      <c r="D17148" s="14" t="s">
        <v>122</v>
      </c>
      <c r="E17148" s="15">
        <v>45734</v>
      </c>
      <c r="F17148" s="14" t="s">
        <v>15</v>
      </c>
      <c r="G17148" s="16">
        <v>2.0314490521053892</v>
      </c>
    </row>
    <row r="17149" spans="1:7" x14ac:dyDescent="0.3">
      <c r="A17149" s="13" t="s">
        <v>121</v>
      </c>
      <c r="B17149" s="14" t="s">
        <v>1</v>
      </c>
      <c r="C17149" s="14" t="s">
        <v>13</v>
      </c>
      <c r="D17149" s="14" t="s">
        <v>122</v>
      </c>
      <c r="E17149" s="15">
        <v>45735</v>
      </c>
      <c r="F17149" s="14" t="s">
        <v>15</v>
      </c>
      <c r="G17149" s="16">
        <v>2.0430641633562838</v>
      </c>
    </row>
    <row r="17150" spans="1:7" x14ac:dyDescent="0.3">
      <c r="A17150" s="13" t="s">
        <v>121</v>
      </c>
      <c r="B17150" s="14" t="s">
        <v>1</v>
      </c>
      <c r="C17150" s="14" t="s">
        <v>13</v>
      </c>
      <c r="D17150" s="14" t="s">
        <v>122</v>
      </c>
      <c r="E17150" s="15">
        <v>45736</v>
      </c>
      <c r="F17150" s="14" t="s">
        <v>15</v>
      </c>
      <c r="G17150" s="16">
        <v>2.0459568069998397</v>
      </c>
    </row>
    <row r="17151" spans="1:7" x14ac:dyDescent="0.3">
      <c r="A17151" s="13" t="s">
        <v>121</v>
      </c>
      <c r="B17151" s="14" t="s">
        <v>1</v>
      </c>
      <c r="C17151" s="14" t="s">
        <v>13</v>
      </c>
      <c r="D17151" s="14" t="s">
        <v>122</v>
      </c>
      <c r="E17151" s="15">
        <v>45737</v>
      </c>
      <c r="F17151" s="14" t="s">
        <v>15</v>
      </c>
      <c r="G17151" s="16">
        <v>2.0498393690625414</v>
      </c>
    </row>
    <row r="17152" spans="1:7" x14ac:dyDescent="0.3">
      <c r="A17152" s="13" t="s">
        <v>121</v>
      </c>
      <c r="B17152" s="14" t="s">
        <v>1</v>
      </c>
      <c r="C17152" s="14" t="s">
        <v>13</v>
      </c>
      <c r="D17152" s="14" t="s">
        <v>122</v>
      </c>
      <c r="E17152" s="15">
        <v>45738</v>
      </c>
      <c r="F17152" s="14" t="s">
        <v>15</v>
      </c>
      <c r="G17152" s="16">
        <v>2.0498393690625414</v>
      </c>
    </row>
    <row r="17153" spans="1:7" x14ac:dyDescent="0.3">
      <c r="A17153" s="13" t="s">
        <v>121</v>
      </c>
      <c r="B17153" s="14" t="s">
        <v>1</v>
      </c>
      <c r="C17153" s="14" t="s">
        <v>13</v>
      </c>
      <c r="D17153" s="14" t="s">
        <v>122</v>
      </c>
      <c r="E17153" s="15">
        <v>45739</v>
      </c>
      <c r="F17153" s="14" t="s">
        <v>15</v>
      </c>
      <c r="G17153" s="16">
        <v>2.0498393690625414</v>
      </c>
    </row>
    <row r="17154" spans="1:7" x14ac:dyDescent="0.3">
      <c r="A17154" s="13" t="s">
        <v>121</v>
      </c>
      <c r="B17154" s="14" t="s">
        <v>1</v>
      </c>
      <c r="C17154" s="14" t="s">
        <v>13</v>
      </c>
      <c r="D17154" s="14" t="s">
        <v>122</v>
      </c>
      <c r="E17154" s="15">
        <v>45740</v>
      </c>
      <c r="F17154" s="14" t="s">
        <v>15</v>
      </c>
      <c r="G17154" s="16">
        <v>2.0517063006265994</v>
      </c>
    </row>
    <row r="17155" spans="1:7" x14ac:dyDescent="0.3">
      <c r="A17155" s="13" t="s">
        <v>121</v>
      </c>
      <c r="B17155" s="14" t="s">
        <v>1</v>
      </c>
      <c r="C17155" s="14" t="s">
        <v>13</v>
      </c>
      <c r="D17155" s="14" t="s">
        <v>122</v>
      </c>
      <c r="E17155" s="15">
        <v>45741</v>
      </c>
      <c r="F17155" s="14" t="s">
        <v>15</v>
      </c>
      <c r="G17155" s="16">
        <v>2.0900413793312134</v>
      </c>
    </row>
    <row r="17156" spans="1:7" x14ac:dyDescent="0.3">
      <c r="A17156" s="13" t="s">
        <v>121</v>
      </c>
      <c r="B17156" s="14" t="s">
        <v>1</v>
      </c>
      <c r="C17156" s="14" t="s">
        <v>13</v>
      </c>
      <c r="D17156" s="14" t="s">
        <v>122</v>
      </c>
      <c r="E17156" s="15">
        <v>45742</v>
      </c>
      <c r="F17156" s="14" t="s">
        <v>15</v>
      </c>
      <c r="G17156" s="16">
        <v>2.0924099814161603</v>
      </c>
    </row>
    <row r="17157" spans="1:7" x14ac:dyDescent="0.3">
      <c r="A17157" s="13" t="s">
        <v>121</v>
      </c>
      <c r="B17157" s="14" t="s">
        <v>1</v>
      </c>
      <c r="C17157" s="14" t="s">
        <v>13</v>
      </c>
      <c r="D17157" s="14" t="s">
        <v>122</v>
      </c>
      <c r="E17157" s="15">
        <v>45743</v>
      </c>
      <c r="F17157" s="14" t="s">
        <v>15</v>
      </c>
      <c r="G17157" s="16">
        <v>2.0954972530878875</v>
      </c>
    </row>
    <row r="17158" spans="1:7" x14ac:dyDescent="0.3">
      <c r="A17158" s="13" t="s">
        <v>121</v>
      </c>
      <c r="B17158" s="14" t="s">
        <v>1</v>
      </c>
      <c r="C17158" s="14" t="s">
        <v>13</v>
      </c>
      <c r="D17158" s="14" t="s">
        <v>122</v>
      </c>
      <c r="E17158" s="15">
        <v>45744</v>
      </c>
      <c r="F17158" s="14" t="s">
        <v>15</v>
      </c>
      <c r="G17158" s="16">
        <v>2.0983658478658938</v>
      </c>
    </row>
    <row r="17159" spans="1:7" x14ac:dyDescent="0.3">
      <c r="A17159" s="13" t="s">
        <v>121</v>
      </c>
      <c r="B17159" s="14" t="s">
        <v>1</v>
      </c>
      <c r="C17159" s="14" t="s">
        <v>13</v>
      </c>
      <c r="D17159" s="14" t="s">
        <v>122</v>
      </c>
      <c r="E17159" s="15">
        <v>45745</v>
      </c>
      <c r="F17159" s="14" t="s">
        <v>15</v>
      </c>
      <c r="G17159" s="16">
        <v>2.0983658478658938</v>
      </c>
    </row>
    <row r="17160" spans="1:7" x14ac:dyDescent="0.3">
      <c r="A17160" s="13" t="s">
        <v>121</v>
      </c>
      <c r="B17160" s="14" t="s">
        <v>1</v>
      </c>
      <c r="C17160" s="14" t="s">
        <v>13</v>
      </c>
      <c r="D17160" s="14" t="s">
        <v>122</v>
      </c>
      <c r="E17160" s="15">
        <v>45746</v>
      </c>
      <c r="F17160" s="14" t="s">
        <v>15</v>
      </c>
      <c r="G17160" s="16">
        <v>2.0983658478658938</v>
      </c>
    </row>
    <row r="17161" spans="1:7" x14ac:dyDescent="0.3">
      <c r="A17161" s="13" t="s">
        <v>121</v>
      </c>
      <c r="B17161" s="14" t="s">
        <v>1</v>
      </c>
      <c r="C17161" s="14" t="s">
        <v>13</v>
      </c>
      <c r="D17161" s="14" t="s">
        <v>122</v>
      </c>
      <c r="E17161" s="15">
        <v>45747</v>
      </c>
      <c r="F17161" s="14" t="s">
        <v>15</v>
      </c>
      <c r="G17161" s="16">
        <v>2.1012383575755011</v>
      </c>
    </row>
    <row r="17162" spans="1:7" x14ac:dyDescent="0.3">
      <c r="A17162" s="13" t="s">
        <v>123</v>
      </c>
      <c r="B17162" s="14" t="s">
        <v>1</v>
      </c>
      <c r="C17162" s="14" t="s">
        <v>35</v>
      </c>
      <c r="D17162" s="14" t="s">
        <v>124</v>
      </c>
      <c r="E17162" s="15">
        <v>45383</v>
      </c>
      <c r="F17162" s="14" t="s">
        <v>25</v>
      </c>
      <c r="G17162" s="16">
        <v>0</v>
      </c>
    </row>
    <row r="17163" spans="1:7" x14ac:dyDescent="0.3">
      <c r="A17163" s="13" t="s">
        <v>123</v>
      </c>
      <c r="B17163" s="14" t="s">
        <v>1</v>
      </c>
      <c r="C17163" s="14" t="s">
        <v>35</v>
      </c>
      <c r="D17163" s="14" t="s">
        <v>124</v>
      </c>
      <c r="E17163" s="15">
        <v>45384</v>
      </c>
      <c r="F17163" s="14" t="s">
        <v>25</v>
      </c>
      <c r="G17163" s="16">
        <v>0</v>
      </c>
    </row>
    <row r="17164" spans="1:7" x14ac:dyDescent="0.3">
      <c r="A17164" s="13" t="s">
        <v>123</v>
      </c>
      <c r="B17164" s="14" t="s">
        <v>1</v>
      </c>
      <c r="C17164" s="14" t="s">
        <v>35</v>
      </c>
      <c r="D17164" s="14" t="s">
        <v>124</v>
      </c>
      <c r="E17164" s="15">
        <v>45385</v>
      </c>
      <c r="F17164" s="14" t="s">
        <v>25</v>
      </c>
      <c r="G17164" s="16">
        <v>0</v>
      </c>
    </row>
    <row r="17165" spans="1:7" x14ac:dyDescent="0.3">
      <c r="A17165" s="13" t="s">
        <v>123</v>
      </c>
      <c r="B17165" s="14" t="s">
        <v>1</v>
      </c>
      <c r="C17165" s="14" t="s">
        <v>35</v>
      </c>
      <c r="D17165" s="14" t="s">
        <v>124</v>
      </c>
      <c r="E17165" s="15">
        <v>45386</v>
      </c>
      <c r="F17165" s="14" t="s">
        <v>25</v>
      </c>
      <c r="G17165" s="16">
        <v>0</v>
      </c>
    </row>
    <row r="17166" spans="1:7" x14ac:dyDescent="0.3">
      <c r="A17166" s="13" t="s">
        <v>123</v>
      </c>
      <c r="B17166" s="14" t="s">
        <v>1</v>
      </c>
      <c r="C17166" s="14" t="s">
        <v>35</v>
      </c>
      <c r="D17166" s="14" t="s">
        <v>124</v>
      </c>
      <c r="E17166" s="15">
        <v>45387</v>
      </c>
      <c r="F17166" s="14" t="s">
        <v>25</v>
      </c>
      <c r="G17166" s="16">
        <v>0</v>
      </c>
    </row>
    <row r="17167" spans="1:7" x14ac:dyDescent="0.3">
      <c r="A17167" s="13" t="s">
        <v>123</v>
      </c>
      <c r="B17167" s="14" t="s">
        <v>1</v>
      </c>
      <c r="C17167" s="14" t="s">
        <v>35</v>
      </c>
      <c r="D17167" s="14" t="s">
        <v>124</v>
      </c>
      <c r="E17167" s="15">
        <v>45388</v>
      </c>
      <c r="F17167" s="14" t="s">
        <v>25</v>
      </c>
      <c r="G17167" s="16">
        <v>0</v>
      </c>
    </row>
    <row r="17168" spans="1:7" x14ac:dyDescent="0.3">
      <c r="A17168" s="13" t="s">
        <v>123</v>
      </c>
      <c r="B17168" s="14" t="s">
        <v>1</v>
      </c>
      <c r="C17168" s="14" t="s">
        <v>35</v>
      </c>
      <c r="D17168" s="14" t="s">
        <v>124</v>
      </c>
      <c r="E17168" s="15">
        <v>45389</v>
      </c>
      <c r="F17168" s="14" t="s">
        <v>25</v>
      </c>
      <c r="G17168" s="16">
        <v>0</v>
      </c>
    </row>
    <row r="17169" spans="1:7" x14ac:dyDescent="0.3">
      <c r="A17169" s="13" t="s">
        <v>123</v>
      </c>
      <c r="B17169" s="14" t="s">
        <v>1</v>
      </c>
      <c r="C17169" s="14" t="s">
        <v>35</v>
      </c>
      <c r="D17169" s="14" t="s">
        <v>124</v>
      </c>
      <c r="E17169" s="15">
        <v>45390</v>
      </c>
      <c r="F17169" s="14" t="s">
        <v>25</v>
      </c>
      <c r="G17169" s="16">
        <v>0</v>
      </c>
    </row>
    <row r="17170" spans="1:7" x14ac:dyDescent="0.3">
      <c r="A17170" s="13" t="s">
        <v>123</v>
      </c>
      <c r="B17170" s="14" t="s">
        <v>1</v>
      </c>
      <c r="C17170" s="14" t="s">
        <v>35</v>
      </c>
      <c r="D17170" s="14" t="s">
        <v>124</v>
      </c>
      <c r="E17170" s="15">
        <v>45391</v>
      </c>
      <c r="F17170" s="14" t="s">
        <v>25</v>
      </c>
      <c r="G17170" s="16">
        <v>0</v>
      </c>
    </row>
    <row r="17171" spans="1:7" x14ac:dyDescent="0.3">
      <c r="A17171" s="13" t="s">
        <v>123</v>
      </c>
      <c r="B17171" s="14" t="s">
        <v>1</v>
      </c>
      <c r="C17171" s="14" t="s">
        <v>35</v>
      </c>
      <c r="D17171" s="14" t="s">
        <v>124</v>
      </c>
      <c r="E17171" s="15">
        <v>45392</v>
      </c>
      <c r="F17171" s="14" t="s">
        <v>25</v>
      </c>
      <c r="G17171" s="16">
        <v>0</v>
      </c>
    </row>
    <row r="17172" spans="1:7" x14ac:dyDescent="0.3">
      <c r="A17172" s="13" t="s">
        <v>123</v>
      </c>
      <c r="B17172" s="14" t="s">
        <v>1</v>
      </c>
      <c r="C17172" s="14" t="s">
        <v>35</v>
      </c>
      <c r="D17172" s="14" t="s">
        <v>124</v>
      </c>
      <c r="E17172" s="15">
        <v>45393</v>
      </c>
      <c r="F17172" s="14" t="s">
        <v>25</v>
      </c>
      <c r="G17172" s="16">
        <v>0</v>
      </c>
    </row>
    <row r="17173" spans="1:7" x14ac:dyDescent="0.3">
      <c r="A17173" s="13" t="s">
        <v>123</v>
      </c>
      <c r="B17173" s="14" t="s">
        <v>1</v>
      </c>
      <c r="C17173" s="14" t="s">
        <v>35</v>
      </c>
      <c r="D17173" s="14" t="s">
        <v>124</v>
      </c>
      <c r="E17173" s="15">
        <v>45394</v>
      </c>
      <c r="F17173" s="14" t="s">
        <v>25</v>
      </c>
      <c r="G17173" s="16">
        <v>0</v>
      </c>
    </row>
    <row r="17174" spans="1:7" x14ac:dyDescent="0.3">
      <c r="A17174" s="13" t="s">
        <v>123</v>
      </c>
      <c r="B17174" s="14" t="s">
        <v>1</v>
      </c>
      <c r="C17174" s="14" t="s">
        <v>35</v>
      </c>
      <c r="D17174" s="14" t="s">
        <v>124</v>
      </c>
      <c r="E17174" s="15">
        <v>45395</v>
      </c>
      <c r="F17174" s="14" t="s">
        <v>25</v>
      </c>
      <c r="G17174" s="16">
        <v>0</v>
      </c>
    </row>
    <row r="17175" spans="1:7" x14ac:dyDescent="0.3">
      <c r="A17175" s="13" t="s">
        <v>123</v>
      </c>
      <c r="B17175" s="14" t="s">
        <v>1</v>
      </c>
      <c r="C17175" s="14" t="s">
        <v>35</v>
      </c>
      <c r="D17175" s="14" t="s">
        <v>124</v>
      </c>
      <c r="E17175" s="15">
        <v>45396</v>
      </c>
      <c r="F17175" s="14" t="s">
        <v>25</v>
      </c>
      <c r="G17175" s="16">
        <v>0</v>
      </c>
    </row>
    <row r="17176" spans="1:7" x14ac:dyDescent="0.3">
      <c r="A17176" s="13" t="s">
        <v>123</v>
      </c>
      <c r="B17176" s="14" t="s">
        <v>1</v>
      </c>
      <c r="C17176" s="14" t="s">
        <v>35</v>
      </c>
      <c r="D17176" s="14" t="s">
        <v>124</v>
      </c>
      <c r="E17176" s="15">
        <v>45397</v>
      </c>
      <c r="F17176" s="14" t="s">
        <v>25</v>
      </c>
      <c r="G17176" s="16">
        <v>0</v>
      </c>
    </row>
    <row r="17177" spans="1:7" x14ac:dyDescent="0.3">
      <c r="A17177" s="13" t="s">
        <v>123</v>
      </c>
      <c r="B17177" s="14" t="s">
        <v>1</v>
      </c>
      <c r="C17177" s="14" t="s">
        <v>35</v>
      </c>
      <c r="D17177" s="14" t="s">
        <v>124</v>
      </c>
      <c r="E17177" s="15">
        <v>45398</v>
      </c>
      <c r="F17177" s="14" t="s">
        <v>25</v>
      </c>
      <c r="G17177" s="16">
        <v>0</v>
      </c>
    </row>
    <row r="17178" spans="1:7" x14ac:dyDescent="0.3">
      <c r="A17178" s="13" t="s">
        <v>123</v>
      </c>
      <c r="B17178" s="14" t="s">
        <v>1</v>
      </c>
      <c r="C17178" s="14" t="s">
        <v>35</v>
      </c>
      <c r="D17178" s="14" t="s">
        <v>124</v>
      </c>
      <c r="E17178" s="15">
        <v>45399</v>
      </c>
      <c r="F17178" s="14" t="s">
        <v>25</v>
      </c>
      <c r="G17178" s="16">
        <v>0</v>
      </c>
    </row>
    <row r="17179" spans="1:7" x14ac:dyDescent="0.3">
      <c r="A17179" s="13" t="s">
        <v>123</v>
      </c>
      <c r="B17179" s="14" t="s">
        <v>1</v>
      </c>
      <c r="C17179" s="14" t="s">
        <v>35</v>
      </c>
      <c r="D17179" s="14" t="s">
        <v>124</v>
      </c>
      <c r="E17179" s="15">
        <v>45400</v>
      </c>
      <c r="F17179" s="14" t="s">
        <v>25</v>
      </c>
      <c r="G17179" s="16">
        <v>0</v>
      </c>
    </row>
    <row r="17180" spans="1:7" x14ac:dyDescent="0.3">
      <c r="A17180" s="13" t="s">
        <v>123</v>
      </c>
      <c r="B17180" s="14" t="s">
        <v>1</v>
      </c>
      <c r="C17180" s="14" t="s">
        <v>35</v>
      </c>
      <c r="D17180" s="14" t="s">
        <v>124</v>
      </c>
      <c r="E17180" s="15">
        <v>45401</v>
      </c>
      <c r="F17180" s="14" t="s">
        <v>25</v>
      </c>
      <c r="G17180" s="16">
        <v>0</v>
      </c>
    </row>
    <row r="17181" spans="1:7" x14ac:dyDescent="0.3">
      <c r="A17181" s="13" t="s">
        <v>123</v>
      </c>
      <c r="B17181" s="14" t="s">
        <v>1</v>
      </c>
      <c r="C17181" s="14" t="s">
        <v>35</v>
      </c>
      <c r="D17181" s="14" t="s">
        <v>124</v>
      </c>
      <c r="E17181" s="15">
        <v>45402</v>
      </c>
      <c r="F17181" s="14" t="s">
        <v>25</v>
      </c>
      <c r="G17181" s="16">
        <v>0</v>
      </c>
    </row>
    <row r="17182" spans="1:7" x14ac:dyDescent="0.3">
      <c r="A17182" s="13" t="s">
        <v>123</v>
      </c>
      <c r="B17182" s="14" t="s">
        <v>1</v>
      </c>
      <c r="C17182" s="14" t="s">
        <v>35</v>
      </c>
      <c r="D17182" s="14" t="s">
        <v>124</v>
      </c>
      <c r="E17182" s="15">
        <v>45403</v>
      </c>
      <c r="F17182" s="14" t="s">
        <v>25</v>
      </c>
      <c r="G17182" s="16">
        <v>0</v>
      </c>
    </row>
    <row r="17183" spans="1:7" x14ac:dyDescent="0.3">
      <c r="A17183" s="13" t="s">
        <v>123</v>
      </c>
      <c r="B17183" s="14" t="s">
        <v>1</v>
      </c>
      <c r="C17183" s="14" t="s">
        <v>35</v>
      </c>
      <c r="D17183" s="14" t="s">
        <v>124</v>
      </c>
      <c r="E17183" s="15">
        <v>45404</v>
      </c>
      <c r="F17183" s="14" t="s">
        <v>25</v>
      </c>
      <c r="G17183" s="16">
        <v>0</v>
      </c>
    </row>
    <row r="17184" spans="1:7" x14ac:dyDescent="0.3">
      <c r="A17184" s="13" t="s">
        <v>123</v>
      </c>
      <c r="B17184" s="14" t="s">
        <v>1</v>
      </c>
      <c r="C17184" s="14" t="s">
        <v>35</v>
      </c>
      <c r="D17184" s="14" t="s">
        <v>124</v>
      </c>
      <c r="E17184" s="15">
        <v>45405</v>
      </c>
      <c r="F17184" s="14" t="s">
        <v>25</v>
      </c>
      <c r="G17184" s="16">
        <v>0</v>
      </c>
    </row>
    <row r="17185" spans="1:7" x14ac:dyDescent="0.3">
      <c r="A17185" s="13" t="s">
        <v>123</v>
      </c>
      <c r="B17185" s="14" t="s">
        <v>1</v>
      </c>
      <c r="C17185" s="14" t="s">
        <v>35</v>
      </c>
      <c r="D17185" s="14" t="s">
        <v>124</v>
      </c>
      <c r="E17185" s="15">
        <v>45406</v>
      </c>
      <c r="F17185" s="14" t="s">
        <v>25</v>
      </c>
      <c r="G17185" s="16">
        <v>0</v>
      </c>
    </row>
    <row r="17186" spans="1:7" x14ac:dyDescent="0.3">
      <c r="A17186" s="13" t="s">
        <v>123</v>
      </c>
      <c r="B17186" s="14" t="s">
        <v>1</v>
      </c>
      <c r="C17186" s="14" t="s">
        <v>35</v>
      </c>
      <c r="D17186" s="14" t="s">
        <v>124</v>
      </c>
      <c r="E17186" s="15">
        <v>45407</v>
      </c>
      <c r="F17186" s="14" t="s">
        <v>25</v>
      </c>
      <c r="G17186" s="16">
        <v>0</v>
      </c>
    </row>
    <row r="17187" spans="1:7" x14ac:dyDescent="0.3">
      <c r="A17187" s="13" t="s">
        <v>123</v>
      </c>
      <c r="B17187" s="14" t="s">
        <v>1</v>
      </c>
      <c r="C17187" s="14" t="s">
        <v>35</v>
      </c>
      <c r="D17187" s="14" t="s">
        <v>124</v>
      </c>
      <c r="E17187" s="15">
        <v>45408</v>
      </c>
      <c r="F17187" s="14" t="s">
        <v>25</v>
      </c>
      <c r="G17187" s="16">
        <v>0</v>
      </c>
    </row>
    <row r="17188" spans="1:7" x14ac:dyDescent="0.3">
      <c r="A17188" s="13" t="s">
        <v>123</v>
      </c>
      <c r="B17188" s="14" t="s">
        <v>1</v>
      </c>
      <c r="C17188" s="14" t="s">
        <v>35</v>
      </c>
      <c r="D17188" s="14" t="s">
        <v>124</v>
      </c>
      <c r="E17188" s="15">
        <v>45409</v>
      </c>
      <c r="F17188" s="14" t="s">
        <v>25</v>
      </c>
      <c r="G17188" s="16">
        <v>0</v>
      </c>
    </row>
    <row r="17189" spans="1:7" x14ac:dyDescent="0.3">
      <c r="A17189" s="13" t="s">
        <v>123</v>
      </c>
      <c r="B17189" s="14" t="s">
        <v>1</v>
      </c>
      <c r="C17189" s="14" t="s">
        <v>35</v>
      </c>
      <c r="D17189" s="14" t="s">
        <v>124</v>
      </c>
      <c r="E17189" s="15">
        <v>45410</v>
      </c>
      <c r="F17189" s="14" t="s">
        <v>25</v>
      </c>
      <c r="G17189" s="16">
        <v>0</v>
      </c>
    </row>
    <row r="17190" spans="1:7" x14ac:dyDescent="0.3">
      <c r="A17190" s="13" t="s">
        <v>123</v>
      </c>
      <c r="B17190" s="14" t="s">
        <v>1</v>
      </c>
      <c r="C17190" s="14" t="s">
        <v>35</v>
      </c>
      <c r="D17190" s="14" t="s">
        <v>124</v>
      </c>
      <c r="E17190" s="15">
        <v>45411</v>
      </c>
      <c r="F17190" s="14" t="s">
        <v>25</v>
      </c>
      <c r="G17190" s="16">
        <v>0</v>
      </c>
    </row>
    <row r="17191" spans="1:7" x14ac:dyDescent="0.3">
      <c r="A17191" s="13" t="s">
        <v>123</v>
      </c>
      <c r="B17191" s="14" t="s">
        <v>1</v>
      </c>
      <c r="C17191" s="14" t="s">
        <v>35</v>
      </c>
      <c r="D17191" s="14" t="s">
        <v>124</v>
      </c>
      <c r="E17191" s="15">
        <v>45412</v>
      </c>
      <c r="F17191" s="14" t="s">
        <v>25</v>
      </c>
      <c r="G17191" s="16">
        <v>0</v>
      </c>
    </row>
    <row r="17192" spans="1:7" x14ac:dyDescent="0.3">
      <c r="A17192" s="13" t="s">
        <v>123</v>
      </c>
      <c r="B17192" s="14" t="s">
        <v>1</v>
      </c>
      <c r="C17192" s="14" t="s">
        <v>35</v>
      </c>
      <c r="D17192" s="14" t="s">
        <v>124</v>
      </c>
      <c r="E17192" s="15">
        <v>45413</v>
      </c>
      <c r="F17192" s="14" t="s">
        <v>25</v>
      </c>
      <c r="G17192" s="16">
        <v>0</v>
      </c>
    </row>
    <row r="17193" spans="1:7" x14ac:dyDescent="0.3">
      <c r="A17193" s="13" t="s">
        <v>123</v>
      </c>
      <c r="B17193" s="14" t="s">
        <v>1</v>
      </c>
      <c r="C17193" s="14" t="s">
        <v>35</v>
      </c>
      <c r="D17193" s="14" t="s">
        <v>124</v>
      </c>
      <c r="E17193" s="15">
        <v>45414</v>
      </c>
      <c r="F17193" s="14" t="s">
        <v>25</v>
      </c>
      <c r="G17193" s="16">
        <v>0</v>
      </c>
    </row>
    <row r="17194" spans="1:7" x14ac:dyDescent="0.3">
      <c r="A17194" s="13" t="s">
        <v>123</v>
      </c>
      <c r="B17194" s="14" t="s">
        <v>1</v>
      </c>
      <c r="C17194" s="14" t="s">
        <v>35</v>
      </c>
      <c r="D17194" s="14" t="s">
        <v>124</v>
      </c>
      <c r="E17194" s="15">
        <v>45415</v>
      </c>
      <c r="F17194" s="14" t="s">
        <v>25</v>
      </c>
      <c r="G17194" s="16">
        <v>0</v>
      </c>
    </row>
    <row r="17195" spans="1:7" x14ac:dyDescent="0.3">
      <c r="A17195" s="13" t="s">
        <v>123</v>
      </c>
      <c r="B17195" s="14" t="s">
        <v>1</v>
      </c>
      <c r="C17195" s="14" t="s">
        <v>35</v>
      </c>
      <c r="D17195" s="14" t="s">
        <v>124</v>
      </c>
      <c r="E17195" s="15">
        <v>45416</v>
      </c>
      <c r="F17195" s="14" t="s">
        <v>25</v>
      </c>
      <c r="G17195" s="16">
        <v>0</v>
      </c>
    </row>
    <row r="17196" spans="1:7" x14ac:dyDescent="0.3">
      <c r="A17196" s="13" t="s">
        <v>123</v>
      </c>
      <c r="B17196" s="14" t="s">
        <v>1</v>
      </c>
      <c r="C17196" s="14" t="s">
        <v>35</v>
      </c>
      <c r="D17196" s="14" t="s">
        <v>124</v>
      </c>
      <c r="E17196" s="15">
        <v>45417</v>
      </c>
      <c r="F17196" s="14" t="s">
        <v>25</v>
      </c>
      <c r="G17196" s="16">
        <v>0</v>
      </c>
    </row>
    <row r="17197" spans="1:7" x14ac:dyDescent="0.3">
      <c r="A17197" s="13" t="s">
        <v>123</v>
      </c>
      <c r="B17197" s="14" t="s">
        <v>1</v>
      </c>
      <c r="C17197" s="14" t="s">
        <v>35</v>
      </c>
      <c r="D17197" s="14" t="s">
        <v>124</v>
      </c>
      <c r="E17197" s="15">
        <v>45418</v>
      </c>
      <c r="F17197" s="14" t="s">
        <v>25</v>
      </c>
      <c r="G17197" s="16">
        <v>0</v>
      </c>
    </row>
    <row r="17198" spans="1:7" x14ac:dyDescent="0.3">
      <c r="A17198" s="13" t="s">
        <v>123</v>
      </c>
      <c r="B17198" s="14" t="s">
        <v>1</v>
      </c>
      <c r="C17198" s="14" t="s">
        <v>35</v>
      </c>
      <c r="D17198" s="14" t="s">
        <v>124</v>
      </c>
      <c r="E17198" s="15">
        <v>45419</v>
      </c>
      <c r="F17198" s="14" t="s">
        <v>25</v>
      </c>
      <c r="G17198" s="16">
        <v>0</v>
      </c>
    </row>
    <row r="17199" spans="1:7" x14ac:dyDescent="0.3">
      <c r="A17199" s="13" t="s">
        <v>123</v>
      </c>
      <c r="B17199" s="14" t="s">
        <v>1</v>
      </c>
      <c r="C17199" s="14" t="s">
        <v>35</v>
      </c>
      <c r="D17199" s="14" t="s">
        <v>124</v>
      </c>
      <c r="E17199" s="15">
        <v>45420</v>
      </c>
      <c r="F17199" s="14" t="s">
        <v>25</v>
      </c>
      <c r="G17199" s="16">
        <v>0</v>
      </c>
    </row>
    <row r="17200" spans="1:7" x14ac:dyDescent="0.3">
      <c r="A17200" s="13" t="s">
        <v>123</v>
      </c>
      <c r="B17200" s="14" t="s">
        <v>1</v>
      </c>
      <c r="C17200" s="14" t="s">
        <v>35</v>
      </c>
      <c r="D17200" s="14" t="s">
        <v>124</v>
      </c>
      <c r="E17200" s="15">
        <v>45421</v>
      </c>
      <c r="F17200" s="14" t="s">
        <v>25</v>
      </c>
      <c r="G17200" s="16">
        <v>0</v>
      </c>
    </row>
    <row r="17201" spans="1:7" x14ac:dyDescent="0.3">
      <c r="A17201" s="13" t="s">
        <v>123</v>
      </c>
      <c r="B17201" s="14" t="s">
        <v>1</v>
      </c>
      <c r="C17201" s="14" t="s">
        <v>35</v>
      </c>
      <c r="D17201" s="14" t="s">
        <v>124</v>
      </c>
      <c r="E17201" s="15">
        <v>45422</v>
      </c>
      <c r="F17201" s="14" t="s">
        <v>25</v>
      </c>
      <c r="G17201" s="16">
        <v>0</v>
      </c>
    </row>
    <row r="17202" spans="1:7" x14ac:dyDescent="0.3">
      <c r="A17202" s="13" t="s">
        <v>123</v>
      </c>
      <c r="B17202" s="14" t="s">
        <v>1</v>
      </c>
      <c r="C17202" s="14" t="s">
        <v>35</v>
      </c>
      <c r="D17202" s="14" t="s">
        <v>124</v>
      </c>
      <c r="E17202" s="15">
        <v>45423</v>
      </c>
      <c r="F17202" s="14" t="s">
        <v>25</v>
      </c>
      <c r="G17202" s="16">
        <v>0</v>
      </c>
    </row>
    <row r="17203" spans="1:7" x14ac:dyDescent="0.3">
      <c r="A17203" s="13" t="s">
        <v>123</v>
      </c>
      <c r="B17203" s="14" t="s">
        <v>1</v>
      </c>
      <c r="C17203" s="14" t="s">
        <v>35</v>
      </c>
      <c r="D17203" s="14" t="s">
        <v>124</v>
      </c>
      <c r="E17203" s="15">
        <v>45424</v>
      </c>
      <c r="F17203" s="14" t="s">
        <v>25</v>
      </c>
      <c r="G17203" s="16">
        <v>0</v>
      </c>
    </row>
    <row r="17204" spans="1:7" x14ac:dyDescent="0.3">
      <c r="A17204" s="13" t="s">
        <v>123</v>
      </c>
      <c r="B17204" s="14" t="s">
        <v>1</v>
      </c>
      <c r="C17204" s="14" t="s">
        <v>35</v>
      </c>
      <c r="D17204" s="14" t="s">
        <v>124</v>
      </c>
      <c r="E17204" s="15">
        <v>45425</v>
      </c>
      <c r="F17204" s="14" t="s">
        <v>25</v>
      </c>
      <c r="G17204" s="16">
        <v>0</v>
      </c>
    </row>
    <row r="17205" spans="1:7" x14ac:dyDescent="0.3">
      <c r="A17205" s="13" t="s">
        <v>123</v>
      </c>
      <c r="B17205" s="14" t="s">
        <v>1</v>
      </c>
      <c r="C17205" s="14" t="s">
        <v>35</v>
      </c>
      <c r="D17205" s="14" t="s">
        <v>124</v>
      </c>
      <c r="E17205" s="15">
        <v>45426</v>
      </c>
      <c r="F17205" s="14" t="s">
        <v>25</v>
      </c>
      <c r="G17205" s="16">
        <v>0</v>
      </c>
    </row>
    <row r="17206" spans="1:7" x14ac:dyDescent="0.3">
      <c r="A17206" s="13" t="s">
        <v>123</v>
      </c>
      <c r="B17206" s="14" t="s">
        <v>1</v>
      </c>
      <c r="C17206" s="14" t="s">
        <v>35</v>
      </c>
      <c r="D17206" s="14" t="s">
        <v>124</v>
      </c>
      <c r="E17206" s="15">
        <v>45427</v>
      </c>
      <c r="F17206" s="14" t="s">
        <v>25</v>
      </c>
      <c r="G17206" s="16">
        <v>0</v>
      </c>
    </row>
    <row r="17207" spans="1:7" x14ac:dyDescent="0.3">
      <c r="A17207" s="13" t="s">
        <v>123</v>
      </c>
      <c r="B17207" s="14" t="s">
        <v>1</v>
      </c>
      <c r="C17207" s="14" t="s">
        <v>35</v>
      </c>
      <c r="D17207" s="14" t="s">
        <v>124</v>
      </c>
      <c r="E17207" s="15">
        <v>45428</v>
      </c>
      <c r="F17207" s="14" t="s">
        <v>25</v>
      </c>
      <c r="G17207" s="16">
        <v>0</v>
      </c>
    </row>
    <row r="17208" spans="1:7" x14ac:dyDescent="0.3">
      <c r="A17208" s="13" t="s">
        <v>123</v>
      </c>
      <c r="B17208" s="14" t="s">
        <v>1</v>
      </c>
      <c r="C17208" s="14" t="s">
        <v>35</v>
      </c>
      <c r="D17208" s="14" t="s">
        <v>124</v>
      </c>
      <c r="E17208" s="15">
        <v>45429</v>
      </c>
      <c r="F17208" s="14" t="s">
        <v>25</v>
      </c>
      <c r="G17208" s="16">
        <v>0</v>
      </c>
    </row>
    <row r="17209" spans="1:7" x14ac:dyDescent="0.3">
      <c r="A17209" s="13" t="s">
        <v>123</v>
      </c>
      <c r="B17209" s="14" t="s">
        <v>1</v>
      </c>
      <c r="C17209" s="14" t="s">
        <v>35</v>
      </c>
      <c r="D17209" s="14" t="s">
        <v>124</v>
      </c>
      <c r="E17209" s="15">
        <v>45430</v>
      </c>
      <c r="F17209" s="14" t="s">
        <v>25</v>
      </c>
      <c r="G17209" s="16">
        <v>0</v>
      </c>
    </row>
    <row r="17210" spans="1:7" x14ac:dyDescent="0.3">
      <c r="A17210" s="13" t="s">
        <v>123</v>
      </c>
      <c r="B17210" s="14" t="s">
        <v>1</v>
      </c>
      <c r="C17210" s="14" t="s">
        <v>35</v>
      </c>
      <c r="D17210" s="14" t="s">
        <v>124</v>
      </c>
      <c r="E17210" s="15">
        <v>45431</v>
      </c>
      <c r="F17210" s="14" t="s">
        <v>25</v>
      </c>
      <c r="G17210" s="16">
        <v>0</v>
      </c>
    </row>
    <row r="17211" spans="1:7" x14ac:dyDescent="0.3">
      <c r="A17211" s="13" t="s">
        <v>123</v>
      </c>
      <c r="B17211" s="14" t="s">
        <v>1</v>
      </c>
      <c r="C17211" s="14" t="s">
        <v>35</v>
      </c>
      <c r="D17211" s="14" t="s">
        <v>124</v>
      </c>
      <c r="E17211" s="15">
        <v>45432</v>
      </c>
      <c r="F17211" s="14" t="s">
        <v>25</v>
      </c>
      <c r="G17211" s="16">
        <v>0</v>
      </c>
    </row>
    <row r="17212" spans="1:7" x14ac:dyDescent="0.3">
      <c r="A17212" s="13" t="s">
        <v>123</v>
      </c>
      <c r="B17212" s="14" t="s">
        <v>1</v>
      </c>
      <c r="C17212" s="14" t="s">
        <v>35</v>
      </c>
      <c r="D17212" s="14" t="s">
        <v>124</v>
      </c>
      <c r="E17212" s="15">
        <v>45433</v>
      </c>
      <c r="F17212" s="14" t="s">
        <v>25</v>
      </c>
      <c r="G17212" s="16">
        <v>0</v>
      </c>
    </row>
    <row r="17213" spans="1:7" x14ac:dyDescent="0.3">
      <c r="A17213" s="13" t="s">
        <v>123</v>
      </c>
      <c r="B17213" s="14" t="s">
        <v>1</v>
      </c>
      <c r="C17213" s="14" t="s">
        <v>35</v>
      </c>
      <c r="D17213" s="14" t="s">
        <v>124</v>
      </c>
      <c r="E17213" s="15">
        <v>45434</v>
      </c>
      <c r="F17213" s="14" t="s">
        <v>25</v>
      </c>
      <c r="G17213" s="16">
        <v>0</v>
      </c>
    </row>
    <row r="17214" spans="1:7" x14ac:dyDescent="0.3">
      <c r="A17214" s="13" t="s">
        <v>123</v>
      </c>
      <c r="B17214" s="14" t="s">
        <v>1</v>
      </c>
      <c r="C17214" s="14" t="s">
        <v>35</v>
      </c>
      <c r="D17214" s="14" t="s">
        <v>124</v>
      </c>
      <c r="E17214" s="15">
        <v>45435</v>
      </c>
      <c r="F17214" s="14" t="s">
        <v>25</v>
      </c>
      <c r="G17214" s="16">
        <v>0</v>
      </c>
    </row>
    <row r="17215" spans="1:7" x14ac:dyDescent="0.3">
      <c r="A17215" s="13" t="s">
        <v>123</v>
      </c>
      <c r="B17215" s="14" t="s">
        <v>1</v>
      </c>
      <c r="C17215" s="14" t="s">
        <v>35</v>
      </c>
      <c r="D17215" s="14" t="s">
        <v>124</v>
      </c>
      <c r="E17215" s="15">
        <v>45436</v>
      </c>
      <c r="F17215" s="14" t="s">
        <v>25</v>
      </c>
      <c r="G17215" s="16">
        <v>0</v>
      </c>
    </row>
    <row r="17216" spans="1:7" x14ac:dyDescent="0.3">
      <c r="A17216" s="13" t="s">
        <v>123</v>
      </c>
      <c r="B17216" s="14" t="s">
        <v>1</v>
      </c>
      <c r="C17216" s="14" t="s">
        <v>35</v>
      </c>
      <c r="D17216" s="14" t="s">
        <v>124</v>
      </c>
      <c r="E17216" s="15">
        <v>45437</v>
      </c>
      <c r="F17216" s="14" t="s">
        <v>25</v>
      </c>
      <c r="G17216" s="16">
        <v>0</v>
      </c>
    </row>
    <row r="17217" spans="1:7" x14ac:dyDescent="0.3">
      <c r="A17217" s="13" t="s">
        <v>123</v>
      </c>
      <c r="B17217" s="14" t="s">
        <v>1</v>
      </c>
      <c r="C17217" s="14" t="s">
        <v>35</v>
      </c>
      <c r="D17217" s="14" t="s">
        <v>124</v>
      </c>
      <c r="E17217" s="15">
        <v>45438</v>
      </c>
      <c r="F17217" s="14" t="s">
        <v>25</v>
      </c>
      <c r="G17217" s="16">
        <v>0</v>
      </c>
    </row>
    <row r="17218" spans="1:7" x14ac:dyDescent="0.3">
      <c r="A17218" s="13" t="s">
        <v>123</v>
      </c>
      <c r="B17218" s="14" t="s">
        <v>1</v>
      </c>
      <c r="C17218" s="14" t="s">
        <v>35</v>
      </c>
      <c r="D17218" s="14" t="s">
        <v>124</v>
      </c>
      <c r="E17218" s="15">
        <v>45439</v>
      </c>
      <c r="F17218" s="14" t="s">
        <v>25</v>
      </c>
      <c r="G17218" s="16">
        <v>0</v>
      </c>
    </row>
    <row r="17219" spans="1:7" x14ac:dyDescent="0.3">
      <c r="A17219" s="13" t="s">
        <v>123</v>
      </c>
      <c r="B17219" s="14" t="s">
        <v>1</v>
      </c>
      <c r="C17219" s="14" t="s">
        <v>35</v>
      </c>
      <c r="D17219" s="14" t="s">
        <v>124</v>
      </c>
      <c r="E17219" s="15">
        <v>45440</v>
      </c>
      <c r="F17219" s="14" t="s">
        <v>25</v>
      </c>
      <c r="G17219" s="16">
        <v>0</v>
      </c>
    </row>
    <row r="17220" spans="1:7" x14ac:dyDescent="0.3">
      <c r="A17220" s="13" t="s">
        <v>123</v>
      </c>
      <c r="B17220" s="14" t="s">
        <v>1</v>
      </c>
      <c r="C17220" s="14" t="s">
        <v>35</v>
      </c>
      <c r="D17220" s="14" t="s">
        <v>124</v>
      </c>
      <c r="E17220" s="15">
        <v>45441</v>
      </c>
      <c r="F17220" s="14" t="s">
        <v>25</v>
      </c>
      <c r="G17220" s="16">
        <v>0</v>
      </c>
    </row>
    <row r="17221" spans="1:7" x14ac:dyDescent="0.3">
      <c r="A17221" s="13" t="s">
        <v>123</v>
      </c>
      <c r="B17221" s="14" t="s">
        <v>1</v>
      </c>
      <c r="C17221" s="14" t="s">
        <v>35</v>
      </c>
      <c r="D17221" s="14" t="s">
        <v>124</v>
      </c>
      <c r="E17221" s="15">
        <v>45442</v>
      </c>
      <c r="F17221" s="14" t="s">
        <v>25</v>
      </c>
      <c r="G17221" s="16">
        <v>0</v>
      </c>
    </row>
    <row r="17222" spans="1:7" x14ac:dyDescent="0.3">
      <c r="A17222" s="13" t="s">
        <v>123</v>
      </c>
      <c r="B17222" s="14" t="s">
        <v>1</v>
      </c>
      <c r="C17222" s="14" t="s">
        <v>35</v>
      </c>
      <c r="D17222" s="14" t="s">
        <v>124</v>
      </c>
      <c r="E17222" s="15">
        <v>45443</v>
      </c>
      <c r="F17222" s="14" t="s">
        <v>25</v>
      </c>
      <c r="G17222" s="16">
        <v>0</v>
      </c>
    </row>
    <row r="17223" spans="1:7" x14ac:dyDescent="0.3">
      <c r="A17223" s="13" t="s">
        <v>123</v>
      </c>
      <c r="B17223" s="14" t="s">
        <v>1</v>
      </c>
      <c r="C17223" s="14" t="s">
        <v>35</v>
      </c>
      <c r="D17223" s="14" t="s">
        <v>124</v>
      </c>
      <c r="E17223" s="15">
        <v>45444</v>
      </c>
      <c r="F17223" s="14" t="s">
        <v>25</v>
      </c>
      <c r="G17223" s="16">
        <v>0</v>
      </c>
    </row>
    <row r="17224" spans="1:7" x14ac:dyDescent="0.3">
      <c r="A17224" s="13" t="s">
        <v>123</v>
      </c>
      <c r="B17224" s="14" t="s">
        <v>1</v>
      </c>
      <c r="C17224" s="14" t="s">
        <v>35</v>
      </c>
      <c r="D17224" s="14" t="s">
        <v>124</v>
      </c>
      <c r="E17224" s="15">
        <v>45445</v>
      </c>
      <c r="F17224" s="14" t="s">
        <v>25</v>
      </c>
      <c r="G17224" s="16">
        <v>0</v>
      </c>
    </row>
    <row r="17225" spans="1:7" x14ac:dyDescent="0.3">
      <c r="A17225" s="13" t="s">
        <v>123</v>
      </c>
      <c r="B17225" s="14" t="s">
        <v>1</v>
      </c>
      <c r="C17225" s="14" t="s">
        <v>35</v>
      </c>
      <c r="D17225" s="14" t="s">
        <v>124</v>
      </c>
      <c r="E17225" s="15">
        <v>45446</v>
      </c>
      <c r="F17225" s="14" t="s">
        <v>25</v>
      </c>
      <c r="G17225" s="16">
        <v>0</v>
      </c>
    </row>
    <row r="17226" spans="1:7" x14ac:dyDescent="0.3">
      <c r="A17226" s="13" t="s">
        <v>123</v>
      </c>
      <c r="B17226" s="14" t="s">
        <v>1</v>
      </c>
      <c r="C17226" s="14" t="s">
        <v>35</v>
      </c>
      <c r="D17226" s="14" t="s">
        <v>124</v>
      </c>
      <c r="E17226" s="15">
        <v>45447</v>
      </c>
      <c r="F17226" s="14" t="s">
        <v>25</v>
      </c>
      <c r="G17226" s="16">
        <v>0</v>
      </c>
    </row>
    <row r="17227" spans="1:7" x14ac:dyDescent="0.3">
      <c r="A17227" s="13" t="s">
        <v>123</v>
      </c>
      <c r="B17227" s="14" t="s">
        <v>1</v>
      </c>
      <c r="C17227" s="14" t="s">
        <v>35</v>
      </c>
      <c r="D17227" s="14" t="s">
        <v>124</v>
      </c>
      <c r="E17227" s="15">
        <v>45448</v>
      </c>
      <c r="F17227" s="14" t="s">
        <v>25</v>
      </c>
      <c r="G17227" s="16">
        <v>0</v>
      </c>
    </row>
    <row r="17228" spans="1:7" x14ac:dyDescent="0.3">
      <c r="A17228" s="13" t="s">
        <v>123</v>
      </c>
      <c r="B17228" s="14" t="s">
        <v>1</v>
      </c>
      <c r="C17228" s="14" t="s">
        <v>35</v>
      </c>
      <c r="D17228" s="14" t="s">
        <v>124</v>
      </c>
      <c r="E17228" s="15">
        <v>45449</v>
      </c>
      <c r="F17228" s="14" t="s">
        <v>25</v>
      </c>
      <c r="G17228" s="16">
        <v>0</v>
      </c>
    </row>
    <row r="17229" spans="1:7" x14ac:dyDescent="0.3">
      <c r="A17229" s="13" t="s">
        <v>123</v>
      </c>
      <c r="B17229" s="14" t="s">
        <v>1</v>
      </c>
      <c r="C17229" s="14" t="s">
        <v>35</v>
      </c>
      <c r="D17229" s="14" t="s">
        <v>124</v>
      </c>
      <c r="E17229" s="15">
        <v>45450</v>
      </c>
      <c r="F17229" s="14" t="s">
        <v>25</v>
      </c>
      <c r="G17229" s="16">
        <v>0</v>
      </c>
    </row>
    <row r="17230" spans="1:7" x14ac:dyDescent="0.3">
      <c r="A17230" s="13" t="s">
        <v>123</v>
      </c>
      <c r="B17230" s="14" t="s">
        <v>1</v>
      </c>
      <c r="C17230" s="14" t="s">
        <v>35</v>
      </c>
      <c r="D17230" s="14" t="s">
        <v>124</v>
      </c>
      <c r="E17230" s="15">
        <v>45451</v>
      </c>
      <c r="F17230" s="14" t="s">
        <v>25</v>
      </c>
      <c r="G17230" s="16">
        <v>0</v>
      </c>
    </row>
    <row r="17231" spans="1:7" x14ac:dyDescent="0.3">
      <c r="A17231" s="13" t="s">
        <v>123</v>
      </c>
      <c r="B17231" s="14" t="s">
        <v>1</v>
      </c>
      <c r="C17231" s="14" t="s">
        <v>35</v>
      </c>
      <c r="D17231" s="14" t="s">
        <v>124</v>
      </c>
      <c r="E17231" s="15">
        <v>45452</v>
      </c>
      <c r="F17231" s="14" t="s">
        <v>25</v>
      </c>
      <c r="G17231" s="16">
        <v>0</v>
      </c>
    </row>
    <row r="17232" spans="1:7" x14ac:dyDescent="0.3">
      <c r="A17232" s="13" t="s">
        <v>123</v>
      </c>
      <c r="B17232" s="14" t="s">
        <v>1</v>
      </c>
      <c r="C17232" s="14" t="s">
        <v>35</v>
      </c>
      <c r="D17232" s="14" t="s">
        <v>124</v>
      </c>
      <c r="E17232" s="15">
        <v>45453</v>
      </c>
      <c r="F17232" s="14" t="s">
        <v>25</v>
      </c>
      <c r="G17232" s="16">
        <v>0</v>
      </c>
    </row>
    <row r="17233" spans="1:7" x14ac:dyDescent="0.3">
      <c r="A17233" s="13" t="s">
        <v>123</v>
      </c>
      <c r="B17233" s="14" t="s">
        <v>1</v>
      </c>
      <c r="C17233" s="14" t="s">
        <v>35</v>
      </c>
      <c r="D17233" s="14" t="s">
        <v>124</v>
      </c>
      <c r="E17233" s="15">
        <v>45454</v>
      </c>
      <c r="F17233" s="14" t="s">
        <v>25</v>
      </c>
      <c r="G17233" s="16">
        <v>0</v>
      </c>
    </row>
    <row r="17234" spans="1:7" x14ac:dyDescent="0.3">
      <c r="A17234" s="13" t="s">
        <v>123</v>
      </c>
      <c r="B17234" s="14" t="s">
        <v>1</v>
      </c>
      <c r="C17234" s="14" t="s">
        <v>35</v>
      </c>
      <c r="D17234" s="14" t="s">
        <v>124</v>
      </c>
      <c r="E17234" s="15">
        <v>45455</v>
      </c>
      <c r="F17234" s="14" t="s">
        <v>25</v>
      </c>
      <c r="G17234" s="16">
        <v>0</v>
      </c>
    </row>
    <row r="17235" spans="1:7" x14ac:dyDescent="0.3">
      <c r="A17235" s="13" t="s">
        <v>123</v>
      </c>
      <c r="B17235" s="14" t="s">
        <v>1</v>
      </c>
      <c r="C17235" s="14" t="s">
        <v>35</v>
      </c>
      <c r="D17235" s="14" t="s">
        <v>124</v>
      </c>
      <c r="E17235" s="15">
        <v>45456</v>
      </c>
      <c r="F17235" s="14" t="s">
        <v>25</v>
      </c>
      <c r="G17235" s="16">
        <v>0</v>
      </c>
    </row>
    <row r="17236" spans="1:7" x14ac:dyDescent="0.3">
      <c r="A17236" s="13" t="s">
        <v>123</v>
      </c>
      <c r="B17236" s="14" t="s">
        <v>1</v>
      </c>
      <c r="C17236" s="14" t="s">
        <v>35</v>
      </c>
      <c r="D17236" s="14" t="s">
        <v>124</v>
      </c>
      <c r="E17236" s="15">
        <v>45457</v>
      </c>
      <c r="F17236" s="14" t="s">
        <v>25</v>
      </c>
      <c r="G17236" s="16">
        <v>1.9711644767791303E-2</v>
      </c>
    </row>
    <row r="17237" spans="1:7" x14ac:dyDescent="0.3">
      <c r="A17237" s="13" t="s">
        <v>123</v>
      </c>
      <c r="B17237" s="14" t="s">
        <v>1</v>
      </c>
      <c r="C17237" s="14" t="s">
        <v>35</v>
      </c>
      <c r="D17237" s="14" t="s">
        <v>124</v>
      </c>
      <c r="E17237" s="15">
        <v>45458</v>
      </c>
      <c r="F17237" s="14" t="s">
        <v>25</v>
      </c>
      <c r="G17237" s="16">
        <v>1.9711644767791303E-2</v>
      </c>
    </row>
    <row r="17238" spans="1:7" x14ac:dyDescent="0.3">
      <c r="A17238" s="13" t="s">
        <v>123</v>
      </c>
      <c r="B17238" s="14" t="s">
        <v>1</v>
      </c>
      <c r="C17238" s="14" t="s">
        <v>35</v>
      </c>
      <c r="D17238" s="14" t="s">
        <v>124</v>
      </c>
      <c r="E17238" s="15">
        <v>45459</v>
      </c>
      <c r="F17238" s="14" t="s">
        <v>25</v>
      </c>
      <c r="G17238" s="16">
        <v>1.9711644767791303E-2</v>
      </c>
    </row>
    <row r="17239" spans="1:7" x14ac:dyDescent="0.3">
      <c r="A17239" s="13" t="s">
        <v>123</v>
      </c>
      <c r="B17239" s="14" t="s">
        <v>1</v>
      </c>
      <c r="C17239" s="14" t="s">
        <v>35</v>
      </c>
      <c r="D17239" s="14" t="s">
        <v>124</v>
      </c>
      <c r="E17239" s="15">
        <v>45460</v>
      </c>
      <c r="F17239" s="14" t="s">
        <v>25</v>
      </c>
      <c r="G17239" s="16">
        <v>1.860784145130322E-2</v>
      </c>
    </row>
    <row r="17240" spans="1:7" x14ac:dyDescent="0.3">
      <c r="A17240" s="13" t="s">
        <v>123</v>
      </c>
      <c r="B17240" s="14" t="s">
        <v>1</v>
      </c>
      <c r="C17240" s="14" t="s">
        <v>35</v>
      </c>
      <c r="D17240" s="14" t="s">
        <v>124</v>
      </c>
      <c r="E17240" s="15">
        <v>45461</v>
      </c>
      <c r="F17240" s="14" t="s">
        <v>25</v>
      </c>
      <c r="G17240" s="16">
        <v>1.4999097847848902E-2</v>
      </c>
    </row>
    <row r="17241" spans="1:7" x14ac:dyDescent="0.3">
      <c r="A17241" s="13" t="s">
        <v>123</v>
      </c>
      <c r="B17241" s="14" t="s">
        <v>1</v>
      </c>
      <c r="C17241" s="14" t="s">
        <v>35</v>
      </c>
      <c r="D17241" s="14" t="s">
        <v>124</v>
      </c>
      <c r="E17241" s="15">
        <v>45462</v>
      </c>
      <c r="F17241" s="14" t="s">
        <v>25</v>
      </c>
      <c r="G17241" s="16">
        <v>1.3907752646319148E-2</v>
      </c>
    </row>
    <row r="17242" spans="1:7" x14ac:dyDescent="0.3">
      <c r="A17242" s="13" t="s">
        <v>123</v>
      </c>
      <c r="B17242" s="14" t="s">
        <v>1</v>
      </c>
      <c r="C17242" s="14" t="s">
        <v>35</v>
      </c>
      <c r="D17242" s="14" t="s">
        <v>124</v>
      </c>
      <c r="E17242" s="15">
        <v>45463</v>
      </c>
      <c r="F17242" s="14" t="s">
        <v>25</v>
      </c>
      <c r="G17242" s="16">
        <v>1.2814689084105485E-2</v>
      </c>
    </row>
    <row r="17243" spans="1:7" x14ac:dyDescent="0.3">
      <c r="A17243" s="13" t="s">
        <v>123</v>
      </c>
      <c r="B17243" s="14" t="s">
        <v>1</v>
      </c>
      <c r="C17243" s="14" t="s">
        <v>35</v>
      </c>
      <c r="D17243" s="14" t="s">
        <v>124</v>
      </c>
      <c r="E17243" s="15">
        <v>45464</v>
      </c>
      <c r="F17243" s="14" t="s">
        <v>25</v>
      </c>
      <c r="G17243" s="16">
        <v>1.17220551120628E-2</v>
      </c>
    </row>
    <row r="17244" spans="1:7" x14ac:dyDescent="0.3">
      <c r="A17244" s="13" t="s">
        <v>123</v>
      </c>
      <c r="B17244" s="14" t="s">
        <v>1</v>
      </c>
      <c r="C17244" s="14" t="s">
        <v>35</v>
      </c>
      <c r="D17244" s="14" t="s">
        <v>124</v>
      </c>
      <c r="E17244" s="15">
        <v>45465</v>
      </c>
      <c r="F17244" s="14" t="s">
        <v>25</v>
      </c>
      <c r="G17244" s="16">
        <v>1.17220551120628E-2</v>
      </c>
    </row>
    <row r="17245" spans="1:7" x14ac:dyDescent="0.3">
      <c r="A17245" s="13" t="s">
        <v>123</v>
      </c>
      <c r="B17245" s="14" t="s">
        <v>1</v>
      </c>
      <c r="C17245" s="14" t="s">
        <v>35</v>
      </c>
      <c r="D17245" s="14" t="s">
        <v>124</v>
      </c>
      <c r="E17245" s="15">
        <v>45466</v>
      </c>
      <c r="F17245" s="14" t="s">
        <v>25</v>
      </c>
      <c r="G17245" s="16">
        <v>1.17220551120628E-2</v>
      </c>
    </row>
    <row r="17246" spans="1:7" x14ac:dyDescent="0.3">
      <c r="A17246" s="13" t="s">
        <v>123</v>
      </c>
      <c r="B17246" s="14" t="s">
        <v>1</v>
      </c>
      <c r="C17246" s="14" t="s">
        <v>35</v>
      </c>
      <c r="D17246" s="14" t="s">
        <v>124</v>
      </c>
      <c r="E17246" s="15">
        <v>45467</v>
      </c>
      <c r="F17246" s="14" t="s">
        <v>25</v>
      </c>
      <c r="G17246" s="16">
        <v>1.0622118107113509E-2</v>
      </c>
    </row>
    <row r="17247" spans="1:7" x14ac:dyDescent="0.3">
      <c r="A17247" s="13" t="s">
        <v>123</v>
      </c>
      <c r="B17247" s="14" t="s">
        <v>1</v>
      </c>
      <c r="C17247" s="14" t="s">
        <v>35</v>
      </c>
      <c r="D17247" s="14" t="s">
        <v>124</v>
      </c>
      <c r="E17247" s="15">
        <v>45468</v>
      </c>
      <c r="F17247" s="14" t="s">
        <v>25</v>
      </c>
      <c r="G17247" s="16">
        <v>7.0352836023790119E-3</v>
      </c>
    </row>
    <row r="17248" spans="1:7" x14ac:dyDescent="0.3">
      <c r="A17248" s="13" t="s">
        <v>123</v>
      </c>
      <c r="B17248" s="14" t="s">
        <v>1</v>
      </c>
      <c r="C17248" s="14" t="s">
        <v>35</v>
      </c>
      <c r="D17248" s="14" t="s">
        <v>124</v>
      </c>
      <c r="E17248" s="15">
        <v>45469</v>
      </c>
      <c r="F17248" s="14" t="s">
        <v>25</v>
      </c>
      <c r="G17248" s="16">
        <v>5.9353465974297205E-3</v>
      </c>
    </row>
    <row r="17249" spans="1:7" x14ac:dyDescent="0.3">
      <c r="A17249" s="13" t="s">
        <v>123</v>
      </c>
      <c r="B17249" s="14" t="s">
        <v>1</v>
      </c>
      <c r="C17249" s="14" t="s">
        <v>35</v>
      </c>
      <c r="D17249" s="14" t="s">
        <v>124</v>
      </c>
      <c r="E17249" s="15">
        <v>45470</v>
      </c>
      <c r="F17249" s="14" t="s">
        <v>25</v>
      </c>
      <c r="G17249" s="16">
        <v>4.8440013958999661E-3</v>
      </c>
    </row>
    <row r="17250" spans="1:7" x14ac:dyDescent="0.3">
      <c r="A17250" s="13" t="s">
        <v>123</v>
      </c>
      <c r="B17250" s="14" t="s">
        <v>1</v>
      </c>
      <c r="C17250" s="14" t="s">
        <v>35</v>
      </c>
      <c r="D17250" s="14" t="s">
        <v>124</v>
      </c>
      <c r="E17250" s="15">
        <v>45471</v>
      </c>
      <c r="F17250" s="14" t="s">
        <v>25</v>
      </c>
      <c r="G17250" s="16">
        <v>3.7586704567638884E-3</v>
      </c>
    </row>
    <row r="17251" spans="1:7" x14ac:dyDescent="0.3">
      <c r="A17251" s="13" t="s">
        <v>123</v>
      </c>
      <c r="B17251" s="14" t="s">
        <v>1</v>
      </c>
      <c r="C17251" s="14" t="s">
        <v>35</v>
      </c>
      <c r="D17251" s="14" t="s">
        <v>124</v>
      </c>
      <c r="E17251" s="15">
        <v>45472</v>
      </c>
      <c r="F17251" s="14" t="s">
        <v>25</v>
      </c>
      <c r="G17251" s="16">
        <v>3.7586704567638884E-3</v>
      </c>
    </row>
    <row r="17252" spans="1:7" x14ac:dyDescent="0.3">
      <c r="A17252" s="13" t="s">
        <v>123</v>
      </c>
      <c r="B17252" s="14" t="s">
        <v>1</v>
      </c>
      <c r="C17252" s="14" t="s">
        <v>35</v>
      </c>
      <c r="D17252" s="14" t="s">
        <v>124</v>
      </c>
      <c r="E17252" s="15">
        <v>45473</v>
      </c>
      <c r="F17252" s="14" t="s">
        <v>25</v>
      </c>
      <c r="G17252" s="16">
        <v>3.7586704567638884E-3</v>
      </c>
    </row>
    <row r="17253" spans="1:7" x14ac:dyDescent="0.3">
      <c r="A17253" s="13" t="s">
        <v>123</v>
      </c>
      <c r="B17253" s="14" t="s">
        <v>1</v>
      </c>
      <c r="C17253" s="14" t="s">
        <v>35</v>
      </c>
      <c r="D17253" s="14" t="s">
        <v>124</v>
      </c>
      <c r="E17253" s="15">
        <v>45474</v>
      </c>
      <c r="F17253" s="14" t="s">
        <v>25</v>
      </c>
      <c r="G17253" s="16">
        <v>2.6711915667729266E-3</v>
      </c>
    </row>
    <row r="17254" spans="1:7" x14ac:dyDescent="0.3">
      <c r="A17254" s="13" t="s">
        <v>123</v>
      </c>
      <c r="B17254" s="14" t="s">
        <v>1</v>
      </c>
      <c r="C17254" s="14" t="s">
        <v>35</v>
      </c>
      <c r="D17254" s="14" t="s">
        <v>124</v>
      </c>
      <c r="E17254" s="15">
        <v>45475</v>
      </c>
      <c r="F17254" s="14" t="s">
        <v>25</v>
      </c>
      <c r="G17254" s="16">
        <v>0</v>
      </c>
    </row>
    <row r="17255" spans="1:7" x14ac:dyDescent="0.3">
      <c r="A17255" s="13" t="s">
        <v>123</v>
      </c>
      <c r="B17255" s="14" t="s">
        <v>1</v>
      </c>
      <c r="C17255" s="14" t="s">
        <v>35</v>
      </c>
      <c r="D17255" s="14" t="s">
        <v>124</v>
      </c>
      <c r="E17255" s="15">
        <v>45476</v>
      </c>
      <c r="F17255" s="14" t="s">
        <v>25</v>
      </c>
      <c r="G17255" s="16">
        <v>0</v>
      </c>
    </row>
    <row r="17256" spans="1:7" x14ac:dyDescent="0.3">
      <c r="A17256" s="13" t="s">
        <v>123</v>
      </c>
      <c r="B17256" s="14" t="s">
        <v>1</v>
      </c>
      <c r="C17256" s="14" t="s">
        <v>35</v>
      </c>
      <c r="D17256" s="14" t="s">
        <v>124</v>
      </c>
      <c r="E17256" s="15">
        <v>45477</v>
      </c>
      <c r="F17256" s="14" t="s">
        <v>25</v>
      </c>
      <c r="G17256" s="16">
        <v>0</v>
      </c>
    </row>
    <row r="17257" spans="1:7" x14ac:dyDescent="0.3">
      <c r="A17257" s="13" t="s">
        <v>123</v>
      </c>
      <c r="B17257" s="14" t="s">
        <v>1</v>
      </c>
      <c r="C17257" s="14" t="s">
        <v>35</v>
      </c>
      <c r="D17257" s="14" t="s">
        <v>124</v>
      </c>
      <c r="E17257" s="15">
        <v>45478</v>
      </c>
      <c r="F17257" s="14" t="s">
        <v>25</v>
      </c>
      <c r="G17257" s="16">
        <v>0</v>
      </c>
    </row>
    <row r="17258" spans="1:7" x14ac:dyDescent="0.3">
      <c r="A17258" s="13" t="s">
        <v>123</v>
      </c>
      <c r="B17258" s="14" t="s">
        <v>1</v>
      </c>
      <c r="C17258" s="14" t="s">
        <v>35</v>
      </c>
      <c r="D17258" s="14" t="s">
        <v>124</v>
      </c>
      <c r="E17258" s="15">
        <v>45479</v>
      </c>
      <c r="F17258" s="14" t="s">
        <v>25</v>
      </c>
      <c r="G17258" s="16">
        <v>0</v>
      </c>
    </row>
    <row r="17259" spans="1:7" x14ac:dyDescent="0.3">
      <c r="A17259" s="13" t="s">
        <v>123</v>
      </c>
      <c r="B17259" s="14" t="s">
        <v>1</v>
      </c>
      <c r="C17259" s="14" t="s">
        <v>35</v>
      </c>
      <c r="D17259" s="14" t="s">
        <v>124</v>
      </c>
      <c r="E17259" s="15">
        <v>45480</v>
      </c>
      <c r="F17259" s="14" t="s">
        <v>25</v>
      </c>
      <c r="G17259" s="16">
        <v>0</v>
      </c>
    </row>
    <row r="17260" spans="1:7" x14ac:dyDescent="0.3">
      <c r="A17260" s="13" t="s">
        <v>123</v>
      </c>
      <c r="B17260" s="14" t="s">
        <v>1</v>
      </c>
      <c r="C17260" s="14" t="s">
        <v>35</v>
      </c>
      <c r="D17260" s="14" t="s">
        <v>124</v>
      </c>
      <c r="E17260" s="15">
        <v>45481</v>
      </c>
      <c r="F17260" s="14" t="s">
        <v>25</v>
      </c>
      <c r="G17260" s="16">
        <v>0</v>
      </c>
    </row>
    <row r="17261" spans="1:7" x14ac:dyDescent="0.3">
      <c r="A17261" s="13" t="s">
        <v>123</v>
      </c>
      <c r="B17261" s="14" t="s">
        <v>1</v>
      </c>
      <c r="C17261" s="14" t="s">
        <v>35</v>
      </c>
      <c r="D17261" s="14" t="s">
        <v>124</v>
      </c>
      <c r="E17261" s="15">
        <v>45482</v>
      </c>
      <c r="F17261" s="14" t="s">
        <v>25</v>
      </c>
      <c r="G17261" s="16">
        <v>0</v>
      </c>
    </row>
    <row r="17262" spans="1:7" x14ac:dyDescent="0.3">
      <c r="A17262" s="13" t="s">
        <v>123</v>
      </c>
      <c r="B17262" s="14" t="s">
        <v>1</v>
      </c>
      <c r="C17262" s="14" t="s">
        <v>35</v>
      </c>
      <c r="D17262" s="14" t="s">
        <v>124</v>
      </c>
      <c r="E17262" s="15">
        <v>45483</v>
      </c>
      <c r="F17262" s="14" t="s">
        <v>25</v>
      </c>
      <c r="G17262" s="16">
        <v>0</v>
      </c>
    </row>
    <row r="17263" spans="1:7" x14ac:dyDescent="0.3">
      <c r="A17263" s="13" t="s">
        <v>123</v>
      </c>
      <c r="B17263" s="14" t="s">
        <v>1</v>
      </c>
      <c r="C17263" s="14" t="s">
        <v>35</v>
      </c>
      <c r="D17263" s="14" t="s">
        <v>124</v>
      </c>
      <c r="E17263" s="15">
        <v>45484</v>
      </c>
      <c r="F17263" s="14" t="s">
        <v>25</v>
      </c>
      <c r="G17263" s="16">
        <v>0</v>
      </c>
    </row>
    <row r="17264" spans="1:7" x14ac:dyDescent="0.3">
      <c r="A17264" s="13" t="s">
        <v>123</v>
      </c>
      <c r="B17264" s="14" t="s">
        <v>1</v>
      </c>
      <c r="C17264" s="14" t="s">
        <v>35</v>
      </c>
      <c r="D17264" s="14" t="s">
        <v>124</v>
      </c>
      <c r="E17264" s="15">
        <v>45485</v>
      </c>
      <c r="F17264" s="14" t="s">
        <v>25</v>
      </c>
      <c r="G17264" s="16">
        <v>0</v>
      </c>
    </row>
    <row r="17265" spans="1:7" x14ac:dyDescent="0.3">
      <c r="A17265" s="13" t="s">
        <v>123</v>
      </c>
      <c r="B17265" s="14" t="s">
        <v>1</v>
      </c>
      <c r="C17265" s="14" t="s">
        <v>35</v>
      </c>
      <c r="D17265" s="14" t="s">
        <v>124</v>
      </c>
      <c r="E17265" s="15">
        <v>45486</v>
      </c>
      <c r="F17265" s="14" t="s">
        <v>25</v>
      </c>
      <c r="G17265" s="16">
        <v>0</v>
      </c>
    </row>
    <row r="17266" spans="1:7" x14ac:dyDescent="0.3">
      <c r="A17266" s="13" t="s">
        <v>123</v>
      </c>
      <c r="B17266" s="14" t="s">
        <v>1</v>
      </c>
      <c r="C17266" s="14" t="s">
        <v>35</v>
      </c>
      <c r="D17266" s="14" t="s">
        <v>124</v>
      </c>
      <c r="E17266" s="15">
        <v>45487</v>
      </c>
      <c r="F17266" s="14" t="s">
        <v>25</v>
      </c>
      <c r="G17266" s="16">
        <v>0</v>
      </c>
    </row>
    <row r="17267" spans="1:7" x14ac:dyDescent="0.3">
      <c r="A17267" s="13" t="s">
        <v>123</v>
      </c>
      <c r="B17267" s="14" t="s">
        <v>1</v>
      </c>
      <c r="C17267" s="14" t="s">
        <v>35</v>
      </c>
      <c r="D17267" s="14" t="s">
        <v>124</v>
      </c>
      <c r="E17267" s="15">
        <v>45488</v>
      </c>
      <c r="F17267" s="14" t="s">
        <v>25</v>
      </c>
      <c r="G17267" s="16">
        <v>0</v>
      </c>
    </row>
    <row r="17268" spans="1:7" x14ac:dyDescent="0.3">
      <c r="A17268" s="13" t="s">
        <v>123</v>
      </c>
      <c r="B17268" s="14" t="s">
        <v>1</v>
      </c>
      <c r="C17268" s="14" t="s">
        <v>35</v>
      </c>
      <c r="D17268" s="14" t="s">
        <v>124</v>
      </c>
      <c r="E17268" s="15">
        <v>45489</v>
      </c>
      <c r="F17268" s="14" t="s">
        <v>25</v>
      </c>
      <c r="G17268" s="16">
        <v>0</v>
      </c>
    </row>
    <row r="17269" spans="1:7" x14ac:dyDescent="0.3">
      <c r="A17269" s="13" t="s">
        <v>123</v>
      </c>
      <c r="B17269" s="14" t="s">
        <v>1</v>
      </c>
      <c r="C17269" s="14" t="s">
        <v>35</v>
      </c>
      <c r="D17269" s="14" t="s">
        <v>124</v>
      </c>
      <c r="E17269" s="15">
        <v>45490</v>
      </c>
      <c r="F17269" s="14" t="s">
        <v>25</v>
      </c>
      <c r="G17269" s="16">
        <v>0</v>
      </c>
    </row>
    <row r="17270" spans="1:7" x14ac:dyDescent="0.3">
      <c r="A17270" s="13" t="s">
        <v>123</v>
      </c>
      <c r="B17270" s="14" t="s">
        <v>1</v>
      </c>
      <c r="C17270" s="14" t="s">
        <v>35</v>
      </c>
      <c r="D17270" s="14" t="s">
        <v>124</v>
      </c>
      <c r="E17270" s="15">
        <v>45491</v>
      </c>
      <c r="F17270" s="14" t="s">
        <v>25</v>
      </c>
      <c r="G17270" s="16">
        <v>0</v>
      </c>
    </row>
    <row r="17271" spans="1:7" x14ac:dyDescent="0.3">
      <c r="A17271" s="13" t="s">
        <v>123</v>
      </c>
      <c r="B17271" s="14" t="s">
        <v>1</v>
      </c>
      <c r="C17271" s="14" t="s">
        <v>35</v>
      </c>
      <c r="D17271" s="14" t="s">
        <v>124</v>
      </c>
      <c r="E17271" s="15">
        <v>45492</v>
      </c>
      <c r="F17271" s="14" t="s">
        <v>25</v>
      </c>
      <c r="G17271" s="16">
        <v>0</v>
      </c>
    </row>
    <row r="17272" spans="1:7" x14ac:dyDescent="0.3">
      <c r="A17272" s="13" t="s">
        <v>123</v>
      </c>
      <c r="B17272" s="14" t="s">
        <v>1</v>
      </c>
      <c r="C17272" s="14" t="s">
        <v>35</v>
      </c>
      <c r="D17272" s="14" t="s">
        <v>124</v>
      </c>
      <c r="E17272" s="15">
        <v>45493</v>
      </c>
      <c r="F17272" s="14" t="s">
        <v>25</v>
      </c>
      <c r="G17272" s="16">
        <v>0</v>
      </c>
    </row>
    <row r="17273" spans="1:7" x14ac:dyDescent="0.3">
      <c r="A17273" s="13" t="s">
        <v>123</v>
      </c>
      <c r="B17273" s="14" t="s">
        <v>1</v>
      </c>
      <c r="C17273" s="14" t="s">
        <v>35</v>
      </c>
      <c r="D17273" s="14" t="s">
        <v>124</v>
      </c>
      <c r="E17273" s="15">
        <v>45494</v>
      </c>
      <c r="F17273" s="14" t="s">
        <v>25</v>
      </c>
      <c r="G17273" s="16">
        <v>0</v>
      </c>
    </row>
    <row r="17274" spans="1:7" x14ac:dyDescent="0.3">
      <c r="A17274" s="13" t="s">
        <v>123</v>
      </c>
      <c r="B17274" s="14" t="s">
        <v>1</v>
      </c>
      <c r="C17274" s="14" t="s">
        <v>35</v>
      </c>
      <c r="D17274" s="14" t="s">
        <v>124</v>
      </c>
      <c r="E17274" s="15">
        <v>45495</v>
      </c>
      <c r="F17274" s="14" t="s">
        <v>25</v>
      </c>
      <c r="G17274" s="16">
        <v>0</v>
      </c>
    </row>
    <row r="17275" spans="1:7" x14ac:dyDescent="0.3">
      <c r="A17275" s="13" t="s">
        <v>123</v>
      </c>
      <c r="B17275" s="14" t="s">
        <v>1</v>
      </c>
      <c r="C17275" s="14" t="s">
        <v>35</v>
      </c>
      <c r="D17275" s="14" t="s">
        <v>124</v>
      </c>
      <c r="E17275" s="15">
        <v>45496</v>
      </c>
      <c r="F17275" s="14" t="s">
        <v>25</v>
      </c>
      <c r="G17275" s="16">
        <v>0</v>
      </c>
    </row>
    <row r="17276" spans="1:7" x14ac:dyDescent="0.3">
      <c r="A17276" s="13" t="s">
        <v>123</v>
      </c>
      <c r="B17276" s="14" t="s">
        <v>1</v>
      </c>
      <c r="C17276" s="14" t="s">
        <v>35</v>
      </c>
      <c r="D17276" s="14" t="s">
        <v>124</v>
      </c>
      <c r="E17276" s="15">
        <v>45497</v>
      </c>
      <c r="F17276" s="14" t="s">
        <v>25</v>
      </c>
      <c r="G17276" s="16">
        <v>0</v>
      </c>
    </row>
    <row r="17277" spans="1:7" x14ac:dyDescent="0.3">
      <c r="A17277" s="13" t="s">
        <v>123</v>
      </c>
      <c r="B17277" s="14" t="s">
        <v>1</v>
      </c>
      <c r="C17277" s="14" t="s">
        <v>35</v>
      </c>
      <c r="D17277" s="14" t="s">
        <v>124</v>
      </c>
      <c r="E17277" s="15">
        <v>45498</v>
      </c>
      <c r="F17277" s="14" t="s">
        <v>25</v>
      </c>
      <c r="G17277" s="16">
        <v>0</v>
      </c>
    </row>
    <row r="17278" spans="1:7" x14ac:dyDescent="0.3">
      <c r="A17278" s="13" t="s">
        <v>123</v>
      </c>
      <c r="B17278" s="14" t="s">
        <v>1</v>
      </c>
      <c r="C17278" s="14" t="s">
        <v>35</v>
      </c>
      <c r="D17278" s="14" t="s">
        <v>124</v>
      </c>
      <c r="E17278" s="15">
        <v>45499</v>
      </c>
      <c r="F17278" s="14" t="s">
        <v>25</v>
      </c>
      <c r="G17278" s="16">
        <v>0</v>
      </c>
    </row>
    <row r="17279" spans="1:7" x14ac:dyDescent="0.3">
      <c r="A17279" s="13" t="s">
        <v>123</v>
      </c>
      <c r="B17279" s="14" t="s">
        <v>1</v>
      </c>
      <c r="C17279" s="14" t="s">
        <v>35</v>
      </c>
      <c r="D17279" s="14" t="s">
        <v>124</v>
      </c>
      <c r="E17279" s="15">
        <v>45500</v>
      </c>
      <c r="F17279" s="14" t="s">
        <v>25</v>
      </c>
      <c r="G17279" s="16">
        <v>0</v>
      </c>
    </row>
    <row r="17280" spans="1:7" x14ac:dyDescent="0.3">
      <c r="A17280" s="13" t="s">
        <v>123</v>
      </c>
      <c r="B17280" s="14" t="s">
        <v>1</v>
      </c>
      <c r="C17280" s="14" t="s">
        <v>35</v>
      </c>
      <c r="D17280" s="14" t="s">
        <v>124</v>
      </c>
      <c r="E17280" s="15">
        <v>45501</v>
      </c>
      <c r="F17280" s="14" t="s">
        <v>25</v>
      </c>
      <c r="G17280" s="16">
        <v>0</v>
      </c>
    </row>
    <row r="17281" spans="1:7" x14ac:dyDescent="0.3">
      <c r="A17281" s="13" t="s">
        <v>123</v>
      </c>
      <c r="B17281" s="14" t="s">
        <v>1</v>
      </c>
      <c r="C17281" s="14" t="s">
        <v>35</v>
      </c>
      <c r="D17281" s="14" t="s">
        <v>124</v>
      </c>
      <c r="E17281" s="15">
        <v>45502</v>
      </c>
      <c r="F17281" s="14" t="s">
        <v>25</v>
      </c>
      <c r="G17281" s="16">
        <v>0</v>
      </c>
    </row>
    <row r="17282" spans="1:7" x14ac:dyDescent="0.3">
      <c r="A17282" s="13" t="s">
        <v>123</v>
      </c>
      <c r="B17282" s="14" t="s">
        <v>1</v>
      </c>
      <c r="C17282" s="14" t="s">
        <v>35</v>
      </c>
      <c r="D17282" s="14" t="s">
        <v>124</v>
      </c>
      <c r="E17282" s="15">
        <v>45503</v>
      </c>
      <c r="F17282" s="14" t="s">
        <v>25</v>
      </c>
      <c r="G17282" s="16">
        <v>0</v>
      </c>
    </row>
    <row r="17283" spans="1:7" x14ac:dyDescent="0.3">
      <c r="A17283" s="13" t="s">
        <v>123</v>
      </c>
      <c r="B17283" s="14" t="s">
        <v>1</v>
      </c>
      <c r="C17283" s="14" t="s">
        <v>35</v>
      </c>
      <c r="D17283" s="14" t="s">
        <v>124</v>
      </c>
      <c r="E17283" s="15">
        <v>45504</v>
      </c>
      <c r="F17283" s="14" t="s">
        <v>25</v>
      </c>
      <c r="G17283" s="16">
        <v>0</v>
      </c>
    </row>
    <row r="17284" spans="1:7" x14ac:dyDescent="0.3">
      <c r="A17284" s="13" t="s">
        <v>123</v>
      </c>
      <c r="B17284" s="14" t="s">
        <v>1</v>
      </c>
      <c r="C17284" s="14" t="s">
        <v>35</v>
      </c>
      <c r="D17284" s="14" t="s">
        <v>124</v>
      </c>
      <c r="E17284" s="15">
        <v>45505</v>
      </c>
      <c r="F17284" s="14" t="s">
        <v>25</v>
      </c>
      <c r="G17284" s="16">
        <v>0</v>
      </c>
    </row>
    <row r="17285" spans="1:7" x14ac:dyDescent="0.3">
      <c r="A17285" s="13" t="s">
        <v>123</v>
      </c>
      <c r="B17285" s="14" t="s">
        <v>1</v>
      </c>
      <c r="C17285" s="14" t="s">
        <v>35</v>
      </c>
      <c r="D17285" s="14" t="s">
        <v>124</v>
      </c>
      <c r="E17285" s="15">
        <v>45506</v>
      </c>
      <c r="F17285" s="14" t="s">
        <v>25</v>
      </c>
      <c r="G17285" s="16">
        <v>0</v>
      </c>
    </row>
    <row r="17286" spans="1:7" x14ac:dyDescent="0.3">
      <c r="A17286" s="13" t="s">
        <v>123</v>
      </c>
      <c r="B17286" s="14" t="s">
        <v>1</v>
      </c>
      <c r="C17286" s="14" t="s">
        <v>35</v>
      </c>
      <c r="D17286" s="14" t="s">
        <v>124</v>
      </c>
      <c r="E17286" s="15">
        <v>45507</v>
      </c>
      <c r="F17286" s="14" t="s">
        <v>25</v>
      </c>
      <c r="G17286" s="16">
        <v>0</v>
      </c>
    </row>
    <row r="17287" spans="1:7" x14ac:dyDescent="0.3">
      <c r="A17287" s="13" t="s">
        <v>123</v>
      </c>
      <c r="B17287" s="14" t="s">
        <v>1</v>
      </c>
      <c r="C17287" s="14" t="s">
        <v>35</v>
      </c>
      <c r="D17287" s="14" t="s">
        <v>124</v>
      </c>
      <c r="E17287" s="15">
        <v>45508</v>
      </c>
      <c r="F17287" s="14" t="s">
        <v>25</v>
      </c>
      <c r="G17287" s="16">
        <v>0</v>
      </c>
    </row>
    <row r="17288" spans="1:7" x14ac:dyDescent="0.3">
      <c r="A17288" s="13" t="s">
        <v>123</v>
      </c>
      <c r="B17288" s="14" t="s">
        <v>1</v>
      </c>
      <c r="C17288" s="14" t="s">
        <v>35</v>
      </c>
      <c r="D17288" s="14" t="s">
        <v>124</v>
      </c>
      <c r="E17288" s="15">
        <v>45509</v>
      </c>
      <c r="F17288" s="14" t="s">
        <v>25</v>
      </c>
      <c r="G17288" s="16">
        <v>0</v>
      </c>
    </row>
    <row r="17289" spans="1:7" x14ac:dyDescent="0.3">
      <c r="A17289" s="13" t="s">
        <v>123</v>
      </c>
      <c r="B17289" s="14" t="s">
        <v>1</v>
      </c>
      <c r="C17289" s="14" t="s">
        <v>35</v>
      </c>
      <c r="D17289" s="14" t="s">
        <v>124</v>
      </c>
      <c r="E17289" s="15">
        <v>45510</v>
      </c>
      <c r="F17289" s="14" t="s">
        <v>25</v>
      </c>
      <c r="G17289" s="16">
        <v>0</v>
      </c>
    </row>
    <row r="17290" spans="1:7" x14ac:dyDescent="0.3">
      <c r="A17290" s="13" t="s">
        <v>123</v>
      </c>
      <c r="B17290" s="14" t="s">
        <v>1</v>
      </c>
      <c r="C17290" s="14" t="s">
        <v>35</v>
      </c>
      <c r="D17290" s="14" t="s">
        <v>124</v>
      </c>
      <c r="E17290" s="15">
        <v>45511</v>
      </c>
      <c r="F17290" s="14" t="s">
        <v>25</v>
      </c>
      <c r="G17290" s="16">
        <v>0</v>
      </c>
    </row>
    <row r="17291" spans="1:7" x14ac:dyDescent="0.3">
      <c r="A17291" s="13" t="s">
        <v>123</v>
      </c>
      <c r="B17291" s="14" t="s">
        <v>1</v>
      </c>
      <c r="C17291" s="14" t="s">
        <v>35</v>
      </c>
      <c r="D17291" s="14" t="s">
        <v>124</v>
      </c>
      <c r="E17291" s="15">
        <v>45512</v>
      </c>
      <c r="F17291" s="14" t="s">
        <v>25</v>
      </c>
      <c r="G17291" s="16">
        <v>0</v>
      </c>
    </row>
    <row r="17292" spans="1:7" x14ac:dyDescent="0.3">
      <c r="A17292" s="13" t="s">
        <v>123</v>
      </c>
      <c r="B17292" s="14" t="s">
        <v>1</v>
      </c>
      <c r="C17292" s="14" t="s">
        <v>35</v>
      </c>
      <c r="D17292" s="14" t="s">
        <v>124</v>
      </c>
      <c r="E17292" s="15">
        <v>45513</v>
      </c>
      <c r="F17292" s="14" t="s">
        <v>25</v>
      </c>
      <c r="G17292" s="16">
        <v>0</v>
      </c>
    </row>
    <row r="17293" spans="1:7" x14ac:dyDescent="0.3">
      <c r="A17293" s="13" t="s">
        <v>123</v>
      </c>
      <c r="B17293" s="14" t="s">
        <v>1</v>
      </c>
      <c r="C17293" s="14" t="s">
        <v>35</v>
      </c>
      <c r="D17293" s="14" t="s">
        <v>124</v>
      </c>
      <c r="E17293" s="15">
        <v>45514</v>
      </c>
      <c r="F17293" s="14" t="s">
        <v>25</v>
      </c>
      <c r="G17293" s="16">
        <v>0</v>
      </c>
    </row>
    <row r="17294" spans="1:7" x14ac:dyDescent="0.3">
      <c r="A17294" s="13" t="s">
        <v>123</v>
      </c>
      <c r="B17294" s="14" t="s">
        <v>1</v>
      </c>
      <c r="C17294" s="14" t="s">
        <v>35</v>
      </c>
      <c r="D17294" s="14" t="s">
        <v>124</v>
      </c>
      <c r="E17294" s="15">
        <v>45515</v>
      </c>
      <c r="F17294" s="14" t="s">
        <v>25</v>
      </c>
      <c r="G17294" s="16">
        <v>0</v>
      </c>
    </row>
    <row r="17295" spans="1:7" x14ac:dyDescent="0.3">
      <c r="A17295" s="13" t="s">
        <v>123</v>
      </c>
      <c r="B17295" s="14" t="s">
        <v>1</v>
      </c>
      <c r="C17295" s="14" t="s">
        <v>35</v>
      </c>
      <c r="D17295" s="14" t="s">
        <v>124</v>
      </c>
      <c r="E17295" s="15">
        <v>45516</v>
      </c>
      <c r="F17295" s="14" t="s">
        <v>25</v>
      </c>
      <c r="G17295" s="16">
        <v>0</v>
      </c>
    </row>
    <row r="17296" spans="1:7" x14ac:dyDescent="0.3">
      <c r="A17296" s="13" t="s">
        <v>123</v>
      </c>
      <c r="B17296" s="14" t="s">
        <v>1</v>
      </c>
      <c r="C17296" s="14" t="s">
        <v>35</v>
      </c>
      <c r="D17296" s="14" t="s">
        <v>124</v>
      </c>
      <c r="E17296" s="15">
        <v>45517</v>
      </c>
      <c r="F17296" s="14" t="s">
        <v>25</v>
      </c>
      <c r="G17296" s="16">
        <v>0</v>
      </c>
    </row>
    <row r="17297" spans="1:7" x14ac:dyDescent="0.3">
      <c r="A17297" s="13" t="s">
        <v>123</v>
      </c>
      <c r="B17297" s="14" t="s">
        <v>1</v>
      </c>
      <c r="C17297" s="14" t="s">
        <v>35</v>
      </c>
      <c r="D17297" s="14" t="s">
        <v>124</v>
      </c>
      <c r="E17297" s="15">
        <v>45518</v>
      </c>
      <c r="F17297" s="14" t="s">
        <v>25</v>
      </c>
      <c r="G17297" s="16">
        <v>0</v>
      </c>
    </row>
    <row r="17298" spans="1:7" x14ac:dyDescent="0.3">
      <c r="A17298" s="13" t="s">
        <v>123</v>
      </c>
      <c r="B17298" s="14" t="s">
        <v>1</v>
      </c>
      <c r="C17298" s="14" t="s">
        <v>35</v>
      </c>
      <c r="D17298" s="14" t="s">
        <v>124</v>
      </c>
      <c r="E17298" s="15">
        <v>45519</v>
      </c>
      <c r="F17298" s="14" t="s">
        <v>25</v>
      </c>
      <c r="G17298" s="16">
        <v>0</v>
      </c>
    </row>
    <row r="17299" spans="1:7" x14ac:dyDescent="0.3">
      <c r="A17299" s="13" t="s">
        <v>123</v>
      </c>
      <c r="B17299" s="14" t="s">
        <v>1</v>
      </c>
      <c r="C17299" s="14" t="s">
        <v>35</v>
      </c>
      <c r="D17299" s="14" t="s">
        <v>124</v>
      </c>
      <c r="E17299" s="15">
        <v>45520</v>
      </c>
      <c r="F17299" s="14" t="s">
        <v>25</v>
      </c>
      <c r="G17299" s="16">
        <v>0</v>
      </c>
    </row>
    <row r="17300" spans="1:7" x14ac:dyDescent="0.3">
      <c r="A17300" s="13" t="s">
        <v>123</v>
      </c>
      <c r="B17300" s="14" t="s">
        <v>1</v>
      </c>
      <c r="C17300" s="14" t="s">
        <v>35</v>
      </c>
      <c r="D17300" s="14" t="s">
        <v>124</v>
      </c>
      <c r="E17300" s="15">
        <v>45521</v>
      </c>
      <c r="F17300" s="14" t="s">
        <v>25</v>
      </c>
      <c r="G17300" s="16">
        <v>0</v>
      </c>
    </row>
    <row r="17301" spans="1:7" x14ac:dyDescent="0.3">
      <c r="A17301" s="13" t="s">
        <v>123</v>
      </c>
      <c r="B17301" s="14" t="s">
        <v>1</v>
      </c>
      <c r="C17301" s="14" t="s">
        <v>35</v>
      </c>
      <c r="D17301" s="14" t="s">
        <v>124</v>
      </c>
      <c r="E17301" s="15">
        <v>45522</v>
      </c>
      <c r="F17301" s="14" t="s">
        <v>25</v>
      </c>
      <c r="G17301" s="16">
        <v>0</v>
      </c>
    </row>
    <row r="17302" spans="1:7" x14ac:dyDescent="0.3">
      <c r="A17302" s="13" t="s">
        <v>123</v>
      </c>
      <c r="B17302" s="14" t="s">
        <v>1</v>
      </c>
      <c r="C17302" s="14" t="s">
        <v>35</v>
      </c>
      <c r="D17302" s="14" t="s">
        <v>124</v>
      </c>
      <c r="E17302" s="15">
        <v>45523</v>
      </c>
      <c r="F17302" s="14" t="s">
        <v>25</v>
      </c>
      <c r="G17302" s="16">
        <v>0</v>
      </c>
    </row>
    <row r="17303" spans="1:7" x14ac:dyDescent="0.3">
      <c r="A17303" s="13" t="s">
        <v>123</v>
      </c>
      <c r="B17303" s="14" t="s">
        <v>1</v>
      </c>
      <c r="C17303" s="14" t="s">
        <v>35</v>
      </c>
      <c r="D17303" s="14" t="s">
        <v>124</v>
      </c>
      <c r="E17303" s="15">
        <v>45524</v>
      </c>
      <c r="F17303" s="14" t="s">
        <v>25</v>
      </c>
      <c r="G17303" s="16">
        <v>0</v>
      </c>
    </row>
    <row r="17304" spans="1:7" x14ac:dyDescent="0.3">
      <c r="A17304" s="13" t="s">
        <v>123</v>
      </c>
      <c r="B17304" s="14" t="s">
        <v>1</v>
      </c>
      <c r="C17304" s="14" t="s">
        <v>35</v>
      </c>
      <c r="D17304" s="14" t="s">
        <v>124</v>
      </c>
      <c r="E17304" s="15">
        <v>45525</v>
      </c>
      <c r="F17304" s="14" t="s">
        <v>25</v>
      </c>
      <c r="G17304" s="16">
        <v>0</v>
      </c>
    </row>
    <row r="17305" spans="1:7" x14ac:dyDescent="0.3">
      <c r="A17305" s="13" t="s">
        <v>123</v>
      </c>
      <c r="B17305" s="14" t="s">
        <v>1</v>
      </c>
      <c r="C17305" s="14" t="s">
        <v>35</v>
      </c>
      <c r="D17305" s="14" t="s">
        <v>124</v>
      </c>
      <c r="E17305" s="15">
        <v>45526</v>
      </c>
      <c r="F17305" s="14" t="s">
        <v>25</v>
      </c>
      <c r="G17305" s="16">
        <v>0</v>
      </c>
    </row>
    <row r="17306" spans="1:7" x14ac:dyDescent="0.3">
      <c r="A17306" s="13" t="s">
        <v>123</v>
      </c>
      <c r="B17306" s="14" t="s">
        <v>1</v>
      </c>
      <c r="C17306" s="14" t="s">
        <v>35</v>
      </c>
      <c r="D17306" s="14" t="s">
        <v>124</v>
      </c>
      <c r="E17306" s="15">
        <v>45527</v>
      </c>
      <c r="F17306" s="14" t="s">
        <v>25</v>
      </c>
      <c r="G17306" s="16">
        <v>0</v>
      </c>
    </row>
    <row r="17307" spans="1:7" x14ac:dyDescent="0.3">
      <c r="A17307" s="13" t="s">
        <v>123</v>
      </c>
      <c r="B17307" s="14" t="s">
        <v>1</v>
      </c>
      <c r="C17307" s="14" t="s">
        <v>35</v>
      </c>
      <c r="D17307" s="14" t="s">
        <v>124</v>
      </c>
      <c r="E17307" s="15">
        <v>45528</v>
      </c>
      <c r="F17307" s="14" t="s">
        <v>25</v>
      </c>
      <c r="G17307" s="16">
        <v>0</v>
      </c>
    </row>
    <row r="17308" spans="1:7" x14ac:dyDescent="0.3">
      <c r="A17308" s="13" t="s">
        <v>123</v>
      </c>
      <c r="B17308" s="14" t="s">
        <v>1</v>
      </c>
      <c r="C17308" s="14" t="s">
        <v>35</v>
      </c>
      <c r="D17308" s="14" t="s">
        <v>124</v>
      </c>
      <c r="E17308" s="15">
        <v>45529</v>
      </c>
      <c r="F17308" s="14" t="s">
        <v>25</v>
      </c>
      <c r="G17308" s="16">
        <v>0</v>
      </c>
    </row>
    <row r="17309" spans="1:7" x14ac:dyDescent="0.3">
      <c r="A17309" s="13" t="s">
        <v>123</v>
      </c>
      <c r="B17309" s="14" t="s">
        <v>1</v>
      </c>
      <c r="C17309" s="14" t="s">
        <v>35</v>
      </c>
      <c r="D17309" s="14" t="s">
        <v>124</v>
      </c>
      <c r="E17309" s="15">
        <v>45530</v>
      </c>
      <c r="F17309" s="14" t="s">
        <v>25</v>
      </c>
      <c r="G17309" s="16">
        <v>0</v>
      </c>
    </row>
    <row r="17310" spans="1:7" x14ac:dyDescent="0.3">
      <c r="A17310" s="13" t="s">
        <v>123</v>
      </c>
      <c r="B17310" s="14" t="s">
        <v>1</v>
      </c>
      <c r="C17310" s="14" t="s">
        <v>35</v>
      </c>
      <c r="D17310" s="14" t="s">
        <v>124</v>
      </c>
      <c r="E17310" s="15">
        <v>45531</v>
      </c>
      <c r="F17310" s="14" t="s">
        <v>25</v>
      </c>
      <c r="G17310" s="16">
        <v>0</v>
      </c>
    </row>
    <row r="17311" spans="1:7" x14ac:dyDescent="0.3">
      <c r="A17311" s="13" t="s">
        <v>123</v>
      </c>
      <c r="B17311" s="14" t="s">
        <v>1</v>
      </c>
      <c r="C17311" s="14" t="s">
        <v>35</v>
      </c>
      <c r="D17311" s="14" t="s">
        <v>124</v>
      </c>
      <c r="E17311" s="15">
        <v>45532</v>
      </c>
      <c r="F17311" s="14" t="s">
        <v>25</v>
      </c>
      <c r="G17311" s="16">
        <v>0</v>
      </c>
    </row>
    <row r="17312" spans="1:7" x14ac:dyDescent="0.3">
      <c r="A17312" s="13" t="s">
        <v>123</v>
      </c>
      <c r="B17312" s="14" t="s">
        <v>1</v>
      </c>
      <c r="C17312" s="14" t="s">
        <v>35</v>
      </c>
      <c r="D17312" s="14" t="s">
        <v>124</v>
      </c>
      <c r="E17312" s="15">
        <v>45533</v>
      </c>
      <c r="F17312" s="14" t="s">
        <v>25</v>
      </c>
      <c r="G17312" s="16">
        <v>0</v>
      </c>
    </row>
    <row r="17313" spans="1:7" x14ac:dyDescent="0.3">
      <c r="A17313" s="13" t="s">
        <v>123</v>
      </c>
      <c r="B17313" s="14" t="s">
        <v>1</v>
      </c>
      <c r="C17313" s="14" t="s">
        <v>35</v>
      </c>
      <c r="D17313" s="14" t="s">
        <v>124</v>
      </c>
      <c r="E17313" s="15">
        <v>45534</v>
      </c>
      <c r="F17313" s="14" t="s">
        <v>25</v>
      </c>
      <c r="G17313" s="16">
        <v>0</v>
      </c>
    </row>
    <row r="17314" spans="1:7" x14ac:dyDescent="0.3">
      <c r="A17314" s="13" t="s">
        <v>123</v>
      </c>
      <c r="B17314" s="14" t="s">
        <v>1</v>
      </c>
      <c r="C17314" s="14" t="s">
        <v>35</v>
      </c>
      <c r="D17314" s="14" t="s">
        <v>124</v>
      </c>
      <c r="E17314" s="15">
        <v>45535</v>
      </c>
      <c r="F17314" s="14" t="s">
        <v>25</v>
      </c>
      <c r="G17314" s="16">
        <v>0</v>
      </c>
    </row>
    <row r="17315" spans="1:7" x14ac:dyDescent="0.3">
      <c r="A17315" s="13" t="s">
        <v>123</v>
      </c>
      <c r="B17315" s="14" t="s">
        <v>1</v>
      </c>
      <c r="C17315" s="14" t="s">
        <v>35</v>
      </c>
      <c r="D17315" s="14" t="s">
        <v>124</v>
      </c>
      <c r="E17315" s="15">
        <v>45536</v>
      </c>
      <c r="F17315" s="14" t="s">
        <v>25</v>
      </c>
      <c r="G17315" s="16">
        <v>0</v>
      </c>
    </row>
    <row r="17316" spans="1:7" x14ac:dyDescent="0.3">
      <c r="A17316" s="13" t="s">
        <v>123</v>
      </c>
      <c r="B17316" s="14" t="s">
        <v>1</v>
      </c>
      <c r="C17316" s="14" t="s">
        <v>35</v>
      </c>
      <c r="D17316" s="14" t="s">
        <v>124</v>
      </c>
      <c r="E17316" s="15">
        <v>45537</v>
      </c>
      <c r="F17316" s="14" t="s">
        <v>25</v>
      </c>
      <c r="G17316" s="16">
        <v>0</v>
      </c>
    </row>
    <row r="17317" spans="1:7" x14ac:dyDescent="0.3">
      <c r="A17317" s="13" t="s">
        <v>123</v>
      </c>
      <c r="B17317" s="14" t="s">
        <v>1</v>
      </c>
      <c r="C17317" s="14" t="s">
        <v>35</v>
      </c>
      <c r="D17317" s="14" t="s">
        <v>124</v>
      </c>
      <c r="E17317" s="15">
        <v>45538</v>
      </c>
      <c r="F17317" s="14" t="s">
        <v>25</v>
      </c>
      <c r="G17317" s="16">
        <v>0</v>
      </c>
    </row>
    <row r="17318" spans="1:7" x14ac:dyDescent="0.3">
      <c r="A17318" s="13" t="s">
        <v>123</v>
      </c>
      <c r="B17318" s="14" t="s">
        <v>1</v>
      </c>
      <c r="C17318" s="14" t="s">
        <v>35</v>
      </c>
      <c r="D17318" s="14" t="s">
        <v>124</v>
      </c>
      <c r="E17318" s="15">
        <v>45539</v>
      </c>
      <c r="F17318" s="14" t="s">
        <v>25</v>
      </c>
      <c r="G17318" s="16">
        <v>0</v>
      </c>
    </row>
    <row r="17319" spans="1:7" x14ac:dyDescent="0.3">
      <c r="A17319" s="13" t="s">
        <v>123</v>
      </c>
      <c r="B17319" s="14" t="s">
        <v>1</v>
      </c>
      <c r="C17319" s="14" t="s">
        <v>35</v>
      </c>
      <c r="D17319" s="14" t="s">
        <v>124</v>
      </c>
      <c r="E17319" s="15">
        <v>45540</v>
      </c>
      <c r="F17319" s="14" t="s">
        <v>25</v>
      </c>
      <c r="G17319" s="16">
        <v>0</v>
      </c>
    </row>
    <row r="17320" spans="1:7" x14ac:dyDescent="0.3">
      <c r="A17320" s="13" t="s">
        <v>123</v>
      </c>
      <c r="B17320" s="14" t="s">
        <v>1</v>
      </c>
      <c r="C17320" s="14" t="s">
        <v>35</v>
      </c>
      <c r="D17320" s="14" t="s">
        <v>124</v>
      </c>
      <c r="E17320" s="15">
        <v>45541</v>
      </c>
      <c r="F17320" s="14" t="s">
        <v>25</v>
      </c>
      <c r="G17320" s="16">
        <v>0</v>
      </c>
    </row>
    <row r="17321" spans="1:7" x14ac:dyDescent="0.3">
      <c r="A17321" s="13" t="s">
        <v>123</v>
      </c>
      <c r="B17321" s="14" t="s">
        <v>1</v>
      </c>
      <c r="C17321" s="14" t="s">
        <v>35</v>
      </c>
      <c r="D17321" s="14" t="s">
        <v>124</v>
      </c>
      <c r="E17321" s="15">
        <v>45542</v>
      </c>
      <c r="F17321" s="14" t="s">
        <v>25</v>
      </c>
      <c r="G17321" s="16">
        <v>0</v>
      </c>
    </row>
    <row r="17322" spans="1:7" x14ac:dyDescent="0.3">
      <c r="A17322" s="13" t="s">
        <v>123</v>
      </c>
      <c r="B17322" s="14" t="s">
        <v>1</v>
      </c>
      <c r="C17322" s="14" t="s">
        <v>35</v>
      </c>
      <c r="D17322" s="14" t="s">
        <v>124</v>
      </c>
      <c r="E17322" s="15">
        <v>45543</v>
      </c>
      <c r="F17322" s="14" t="s">
        <v>25</v>
      </c>
      <c r="G17322" s="16">
        <v>0</v>
      </c>
    </row>
    <row r="17323" spans="1:7" x14ac:dyDescent="0.3">
      <c r="A17323" s="13" t="s">
        <v>123</v>
      </c>
      <c r="B17323" s="14" t="s">
        <v>1</v>
      </c>
      <c r="C17323" s="14" t="s">
        <v>35</v>
      </c>
      <c r="D17323" s="14" t="s">
        <v>124</v>
      </c>
      <c r="E17323" s="15">
        <v>45544</v>
      </c>
      <c r="F17323" s="14" t="s">
        <v>25</v>
      </c>
      <c r="G17323" s="16">
        <v>0</v>
      </c>
    </row>
    <row r="17324" spans="1:7" x14ac:dyDescent="0.3">
      <c r="A17324" s="13" t="s">
        <v>123</v>
      </c>
      <c r="B17324" s="14" t="s">
        <v>1</v>
      </c>
      <c r="C17324" s="14" t="s">
        <v>35</v>
      </c>
      <c r="D17324" s="14" t="s">
        <v>124</v>
      </c>
      <c r="E17324" s="15">
        <v>45545</v>
      </c>
      <c r="F17324" s="14" t="s">
        <v>25</v>
      </c>
      <c r="G17324" s="16">
        <v>0</v>
      </c>
    </row>
    <row r="17325" spans="1:7" x14ac:dyDescent="0.3">
      <c r="A17325" s="13" t="s">
        <v>123</v>
      </c>
      <c r="B17325" s="14" t="s">
        <v>1</v>
      </c>
      <c r="C17325" s="14" t="s">
        <v>35</v>
      </c>
      <c r="D17325" s="14" t="s">
        <v>124</v>
      </c>
      <c r="E17325" s="15">
        <v>45546</v>
      </c>
      <c r="F17325" s="14" t="s">
        <v>25</v>
      </c>
      <c r="G17325" s="16">
        <v>0</v>
      </c>
    </row>
    <row r="17326" spans="1:7" x14ac:dyDescent="0.3">
      <c r="A17326" s="13" t="s">
        <v>123</v>
      </c>
      <c r="B17326" s="14" t="s">
        <v>1</v>
      </c>
      <c r="C17326" s="14" t="s">
        <v>35</v>
      </c>
      <c r="D17326" s="14" t="s">
        <v>124</v>
      </c>
      <c r="E17326" s="15">
        <v>45547</v>
      </c>
      <c r="F17326" s="14" t="s">
        <v>25</v>
      </c>
      <c r="G17326" s="16">
        <v>0</v>
      </c>
    </row>
    <row r="17327" spans="1:7" x14ac:dyDescent="0.3">
      <c r="A17327" s="13" t="s">
        <v>123</v>
      </c>
      <c r="B17327" s="14" t="s">
        <v>1</v>
      </c>
      <c r="C17327" s="14" t="s">
        <v>35</v>
      </c>
      <c r="D17327" s="14" t="s">
        <v>124</v>
      </c>
      <c r="E17327" s="15">
        <v>45548</v>
      </c>
      <c r="F17327" s="14" t="s">
        <v>25</v>
      </c>
      <c r="G17327" s="16">
        <v>0</v>
      </c>
    </row>
    <row r="17328" spans="1:7" x14ac:dyDescent="0.3">
      <c r="A17328" s="13" t="s">
        <v>123</v>
      </c>
      <c r="B17328" s="14" t="s">
        <v>1</v>
      </c>
      <c r="C17328" s="14" t="s">
        <v>35</v>
      </c>
      <c r="D17328" s="14" t="s">
        <v>124</v>
      </c>
      <c r="E17328" s="15">
        <v>45549</v>
      </c>
      <c r="F17328" s="14" t="s">
        <v>25</v>
      </c>
      <c r="G17328" s="16">
        <v>0</v>
      </c>
    </row>
    <row r="17329" spans="1:7" x14ac:dyDescent="0.3">
      <c r="A17329" s="13" t="s">
        <v>123</v>
      </c>
      <c r="B17329" s="14" t="s">
        <v>1</v>
      </c>
      <c r="C17329" s="14" t="s">
        <v>35</v>
      </c>
      <c r="D17329" s="14" t="s">
        <v>124</v>
      </c>
      <c r="E17329" s="15">
        <v>45550</v>
      </c>
      <c r="F17329" s="14" t="s">
        <v>25</v>
      </c>
      <c r="G17329" s="16">
        <v>0</v>
      </c>
    </row>
    <row r="17330" spans="1:7" x14ac:dyDescent="0.3">
      <c r="A17330" s="13" t="s">
        <v>123</v>
      </c>
      <c r="B17330" s="14" t="s">
        <v>1</v>
      </c>
      <c r="C17330" s="14" t="s">
        <v>35</v>
      </c>
      <c r="D17330" s="14" t="s">
        <v>124</v>
      </c>
      <c r="E17330" s="15">
        <v>45551</v>
      </c>
      <c r="F17330" s="14" t="s">
        <v>25</v>
      </c>
      <c r="G17330" s="16">
        <v>0</v>
      </c>
    </row>
    <row r="17331" spans="1:7" x14ac:dyDescent="0.3">
      <c r="A17331" s="13" t="s">
        <v>123</v>
      </c>
      <c r="B17331" s="14" t="s">
        <v>1</v>
      </c>
      <c r="C17331" s="14" t="s">
        <v>35</v>
      </c>
      <c r="D17331" s="14" t="s">
        <v>124</v>
      </c>
      <c r="E17331" s="15">
        <v>45552</v>
      </c>
      <c r="F17331" s="14" t="s">
        <v>25</v>
      </c>
      <c r="G17331" s="16">
        <v>0</v>
      </c>
    </row>
    <row r="17332" spans="1:7" x14ac:dyDescent="0.3">
      <c r="A17332" s="13" t="s">
        <v>123</v>
      </c>
      <c r="B17332" s="14" t="s">
        <v>1</v>
      </c>
      <c r="C17332" s="14" t="s">
        <v>35</v>
      </c>
      <c r="D17332" s="14" t="s">
        <v>124</v>
      </c>
      <c r="E17332" s="15">
        <v>45553</v>
      </c>
      <c r="F17332" s="14" t="s">
        <v>25</v>
      </c>
      <c r="G17332" s="16">
        <v>0</v>
      </c>
    </row>
    <row r="17333" spans="1:7" x14ac:dyDescent="0.3">
      <c r="A17333" s="13" t="s">
        <v>123</v>
      </c>
      <c r="B17333" s="14" t="s">
        <v>1</v>
      </c>
      <c r="C17333" s="14" t="s">
        <v>35</v>
      </c>
      <c r="D17333" s="14" t="s">
        <v>124</v>
      </c>
      <c r="E17333" s="15">
        <v>45554</v>
      </c>
      <c r="F17333" s="14" t="s">
        <v>25</v>
      </c>
      <c r="G17333" s="16">
        <v>0</v>
      </c>
    </row>
    <row r="17334" spans="1:7" x14ac:dyDescent="0.3">
      <c r="A17334" s="13" t="s">
        <v>123</v>
      </c>
      <c r="B17334" s="14" t="s">
        <v>1</v>
      </c>
      <c r="C17334" s="14" t="s">
        <v>35</v>
      </c>
      <c r="D17334" s="14" t="s">
        <v>124</v>
      </c>
      <c r="E17334" s="15">
        <v>45555</v>
      </c>
      <c r="F17334" s="14" t="s">
        <v>25</v>
      </c>
      <c r="G17334" s="16">
        <v>0</v>
      </c>
    </row>
    <row r="17335" spans="1:7" x14ac:dyDescent="0.3">
      <c r="A17335" s="13" t="s">
        <v>123</v>
      </c>
      <c r="B17335" s="14" t="s">
        <v>1</v>
      </c>
      <c r="C17335" s="14" t="s">
        <v>35</v>
      </c>
      <c r="D17335" s="14" t="s">
        <v>124</v>
      </c>
      <c r="E17335" s="15">
        <v>45556</v>
      </c>
      <c r="F17335" s="14" t="s">
        <v>25</v>
      </c>
      <c r="G17335" s="16">
        <v>0</v>
      </c>
    </row>
    <row r="17336" spans="1:7" x14ac:dyDescent="0.3">
      <c r="A17336" s="13" t="s">
        <v>123</v>
      </c>
      <c r="B17336" s="14" t="s">
        <v>1</v>
      </c>
      <c r="C17336" s="14" t="s">
        <v>35</v>
      </c>
      <c r="D17336" s="14" t="s">
        <v>124</v>
      </c>
      <c r="E17336" s="15">
        <v>45557</v>
      </c>
      <c r="F17336" s="14" t="s">
        <v>25</v>
      </c>
      <c r="G17336" s="16">
        <v>0</v>
      </c>
    </row>
    <row r="17337" spans="1:7" x14ac:dyDescent="0.3">
      <c r="A17337" s="13" t="s">
        <v>123</v>
      </c>
      <c r="B17337" s="14" t="s">
        <v>1</v>
      </c>
      <c r="C17337" s="14" t="s">
        <v>35</v>
      </c>
      <c r="D17337" s="14" t="s">
        <v>124</v>
      </c>
      <c r="E17337" s="15">
        <v>45558</v>
      </c>
      <c r="F17337" s="14" t="s">
        <v>25</v>
      </c>
      <c r="G17337" s="16">
        <v>0</v>
      </c>
    </row>
    <row r="17338" spans="1:7" x14ac:dyDescent="0.3">
      <c r="A17338" s="13" t="s">
        <v>123</v>
      </c>
      <c r="B17338" s="14" t="s">
        <v>1</v>
      </c>
      <c r="C17338" s="14" t="s">
        <v>35</v>
      </c>
      <c r="D17338" s="14" t="s">
        <v>124</v>
      </c>
      <c r="E17338" s="15">
        <v>45559</v>
      </c>
      <c r="F17338" s="14" t="s">
        <v>25</v>
      </c>
      <c r="G17338" s="16">
        <v>0</v>
      </c>
    </row>
    <row r="17339" spans="1:7" x14ac:dyDescent="0.3">
      <c r="A17339" s="13" t="s">
        <v>123</v>
      </c>
      <c r="B17339" s="14" t="s">
        <v>1</v>
      </c>
      <c r="C17339" s="14" t="s">
        <v>35</v>
      </c>
      <c r="D17339" s="14" t="s">
        <v>124</v>
      </c>
      <c r="E17339" s="15">
        <v>45560</v>
      </c>
      <c r="F17339" s="14" t="s">
        <v>25</v>
      </c>
      <c r="G17339" s="16">
        <v>0</v>
      </c>
    </row>
    <row r="17340" spans="1:7" x14ac:dyDescent="0.3">
      <c r="A17340" s="13" t="s">
        <v>123</v>
      </c>
      <c r="B17340" s="14" t="s">
        <v>1</v>
      </c>
      <c r="C17340" s="14" t="s">
        <v>35</v>
      </c>
      <c r="D17340" s="14" t="s">
        <v>124</v>
      </c>
      <c r="E17340" s="15">
        <v>45561</v>
      </c>
      <c r="F17340" s="14" t="s">
        <v>25</v>
      </c>
      <c r="G17340" s="16">
        <v>0</v>
      </c>
    </row>
    <row r="17341" spans="1:7" x14ac:dyDescent="0.3">
      <c r="A17341" s="13" t="s">
        <v>123</v>
      </c>
      <c r="B17341" s="14" t="s">
        <v>1</v>
      </c>
      <c r="C17341" s="14" t="s">
        <v>35</v>
      </c>
      <c r="D17341" s="14" t="s">
        <v>124</v>
      </c>
      <c r="E17341" s="15">
        <v>45562</v>
      </c>
      <c r="F17341" s="14" t="s">
        <v>25</v>
      </c>
      <c r="G17341" s="16">
        <v>0</v>
      </c>
    </row>
    <row r="17342" spans="1:7" x14ac:dyDescent="0.3">
      <c r="A17342" s="13" t="s">
        <v>123</v>
      </c>
      <c r="B17342" s="14" t="s">
        <v>1</v>
      </c>
      <c r="C17342" s="14" t="s">
        <v>35</v>
      </c>
      <c r="D17342" s="14" t="s">
        <v>124</v>
      </c>
      <c r="E17342" s="15">
        <v>45563</v>
      </c>
      <c r="F17342" s="14" t="s">
        <v>25</v>
      </c>
      <c r="G17342" s="16">
        <v>0</v>
      </c>
    </row>
    <row r="17343" spans="1:7" x14ac:dyDescent="0.3">
      <c r="A17343" s="13" t="s">
        <v>123</v>
      </c>
      <c r="B17343" s="14" t="s">
        <v>1</v>
      </c>
      <c r="C17343" s="14" t="s">
        <v>35</v>
      </c>
      <c r="D17343" s="14" t="s">
        <v>124</v>
      </c>
      <c r="E17343" s="15">
        <v>45564</v>
      </c>
      <c r="F17343" s="14" t="s">
        <v>25</v>
      </c>
      <c r="G17343" s="16">
        <v>0</v>
      </c>
    </row>
    <row r="17344" spans="1:7" x14ac:dyDescent="0.3">
      <c r="A17344" s="13" t="s">
        <v>123</v>
      </c>
      <c r="B17344" s="14" t="s">
        <v>1</v>
      </c>
      <c r="C17344" s="14" t="s">
        <v>35</v>
      </c>
      <c r="D17344" s="14" t="s">
        <v>124</v>
      </c>
      <c r="E17344" s="15">
        <v>45565</v>
      </c>
      <c r="F17344" s="14" t="s">
        <v>25</v>
      </c>
      <c r="G17344" s="16">
        <v>0</v>
      </c>
    </row>
    <row r="17345" spans="1:7" x14ac:dyDescent="0.3">
      <c r="A17345" s="13" t="s">
        <v>123</v>
      </c>
      <c r="B17345" s="14" t="s">
        <v>1</v>
      </c>
      <c r="C17345" s="14" t="s">
        <v>35</v>
      </c>
      <c r="D17345" s="14" t="s">
        <v>124</v>
      </c>
      <c r="E17345" s="15">
        <v>45566</v>
      </c>
      <c r="F17345" s="14" t="s">
        <v>25</v>
      </c>
      <c r="G17345" s="16">
        <v>0</v>
      </c>
    </row>
    <row r="17346" spans="1:7" x14ac:dyDescent="0.3">
      <c r="A17346" s="13" t="s">
        <v>123</v>
      </c>
      <c r="B17346" s="14" t="s">
        <v>1</v>
      </c>
      <c r="C17346" s="14" t="s">
        <v>35</v>
      </c>
      <c r="D17346" s="14" t="s">
        <v>124</v>
      </c>
      <c r="E17346" s="15">
        <v>45567</v>
      </c>
      <c r="F17346" s="14" t="s">
        <v>25</v>
      </c>
      <c r="G17346" s="16">
        <v>0</v>
      </c>
    </row>
    <row r="17347" spans="1:7" x14ac:dyDescent="0.3">
      <c r="A17347" s="13" t="s">
        <v>123</v>
      </c>
      <c r="B17347" s="14" t="s">
        <v>1</v>
      </c>
      <c r="C17347" s="14" t="s">
        <v>35</v>
      </c>
      <c r="D17347" s="14" t="s">
        <v>124</v>
      </c>
      <c r="E17347" s="15">
        <v>45568</v>
      </c>
      <c r="F17347" s="14" t="s">
        <v>25</v>
      </c>
      <c r="G17347" s="16">
        <v>0</v>
      </c>
    </row>
    <row r="17348" spans="1:7" x14ac:dyDescent="0.3">
      <c r="A17348" s="13" t="s">
        <v>123</v>
      </c>
      <c r="B17348" s="14" t="s">
        <v>1</v>
      </c>
      <c r="C17348" s="14" t="s">
        <v>35</v>
      </c>
      <c r="D17348" s="14" t="s">
        <v>124</v>
      </c>
      <c r="E17348" s="15">
        <v>45569</v>
      </c>
      <c r="F17348" s="14" t="s">
        <v>25</v>
      </c>
      <c r="G17348" s="16">
        <v>0</v>
      </c>
    </row>
    <row r="17349" spans="1:7" x14ac:dyDescent="0.3">
      <c r="A17349" s="13" t="s">
        <v>123</v>
      </c>
      <c r="B17349" s="14" t="s">
        <v>1</v>
      </c>
      <c r="C17349" s="14" t="s">
        <v>35</v>
      </c>
      <c r="D17349" s="14" t="s">
        <v>124</v>
      </c>
      <c r="E17349" s="15">
        <v>45570</v>
      </c>
      <c r="F17349" s="14" t="s">
        <v>25</v>
      </c>
      <c r="G17349" s="16">
        <v>0</v>
      </c>
    </row>
    <row r="17350" spans="1:7" x14ac:dyDescent="0.3">
      <c r="A17350" s="13" t="s">
        <v>123</v>
      </c>
      <c r="B17350" s="14" t="s">
        <v>1</v>
      </c>
      <c r="C17350" s="14" t="s">
        <v>35</v>
      </c>
      <c r="D17350" s="14" t="s">
        <v>124</v>
      </c>
      <c r="E17350" s="15">
        <v>45571</v>
      </c>
      <c r="F17350" s="14" t="s">
        <v>25</v>
      </c>
      <c r="G17350" s="16">
        <v>0</v>
      </c>
    </row>
    <row r="17351" spans="1:7" x14ac:dyDescent="0.3">
      <c r="A17351" s="13" t="s">
        <v>123</v>
      </c>
      <c r="B17351" s="14" t="s">
        <v>1</v>
      </c>
      <c r="C17351" s="14" t="s">
        <v>35</v>
      </c>
      <c r="D17351" s="14" t="s">
        <v>124</v>
      </c>
      <c r="E17351" s="15">
        <v>45572</v>
      </c>
      <c r="F17351" s="14" t="s">
        <v>25</v>
      </c>
      <c r="G17351" s="16">
        <v>0</v>
      </c>
    </row>
    <row r="17352" spans="1:7" x14ac:dyDescent="0.3">
      <c r="A17352" s="13" t="s">
        <v>123</v>
      </c>
      <c r="B17352" s="14" t="s">
        <v>1</v>
      </c>
      <c r="C17352" s="14" t="s">
        <v>35</v>
      </c>
      <c r="D17352" s="14" t="s">
        <v>124</v>
      </c>
      <c r="E17352" s="15">
        <v>45573</v>
      </c>
      <c r="F17352" s="14" t="s">
        <v>25</v>
      </c>
      <c r="G17352" s="16">
        <v>0</v>
      </c>
    </row>
    <row r="17353" spans="1:7" x14ac:dyDescent="0.3">
      <c r="A17353" s="13" t="s">
        <v>123</v>
      </c>
      <c r="B17353" s="14" t="s">
        <v>1</v>
      </c>
      <c r="C17353" s="14" t="s">
        <v>35</v>
      </c>
      <c r="D17353" s="14" t="s">
        <v>124</v>
      </c>
      <c r="E17353" s="15">
        <v>45574</v>
      </c>
      <c r="F17353" s="14" t="s">
        <v>25</v>
      </c>
      <c r="G17353" s="16">
        <v>0</v>
      </c>
    </row>
    <row r="17354" spans="1:7" x14ac:dyDescent="0.3">
      <c r="A17354" s="13" t="s">
        <v>123</v>
      </c>
      <c r="B17354" s="14" t="s">
        <v>1</v>
      </c>
      <c r="C17354" s="14" t="s">
        <v>35</v>
      </c>
      <c r="D17354" s="14" t="s">
        <v>124</v>
      </c>
      <c r="E17354" s="15">
        <v>45575</v>
      </c>
      <c r="F17354" s="14" t="s">
        <v>25</v>
      </c>
      <c r="G17354" s="16">
        <v>0</v>
      </c>
    </row>
    <row r="17355" spans="1:7" x14ac:dyDescent="0.3">
      <c r="A17355" s="13" t="s">
        <v>123</v>
      </c>
      <c r="B17355" s="14" t="s">
        <v>1</v>
      </c>
      <c r="C17355" s="14" t="s">
        <v>35</v>
      </c>
      <c r="D17355" s="14" t="s">
        <v>124</v>
      </c>
      <c r="E17355" s="15">
        <v>45576</v>
      </c>
      <c r="F17355" s="14" t="s">
        <v>25</v>
      </c>
      <c r="G17355" s="16">
        <v>0</v>
      </c>
    </row>
    <row r="17356" spans="1:7" x14ac:dyDescent="0.3">
      <c r="A17356" s="13" t="s">
        <v>123</v>
      </c>
      <c r="B17356" s="14" t="s">
        <v>1</v>
      </c>
      <c r="C17356" s="14" t="s">
        <v>35</v>
      </c>
      <c r="D17356" s="14" t="s">
        <v>124</v>
      </c>
      <c r="E17356" s="15">
        <v>45577</v>
      </c>
      <c r="F17356" s="14" t="s">
        <v>25</v>
      </c>
      <c r="G17356" s="16">
        <v>0</v>
      </c>
    </row>
    <row r="17357" spans="1:7" x14ac:dyDescent="0.3">
      <c r="A17357" s="13" t="s">
        <v>123</v>
      </c>
      <c r="B17357" s="14" t="s">
        <v>1</v>
      </c>
      <c r="C17357" s="14" t="s">
        <v>35</v>
      </c>
      <c r="D17357" s="14" t="s">
        <v>124</v>
      </c>
      <c r="E17357" s="15">
        <v>45578</v>
      </c>
      <c r="F17357" s="14" t="s">
        <v>25</v>
      </c>
      <c r="G17357" s="16">
        <v>0</v>
      </c>
    </row>
    <row r="17358" spans="1:7" x14ac:dyDescent="0.3">
      <c r="A17358" s="13" t="s">
        <v>123</v>
      </c>
      <c r="B17358" s="14" t="s">
        <v>1</v>
      </c>
      <c r="C17358" s="14" t="s">
        <v>35</v>
      </c>
      <c r="D17358" s="14" t="s">
        <v>124</v>
      </c>
      <c r="E17358" s="15">
        <v>45579</v>
      </c>
      <c r="F17358" s="14" t="s">
        <v>25</v>
      </c>
      <c r="G17358" s="16">
        <v>0</v>
      </c>
    </row>
    <row r="17359" spans="1:7" x14ac:dyDescent="0.3">
      <c r="A17359" s="13" t="s">
        <v>123</v>
      </c>
      <c r="B17359" s="14" t="s">
        <v>1</v>
      </c>
      <c r="C17359" s="14" t="s">
        <v>35</v>
      </c>
      <c r="D17359" s="14" t="s">
        <v>124</v>
      </c>
      <c r="E17359" s="15">
        <v>45580</v>
      </c>
      <c r="F17359" s="14" t="s">
        <v>25</v>
      </c>
      <c r="G17359" s="16">
        <v>0</v>
      </c>
    </row>
    <row r="17360" spans="1:7" x14ac:dyDescent="0.3">
      <c r="A17360" s="13" t="s">
        <v>123</v>
      </c>
      <c r="B17360" s="14" t="s">
        <v>1</v>
      </c>
      <c r="C17360" s="14" t="s">
        <v>35</v>
      </c>
      <c r="D17360" s="14" t="s">
        <v>124</v>
      </c>
      <c r="E17360" s="15">
        <v>45581</v>
      </c>
      <c r="F17360" s="14" t="s">
        <v>25</v>
      </c>
      <c r="G17360" s="16">
        <v>0</v>
      </c>
    </row>
    <row r="17361" spans="1:7" x14ac:dyDescent="0.3">
      <c r="A17361" s="13" t="s">
        <v>123</v>
      </c>
      <c r="B17361" s="14" t="s">
        <v>1</v>
      </c>
      <c r="C17361" s="14" t="s">
        <v>35</v>
      </c>
      <c r="D17361" s="14" t="s">
        <v>124</v>
      </c>
      <c r="E17361" s="15">
        <v>45582</v>
      </c>
      <c r="F17361" s="14" t="s">
        <v>25</v>
      </c>
      <c r="G17361" s="16">
        <v>0</v>
      </c>
    </row>
    <row r="17362" spans="1:7" x14ac:dyDescent="0.3">
      <c r="A17362" s="13" t="s">
        <v>123</v>
      </c>
      <c r="B17362" s="14" t="s">
        <v>1</v>
      </c>
      <c r="C17362" s="14" t="s">
        <v>35</v>
      </c>
      <c r="D17362" s="14" t="s">
        <v>124</v>
      </c>
      <c r="E17362" s="15">
        <v>45583</v>
      </c>
      <c r="F17362" s="14" t="s">
        <v>25</v>
      </c>
      <c r="G17362" s="16">
        <v>0</v>
      </c>
    </row>
    <row r="17363" spans="1:7" x14ac:dyDescent="0.3">
      <c r="A17363" s="13" t="s">
        <v>123</v>
      </c>
      <c r="B17363" s="14" t="s">
        <v>1</v>
      </c>
      <c r="C17363" s="14" t="s">
        <v>35</v>
      </c>
      <c r="D17363" s="14" t="s">
        <v>124</v>
      </c>
      <c r="E17363" s="15">
        <v>45584</v>
      </c>
      <c r="F17363" s="14" t="s">
        <v>25</v>
      </c>
      <c r="G17363" s="16">
        <v>0</v>
      </c>
    </row>
    <row r="17364" spans="1:7" x14ac:dyDescent="0.3">
      <c r="A17364" s="13" t="s">
        <v>123</v>
      </c>
      <c r="B17364" s="14" t="s">
        <v>1</v>
      </c>
      <c r="C17364" s="14" t="s">
        <v>35</v>
      </c>
      <c r="D17364" s="14" t="s">
        <v>124</v>
      </c>
      <c r="E17364" s="15">
        <v>45585</v>
      </c>
      <c r="F17364" s="14" t="s">
        <v>25</v>
      </c>
      <c r="G17364" s="16">
        <v>0</v>
      </c>
    </row>
    <row r="17365" spans="1:7" x14ac:dyDescent="0.3">
      <c r="A17365" s="13" t="s">
        <v>123</v>
      </c>
      <c r="B17365" s="14" t="s">
        <v>1</v>
      </c>
      <c r="C17365" s="14" t="s">
        <v>35</v>
      </c>
      <c r="D17365" s="14" t="s">
        <v>124</v>
      </c>
      <c r="E17365" s="15">
        <v>45586</v>
      </c>
      <c r="F17365" s="14" t="s">
        <v>25</v>
      </c>
      <c r="G17365" s="16">
        <v>0</v>
      </c>
    </row>
    <row r="17366" spans="1:7" x14ac:dyDescent="0.3">
      <c r="A17366" s="13" t="s">
        <v>123</v>
      </c>
      <c r="B17366" s="14" t="s">
        <v>1</v>
      </c>
      <c r="C17366" s="14" t="s">
        <v>35</v>
      </c>
      <c r="D17366" s="14" t="s">
        <v>124</v>
      </c>
      <c r="E17366" s="15">
        <v>45587</v>
      </c>
      <c r="F17366" s="14" t="s">
        <v>25</v>
      </c>
      <c r="G17366" s="16">
        <v>0</v>
      </c>
    </row>
    <row r="17367" spans="1:7" x14ac:dyDescent="0.3">
      <c r="A17367" s="13" t="s">
        <v>123</v>
      </c>
      <c r="B17367" s="14" t="s">
        <v>1</v>
      </c>
      <c r="C17367" s="14" t="s">
        <v>35</v>
      </c>
      <c r="D17367" s="14" t="s">
        <v>124</v>
      </c>
      <c r="E17367" s="15">
        <v>45588</v>
      </c>
      <c r="F17367" s="14" t="s">
        <v>25</v>
      </c>
      <c r="G17367" s="16">
        <v>0</v>
      </c>
    </row>
    <row r="17368" spans="1:7" x14ac:dyDescent="0.3">
      <c r="A17368" s="13" t="s">
        <v>123</v>
      </c>
      <c r="B17368" s="14" t="s">
        <v>1</v>
      </c>
      <c r="C17368" s="14" t="s">
        <v>35</v>
      </c>
      <c r="D17368" s="14" t="s">
        <v>124</v>
      </c>
      <c r="E17368" s="15">
        <v>45589</v>
      </c>
      <c r="F17368" s="14" t="s">
        <v>25</v>
      </c>
      <c r="G17368" s="16">
        <v>0</v>
      </c>
    </row>
    <row r="17369" spans="1:7" x14ac:dyDescent="0.3">
      <c r="A17369" s="13" t="s">
        <v>123</v>
      </c>
      <c r="B17369" s="14" t="s">
        <v>1</v>
      </c>
      <c r="C17369" s="14" t="s">
        <v>35</v>
      </c>
      <c r="D17369" s="14" t="s">
        <v>124</v>
      </c>
      <c r="E17369" s="15">
        <v>45590</v>
      </c>
      <c r="F17369" s="14" t="s">
        <v>25</v>
      </c>
      <c r="G17369" s="16">
        <v>0</v>
      </c>
    </row>
    <row r="17370" spans="1:7" x14ac:dyDescent="0.3">
      <c r="A17370" s="13" t="s">
        <v>123</v>
      </c>
      <c r="B17370" s="14" t="s">
        <v>1</v>
      </c>
      <c r="C17370" s="14" t="s">
        <v>35</v>
      </c>
      <c r="D17370" s="14" t="s">
        <v>124</v>
      </c>
      <c r="E17370" s="15">
        <v>45591</v>
      </c>
      <c r="F17370" s="14" t="s">
        <v>25</v>
      </c>
      <c r="G17370" s="16">
        <v>0</v>
      </c>
    </row>
    <row r="17371" spans="1:7" x14ac:dyDescent="0.3">
      <c r="A17371" s="13" t="s">
        <v>123</v>
      </c>
      <c r="B17371" s="14" t="s">
        <v>1</v>
      </c>
      <c r="C17371" s="14" t="s">
        <v>35</v>
      </c>
      <c r="D17371" s="14" t="s">
        <v>124</v>
      </c>
      <c r="E17371" s="15">
        <v>45592</v>
      </c>
      <c r="F17371" s="14" t="s">
        <v>25</v>
      </c>
      <c r="G17371" s="16">
        <v>0</v>
      </c>
    </row>
    <row r="17372" spans="1:7" x14ac:dyDescent="0.3">
      <c r="A17372" s="13" t="s">
        <v>123</v>
      </c>
      <c r="B17372" s="14" t="s">
        <v>1</v>
      </c>
      <c r="C17372" s="14" t="s">
        <v>35</v>
      </c>
      <c r="D17372" s="14" t="s">
        <v>124</v>
      </c>
      <c r="E17372" s="15">
        <v>45593</v>
      </c>
      <c r="F17372" s="14" t="s">
        <v>25</v>
      </c>
      <c r="G17372" s="16">
        <v>0</v>
      </c>
    </row>
    <row r="17373" spans="1:7" x14ac:dyDescent="0.3">
      <c r="A17373" s="13" t="s">
        <v>123</v>
      </c>
      <c r="B17373" s="14" t="s">
        <v>1</v>
      </c>
      <c r="C17373" s="14" t="s">
        <v>35</v>
      </c>
      <c r="D17373" s="14" t="s">
        <v>124</v>
      </c>
      <c r="E17373" s="15">
        <v>45594</v>
      </c>
      <c r="F17373" s="14" t="s">
        <v>25</v>
      </c>
      <c r="G17373" s="16">
        <v>0</v>
      </c>
    </row>
    <row r="17374" spans="1:7" x14ac:dyDescent="0.3">
      <c r="A17374" s="13" t="s">
        <v>123</v>
      </c>
      <c r="B17374" s="14" t="s">
        <v>1</v>
      </c>
      <c r="C17374" s="14" t="s">
        <v>35</v>
      </c>
      <c r="D17374" s="14" t="s">
        <v>124</v>
      </c>
      <c r="E17374" s="15">
        <v>45595</v>
      </c>
      <c r="F17374" s="14" t="s">
        <v>25</v>
      </c>
      <c r="G17374" s="16">
        <v>0</v>
      </c>
    </row>
    <row r="17375" spans="1:7" x14ac:dyDescent="0.3">
      <c r="A17375" s="13" t="s">
        <v>123</v>
      </c>
      <c r="B17375" s="14" t="s">
        <v>1</v>
      </c>
      <c r="C17375" s="14" t="s">
        <v>35</v>
      </c>
      <c r="D17375" s="14" t="s">
        <v>124</v>
      </c>
      <c r="E17375" s="15">
        <v>45596</v>
      </c>
      <c r="F17375" s="14" t="s">
        <v>25</v>
      </c>
      <c r="G17375" s="16">
        <v>0</v>
      </c>
    </row>
    <row r="17376" spans="1:7" x14ac:dyDescent="0.3">
      <c r="A17376" s="13" t="s">
        <v>123</v>
      </c>
      <c r="B17376" s="14" t="s">
        <v>1</v>
      </c>
      <c r="C17376" s="14" t="s">
        <v>35</v>
      </c>
      <c r="D17376" s="14" t="s">
        <v>124</v>
      </c>
      <c r="E17376" s="15">
        <v>45597</v>
      </c>
      <c r="F17376" s="14" t="s">
        <v>25</v>
      </c>
      <c r="G17376" s="16">
        <v>0</v>
      </c>
    </row>
    <row r="17377" spans="1:7" x14ac:dyDescent="0.3">
      <c r="A17377" s="13" t="s">
        <v>123</v>
      </c>
      <c r="B17377" s="14" t="s">
        <v>1</v>
      </c>
      <c r="C17377" s="14" t="s">
        <v>35</v>
      </c>
      <c r="D17377" s="14" t="s">
        <v>124</v>
      </c>
      <c r="E17377" s="15">
        <v>45598</v>
      </c>
      <c r="F17377" s="14" t="s">
        <v>25</v>
      </c>
      <c r="G17377" s="16">
        <v>0</v>
      </c>
    </row>
    <row r="17378" spans="1:7" x14ac:dyDescent="0.3">
      <c r="A17378" s="13" t="s">
        <v>123</v>
      </c>
      <c r="B17378" s="14" t="s">
        <v>1</v>
      </c>
      <c r="C17378" s="14" t="s">
        <v>35</v>
      </c>
      <c r="D17378" s="14" t="s">
        <v>124</v>
      </c>
      <c r="E17378" s="15">
        <v>45599</v>
      </c>
      <c r="F17378" s="14" t="s">
        <v>25</v>
      </c>
      <c r="G17378" s="16">
        <v>0</v>
      </c>
    </row>
    <row r="17379" spans="1:7" x14ac:dyDescent="0.3">
      <c r="A17379" s="13" t="s">
        <v>123</v>
      </c>
      <c r="B17379" s="14" t="s">
        <v>1</v>
      </c>
      <c r="C17379" s="14" t="s">
        <v>35</v>
      </c>
      <c r="D17379" s="14" t="s">
        <v>124</v>
      </c>
      <c r="E17379" s="15">
        <v>45600</v>
      </c>
      <c r="F17379" s="14" t="s">
        <v>25</v>
      </c>
      <c r="G17379" s="16">
        <v>0</v>
      </c>
    </row>
    <row r="17380" spans="1:7" x14ac:dyDescent="0.3">
      <c r="A17380" s="13" t="s">
        <v>123</v>
      </c>
      <c r="B17380" s="14" t="s">
        <v>1</v>
      </c>
      <c r="C17380" s="14" t="s">
        <v>35</v>
      </c>
      <c r="D17380" s="14" t="s">
        <v>124</v>
      </c>
      <c r="E17380" s="15">
        <v>45601</v>
      </c>
      <c r="F17380" s="14" t="s">
        <v>25</v>
      </c>
      <c r="G17380" s="16">
        <v>0</v>
      </c>
    </row>
    <row r="17381" spans="1:7" x14ac:dyDescent="0.3">
      <c r="A17381" s="13" t="s">
        <v>123</v>
      </c>
      <c r="B17381" s="14" t="s">
        <v>1</v>
      </c>
      <c r="C17381" s="14" t="s">
        <v>35</v>
      </c>
      <c r="D17381" s="14" t="s">
        <v>124</v>
      </c>
      <c r="E17381" s="15">
        <v>45602</v>
      </c>
      <c r="F17381" s="14" t="s">
        <v>25</v>
      </c>
      <c r="G17381" s="16">
        <v>0</v>
      </c>
    </row>
    <row r="17382" spans="1:7" x14ac:dyDescent="0.3">
      <c r="A17382" s="13" t="s">
        <v>123</v>
      </c>
      <c r="B17382" s="14" t="s">
        <v>1</v>
      </c>
      <c r="C17382" s="14" t="s">
        <v>35</v>
      </c>
      <c r="D17382" s="14" t="s">
        <v>124</v>
      </c>
      <c r="E17382" s="15">
        <v>45603</v>
      </c>
      <c r="F17382" s="14" t="s">
        <v>25</v>
      </c>
      <c r="G17382" s="16">
        <v>0</v>
      </c>
    </row>
    <row r="17383" spans="1:7" x14ac:dyDescent="0.3">
      <c r="A17383" s="13" t="s">
        <v>123</v>
      </c>
      <c r="B17383" s="14" t="s">
        <v>1</v>
      </c>
      <c r="C17383" s="14" t="s">
        <v>35</v>
      </c>
      <c r="D17383" s="14" t="s">
        <v>124</v>
      </c>
      <c r="E17383" s="15">
        <v>45604</v>
      </c>
      <c r="F17383" s="14" t="s">
        <v>25</v>
      </c>
      <c r="G17383" s="16">
        <v>0</v>
      </c>
    </row>
    <row r="17384" spans="1:7" x14ac:dyDescent="0.3">
      <c r="A17384" s="13" t="s">
        <v>123</v>
      </c>
      <c r="B17384" s="14" t="s">
        <v>1</v>
      </c>
      <c r="C17384" s="14" t="s">
        <v>35</v>
      </c>
      <c r="D17384" s="14" t="s">
        <v>124</v>
      </c>
      <c r="E17384" s="15">
        <v>45605</v>
      </c>
      <c r="F17384" s="14" t="s">
        <v>25</v>
      </c>
      <c r="G17384" s="16">
        <v>0</v>
      </c>
    </row>
    <row r="17385" spans="1:7" x14ac:dyDescent="0.3">
      <c r="A17385" s="13" t="s">
        <v>123</v>
      </c>
      <c r="B17385" s="14" t="s">
        <v>1</v>
      </c>
      <c r="C17385" s="14" t="s">
        <v>35</v>
      </c>
      <c r="D17385" s="14" t="s">
        <v>124</v>
      </c>
      <c r="E17385" s="15">
        <v>45606</v>
      </c>
      <c r="F17385" s="14" t="s">
        <v>25</v>
      </c>
      <c r="G17385" s="16">
        <v>0</v>
      </c>
    </row>
    <row r="17386" spans="1:7" x14ac:dyDescent="0.3">
      <c r="A17386" s="13" t="s">
        <v>123</v>
      </c>
      <c r="B17386" s="14" t="s">
        <v>1</v>
      </c>
      <c r="C17386" s="14" t="s">
        <v>35</v>
      </c>
      <c r="D17386" s="14" t="s">
        <v>124</v>
      </c>
      <c r="E17386" s="15">
        <v>45607</v>
      </c>
      <c r="F17386" s="14" t="s">
        <v>25</v>
      </c>
      <c r="G17386" s="16">
        <v>0</v>
      </c>
    </row>
    <row r="17387" spans="1:7" x14ac:dyDescent="0.3">
      <c r="A17387" s="13" t="s">
        <v>123</v>
      </c>
      <c r="B17387" s="14" t="s">
        <v>1</v>
      </c>
      <c r="C17387" s="14" t="s">
        <v>35</v>
      </c>
      <c r="D17387" s="14" t="s">
        <v>124</v>
      </c>
      <c r="E17387" s="15">
        <v>45608</v>
      </c>
      <c r="F17387" s="14" t="s">
        <v>25</v>
      </c>
      <c r="G17387" s="16">
        <v>0</v>
      </c>
    </row>
    <row r="17388" spans="1:7" x14ac:dyDescent="0.3">
      <c r="A17388" s="13" t="s">
        <v>123</v>
      </c>
      <c r="B17388" s="14" t="s">
        <v>1</v>
      </c>
      <c r="C17388" s="14" t="s">
        <v>35</v>
      </c>
      <c r="D17388" s="14" t="s">
        <v>124</v>
      </c>
      <c r="E17388" s="15">
        <v>45609</v>
      </c>
      <c r="F17388" s="14" t="s">
        <v>25</v>
      </c>
      <c r="G17388" s="16">
        <v>0</v>
      </c>
    </row>
    <row r="17389" spans="1:7" x14ac:dyDescent="0.3">
      <c r="A17389" s="13" t="s">
        <v>123</v>
      </c>
      <c r="B17389" s="14" t="s">
        <v>1</v>
      </c>
      <c r="C17389" s="14" t="s">
        <v>35</v>
      </c>
      <c r="D17389" s="14" t="s">
        <v>124</v>
      </c>
      <c r="E17389" s="15">
        <v>45610</v>
      </c>
      <c r="F17389" s="14" t="s">
        <v>25</v>
      </c>
      <c r="G17389" s="16">
        <v>0</v>
      </c>
    </row>
    <row r="17390" spans="1:7" x14ac:dyDescent="0.3">
      <c r="A17390" s="13" t="s">
        <v>123</v>
      </c>
      <c r="B17390" s="14" t="s">
        <v>1</v>
      </c>
      <c r="C17390" s="14" t="s">
        <v>35</v>
      </c>
      <c r="D17390" s="14" t="s">
        <v>124</v>
      </c>
      <c r="E17390" s="15">
        <v>45611</v>
      </c>
      <c r="F17390" s="14" t="s">
        <v>25</v>
      </c>
      <c r="G17390" s="16">
        <v>0</v>
      </c>
    </row>
    <row r="17391" spans="1:7" x14ac:dyDescent="0.3">
      <c r="A17391" s="13" t="s">
        <v>123</v>
      </c>
      <c r="B17391" s="14" t="s">
        <v>1</v>
      </c>
      <c r="C17391" s="14" t="s">
        <v>35</v>
      </c>
      <c r="D17391" s="14" t="s">
        <v>124</v>
      </c>
      <c r="E17391" s="15">
        <v>45612</v>
      </c>
      <c r="F17391" s="14" t="s">
        <v>25</v>
      </c>
      <c r="G17391" s="16">
        <v>0</v>
      </c>
    </row>
    <row r="17392" spans="1:7" x14ac:dyDescent="0.3">
      <c r="A17392" s="13" t="s">
        <v>123</v>
      </c>
      <c r="B17392" s="14" t="s">
        <v>1</v>
      </c>
      <c r="C17392" s="14" t="s">
        <v>35</v>
      </c>
      <c r="D17392" s="14" t="s">
        <v>124</v>
      </c>
      <c r="E17392" s="15">
        <v>45613</v>
      </c>
      <c r="F17392" s="14" t="s">
        <v>25</v>
      </c>
      <c r="G17392" s="16">
        <v>0</v>
      </c>
    </row>
    <row r="17393" spans="1:7" x14ac:dyDescent="0.3">
      <c r="A17393" s="13" t="s">
        <v>123</v>
      </c>
      <c r="B17393" s="14" t="s">
        <v>1</v>
      </c>
      <c r="C17393" s="14" t="s">
        <v>35</v>
      </c>
      <c r="D17393" s="14" t="s">
        <v>124</v>
      </c>
      <c r="E17393" s="15">
        <v>45614</v>
      </c>
      <c r="F17393" s="14" t="s">
        <v>25</v>
      </c>
      <c r="G17393" s="16">
        <v>0</v>
      </c>
    </row>
    <row r="17394" spans="1:7" x14ac:dyDescent="0.3">
      <c r="A17394" s="13" t="s">
        <v>123</v>
      </c>
      <c r="B17394" s="14" t="s">
        <v>1</v>
      </c>
      <c r="C17394" s="14" t="s">
        <v>35</v>
      </c>
      <c r="D17394" s="14" t="s">
        <v>124</v>
      </c>
      <c r="E17394" s="15">
        <v>45615</v>
      </c>
      <c r="F17394" s="14" t="s">
        <v>25</v>
      </c>
      <c r="G17394" s="16">
        <v>0</v>
      </c>
    </row>
    <row r="17395" spans="1:7" x14ac:dyDescent="0.3">
      <c r="A17395" s="13" t="s">
        <v>123</v>
      </c>
      <c r="B17395" s="14" t="s">
        <v>1</v>
      </c>
      <c r="C17395" s="14" t="s">
        <v>35</v>
      </c>
      <c r="D17395" s="14" t="s">
        <v>124</v>
      </c>
      <c r="E17395" s="15">
        <v>45616</v>
      </c>
      <c r="F17395" s="14" t="s">
        <v>25</v>
      </c>
      <c r="G17395" s="16">
        <v>0</v>
      </c>
    </row>
    <row r="17396" spans="1:7" x14ac:dyDescent="0.3">
      <c r="A17396" s="13" t="s">
        <v>123</v>
      </c>
      <c r="B17396" s="14" t="s">
        <v>1</v>
      </c>
      <c r="C17396" s="14" t="s">
        <v>35</v>
      </c>
      <c r="D17396" s="14" t="s">
        <v>124</v>
      </c>
      <c r="E17396" s="15">
        <v>45617</v>
      </c>
      <c r="F17396" s="14" t="s">
        <v>25</v>
      </c>
      <c r="G17396" s="16">
        <v>0</v>
      </c>
    </row>
    <row r="17397" spans="1:7" x14ac:dyDescent="0.3">
      <c r="A17397" s="13" t="s">
        <v>123</v>
      </c>
      <c r="B17397" s="14" t="s">
        <v>1</v>
      </c>
      <c r="C17397" s="14" t="s">
        <v>35</v>
      </c>
      <c r="D17397" s="14" t="s">
        <v>124</v>
      </c>
      <c r="E17397" s="15">
        <v>45618</v>
      </c>
      <c r="F17397" s="14" t="s">
        <v>25</v>
      </c>
      <c r="G17397" s="16">
        <v>0</v>
      </c>
    </row>
    <row r="17398" spans="1:7" x14ac:dyDescent="0.3">
      <c r="A17398" s="13" t="s">
        <v>123</v>
      </c>
      <c r="B17398" s="14" t="s">
        <v>1</v>
      </c>
      <c r="C17398" s="14" t="s">
        <v>35</v>
      </c>
      <c r="D17398" s="14" t="s">
        <v>124</v>
      </c>
      <c r="E17398" s="15">
        <v>45619</v>
      </c>
      <c r="F17398" s="14" t="s">
        <v>25</v>
      </c>
      <c r="G17398" s="16">
        <v>0</v>
      </c>
    </row>
    <row r="17399" spans="1:7" x14ac:dyDescent="0.3">
      <c r="A17399" s="13" t="s">
        <v>123</v>
      </c>
      <c r="B17399" s="14" t="s">
        <v>1</v>
      </c>
      <c r="C17399" s="14" t="s">
        <v>35</v>
      </c>
      <c r="D17399" s="14" t="s">
        <v>124</v>
      </c>
      <c r="E17399" s="15">
        <v>45620</v>
      </c>
      <c r="F17399" s="14" t="s">
        <v>25</v>
      </c>
      <c r="G17399" s="16">
        <v>0</v>
      </c>
    </row>
    <row r="17400" spans="1:7" x14ac:dyDescent="0.3">
      <c r="A17400" s="13" t="s">
        <v>123</v>
      </c>
      <c r="B17400" s="14" t="s">
        <v>1</v>
      </c>
      <c r="C17400" s="14" t="s">
        <v>35</v>
      </c>
      <c r="D17400" s="14" t="s">
        <v>124</v>
      </c>
      <c r="E17400" s="15">
        <v>45621</v>
      </c>
      <c r="F17400" s="14" t="s">
        <v>25</v>
      </c>
      <c r="G17400" s="16">
        <v>0</v>
      </c>
    </row>
    <row r="17401" spans="1:7" x14ac:dyDescent="0.3">
      <c r="A17401" s="13" t="s">
        <v>123</v>
      </c>
      <c r="B17401" s="14" t="s">
        <v>1</v>
      </c>
      <c r="C17401" s="14" t="s">
        <v>35</v>
      </c>
      <c r="D17401" s="14" t="s">
        <v>124</v>
      </c>
      <c r="E17401" s="15">
        <v>45622</v>
      </c>
      <c r="F17401" s="14" t="s">
        <v>25</v>
      </c>
      <c r="G17401" s="16">
        <v>0</v>
      </c>
    </row>
    <row r="17402" spans="1:7" x14ac:dyDescent="0.3">
      <c r="A17402" s="13" t="s">
        <v>123</v>
      </c>
      <c r="B17402" s="14" t="s">
        <v>1</v>
      </c>
      <c r="C17402" s="14" t="s">
        <v>35</v>
      </c>
      <c r="D17402" s="14" t="s">
        <v>124</v>
      </c>
      <c r="E17402" s="15">
        <v>45623</v>
      </c>
      <c r="F17402" s="14" t="s">
        <v>25</v>
      </c>
      <c r="G17402" s="16">
        <v>0</v>
      </c>
    </row>
    <row r="17403" spans="1:7" x14ac:dyDescent="0.3">
      <c r="A17403" s="13" t="s">
        <v>123</v>
      </c>
      <c r="B17403" s="14" t="s">
        <v>1</v>
      </c>
      <c r="C17403" s="14" t="s">
        <v>35</v>
      </c>
      <c r="D17403" s="14" t="s">
        <v>124</v>
      </c>
      <c r="E17403" s="15">
        <v>45624</v>
      </c>
      <c r="F17403" s="14" t="s">
        <v>25</v>
      </c>
      <c r="G17403" s="16">
        <v>0</v>
      </c>
    </row>
    <row r="17404" spans="1:7" x14ac:dyDescent="0.3">
      <c r="A17404" s="13" t="s">
        <v>123</v>
      </c>
      <c r="B17404" s="14" t="s">
        <v>1</v>
      </c>
      <c r="C17404" s="14" t="s">
        <v>35</v>
      </c>
      <c r="D17404" s="14" t="s">
        <v>124</v>
      </c>
      <c r="E17404" s="15">
        <v>45625</v>
      </c>
      <c r="F17404" s="14" t="s">
        <v>25</v>
      </c>
      <c r="G17404" s="16">
        <v>0</v>
      </c>
    </row>
    <row r="17405" spans="1:7" x14ac:dyDescent="0.3">
      <c r="A17405" s="13" t="s">
        <v>123</v>
      </c>
      <c r="B17405" s="14" t="s">
        <v>1</v>
      </c>
      <c r="C17405" s="14" t="s">
        <v>35</v>
      </c>
      <c r="D17405" s="14" t="s">
        <v>124</v>
      </c>
      <c r="E17405" s="15">
        <v>45626</v>
      </c>
      <c r="F17405" s="14" t="s">
        <v>25</v>
      </c>
      <c r="G17405" s="16">
        <v>0</v>
      </c>
    </row>
    <row r="17406" spans="1:7" x14ac:dyDescent="0.3">
      <c r="A17406" s="13" t="s">
        <v>123</v>
      </c>
      <c r="B17406" s="14" t="s">
        <v>1</v>
      </c>
      <c r="C17406" s="14" t="s">
        <v>35</v>
      </c>
      <c r="D17406" s="14" t="s">
        <v>124</v>
      </c>
      <c r="E17406" s="15">
        <v>45627</v>
      </c>
      <c r="F17406" s="14" t="s">
        <v>25</v>
      </c>
      <c r="G17406" s="16">
        <v>0</v>
      </c>
    </row>
    <row r="17407" spans="1:7" x14ac:dyDescent="0.3">
      <c r="A17407" s="13" t="s">
        <v>123</v>
      </c>
      <c r="B17407" s="14" t="s">
        <v>1</v>
      </c>
      <c r="C17407" s="14" t="s">
        <v>35</v>
      </c>
      <c r="D17407" s="14" t="s">
        <v>124</v>
      </c>
      <c r="E17407" s="15">
        <v>45628</v>
      </c>
      <c r="F17407" s="14" t="s">
        <v>25</v>
      </c>
      <c r="G17407" s="16">
        <v>0</v>
      </c>
    </row>
    <row r="17408" spans="1:7" x14ac:dyDescent="0.3">
      <c r="A17408" s="13" t="s">
        <v>123</v>
      </c>
      <c r="B17408" s="14" t="s">
        <v>1</v>
      </c>
      <c r="C17408" s="14" t="s">
        <v>35</v>
      </c>
      <c r="D17408" s="14" t="s">
        <v>124</v>
      </c>
      <c r="E17408" s="15">
        <v>45629</v>
      </c>
      <c r="F17408" s="14" t="s">
        <v>25</v>
      </c>
      <c r="G17408" s="16">
        <v>0</v>
      </c>
    </row>
    <row r="17409" spans="1:7" x14ac:dyDescent="0.3">
      <c r="A17409" s="13" t="s">
        <v>123</v>
      </c>
      <c r="B17409" s="14" t="s">
        <v>1</v>
      </c>
      <c r="C17409" s="14" t="s">
        <v>35</v>
      </c>
      <c r="D17409" s="14" t="s">
        <v>124</v>
      </c>
      <c r="E17409" s="15">
        <v>45630</v>
      </c>
      <c r="F17409" s="14" t="s">
        <v>25</v>
      </c>
      <c r="G17409" s="16">
        <v>0</v>
      </c>
    </row>
    <row r="17410" spans="1:7" x14ac:dyDescent="0.3">
      <c r="A17410" s="13" t="s">
        <v>123</v>
      </c>
      <c r="B17410" s="14" t="s">
        <v>1</v>
      </c>
      <c r="C17410" s="14" t="s">
        <v>35</v>
      </c>
      <c r="D17410" s="14" t="s">
        <v>124</v>
      </c>
      <c r="E17410" s="15">
        <v>45631</v>
      </c>
      <c r="F17410" s="14" t="s">
        <v>25</v>
      </c>
      <c r="G17410" s="16">
        <v>0</v>
      </c>
    </row>
    <row r="17411" spans="1:7" x14ac:dyDescent="0.3">
      <c r="A17411" s="13" t="s">
        <v>123</v>
      </c>
      <c r="B17411" s="14" t="s">
        <v>1</v>
      </c>
      <c r="C17411" s="14" t="s">
        <v>35</v>
      </c>
      <c r="D17411" s="14" t="s">
        <v>124</v>
      </c>
      <c r="E17411" s="15">
        <v>45632</v>
      </c>
      <c r="F17411" s="14" t="s">
        <v>25</v>
      </c>
      <c r="G17411" s="16">
        <v>0</v>
      </c>
    </row>
    <row r="17412" spans="1:7" x14ac:dyDescent="0.3">
      <c r="A17412" s="13" t="s">
        <v>123</v>
      </c>
      <c r="B17412" s="14" t="s">
        <v>1</v>
      </c>
      <c r="C17412" s="14" t="s">
        <v>35</v>
      </c>
      <c r="D17412" s="14" t="s">
        <v>124</v>
      </c>
      <c r="E17412" s="15">
        <v>45633</v>
      </c>
      <c r="F17412" s="14" t="s">
        <v>25</v>
      </c>
      <c r="G17412" s="16">
        <v>0</v>
      </c>
    </row>
    <row r="17413" spans="1:7" x14ac:dyDescent="0.3">
      <c r="A17413" s="13" t="s">
        <v>123</v>
      </c>
      <c r="B17413" s="14" t="s">
        <v>1</v>
      </c>
      <c r="C17413" s="14" t="s">
        <v>35</v>
      </c>
      <c r="D17413" s="14" t="s">
        <v>124</v>
      </c>
      <c r="E17413" s="15">
        <v>45634</v>
      </c>
      <c r="F17413" s="14" t="s">
        <v>25</v>
      </c>
      <c r="G17413" s="16">
        <v>0</v>
      </c>
    </row>
    <row r="17414" spans="1:7" x14ac:dyDescent="0.3">
      <c r="A17414" s="13" t="s">
        <v>123</v>
      </c>
      <c r="B17414" s="14" t="s">
        <v>1</v>
      </c>
      <c r="C17414" s="14" t="s">
        <v>35</v>
      </c>
      <c r="D17414" s="14" t="s">
        <v>124</v>
      </c>
      <c r="E17414" s="15">
        <v>45635</v>
      </c>
      <c r="F17414" s="14" t="s">
        <v>25</v>
      </c>
      <c r="G17414" s="16">
        <v>0</v>
      </c>
    </row>
    <row r="17415" spans="1:7" x14ac:dyDescent="0.3">
      <c r="A17415" s="13" t="s">
        <v>123</v>
      </c>
      <c r="B17415" s="14" t="s">
        <v>1</v>
      </c>
      <c r="C17415" s="14" t="s">
        <v>35</v>
      </c>
      <c r="D17415" s="14" t="s">
        <v>124</v>
      </c>
      <c r="E17415" s="15">
        <v>45636</v>
      </c>
      <c r="F17415" s="14" t="s">
        <v>25</v>
      </c>
      <c r="G17415" s="16">
        <v>0</v>
      </c>
    </row>
    <row r="17416" spans="1:7" x14ac:dyDescent="0.3">
      <c r="A17416" s="13" t="s">
        <v>123</v>
      </c>
      <c r="B17416" s="14" t="s">
        <v>1</v>
      </c>
      <c r="C17416" s="14" t="s">
        <v>35</v>
      </c>
      <c r="D17416" s="14" t="s">
        <v>124</v>
      </c>
      <c r="E17416" s="15">
        <v>45637</v>
      </c>
      <c r="F17416" s="14" t="s">
        <v>25</v>
      </c>
      <c r="G17416" s="16">
        <v>0</v>
      </c>
    </row>
    <row r="17417" spans="1:7" x14ac:dyDescent="0.3">
      <c r="A17417" s="13" t="s">
        <v>123</v>
      </c>
      <c r="B17417" s="14" t="s">
        <v>1</v>
      </c>
      <c r="C17417" s="14" t="s">
        <v>35</v>
      </c>
      <c r="D17417" s="14" t="s">
        <v>124</v>
      </c>
      <c r="E17417" s="15">
        <v>45638</v>
      </c>
      <c r="F17417" s="14" t="s">
        <v>25</v>
      </c>
      <c r="G17417" s="16">
        <v>0</v>
      </c>
    </row>
    <row r="17418" spans="1:7" x14ac:dyDescent="0.3">
      <c r="A17418" s="13" t="s">
        <v>123</v>
      </c>
      <c r="B17418" s="14" t="s">
        <v>1</v>
      </c>
      <c r="C17418" s="14" t="s">
        <v>35</v>
      </c>
      <c r="D17418" s="14" t="s">
        <v>124</v>
      </c>
      <c r="E17418" s="15">
        <v>45639</v>
      </c>
      <c r="F17418" s="14" t="s">
        <v>25</v>
      </c>
      <c r="G17418" s="16">
        <v>0</v>
      </c>
    </row>
    <row r="17419" spans="1:7" x14ac:dyDescent="0.3">
      <c r="A17419" s="13" t="s">
        <v>123</v>
      </c>
      <c r="B17419" s="14" t="s">
        <v>1</v>
      </c>
      <c r="C17419" s="14" t="s">
        <v>35</v>
      </c>
      <c r="D17419" s="14" t="s">
        <v>124</v>
      </c>
      <c r="E17419" s="15">
        <v>45640</v>
      </c>
      <c r="F17419" s="14" t="s">
        <v>25</v>
      </c>
      <c r="G17419" s="16">
        <v>0</v>
      </c>
    </row>
    <row r="17420" spans="1:7" x14ac:dyDescent="0.3">
      <c r="A17420" s="13" t="s">
        <v>123</v>
      </c>
      <c r="B17420" s="14" t="s">
        <v>1</v>
      </c>
      <c r="C17420" s="14" t="s">
        <v>35</v>
      </c>
      <c r="D17420" s="14" t="s">
        <v>124</v>
      </c>
      <c r="E17420" s="15">
        <v>45641</v>
      </c>
      <c r="F17420" s="14" t="s">
        <v>25</v>
      </c>
      <c r="G17420" s="16">
        <v>0</v>
      </c>
    </row>
    <row r="17421" spans="1:7" x14ac:dyDescent="0.3">
      <c r="A17421" s="13" t="s">
        <v>123</v>
      </c>
      <c r="B17421" s="14" t="s">
        <v>1</v>
      </c>
      <c r="C17421" s="14" t="s">
        <v>35</v>
      </c>
      <c r="D17421" s="14" t="s">
        <v>124</v>
      </c>
      <c r="E17421" s="15">
        <v>45642</v>
      </c>
      <c r="F17421" s="14" t="s">
        <v>25</v>
      </c>
      <c r="G17421" s="16">
        <v>0</v>
      </c>
    </row>
    <row r="17422" spans="1:7" x14ac:dyDescent="0.3">
      <c r="A17422" s="13" t="s">
        <v>123</v>
      </c>
      <c r="B17422" s="14" t="s">
        <v>1</v>
      </c>
      <c r="C17422" s="14" t="s">
        <v>35</v>
      </c>
      <c r="D17422" s="14" t="s">
        <v>124</v>
      </c>
      <c r="E17422" s="15">
        <v>45643</v>
      </c>
      <c r="F17422" s="14" t="s">
        <v>25</v>
      </c>
      <c r="G17422" s="16">
        <v>0</v>
      </c>
    </row>
    <row r="17423" spans="1:7" x14ac:dyDescent="0.3">
      <c r="A17423" s="13" t="s">
        <v>123</v>
      </c>
      <c r="B17423" s="14" t="s">
        <v>1</v>
      </c>
      <c r="C17423" s="14" t="s">
        <v>35</v>
      </c>
      <c r="D17423" s="14" t="s">
        <v>124</v>
      </c>
      <c r="E17423" s="15">
        <v>45644</v>
      </c>
      <c r="F17423" s="14" t="s">
        <v>25</v>
      </c>
      <c r="G17423" s="16">
        <v>0</v>
      </c>
    </row>
    <row r="17424" spans="1:7" x14ac:dyDescent="0.3">
      <c r="A17424" s="13" t="s">
        <v>123</v>
      </c>
      <c r="B17424" s="14" t="s">
        <v>1</v>
      </c>
      <c r="C17424" s="14" t="s">
        <v>35</v>
      </c>
      <c r="D17424" s="14" t="s">
        <v>124</v>
      </c>
      <c r="E17424" s="15">
        <v>45645</v>
      </c>
      <c r="F17424" s="14" t="s">
        <v>25</v>
      </c>
      <c r="G17424" s="16">
        <v>0</v>
      </c>
    </row>
    <row r="17425" spans="1:7" x14ac:dyDescent="0.3">
      <c r="A17425" s="13" t="s">
        <v>123</v>
      </c>
      <c r="B17425" s="14" t="s">
        <v>1</v>
      </c>
      <c r="C17425" s="14" t="s">
        <v>35</v>
      </c>
      <c r="D17425" s="14" t="s">
        <v>124</v>
      </c>
      <c r="E17425" s="15">
        <v>45646</v>
      </c>
      <c r="F17425" s="14" t="s">
        <v>25</v>
      </c>
      <c r="G17425" s="16">
        <v>0</v>
      </c>
    </row>
    <row r="17426" spans="1:7" x14ac:dyDescent="0.3">
      <c r="A17426" s="13" t="s">
        <v>123</v>
      </c>
      <c r="B17426" s="14" t="s">
        <v>1</v>
      </c>
      <c r="C17426" s="14" t="s">
        <v>35</v>
      </c>
      <c r="D17426" s="14" t="s">
        <v>124</v>
      </c>
      <c r="E17426" s="15">
        <v>45647</v>
      </c>
      <c r="F17426" s="14" t="s">
        <v>25</v>
      </c>
      <c r="G17426" s="16">
        <v>0</v>
      </c>
    </row>
    <row r="17427" spans="1:7" x14ac:dyDescent="0.3">
      <c r="A17427" s="13" t="s">
        <v>123</v>
      </c>
      <c r="B17427" s="14" t="s">
        <v>1</v>
      </c>
      <c r="C17427" s="14" t="s">
        <v>35</v>
      </c>
      <c r="D17427" s="14" t="s">
        <v>124</v>
      </c>
      <c r="E17427" s="15">
        <v>45648</v>
      </c>
      <c r="F17427" s="14" t="s">
        <v>25</v>
      </c>
      <c r="G17427" s="16">
        <v>0</v>
      </c>
    </row>
    <row r="17428" spans="1:7" x14ac:dyDescent="0.3">
      <c r="A17428" s="13" t="s">
        <v>123</v>
      </c>
      <c r="B17428" s="14" t="s">
        <v>1</v>
      </c>
      <c r="C17428" s="14" t="s">
        <v>35</v>
      </c>
      <c r="D17428" s="14" t="s">
        <v>124</v>
      </c>
      <c r="E17428" s="15">
        <v>45649</v>
      </c>
      <c r="F17428" s="14" t="s">
        <v>25</v>
      </c>
      <c r="G17428" s="16">
        <v>0</v>
      </c>
    </row>
    <row r="17429" spans="1:7" x14ac:dyDescent="0.3">
      <c r="A17429" s="13" t="s">
        <v>123</v>
      </c>
      <c r="B17429" s="14" t="s">
        <v>1</v>
      </c>
      <c r="C17429" s="14" t="s">
        <v>35</v>
      </c>
      <c r="D17429" s="14" t="s">
        <v>124</v>
      </c>
      <c r="E17429" s="15">
        <v>45650</v>
      </c>
      <c r="F17429" s="14" t="s">
        <v>25</v>
      </c>
      <c r="G17429" s="16">
        <v>0</v>
      </c>
    </row>
    <row r="17430" spans="1:7" x14ac:dyDescent="0.3">
      <c r="A17430" s="13" t="s">
        <v>123</v>
      </c>
      <c r="B17430" s="14" t="s">
        <v>1</v>
      </c>
      <c r="C17430" s="14" t="s">
        <v>35</v>
      </c>
      <c r="D17430" s="14" t="s">
        <v>124</v>
      </c>
      <c r="E17430" s="15">
        <v>45651</v>
      </c>
      <c r="F17430" s="14" t="s">
        <v>25</v>
      </c>
      <c r="G17430" s="16">
        <v>0</v>
      </c>
    </row>
    <row r="17431" spans="1:7" x14ac:dyDescent="0.3">
      <c r="A17431" s="13" t="s">
        <v>123</v>
      </c>
      <c r="B17431" s="14" t="s">
        <v>1</v>
      </c>
      <c r="C17431" s="14" t="s">
        <v>35</v>
      </c>
      <c r="D17431" s="14" t="s">
        <v>124</v>
      </c>
      <c r="E17431" s="15">
        <v>45652</v>
      </c>
      <c r="F17431" s="14" t="s">
        <v>25</v>
      </c>
      <c r="G17431" s="16">
        <v>0</v>
      </c>
    </row>
    <row r="17432" spans="1:7" x14ac:dyDescent="0.3">
      <c r="A17432" s="13" t="s">
        <v>123</v>
      </c>
      <c r="B17432" s="14" t="s">
        <v>1</v>
      </c>
      <c r="C17432" s="14" t="s">
        <v>35</v>
      </c>
      <c r="D17432" s="14" t="s">
        <v>124</v>
      </c>
      <c r="E17432" s="15">
        <v>45653</v>
      </c>
      <c r="F17432" s="14" t="s">
        <v>25</v>
      </c>
      <c r="G17432" s="16">
        <v>0</v>
      </c>
    </row>
    <row r="17433" spans="1:7" x14ac:dyDescent="0.3">
      <c r="A17433" s="13" t="s">
        <v>123</v>
      </c>
      <c r="B17433" s="14" t="s">
        <v>1</v>
      </c>
      <c r="C17433" s="14" t="s">
        <v>35</v>
      </c>
      <c r="D17433" s="14" t="s">
        <v>124</v>
      </c>
      <c r="E17433" s="15">
        <v>45654</v>
      </c>
      <c r="F17433" s="14" t="s">
        <v>25</v>
      </c>
      <c r="G17433" s="16">
        <v>0</v>
      </c>
    </row>
    <row r="17434" spans="1:7" x14ac:dyDescent="0.3">
      <c r="A17434" s="13" t="s">
        <v>123</v>
      </c>
      <c r="B17434" s="14" t="s">
        <v>1</v>
      </c>
      <c r="C17434" s="14" t="s">
        <v>35</v>
      </c>
      <c r="D17434" s="14" t="s">
        <v>124</v>
      </c>
      <c r="E17434" s="15">
        <v>45655</v>
      </c>
      <c r="F17434" s="14" t="s">
        <v>25</v>
      </c>
      <c r="G17434" s="16">
        <v>0</v>
      </c>
    </row>
    <row r="17435" spans="1:7" x14ac:dyDescent="0.3">
      <c r="A17435" s="13" t="s">
        <v>123</v>
      </c>
      <c r="B17435" s="14" t="s">
        <v>1</v>
      </c>
      <c r="C17435" s="14" t="s">
        <v>35</v>
      </c>
      <c r="D17435" s="14" t="s">
        <v>124</v>
      </c>
      <c r="E17435" s="15">
        <v>45656</v>
      </c>
      <c r="F17435" s="14" t="s">
        <v>25</v>
      </c>
      <c r="G17435" s="16">
        <v>0</v>
      </c>
    </row>
    <row r="17436" spans="1:7" x14ac:dyDescent="0.3">
      <c r="A17436" s="13" t="s">
        <v>123</v>
      </c>
      <c r="B17436" s="14" t="s">
        <v>1</v>
      </c>
      <c r="C17436" s="14" t="s">
        <v>35</v>
      </c>
      <c r="D17436" s="14" t="s">
        <v>124</v>
      </c>
      <c r="E17436" s="15">
        <v>45657</v>
      </c>
      <c r="F17436" s="14" t="s">
        <v>25</v>
      </c>
      <c r="G17436" s="16">
        <v>0</v>
      </c>
    </row>
    <row r="17437" spans="1:7" x14ac:dyDescent="0.3">
      <c r="A17437" s="13" t="s">
        <v>123</v>
      </c>
      <c r="B17437" s="14" t="s">
        <v>1</v>
      </c>
      <c r="C17437" s="14" t="s">
        <v>35</v>
      </c>
      <c r="D17437" s="14" t="s">
        <v>124</v>
      </c>
      <c r="E17437" s="15">
        <v>45658</v>
      </c>
      <c r="F17437" s="14" t="s">
        <v>25</v>
      </c>
      <c r="G17437" s="16">
        <v>0</v>
      </c>
    </row>
    <row r="17438" spans="1:7" x14ac:dyDescent="0.3">
      <c r="A17438" s="13" t="s">
        <v>123</v>
      </c>
      <c r="B17438" s="14" t="s">
        <v>1</v>
      </c>
      <c r="C17438" s="14" t="s">
        <v>35</v>
      </c>
      <c r="D17438" s="14" t="s">
        <v>124</v>
      </c>
      <c r="E17438" s="15">
        <v>45659</v>
      </c>
      <c r="F17438" s="14" t="s">
        <v>25</v>
      </c>
      <c r="G17438" s="16">
        <v>0</v>
      </c>
    </row>
    <row r="17439" spans="1:7" x14ac:dyDescent="0.3">
      <c r="A17439" s="13" t="s">
        <v>123</v>
      </c>
      <c r="B17439" s="14" t="s">
        <v>1</v>
      </c>
      <c r="C17439" s="14" t="s">
        <v>35</v>
      </c>
      <c r="D17439" s="14" t="s">
        <v>124</v>
      </c>
      <c r="E17439" s="15">
        <v>45660</v>
      </c>
      <c r="F17439" s="14" t="s">
        <v>25</v>
      </c>
      <c r="G17439" s="16">
        <v>0</v>
      </c>
    </row>
    <row r="17440" spans="1:7" x14ac:dyDescent="0.3">
      <c r="A17440" s="13" t="s">
        <v>123</v>
      </c>
      <c r="B17440" s="14" t="s">
        <v>1</v>
      </c>
      <c r="C17440" s="14" t="s">
        <v>35</v>
      </c>
      <c r="D17440" s="14" t="s">
        <v>124</v>
      </c>
      <c r="E17440" s="15">
        <v>45661</v>
      </c>
      <c r="F17440" s="14" t="s">
        <v>25</v>
      </c>
      <c r="G17440" s="16">
        <v>0</v>
      </c>
    </row>
    <row r="17441" spans="1:7" x14ac:dyDescent="0.3">
      <c r="A17441" s="13" t="s">
        <v>123</v>
      </c>
      <c r="B17441" s="14" t="s">
        <v>1</v>
      </c>
      <c r="C17441" s="14" t="s">
        <v>35</v>
      </c>
      <c r="D17441" s="14" t="s">
        <v>124</v>
      </c>
      <c r="E17441" s="15">
        <v>45662</v>
      </c>
      <c r="F17441" s="14" t="s">
        <v>25</v>
      </c>
      <c r="G17441" s="16">
        <v>0</v>
      </c>
    </row>
    <row r="17442" spans="1:7" x14ac:dyDescent="0.3">
      <c r="A17442" s="13" t="s">
        <v>123</v>
      </c>
      <c r="B17442" s="14" t="s">
        <v>1</v>
      </c>
      <c r="C17442" s="14" t="s">
        <v>35</v>
      </c>
      <c r="D17442" s="14" t="s">
        <v>124</v>
      </c>
      <c r="E17442" s="15">
        <v>45663</v>
      </c>
      <c r="F17442" s="14" t="s">
        <v>25</v>
      </c>
      <c r="G17442" s="16">
        <v>0</v>
      </c>
    </row>
    <row r="17443" spans="1:7" x14ac:dyDescent="0.3">
      <c r="A17443" s="13" t="s">
        <v>123</v>
      </c>
      <c r="B17443" s="14" t="s">
        <v>1</v>
      </c>
      <c r="C17443" s="14" t="s">
        <v>35</v>
      </c>
      <c r="D17443" s="14" t="s">
        <v>124</v>
      </c>
      <c r="E17443" s="15">
        <v>45664</v>
      </c>
      <c r="F17443" s="14" t="s">
        <v>25</v>
      </c>
      <c r="G17443" s="16">
        <v>0</v>
      </c>
    </row>
    <row r="17444" spans="1:7" x14ac:dyDescent="0.3">
      <c r="A17444" s="13" t="s">
        <v>123</v>
      </c>
      <c r="B17444" s="14" t="s">
        <v>1</v>
      </c>
      <c r="C17444" s="14" t="s">
        <v>35</v>
      </c>
      <c r="D17444" s="14" t="s">
        <v>124</v>
      </c>
      <c r="E17444" s="15">
        <v>45665</v>
      </c>
      <c r="F17444" s="14" t="s">
        <v>25</v>
      </c>
      <c r="G17444" s="16">
        <v>0</v>
      </c>
    </row>
    <row r="17445" spans="1:7" x14ac:dyDescent="0.3">
      <c r="A17445" s="13" t="s">
        <v>123</v>
      </c>
      <c r="B17445" s="14" t="s">
        <v>1</v>
      </c>
      <c r="C17445" s="14" t="s">
        <v>35</v>
      </c>
      <c r="D17445" s="14" t="s">
        <v>124</v>
      </c>
      <c r="E17445" s="15">
        <v>45666</v>
      </c>
      <c r="F17445" s="14" t="s">
        <v>25</v>
      </c>
      <c r="G17445" s="16">
        <v>0</v>
      </c>
    </row>
    <row r="17446" spans="1:7" x14ac:dyDescent="0.3">
      <c r="A17446" s="13" t="s">
        <v>123</v>
      </c>
      <c r="B17446" s="14" t="s">
        <v>1</v>
      </c>
      <c r="C17446" s="14" t="s">
        <v>35</v>
      </c>
      <c r="D17446" s="14" t="s">
        <v>124</v>
      </c>
      <c r="E17446" s="15">
        <v>45667</v>
      </c>
      <c r="F17446" s="14" t="s">
        <v>25</v>
      </c>
      <c r="G17446" s="16">
        <v>0</v>
      </c>
    </row>
    <row r="17447" spans="1:7" x14ac:dyDescent="0.3">
      <c r="A17447" s="13" t="s">
        <v>123</v>
      </c>
      <c r="B17447" s="14" t="s">
        <v>1</v>
      </c>
      <c r="C17447" s="14" t="s">
        <v>35</v>
      </c>
      <c r="D17447" s="14" t="s">
        <v>124</v>
      </c>
      <c r="E17447" s="15">
        <v>45668</v>
      </c>
      <c r="F17447" s="14" t="s">
        <v>25</v>
      </c>
      <c r="G17447" s="16">
        <v>0</v>
      </c>
    </row>
    <row r="17448" spans="1:7" x14ac:dyDescent="0.3">
      <c r="A17448" s="13" t="s">
        <v>123</v>
      </c>
      <c r="B17448" s="14" t="s">
        <v>1</v>
      </c>
      <c r="C17448" s="14" t="s">
        <v>35</v>
      </c>
      <c r="D17448" s="14" t="s">
        <v>124</v>
      </c>
      <c r="E17448" s="15">
        <v>45669</v>
      </c>
      <c r="F17448" s="14" t="s">
        <v>25</v>
      </c>
      <c r="G17448" s="16">
        <v>0</v>
      </c>
    </row>
    <row r="17449" spans="1:7" x14ac:dyDescent="0.3">
      <c r="A17449" s="13" t="s">
        <v>123</v>
      </c>
      <c r="B17449" s="14" t="s">
        <v>1</v>
      </c>
      <c r="C17449" s="14" t="s">
        <v>35</v>
      </c>
      <c r="D17449" s="14" t="s">
        <v>124</v>
      </c>
      <c r="E17449" s="15">
        <v>45670</v>
      </c>
      <c r="F17449" s="14" t="s">
        <v>25</v>
      </c>
      <c r="G17449" s="16">
        <v>0</v>
      </c>
    </row>
    <row r="17450" spans="1:7" x14ac:dyDescent="0.3">
      <c r="A17450" s="13" t="s">
        <v>123</v>
      </c>
      <c r="B17450" s="14" t="s">
        <v>1</v>
      </c>
      <c r="C17450" s="14" t="s">
        <v>35</v>
      </c>
      <c r="D17450" s="14" t="s">
        <v>124</v>
      </c>
      <c r="E17450" s="15">
        <v>45671</v>
      </c>
      <c r="F17450" s="14" t="s">
        <v>25</v>
      </c>
      <c r="G17450" s="16">
        <v>0</v>
      </c>
    </row>
    <row r="17451" spans="1:7" x14ac:dyDescent="0.3">
      <c r="A17451" s="13" t="s">
        <v>123</v>
      </c>
      <c r="B17451" s="14" t="s">
        <v>1</v>
      </c>
      <c r="C17451" s="14" t="s">
        <v>35</v>
      </c>
      <c r="D17451" s="14" t="s">
        <v>124</v>
      </c>
      <c r="E17451" s="15">
        <v>45672</v>
      </c>
      <c r="F17451" s="14" t="s">
        <v>25</v>
      </c>
      <c r="G17451" s="16">
        <v>0</v>
      </c>
    </row>
    <row r="17452" spans="1:7" x14ac:dyDescent="0.3">
      <c r="A17452" s="13" t="s">
        <v>123</v>
      </c>
      <c r="B17452" s="14" t="s">
        <v>1</v>
      </c>
      <c r="C17452" s="14" t="s">
        <v>35</v>
      </c>
      <c r="D17452" s="14" t="s">
        <v>124</v>
      </c>
      <c r="E17452" s="15">
        <v>45673</v>
      </c>
      <c r="F17452" s="14" t="s">
        <v>25</v>
      </c>
      <c r="G17452" s="16">
        <v>0</v>
      </c>
    </row>
    <row r="17453" spans="1:7" x14ac:dyDescent="0.3">
      <c r="A17453" s="13" t="s">
        <v>123</v>
      </c>
      <c r="B17453" s="14" t="s">
        <v>1</v>
      </c>
      <c r="C17453" s="14" t="s">
        <v>35</v>
      </c>
      <c r="D17453" s="14" t="s">
        <v>124</v>
      </c>
      <c r="E17453" s="15">
        <v>45674</v>
      </c>
      <c r="F17453" s="14" t="s">
        <v>25</v>
      </c>
      <c r="G17453" s="16">
        <v>0</v>
      </c>
    </row>
    <row r="17454" spans="1:7" x14ac:dyDescent="0.3">
      <c r="A17454" s="13" t="s">
        <v>123</v>
      </c>
      <c r="B17454" s="14" t="s">
        <v>1</v>
      </c>
      <c r="C17454" s="14" t="s">
        <v>35</v>
      </c>
      <c r="D17454" s="14" t="s">
        <v>124</v>
      </c>
      <c r="E17454" s="15">
        <v>45675</v>
      </c>
      <c r="F17454" s="14" t="s">
        <v>25</v>
      </c>
      <c r="G17454" s="16">
        <v>0</v>
      </c>
    </row>
    <row r="17455" spans="1:7" x14ac:dyDescent="0.3">
      <c r="A17455" s="13" t="s">
        <v>123</v>
      </c>
      <c r="B17455" s="14" t="s">
        <v>1</v>
      </c>
      <c r="C17455" s="14" t="s">
        <v>35</v>
      </c>
      <c r="D17455" s="14" t="s">
        <v>124</v>
      </c>
      <c r="E17455" s="15">
        <v>45676</v>
      </c>
      <c r="F17455" s="14" t="s">
        <v>25</v>
      </c>
      <c r="G17455" s="16">
        <v>0</v>
      </c>
    </row>
    <row r="17456" spans="1:7" x14ac:dyDescent="0.3">
      <c r="A17456" s="13" t="s">
        <v>123</v>
      </c>
      <c r="B17456" s="14" t="s">
        <v>1</v>
      </c>
      <c r="C17456" s="14" t="s">
        <v>35</v>
      </c>
      <c r="D17456" s="14" t="s">
        <v>124</v>
      </c>
      <c r="E17456" s="15">
        <v>45677</v>
      </c>
      <c r="F17456" s="14" t="s">
        <v>25</v>
      </c>
      <c r="G17456" s="16">
        <v>0</v>
      </c>
    </row>
    <row r="17457" spans="1:7" x14ac:dyDescent="0.3">
      <c r="A17457" s="13" t="s">
        <v>123</v>
      </c>
      <c r="B17457" s="14" t="s">
        <v>1</v>
      </c>
      <c r="C17457" s="14" t="s">
        <v>35</v>
      </c>
      <c r="D17457" s="14" t="s">
        <v>124</v>
      </c>
      <c r="E17457" s="15">
        <v>45678</v>
      </c>
      <c r="F17457" s="14" t="s">
        <v>25</v>
      </c>
      <c r="G17457" s="16">
        <v>0</v>
      </c>
    </row>
    <row r="17458" spans="1:7" x14ac:dyDescent="0.3">
      <c r="A17458" s="13" t="s">
        <v>123</v>
      </c>
      <c r="B17458" s="14" t="s">
        <v>1</v>
      </c>
      <c r="C17458" s="14" t="s">
        <v>35</v>
      </c>
      <c r="D17458" s="14" t="s">
        <v>124</v>
      </c>
      <c r="E17458" s="15">
        <v>45679</v>
      </c>
      <c r="F17458" s="14" t="s">
        <v>25</v>
      </c>
      <c r="G17458" s="16">
        <v>0</v>
      </c>
    </row>
    <row r="17459" spans="1:7" x14ac:dyDescent="0.3">
      <c r="A17459" s="13" t="s">
        <v>123</v>
      </c>
      <c r="B17459" s="14" t="s">
        <v>1</v>
      </c>
      <c r="C17459" s="14" t="s">
        <v>35</v>
      </c>
      <c r="D17459" s="14" t="s">
        <v>124</v>
      </c>
      <c r="E17459" s="15">
        <v>45680</v>
      </c>
      <c r="F17459" s="14" t="s">
        <v>25</v>
      </c>
      <c r="G17459" s="16">
        <v>0</v>
      </c>
    </row>
    <row r="17460" spans="1:7" x14ac:dyDescent="0.3">
      <c r="A17460" s="13" t="s">
        <v>123</v>
      </c>
      <c r="B17460" s="14" t="s">
        <v>1</v>
      </c>
      <c r="C17460" s="14" t="s">
        <v>35</v>
      </c>
      <c r="D17460" s="14" t="s">
        <v>124</v>
      </c>
      <c r="E17460" s="15">
        <v>45681</v>
      </c>
      <c r="F17460" s="14" t="s">
        <v>25</v>
      </c>
      <c r="G17460" s="16">
        <v>0</v>
      </c>
    </row>
    <row r="17461" spans="1:7" x14ac:dyDescent="0.3">
      <c r="A17461" s="13" t="s">
        <v>123</v>
      </c>
      <c r="B17461" s="14" t="s">
        <v>1</v>
      </c>
      <c r="C17461" s="14" t="s">
        <v>35</v>
      </c>
      <c r="D17461" s="14" t="s">
        <v>124</v>
      </c>
      <c r="E17461" s="15">
        <v>45682</v>
      </c>
      <c r="F17461" s="14" t="s">
        <v>25</v>
      </c>
      <c r="G17461" s="16">
        <v>0</v>
      </c>
    </row>
    <row r="17462" spans="1:7" x14ac:dyDescent="0.3">
      <c r="A17462" s="13" t="s">
        <v>123</v>
      </c>
      <c r="B17462" s="14" t="s">
        <v>1</v>
      </c>
      <c r="C17462" s="14" t="s">
        <v>35</v>
      </c>
      <c r="D17462" s="14" t="s">
        <v>124</v>
      </c>
      <c r="E17462" s="15">
        <v>45683</v>
      </c>
      <c r="F17462" s="14" t="s">
        <v>25</v>
      </c>
      <c r="G17462" s="16">
        <v>0</v>
      </c>
    </row>
    <row r="17463" spans="1:7" x14ac:dyDescent="0.3">
      <c r="A17463" s="13" t="s">
        <v>123</v>
      </c>
      <c r="B17463" s="14" t="s">
        <v>1</v>
      </c>
      <c r="C17463" s="14" t="s">
        <v>35</v>
      </c>
      <c r="D17463" s="14" t="s">
        <v>124</v>
      </c>
      <c r="E17463" s="15">
        <v>45684</v>
      </c>
      <c r="F17463" s="14" t="s">
        <v>25</v>
      </c>
      <c r="G17463" s="16">
        <v>0</v>
      </c>
    </row>
    <row r="17464" spans="1:7" x14ac:dyDescent="0.3">
      <c r="A17464" s="13" t="s">
        <v>123</v>
      </c>
      <c r="B17464" s="14" t="s">
        <v>1</v>
      </c>
      <c r="C17464" s="14" t="s">
        <v>35</v>
      </c>
      <c r="D17464" s="14" t="s">
        <v>124</v>
      </c>
      <c r="E17464" s="15">
        <v>45685</v>
      </c>
      <c r="F17464" s="14" t="s">
        <v>25</v>
      </c>
      <c r="G17464" s="16">
        <v>0</v>
      </c>
    </row>
    <row r="17465" spans="1:7" x14ac:dyDescent="0.3">
      <c r="A17465" s="13" t="s">
        <v>123</v>
      </c>
      <c r="B17465" s="14" t="s">
        <v>1</v>
      </c>
      <c r="C17465" s="14" t="s">
        <v>35</v>
      </c>
      <c r="D17465" s="14" t="s">
        <v>124</v>
      </c>
      <c r="E17465" s="15">
        <v>45686</v>
      </c>
      <c r="F17465" s="14" t="s">
        <v>25</v>
      </c>
      <c r="G17465" s="16">
        <v>0</v>
      </c>
    </row>
    <row r="17466" spans="1:7" x14ac:dyDescent="0.3">
      <c r="A17466" s="13" t="s">
        <v>123</v>
      </c>
      <c r="B17466" s="14" t="s">
        <v>1</v>
      </c>
      <c r="C17466" s="14" t="s">
        <v>35</v>
      </c>
      <c r="D17466" s="14" t="s">
        <v>124</v>
      </c>
      <c r="E17466" s="15">
        <v>45687</v>
      </c>
      <c r="F17466" s="14" t="s">
        <v>25</v>
      </c>
      <c r="G17466" s="16">
        <v>0</v>
      </c>
    </row>
    <row r="17467" spans="1:7" x14ac:dyDescent="0.3">
      <c r="A17467" s="13" t="s">
        <v>123</v>
      </c>
      <c r="B17467" s="14" t="s">
        <v>1</v>
      </c>
      <c r="C17467" s="14" t="s">
        <v>35</v>
      </c>
      <c r="D17467" s="14" t="s">
        <v>124</v>
      </c>
      <c r="E17467" s="15">
        <v>45688</v>
      </c>
      <c r="F17467" s="14" t="s">
        <v>25</v>
      </c>
      <c r="G17467" s="16">
        <v>0</v>
      </c>
    </row>
    <row r="17468" spans="1:7" x14ac:dyDescent="0.3">
      <c r="A17468" s="13" t="s">
        <v>123</v>
      </c>
      <c r="B17468" s="14" t="s">
        <v>1</v>
      </c>
      <c r="C17468" s="14" t="s">
        <v>35</v>
      </c>
      <c r="D17468" s="14" t="s">
        <v>124</v>
      </c>
      <c r="E17468" s="15">
        <v>45689</v>
      </c>
      <c r="F17468" s="14" t="s">
        <v>25</v>
      </c>
      <c r="G17468" s="16">
        <v>0</v>
      </c>
    </row>
    <row r="17469" spans="1:7" x14ac:dyDescent="0.3">
      <c r="A17469" s="13" t="s">
        <v>123</v>
      </c>
      <c r="B17469" s="14" t="s">
        <v>1</v>
      </c>
      <c r="C17469" s="14" t="s">
        <v>35</v>
      </c>
      <c r="D17469" s="14" t="s">
        <v>124</v>
      </c>
      <c r="E17469" s="15">
        <v>45690</v>
      </c>
      <c r="F17469" s="14" t="s">
        <v>25</v>
      </c>
      <c r="G17469" s="16">
        <v>0</v>
      </c>
    </row>
    <row r="17470" spans="1:7" x14ac:dyDescent="0.3">
      <c r="A17470" s="13" t="s">
        <v>123</v>
      </c>
      <c r="B17470" s="14" t="s">
        <v>1</v>
      </c>
      <c r="C17470" s="14" t="s">
        <v>35</v>
      </c>
      <c r="D17470" s="14" t="s">
        <v>124</v>
      </c>
      <c r="E17470" s="15">
        <v>45691</v>
      </c>
      <c r="F17470" s="14" t="s">
        <v>25</v>
      </c>
      <c r="G17470" s="16">
        <v>0</v>
      </c>
    </row>
    <row r="17471" spans="1:7" x14ac:dyDescent="0.3">
      <c r="A17471" s="13" t="s">
        <v>123</v>
      </c>
      <c r="B17471" s="14" t="s">
        <v>1</v>
      </c>
      <c r="C17471" s="14" t="s">
        <v>35</v>
      </c>
      <c r="D17471" s="14" t="s">
        <v>124</v>
      </c>
      <c r="E17471" s="15">
        <v>45692</v>
      </c>
      <c r="F17471" s="14" t="s">
        <v>25</v>
      </c>
      <c r="G17471" s="16">
        <v>0</v>
      </c>
    </row>
    <row r="17472" spans="1:7" x14ac:dyDescent="0.3">
      <c r="A17472" s="13" t="s">
        <v>123</v>
      </c>
      <c r="B17472" s="14" t="s">
        <v>1</v>
      </c>
      <c r="C17472" s="14" t="s">
        <v>35</v>
      </c>
      <c r="D17472" s="14" t="s">
        <v>124</v>
      </c>
      <c r="E17472" s="15">
        <v>45693</v>
      </c>
      <c r="F17472" s="14" t="s">
        <v>25</v>
      </c>
      <c r="G17472" s="16">
        <v>0</v>
      </c>
    </row>
    <row r="17473" spans="1:7" x14ac:dyDescent="0.3">
      <c r="A17473" s="13" t="s">
        <v>123</v>
      </c>
      <c r="B17473" s="14" t="s">
        <v>1</v>
      </c>
      <c r="C17473" s="14" t="s">
        <v>35</v>
      </c>
      <c r="D17473" s="14" t="s">
        <v>124</v>
      </c>
      <c r="E17473" s="15">
        <v>45694</v>
      </c>
      <c r="F17473" s="14" t="s">
        <v>25</v>
      </c>
      <c r="G17473" s="16">
        <v>0</v>
      </c>
    </row>
    <row r="17474" spans="1:7" x14ac:dyDescent="0.3">
      <c r="A17474" s="13" t="s">
        <v>123</v>
      </c>
      <c r="B17474" s="14" t="s">
        <v>1</v>
      </c>
      <c r="C17474" s="14" t="s">
        <v>35</v>
      </c>
      <c r="D17474" s="14" t="s">
        <v>124</v>
      </c>
      <c r="E17474" s="15">
        <v>45695</v>
      </c>
      <c r="F17474" s="14" t="s">
        <v>25</v>
      </c>
      <c r="G17474" s="16">
        <v>0</v>
      </c>
    </row>
    <row r="17475" spans="1:7" x14ac:dyDescent="0.3">
      <c r="A17475" s="13" t="s">
        <v>123</v>
      </c>
      <c r="B17475" s="14" t="s">
        <v>1</v>
      </c>
      <c r="C17475" s="14" t="s">
        <v>35</v>
      </c>
      <c r="D17475" s="14" t="s">
        <v>124</v>
      </c>
      <c r="E17475" s="15">
        <v>45696</v>
      </c>
      <c r="F17475" s="14" t="s">
        <v>25</v>
      </c>
      <c r="G17475" s="16">
        <v>0</v>
      </c>
    </row>
    <row r="17476" spans="1:7" x14ac:dyDescent="0.3">
      <c r="A17476" s="13" t="s">
        <v>123</v>
      </c>
      <c r="B17476" s="14" t="s">
        <v>1</v>
      </c>
      <c r="C17476" s="14" t="s">
        <v>35</v>
      </c>
      <c r="D17476" s="14" t="s">
        <v>124</v>
      </c>
      <c r="E17476" s="15">
        <v>45697</v>
      </c>
      <c r="F17476" s="14" t="s">
        <v>25</v>
      </c>
      <c r="G17476" s="16">
        <v>0</v>
      </c>
    </row>
    <row r="17477" spans="1:7" x14ac:dyDescent="0.3">
      <c r="A17477" s="13" t="s">
        <v>123</v>
      </c>
      <c r="B17477" s="14" t="s">
        <v>1</v>
      </c>
      <c r="C17477" s="14" t="s">
        <v>35</v>
      </c>
      <c r="D17477" s="14" t="s">
        <v>124</v>
      </c>
      <c r="E17477" s="15">
        <v>45698</v>
      </c>
      <c r="F17477" s="14" t="s">
        <v>25</v>
      </c>
      <c r="G17477" s="16">
        <v>0</v>
      </c>
    </row>
    <row r="17478" spans="1:7" x14ac:dyDescent="0.3">
      <c r="A17478" s="13" t="s">
        <v>123</v>
      </c>
      <c r="B17478" s="14" t="s">
        <v>1</v>
      </c>
      <c r="C17478" s="14" t="s">
        <v>35</v>
      </c>
      <c r="D17478" s="14" t="s">
        <v>124</v>
      </c>
      <c r="E17478" s="15">
        <v>45699</v>
      </c>
      <c r="F17478" s="14" t="s">
        <v>25</v>
      </c>
      <c r="G17478" s="16">
        <v>0</v>
      </c>
    </row>
    <row r="17479" spans="1:7" x14ac:dyDescent="0.3">
      <c r="A17479" s="13" t="s">
        <v>123</v>
      </c>
      <c r="B17479" s="14" t="s">
        <v>1</v>
      </c>
      <c r="C17479" s="14" t="s">
        <v>35</v>
      </c>
      <c r="D17479" s="14" t="s">
        <v>124</v>
      </c>
      <c r="E17479" s="15">
        <v>45700</v>
      </c>
      <c r="F17479" s="14" t="s">
        <v>25</v>
      </c>
      <c r="G17479" s="16">
        <v>0</v>
      </c>
    </row>
    <row r="17480" spans="1:7" x14ac:dyDescent="0.3">
      <c r="A17480" s="13" t="s">
        <v>123</v>
      </c>
      <c r="B17480" s="14" t="s">
        <v>1</v>
      </c>
      <c r="C17480" s="14" t="s">
        <v>35</v>
      </c>
      <c r="D17480" s="14" t="s">
        <v>124</v>
      </c>
      <c r="E17480" s="15">
        <v>45701</v>
      </c>
      <c r="F17480" s="14" t="s">
        <v>25</v>
      </c>
      <c r="G17480" s="16">
        <v>0</v>
      </c>
    </row>
    <row r="17481" spans="1:7" x14ac:dyDescent="0.3">
      <c r="A17481" s="13" t="s">
        <v>123</v>
      </c>
      <c r="B17481" s="14" t="s">
        <v>1</v>
      </c>
      <c r="C17481" s="14" t="s">
        <v>35</v>
      </c>
      <c r="D17481" s="14" t="s">
        <v>124</v>
      </c>
      <c r="E17481" s="15">
        <v>45702</v>
      </c>
      <c r="F17481" s="14" t="s">
        <v>25</v>
      </c>
      <c r="G17481" s="16">
        <v>0</v>
      </c>
    </row>
    <row r="17482" spans="1:7" x14ac:dyDescent="0.3">
      <c r="A17482" s="13" t="s">
        <v>123</v>
      </c>
      <c r="B17482" s="14" t="s">
        <v>1</v>
      </c>
      <c r="C17482" s="14" t="s">
        <v>35</v>
      </c>
      <c r="D17482" s="14" t="s">
        <v>124</v>
      </c>
      <c r="E17482" s="15">
        <v>45703</v>
      </c>
      <c r="F17482" s="14" t="s">
        <v>25</v>
      </c>
      <c r="G17482" s="16">
        <v>0</v>
      </c>
    </row>
    <row r="17483" spans="1:7" x14ac:dyDescent="0.3">
      <c r="A17483" s="13" t="s">
        <v>123</v>
      </c>
      <c r="B17483" s="14" t="s">
        <v>1</v>
      </c>
      <c r="C17483" s="14" t="s">
        <v>35</v>
      </c>
      <c r="D17483" s="14" t="s">
        <v>124</v>
      </c>
      <c r="E17483" s="15">
        <v>45704</v>
      </c>
      <c r="F17483" s="14" t="s">
        <v>25</v>
      </c>
      <c r="G17483" s="16">
        <v>0</v>
      </c>
    </row>
    <row r="17484" spans="1:7" x14ac:dyDescent="0.3">
      <c r="A17484" s="13" t="s">
        <v>123</v>
      </c>
      <c r="B17484" s="14" t="s">
        <v>1</v>
      </c>
      <c r="C17484" s="14" t="s">
        <v>35</v>
      </c>
      <c r="D17484" s="14" t="s">
        <v>124</v>
      </c>
      <c r="E17484" s="15">
        <v>45705</v>
      </c>
      <c r="F17484" s="14" t="s">
        <v>25</v>
      </c>
      <c r="G17484" s="16">
        <v>0</v>
      </c>
    </row>
    <row r="17485" spans="1:7" x14ac:dyDescent="0.3">
      <c r="A17485" s="13" t="s">
        <v>123</v>
      </c>
      <c r="B17485" s="14" t="s">
        <v>1</v>
      </c>
      <c r="C17485" s="14" t="s">
        <v>35</v>
      </c>
      <c r="D17485" s="14" t="s">
        <v>124</v>
      </c>
      <c r="E17485" s="15">
        <v>45706</v>
      </c>
      <c r="F17485" s="14" t="s">
        <v>25</v>
      </c>
      <c r="G17485" s="16">
        <v>0</v>
      </c>
    </row>
    <row r="17486" spans="1:7" x14ac:dyDescent="0.3">
      <c r="A17486" s="13" t="s">
        <v>123</v>
      </c>
      <c r="B17486" s="14" t="s">
        <v>1</v>
      </c>
      <c r="C17486" s="14" t="s">
        <v>35</v>
      </c>
      <c r="D17486" s="14" t="s">
        <v>124</v>
      </c>
      <c r="E17486" s="15">
        <v>45707</v>
      </c>
      <c r="F17486" s="14" t="s">
        <v>25</v>
      </c>
      <c r="G17486" s="16">
        <v>0</v>
      </c>
    </row>
    <row r="17487" spans="1:7" x14ac:dyDescent="0.3">
      <c r="A17487" s="13" t="s">
        <v>123</v>
      </c>
      <c r="B17487" s="14" t="s">
        <v>1</v>
      </c>
      <c r="C17487" s="14" t="s">
        <v>35</v>
      </c>
      <c r="D17487" s="14" t="s">
        <v>124</v>
      </c>
      <c r="E17487" s="15">
        <v>45708</v>
      </c>
      <c r="F17487" s="14" t="s">
        <v>25</v>
      </c>
      <c r="G17487" s="16">
        <v>0</v>
      </c>
    </row>
    <row r="17488" spans="1:7" x14ac:dyDescent="0.3">
      <c r="A17488" s="13" t="s">
        <v>123</v>
      </c>
      <c r="B17488" s="14" t="s">
        <v>1</v>
      </c>
      <c r="C17488" s="14" t="s">
        <v>35</v>
      </c>
      <c r="D17488" s="14" t="s">
        <v>124</v>
      </c>
      <c r="E17488" s="15">
        <v>45709</v>
      </c>
      <c r="F17488" s="14" t="s">
        <v>25</v>
      </c>
      <c r="G17488" s="16">
        <v>0</v>
      </c>
    </row>
    <row r="17489" spans="1:7" x14ac:dyDescent="0.3">
      <c r="A17489" s="13" t="s">
        <v>123</v>
      </c>
      <c r="B17489" s="14" t="s">
        <v>1</v>
      </c>
      <c r="C17489" s="14" t="s">
        <v>35</v>
      </c>
      <c r="D17489" s="14" t="s">
        <v>124</v>
      </c>
      <c r="E17489" s="15">
        <v>45710</v>
      </c>
      <c r="F17489" s="14" t="s">
        <v>25</v>
      </c>
      <c r="G17489" s="16">
        <v>0</v>
      </c>
    </row>
    <row r="17490" spans="1:7" x14ac:dyDescent="0.3">
      <c r="A17490" s="13" t="s">
        <v>123</v>
      </c>
      <c r="B17490" s="14" t="s">
        <v>1</v>
      </c>
      <c r="C17490" s="14" t="s">
        <v>35</v>
      </c>
      <c r="D17490" s="14" t="s">
        <v>124</v>
      </c>
      <c r="E17490" s="15">
        <v>45711</v>
      </c>
      <c r="F17490" s="14" t="s">
        <v>25</v>
      </c>
      <c r="G17490" s="16">
        <v>0</v>
      </c>
    </row>
    <row r="17491" spans="1:7" x14ac:dyDescent="0.3">
      <c r="A17491" s="13" t="s">
        <v>123</v>
      </c>
      <c r="B17491" s="14" t="s">
        <v>1</v>
      </c>
      <c r="C17491" s="14" t="s">
        <v>35</v>
      </c>
      <c r="D17491" s="14" t="s">
        <v>124</v>
      </c>
      <c r="E17491" s="15">
        <v>45712</v>
      </c>
      <c r="F17491" s="14" t="s">
        <v>25</v>
      </c>
      <c r="G17491" s="16">
        <v>0</v>
      </c>
    </row>
    <row r="17492" spans="1:7" x14ac:dyDescent="0.3">
      <c r="A17492" s="13" t="s">
        <v>123</v>
      </c>
      <c r="B17492" s="14" t="s">
        <v>1</v>
      </c>
      <c r="C17492" s="14" t="s">
        <v>35</v>
      </c>
      <c r="D17492" s="14" t="s">
        <v>124</v>
      </c>
      <c r="E17492" s="15">
        <v>45713</v>
      </c>
      <c r="F17492" s="14" t="s">
        <v>25</v>
      </c>
      <c r="G17492" s="16">
        <v>0</v>
      </c>
    </row>
    <row r="17493" spans="1:7" x14ac:dyDescent="0.3">
      <c r="A17493" s="13" t="s">
        <v>123</v>
      </c>
      <c r="B17493" s="14" t="s">
        <v>1</v>
      </c>
      <c r="C17493" s="14" t="s">
        <v>35</v>
      </c>
      <c r="D17493" s="14" t="s">
        <v>124</v>
      </c>
      <c r="E17493" s="15">
        <v>45714</v>
      </c>
      <c r="F17493" s="14" t="s">
        <v>25</v>
      </c>
      <c r="G17493" s="16">
        <v>0</v>
      </c>
    </row>
    <row r="17494" spans="1:7" x14ac:dyDescent="0.3">
      <c r="A17494" s="13" t="s">
        <v>123</v>
      </c>
      <c r="B17494" s="14" t="s">
        <v>1</v>
      </c>
      <c r="C17494" s="14" t="s">
        <v>35</v>
      </c>
      <c r="D17494" s="14" t="s">
        <v>124</v>
      </c>
      <c r="E17494" s="15">
        <v>45715</v>
      </c>
      <c r="F17494" s="14" t="s">
        <v>25</v>
      </c>
      <c r="G17494" s="16">
        <v>0</v>
      </c>
    </row>
    <row r="17495" spans="1:7" x14ac:dyDescent="0.3">
      <c r="A17495" s="13" t="s">
        <v>123</v>
      </c>
      <c r="B17495" s="14" t="s">
        <v>1</v>
      </c>
      <c r="C17495" s="14" t="s">
        <v>35</v>
      </c>
      <c r="D17495" s="14" t="s">
        <v>124</v>
      </c>
      <c r="E17495" s="15">
        <v>45716</v>
      </c>
      <c r="F17495" s="14" t="s">
        <v>25</v>
      </c>
      <c r="G17495" s="16">
        <v>0</v>
      </c>
    </row>
    <row r="17496" spans="1:7" x14ac:dyDescent="0.3">
      <c r="A17496" s="13" t="s">
        <v>123</v>
      </c>
      <c r="B17496" s="14" t="s">
        <v>1</v>
      </c>
      <c r="C17496" s="14" t="s">
        <v>35</v>
      </c>
      <c r="D17496" s="14" t="s">
        <v>124</v>
      </c>
      <c r="E17496" s="15">
        <v>45717</v>
      </c>
      <c r="F17496" s="14" t="s">
        <v>25</v>
      </c>
      <c r="G17496" s="16">
        <v>0</v>
      </c>
    </row>
    <row r="17497" spans="1:7" x14ac:dyDescent="0.3">
      <c r="A17497" s="13" t="s">
        <v>123</v>
      </c>
      <c r="B17497" s="14" t="s">
        <v>1</v>
      </c>
      <c r="C17497" s="14" t="s">
        <v>35</v>
      </c>
      <c r="D17497" s="14" t="s">
        <v>124</v>
      </c>
      <c r="E17497" s="15">
        <v>45718</v>
      </c>
      <c r="F17497" s="14" t="s">
        <v>25</v>
      </c>
      <c r="G17497" s="16">
        <v>0</v>
      </c>
    </row>
    <row r="17498" spans="1:7" x14ac:dyDescent="0.3">
      <c r="A17498" s="13" t="s">
        <v>123</v>
      </c>
      <c r="B17498" s="14" t="s">
        <v>1</v>
      </c>
      <c r="C17498" s="14" t="s">
        <v>35</v>
      </c>
      <c r="D17498" s="14" t="s">
        <v>124</v>
      </c>
      <c r="E17498" s="15">
        <v>45719</v>
      </c>
      <c r="F17498" s="14" t="s">
        <v>25</v>
      </c>
      <c r="G17498" s="16">
        <v>0</v>
      </c>
    </row>
    <row r="17499" spans="1:7" x14ac:dyDescent="0.3">
      <c r="A17499" s="13" t="s">
        <v>123</v>
      </c>
      <c r="B17499" s="14" t="s">
        <v>1</v>
      </c>
      <c r="C17499" s="14" t="s">
        <v>35</v>
      </c>
      <c r="D17499" s="14" t="s">
        <v>124</v>
      </c>
      <c r="E17499" s="15">
        <v>45720</v>
      </c>
      <c r="F17499" s="14" t="s">
        <v>25</v>
      </c>
      <c r="G17499" s="16">
        <v>0</v>
      </c>
    </row>
    <row r="17500" spans="1:7" x14ac:dyDescent="0.3">
      <c r="A17500" s="13" t="s">
        <v>123</v>
      </c>
      <c r="B17500" s="14" t="s">
        <v>1</v>
      </c>
      <c r="C17500" s="14" t="s">
        <v>35</v>
      </c>
      <c r="D17500" s="14" t="s">
        <v>124</v>
      </c>
      <c r="E17500" s="15">
        <v>45721</v>
      </c>
      <c r="F17500" s="14" t="s">
        <v>25</v>
      </c>
      <c r="G17500" s="16">
        <v>0</v>
      </c>
    </row>
    <row r="17501" spans="1:7" x14ac:dyDescent="0.3">
      <c r="A17501" s="13" t="s">
        <v>123</v>
      </c>
      <c r="B17501" s="14" t="s">
        <v>1</v>
      </c>
      <c r="C17501" s="14" t="s">
        <v>35</v>
      </c>
      <c r="D17501" s="14" t="s">
        <v>124</v>
      </c>
      <c r="E17501" s="15">
        <v>45722</v>
      </c>
      <c r="F17501" s="14" t="s">
        <v>25</v>
      </c>
      <c r="G17501" s="16">
        <v>0</v>
      </c>
    </row>
    <row r="17502" spans="1:7" x14ac:dyDescent="0.3">
      <c r="A17502" s="13" t="s">
        <v>123</v>
      </c>
      <c r="B17502" s="14" t="s">
        <v>1</v>
      </c>
      <c r="C17502" s="14" t="s">
        <v>35</v>
      </c>
      <c r="D17502" s="14" t="s">
        <v>124</v>
      </c>
      <c r="E17502" s="15">
        <v>45723</v>
      </c>
      <c r="F17502" s="14" t="s">
        <v>25</v>
      </c>
      <c r="G17502" s="16">
        <v>0</v>
      </c>
    </row>
    <row r="17503" spans="1:7" x14ac:dyDescent="0.3">
      <c r="A17503" s="13" t="s">
        <v>123</v>
      </c>
      <c r="B17503" s="14" t="s">
        <v>1</v>
      </c>
      <c r="C17503" s="14" t="s">
        <v>35</v>
      </c>
      <c r="D17503" s="14" t="s">
        <v>124</v>
      </c>
      <c r="E17503" s="15">
        <v>45724</v>
      </c>
      <c r="F17503" s="14" t="s">
        <v>25</v>
      </c>
      <c r="G17503" s="16">
        <v>0</v>
      </c>
    </row>
    <row r="17504" spans="1:7" x14ac:dyDescent="0.3">
      <c r="A17504" s="13" t="s">
        <v>123</v>
      </c>
      <c r="B17504" s="14" t="s">
        <v>1</v>
      </c>
      <c r="C17504" s="14" t="s">
        <v>35</v>
      </c>
      <c r="D17504" s="14" t="s">
        <v>124</v>
      </c>
      <c r="E17504" s="15">
        <v>45725</v>
      </c>
      <c r="F17504" s="14" t="s">
        <v>25</v>
      </c>
      <c r="G17504" s="16">
        <v>0</v>
      </c>
    </row>
    <row r="17505" spans="1:7" x14ac:dyDescent="0.3">
      <c r="A17505" s="13" t="s">
        <v>123</v>
      </c>
      <c r="B17505" s="14" t="s">
        <v>1</v>
      </c>
      <c r="C17505" s="14" t="s">
        <v>35</v>
      </c>
      <c r="D17505" s="14" t="s">
        <v>124</v>
      </c>
      <c r="E17505" s="15">
        <v>45726</v>
      </c>
      <c r="F17505" s="14" t="s">
        <v>25</v>
      </c>
      <c r="G17505" s="16">
        <v>0</v>
      </c>
    </row>
    <row r="17506" spans="1:7" x14ac:dyDescent="0.3">
      <c r="A17506" s="13" t="s">
        <v>123</v>
      </c>
      <c r="B17506" s="14" t="s">
        <v>1</v>
      </c>
      <c r="C17506" s="14" t="s">
        <v>35</v>
      </c>
      <c r="D17506" s="14" t="s">
        <v>124</v>
      </c>
      <c r="E17506" s="15">
        <v>45727</v>
      </c>
      <c r="F17506" s="14" t="s">
        <v>25</v>
      </c>
      <c r="G17506" s="16">
        <v>0</v>
      </c>
    </row>
    <row r="17507" spans="1:7" x14ac:dyDescent="0.3">
      <c r="A17507" s="13" t="s">
        <v>123</v>
      </c>
      <c r="B17507" s="14" t="s">
        <v>1</v>
      </c>
      <c r="C17507" s="14" t="s">
        <v>35</v>
      </c>
      <c r="D17507" s="14" t="s">
        <v>124</v>
      </c>
      <c r="E17507" s="15">
        <v>45728</v>
      </c>
      <c r="F17507" s="14" t="s">
        <v>25</v>
      </c>
      <c r="G17507" s="16">
        <v>0</v>
      </c>
    </row>
    <row r="17508" spans="1:7" x14ac:dyDescent="0.3">
      <c r="A17508" s="13" t="s">
        <v>123</v>
      </c>
      <c r="B17508" s="14" t="s">
        <v>1</v>
      </c>
      <c r="C17508" s="14" t="s">
        <v>35</v>
      </c>
      <c r="D17508" s="14" t="s">
        <v>124</v>
      </c>
      <c r="E17508" s="15">
        <v>45729</v>
      </c>
      <c r="F17508" s="14" t="s">
        <v>25</v>
      </c>
      <c r="G17508" s="16">
        <v>0</v>
      </c>
    </row>
    <row r="17509" spans="1:7" x14ac:dyDescent="0.3">
      <c r="A17509" s="13" t="s">
        <v>123</v>
      </c>
      <c r="B17509" s="14" t="s">
        <v>1</v>
      </c>
      <c r="C17509" s="14" t="s">
        <v>35</v>
      </c>
      <c r="D17509" s="14" t="s">
        <v>124</v>
      </c>
      <c r="E17509" s="15">
        <v>45730</v>
      </c>
      <c r="F17509" s="14" t="s">
        <v>25</v>
      </c>
      <c r="G17509" s="16">
        <v>0</v>
      </c>
    </row>
    <row r="17510" spans="1:7" x14ac:dyDescent="0.3">
      <c r="A17510" s="13" t="s">
        <v>123</v>
      </c>
      <c r="B17510" s="14" t="s">
        <v>1</v>
      </c>
      <c r="C17510" s="14" t="s">
        <v>35</v>
      </c>
      <c r="D17510" s="14" t="s">
        <v>124</v>
      </c>
      <c r="E17510" s="15">
        <v>45731</v>
      </c>
      <c r="F17510" s="14" t="s">
        <v>25</v>
      </c>
      <c r="G17510" s="16">
        <v>0</v>
      </c>
    </row>
    <row r="17511" spans="1:7" x14ac:dyDescent="0.3">
      <c r="A17511" s="13" t="s">
        <v>123</v>
      </c>
      <c r="B17511" s="14" t="s">
        <v>1</v>
      </c>
      <c r="C17511" s="14" t="s">
        <v>35</v>
      </c>
      <c r="D17511" s="14" t="s">
        <v>124</v>
      </c>
      <c r="E17511" s="15">
        <v>45732</v>
      </c>
      <c r="F17511" s="14" t="s">
        <v>25</v>
      </c>
      <c r="G17511" s="16">
        <v>0</v>
      </c>
    </row>
    <row r="17512" spans="1:7" x14ac:dyDescent="0.3">
      <c r="A17512" s="13" t="s">
        <v>123</v>
      </c>
      <c r="B17512" s="14" t="s">
        <v>1</v>
      </c>
      <c r="C17512" s="14" t="s">
        <v>35</v>
      </c>
      <c r="D17512" s="14" t="s">
        <v>124</v>
      </c>
      <c r="E17512" s="15">
        <v>45733</v>
      </c>
      <c r="F17512" s="14" t="s">
        <v>25</v>
      </c>
      <c r="G17512" s="16">
        <v>0</v>
      </c>
    </row>
    <row r="17513" spans="1:7" x14ac:dyDescent="0.3">
      <c r="A17513" s="13" t="s">
        <v>123</v>
      </c>
      <c r="B17513" s="14" t="s">
        <v>1</v>
      </c>
      <c r="C17513" s="14" t="s">
        <v>35</v>
      </c>
      <c r="D17513" s="14" t="s">
        <v>124</v>
      </c>
      <c r="E17513" s="15">
        <v>45734</v>
      </c>
      <c r="F17513" s="14" t="s">
        <v>25</v>
      </c>
      <c r="G17513" s="16">
        <v>0</v>
      </c>
    </row>
    <row r="17514" spans="1:7" x14ac:dyDescent="0.3">
      <c r="A17514" s="13" t="s">
        <v>123</v>
      </c>
      <c r="B17514" s="14" t="s">
        <v>1</v>
      </c>
      <c r="C17514" s="14" t="s">
        <v>35</v>
      </c>
      <c r="D17514" s="14" t="s">
        <v>124</v>
      </c>
      <c r="E17514" s="15">
        <v>45735</v>
      </c>
      <c r="F17514" s="14" t="s">
        <v>25</v>
      </c>
      <c r="G17514" s="16">
        <v>0</v>
      </c>
    </row>
    <row r="17515" spans="1:7" x14ac:dyDescent="0.3">
      <c r="A17515" s="13" t="s">
        <v>123</v>
      </c>
      <c r="B17515" s="14" t="s">
        <v>1</v>
      </c>
      <c r="C17515" s="14" t="s">
        <v>35</v>
      </c>
      <c r="D17515" s="14" t="s">
        <v>124</v>
      </c>
      <c r="E17515" s="15">
        <v>45736</v>
      </c>
      <c r="F17515" s="14" t="s">
        <v>25</v>
      </c>
      <c r="G17515" s="16">
        <v>0</v>
      </c>
    </row>
    <row r="17516" spans="1:7" x14ac:dyDescent="0.3">
      <c r="A17516" s="13" t="s">
        <v>123</v>
      </c>
      <c r="B17516" s="14" t="s">
        <v>1</v>
      </c>
      <c r="C17516" s="14" t="s">
        <v>35</v>
      </c>
      <c r="D17516" s="14" t="s">
        <v>124</v>
      </c>
      <c r="E17516" s="15">
        <v>45737</v>
      </c>
      <c r="F17516" s="14" t="s">
        <v>25</v>
      </c>
      <c r="G17516" s="16">
        <v>0</v>
      </c>
    </row>
    <row r="17517" spans="1:7" x14ac:dyDescent="0.3">
      <c r="A17517" s="13" t="s">
        <v>123</v>
      </c>
      <c r="B17517" s="14" t="s">
        <v>1</v>
      </c>
      <c r="C17517" s="14" t="s">
        <v>35</v>
      </c>
      <c r="D17517" s="14" t="s">
        <v>124</v>
      </c>
      <c r="E17517" s="15">
        <v>45738</v>
      </c>
      <c r="F17517" s="14" t="s">
        <v>25</v>
      </c>
      <c r="G17517" s="16">
        <v>0</v>
      </c>
    </row>
    <row r="17518" spans="1:7" x14ac:dyDescent="0.3">
      <c r="A17518" s="13" t="s">
        <v>123</v>
      </c>
      <c r="B17518" s="14" t="s">
        <v>1</v>
      </c>
      <c r="C17518" s="14" t="s">
        <v>35</v>
      </c>
      <c r="D17518" s="14" t="s">
        <v>124</v>
      </c>
      <c r="E17518" s="15">
        <v>45739</v>
      </c>
      <c r="F17518" s="14" t="s">
        <v>25</v>
      </c>
      <c r="G17518" s="16">
        <v>0</v>
      </c>
    </row>
    <row r="17519" spans="1:7" x14ac:dyDescent="0.3">
      <c r="A17519" s="13" t="s">
        <v>123</v>
      </c>
      <c r="B17519" s="14" t="s">
        <v>1</v>
      </c>
      <c r="C17519" s="14" t="s">
        <v>35</v>
      </c>
      <c r="D17519" s="14" t="s">
        <v>124</v>
      </c>
      <c r="E17519" s="15">
        <v>45740</v>
      </c>
      <c r="F17519" s="14" t="s">
        <v>25</v>
      </c>
      <c r="G17519" s="16">
        <v>0</v>
      </c>
    </row>
    <row r="17520" spans="1:7" x14ac:dyDescent="0.3">
      <c r="A17520" s="13" t="s">
        <v>123</v>
      </c>
      <c r="B17520" s="14" t="s">
        <v>1</v>
      </c>
      <c r="C17520" s="14" t="s">
        <v>35</v>
      </c>
      <c r="D17520" s="14" t="s">
        <v>124</v>
      </c>
      <c r="E17520" s="15">
        <v>45741</v>
      </c>
      <c r="F17520" s="14" t="s">
        <v>25</v>
      </c>
      <c r="G17520" s="16">
        <v>0</v>
      </c>
    </row>
    <row r="17521" spans="1:7" x14ac:dyDescent="0.3">
      <c r="A17521" s="13" t="s">
        <v>123</v>
      </c>
      <c r="B17521" s="14" t="s">
        <v>1</v>
      </c>
      <c r="C17521" s="14" t="s">
        <v>35</v>
      </c>
      <c r="D17521" s="14" t="s">
        <v>124</v>
      </c>
      <c r="E17521" s="15">
        <v>45742</v>
      </c>
      <c r="F17521" s="14" t="s">
        <v>25</v>
      </c>
      <c r="G17521" s="16">
        <v>0</v>
      </c>
    </row>
    <row r="17522" spans="1:7" x14ac:dyDescent="0.3">
      <c r="A17522" s="13" t="s">
        <v>123</v>
      </c>
      <c r="B17522" s="14" t="s">
        <v>1</v>
      </c>
      <c r="C17522" s="14" t="s">
        <v>35</v>
      </c>
      <c r="D17522" s="14" t="s">
        <v>124</v>
      </c>
      <c r="E17522" s="15">
        <v>45743</v>
      </c>
      <c r="F17522" s="14" t="s">
        <v>25</v>
      </c>
      <c r="G17522" s="16">
        <v>0</v>
      </c>
    </row>
    <row r="17523" spans="1:7" x14ac:dyDescent="0.3">
      <c r="A17523" s="13" t="s">
        <v>123</v>
      </c>
      <c r="B17523" s="14" t="s">
        <v>1</v>
      </c>
      <c r="C17523" s="14" t="s">
        <v>35</v>
      </c>
      <c r="D17523" s="14" t="s">
        <v>124</v>
      </c>
      <c r="E17523" s="15">
        <v>45744</v>
      </c>
      <c r="F17523" s="14" t="s">
        <v>25</v>
      </c>
      <c r="G17523" s="16">
        <v>0.22750247506954083</v>
      </c>
    </row>
    <row r="17524" spans="1:7" x14ac:dyDescent="0.3">
      <c r="A17524" s="13" t="s">
        <v>123</v>
      </c>
      <c r="B17524" s="14" t="s">
        <v>1</v>
      </c>
      <c r="C17524" s="14" t="s">
        <v>35</v>
      </c>
      <c r="D17524" s="14" t="s">
        <v>124</v>
      </c>
      <c r="E17524" s="15">
        <v>45745</v>
      </c>
      <c r="F17524" s="14" t="s">
        <v>25</v>
      </c>
      <c r="G17524" s="16">
        <v>0.22750247506954083</v>
      </c>
    </row>
    <row r="17525" spans="1:7" x14ac:dyDescent="0.3">
      <c r="A17525" s="13" t="s">
        <v>123</v>
      </c>
      <c r="B17525" s="14" t="s">
        <v>1</v>
      </c>
      <c r="C17525" s="14" t="s">
        <v>35</v>
      </c>
      <c r="D17525" s="14" t="s">
        <v>124</v>
      </c>
      <c r="E17525" s="15">
        <v>45746</v>
      </c>
      <c r="F17525" s="14" t="s">
        <v>25</v>
      </c>
      <c r="G17525" s="16">
        <v>0.22750247506954083</v>
      </c>
    </row>
    <row r="17526" spans="1:7" x14ac:dyDescent="0.3">
      <c r="A17526" s="13" t="s">
        <v>123</v>
      </c>
      <c r="B17526" s="14" t="s">
        <v>1</v>
      </c>
      <c r="C17526" s="14" t="s">
        <v>35</v>
      </c>
      <c r="D17526" s="14" t="s">
        <v>124</v>
      </c>
      <c r="E17526" s="15">
        <v>45747</v>
      </c>
      <c r="F17526" s="14" t="s">
        <v>25</v>
      </c>
      <c r="G17526" s="16">
        <v>0.22750247506954083</v>
      </c>
    </row>
    <row r="17527" spans="1:7" x14ac:dyDescent="0.3">
      <c r="A17527" s="13" t="s">
        <v>125</v>
      </c>
      <c r="B17527" s="14" t="s">
        <v>1</v>
      </c>
      <c r="C17527" s="14" t="s">
        <v>51</v>
      </c>
      <c r="D17527" s="14" t="s">
        <v>126</v>
      </c>
      <c r="E17527" s="15">
        <v>45383</v>
      </c>
      <c r="F17527" s="14" t="s">
        <v>15</v>
      </c>
      <c r="G17527" s="16">
        <v>0</v>
      </c>
    </row>
    <row r="17528" spans="1:7" x14ac:dyDescent="0.3">
      <c r="A17528" s="13" t="s">
        <v>125</v>
      </c>
      <c r="B17528" s="14" t="s">
        <v>1</v>
      </c>
      <c r="C17528" s="14" t="s">
        <v>51</v>
      </c>
      <c r="D17528" s="14" t="s">
        <v>126</v>
      </c>
      <c r="E17528" s="15">
        <v>45384</v>
      </c>
      <c r="F17528" s="14" t="s">
        <v>15</v>
      </c>
      <c r="G17528" s="16">
        <v>0</v>
      </c>
    </row>
    <row r="17529" spans="1:7" x14ac:dyDescent="0.3">
      <c r="A17529" s="13" t="s">
        <v>125</v>
      </c>
      <c r="B17529" s="14" t="s">
        <v>1</v>
      </c>
      <c r="C17529" s="14" t="s">
        <v>51</v>
      </c>
      <c r="D17529" s="14" t="s">
        <v>126</v>
      </c>
      <c r="E17529" s="15">
        <v>45385</v>
      </c>
      <c r="F17529" s="14" t="s">
        <v>15</v>
      </c>
      <c r="G17529" s="16">
        <v>0</v>
      </c>
    </row>
    <row r="17530" spans="1:7" x14ac:dyDescent="0.3">
      <c r="A17530" s="13" t="s">
        <v>125</v>
      </c>
      <c r="B17530" s="14" t="s">
        <v>1</v>
      </c>
      <c r="C17530" s="14" t="s">
        <v>51</v>
      </c>
      <c r="D17530" s="14" t="s">
        <v>126</v>
      </c>
      <c r="E17530" s="15">
        <v>45386</v>
      </c>
      <c r="F17530" s="14" t="s">
        <v>15</v>
      </c>
      <c r="G17530" s="16">
        <v>0</v>
      </c>
    </row>
    <row r="17531" spans="1:7" x14ac:dyDescent="0.3">
      <c r="A17531" s="13" t="s">
        <v>125</v>
      </c>
      <c r="B17531" s="14" t="s">
        <v>1</v>
      </c>
      <c r="C17531" s="14" t="s">
        <v>51</v>
      </c>
      <c r="D17531" s="14" t="s">
        <v>126</v>
      </c>
      <c r="E17531" s="15">
        <v>45387</v>
      </c>
      <c r="F17531" s="14" t="s">
        <v>15</v>
      </c>
      <c r="G17531" s="16">
        <v>0</v>
      </c>
    </row>
    <row r="17532" spans="1:7" x14ac:dyDescent="0.3">
      <c r="A17532" s="13" t="s">
        <v>125</v>
      </c>
      <c r="B17532" s="14" t="s">
        <v>1</v>
      </c>
      <c r="C17532" s="14" t="s">
        <v>51</v>
      </c>
      <c r="D17532" s="14" t="s">
        <v>126</v>
      </c>
      <c r="E17532" s="15">
        <v>45388</v>
      </c>
      <c r="F17532" s="14" t="s">
        <v>15</v>
      </c>
      <c r="G17532" s="16">
        <v>0</v>
      </c>
    </row>
    <row r="17533" spans="1:7" x14ac:dyDescent="0.3">
      <c r="A17533" s="13" t="s">
        <v>125</v>
      </c>
      <c r="B17533" s="14" t="s">
        <v>1</v>
      </c>
      <c r="C17533" s="14" t="s">
        <v>51</v>
      </c>
      <c r="D17533" s="14" t="s">
        <v>126</v>
      </c>
      <c r="E17533" s="15">
        <v>45389</v>
      </c>
      <c r="F17533" s="14" t="s">
        <v>15</v>
      </c>
      <c r="G17533" s="16">
        <v>0</v>
      </c>
    </row>
    <row r="17534" spans="1:7" x14ac:dyDescent="0.3">
      <c r="A17534" s="13" t="s">
        <v>125</v>
      </c>
      <c r="B17534" s="14" t="s">
        <v>1</v>
      </c>
      <c r="C17534" s="14" t="s">
        <v>51</v>
      </c>
      <c r="D17534" s="14" t="s">
        <v>126</v>
      </c>
      <c r="E17534" s="15">
        <v>45390</v>
      </c>
      <c r="F17534" s="14" t="s">
        <v>15</v>
      </c>
      <c r="G17534" s="16">
        <v>0</v>
      </c>
    </row>
    <row r="17535" spans="1:7" x14ac:dyDescent="0.3">
      <c r="A17535" s="13" t="s">
        <v>125</v>
      </c>
      <c r="B17535" s="14" t="s">
        <v>1</v>
      </c>
      <c r="C17535" s="14" t="s">
        <v>51</v>
      </c>
      <c r="D17535" s="14" t="s">
        <v>126</v>
      </c>
      <c r="E17535" s="15">
        <v>45391</v>
      </c>
      <c r="F17535" s="14" t="s">
        <v>15</v>
      </c>
      <c r="G17535" s="16">
        <v>0</v>
      </c>
    </row>
    <row r="17536" spans="1:7" x14ac:dyDescent="0.3">
      <c r="A17536" s="13" t="s">
        <v>125</v>
      </c>
      <c r="B17536" s="14" t="s">
        <v>1</v>
      </c>
      <c r="C17536" s="14" t="s">
        <v>51</v>
      </c>
      <c r="D17536" s="14" t="s">
        <v>126</v>
      </c>
      <c r="E17536" s="15">
        <v>45392</v>
      </c>
      <c r="F17536" s="14" t="s">
        <v>15</v>
      </c>
      <c r="G17536" s="16">
        <v>0</v>
      </c>
    </row>
    <row r="17537" spans="1:7" x14ac:dyDescent="0.3">
      <c r="A17537" s="13" t="s">
        <v>125</v>
      </c>
      <c r="B17537" s="14" t="s">
        <v>1</v>
      </c>
      <c r="C17537" s="14" t="s">
        <v>51</v>
      </c>
      <c r="D17537" s="14" t="s">
        <v>126</v>
      </c>
      <c r="E17537" s="15">
        <v>45393</v>
      </c>
      <c r="F17537" s="14" t="s">
        <v>15</v>
      </c>
      <c r="G17537" s="16">
        <v>0</v>
      </c>
    </row>
    <row r="17538" spans="1:7" x14ac:dyDescent="0.3">
      <c r="A17538" s="13" t="s">
        <v>125</v>
      </c>
      <c r="B17538" s="14" t="s">
        <v>1</v>
      </c>
      <c r="C17538" s="14" t="s">
        <v>51</v>
      </c>
      <c r="D17538" s="14" t="s">
        <v>126</v>
      </c>
      <c r="E17538" s="15">
        <v>45394</v>
      </c>
      <c r="F17538" s="14" t="s">
        <v>15</v>
      </c>
      <c r="G17538" s="16">
        <v>0</v>
      </c>
    </row>
    <row r="17539" spans="1:7" x14ac:dyDescent="0.3">
      <c r="A17539" s="13" t="s">
        <v>125</v>
      </c>
      <c r="B17539" s="14" t="s">
        <v>1</v>
      </c>
      <c r="C17539" s="14" t="s">
        <v>51</v>
      </c>
      <c r="D17539" s="14" t="s">
        <v>126</v>
      </c>
      <c r="E17539" s="15">
        <v>45395</v>
      </c>
      <c r="F17539" s="14" t="s">
        <v>15</v>
      </c>
      <c r="G17539" s="16">
        <v>0</v>
      </c>
    </row>
    <row r="17540" spans="1:7" x14ac:dyDescent="0.3">
      <c r="A17540" s="13" t="s">
        <v>125</v>
      </c>
      <c r="B17540" s="14" t="s">
        <v>1</v>
      </c>
      <c r="C17540" s="14" t="s">
        <v>51</v>
      </c>
      <c r="D17540" s="14" t="s">
        <v>126</v>
      </c>
      <c r="E17540" s="15">
        <v>45396</v>
      </c>
      <c r="F17540" s="14" t="s">
        <v>15</v>
      </c>
      <c r="G17540" s="16">
        <v>0</v>
      </c>
    </row>
    <row r="17541" spans="1:7" x14ac:dyDescent="0.3">
      <c r="A17541" s="13" t="s">
        <v>125</v>
      </c>
      <c r="B17541" s="14" t="s">
        <v>1</v>
      </c>
      <c r="C17541" s="14" t="s">
        <v>51</v>
      </c>
      <c r="D17541" s="14" t="s">
        <v>126</v>
      </c>
      <c r="E17541" s="15">
        <v>45397</v>
      </c>
      <c r="F17541" s="14" t="s">
        <v>15</v>
      </c>
      <c r="G17541" s="16">
        <v>0</v>
      </c>
    </row>
    <row r="17542" spans="1:7" x14ac:dyDescent="0.3">
      <c r="A17542" s="13" t="s">
        <v>125</v>
      </c>
      <c r="B17542" s="14" t="s">
        <v>1</v>
      </c>
      <c r="C17542" s="14" t="s">
        <v>51</v>
      </c>
      <c r="D17542" s="14" t="s">
        <v>126</v>
      </c>
      <c r="E17542" s="15">
        <v>45398</v>
      </c>
      <c r="F17542" s="14" t="s">
        <v>15</v>
      </c>
      <c r="G17542" s="16">
        <v>0</v>
      </c>
    </row>
    <row r="17543" spans="1:7" x14ac:dyDescent="0.3">
      <c r="A17543" s="13" t="s">
        <v>125</v>
      </c>
      <c r="B17543" s="14" t="s">
        <v>1</v>
      </c>
      <c r="C17543" s="14" t="s">
        <v>51</v>
      </c>
      <c r="D17543" s="14" t="s">
        <v>126</v>
      </c>
      <c r="E17543" s="15">
        <v>45399</v>
      </c>
      <c r="F17543" s="14" t="s">
        <v>15</v>
      </c>
      <c r="G17543" s="16">
        <v>0</v>
      </c>
    </row>
    <row r="17544" spans="1:7" x14ac:dyDescent="0.3">
      <c r="A17544" s="13" t="s">
        <v>125</v>
      </c>
      <c r="B17544" s="14" t="s">
        <v>1</v>
      </c>
      <c r="C17544" s="14" t="s">
        <v>51</v>
      </c>
      <c r="D17544" s="14" t="s">
        <v>126</v>
      </c>
      <c r="E17544" s="15">
        <v>45400</v>
      </c>
      <c r="F17544" s="14" t="s">
        <v>15</v>
      </c>
      <c r="G17544" s="16">
        <v>0</v>
      </c>
    </row>
    <row r="17545" spans="1:7" x14ac:dyDescent="0.3">
      <c r="A17545" s="13" t="s">
        <v>125</v>
      </c>
      <c r="B17545" s="14" t="s">
        <v>1</v>
      </c>
      <c r="C17545" s="14" t="s">
        <v>51</v>
      </c>
      <c r="D17545" s="14" t="s">
        <v>126</v>
      </c>
      <c r="E17545" s="15">
        <v>45401</v>
      </c>
      <c r="F17545" s="14" t="s">
        <v>15</v>
      </c>
      <c r="G17545" s="16">
        <v>0</v>
      </c>
    </row>
    <row r="17546" spans="1:7" x14ac:dyDescent="0.3">
      <c r="A17546" s="13" t="s">
        <v>125</v>
      </c>
      <c r="B17546" s="14" t="s">
        <v>1</v>
      </c>
      <c r="C17546" s="14" t="s">
        <v>51</v>
      </c>
      <c r="D17546" s="14" t="s">
        <v>126</v>
      </c>
      <c r="E17546" s="15">
        <v>45402</v>
      </c>
      <c r="F17546" s="14" t="s">
        <v>15</v>
      </c>
      <c r="G17546" s="16">
        <v>0</v>
      </c>
    </row>
    <row r="17547" spans="1:7" x14ac:dyDescent="0.3">
      <c r="A17547" s="13" t="s">
        <v>125</v>
      </c>
      <c r="B17547" s="14" t="s">
        <v>1</v>
      </c>
      <c r="C17547" s="14" t="s">
        <v>51</v>
      </c>
      <c r="D17547" s="14" t="s">
        <v>126</v>
      </c>
      <c r="E17547" s="15">
        <v>45403</v>
      </c>
      <c r="F17547" s="14" t="s">
        <v>15</v>
      </c>
      <c r="G17547" s="16">
        <v>0</v>
      </c>
    </row>
    <row r="17548" spans="1:7" x14ac:dyDescent="0.3">
      <c r="A17548" s="13" t="s">
        <v>125</v>
      </c>
      <c r="B17548" s="14" t="s">
        <v>1</v>
      </c>
      <c r="C17548" s="14" t="s">
        <v>51</v>
      </c>
      <c r="D17548" s="14" t="s">
        <v>126</v>
      </c>
      <c r="E17548" s="15">
        <v>45404</v>
      </c>
      <c r="F17548" s="14" t="s">
        <v>15</v>
      </c>
      <c r="G17548" s="16">
        <v>0</v>
      </c>
    </row>
    <row r="17549" spans="1:7" x14ac:dyDescent="0.3">
      <c r="A17549" s="13" t="s">
        <v>125</v>
      </c>
      <c r="B17549" s="14" t="s">
        <v>1</v>
      </c>
      <c r="C17549" s="14" t="s">
        <v>51</v>
      </c>
      <c r="D17549" s="14" t="s">
        <v>126</v>
      </c>
      <c r="E17549" s="15">
        <v>45405</v>
      </c>
      <c r="F17549" s="14" t="s">
        <v>15</v>
      </c>
      <c r="G17549" s="16">
        <v>0</v>
      </c>
    </row>
    <row r="17550" spans="1:7" x14ac:dyDescent="0.3">
      <c r="A17550" s="13" t="s">
        <v>125</v>
      </c>
      <c r="B17550" s="14" t="s">
        <v>1</v>
      </c>
      <c r="C17550" s="14" t="s">
        <v>51</v>
      </c>
      <c r="D17550" s="14" t="s">
        <v>126</v>
      </c>
      <c r="E17550" s="15">
        <v>45406</v>
      </c>
      <c r="F17550" s="14" t="s">
        <v>15</v>
      </c>
      <c r="G17550" s="16">
        <v>0</v>
      </c>
    </row>
    <row r="17551" spans="1:7" x14ac:dyDescent="0.3">
      <c r="A17551" s="13" t="s">
        <v>125</v>
      </c>
      <c r="B17551" s="14" t="s">
        <v>1</v>
      </c>
      <c r="C17551" s="14" t="s">
        <v>51</v>
      </c>
      <c r="D17551" s="14" t="s">
        <v>126</v>
      </c>
      <c r="E17551" s="15">
        <v>45407</v>
      </c>
      <c r="F17551" s="14" t="s">
        <v>15</v>
      </c>
      <c r="G17551" s="16">
        <v>0</v>
      </c>
    </row>
    <row r="17552" spans="1:7" x14ac:dyDescent="0.3">
      <c r="A17552" s="13" t="s">
        <v>125</v>
      </c>
      <c r="B17552" s="14" t="s">
        <v>1</v>
      </c>
      <c r="C17552" s="14" t="s">
        <v>51</v>
      </c>
      <c r="D17552" s="14" t="s">
        <v>126</v>
      </c>
      <c r="E17552" s="15">
        <v>45408</v>
      </c>
      <c r="F17552" s="14" t="s">
        <v>15</v>
      </c>
      <c r="G17552" s="16">
        <v>0</v>
      </c>
    </row>
    <row r="17553" spans="1:7" x14ac:dyDescent="0.3">
      <c r="A17553" s="13" t="s">
        <v>125</v>
      </c>
      <c r="B17553" s="14" t="s">
        <v>1</v>
      </c>
      <c r="C17553" s="14" t="s">
        <v>51</v>
      </c>
      <c r="D17553" s="14" t="s">
        <v>126</v>
      </c>
      <c r="E17553" s="15">
        <v>45409</v>
      </c>
      <c r="F17553" s="14" t="s">
        <v>15</v>
      </c>
      <c r="G17553" s="16">
        <v>0</v>
      </c>
    </row>
    <row r="17554" spans="1:7" x14ac:dyDescent="0.3">
      <c r="A17554" s="13" t="s">
        <v>125</v>
      </c>
      <c r="B17554" s="14" t="s">
        <v>1</v>
      </c>
      <c r="C17554" s="14" t="s">
        <v>51</v>
      </c>
      <c r="D17554" s="14" t="s">
        <v>126</v>
      </c>
      <c r="E17554" s="15">
        <v>45410</v>
      </c>
      <c r="F17554" s="14" t="s">
        <v>15</v>
      </c>
      <c r="G17554" s="16">
        <v>0</v>
      </c>
    </row>
    <row r="17555" spans="1:7" x14ac:dyDescent="0.3">
      <c r="A17555" s="13" t="s">
        <v>125</v>
      </c>
      <c r="B17555" s="14" t="s">
        <v>1</v>
      </c>
      <c r="C17555" s="14" t="s">
        <v>51</v>
      </c>
      <c r="D17555" s="14" t="s">
        <v>126</v>
      </c>
      <c r="E17555" s="15">
        <v>45411</v>
      </c>
      <c r="F17555" s="14" t="s">
        <v>15</v>
      </c>
      <c r="G17555" s="16">
        <v>0</v>
      </c>
    </row>
    <row r="17556" spans="1:7" x14ac:dyDescent="0.3">
      <c r="A17556" s="13" t="s">
        <v>125</v>
      </c>
      <c r="B17556" s="14" t="s">
        <v>1</v>
      </c>
      <c r="C17556" s="14" t="s">
        <v>51</v>
      </c>
      <c r="D17556" s="14" t="s">
        <v>126</v>
      </c>
      <c r="E17556" s="15">
        <v>45412</v>
      </c>
      <c r="F17556" s="14" t="s">
        <v>15</v>
      </c>
      <c r="G17556" s="16">
        <v>0</v>
      </c>
    </row>
    <row r="17557" spans="1:7" x14ac:dyDescent="0.3">
      <c r="A17557" s="13" t="s">
        <v>125</v>
      </c>
      <c r="B17557" s="14" t="s">
        <v>1</v>
      </c>
      <c r="C17557" s="14" t="s">
        <v>51</v>
      </c>
      <c r="D17557" s="14" t="s">
        <v>126</v>
      </c>
      <c r="E17557" s="15">
        <v>45413</v>
      </c>
      <c r="F17557" s="14" t="s">
        <v>15</v>
      </c>
      <c r="G17557" s="16">
        <v>0</v>
      </c>
    </row>
    <row r="17558" spans="1:7" x14ac:dyDescent="0.3">
      <c r="A17558" s="13" t="s">
        <v>125</v>
      </c>
      <c r="B17558" s="14" t="s">
        <v>1</v>
      </c>
      <c r="C17558" s="14" t="s">
        <v>51</v>
      </c>
      <c r="D17558" s="14" t="s">
        <v>126</v>
      </c>
      <c r="E17558" s="15">
        <v>45414</v>
      </c>
      <c r="F17558" s="14" t="s">
        <v>15</v>
      </c>
      <c r="G17558" s="16">
        <v>0</v>
      </c>
    </row>
    <row r="17559" spans="1:7" x14ac:dyDescent="0.3">
      <c r="A17559" s="13" t="s">
        <v>125</v>
      </c>
      <c r="B17559" s="14" t="s">
        <v>1</v>
      </c>
      <c r="C17559" s="14" t="s">
        <v>51</v>
      </c>
      <c r="D17559" s="14" t="s">
        <v>126</v>
      </c>
      <c r="E17559" s="15">
        <v>45415</v>
      </c>
      <c r="F17559" s="14" t="s">
        <v>15</v>
      </c>
      <c r="G17559" s="16">
        <v>0</v>
      </c>
    </row>
    <row r="17560" spans="1:7" x14ac:dyDescent="0.3">
      <c r="A17560" s="13" t="s">
        <v>125</v>
      </c>
      <c r="B17560" s="14" t="s">
        <v>1</v>
      </c>
      <c r="C17560" s="14" t="s">
        <v>51</v>
      </c>
      <c r="D17560" s="14" t="s">
        <v>126</v>
      </c>
      <c r="E17560" s="15">
        <v>45416</v>
      </c>
      <c r="F17560" s="14" t="s">
        <v>15</v>
      </c>
      <c r="G17560" s="16">
        <v>0</v>
      </c>
    </row>
    <row r="17561" spans="1:7" x14ac:dyDescent="0.3">
      <c r="A17561" s="13" t="s">
        <v>125</v>
      </c>
      <c r="B17561" s="14" t="s">
        <v>1</v>
      </c>
      <c r="C17561" s="14" t="s">
        <v>51</v>
      </c>
      <c r="D17561" s="14" t="s">
        <v>126</v>
      </c>
      <c r="E17561" s="15">
        <v>45417</v>
      </c>
      <c r="F17561" s="14" t="s">
        <v>15</v>
      </c>
      <c r="G17561" s="16">
        <v>0</v>
      </c>
    </row>
    <row r="17562" spans="1:7" x14ac:dyDescent="0.3">
      <c r="A17562" s="13" t="s">
        <v>125</v>
      </c>
      <c r="B17562" s="14" t="s">
        <v>1</v>
      </c>
      <c r="C17562" s="14" t="s">
        <v>51</v>
      </c>
      <c r="D17562" s="14" t="s">
        <v>126</v>
      </c>
      <c r="E17562" s="15">
        <v>45418</v>
      </c>
      <c r="F17562" s="14" t="s">
        <v>15</v>
      </c>
      <c r="G17562" s="16">
        <v>0</v>
      </c>
    </row>
    <row r="17563" spans="1:7" x14ac:dyDescent="0.3">
      <c r="A17563" s="13" t="s">
        <v>125</v>
      </c>
      <c r="B17563" s="14" t="s">
        <v>1</v>
      </c>
      <c r="C17563" s="14" t="s">
        <v>51</v>
      </c>
      <c r="D17563" s="14" t="s">
        <v>126</v>
      </c>
      <c r="E17563" s="15">
        <v>45419</v>
      </c>
      <c r="F17563" s="14" t="s">
        <v>15</v>
      </c>
      <c r="G17563" s="16">
        <v>0</v>
      </c>
    </row>
    <row r="17564" spans="1:7" x14ac:dyDescent="0.3">
      <c r="A17564" s="13" t="s">
        <v>125</v>
      </c>
      <c r="B17564" s="14" t="s">
        <v>1</v>
      </c>
      <c r="C17564" s="14" t="s">
        <v>51</v>
      </c>
      <c r="D17564" s="14" t="s">
        <v>126</v>
      </c>
      <c r="E17564" s="15">
        <v>45420</v>
      </c>
      <c r="F17564" s="14" t="s">
        <v>15</v>
      </c>
      <c r="G17564" s="16">
        <v>0</v>
      </c>
    </row>
    <row r="17565" spans="1:7" x14ac:dyDescent="0.3">
      <c r="A17565" s="13" t="s">
        <v>125</v>
      </c>
      <c r="B17565" s="14" t="s">
        <v>1</v>
      </c>
      <c r="C17565" s="14" t="s">
        <v>51</v>
      </c>
      <c r="D17565" s="14" t="s">
        <v>126</v>
      </c>
      <c r="E17565" s="15">
        <v>45421</v>
      </c>
      <c r="F17565" s="14" t="s">
        <v>15</v>
      </c>
      <c r="G17565" s="16">
        <v>0</v>
      </c>
    </row>
    <row r="17566" spans="1:7" x14ac:dyDescent="0.3">
      <c r="A17566" s="13" t="s">
        <v>125</v>
      </c>
      <c r="B17566" s="14" t="s">
        <v>1</v>
      </c>
      <c r="C17566" s="14" t="s">
        <v>51</v>
      </c>
      <c r="D17566" s="14" t="s">
        <v>126</v>
      </c>
      <c r="E17566" s="15">
        <v>45422</v>
      </c>
      <c r="F17566" s="14" t="s">
        <v>15</v>
      </c>
      <c r="G17566" s="16">
        <v>0</v>
      </c>
    </row>
    <row r="17567" spans="1:7" x14ac:dyDescent="0.3">
      <c r="A17567" s="13" t="s">
        <v>125</v>
      </c>
      <c r="B17567" s="14" t="s">
        <v>1</v>
      </c>
      <c r="C17567" s="14" t="s">
        <v>51</v>
      </c>
      <c r="D17567" s="14" t="s">
        <v>126</v>
      </c>
      <c r="E17567" s="15">
        <v>45423</v>
      </c>
      <c r="F17567" s="14" t="s">
        <v>15</v>
      </c>
      <c r="G17567" s="16">
        <v>0</v>
      </c>
    </row>
    <row r="17568" spans="1:7" x14ac:dyDescent="0.3">
      <c r="A17568" s="13" t="s">
        <v>125</v>
      </c>
      <c r="B17568" s="14" t="s">
        <v>1</v>
      </c>
      <c r="C17568" s="14" t="s">
        <v>51</v>
      </c>
      <c r="D17568" s="14" t="s">
        <v>126</v>
      </c>
      <c r="E17568" s="15">
        <v>45424</v>
      </c>
      <c r="F17568" s="14" t="s">
        <v>15</v>
      </c>
      <c r="G17568" s="16">
        <v>0</v>
      </c>
    </row>
    <row r="17569" spans="1:7" x14ac:dyDescent="0.3">
      <c r="A17569" s="13" t="s">
        <v>125</v>
      </c>
      <c r="B17569" s="14" t="s">
        <v>1</v>
      </c>
      <c r="C17569" s="14" t="s">
        <v>51</v>
      </c>
      <c r="D17569" s="14" t="s">
        <v>126</v>
      </c>
      <c r="E17569" s="15">
        <v>45425</v>
      </c>
      <c r="F17569" s="14" t="s">
        <v>15</v>
      </c>
      <c r="G17569" s="16">
        <v>0</v>
      </c>
    </row>
    <row r="17570" spans="1:7" x14ac:dyDescent="0.3">
      <c r="A17570" s="13" t="s">
        <v>125</v>
      </c>
      <c r="B17570" s="14" t="s">
        <v>1</v>
      </c>
      <c r="C17570" s="14" t="s">
        <v>51</v>
      </c>
      <c r="D17570" s="14" t="s">
        <v>126</v>
      </c>
      <c r="E17570" s="15">
        <v>45426</v>
      </c>
      <c r="F17570" s="14" t="s">
        <v>15</v>
      </c>
      <c r="G17570" s="16">
        <v>0</v>
      </c>
    </row>
    <row r="17571" spans="1:7" x14ac:dyDescent="0.3">
      <c r="A17571" s="13" t="s">
        <v>125</v>
      </c>
      <c r="B17571" s="14" t="s">
        <v>1</v>
      </c>
      <c r="C17571" s="14" t="s">
        <v>51</v>
      </c>
      <c r="D17571" s="14" t="s">
        <v>126</v>
      </c>
      <c r="E17571" s="15">
        <v>45427</v>
      </c>
      <c r="F17571" s="14" t="s">
        <v>15</v>
      </c>
      <c r="G17571" s="16">
        <v>0</v>
      </c>
    </row>
    <row r="17572" spans="1:7" x14ac:dyDescent="0.3">
      <c r="A17572" s="13" t="s">
        <v>125</v>
      </c>
      <c r="B17572" s="14" t="s">
        <v>1</v>
      </c>
      <c r="C17572" s="14" t="s">
        <v>51</v>
      </c>
      <c r="D17572" s="14" t="s">
        <v>126</v>
      </c>
      <c r="E17572" s="15">
        <v>45428</v>
      </c>
      <c r="F17572" s="14" t="s">
        <v>15</v>
      </c>
      <c r="G17572" s="16">
        <v>0</v>
      </c>
    </row>
    <row r="17573" spans="1:7" x14ac:dyDescent="0.3">
      <c r="A17573" s="13" t="s">
        <v>125</v>
      </c>
      <c r="B17573" s="14" t="s">
        <v>1</v>
      </c>
      <c r="C17573" s="14" t="s">
        <v>51</v>
      </c>
      <c r="D17573" s="14" t="s">
        <v>126</v>
      </c>
      <c r="E17573" s="15">
        <v>45429</v>
      </c>
      <c r="F17573" s="14" t="s">
        <v>15</v>
      </c>
      <c r="G17573" s="16">
        <v>0</v>
      </c>
    </row>
    <row r="17574" spans="1:7" x14ac:dyDescent="0.3">
      <c r="A17574" s="13" t="s">
        <v>125</v>
      </c>
      <c r="B17574" s="14" t="s">
        <v>1</v>
      </c>
      <c r="C17574" s="14" t="s">
        <v>51</v>
      </c>
      <c r="D17574" s="14" t="s">
        <v>126</v>
      </c>
      <c r="E17574" s="15">
        <v>45430</v>
      </c>
      <c r="F17574" s="14" t="s">
        <v>15</v>
      </c>
      <c r="G17574" s="16">
        <v>0</v>
      </c>
    </row>
    <row r="17575" spans="1:7" x14ac:dyDescent="0.3">
      <c r="A17575" s="13" t="s">
        <v>125</v>
      </c>
      <c r="B17575" s="14" t="s">
        <v>1</v>
      </c>
      <c r="C17575" s="14" t="s">
        <v>51</v>
      </c>
      <c r="D17575" s="14" t="s">
        <v>126</v>
      </c>
      <c r="E17575" s="15">
        <v>45431</v>
      </c>
      <c r="F17575" s="14" t="s">
        <v>15</v>
      </c>
      <c r="G17575" s="16">
        <v>0</v>
      </c>
    </row>
    <row r="17576" spans="1:7" x14ac:dyDescent="0.3">
      <c r="A17576" s="13" t="s">
        <v>125</v>
      </c>
      <c r="B17576" s="14" t="s">
        <v>1</v>
      </c>
      <c r="C17576" s="14" t="s">
        <v>51</v>
      </c>
      <c r="D17576" s="14" t="s">
        <v>126</v>
      </c>
      <c r="E17576" s="15">
        <v>45432</v>
      </c>
      <c r="F17576" s="14" t="s">
        <v>15</v>
      </c>
      <c r="G17576" s="16">
        <v>0</v>
      </c>
    </row>
    <row r="17577" spans="1:7" x14ac:dyDescent="0.3">
      <c r="A17577" s="13" t="s">
        <v>125</v>
      </c>
      <c r="B17577" s="14" t="s">
        <v>1</v>
      </c>
      <c r="C17577" s="14" t="s">
        <v>51</v>
      </c>
      <c r="D17577" s="14" t="s">
        <v>126</v>
      </c>
      <c r="E17577" s="15">
        <v>45433</v>
      </c>
      <c r="F17577" s="14" t="s">
        <v>15</v>
      </c>
      <c r="G17577" s="16">
        <v>0</v>
      </c>
    </row>
    <row r="17578" spans="1:7" x14ac:dyDescent="0.3">
      <c r="A17578" s="13" t="s">
        <v>125</v>
      </c>
      <c r="B17578" s="14" t="s">
        <v>1</v>
      </c>
      <c r="C17578" s="14" t="s">
        <v>51</v>
      </c>
      <c r="D17578" s="14" t="s">
        <v>126</v>
      </c>
      <c r="E17578" s="15">
        <v>45434</v>
      </c>
      <c r="F17578" s="14" t="s">
        <v>15</v>
      </c>
      <c r="G17578" s="16">
        <v>0</v>
      </c>
    </row>
    <row r="17579" spans="1:7" x14ac:dyDescent="0.3">
      <c r="A17579" s="13" t="s">
        <v>125</v>
      </c>
      <c r="B17579" s="14" t="s">
        <v>1</v>
      </c>
      <c r="C17579" s="14" t="s">
        <v>51</v>
      </c>
      <c r="D17579" s="14" t="s">
        <v>126</v>
      </c>
      <c r="E17579" s="15">
        <v>45435</v>
      </c>
      <c r="F17579" s="14" t="s">
        <v>15</v>
      </c>
      <c r="G17579" s="16">
        <v>0</v>
      </c>
    </row>
    <row r="17580" spans="1:7" x14ac:dyDescent="0.3">
      <c r="A17580" s="13" t="s">
        <v>125</v>
      </c>
      <c r="B17580" s="14" t="s">
        <v>1</v>
      </c>
      <c r="C17580" s="14" t="s">
        <v>51</v>
      </c>
      <c r="D17580" s="14" t="s">
        <v>126</v>
      </c>
      <c r="E17580" s="15">
        <v>45436</v>
      </c>
      <c r="F17580" s="14" t="s">
        <v>15</v>
      </c>
      <c r="G17580" s="16">
        <v>0</v>
      </c>
    </row>
    <row r="17581" spans="1:7" x14ac:dyDescent="0.3">
      <c r="A17581" s="13" t="s">
        <v>125</v>
      </c>
      <c r="B17581" s="14" t="s">
        <v>1</v>
      </c>
      <c r="C17581" s="14" t="s">
        <v>51</v>
      </c>
      <c r="D17581" s="14" t="s">
        <v>126</v>
      </c>
      <c r="E17581" s="15">
        <v>45437</v>
      </c>
      <c r="F17581" s="14" t="s">
        <v>15</v>
      </c>
      <c r="G17581" s="16">
        <v>0</v>
      </c>
    </row>
    <row r="17582" spans="1:7" x14ac:dyDescent="0.3">
      <c r="A17582" s="13" t="s">
        <v>125</v>
      </c>
      <c r="B17582" s="14" t="s">
        <v>1</v>
      </c>
      <c r="C17582" s="14" t="s">
        <v>51</v>
      </c>
      <c r="D17582" s="14" t="s">
        <v>126</v>
      </c>
      <c r="E17582" s="15">
        <v>45438</v>
      </c>
      <c r="F17582" s="14" t="s">
        <v>15</v>
      </c>
      <c r="G17582" s="16">
        <v>0</v>
      </c>
    </row>
    <row r="17583" spans="1:7" x14ac:dyDescent="0.3">
      <c r="A17583" s="13" t="s">
        <v>125</v>
      </c>
      <c r="B17583" s="14" t="s">
        <v>1</v>
      </c>
      <c r="C17583" s="14" t="s">
        <v>51</v>
      </c>
      <c r="D17583" s="14" t="s">
        <v>126</v>
      </c>
      <c r="E17583" s="15">
        <v>45439</v>
      </c>
      <c r="F17583" s="14" t="s">
        <v>15</v>
      </c>
      <c r="G17583" s="16">
        <v>0</v>
      </c>
    </row>
    <row r="17584" spans="1:7" x14ac:dyDescent="0.3">
      <c r="A17584" s="13" t="s">
        <v>125</v>
      </c>
      <c r="B17584" s="14" t="s">
        <v>1</v>
      </c>
      <c r="C17584" s="14" t="s">
        <v>51</v>
      </c>
      <c r="D17584" s="14" t="s">
        <v>126</v>
      </c>
      <c r="E17584" s="15">
        <v>45440</v>
      </c>
      <c r="F17584" s="14" t="s">
        <v>15</v>
      </c>
      <c r="G17584" s="16">
        <v>0</v>
      </c>
    </row>
    <row r="17585" spans="1:7" x14ac:dyDescent="0.3">
      <c r="A17585" s="13" t="s">
        <v>125</v>
      </c>
      <c r="B17585" s="14" t="s">
        <v>1</v>
      </c>
      <c r="C17585" s="14" t="s">
        <v>51</v>
      </c>
      <c r="D17585" s="14" t="s">
        <v>126</v>
      </c>
      <c r="E17585" s="15">
        <v>45441</v>
      </c>
      <c r="F17585" s="14" t="s">
        <v>15</v>
      </c>
      <c r="G17585" s="16">
        <v>0</v>
      </c>
    </row>
    <row r="17586" spans="1:7" x14ac:dyDescent="0.3">
      <c r="A17586" s="13" t="s">
        <v>125</v>
      </c>
      <c r="B17586" s="14" t="s">
        <v>1</v>
      </c>
      <c r="C17586" s="14" t="s">
        <v>51</v>
      </c>
      <c r="D17586" s="14" t="s">
        <v>126</v>
      </c>
      <c r="E17586" s="15">
        <v>45442</v>
      </c>
      <c r="F17586" s="14" t="s">
        <v>15</v>
      </c>
      <c r="G17586" s="16">
        <v>0</v>
      </c>
    </row>
    <row r="17587" spans="1:7" x14ac:dyDescent="0.3">
      <c r="A17587" s="13" t="s">
        <v>125</v>
      </c>
      <c r="B17587" s="14" t="s">
        <v>1</v>
      </c>
      <c r="C17587" s="14" t="s">
        <v>51</v>
      </c>
      <c r="D17587" s="14" t="s">
        <v>126</v>
      </c>
      <c r="E17587" s="15">
        <v>45443</v>
      </c>
      <c r="F17587" s="14" t="s">
        <v>15</v>
      </c>
      <c r="G17587" s="16">
        <v>0</v>
      </c>
    </row>
    <row r="17588" spans="1:7" x14ac:dyDescent="0.3">
      <c r="A17588" s="13" t="s">
        <v>125</v>
      </c>
      <c r="B17588" s="14" t="s">
        <v>1</v>
      </c>
      <c r="C17588" s="14" t="s">
        <v>51</v>
      </c>
      <c r="D17588" s="14" t="s">
        <v>126</v>
      </c>
      <c r="E17588" s="15">
        <v>45444</v>
      </c>
      <c r="F17588" s="14" t="s">
        <v>15</v>
      </c>
      <c r="G17588" s="16">
        <v>0</v>
      </c>
    </row>
    <row r="17589" spans="1:7" x14ac:dyDescent="0.3">
      <c r="A17589" s="13" t="s">
        <v>125</v>
      </c>
      <c r="B17589" s="14" t="s">
        <v>1</v>
      </c>
      <c r="C17589" s="14" t="s">
        <v>51</v>
      </c>
      <c r="D17589" s="14" t="s">
        <v>126</v>
      </c>
      <c r="E17589" s="15">
        <v>45445</v>
      </c>
      <c r="F17589" s="14" t="s">
        <v>15</v>
      </c>
      <c r="G17589" s="16">
        <v>0</v>
      </c>
    </row>
    <row r="17590" spans="1:7" x14ac:dyDescent="0.3">
      <c r="A17590" s="13" t="s">
        <v>125</v>
      </c>
      <c r="B17590" s="14" t="s">
        <v>1</v>
      </c>
      <c r="C17590" s="14" t="s">
        <v>51</v>
      </c>
      <c r="D17590" s="14" t="s">
        <v>126</v>
      </c>
      <c r="E17590" s="15">
        <v>45446</v>
      </c>
      <c r="F17590" s="14" t="s">
        <v>15</v>
      </c>
      <c r="G17590" s="16">
        <v>0</v>
      </c>
    </row>
    <row r="17591" spans="1:7" x14ac:dyDescent="0.3">
      <c r="A17591" s="13" t="s">
        <v>125</v>
      </c>
      <c r="B17591" s="14" t="s">
        <v>1</v>
      </c>
      <c r="C17591" s="14" t="s">
        <v>51</v>
      </c>
      <c r="D17591" s="14" t="s">
        <v>126</v>
      </c>
      <c r="E17591" s="15">
        <v>45447</v>
      </c>
      <c r="F17591" s="14" t="s">
        <v>15</v>
      </c>
      <c r="G17591" s="16">
        <v>0</v>
      </c>
    </row>
    <row r="17592" spans="1:7" x14ac:dyDescent="0.3">
      <c r="A17592" s="13" t="s">
        <v>125</v>
      </c>
      <c r="B17592" s="14" t="s">
        <v>1</v>
      </c>
      <c r="C17592" s="14" t="s">
        <v>51</v>
      </c>
      <c r="D17592" s="14" t="s">
        <v>126</v>
      </c>
      <c r="E17592" s="15">
        <v>45448</v>
      </c>
      <c r="F17592" s="14" t="s">
        <v>15</v>
      </c>
      <c r="G17592" s="16">
        <v>0</v>
      </c>
    </row>
    <row r="17593" spans="1:7" x14ac:dyDescent="0.3">
      <c r="A17593" s="13" t="s">
        <v>125</v>
      </c>
      <c r="B17593" s="14" t="s">
        <v>1</v>
      </c>
      <c r="C17593" s="14" t="s">
        <v>51</v>
      </c>
      <c r="D17593" s="14" t="s">
        <v>126</v>
      </c>
      <c r="E17593" s="15">
        <v>45449</v>
      </c>
      <c r="F17593" s="14" t="s">
        <v>15</v>
      </c>
      <c r="G17593" s="16">
        <v>0</v>
      </c>
    </row>
    <row r="17594" spans="1:7" x14ac:dyDescent="0.3">
      <c r="A17594" s="13" t="s">
        <v>125</v>
      </c>
      <c r="B17594" s="14" t="s">
        <v>1</v>
      </c>
      <c r="C17594" s="14" t="s">
        <v>51</v>
      </c>
      <c r="D17594" s="14" t="s">
        <v>126</v>
      </c>
      <c r="E17594" s="15">
        <v>45450</v>
      </c>
      <c r="F17594" s="14" t="s">
        <v>15</v>
      </c>
      <c r="G17594" s="16">
        <v>0</v>
      </c>
    </row>
    <row r="17595" spans="1:7" x14ac:dyDescent="0.3">
      <c r="A17595" s="13" t="s">
        <v>125</v>
      </c>
      <c r="B17595" s="14" t="s">
        <v>1</v>
      </c>
      <c r="C17595" s="14" t="s">
        <v>51</v>
      </c>
      <c r="D17595" s="14" t="s">
        <v>126</v>
      </c>
      <c r="E17595" s="15">
        <v>45451</v>
      </c>
      <c r="F17595" s="14" t="s">
        <v>15</v>
      </c>
      <c r="G17595" s="16">
        <v>0</v>
      </c>
    </row>
    <row r="17596" spans="1:7" x14ac:dyDescent="0.3">
      <c r="A17596" s="13" t="s">
        <v>125</v>
      </c>
      <c r="B17596" s="14" t="s">
        <v>1</v>
      </c>
      <c r="C17596" s="14" t="s">
        <v>51</v>
      </c>
      <c r="D17596" s="14" t="s">
        <v>126</v>
      </c>
      <c r="E17596" s="15">
        <v>45452</v>
      </c>
      <c r="F17596" s="14" t="s">
        <v>15</v>
      </c>
      <c r="G17596" s="16">
        <v>0</v>
      </c>
    </row>
    <row r="17597" spans="1:7" x14ac:dyDescent="0.3">
      <c r="A17597" s="13" t="s">
        <v>125</v>
      </c>
      <c r="B17597" s="14" t="s">
        <v>1</v>
      </c>
      <c r="C17597" s="14" t="s">
        <v>51</v>
      </c>
      <c r="D17597" s="14" t="s">
        <v>126</v>
      </c>
      <c r="E17597" s="15">
        <v>45453</v>
      </c>
      <c r="F17597" s="14" t="s">
        <v>15</v>
      </c>
      <c r="G17597" s="16">
        <v>0</v>
      </c>
    </row>
    <row r="17598" spans="1:7" x14ac:dyDescent="0.3">
      <c r="A17598" s="13" t="s">
        <v>125</v>
      </c>
      <c r="B17598" s="14" t="s">
        <v>1</v>
      </c>
      <c r="C17598" s="14" t="s">
        <v>51</v>
      </c>
      <c r="D17598" s="14" t="s">
        <v>126</v>
      </c>
      <c r="E17598" s="15">
        <v>45454</v>
      </c>
      <c r="F17598" s="14" t="s">
        <v>15</v>
      </c>
      <c r="G17598" s="16">
        <v>0</v>
      </c>
    </row>
    <row r="17599" spans="1:7" x14ac:dyDescent="0.3">
      <c r="A17599" s="13" t="s">
        <v>125</v>
      </c>
      <c r="B17599" s="14" t="s">
        <v>1</v>
      </c>
      <c r="C17599" s="14" t="s">
        <v>51</v>
      </c>
      <c r="D17599" s="14" t="s">
        <v>126</v>
      </c>
      <c r="E17599" s="15">
        <v>45455</v>
      </c>
      <c r="F17599" s="14" t="s">
        <v>15</v>
      </c>
      <c r="G17599" s="16">
        <v>0</v>
      </c>
    </row>
    <row r="17600" spans="1:7" x14ac:dyDescent="0.3">
      <c r="A17600" s="13" t="s">
        <v>125</v>
      </c>
      <c r="B17600" s="14" t="s">
        <v>1</v>
      </c>
      <c r="C17600" s="14" t="s">
        <v>51</v>
      </c>
      <c r="D17600" s="14" t="s">
        <v>126</v>
      </c>
      <c r="E17600" s="15">
        <v>45456</v>
      </c>
      <c r="F17600" s="14" t="s">
        <v>15</v>
      </c>
      <c r="G17600" s="16">
        <v>0</v>
      </c>
    </row>
    <row r="17601" spans="1:7" x14ac:dyDescent="0.3">
      <c r="A17601" s="13" t="s">
        <v>125</v>
      </c>
      <c r="B17601" s="14" t="s">
        <v>1</v>
      </c>
      <c r="C17601" s="14" t="s">
        <v>51</v>
      </c>
      <c r="D17601" s="14" t="s">
        <v>126</v>
      </c>
      <c r="E17601" s="15">
        <v>45457</v>
      </c>
      <c r="F17601" s="14" t="s">
        <v>15</v>
      </c>
      <c r="G17601" s="16">
        <v>0</v>
      </c>
    </row>
    <row r="17602" spans="1:7" x14ac:dyDescent="0.3">
      <c r="A17602" s="13" t="s">
        <v>125</v>
      </c>
      <c r="B17602" s="14" t="s">
        <v>1</v>
      </c>
      <c r="C17602" s="14" t="s">
        <v>51</v>
      </c>
      <c r="D17602" s="14" t="s">
        <v>126</v>
      </c>
      <c r="E17602" s="15">
        <v>45458</v>
      </c>
      <c r="F17602" s="14" t="s">
        <v>15</v>
      </c>
      <c r="G17602" s="16">
        <v>0</v>
      </c>
    </row>
    <row r="17603" spans="1:7" x14ac:dyDescent="0.3">
      <c r="A17603" s="13" t="s">
        <v>125</v>
      </c>
      <c r="B17603" s="14" t="s">
        <v>1</v>
      </c>
      <c r="C17603" s="14" t="s">
        <v>51</v>
      </c>
      <c r="D17603" s="14" t="s">
        <v>126</v>
      </c>
      <c r="E17603" s="15">
        <v>45459</v>
      </c>
      <c r="F17603" s="14" t="s">
        <v>15</v>
      </c>
      <c r="G17603" s="16">
        <v>0</v>
      </c>
    </row>
    <row r="17604" spans="1:7" x14ac:dyDescent="0.3">
      <c r="A17604" s="13" t="s">
        <v>125</v>
      </c>
      <c r="B17604" s="14" t="s">
        <v>1</v>
      </c>
      <c r="C17604" s="14" t="s">
        <v>51</v>
      </c>
      <c r="D17604" s="14" t="s">
        <v>126</v>
      </c>
      <c r="E17604" s="15">
        <v>45460</v>
      </c>
      <c r="F17604" s="14" t="s">
        <v>15</v>
      </c>
      <c r="G17604" s="16">
        <v>0</v>
      </c>
    </row>
    <row r="17605" spans="1:7" x14ac:dyDescent="0.3">
      <c r="A17605" s="13" t="s">
        <v>125</v>
      </c>
      <c r="B17605" s="14" t="s">
        <v>1</v>
      </c>
      <c r="C17605" s="14" t="s">
        <v>51</v>
      </c>
      <c r="D17605" s="14" t="s">
        <v>126</v>
      </c>
      <c r="E17605" s="15">
        <v>45461</v>
      </c>
      <c r="F17605" s="14" t="s">
        <v>15</v>
      </c>
      <c r="G17605" s="16">
        <v>0</v>
      </c>
    </row>
    <row r="17606" spans="1:7" x14ac:dyDescent="0.3">
      <c r="A17606" s="13" t="s">
        <v>125</v>
      </c>
      <c r="B17606" s="14" t="s">
        <v>1</v>
      </c>
      <c r="C17606" s="14" t="s">
        <v>51</v>
      </c>
      <c r="D17606" s="14" t="s">
        <v>126</v>
      </c>
      <c r="E17606" s="15">
        <v>45462</v>
      </c>
      <c r="F17606" s="14" t="s">
        <v>15</v>
      </c>
      <c r="G17606" s="16">
        <v>0</v>
      </c>
    </row>
    <row r="17607" spans="1:7" x14ac:dyDescent="0.3">
      <c r="A17607" s="13" t="s">
        <v>125</v>
      </c>
      <c r="B17607" s="14" t="s">
        <v>1</v>
      </c>
      <c r="C17607" s="14" t="s">
        <v>51</v>
      </c>
      <c r="D17607" s="14" t="s">
        <v>126</v>
      </c>
      <c r="E17607" s="15">
        <v>45463</v>
      </c>
      <c r="F17607" s="14" t="s">
        <v>15</v>
      </c>
      <c r="G17607" s="16">
        <v>0</v>
      </c>
    </row>
    <row r="17608" spans="1:7" x14ac:dyDescent="0.3">
      <c r="A17608" s="13" t="s">
        <v>125</v>
      </c>
      <c r="B17608" s="14" t="s">
        <v>1</v>
      </c>
      <c r="C17608" s="14" t="s">
        <v>51</v>
      </c>
      <c r="D17608" s="14" t="s">
        <v>126</v>
      </c>
      <c r="E17608" s="15">
        <v>45464</v>
      </c>
      <c r="F17608" s="14" t="s">
        <v>15</v>
      </c>
      <c r="G17608" s="16">
        <v>0</v>
      </c>
    </row>
    <row r="17609" spans="1:7" x14ac:dyDescent="0.3">
      <c r="A17609" s="13" t="s">
        <v>125</v>
      </c>
      <c r="B17609" s="14" t="s">
        <v>1</v>
      </c>
      <c r="C17609" s="14" t="s">
        <v>51</v>
      </c>
      <c r="D17609" s="14" t="s">
        <v>126</v>
      </c>
      <c r="E17609" s="15">
        <v>45465</v>
      </c>
      <c r="F17609" s="14" t="s">
        <v>15</v>
      </c>
      <c r="G17609" s="16">
        <v>0</v>
      </c>
    </row>
    <row r="17610" spans="1:7" x14ac:dyDescent="0.3">
      <c r="A17610" s="13" t="s">
        <v>125</v>
      </c>
      <c r="B17610" s="14" t="s">
        <v>1</v>
      </c>
      <c r="C17610" s="14" t="s">
        <v>51</v>
      </c>
      <c r="D17610" s="14" t="s">
        <v>126</v>
      </c>
      <c r="E17610" s="15">
        <v>45466</v>
      </c>
      <c r="F17610" s="14" t="s">
        <v>15</v>
      </c>
      <c r="G17610" s="16">
        <v>0</v>
      </c>
    </row>
    <row r="17611" spans="1:7" x14ac:dyDescent="0.3">
      <c r="A17611" s="13" t="s">
        <v>125</v>
      </c>
      <c r="B17611" s="14" t="s">
        <v>1</v>
      </c>
      <c r="C17611" s="14" t="s">
        <v>51</v>
      </c>
      <c r="D17611" s="14" t="s">
        <v>126</v>
      </c>
      <c r="E17611" s="15">
        <v>45467</v>
      </c>
      <c r="F17611" s="14" t="s">
        <v>15</v>
      </c>
      <c r="G17611" s="16">
        <v>0</v>
      </c>
    </row>
    <row r="17612" spans="1:7" x14ac:dyDescent="0.3">
      <c r="A17612" s="13" t="s">
        <v>125</v>
      </c>
      <c r="B17612" s="14" t="s">
        <v>1</v>
      </c>
      <c r="C17612" s="14" t="s">
        <v>51</v>
      </c>
      <c r="D17612" s="14" t="s">
        <v>126</v>
      </c>
      <c r="E17612" s="15">
        <v>45468</v>
      </c>
      <c r="F17612" s="14" t="s">
        <v>15</v>
      </c>
      <c r="G17612" s="16">
        <v>0</v>
      </c>
    </row>
    <row r="17613" spans="1:7" x14ac:dyDescent="0.3">
      <c r="A17613" s="13" t="s">
        <v>125</v>
      </c>
      <c r="B17613" s="14" t="s">
        <v>1</v>
      </c>
      <c r="C17613" s="14" t="s">
        <v>51</v>
      </c>
      <c r="D17613" s="14" t="s">
        <v>126</v>
      </c>
      <c r="E17613" s="15">
        <v>45469</v>
      </c>
      <c r="F17613" s="14" t="s">
        <v>15</v>
      </c>
      <c r="G17613" s="16">
        <v>0</v>
      </c>
    </row>
    <row r="17614" spans="1:7" x14ac:dyDescent="0.3">
      <c r="A17614" s="13" t="s">
        <v>125</v>
      </c>
      <c r="B17614" s="14" t="s">
        <v>1</v>
      </c>
      <c r="C17614" s="14" t="s">
        <v>51</v>
      </c>
      <c r="D17614" s="14" t="s">
        <v>126</v>
      </c>
      <c r="E17614" s="15">
        <v>45470</v>
      </c>
      <c r="F17614" s="14" t="s">
        <v>15</v>
      </c>
      <c r="G17614" s="16">
        <v>0</v>
      </c>
    </row>
    <row r="17615" spans="1:7" x14ac:dyDescent="0.3">
      <c r="A17615" s="13" t="s">
        <v>125</v>
      </c>
      <c r="B17615" s="14" t="s">
        <v>1</v>
      </c>
      <c r="C17615" s="14" t="s">
        <v>51</v>
      </c>
      <c r="D17615" s="14" t="s">
        <v>126</v>
      </c>
      <c r="E17615" s="15">
        <v>45471</v>
      </c>
      <c r="F17615" s="14" t="s">
        <v>15</v>
      </c>
      <c r="G17615" s="16">
        <v>0</v>
      </c>
    </row>
    <row r="17616" spans="1:7" x14ac:dyDescent="0.3">
      <c r="A17616" s="13" t="s">
        <v>125</v>
      </c>
      <c r="B17616" s="14" t="s">
        <v>1</v>
      </c>
      <c r="C17616" s="14" t="s">
        <v>51</v>
      </c>
      <c r="D17616" s="14" t="s">
        <v>126</v>
      </c>
      <c r="E17616" s="15">
        <v>45472</v>
      </c>
      <c r="F17616" s="14" t="s">
        <v>15</v>
      </c>
      <c r="G17616" s="16">
        <v>0</v>
      </c>
    </row>
    <row r="17617" spans="1:7" x14ac:dyDescent="0.3">
      <c r="A17617" s="13" t="s">
        <v>125</v>
      </c>
      <c r="B17617" s="14" t="s">
        <v>1</v>
      </c>
      <c r="C17617" s="14" t="s">
        <v>51</v>
      </c>
      <c r="D17617" s="14" t="s">
        <v>126</v>
      </c>
      <c r="E17617" s="15">
        <v>45473</v>
      </c>
      <c r="F17617" s="14" t="s">
        <v>15</v>
      </c>
      <c r="G17617" s="16">
        <v>0</v>
      </c>
    </row>
    <row r="17618" spans="1:7" x14ac:dyDescent="0.3">
      <c r="A17618" s="13" t="s">
        <v>125</v>
      </c>
      <c r="B17618" s="14" t="s">
        <v>1</v>
      </c>
      <c r="C17618" s="14" t="s">
        <v>51</v>
      </c>
      <c r="D17618" s="14" t="s">
        <v>126</v>
      </c>
      <c r="E17618" s="15">
        <v>45474</v>
      </c>
      <c r="F17618" s="14" t="s">
        <v>15</v>
      </c>
      <c r="G17618" s="16">
        <v>0</v>
      </c>
    </row>
    <row r="17619" spans="1:7" x14ac:dyDescent="0.3">
      <c r="A17619" s="13" t="s">
        <v>125</v>
      </c>
      <c r="B17619" s="14" t="s">
        <v>1</v>
      </c>
      <c r="C17619" s="14" t="s">
        <v>51</v>
      </c>
      <c r="D17619" s="14" t="s">
        <v>126</v>
      </c>
      <c r="E17619" s="15">
        <v>45475</v>
      </c>
      <c r="F17619" s="14" t="s">
        <v>15</v>
      </c>
      <c r="G17619" s="16">
        <v>0</v>
      </c>
    </row>
    <row r="17620" spans="1:7" x14ac:dyDescent="0.3">
      <c r="A17620" s="13" t="s">
        <v>125</v>
      </c>
      <c r="B17620" s="14" t="s">
        <v>1</v>
      </c>
      <c r="C17620" s="14" t="s">
        <v>51</v>
      </c>
      <c r="D17620" s="14" t="s">
        <v>126</v>
      </c>
      <c r="E17620" s="15">
        <v>45476</v>
      </c>
      <c r="F17620" s="14" t="s">
        <v>15</v>
      </c>
      <c r="G17620" s="16">
        <v>0</v>
      </c>
    </row>
    <row r="17621" spans="1:7" x14ac:dyDescent="0.3">
      <c r="A17621" s="13" t="s">
        <v>125</v>
      </c>
      <c r="B17621" s="14" t="s">
        <v>1</v>
      </c>
      <c r="C17621" s="14" t="s">
        <v>51</v>
      </c>
      <c r="D17621" s="14" t="s">
        <v>126</v>
      </c>
      <c r="E17621" s="15">
        <v>45477</v>
      </c>
      <c r="F17621" s="14" t="s">
        <v>15</v>
      </c>
      <c r="G17621" s="16">
        <v>0</v>
      </c>
    </row>
    <row r="17622" spans="1:7" x14ac:dyDescent="0.3">
      <c r="A17622" s="13" t="s">
        <v>125</v>
      </c>
      <c r="B17622" s="14" t="s">
        <v>1</v>
      </c>
      <c r="C17622" s="14" t="s">
        <v>51</v>
      </c>
      <c r="D17622" s="14" t="s">
        <v>126</v>
      </c>
      <c r="E17622" s="15">
        <v>45478</v>
      </c>
      <c r="F17622" s="14" t="s">
        <v>15</v>
      </c>
      <c r="G17622" s="16">
        <v>0</v>
      </c>
    </row>
    <row r="17623" spans="1:7" x14ac:dyDescent="0.3">
      <c r="A17623" s="13" t="s">
        <v>125</v>
      </c>
      <c r="B17623" s="14" t="s">
        <v>1</v>
      </c>
      <c r="C17623" s="14" t="s">
        <v>51</v>
      </c>
      <c r="D17623" s="14" t="s">
        <v>126</v>
      </c>
      <c r="E17623" s="15">
        <v>45479</v>
      </c>
      <c r="F17623" s="14" t="s">
        <v>15</v>
      </c>
      <c r="G17623" s="16">
        <v>0</v>
      </c>
    </row>
    <row r="17624" spans="1:7" x14ac:dyDescent="0.3">
      <c r="A17624" s="13" t="s">
        <v>125</v>
      </c>
      <c r="B17624" s="14" t="s">
        <v>1</v>
      </c>
      <c r="C17624" s="14" t="s">
        <v>51</v>
      </c>
      <c r="D17624" s="14" t="s">
        <v>126</v>
      </c>
      <c r="E17624" s="15">
        <v>45480</v>
      </c>
      <c r="F17624" s="14" t="s">
        <v>15</v>
      </c>
      <c r="G17624" s="16">
        <v>0</v>
      </c>
    </row>
    <row r="17625" spans="1:7" x14ac:dyDescent="0.3">
      <c r="A17625" s="13" t="s">
        <v>125</v>
      </c>
      <c r="B17625" s="14" t="s">
        <v>1</v>
      </c>
      <c r="C17625" s="14" t="s">
        <v>51</v>
      </c>
      <c r="D17625" s="14" t="s">
        <v>126</v>
      </c>
      <c r="E17625" s="15">
        <v>45481</v>
      </c>
      <c r="F17625" s="14" t="s">
        <v>15</v>
      </c>
      <c r="G17625" s="16">
        <v>0</v>
      </c>
    </row>
    <row r="17626" spans="1:7" x14ac:dyDescent="0.3">
      <c r="A17626" s="13" t="s">
        <v>125</v>
      </c>
      <c r="B17626" s="14" t="s">
        <v>1</v>
      </c>
      <c r="C17626" s="14" t="s">
        <v>51</v>
      </c>
      <c r="D17626" s="14" t="s">
        <v>126</v>
      </c>
      <c r="E17626" s="15">
        <v>45482</v>
      </c>
      <c r="F17626" s="14" t="s">
        <v>15</v>
      </c>
      <c r="G17626" s="16">
        <v>0</v>
      </c>
    </row>
    <row r="17627" spans="1:7" x14ac:dyDescent="0.3">
      <c r="A17627" s="13" t="s">
        <v>125</v>
      </c>
      <c r="B17627" s="14" t="s">
        <v>1</v>
      </c>
      <c r="C17627" s="14" t="s">
        <v>51</v>
      </c>
      <c r="D17627" s="14" t="s">
        <v>126</v>
      </c>
      <c r="E17627" s="15">
        <v>45483</v>
      </c>
      <c r="F17627" s="14" t="s">
        <v>15</v>
      </c>
      <c r="G17627" s="16">
        <v>0</v>
      </c>
    </row>
    <row r="17628" spans="1:7" x14ac:dyDescent="0.3">
      <c r="A17628" s="13" t="s">
        <v>125</v>
      </c>
      <c r="B17628" s="14" t="s">
        <v>1</v>
      </c>
      <c r="C17628" s="14" t="s">
        <v>51</v>
      </c>
      <c r="D17628" s="14" t="s">
        <v>126</v>
      </c>
      <c r="E17628" s="15">
        <v>45484</v>
      </c>
      <c r="F17628" s="14" t="s">
        <v>15</v>
      </c>
      <c r="G17628" s="16">
        <v>0</v>
      </c>
    </row>
    <row r="17629" spans="1:7" x14ac:dyDescent="0.3">
      <c r="A17629" s="13" t="s">
        <v>125</v>
      </c>
      <c r="B17629" s="14" t="s">
        <v>1</v>
      </c>
      <c r="C17629" s="14" t="s">
        <v>51</v>
      </c>
      <c r="D17629" s="14" t="s">
        <v>126</v>
      </c>
      <c r="E17629" s="15">
        <v>45485</v>
      </c>
      <c r="F17629" s="14" t="s">
        <v>15</v>
      </c>
      <c r="G17629" s="16">
        <v>0</v>
      </c>
    </row>
    <row r="17630" spans="1:7" x14ac:dyDescent="0.3">
      <c r="A17630" s="13" t="s">
        <v>125</v>
      </c>
      <c r="B17630" s="14" t="s">
        <v>1</v>
      </c>
      <c r="C17630" s="14" t="s">
        <v>51</v>
      </c>
      <c r="D17630" s="14" t="s">
        <v>126</v>
      </c>
      <c r="E17630" s="15">
        <v>45486</v>
      </c>
      <c r="F17630" s="14" t="s">
        <v>15</v>
      </c>
      <c r="G17630" s="16">
        <v>0</v>
      </c>
    </row>
    <row r="17631" spans="1:7" x14ac:dyDescent="0.3">
      <c r="A17631" s="13" t="s">
        <v>125</v>
      </c>
      <c r="B17631" s="14" t="s">
        <v>1</v>
      </c>
      <c r="C17631" s="14" t="s">
        <v>51</v>
      </c>
      <c r="D17631" s="14" t="s">
        <v>126</v>
      </c>
      <c r="E17631" s="15">
        <v>45487</v>
      </c>
      <c r="F17631" s="14" t="s">
        <v>15</v>
      </c>
      <c r="G17631" s="16">
        <v>0</v>
      </c>
    </row>
    <row r="17632" spans="1:7" x14ac:dyDescent="0.3">
      <c r="A17632" s="13" t="s">
        <v>125</v>
      </c>
      <c r="B17632" s="14" t="s">
        <v>1</v>
      </c>
      <c r="C17632" s="14" t="s">
        <v>51</v>
      </c>
      <c r="D17632" s="14" t="s">
        <v>126</v>
      </c>
      <c r="E17632" s="15">
        <v>45488</v>
      </c>
      <c r="F17632" s="14" t="s">
        <v>15</v>
      </c>
      <c r="G17632" s="16">
        <v>0</v>
      </c>
    </row>
    <row r="17633" spans="1:7" x14ac:dyDescent="0.3">
      <c r="A17633" s="13" t="s">
        <v>125</v>
      </c>
      <c r="B17633" s="14" t="s">
        <v>1</v>
      </c>
      <c r="C17633" s="14" t="s">
        <v>51</v>
      </c>
      <c r="D17633" s="14" t="s">
        <v>126</v>
      </c>
      <c r="E17633" s="15">
        <v>45489</v>
      </c>
      <c r="F17633" s="14" t="s">
        <v>15</v>
      </c>
      <c r="G17633" s="16">
        <v>0</v>
      </c>
    </row>
    <row r="17634" spans="1:7" x14ac:dyDescent="0.3">
      <c r="A17634" s="13" t="s">
        <v>125</v>
      </c>
      <c r="B17634" s="14" t="s">
        <v>1</v>
      </c>
      <c r="C17634" s="14" t="s">
        <v>51</v>
      </c>
      <c r="D17634" s="14" t="s">
        <v>126</v>
      </c>
      <c r="E17634" s="15">
        <v>45490</v>
      </c>
      <c r="F17634" s="14" t="s">
        <v>15</v>
      </c>
      <c r="G17634" s="16">
        <v>0</v>
      </c>
    </row>
    <row r="17635" spans="1:7" x14ac:dyDescent="0.3">
      <c r="A17635" s="13" t="s">
        <v>125</v>
      </c>
      <c r="B17635" s="14" t="s">
        <v>1</v>
      </c>
      <c r="C17635" s="14" t="s">
        <v>51</v>
      </c>
      <c r="D17635" s="14" t="s">
        <v>126</v>
      </c>
      <c r="E17635" s="15">
        <v>45491</v>
      </c>
      <c r="F17635" s="14" t="s">
        <v>15</v>
      </c>
      <c r="G17635" s="16">
        <v>0</v>
      </c>
    </row>
    <row r="17636" spans="1:7" x14ac:dyDescent="0.3">
      <c r="A17636" s="13" t="s">
        <v>125</v>
      </c>
      <c r="B17636" s="14" t="s">
        <v>1</v>
      </c>
      <c r="C17636" s="14" t="s">
        <v>51</v>
      </c>
      <c r="D17636" s="14" t="s">
        <v>126</v>
      </c>
      <c r="E17636" s="15">
        <v>45492</v>
      </c>
      <c r="F17636" s="14" t="s">
        <v>15</v>
      </c>
      <c r="G17636" s="16">
        <v>0</v>
      </c>
    </row>
    <row r="17637" spans="1:7" x14ac:dyDescent="0.3">
      <c r="A17637" s="13" t="s">
        <v>125</v>
      </c>
      <c r="B17637" s="14" t="s">
        <v>1</v>
      </c>
      <c r="C17637" s="14" t="s">
        <v>51</v>
      </c>
      <c r="D17637" s="14" t="s">
        <v>126</v>
      </c>
      <c r="E17637" s="15">
        <v>45493</v>
      </c>
      <c r="F17637" s="14" t="s">
        <v>15</v>
      </c>
      <c r="G17637" s="16">
        <v>0</v>
      </c>
    </row>
    <row r="17638" spans="1:7" x14ac:dyDescent="0.3">
      <c r="A17638" s="13" t="s">
        <v>125</v>
      </c>
      <c r="B17638" s="14" t="s">
        <v>1</v>
      </c>
      <c r="C17638" s="14" t="s">
        <v>51</v>
      </c>
      <c r="D17638" s="14" t="s">
        <v>126</v>
      </c>
      <c r="E17638" s="15">
        <v>45494</v>
      </c>
      <c r="F17638" s="14" t="s">
        <v>15</v>
      </c>
      <c r="G17638" s="16">
        <v>0</v>
      </c>
    </row>
    <row r="17639" spans="1:7" x14ac:dyDescent="0.3">
      <c r="A17639" s="13" t="s">
        <v>125</v>
      </c>
      <c r="B17639" s="14" t="s">
        <v>1</v>
      </c>
      <c r="C17639" s="14" t="s">
        <v>51</v>
      </c>
      <c r="D17639" s="14" t="s">
        <v>126</v>
      </c>
      <c r="E17639" s="15">
        <v>45495</v>
      </c>
      <c r="F17639" s="14" t="s">
        <v>15</v>
      </c>
      <c r="G17639" s="16">
        <v>0</v>
      </c>
    </row>
    <row r="17640" spans="1:7" x14ac:dyDescent="0.3">
      <c r="A17640" s="13" t="s">
        <v>125</v>
      </c>
      <c r="B17640" s="14" t="s">
        <v>1</v>
      </c>
      <c r="C17640" s="14" t="s">
        <v>51</v>
      </c>
      <c r="D17640" s="14" t="s">
        <v>126</v>
      </c>
      <c r="E17640" s="15">
        <v>45496</v>
      </c>
      <c r="F17640" s="14" t="s">
        <v>15</v>
      </c>
      <c r="G17640" s="16">
        <v>0</v>
      </c>
    </row>
    <row r="17641" spans="1:7" x14ac:dyDescent="0.3">
      <c r="A17641" s="13" t="s">
        <v>125</v>
      </c>
      <c r="B17641" s="14" t="s">
        <v>1</v>
      </c>
      <c r="C17641" s="14" t="s">
        <v>51</v>
      </c>
      <c r="D17641" s="14" t="s">
        <v>126</v>
      </c>
      <c r="E17641" s="15">
        <v>45497</v>
      </c>
      <c r="F17641" s="14" t="s">
        <v>15</v>
      </c>
      <c r="G17641" s="16">
        <v>0</v>
      </c>
    </row>
    <row r="17642" spans="1:7" x14ac:dyDescent="0.3">
      <c r="A17642" s="13" t="s">
        <v>125</v>
      </c>
      <c r="B17642" s="14" t="s">
        <v>1</v>
      </c>
      <c r="C17642" s="14" t="s">
        <v>51</v>
      </c>
      <c r="D17642" s="14" t="s">
        <v>126</v>
      </c>
      <c r="E17642" s="15">
        <v>45498</v>
      </c>
      <c r="F17642" s="14" t="s">
        <v>15</v>
      </c>
      <c r="G17642" s="16">
        <v>0</v>
      </c>
    </row>
    <row r="17643" spans="1:7" x14ac:dyDescent="0.3">
      <c r="A17643" s="13" t="s">
        <v>125</v>
      </c>
      <c r="B17643" s="14" t="s">
        <v>1</v>
      </c>
      <c r="C17643" s="14" t="s">
        <v>51</v>
      </c>
      <c r="D17643" s="14" t="s">
        <v>126</v>
      </c>
      <c r="E17643" s="15">
        <v>45499</v>
      </c>
      <c r="F17643" s="14" t="s">
        <v>15</v>
      </c>
      <c r="G17643" s="16">
        <v>0</v>
      </c>
    </row>
    <row r="17644" spans="1:7" x14ac:dyDescent="0.3">
      <c r="A17644" s="13" t="s">
        <v>125</v>
      </c>
      <c r="B17644" s="14" t="s">
        <v>1</v>
      </c>
      <c r="C17644" s="14" t="s">
        <v>51</v>
      </c>
      <c r="D17644" s="14" t="s">
        <v>126</v>
      </c>
      <c r="E17644" s="15">
        <v>45500</v>
      </c>
      <c r="F17644" s="14" t="s">
        <v>15</v>
      </c>
      <c r="G17644" s="16">
        <v>0</v>
      </c>
    </row>
    <row r="17645" spans="1:7" x14ac:dyDescent="0.3">
      <c r="A17645" s="13" t="s">
        <v>125</v>
      </c>
      <c r="B17645" s="14" t="s">
        <v>1</v>
      </c>
      <c r="C17645" s="14" t="s">
        <v>51</v>
      </c>
      <c r="D17645" s="14" t="s">
        <v>126</v>
      </c>
      <c r="E17645" s="15">
        <v>45501</v>
      </c>
      <c r="F17645" s="14" t="s">
        <v>15</v>
      </c>
      <c r="G17645" s="16">
        <v>0</v>
      </c>
    </row>
    <row r="17646" spans="1:7" x14ac:dyDescent="0.3">
      <c r="A17646" s="13" t="s">
        <v>125</v>
      </c>
      <c r="B17646" s="14" t="s">
        <v>1</v>
      </c>
      <c r="C17646" s="14" t="s">
        <v>51</v>
      </c>
      <c r="D17646" s="14" t="s">
        <v>126</v>
      </c>
      <c r="E17646" s="15">
        <v>45502</v>
      </c>
      <c r="F17646" s="14" t="s">
        <v>15</v>
      </c>
      <c r="G17646" s="16">
        <v>0</v>
      </c>
    </row>
    <row r="17647" spans="1:7" x14ac:dyDescent="0.3">
      <c r="A17647" s="13" t="s">
        <v>125</v>
      </c>
      <c r="B17647" s="14" t="s">
        <v>1</v>
      </c>
      <c r="C17647" s="14" t="s">
        <v>51</v>
      </c>
      <c r="D17647" s="14" t="s">
        <v>126</v>
      </c>
      <c r="E17647" s="15">
        <v>45503</v>
      </c>
      <c r="F17647" s="14" t="s">
        <v>15</v>
      </c>
      <c r="G17647" s="16">
        <v>0</v>
      </c>
    </row>
    <row r="17648" spans="1:7" x14ac:dyDescent="0.3">
      <c r="A17648" s="13" t="s">
        <v>125</v>
      </c>
      <c r="B17648" s="14" t="s">
        <v>1</v>
      </c>
      <c r="C17648" s="14" t="s">
        <v>51</v>
      </c>
      <c r="D17648" s="14" t="s">
        <v>126</v>
      </c>
      <c r="E17648" s="15">
        <v>45504</v>
      </c>
      <c r="F17648" s="14" t="s">
        <v>15</v>
      </c>
      <c r="G17648" s="16">
        <v>0</v>
      </c>
    </row>
    <row r="17649" spans="1:7" x14ac:dyDescent="0.3">
      <c r="A17649" s="13" t="s">
        <v>125</v>
      </c>
      <c r="B17649" s="14" t="s">
        <v>1</v>
      </c>
      <c r="C17649" s="14" t="s">
        <v>51</v>
      </c>
      <c r="D17649" s="14" t="s">
        <v>126</v>
      </c>
      <c r="E17649" s="15">
        <v>45505</v>
      </c>
      <c r="F17649" s="14" t="s">
        <v>15</v>
      </c>
      <c r="G17649" s="16">
        <v>0</v>
      </c>
    </row>
    <row r="17650" spans="1:7" x14ac:dyDescent="0.3">
      <c r="A17650" s="13" t="s">
        <v>125</v>
      </c>
      <c r="B17650" s="14" t="s">
        <v>1</v>
      </c>
      <c r="C17650" s="14" t="s">
        <v>51</v>
      </c>
      <c r="D17650" s="14" t="s">
        <v>126</v>
      </c>
      <c r="E17650" s="15">
        <v>45506</v>
      </c>
      <c r="F17650" s="14" t="s">
        <v>15</v>
      </c>
      <c r="G17650" s="16">
        <v>0</v>
      </c>
    </row>
    <row r="17651" spans="1:7" x14ac:dyDescent="0.3">
      <c r="A17651" s="13" t="s">
        <v>125</v>
      </c>
      <c r="B17651" s="14" t="s">
        <v>1</v>
      </c>
      <c r="C17651" s="14" t="s">
        <v>51</v>
      </c>
      <c r="D17651" s="14" t="s">
        <v>126</v>
      </c>
      <c r="E17651" s="15">
        <v>45507</v>
      </c>
      <c r="F17651" s="14" t="s">
        <v>15</v>
      </c>
      <c r="G17651" s="16">
        <v>0</v>
      </c>
    </row>
    <row r="17652" spans="1:7" x14ac:dyDescent="0.3">
      <c r="A17652" s="13" t="s">
        <v>125</v>
      </c>
      <c r="B17652" s="14" t="s">
        <v>1</v>
      </c>
      <c r="C17652" s="14" t="s">
        <v>51</v>
      </c>
      <c r="D17652" s="14" t="s">
        <v>126</v>
      </c>
      <c r="E17652" s="15">
        <v>45508</v>
      </c>
      <c r="F17652" s="14" t="s">
        <v>15</v>
      </c>
      <c r="G17652" s="16">
        <v>0</v>
      </c>
    </row>
    <row r="17653" spans="1:7" x14ac:dyDescent="0.3">
      <c r="A17653" s="13" t="s">
        <v>125</v>
      </c>
      <c r="B17653" s="14" t="s">
        <v>1</v>
      </c>
      <c r="C17653" s="14" t="s">
        <v>51</v>
      </c>
      <c r="D17653" s="14" t="s">
        <v>126</v>
      </c>
      <c r="E17653" s="15">
        <v>45509</v>
      </c>
      <c r="F17653" s="14" t="s">
        <v>15</v>
      </c>
      <c r="G17653" s="16">
        <v>0</v>
      </c>
    </row>
    <row r="17654" spans="1:7" x14ac:dyDescent="0.3">
      <c r="A17654" s="13" t="s">
        <v>125</v>
      </c>
      <c r="B17654" s="14" t="s">
        <v>1</v>
      </c>
      <c r="C17654" s="14" t="s">
        <v>51</v>
      </c>
      <c r="D17654" s="14" t="s">
        <v>126</v>
      </c>
      <c r="E17654" s="15">
        <v>45510</v>
      </c>
      <c r="F17654" s="14" t="s">
        <v>15</v>
      </c>
      <c r="G17654" s="16">
        <v>0</v>
      </c>
    </row>
    <row r="17655" spans="1:7" x14ac:dyDescent="0.3">
      <c r="A17655" s="13" t="s">
        <v>125</v>
      </c>
      <c r="B17655" s="14" t="s">
        <v>1</v>
      </c>
      <c r="C17655" s="14" t="s">
        <v>51</v>
      </c>
      <c r="D17655" s="14" t="s">
        <v>126</v>
      </c>
      <c r="E17655" s="15">
        <v>45511</v>
      </c>
      <c r="F17655" s="14" t="s">
        <v>15</v>
      </c>
      <c r="G17655" s="16">
        <v>0</v>
      </c>
    </row>
    <row r="17656" spans="1:7" x14ac:dyDescent="0.3">
      <c r="A17656" s="13" t="s">
        <v>125</v>
      </c>
      <c r="B17656" s="14" t="s">
        <v>1</v>
      </c>
      <c r="C17656" s="14" t="s">
        <v>51</v>
      </c>
      <c r="D17656" s="14" t="s">
        <v>126</v>
      </c>
      <c r="E17656" s="15">
        <v>45512</v>
      </c>
      <c r="F17656" s="14" t="s">
        <v>15</v>
      </c>
      <c r="G17656" s="16">
        <v>0</v>
      </c>
    </row>
    <row r="17657" spans="1:7" x14ac:dyDescent="0.3">
      <c r="A17657" s="13" t="s">
        <v>125</v>
      </c>
      <c r="B17657" s="14" t="s">
        <v>1</v>
      </c>
      <c r="C17657" s="14" t="s">
        <v>51</v>
      </c>
      <c r="D17657" s="14" t="s">
        <v>126</v>
      </c>
      <c r="E17657" s="15">
        <v>45513</v>
      </c>
      <c r="F17657" s="14" t="s">
        <v>15</v>
      </c>
      <c r="G17657" s="16">
        <v>0</v>
      </c>
    </row>
    <row r="17658" spans="1:7" x14ac:dyDescent="0.3">
      <c r="A17658" s="13" t="s">
        <v>125</v>
      </c>
      <c r="B17658" s="14" t="s">
        <v>1</v>
      </c>
      <c r="C17658" s="14" t="s">
        <v>51</v>
      </c>
      <c r="D17658" s="14" t="s">
        <v>126</v>
      </c>
      <c r="E17658" s="15">
        <v>45514</v>
      </c>
      <c r="F17658" s="14" t="s">
        <v>15</v>
      </c>
      <c r="G17658" s="16">
        <v>0</v>
      </c>
    </row>
    <row r="17659" spans="1:7" x14ac:dyDescent="0.3">
      <c r="A17659" s="13" t="s">
        <v>125</v>
      </c>
      <c r="B17659" s="14" t="s">
        <v>1</v>
      </c>
      <c r="C17659" s="14" t="s">
        <v>51</v>
      </c>
      <c r="D17659" s="14" t="s">
        <v>126</v>
      </c>
      <c r="E17659" s="15">
        <v>45515</v>
      </c>
      <c r="F17659" s="14" t="s">
        <v>15</v>
      </c>
      <c r="G17659" s="16">
        <v>0</v>
      </c>
    </row>
    <row r="17660" spans="1:7" x14ac:dyDescent="0.3">
      <c r="A17660" s="13" t="s">
        <v>125</v>
      </c>
      <c r="B17660" s="14" t="s">
        <v>1</v>
      </c>
      <c r="C17660" s="14" t="s">
        <v>51</v>
      </c>
      <c r="D17660" s="14" t="s">
        <v>126</v>
      </c>
      <c r="E17660" s="15">
        <v>45516</v>
      </c>
      <c r="F17660" s="14" t="s">
        <v>15</v>
      </c>
      <c r="G17660" s="16">
        <v>0</v>
      </c>
    </row>
    <row r="17661" spans="1:7" x14ac:dyDescent="0.3">
      <c r="A17661" s="13" t="s">
        <v>125</v>
      </c>
      <c r="B17661" s="14" t="s">
        <v>1</v>
      </c>
      <c r="C17661" s="14" t="s">
        <v>51</v>
      </c>
      <c r="D17661" s="14" t="s">
        <v>126</v>
      </c>
      <c r="E17661" s="15">
        <v>45517</v>
      </c>
      <c r="F17661" s="14" t="s">
        <v>15</v>
      </c>
      <c r="G17661" s="16">
        <v>0</v>
      </c>
    </row>
    <row r="17662" spans="1:7" x14ac:dyDescent="0.3">
      <c r="A17662" s="13" t="s">
        <v>125</v>
      </c>
      <c r="B17662" s="14" t="s">
        <v>1</v>
      </c>
      <c r="C17662" s="14" t="s">
        <v>51</v>
      </c>
      <c r="D17662" s="14" t="s">
        <v>126</v>
      </c>
      <c r="E17662" s="15">
        <v>45518</v>
      </c>
      <c r="F17662" s="14" t="s">
        <v>15</v>
      </c>
      <c r="G17662" s="16">
        <v>0</v>
      </c>
    </row>
    <row r="17663" spans="1:7" x14ac:dyDescent="0.3">
      <c r="A17663" s="13" t="s">
        <v>125</v>
      </c>
      <c r="B17663" s="14" t="s">
        <v>1</v>
      </c>
      <c r="C17663" s="14" t="s">
        <v>51</v>
      </c>
      <c r="D17663" s="14" t="s">
        <v>126</v>
      </c>
      <c r="E17663" s="15">
        <v>45519</v>
      </c>
      <c r="F17663" s="14" t="s">
        <v>15</v>
      </c>
      <c r="G17663" s="16">
        <v>0</v>
      </c>
    </row>
    <row r="17664" spans="1:7" x14ac:dyDescent="0.3">
      <c r="A17664" s="13" t="s">
        <v>125</v>
      </c>
      <c r="B17664" s="14" t="s">
        <v>1</v>
      </c>
      <c r="C17664" s="14" t="s">
        <v>51</v>
      </c>
      <c r="D17664" s="14" t="s">
        <v>126</v>
      </c>
      <c r="E17664" s="15">
        <v>45520</v>
      </c>
      <c r="F17664" s="14" t="s">
        <v>15</v>
      </c>
      <c r="G17664" s="16">
        <v>0</v>
      </c>
    </row>
    <row r="17665" spans="1:7" x14ac:dyDescent="0.3">
      <c r="A17665" s="13" t="s">
        <v>125</v>
      </c>
      <c r="B17665" s="14" t="s">
        <v>1</v>
      </c>
      <c r="C17665" s="14" t="s">
        <v>51</v>
      </c>
      <c r="D17665" s="14" t="s">
        <v>126</v>
      </c>
      <c r="E17665" s="15">
        <v>45521</v>
      </c>
      <c r="F17665" s="14" t="s">
        <v>15</v>
      </c>
      <c r="G17665" s="16">
        <v>0</v>
      </c>
    </row>
    <row r="17666" spans="1:7" x14ac:dyDescent="0.3">
      <c r="A17666" s="13" t="s">
        <v>125</v>
      </c>
      <c r="B17666" s="14" t="s">
        <v>1</v>
      </c>
      <c r="C17666" s="14" t="s">
        <v>51</v>
      </c>
      <c r="D17666" s="14" t="s">
        <v>126</v>
      </c>
      <c r="E17666" s="15">
        <v>45522</v>
      </c>
      <c r="F17666" s="14" t="s">
        <v>15</v>
      </c>
      <c r="G17666" s="16">
        <v>0</v>
      </c>
    </row>
    <row r="17667" spans="1:7" x14ac:dyDescent="0.3">
      <c r="A17667" s="13" t="s">
        <v>125</v>
      </c>
      <c r="B17667" s="14" t="s">
        <v>1</v>
      </c>
      <c r="C17667" s="14" t="s">
        <v>51</v>
      </c>
      <c r="D17667" s="14" t="s">
        <v>126</v>
      </c>
      <c r="E17667" s="15">
        <v>45523</v>
      </c>
      <c r="F17667" s="14" t="s">
        <v>15</v>
      </c>
      <c r="G17667" s="16">
        <v>0</v>
      </c>
    </row>
    <row r="17668" spans="1:7" x14ac:dyDescent="0.3">
      <c r="A17668" s="13" t="s">
        <v>125</v>
      </c>
      <c r="B17668" s="14" t="s">
        <v>1</v>
      </c>
      <c r="C17668" s="14" t="s">
        <v>51</v>
      </c>
      <c r="D17668" s="14" t="s">
        <v>126</v>
      </c>
      <c r="E17668" s="15">
        <v>45524</v>
      </c>
      <c r="F17668" s="14" t="s">
        <v>15</v>
      </c>
      <c r="G17668" s="16">
        <v>0</v>
      </c>
    </row>
    <row r="17669" spans="1:7" x14ac:dyDescent="0.3">
      <c r="A17669" s="13" t="s">
        <v>125</v>
      </c>
      <c r="B17669" s="14" t="s">
        <v>1</v>
      </c>
      <c r="C17669" s="14" t="s">
        <v>51</v>
      </c>
      <c r="D17669" s="14" t="s">
        <v>126</v>
      </c>
      <c r="E17669" s="15">
        <v>45525</v>
      </c>
      <c r="F17669" s="14" t="s">
        <v>15</v>
      </c>
      <c r="G17669" s="16">
        <v>0</v>
      </c>
    </row>
    <row r="17670" spans="1:7" x14ac:dyDescent="0.3">
      <c r="A17670" s="13" t="s">
        <v>125</v>
      </c>
      <c r="B17670" s="14" t="s">
        <v>1</v>
      </c>
      <c r="C17670" s="14" t="s">
        <v>51</v>
      </c>
      <c r="D17670" s="14" t="s">
        <v>126</v>
      </c>
      <c r="E17670" s="15">
        <v>45526</v>
      </c>
      <c r="F17670" s="14" t="s">
        <v>15</v>
      </c>
      <c r="G17670" s="16">
        <v>0</v>
      </c>
    </row>
    <row r="17671" spans="1:7" x14ac:dyDescent="0.3">
      <c r="A17671" s="13" t="s">
        <v>125</v>
      </c>
      <c r="B17671" s="14" t="s">
        <v>1</v>
      </c>
      <c r="C17671" s="14" t="s">
        <v>51</v>
      </c>
      <c r="D17671" s="14" t="s">
        <v>126</v>
      </c>
      <c r="E17671" s="15">
        <v>45527</v>
      </c>
      <c r="F17671" s="14" t="s">
        <v>15</v>
      </c>
      <c r="G17671" s="16">
        <v>0</v>
      </c>
    </row>
    <row r="17672" spans="1:7" x14ac:dyDescent="0.3">
      <c r="A17672" s="13" t="s">
        <v>125</v>
      </c>
      <c r="B17672" s="14" t="s">
        <v>1</v>
      </c>
      <c r="C17672" s="14" t="s">
        <v>51</v>
      </c>
      <c r="D17672" s="14" t="s">
        <v>126</v>
      </c>
      <c r="E17672" s="15">
        <v>45528</v>
      </c>
      <c r="F17672" s="14" t="s">
        <v>15</v>
      </c>
      <c r="G17672" s="16">
        <v>0</v>
      </c>
    </row>
    <row r="17673" spans="1:7" x14ac:dyDescent="0.3">
      <c r="A17673" s="13" t="s">
        <v>125</v>
      </c>
      <c r="B17673" s="14" t="s">
        <v>1</v>
      </c>
      <c r="C17673" s="14" t="s">
        <v>51</v>
      </c>
      <c r="D17673" s="14" t="s">
        <v>126</v>
      </c>
      <c r="E17673" s="15">
        <v>45529</v>
      </c>
      <c r="F17673" s="14" t="s">
        <v>15</v>
      </c>
      <c r="G17673" s="16">
        <v>0</v>
      </c>
    </row>
    <row r="17674" spans="1:7" x14ac:dyDescent="0.3">
      <c r="A17674" s="13" t="s">
        <v>125</v>
      </c>
      <c r="B17674" s="14" t="s">
        <v>1</v>
      </c>
      <c r="C17674" s="14" t="s">
        <v>51</v>
      </c>
      <c r="D17674" s="14" t="s">
        <v>126</v>
      </c>
      <c r="E17674" s="15">
        <v>45530</v>
      </c>
      <c r="F17674" s="14" t="s">
        <v>15</v>
      </c>
      <c r="G17674" s="16">
        <v>0</v>
      </c>
    </row>
    <row r="17675" spans="1:7" x14ac:dyDescent="0.3">
      <c r="A17675" s="13" t="s">
        <v>125</v>
      </c>
      <c r="B17675" s="14" t="s">
        <v>1</v>
      </c>
      <c r="C17675" s="14" t="s">
        <v>51</v>
      </c>
      <c r="D17675" s="14" t="s">
        <v>126</v>
      </c>
      <c r="E17675" s="15">
        <v>45531</v>
      </c>
      <c r="F17675" s="14" t="s">
        <v>15</v>
      </c>
      <c r="G17675" s="16">
        <v>0</v>
      </c>
    </row>
    <row r="17676" spans="1:7" x14ac:dyDescent="0.3">
      <c r="A17676" s="13" t="s">
        <v>125</v>
      </c>
      <c r="B17676" s="14" t="s">
        <v>1</v>
      </c>
      <c r="C17676" s="14" t="s">
        <v>51</v>
      </c>
      <c r="D17676" s="14" t="s">
        <v>126</v>
      </c>
      <c r="E17676" s="15">
        <v>45532</v>
      </c>
      <c r="F17676" s="14" t="s">
        <v>15</v>
      </c>
      <c r="G17676" s="16">
        <v>0</v>
      </c>
    </row>
    <row r="17677" spans="1:7" x14ac:dyDescent="0.3">
      <c r="A17677" s="13" t="s">
        <v>125</v>
      </c>
      <c r="B17677" s="14" t="s">
        <v>1</v>
      </c>
      <c r="C17677" s="14" t="s">
        <v>51</v>
      </c>
      <c r="D17677" s="14" t="s">
        <v>126</v>
      </c>
      <c r="E17677" s="15">
        <v>45533</v>
      </c>
      <c r="F17677" s="14" t="s">
        <v>15</v>
      </c>
      <c r="G17677" s="16">
        <v>0</v>
      </c>
    </row>
    <row r="17678" spans="1:7" x14ac:dyDescent="0.3">
      <c r="A17678" s="13" t="s">
        <v>125</v>
      </c>
      <c r="B17678" s="14" t="s">
        <v>1</v>
      </c>
      <c r="C17678" s="14" t="s">
        <v>51</v>
      </c>
      <c r="D17678" s="14" t="s">
        <v>126</v>
      </c>
      <c r="E17678" s="15">
        <v>45534</v>
      </c>
      <c r="F17678" s="14" t="s">
        <v>15</v>
      </c>
      <c r="G17678" s="16">
        <v>0</v>
      </c>
    </row>
    <row r="17679" spans="1:7" x14ac:dyDescent="0.3">
      <c r="A17679" s="13" t="s">
        <v>125</v>
      </c>
      <c r="B17679" s="14" t="s">
        <v>1</v>
      </c>
      <c r="C17679" s="14" t="s">
        <v>51</v>
      </c>
      <c r="D17679" s="14" t="s">
        <v>126</v>
      </c>
      <c r="E17679" s="15">
        <v>45535</v>
      </c>
      <c r="F17679" s="14" t="s">
        <v>15</v>
      </c>
      <c r="G17679" s="16">
        <v>0</v>
      </c>
    </row>
    <row r="17680" spans="1:7" x14ac:dyDescent="0.3">
      <c r="A17680" s="13" t="s">
        <v>125</v>
      </c>
      <c r="B17680" s="14" t="s">
        <v>1</v>
      </c>
      <c r="C17680" s="14" t="s">
        <v>51</v>
      </c>
      <c r="D17680" s="14" t="s">
        <v>126</v>
      </c>
      <c r="E17680" s="15">
        <v>45536</v>
      </c>
      <c r="F17680" s="14" t="s">
        <v>15</v>
      </c>
      <c r="G17680" s="16">
        <v>0</v>
      </c>
    </row>
    <row r="17681" spans="1:7" x14ac:dyDescent="0.3">
      <c r="A17681" s="13" t="s">
        <v>125</v>
      </c>
      <c r="B17681" s="14" t="s">
        <v>1</v>
      </c>
      <c r="C17681" s="14" t="s">
        <v>51</v>
      </c>
      <c r="D17681" s="14" t="s">
        <v>126</v>
      </c>
      <c r="E17681" s="15">
        <v>45537</v>
      </c>
      <c r="F17681" s="14" t="s">
        <v>15</v>
      </c>
      <c r="G17681" s="16">
        <v>0</v>
      </c>
    </row>
    <row r="17682" spans="1:7" x14ac:dyDescent="0.3">
      <c r="A17682" s="13" t="s">
        <v>125</v>
      </c>
      <c r="B17682" s="14" t="s">
        <v>1</v>
      </c>
      <c r="C17682" s="14" t="s">
        <v>51</v>
      </c>
      <c r="D17682" s="14" t="s">
        <v>126</v>
      </c>
      <c r="E17682" s="15">
        <v>45538</v>
      </c>
      <c r="F17682" s="14" t="s">
        <v>15</v>
      </c>
      <c r="G17682" s="16">
        <v>0</v>
      </c>
    </row>
    <row r="17683" spans="1:7" x14ac:dyDescent="0.3">
      <c r="A17683" s="13" t="s">
        <v>125</v>
      </c>
      <c r="B17683" s="14" t="s">
        <v>1</v>
      </c>
      <c r="C17683" s="14" t="s">
        <v>51</v>
      </c>
      <c r="D17683" s="14" t="s">
        <v>126</v>
      </c>
      <c r="E17683" s="15">
        <v>45539</v>
      </c>
      <c r="F17683" s="14" t="s">
        <v>15</v>
      </c>
      <c r="G17683" s="16">
        <v>0</v>
      </c>
    </row>
    <row r="17684" spans="1:7" x14ac:dyDescent="0.3">
      <c r="A17684" s="13" t="s">
        <v>125</v>
      </c>
      <c r="B17684" s="14" t="s">
        <v>1</v>
      </c>
      <c r="C17684" s="14" t="s">
        <v>51</v>
      </c>
      <c r="D17684" s="14" t="s">
        <v>126</v>
      </c>
      <c r="E17684" s="15">
        <v>45540</v>
      </c>
      <c r="F17684" s="14" t="s">
        <v>15</v>
      </c>
      <c r="G17684" s="16">
        <v>0</v>
      </c>
    </row>
    <row r="17685" spans="1:7" x14ac:dyDescent="0.3">
      <c r="A17685" s="13" t="s">
        <v>125</v>
      </c>
      <c r="B17685" s="14" t="s">
        <v>1</v>
      </c>
      <c r="C17685" s="14" t="s">
        <v>51</v>
      </c>
      <c r="D17685" s="14" t="s">
        <v>126</v>
      </c>
      <c r="E17685" s="15">
        <v>45541</v>
      </c>
      <c r="F17685" s="14" t="s">
        <v>15</v>
      </c>
      <c r="G17685" s="16">
        <v>0</v>
      </c>
    </row>
    <row r="17686" spans="1:7" x14ac:dyDescent="0.3">
      <c r="A17686" s="13" t="s">
        <v>125</v>
      </c>
      <c r="B17686" s="14" t="s">
        <v>1</v>
      </c>
      <c r="C17686" s="14" t="s">
        <v>51</v>
      </c>
      <c r="D17686" s="14" t="s">
        <v>126</v>
      </c>
      <c r="E17686" s="15">
        <v>45542</v>
      </c>
      <c r="F17686" s="14" t="s">
        <v>15</v>
      </c>
      <c r="G17686" s="16">
        <v>0</v>
      </c>
    </row>
    <row r="17687" spans="1:7" x14ac:dyDescent="0.3">
      <c r="A17687" s="13" t="s">
        <v>125</v>
      </c>
      <c r="B17687" s="14" t="s">
        <v>1</v>
      </c>
      <c r="C17687" s="14" t="s">
        <v>51</v>
      </c>
      <c r="D17687" s="14" t="s">
        <v>126</v>
      </c>
      <c r="E17687" s="15">
        <v>45543</v>
      </c>
      <c r="F17687" s="14" t="s">
        <v>15</v>
      </c>
      <c r="G17687" s="16">
        <v>0</v>
      </c>
    </row>
    <row r="17688" spans="1:7" x14ac:dyDescent="0.3">
      <c r="A17688" s="13" t="s">
        <v>125</v>
      </c>
      <c r="B17688" s="14" t="s">
        <v>1</v>
      </c>
      <c r="C17688" s="14" t="s">
        <v>51</v>
      </c>
      <c r="D17688" s="14" t="s">
        <v>126</v>
      </c>
      <c r="E17688" s="15">
        <v>45544</v>
      </c>
      <c r="F17688" s="14" t="s">
        <v>15</v>
      </c>
      <c r="G17688" s="16">
        <v>0</v>
      </c>
    </row>
    <row r="17689" spans="1:7" x14ac:dyDescent="0.3">
      <c r="A17689" s="13" t="s">
        <v>125</v>
      </c>
      <c r="B17689" s="14" t="s">
        <v>1</v>
      </c>
      <c r="C17689" s="14" t="s">
        <v>51</v>
      </c>
      <c r="D17689" s="14" t="s">
        <v>126</v>
      </c>
      <c r="E17689" s="15">
        <v>45545</v>
      </c>
      <c r="F17689" s="14" t="s">
        <v>15</v>
      </c>
      <c r="G17689" s="16">
        <v>0</v>
      </c>
    </row>
    <row r="17690" spans="1:7" x14ac:dyDescent="0.3">
      <c r="A17690" s="13" t="s">
        <v>125</v>
      </c>
      <c r="B17690" s="14" t="s">
        <v>1</v>
      </c>
      <c r="C17690" s="14" t="s">
        <v>51</v>
      </c>
      <c r="D17690" s="14" t="s">
        <v>126</v>
      </c>
      <c r="E17690" s="15">
        <v>45546</v>
      </c>
      <c r="F17690" s="14" t="s">
        <v>15</v>
      </c>
      <c r="G17690" s="16">
        <v>0</v>
      </c>
    </row>
    <row r="17691" spans="1:7" x14ac:dyDescent="0.3">
      <c r="A17691" s="13" t="s">
        <v>125</v>
      </c>
      <c r="B17691" s="14" t="s">
        <v>1</v>
      </c>
      <c r="C17691" s="14" t="s">
        <v>51</v>
      </c>
      <c r="D17691" s="14" t="s">
        <v>126</v>
      </c>
      <c r="E17691" s="15">
        <v>45547</v>
      </c>
      <c r="F17691" s="14" t="s">
        <v>15</v>
      </c>
      <c r="G17691" s="16">
        <v>0</v>
      </c>
    </row>
    <row r="17692" spans="1:7" x14ac:dyDescent="0.3">
      <c r="A17692" s="13" t="s">
        <v>125</v>
      </c>
      <c r="B17692" s="14" t="s">
        <v>1</v>
      </c>
      <c r="C17692" s="14" t="s">
        <v>51</v>
      </c>
      <c r="D17692" s="14" t="s">
        <v>126</v>
      </c>
      <c r="E17692" s="15">
        <v>45548</v>
      </c>
      <c r="F17692" s="14" t="s">
        <v>15</v>
      </c>
      <c r="G17692" s="16">
        <v>0</v>
      </c>
    </row>
    <row r="17693" spans="1:7" x14ac:dyDescent="0.3">
      <c r="A17693" s="13" t="s">
        <v>125</v>
      </c>
      <c r="B17693" s="14" t="s">
        <v>1</v>
      </c>
      <c r="C17693" s="14" t="s">
        <v>51</v>
      </c>
      <c r="D17693" s="14" t="s">
        <v>126</v>
      </c>
      <c r="E17693" s="15">
        <v>45549</v>
      </c>
      <c r="F17693" s="14" t="s">
        <v>15</v>
      </c>
      <c r="G17693" s="16">
        <v>0</v>
      </c>
    </row>
    <row r="17694" spans="1:7" x14ac:dyDescent="0.3">
      <c r="A17694" s="13" t="s">
        <v>125</v>
      </c>
      <c r="B17694" s="14" t="s">
        <v>1</v>
      </c>
      <c r="C17694" s="14" t="s">
        <v>51</v>
      </c>
      <c r="D17694" s="14" t="s">
        <v>126</v>
      </c>
      <c r="E17694" s="15">
        <v>45550</v>
      </c>
      <c r="F17694" s="14" t="s">
        <v>15</v>
      </c>
      <c r="G17694" s="16">
        <v>0</v>
      </c>
    </row>
    <row r="17695" spans="1:7" x14ac:dyDescent="0.3">
      <c r="A17695" s="13" t="s">
        <v>125</v>
      </c>
      <c r="B17695" s="14" t="s">
        <v>1</v>
      </c>
      <c r="C17695" s="14" t="s">
        <v>51</v>
      </c>
      <c r="D17695" s="14" t="s">
        <v>126</v>
      </c>
      <c r="E17695" s="15">
        <v>45551</v>
      </c>
      <c r="F17695" s="14" t="s">
        <v>15</v>
      </c>
      <c r="G17695" s="16">
        <v>0</v>
      </c>
    </row>
    <row r="17696" spans="1:7" x14ac:dyDescent="0.3">
      <c r="A17696" s="13" t="s">
        <v>125</v>
      </c>
      <c r="B17696" s="14" t="s">
        <v>1</v>
      </c>
      <c r="C17696" s="14" t="s">
        <v>51</v>
      </c>
      <c r="D17696" s="14" t="s">
        <v>126</v>
      </c>
      <c r="E17696" s="15">
        <v>45552</v>
      </c>
      <c r="F17696" s="14" t="s">
        <v>15</v>
      </c>
      <c r="G17696" s="16">
        <v>0</v>
      </c>
    </row>
    <row r="17697" spans="1:7" x14ac:dyDescent="0.3">
      <c r="A17697" s="13" t="s">
        <v>125</v>
      </c>
      <c r="B17697" s="14" t="s">
        <v>1</v>
      </c>
      <c r="C17697" s="14" t="s">
        <v>51</v>
      </c>
      <c r="D17697" s="14" t="s">
        <v>126</v>
      </c>
      <c r="E17697" s="15">
        <v>45553</v>
      </c>
      <c r="F17697" s="14" t="s">
        <v>15</v>
      </c>
      <c r="G17697" s="16">
        <v>0</v>
      </c>
    </row>
    <row r="17698" spans="1:7" x14ac:dyDescent="0.3">
      <c r="A17698" s="13" t="s">
        <v>125</v>
      </c>
      <c r="B17698" s="14" t="s">
        <v>1</v>
      </c>
      <c r="C17698" s="14" t="s">
        <v>51</v>
      </c>
      <c r="D17698" s="14" t="s">
        <v>126</v>
      </c>
      <c r="E17698" s="15">
        <v>45554</v>
      </c>
      <c r="F17698" s="14" t="s">
        <v>15</v>
      </c>
      <c r="G17698" s="16">
        <v>0</v>
      </c>
    </row>
    <row r="17699" spans="1:7" x14ac:dyDescent="0.3">
      <c r="A17699" s="13" t="s">
        <v>125</v>
      </c>
      <c r="B17699" s="14" t="s">
        <v>1</v>
      </c>
      <c r="C17699" s="14" t="s">
        <v>51</v>
      </c>
      <c r="D17699" s="14" t="s">
        <v>126</v>
      </c>
      <c r="E17699" s="15">
        <v>45555</v>
      </c>
      <c r="F17699" s="14" t="s">
        <v>15</v>
      </c>
      <c r="G17699" s="16">
        <v>0</v>
      </c>
    </row>
    <row r="17700" spans="1:7" x14ac:dyDescent="0.3">
      <c r="A17700" s="13" t="s">
        <v>125</v>
      </c>
      <c r="B17700" s="14" t="s">
        <v>1</v>
      </c>
      <c r="C17700" s="14" t="s">
        <v>51</v>
      </c>
      <c r="D17700" s="14" t="s">
        <v>126</v>
      </c>
      <c r="E17700" s="15">
        <v>45556</v>
      </c>
      <c r="F17700" s="14" t="s">
        <v>15</v>
      </c>
      <c r="G17700" s="16">
        <v>0</v>
      </c>
    </row>
    <row r="17701" spans="1:7" x14ac:dyDescent="0.3">
      <c r="A17701" s="13" t="s">
        <v>125</v>
      </c>
      <c r="B17701" s="14" t="s">
        <v>1</v>
      </c>
      <c r="C17701" s="14" t="s">
        <v>51</v>
      </c>
      <c r="D17701" s="14" t="s">
        <v>126</v>
      </c>
      <c r="E17701" s="15">
        <v>45557</v>
      </c>
      <c r="F17701" s="14" t="s">
        <v>15</v>
      </c>
      <c r="G17701" s="16">
        <v>0</v>
      </c>
    </row>
    <row r="17702" spans="1:7" x14ac:dyDescent="0.3">
      <c r="A17702" s="13" t="s">
        <v>125</v>
      </c>
      <c r="B17702" s="14" t="s">
        <v>1</v>
      </c>
      <c r="C17702" s="14" t="s">
        <v>51</v>
      </c>
      <c r="D17702" s="14" t="s">
        <v>126</v>
      </c>
      <c r="E17702" s="15">
        <v>45558</v>
      </c>
      <c r="F17702" s="14" t="s">
        <v>15</v>
      </c>
      <c r="G17702" s="16">
        <v>0</v>
      </c>
    </row>
    <row r="17703" spans="1:7" x14ac:dyDescent="0.3">
      <c r="A17703" s="13" t="s">
        <v>125</v>
      </c>
      <c r="B17703" s="14" t="s">
        <v>1</v>
      </c>
      <c r="C17703" s="14" t="s">
        <v>51</v>
      </c>
      <c r="D17703" s="14" t="s">
        <v>126</v>
      </c>
      <c r="E17703" s="15">
        <v>45559</v>
      </c>
      <c r="F17703" s="14" t="s">
        <v>15</v>
      </c>
      <c r="G17703" s="16">
        <v>0</v>
      </c>
    </row>
    <row r="17704" spans="1:7" x14ac:dyDescent="0.3">
      <c r="A17704" s="13" t="s">
        <v>125</v>
      </c>
      <c r="B17704" s="14" t="s">
        <v>1</v>
      </c>
      <c r="C17704" s="14" t="s">
        <v>51</v>
      </c>
      <c r="D17704" s="14" t="s">
        <v>126</v>
      </c>
      <c r="E17704" s="15">
        <v>45560</v>
      </c>
      <c r="F17704" s="14" t="s">
        <v>15</v>
      </c>
      <c r="G17704" s="16">
        <v>0</v>
      </c>
    </row>
    <row r="17705" spans="1:7" x14ac:dyDescent="0.3">
      <c r="A17705" s="13" t="s">
        <v>125</v>
      </c>
      <c r="B17705" s="14" t="s">
        <v>1</v>
      </c>
      <c r="C17705" s="14" t="s">
        <v>51</v>
      </c>
      <c r="D17705" s="14" t="s">
        <v>126</v>
      </c>
      <c r="E17705" s="15">
        <v>45561</v>
      </c>
      <c r="F17705" s="14" t="s">
        <v>15</v>
      </c>
      <c r="G17705" s="16">
        <v>0</v>
      </c>
    </row>
    <row r="17706" spans="1:7" x14ac:dyDescent="0.3">
      <c r="A17706" s="13" t="s">
        <v>125</v>
      </c>
      <c r="B17706" s="14" t="s">
        <v>1</v>
      </c>
      <c r="C17706" s="14" t="s">
        <v>51</v>
      </c>
      <c r="D17706" s="14" t="s">
        <v>126</v>
      </c>
      <c r="E17706" s="15">
        <v>45562</v>
      </c>
      <c r="F17706" s="14" t="s">
        <v>15</v>
      </c>
      <c r="G17706" s="16">
        <v>0</v>
      </c>
    </row>
    <row r="17707" spans="1:7" x14ac:dyDescent="0.3">
      <c r="A17707" s="13" t="s">
        <v>125</v>
      </c>
      <c r="B17707" s="14" t="s">
        <v>1</v>
      </c>
      <c r="C17707" s="14" t="s">
        <v>51</v>
      </c>
      <c r="D17707" s="14" t="s">
        <v>126</v>
      </c>
      <c r="E17707" s="15">
        <v>45563</v>
      </c>
      <c r="F17707" s="14" t="s">
        <v>15</v>
      </c>
      <c r="G17707" s="16">
        <v>0</v>
      </c>
    </row>
    <row r="17708" spans="1:7" x14ac:dyDescent="0.3">
      <c r="A17708" s="13" t="s">
        <v>125</v>
      </c>
      <c r="B17708" s="14" t="s">
        <v>1</v>
      </c>
      <c r="C17708" s="14" t="s">
        <v>51</v>
      </c>
      <c r="D17708" s="14" t="s">
        <v>126</v>
      </c>
      <c r="E17708" s="15">
        <v>45564</v>
      </c>
      <c r="F17708" s="14" t="s">
        <v>15</v>
      </c>
      <c r="G17708" s="16">
        <v>0</v>
      </c>
    </row>
    <row r="17709" spans="1:7" x14ac:dyDescent="0.3">
      <c r="A17709" s="13" t="s">
        <v>125</v>
      </c>
      <c r="B17709" s="14" t="s">
        <v>1</v>
      </c>
      <c r="C17709" s="14" t="s">
        <v>51</v>
      </c>
      <c r="D17709" s="14" t="s">
        <v>126</v>
      </c>
      <c r="E17709" s="15">
        <v>45565</v>
      </c>
      <c r="F17709" s="14" t="s">
        <v>15</v>
      </c>
      <c r="G17709" s="16">
        <v>0</v>
      </c>
    </row>
    <row r="17710" spans="1:7" x14ac:dyDescent="0.3">
      <c r="A17710" s="13" t="s">
        <v>125</v>
      </c>
      <c r="B17710" s="14" t="s">
        <v>1</v>
      </c>
      <c r="C17710" s="14" t="s">
        <v>51</v>
      </c>
      <c r="D17710" s="14" t="s">
        <v>126</v>
      </c>
      <c r="E17710" s="15">
        <v>45566</v>
      </c>
      <c r="F17710" s="14" t="s">
        <v>15</v>
      </c>
      <c r="G17710" s="16">
        <v>0</v>
      </c>
    </row>
    <row r="17711" spans="1:7" x14ac:dyDescent="0.3">
      <c r="A17711" s="13" t="s">
        <v>125</v>
      </c>
      <c r="B17711" s="14" t="s">
        <v>1</v>
      </c>
      <c r="C17711" s="14" t="s">
        <v>51</v>
      </c>
      <c r="D17711" s="14" t="s">
        <v>126</v>
      </c>
      <c r="E17711" s="15">
        <v>45567</v>
      </c>
      <c r="F17711" s="14" t="s">
        <v>15</v>
      </c>
      <c r="G17711" s="16">
        <v>0</v>
      </c>
    </row>
    <row r="17712" spans="1:7" x14ac:dyDescent="0.3">
      <c r="A17712" s="13" t="s">
        <v>125</v>
      </c>
      <c r="B17712" s="14" t="s">
        <v>1</v>
      </c>
      <c r="C17712" s="14" t="s">
        <v>51</v>
      </c>
      <c r="D17712" s="14" t="s">
        <v>126</v>
      </c>
      <c r="E17712" s="15">
        <v>45568</v>
      </c>
      <c r="F17712" s="14" t="s">
        <v>15</v>
      </c>
      <c r="G17712" s="16">
        <v>0</v>
      </c>
    </row>
    <row r="17713" spans="1:7" x14ac:dyDescent="0.3">
      <c r="A17713" s="13" t="s">
        <v>125</v>
      </c>
      <c r="B17713" s="14" t="s">
        <v>1</v>
      </c>
      <c r="C17713" s="14" t="s">
        <v>51</v>
      </c>
      <c r="D17713" s="14" t="s">
        <v>126</v>
      </c>
      <c r="E17713" s="15">
        <v>45569</v>
      </c>
      <c r="F17713" s="14" t="s">
        <v>15</v>
      </c>
      <c r="G17713" s="16">
        <v>0</v>
      </c>
    </row>
    <row r="17714" spans="1:7" x14ac:dyDescent="0.3">
      <c r="A17714" s="13" t="s">
        <v>125</v>
      </c>
      <c r="B17714" s="14" t="s">
        <v>1</v>
      </c>
      <c r="C17714" s="14" t="s">
        <v>51</v>
      </c>
      <c r="D17714" s="14" t="s">
        <v>126</v>
      </c>
      <c r="E17714" s="15">
        <v>45570</v>
      </c>
      <c r="F17714" s="14" t="s">
        <v>15</v>
      </c>
      <c r="G17714" s="16">
        <v>0</v>
      </c>
    </row>
    <row r="17715" spans="1:7" x14ac:dyDescent="0.3">
      <c r="A17715" s="13" t="s">
        <v>125</v>
      </c>
      <c r="B17715" s="14" t="s">
        <v>1</v>
      </c>
      <c r="C17715" s="14" t="s">
        <v>51</v>
      </c>
      <c r="D17715" s="14" t="s">
        <v>126</v>
      </c>
      <c r="E17715" s="15">
        <v>45571</v>
      </c>
      <c r="F17715" s="14" t="s">
        <v>15</v>
      </c>
      <c r="G17715" s="16">
        <v>0</v>
      </c>
    </row>
    <row r="17716" spans="1:7" x14ac:dyDescent="0.3">
      <c r="A17716" s="13" t="s">
        <v>125</v>
      </c>
      <c r="B17716" s="14" t="s">
        <v>1</v>
      </c>
      <c r="C17716" s="14" t="s">
        <v>51</v>
      </c>
      <c r="D17716" s="14" t="s">
        <v>126</v>
      </c>
      <c r="E17716" s="15">
        <v>45572</v>
      </c>
      <c r="F17716" s="14" t="s">
        <v>15</v>
      </c>
      <c r="G17716" s="16">
        <v>0</v>
      </c>
    </row>
    <row r="17717" spans="1:7" x14ac:dyDescent="0.3">
      <c r="A17717" s="13" t="s">
        <v>125</v>
      </c>
      <c r="B17717" s="14" t="s">
        <v>1</v>
      </c>
      <c r="C17717" s="14" t="s">
        <v>51</v>
      </c>
      <c r="D17717" s="14" t="s">
        <v>126</v>
      </c>
      <c r="E17717" s="15">
        <v>45573</v>
      </c>
      <c r="F17717" s="14" t="s">
        <v>15</v>
      </c>
      <c r="G17717" s="16">
        <v>0</v>
      </c>
    </row>
    <row r="17718" spans="1:7" x14ac:dyDescent="0.3">
      <c r="A17718" s="13" t="s">
        <v>125</v>
      </c>
      <c r="B17718" s="14" t="s">
        <v>1</v>
      </c>
      <c r="C17718" s="14" t="s">
        <v>51</v>
      </c>
      <c r="D17718" s="14" t="s">
        <v>126</v>
      </c>
      <c r="E17718" s="15">
        <v>45574</v>
      </c>
      <c r="F17718" s="14" t="s">
        <v>15</v>
      </c>
      <c r="G17718" s="16">
        <v>0</v>
      </c>
    </row>
    <row r="17719" spans="1:7" x14ac:dyDescent="0.3">
      <c r="A17719" s="13" t="s">
        <v>125</v>
      </c>
      <c r="B17719" s="14" t="s">
        <v>1</v>
      </c>
      <c r="C17719" s="14" t="s">
        <v>51</v>
      </c>
      <c r="D17719" s="14" t="s">
        <v>126</v>
      </c>
      <c r="E17719" s="15">
        <v>45575</v>
      </c>
      <c r="F17719" s="14" t="s">
        <v>15</v>
      </c>
      <c r="G17719" s="16">
        <v>0</v>
      </c>
    </row>
    <row r="17720" spans="1:7" x14ac:dyDescent="0.3">
      <c r="A17720" s="13" t="s">
        <v>125</v>
      </c>
      <c r="B17720" s="14" t="s">
        <v>1</v>
      </c>
      <c r="C17720" s="14" t="s">
        <v>51</v>
      </c>
      <c r="D17720" s="14" t="s">
        <v>126</v>
      </c>
      <c r="E17720" s="15">
        <v>45576</v>
      </c>
      <c r="F17720" s="14" t="s">
        <v>15</v>
      </c>
      <c r="G17720" s="16">
        <v>0</v>
      </c>
    </row>
    <row r="17721" spans="1:7" x14ac:dyDescent="0.3">
      <c r="A17721" s="13" t="s">
        <v>125</v>
      </c>
      <c r="B17721" s="14" t="s">
        <v>1</v>
      </c>
      <c r="C17721" s="14" t="s">
        <v>51</v>
      </c>
      <c r="D17721" s="14" t="s">
        <v>126</v>
      </c>
      <c r="E17721" s="15">
        <v>45577</v>
      </c>
      <c r="F17721" s="14" t="s">
        <v>15</v>
      </c>
      <c r="G17721" s="16">
        <v>0</v>
      </c>
    </row>
    <row r="17722" spans="1:7" x14ac:dyDescent="0.3">
      <c r="A17722" s="13" t="s">
        <v>125</v>
      </c>
      <c r="B17722" s="14" t="s">
        <v>1</v>
      </c>
      <c r="C17722" s="14" t="s">
        <v>51</v>
      </c>
      <c r="D17722" s="14" t="s">
        <v>126</v>
      </c>
      <c r="E17722" s="15">
        <v>45578</v>
      </c>
      <c r="F17722" s="14" t="s">
        <v>15</v>
      </c>
      <c r="G17722" s="16">
        <v>0</v>
      </c>
    </row>
    <row r="17723" spans="1:7" x14ac:dyDescent="0.3">
      <c r="A17723" s="13" t="s">
        <v>125</v>
      </c>
      <c r="B17723" s="14" t="s">
        <v>1</v>
      </c>
      <c r="C17723" s="14" t="s">
        <v>51</v>
      </c>
      <c r="D17723" s="14" t="s">
        <v>126</v>
      </c>
      <c r="E17723" s="15">
        <v>45579</v>
      </c>
      <c r="F17723" s="14" t="s">
        <v>15</v>
      </c>
      <c r="G17723" s="16">
        <v>0</v>
      </c>
    </row>
    <row r="17724" spans="1:7" x14ac:dyDescent="0.3">
      <c r="A17724" s="13" t="s">
        <v>125</v>
      </c>
      <c r="B17724" s="14" t="s">
        <v>1</v>
      </c>
      <c r="C17724" s="14" t="s">
        <v>51</v>
      </c>
      <c r="D17724" s="14" t="s">
        <v>126</v>
      </c>
      <c r="E17724" s="15">
        <v>45580</v>
      </c>
      <c r="F17724" s="14" t="s">
        <v>15</v>
      </c>
      <c r="G17724" s="16">
        <v>0</v>
      </c>
    </row>
    <row r="17725" spans="1:7" x14ac:dyDescent="0.3">
      <c r="A17725" s="13" t="s">
        <v>125</v>
      </c>
      <c r="B17725" s="14" t="s">
        <v>1</v>
      </c>
      <c r="C17725" s="14" t="s">
        <v>51</v>
      </c>
      <c r="D17725" s="14" t="s">
        <v>126</v>
      </c>
      <c r="E17725" s="15">
        <v>45581</v>
      </c>
      <c r="F17725" s="14" t="s">
        <v>15</v>
      </c>
      <c r="G17725" s="16">
        <v>0</v>
      </c>
    </row>
    <row r="17726" spans="1:7" x14ac:dyDescent="0.3">
      <c r="A17726" s="13" t="s">
        <v>125</v>
      </c>
      <c r="B17726" s="14" t="s">
        <v>1</v>
      </c>
      <c r="C17726" s="14" t="s">
        <v>51</v>
      </c>
      <c r="D17726" s="14" t="s">
        <v>126</v>
      </c>
      <c r="E17726" s="15">
        <v>45582</v>
      </c>
      <c r="F17726" s="14" t="s">
        <v>15</v>
      </c>
      <c r="G17726" s="16">
        <v>0</v>
      </c>
    </row>
    <row r="17727" spans="1:7" x14ac:dyDescent="0.3">
      <c r="A17727" s="13" t="s">
        <v>125</v>
      </c>
      <c r="B17727" s="14" t="s">
        <v>1</v>
      </c>
      <c r="C17727" s="14" t="s">
        <v>51</v>
      </c>
      <c r="D17727" s="14" t="s">
        <v>126</v>
      </c>
      <c r="E17727" s="15">
        <v>45583</v>
      </c>
      <c r="F17727" s="14" t="s">
        <v>15</v>
      </c>
      <c r="G17727" s="16">
        <v>0</v>
      </c>
    </row>
    <row r="17728" spans="1:7" x14ac:dyDescent="0.3">
      <c r="A17728" s="13" t="s">
        <v>125</v>
      </c>
      <c r="B17728" s="14" t="s">
        <v>1</v>
      </c>
      <c r="C17728" s="14" t="s">
        <v>51</v>
      </c>
      <c r="D17728" s="14" t="s">
        <v>126</v>
      </c>
      <c r="E17728" s="15">
        <v>45584</v>
      </c>
      <c r="F17728" s="14" t="s">
        <v>15</v>
      </c>
      <c r="G17728" s="16">
        <v>0</v>
      </c>
    </row>
    <row r="17729" spans="1:7" x14ac:dyDescent="0.3">
      <c r="A17729" s="13" t="s">
        <v>125</v>
      </c>
      <c r="B17729" s="14" t="s">
        <v>1</v>
      </c>
      <c r="C17729" s="14" t="s">
        <v>51</v>
      </c>
      <c r="D17729" s="14" t="s">
        <v>126</v>
      </c>
      <c r="E17729" s="15">
        <v>45585</v>
      </c>
      <c r="F17729" s="14" t="s">
        <v>15</v>
      </c>
      <c r="G17729" s="16">
        <v>0</v>
      </c>
    </row>
    <row r="17730" spans="1:7" x14ac:dyDescent="0.3">
      <c r="A17730" s="13" t="s">
        <v>125</v>
      </c>
      <c r="B17730" s="14" t="s">
        <v>1</v>
      </c>
      <c r="C17730" s="14" t="s">
        <v>51</v>
      </c>
      <c r="D17730" s="14" t="s">
        <v>126</v>
      </c>
      <c r="E17730" s="15">
        <v>45586</v>
      </c>
      <c r="F17730" s="14" t="s">
        <v>15</v>
      </c>
      <c r="G17730" s="16">
        <v>0</v>
      </c>
    </row>
    <row r="17731" spans="1:7" x14ac:dyDescent="0.3">
      <c r="A17731" s="13" t="s">
        <v>125</v>
      </c>
      <c r="B17731" s="14" t="s">
        <v>1</v>
      </c>
      <c r="C17731" s="14" t="s">
        <v>51</v>
      </c>
      <c r="D17731" s="14" t="s">
        <v>126</v>
      </c>
      <c r="E17731" s="15">
        <v>45587</v>
      </c>
      <c r="F17731" s="14" t="s">
        <v>15</v>
      </c>
      <c r="G17731" s="16">
        <v>0</v>
      </c>
    </row>
    <row r="17732" spans="1:7" x14ac:dyDescent="0.3">
      <c r="A17732" s="13" t="s">
        <v>125</v>
      </c>
      <c r="B17732" s="14" t="s">
        <v>1</v>
      </c>
      <c r="C17732" s="14" t="s">
        <v>51</v>
      </c>
      <c r="D17732" s="14" t="s">
        <v>126</v>
      </c>
      <c r="E17732" s="15">
        <v>45588</v>
      </c>
      <c r="F17732" s="14" t="s">
        <v>15</v>
      </c>
      <c r="G17732" s="16">
        <v>0</v>
      </c>
    </row>
    <row r="17733" spans="1:7" x14ac:dyDescent="0.3">
      <c r="A17733" s="13" t="s">
        <v>125</v>
      </c>
      <c r="B17733" s="14" t="s">
        <v>1</v>
      </c>
      <c r="C17733" s="14" t="s">
        <v>51</v>
      </c>
      <c r="D17733" s="14" t="s">
        <v>126</v>
      </c>
      <c r="E17733" s="15">
        <v>45589</v>
      </c>
      <c r="F17733" s="14" t="s">
        <v>15</v>
      </c>
      <c r="G17733" s="16">
        <v>0</v>
      </c>
    </row>
    <row r="17734" spans="1:7" x14ac:dyDescent="0.3">
      <c r="A17734" s="13" t="s">
        <v>125</v>
      </c>
      <c r="B17734" s="14" t="s">
        <v>1</v>
      </c>
      <c r="C17734" s="14" t="s">
        <v>51</v>
      </c>
      <c r="D17734" s="14" t="s">
        <v>126</v>
      </c>
      <c r="E17734" s="15">
        <v>45590</v>
      </c>
      <c r="F17734" s="14" t="s">
        <v>15</v>
      </c>
      <c r="G17734" s="16">
        <v>0</v>
      </c>
    </row>
    <row r="17735" spans="1:7" x14ac:dyDescent="0.3">
      <c r="A17735" s="13" t="s">
        <v>125</v>
      </c>
      <c r="B17735" s="14" t="s">
        <v>1</v>
      </c>
      <c r="C17735" s="14" t="s">
        <v>51</v>
      </c>
      <c r="D17735" s="14" t="s">
        <v>126</v>
      </c>
      <c r="E17735" s="15">
        <v>45591</v>
      </c>
      <c r="F17735" s="14" t="s">
        <v>15</v>
      </c>
      <c r="G17735" s="16">
        <v>0</v>
      </c>
    </row>
    <row r="17736" spans="1:7" x14ac:dyDescent="0.3">
      <c r="A17736" s="13" t="s">
        <v>125</v>
      </c>
      <c r="B17736" s="14" t="s">
        <v>1</v>
      </c>
      <c r="C17736" s="14" t="s">
        <v>51</v>
      </c>
      <c r="D17736" s="14" t="s">
        <v>126</v>
      </c>
      <c r="E17736" s="15">
        <v>45592</v>
      </c>
      <c r="F17736" s="14" t="s">
        <v>15</v>
      </c>
      <c r="G17736" s="16">
        <v>0</v>
      </c>
    </row>
    <row r="17737" spans="1:7" x14ac:dyDescent="0.3">
      <c r="A17737" s="13" t="s">
        <v>125</v>
      </c>
      <c r="B17737" s="14" t="s">
        <v>1</v>
      </c>
      <c r="C17737" s="14" t="s">
        <v>51</v>
      </c>
      <c r="D17737" s="14" t="s">
        <v>126</v>
      </c>
      <c r="E17737" s="15">
        <v>45593</v>
      </c>
      <c r="F17737" s="14" t="s">
        <v>15</v>
      </c>
      <c r="G17737" s="16">
        <v>0</v>
      </c>
    </row>
    <row r="17738" spans="1:7" x14ac:dyDescent="0.3">
      <c r="A17738" s="13" t="s">
        <v>125</v>
      </c>
      <c r="B17738" s="14" t="s">
        <v>1</v>
      </c>
      <c r="C17738" s="14" t="s">
        <v>51</v>
      </c>
      <c r="D17738" s="14" t="s">
        <v>126</v>
      </c>
      <c r="E17738" s="15">
        <v>45594</v>
      </c>
      <c r="F17738" s="14" t="s">
        <v>15</v>
      </c>
      <c r="G17738" s="16">
        <v>0</v>
      </c>
    </row>
    <row r="17739" spans="1:7" x14ac:dyDescent="0.3">
      <c r="A17739" s="13" t="s">
        <v>125</v>
      </c>
      <c r="B17739" s="14" t="s">
        <v>1</v>
      </c>
      <c r="C17739" s="14" t="s">
        <v>51</v>
      </c>
      <c r="D17739" s="14" t="s">
        <v>126</v>
      </c>
      <c r="E17739" s="15">
        <v>45595</v>
      </c>
      <c r="F17739" s="14" t="s">
        <v>15</v>
      </c>
      <c r="G17739" s="16">
        <v>0</v>
      </c>
    </row>
    <row r="17740" spans="1:7" x14ac:dyDescent="0.3">
      <c r="A17740" s="13" t="s">
        <v>125</v>
      </c>
      <c r="B17740" s="14" t="s">
        <v>1</v>
      </c>
      <c r="C17740" s="14" t="s">
        <v>51</v>
      </c>
      <c r="D17740" s="14" t="s">
        <v>126</v>
      </c>
      <c r="E17740" s="15">
        <v>45596</v>
      </c>
      <c r="F17740" s="14" t="s">
        <v>15</v>
      </c>
      <c r="G17740" s="16">
        <v>0</v>
      </c>
    </row>
    <row r="17741" spans="1:7" x14ac:dyDescent="0.3">
      <c r="A17741" s="13" t="s">
        <v>125</v>
      </c>
      <c r="B17741" s="14" t="s">
        <v>1</v>
      </c>
      <c r="C17741" s="14" t="s">
        <v>51</v>
      </c>
      <c r="D17741" s="14" t="s">
        <v>126</v>
      </c>
      <c r="E17741" s="15">
        <v>45597</v>
      </c>
      <c r="F17741" s="14" t="s">
        <v>15</v>
      </c>
      <c r="G17741" s="16">
        <v>0</v>
      </c>
    </row>
    <row r="17742" spans="1:7" x14ac:dyDescent="0.3">
      <c r="A17742" s="13" t="s">
        <v>125</v>
      </c>
      <c r="B17742" s="14" t="s">
        <v>1</v>
      </c>
      <c r="C17742" s="14" t="s">
        <v>51</v>
      </c>
      <c r="D17742" s="14" t="s">
        <v>126</v>
      </c>
      <c r="E17742" s="15">
        <v>45598</v>
      </c>
      <c r="F17742" s="14" t="s">
        <v>15</v>
      </c>
      <c r="G17742" s="16">
        <v>0</v>
      </c>
    </row>
    <row r="17743" spans="1:7" x14ac:dyDescent="0.3">
      <c r="A17743" s="13" t="s">
        <v>125</v>
      </c>
      <c r="B17743" s="14" t="s">
        <v>1</v>
      </c>
      <c r="C17743" s="14" t="s">
        <v>51</v>
      </c>
      <c r="D17743" s="14" t="s">
        <v>126</v>
      </c>
      <c r="E17743" s="15">
        <v>45599</v>
      </c>
      <c r="F17743" s="14" t="s">
        <v>15</v>
      </c>
      <c r="G17743" s="16">
        <v>0</v>
      </c>
    </row>
    <row r="17744" spans="1:7" x14ac:dyDescent="0.3">
      <c r="A17744" s="13" t="s">
        <v>125</v>
      </c>
      <c r="B17744" s="14" t="s">
        <v>1</v>
      </c>
      <c r="C17744" s="14" t="s">
        <v>51</v>
      </c>
      <c r="D17744" s="14" t="s">
        <v>126</v>
      </c>
      <c r="E17744" s="15">
        <v>45600</v>
      </c>
      <c r="F17744" s="14" t="s">
        <v>15</v>
      </c>
      <c r="G17744" s="16">
        <v>0</v>
      </c>
    </row>
    <row r="17745" spans="1:7" x14ac:dyDescent="0.3">
      <c r="A17745" s="13" t="s">
        <v>125</v>
      </c>
      <c r="B17745" s="14" t="s">
        <v>1</v>
      </c>
      <c r="C17745" s="14" t="s">
        <v>51</v>
      </c>
      <c r="D17745" s="14" t="s">
        <v>126</v>
      </c>
      <c r="E17745" s="15">
        <v>45601</v>
      </c>
      <c r="F17745" s="14" t="s">
        <v>15</v>
      </c>
      <c r="G17745" s="16">
        <v>0</v>
      </c>
    </row>
    <row r="17746" spans="1:7" x14ac:dyDescent="0.3">
      <c r="A17746" s="13" t="s">
        <v>125</v>
      </c>
      <c r="B17746" s="14" t="s">
        <v>1</v>
      </c>
      <c r="C17746" s="14" t="s">
        <v>51</v>
      </c>
      <c r="D17746" s="14" t="s">
        <v>126</v>
      </c>
      <c r="E17746" s="15">
        <v>45602</v>
      </c>
      <c r="F17746" s="14" t="s">
        <v>15</v>
      </c>
      <c r="G17746" s="16">
        <v>0</v>
      </c>
    </row>
    <row r="17747" spans="1:7" x14ac:dyDescent="0.3">
      <c r="A17747" s="13" t="s">
        <v>125</v>
      </c>
      <c r="B17747" s="14" t="s">
        <v>1</v>
      </c>
      <c r="C17747" s="14" t="s">
        <v>51</v>
      </c>
      <c r="D17747" s="14" t="s">
        <v>126</v>
      </c>
      <c r="E17747" s="15">
        <v>45603</v>
      </c>
      <c r="F17747" s="14" t="s">
        <v>15</v>
      </c>
      <c r="G17747" s="16">
        <v>0</v>
      </c>
    </row>
    <row r="17748" spans="1:7" x14ac:dyDescent="0.3">
      <c r="A17748" s="13" t="s">
        <v>125</v>
      </c>
      <c r="B17748" s="14" t="s">
        <v>1</v>
      </c>
      <c r="C17748" s="14" t="s">
        <v>51</v>
      </c>
      <c r="D17748" s="14" t="s">
        <v>126</v>
      </c>
      <c r="E17748" s="15">
        <v>45604</v>
      </c>
      <c r="F17748" s="14" t="s">
        <v>15</v>
      </c>
      <c r="G17748" s="16">
        <v>0</v>
      </c>
    </row>
    <row r="17749" spans="1:7" x14ac:dyDescent="0.3">
      <c r="A17749" s="13" t="s">
        <v>125</v>
      </c>
      <c r="B17749" s="14" t="s">
        <v>1</v>
      </c>
      <c r="C17749" s="14" t="s">
        <v>51</v>
      </c>
      <c r="D17749" s="14" t="s">
        <v>126</v>
      </c>
      <c r="E17749" s="15">
        <v>45605</v>
      </c>
      <c r="F17749" s="14" t="s">
        <v>15</v>
      </c>
      <c r="G17749" s="16">
        <v>0</v>
      </c>
    </row>
    <row r="17750" spans="1:7" x14ac:dyDescent="0.3">
      <c r="A17750" s="13" t="s">
        <v>125</v>
      </c>
      <c r="B17750" s="14" t="s">
        <v>1</v>
      </c>
      <c r="C17750" s="14" t="s">
        <v>51</v>
      </c>
      <c r="D17750" s="14" t="s">
        <v>126</v>
      </c>
      <c r="E17750" s="15">
        <v>45606</v>
      </c>
      <c r="F17750" s="14" t="s">
        <v>15</v>
      </c>
      <c r="G17750" s="16">
        <v>0</v>
      </c>
    </row>
    <row r="17751" spans="1:7" x14ac:dyDescent="0.3">
      <c r="A17751" s="13" t="s">
        <v>125</v>
      </c>
      <c r="B17751" s="14" t="s">
        <v>1</v>
      </c>
      <c r="C17751" s="14" t="s">
        <v>51</v>
      </c>
      <c r="D17751" s="14" t="s">
        <v>126</v>
      </c>
      <c r="E17751" s="15">
        <v>45607</v>
      </c>
      <c r="F17751" s="14" t="s">
        <v>15</v>
      </c>
      <c r="G17751" s="16">
        <v>0</v>
      </c>
    </row>
    <row r="17752" spans="1:7" x14ac:dyDescent="0.3">
      <c r="A17752" s="13" t="s">
        <v>125</v>
      </c>
      <c r="B17752" s="14" t="s">
        <v>1</v>
      </c>
      <c r="C17752" s="14" t="s">
        <v>51</v>
      </c>
      <c r="D17752" s="14" t="s">
        <v>126</v>
      </c>
      <c r="E17752" s="15">
        <v>45608</v>
      </c>
      <c r="F17752" s="14" t="s">
        <v>15</v>
      </c>
      <c r="G17752" s="16">
        <v>0</v>
      </c>
    </row>
    <row r="17753" spans="1:7" x14ac:dyDescent="0.3">
      <c r="A17753" s="13" t="s">
        <v>125</v>
      </c>
      <c r="B17753" s="14" t="s">
        <v>1</v>
      </c>
      <c r="C17753" s="14" t="s">
        <v>51</v>
      </c>
      <c r="D17753" s="14" t="s">
        <v>126</v>
      </c>
      <c r="E17753" s="15">
        <v>45609</v>
      </c>
      <c r="F17753" s="14" t="s">
        <v>15</v>
      </c>
      <c r="G17753" s="16">
        <v>0</v>
      </c>
    </row>
    <row r="17754" spans="1:7" x14ac:dyDescent="0.3">
      <c r="A17754" s="13" t="s">
        <v>125</v>
      </c>
      <c r="B17754" s="14" t="s">
        <v>1</v>
      </c>
      <c r="C17754" s="14" t="s">
        <v>51</v>
      </c>
      <c r="D17754" s="14" t="s">
        <v>126</v>
      </c>
      <c r="E17754" s="15">
        <v>45610</v>
      </c>
      <c r="F17754" s="14" t="s">
        <v>15</v>
      </c>
      <c r="G17754" s="16">
        <v>0</v>
      </c>
    </row>
    <row r="17755" spans="1:7" x14ac:dyDescent="0.3">
      <c r="A17755" s="13" t="s">
        <v>125</v>
      </c>
      <c r="B17755" s="14" t="s">
        <v>1</v>
      </c>
      <c r="C17755" s="14" t="s">
        <v>51</v>
      </c>
      <c r="D17755" s="14" t="s">
        <v>126</v>
      </c>
      <c r="E17755" s="15">
        <v>45611</v>
      </c>
      <c r="F17755" s="14" t="s">
        <v>15</v>
      </c>
      <c r="G17755" s="16">
        <v>0</v>
      </c>
    </row>
    <row r="17756" spans="1:7" x14ac:dyDescent="0.3">
      <c r="A17756" s="13" t="s">
        <v>125</v>
      </c>
      <c r="B17756" s="14" t="s">
        <v>1</v>
      </c>
      <c r="C17756" s="14" t="s">
        <v>51</v>
      </c>
      <c r="D17756" s="14" t="s">
        <v>126</v>
      </c>
      <c r="E17756" s="15">
        <v>45612</v>
      </c>
      <c r="F17756" s="14" t="s">
        <v>15</v>
      </c>
      <c r="G17756" s="16">
        <v>0</v>
      </c>
    </row>
    <row r="17757" spans="1:7" x14ac:dyDescent="0.3">
      <c r="A17757" s="13" t="s">
        <v>125</v>
      </c>
      <c r="B17757" s="14" t="s">
        <v>1</v>
      </c>
      <c r="C17757" s="14" t="s">
        <v>51</v>
      </c>
      <c r="D17757" s="14" t="s">
        <v>126</v>
      </c>
      <c r="E17757" s="15">
        <v>45613</v>
      </c>
      <c r="F17757" s="14" t="s">
        <v>15</v>
      </c>
      <c r="G17757" s="16">
        <v>0</v>
      </c>
    </row>
    <row r="17758" spans="1:7" x14ac:dyDescent="0.3">
      <c r="A17758" s="13" t="s">
        <v>125</v>
      </c>
      <c r="B17758" s="14" t="s">
        <v>1</v>
      </c>
      <c r="C17758" s="14" t="s">
        <v>51</v>
      </c>
      <c r="D17758" s="14" t="s">
        <v>126</v>
      </c>
      <c r="E17758" s="15">
        <v>45614</v>
      </c>
      <c r="F17758" s="14" t="s">
        <v>15</v>
      </c>
      <c r="G17758" s="16">
        <v>0</v>
      </c>
    </row>
    <row r="17759" spans="1:7" x14ac:dyDescent="0.3">
      <c r="A17759" s="13" t="s">
        <v>125</v>
      </c>
      <c r="B17759" s="14" t="s">
        <v>1</v>
      </c>
      <c r="C17759" s="14" t="s">
        <v>51</v>
      </c>
      <c r="D17759" s="14" t="s">
        <v>126</v>
      </c>
      <c r="E17759" s="15">
        <v>45615</v>
      </c>
      <c r="F17759" s="14" t="s">
        <v>15</v>
      </c>
      <c r="G17759" s="16">
        <v>0</v>
      </c>
    </row>
    <row r="17760" spans="1:7" x14ac:dyDescent="0.3">
      <c r="A17760" s="13" t="s">
        <v>125</v>
      </c>
      <c r="B17760" s="14" t="s">
        <v>1</v>
      </c>
      <c r="C17760" s="14" t="s">
        <v>51</v>
      </c>
      <c r="D17760" s="14" t="s">
        <v>126</v>
      </c>
      <c r="E17760" s="15">
        <v>45616</v>
      </c>
      <c r="F17760" s="14" t="s">
        <v>15</v>
      </c>
      <c r="G17760" s="16">
        <v>0</v>
      </c>
    </row>
    <row r="17761" spans="1:7" x14ac:dyDescent="0.3">
      <c r="A17761" s="13" t="s">
        <v>125</v>
      </c>
      <c r="B17761" s="14" t="s">
        <v>1</v>
      </c>
      <c r="C17761" s="14" t="s">
        <v>51</v>
      </c>
      <c r="D17761" s="14" t="s">
        <v>126</v>
      </c>
      <c r="E17761" s="15">
        <v>45617</v>
      </c>
      <c r="F17761" s="14" t="s">
        <v>15</v>
      </c>
      <c r="G17761" s="16">
        <v>0</v>
      </c>
    </row>
    <row r="17762" spans="1:7" x14ac:dyDescent="0.3">
      <c r="A17762" s="13" t="s">
        <v>125</v>
      </c>
      <c r="B17762" s="14" t="s">
        <v>1</v>
      </c>
      <c r="C17762" s="14" t="s">
        <v>51</v>
      </c>
      <c r="D17762" s="14" t="s">
        <v>126</v>
      </c>
      <c r="E17762" s="15">
        <v>45618</v>
      </c>
      <c r="F17762" s="14" t="s">
        <v>15</v>
      </c>
      <c r="G17762" s="16">
        <v>0</v>
      </c>
    </row>
    <row r="17763" spans="1:7" x14ac:dyDescent="0.3">
      <c r="A17763" s="13" t="s">
        <v>125</v>
      </c>
      <c r="B17763" s="14" t="s">
        <v>1</v>
      </c>
      <c r="C17763" s="14" t="s">
        <v>51</v>
      </c>
      <c r="D17763" s="14" t="s">
        <v>126</v>
      </c>
      <c r="E17763" s="15">
        <v>45619</v>
      </c>
      <c r="F17763" s="14" t="s">
        <v>15</v>
      </c>
      <c r="G17763" s="16">
        <v>0</v>
      </c>
    </row>
    <row r="17764" spans="1:7" x14ac:dyDescent="0.3">
      <c r="A17764" s="13" t="s">
        <v>125</v>
      </c>
      <c r="B17764" s="14" t="s">
        <v>1</v>
      </c>
      <c r="C17764" s="14" t="s">
        <v>51</v>
      </c>
      <c r="D17764" s="14" t="s">
        <v>126</v>
      </c>
      <c r="E17764" s="15">
        <v>45620</v>
      </c>
      <c r="F17764" s="14" t="s">
        <v>15</v>
      </c>
      <c r="G17764" s="16">
        <v>0</v>
      </c>
    </row>
    <row r="17765" spans="1:7" x14ac:dyDescent="0.3">
      <c r="A17765" s="13" t="s">
        <v>125</v>
      </c>
      <c r="B17765" s="14" t="s">
        <v>1</v>
      </c>
      <c r="C17765" s="14" t="s">
        <v>51</v>
      </c>
      <c r="D17765" s="14" t="s">
        <v>126</v>
      </c>
      <c r="E17765" s="15">
        <v>45621</v>
      </c>
      <c r="F17765" s="14" t="s">
        <v>15</v>
      </c>
      <c r="G17765" s="16">
        <v>0</v>
      </c>
    </row>
    <row r="17766" spans="1:7" x14ac:dyDescent="0.3">
      <c r="A17766" s="13" t="s">
        <v>125</v>
      </c>
      <c r="B17766" s="14" t="s">
        <v>1</v>
      </c>
      <c r="C17766" s="14" t="s">
        <v>51</v>
      </c>
      <c r="D17766" s="14" t="s">
        <v>126</v>
      </c>
      <c r="E17766" s="15">
        <v>45622</v>
      </c>
      <c r="F17766" s="14" t="s">
        <v>15</v>
      </c>
      <c r="G17766" s="16">
        <v>0</v>
      </c>
    </row>
    <row r="17767" spans="1:7" x14ac:dyDescent="0.3">
      <c r="A17767" s="13" t="s">
        <v>125</v>
      </c>
      <c r="B17767" s="14" t="s">
        <v>1</v>
      </c>
      <c r="C17767" s="14" t="s">
        <v>51</v>
      </c>
      <c r="D17767" s="14" t="s">
        <v>126</v>
      </c>
      <c r="E17767" s="15">
        <v>45623</v>
      </c>
      <c r="F17767" s="14" t="s">
        <v>15</v>
      </c>
      <c r="G17767" s="16">
        <v>0</v>
      </c>
    </row>
    <row r="17768" spans="1:7" x14ac:dyDescent="0.3">
      <c r="A17768" s="13" t="s">
        <v>125</v>
      </c>
      <c r="B17768" s="14" t="s">
        <v>1</v>
      </c>
      <c r="C17768" s="14" t="s">
        <v>51</v>
      </c>
      <c r="D17768" s="14" t="s">
        <v>126</v>
      </c>
      <c r="E17768" s="15">
        <v>45624</v>
      </c>
      <c r="F17768" s="14" t="s">
        <v>15</v>
      </c>
      <c r="G17768" s="16">
        <v>0</v>
      </c>
    </row>
    <row r="17769" spans="1:7" x14ac:dyDescent="0.3">
      <c r="A17769" s="13" t="s">
        <v>125</v>
      </c>
      <c r="B17769" s="14" t="s">
        <v>1</v>
      </c>
      <c r="C17769" s="14" t="s">
        <v>51</v>
      </c>
      <c r="D17769" s="14" t="s">
        <v>126</v>
      </c>
      <c r="E17769" s="15">
        <v>45625</v>
      </c>
      <c r="F17769" s="14" t="s">
        <v>15</v>
      </c>
      <c r="G17769" s="16">
        <v>0</v>
      </c>
    </row>
    <row r="17770" spans="1:7" x14ac:dyDescent="0.3">
      <c r="A17770" s="13" t="s">
        <v>125</v>
      </c>
      <c r="B17770" s="14" t="s">
        <v>1</v>
      </c>
      <c r="C17770" s="14" t="s">
        <v>51</v>
      </c>
      <c r="D17770" s="14" t="s">
        <v>126</v>
      </c>
      <c r="E17770" s="15">
        <v>45626</v>
      </c>
      <c r="F17770" s="14" t="s">
        <v>15</v>
      </c>
      <c r="G17770" s="16">
        <v>0</v>
      </c>
    </row>
    <row r="17771" spans="1:7" x14ac:dyDescent="0.3">
      <c r="A17771" s="13" t="s">
        <v>125</v>
      </c>
      <c r="B17771" s="14" t="s">
        <v>1</v>
      </c>
      <c r="C17771" s="14" t="s">
        <v>51</v>
      </c>
      <c r="D17771" s="14" t="s">
        <v>126</v>
      </c>
      <c r="E17771" s="15">
        <v>45627</v>
      </c>
      <c r="F17771" s="14" t="s">
        <v>15</v>
      </c>
      <c r="G17771" s="16">
        <v>0</v>
      </c>
    </row>
    <row r="17772" spans="1:7" x14ac:dyDescent="0.3">
      <c r="A17772" s="13" t="s">
        <v>125</v>
      </c>
      <c r="B17772" s="14" t="s">
        <v>1</v>
      </c>
      <c r="C17772" s="14" t="s">
        <v>51</v>
      </c>
      <c r="D17772" s="14" t="s">
        <v>126</v>
      </c>
      <c r="E17772" s="15">
        <v>45628</v>
      </c>
      <c r="F17772" s="14" t="s">
        <v>15</v>
      </c>
      <c r="G17772" s="16">
        <v>0</v>
      </c>
    </row>
    <row r="17773" spans="1:7" x14ac:dyDescent="0.3">
      <c r="A17773" s="13" t="s">
        <v>125</v>
      </c>
      <c r="B17773" s="14" t="s">
        <v>1</v>
      </c>
      <c r="C17773" s="14" t="s">
        <v>51</v>
      </c>
      <c r="D17773" s="14" t="s">
        <v>126</v>
      </c>
      <c r="E17773" s="15">
        <v>45629</v>
      </c>
      <c r="F17773" s="14" t="s">
        <v>15</v>
      </c>
      <c r="G17773" s="16">
        <v>0</v>
      </c>
    </row>
    <row r="17774" spans="1:7" x14ac:dyDescent="0.3">
      <c r="A17774" s="13" t="s">
        <v>125</v>
      </c>
      <c r="B17774" s="14" t="s">
        <v>1</v>
      </c>
      <c r="C17774" s="14" t="s">
        <v>51</v>
      </c>
      <c r="D17774" s="14" t="s">
        <v>126</v>
      </c>
      <c r="E17774" s="15">
        <v>45630</v>
      </c>
      <c r="F17774" s="14" t="s">
        <v>15</v>
      </c>
      <c r="G17774" s="16">
        <v>0</v>
      </c>
    </row>
    <row r="17775" spans="1:7" x14ac:dyDescent="0.3">
      <c r="A17775" s="13" t="s">
        <v>125</v>
      </c>
      <c r="B17775" s="14" t="s">
        <v>1</v>
      </c>
      <c r="C17775" s="14" t="s">
        <v>51</v>
      </c>
      <c r="D17775" s="14" t="s">
        <v>126</v>
      </c>
      <c r="E17775" s="15">
        <v>45631</v>
      </c>
      <c r="F17775" s="14" t="s">
        <v>15</v>
      </c>
      <c r="G17775" s="16">
        <v>0</v>
      </c>
    </row>
    <row r="17776" spans="1:7" x14ac:dyDescent="0.3">
      <c r="A17776" s="13" t="s">
        <v>125</v>
      </c>
      <c r="B17776" s="14" t="s">
        <v>1</v>
      </c>
      <c r="C17776" s="14" t="s">
        <v>51</v>
      </c>
      <c r="D17776" s="14" t="s">
        <v>126</v>
      </c>
      <c r="E17776" s="15">
        <v>45632</v>
      </c>
      <c r="F17776" s="14" t="s">
        <v>15</v>
      </c>
      <c r="G17776" s="16">
        <v>0</v>
      </c>
    </row>
    <row r="17777" spans="1:7" x14ac:dyDescent="0.3">
      <c r="A17777" s="13" t="s">
        <v>125</v>
      </c>
      <c r="B17777" s="14" t="s">
        <v>1</v>
      </c>
      <c r="C17777" s="14" t="s">
        <v>51</v>
      </c>
      <c r="D17777" s="14" t="s">
        <v>126</v>
      </c>
      <c r="E17777" s="15">
        <v>45633</v>
      </c>
      <c r="F17777" s="14" t="s">
        <v>15</v>
      </c>
      <c r="G17777" s="16">
        <v>0</v>
      </c>
    </row>
    <row r="17778" spans="1:7" x14ac:dyDescent="0.3">
      <c r="A17778" s="13" t="s">
        <v>125</v>
      </c>
      <c r="B17778" s="14" t="s">
        <v>1</v>
      </c>
      <c r="C17778" s="14" t="s">
        <v>51</v>
      </c>
      <c r="D17778" s="14" t="s">
        <v>126</v>
      </c>
      <c r="E17778" s="15">
        <v>45634</v>
      </c>
      <c r="F17778" s="14" t="s">
        <v>15</v>
      </c>
      <c r="G17778" s="16">
        <v>0</v>
      </c>
    </row>
    <row r="17779" spans="1:7" x14ac:dyDescent="0.3">
      <c r="A17779" s="13" t="s">
        <v>125</v>
      </c>
      <c r="B17779" s="14" t="s">
        <v>1</v>
      </c>
      <c r="C17779" s="14" t="s">
        <v>51</v>
      </c>
      <c r="D17779" s="14" t="s">
        <v>126</v>
      </c>
      <c r="E17779" s="15">
        <v>45635</v>
      </c>
      <c r="F17779" s="14" t="s">
        <v>15</v>
      </c>
      <c r="G17779" s="16">
        <v>0</v>
      </c>
    </row>
    <row r="17780" spans="1:7" x14ac:dyDescent="0.3">
      <c r="A17780" s="13" t="s">
        <v>125</v>
      </c>
      <c r="B17780" s="14" t="s">
        <v>1</v>
      </c>
      <c r="C17780" s="14" t="s">
        <v>51</v>
      </c>
      <c r="D17780" s="14" t="s">
        <v>126</v>
      </c>
      <c r="E17780" s="15">
        <v>45636</v>
      </c>
      <c r="F17780" s="14" t="s">
        <v>15</v>
      </c>
      <c r="G17780" s="16">
        <v>0</v>
      </c>
    </row>
    <row r="17781" spans="1:7" x14ac:dyDescent="0.3">
      <c r="A17781" s="13" t="s">
        <v>125</v>
      </c>
      <c r="B17781" s="14" t="s">
        <v>1</v>
      </c>
      <c r="C17781" s="14" t="s">
        <v>51</v>
      </c>
      <c r="D17781" s="14" t="s">
        <v>126</v>
      </c>
      <c r="E17781" s="15">
        <v>45637</v>
      </c>
      <c r="F17781" s="14" t="s">
        <v>15</v>
      </c>
      <c r="G17781" s="16">
        <v>0</v>
      </c>
    </row>
    <row r="17782" spans="1:7" x14ac:dyDescent="0.3">
      <c r="A17782" s="13" t="s">
        <v>125</v>
      </c>
      <c r="B17782" s="14" t="s">
        <v>1</v>
      </c>
      <c r="C17782" s="14" t="s">
        <v>51</v>
      </c>
      <c r="D17782" s="14" t="s">
        <v>126</v>
      </c>
      <c r="E17782" s="15">
        <v>45638</v>
      </c>
      <c r="F17782" s="14" t="s">
        <v>15</v>
      </c>
      <c r="G17782" s="16">
        <v>0</v>
      </c>
    </row>
    <row r="17783" spans="1:7" x14ac:dyDescent="0.3">
      <c r="A17783" s="13" t="s">
        <v>125</v>
      </c>
      <c r="B17783" s="14" t="s">
        <v>1</v>
      </c>
      <c r="C17783" s="14" t="s">
        <v>51</v>
      </c>
      <c r="D17783" s="14" t="s">
        <v>126</v>
      </c>
      <c r="E17783" s="15">
        <v>45639</v>
      </c>
      <c r="F17783" s="14" t="s">
        <v>15</v>
      </c>
      <c r="G17783" s="16">
        <v>0</v>
      </c>
    </row>
    <row r="17784" spans="1:7" x14ac:dyDescent="0.3">
      <c r="A17784" s="13" t="s">
        <v>125</v>
      </c>
      <c r="B17784" s="14" t="s">
        <v>1</v>
      </c>
      <c r="C17784" s="14" t="s">
        <v>51</v>
      </c>
      <c r="D17784" s="14" t="s">
        <v>126</v>
      </c>
      <c r="E17784" s="15">
        <v>45640</v>
      </c>
      <c r="F17784" s="14" t="s">
        <v>15</v>
      </c>
      <c r="G17784" s="16">
        <v>0</v>
      </c>
    </row>
    <row r="17785" spans="1:7" x14ac:dyDescent="0.3">
      <c r="A17785" s="13" t="s">
        <v>125</v>
      </c>
      <c r="B17785" s="14" t="s">
        <v>1</v>
      </c>
      <c r="C17785" s="14" t="s">
        <v>51</v>
      </c>
      <c r="D17785" s="14" t="s">
        <v>126</v>
      </c>
      <c r="E17785" s="15">
        <v>45641</v>
      </c>
      <c r="F17785" s="14" t="s">
        <v>15</v>
      </c>
      <c r="G17785" s="16">
        <v>0</v>
      </c>
    </row>
    <row r="17786" spans="1:7" x14ac:dyDescent="0.3">
      <c r="A17786" s="13" t="s">
        <v>125</v>
      </c>
      <c r="B17786" s="14" t="s">
        <v>1</v>
      </c>
      <c r="C17786" s="14" t="s">
        <v>51</v>
      </c>
      <c r="D17786" s="14" t="s">
        <v>126</v>
      </c>
      <c r="E17786" s="15">
        <v>45642</v>
      </c>
      <c r="F17786" s="14" t="s">
        <v>15</v>
      </c>
      <c r="G17786" s="16">
        <v>0</v>
      </c>
    </row>
    <row r="17787" spans="1:7" x14ac:dyDescent="0.3">
      <c r="A17787" s="13" t="s">
        <v>125</v>
      </c>
      <c r="B17787" s="14" t="s">
        <v>1</v>
      </c>
      <c r="C17787" s="14" t="s">
        <v>51</v>
      </c>
      <c r="D17787" s="14" t="s">
        <v>126</v>
      </c>
      <c r="E17787" s="15">
        <v>45643</v>
      </c>
      <c r="F17787" s="14" t="s">
        <v>15</v>
      </c>
      <c r="G17787" s="16">
        <v>0</v>
      </c>
    </row>
    <row r="17788" spans="1:7" x14ac:dyDescent="0.3">
      <c r="A17788" s="13" t="s">
        <v>125</v>
      </c>
      <c r="B17788" s="14" t="s">
        <v>1</v>
      </c>
      <c r="C17788" s="14" t="s">
        <v>51</v>
      </c>
      <c r="D17788" s="14" t="s">
        <v>126</v>
      </c>
      <c r="E17788" s="15">
        <v>45644</v>
      </c>
      <c r="F17788" s="14" t="s">
        <v>15</v>
      </c>
      <c r="G17788" s="16">
        <v>0</v>
      </c>
    </row>
    <row r="17789" spans="1:7" x14ac:dyDescent="0.3">
      <c r="A17789" s="13" t="s">
        <v>125</v>
      </c>
      <c r="B17789" s="14" t="s">
        <v>1</v>
      </c>
      <c r="C17789" s="14" t="s">
        <v>51</v>
      </c>
      <c r="D17789" s="14" t="s">
        <v>126</v>
      </c>
      <c r="E17789" s="15">
        <v>45645</v>
      </c>
      <c r="F17789" s="14" t="s">
        <v>15</v>
      </c>
      <c r="G17789" s="16">
        <v>0</v>
      </c>
    </row>
    <row r="17790" spans="1:7" x14ac:dyDescent="0.3">
      <c r="A17790" s="13" t="s">
        <v>125</v>
      </c>
      <c r="B17790" s="14" t="s">
        <v>1</v>
      </c>
      <c r="C17790" s="14" t="s">
        <v>51</v>
      </c>
      <c r="D17790" s="14" t="s">
        <v>126</v>
      </c>
      <c r="E17790" s="15">
        <v>45646</v>
      </c>
      <c r="F17790" s="14" t="s">
        <v>15</v>
      </c>
      <c r="G17790" s="16">
        <v>0</v>
      </c>
    </row>
    <row r="17791" spans="1:7" x14ac:dyDescent="0.3">
      <c r="A17791" s="13" t="s">
        <v>125</v>
      </c>
      <c r="B17791" s="14" t="s">
        <v>1</v>
      </c>
      <c r="C17791" s="14" t="s">
        <v>51</v>
      </c>
      <c r="D17791" s="14" t="s">
        <v>126</v>
      </c>
      <c r="E17791" s="15">
        <v>45647</v>
      </c>
      <c r="F17791" s="14" t="s">
        <v>15</v>
      </c>
      <c r="G17791" s="16">
        <v>0</v>
      </c>
    </row>
    <row r="17792" spans="1:7" x14ac:dyDescent="0.3">
      <c r="A17792" s="13" t="s">
        <v>125</v>
      </c>
      <c r="B17792" s="14" t="s">
        <v>1</v>
      </c>
      <c r="C17792" s="14" t="s">
        <v>51</v>
      </c>
      <c r="D17792" s="14" t="s">
        <v>126</v>
      </c>
      <c r="E17792" s="15">
        <v>45648</v>
      </c>
      <c r="F17792" s="14" t="s">
        <v>15</v>
      </c>
      <c r="G17792" s="16">
        <v>0</v>
      </c>
    </row>
    <row r="17793" spans="1:7" x14ac:dyDescent="0.3">
      <c r="A17793" s="13" t="s">
        <v>125</v>
      </c>
      <c r="B17793" s="14" t="s">
        <v>1</v>
      </c>
      <c r="C17793" s="14" t="s">
        <v>51</v>
      </c>
      <c r="D17793" s="14" t="s">
        <v>126</v>
      </c>
      <c r="E17793" s="15">
        <v>45649</v>
      </c>
      <c r="F17793" s="14" t="s">
        <v>15</v>
      </c>
      <c r="G17793" s="16">
        <v>0</v>
      </c>
    </row>
    <row r="17794" spans="1:7" x14ac:dyDescent="0.3">
      <c r="A17794" s="13" t="s">
        <v>125</v>
      </c>
      <c r="B17794" s="14" t="s">
        <v>1</v>
      </c>
      <c r="C17794" s="14" t="s">
        <v>51</v>
      </c>
      <c r="D17794" s="14" t="s">
        <v>126</v>
      </c>
      <c r="E17794" s="15">
        <v>45650</v>
      </c>
      <c r="F17794" s="14" t="s">
        <v>15</v>
      </c>
      <c r="G17794" s="16">
        <v>0</v>
      </c>
    </row>
    <row r="17795" spans="1:7" x14ac:dyDescent="0.3">
      <c r="A17795" s="13" t="s">
        <v>125</v>
      </c>
      <c r="B17795" s="14" t="s">
        <v>1</v>
      </c>
      <c r="C17795" s="14" t="s">
        <v>51</v>
      </c>
      <c r="D17795" s="14" t="s">
        <v>126</v>
      </c>
      <c r="E17795" s="15">
        <v>45651</v>
      </c>
      <c r="F17795" s="14" t="s">
        <v>15</v>
      </c>
      <c r="G17795" s="16">
        <v>0</v>
      </c>
    </row>
    <row r="17796" spans="1:7" x14ac:dyDescent="0.3">
      <c r="A17796" s="13" t="s">
        <v>125</v>
      </c>
      <c r="B17796" s="14" t="s">
        <v>1</v>
      </c>
      <c r="C17796" s="14" t="s">
        <v>51</v>
      </c>
      <c r="D17796" s="14" t="s">
        <v>126</v>
      </c>
      <c r="E17796" s="15">
        <v>45652</v>
      </c>
      <c r="F17796" s="14" t="s">
        <v>15</v>
      </c>
      <c r="G17796" s="16">
        <v>0</v>
      </c>
    </row>
    <row r="17797" spans="1:7" x14ac:dyDescent="0.3">
      <c r="A17797" s="13" t="s">
        <v>125</v>
      </c>
      <c r="B17797" s="14" t="s">
        <v>1</v>
      </c>
      <c r="C17797" s="14" t="s">
        <v>51</v>
      </c>
      <c r="D17797" s="14" t="s">
        <v>126</v>
      </c>
      <c r="E17797" s="15">
        <v>45653</v>
      </c>
      <c r="F17797" s="14" t="s">
        <v>15</v>
      </c>
      <c r="G17797" s="16">
        <v>0</v>
      </c>
    </row>
    <row r="17798" spans="1:7" x14ac:dyDescent="0.3">
      <c r="A17798" s="13" t="s">
        <v>125</v>
      </c>
      <c r="B17798" s="14" t="s">
        <v>1</v>
      </c>
      <c r="C17798" s="14" t="s">
        <v>51</v>
      </c>
      <c r="D17798" s="14" t="s">
        <v>126</v>
      </c>
      <c r="E17798" s="15">
        <v>45654</v>
      </c>
      <c r="F17798" s="14" t="s">
        <v>15</v>
      </c>
      <c r="G17798" s="16">
        <v>0</v>
      </c>
    </row>
    <row r="17799" spans="1:7" x14ac:dyDescent="0.3">
      <c r="A17799" s="13" t="s">
        <v>125</v>
      </c>
      <c r="B17799" s="14" t="s">
        <v>1</v>
      </c>
      <c r="C17799" s="14" t="s">
        <v>51</v>
      </c>
      <c r="D17799" s="14" t="s">
        <v>126</v>
      </c>
      <c r="E17799" s="15">
        <v>45655</v>
      </c>
      <c r="F17799" s="14" t="s">
        <v>15</v>
      </c>
      <c r="G17799" s="16">
        <v>0</v>
      </c>
    </row>
    <row r="17800" spans="1:7" x14ac:dyDescent="0.3">
      <c r="A17800" s="13" t="s">
        <v>125</v>
      </c>
      <c r="B17800" s="14" t="s">
        <v>1</v>
      </c>
      <c r="C17800" s="14" t="s">
        <v>51</v>
      </c>
      <c r="D17800" s="14" t="s">
        <v>126</v>
      </c>
      <c r="E17800" s="15">
        <v>45656</v>
      </c>
      <c r="F17800" s="14" t="s">
        <v>15</v>
      </c>
      <c r="G17800" s="16">
        <v>0</v>
      </c>
    </row>
    <row r="17801" spans="1:7" x14ac:dyDescent="0.3">
      <c r="A17801" s="13" t="s">
        <v>125</v>
      </c>
      <c r="B17801" s="14" t="s">
        <v>1</v>
      </c>
      <c r="C17801" s="14" t="s">
        <v>51</v>
      </c>
      <c r="D17801" s="14" t="s">
        <v>126</v>
      </c>
      <c r="E17801" s="15">
        <v>45657</v>
      </c>
      <c r="F17801" s="14" t="s">
        <v>15</v>
      </c>
      <c r="G17801" s="16">
        <v>0</v>
      </c>
    </row>
    <row r="17802" spans="1:7" x14ac:dyDescent="0.3">
      <c r="A17802" s="13" t="s">
        <v>125</v>
      </c>
      <c r="B17802" s="14" t="s">
        <v>1</v>
      </c>
      <c r="C17802" s="14" t="s">
        <v>51</v>
      </c>
      <c r="D17802" s="14" t="s">
        <v>126</v>
      </c>
      <c r="E17802" s="15">
        <v>45658</v>
      </c>
      <c r="F17802" s="14" t="s">
        <v>15</v>
      </c>
      <c r="G17802" s="16">
        <v>0</v>
      </c>
    </row>
    <row r="17803" spans="1:7" x14ac:dyDescent="0.3">
      <c r="A17803" s="13" t="s">
        <v>125</v>
      </c>
      <c r="B17803" s="14" t="s">
        <v>1</v>
      </c>
      <c r="C17803" s="14" t="s">
        <v>51</v>
      </c>
      <c r="D17803" s="14" t="s">
        <v>126</v>
      </c>
      <c r="E17803" s="15">
        <v>45659</v>
      </c>
      <c r="F17803" s="14" t="s">
        <v>15</v>
      </c>
      <c r="G17803" s="16">
        <v>0</v>
      </c>
    </row>
    <row r="17804" spans="1:7" x14ac:dyDescent="0.3">
      <c r="A17804" s="13" t="s">
        <v>125</v>
      </c>
      <c r="B17804" s="14" t="s">
        <v>1</v>
      </c>
      <c r="C17804" s="14" t="s">
        <v>51</v>
      </c>
      <c r="D17804" s="14" t="s">
        <v>126</v>
      </c>
      <c r="E17804" s="15">
        <v>45660</v>
      </c>
      <c r="F17804" s="14" t="s">
        <v>15</v>
      </c>
      <c r="G17804" s="16">
        <v>0</v>
      </c>
    </row>
    <row r="17805" spans="1:7" x14ac:dyDescent="0.3">
      <c r="A17805" s="13" t="s">
        <v>125</v>
      </c>
      <c r="B17805" s="14" t="s">
        <v>1</v>
      </c>
      <c r="C17805" s="14" t="s">
        <v>51</v>
      </c>
      <c r="D17805" s="14" t="s">
        <v>126</v>
      </c>
      <c r="E17805" s="15">
        <v>45661</v>
      </c>
      <c r="F17805" s="14" t="s">
        <v>15</v>
      </c>
      <c r="G17805" s="16">
        <v>0</v>
      </c>
    </row>
    <row r="17806" spans="1:7" x14ac:dyDescent="0.3">
      <c r="A17806" s="13" t="s">
        <v>125</v>
      </c>
      <c r="B17806" s="14" t="s">
        <v>1</v>
      </c>
      <c r="C17806" s="14" t="s">
        <v>51</v>
      </c>
      <c r="D17806" s="14" t="s">
        <v>126</v>
      </c>
      <c r="E17806" s="15">
        <v>45662</v>
      </c>
      <c r="F17806" s="14" t="s">
        <v>15</v>
      </c>
      <c r="G17806" s="16">
        <v>0</v>
      </c>
    </row>
    <row r="17807" spans="1:7" x14ac:dyDescent="0.3">
      <c r="A17807" s="13" t="s">
        <v>125</v>
      </c>
      <c r="B17807" s="14" t="s">
        <v>1</v>
      </c>
      <c r="C17807" s="14" t="s">
        <v>51</v>
      </c>
      <c r="D17807" s="14" t="s">
        <v>126</v>
      </c>
      <c r="E17807" s="15">
        <v>45663</v>
      </c>
      <c r="F17807" s="14" t="s">
        <v>15</v>
      </c>
      <c r="G17807" s="16">
        <v>0</v>
      </c>
    </row>
    <row r="17808" spans="1:7" x14ac:dyDescent="0.3">
      <c r="A17808" s="13" t="s">
        <v>125</v>
      </c>
      <c r="B17808" s="14" t="s">
        <v>1</v>
      </c>
      <c r="C17808" s="14" t="s">
        <v>51</v>
      </c>
      <c r="D17808" s="14" t="s">
        <v>126</v>
      </c>
      <c r="E17808" s="15">
        <v>45664</v>
      </c>
      <c r="F17808" s="14" t="s">
        <v>15</v>
      </c>
      <c r="G17808" s="16">
        <v>0</v>
      </c>
    </row>
    <row r="17809" spans="1:7" x14ac:dyDescent="0.3">
      <c r="A17809" s="13" t="s">
        <v>125</v>
      </c>
      <c r="B17809" s="14" t="s">
        <v>1</v>
      </c>
      <c r="C17809" s="14" t="s">
        <v>51</v>
      </c>
      <c r="D17809" s="14" t="s">
        <v>126</v>
      </c>
      <c r="E17809" s="15">
        <v>45665</v>
      </c>
      <c r="F17809" s="14" t="s">
        <v>15</v>
      </c>
      <c r="G17809" s="16">
        <v>0</v>
      </c>
    </row>
    <row r="17810" spans="1:7" x14ac:dyDescent="0.3">
      <c r="A17810" s="13" t="s">
        <v>125</v>
      </c>
      <c r="B17810" s="14" t="s">
        <v>1</v>
      </c>
      <c r="C17810" s="14" t="s">
        <v>51</v>
      </c>
      <c r="D17810" s="14" t="s">
        <v>126</v>
      </c>
      <c r="E17810" s="15">
        <v>45666</v>
      </c>
      <c r="F17810" s="14" t="s">
        <v>15</v>
      </c>
      <c r="G17810" s="16">
        <v>0</v>
      </c>
    </row>
    <row r="17811" spans="1:7" x14ac:dyDescent="0.3">
      <c r="A17811" s="13" t="s">
        <v>125</v>
      </c>
      <c r="B17811" s="14" t="s">
        <v>1</v>
      </c>
      <c r="C17811" s="14" t="s">
        <v>51</v>
      </c>
      <c r="D17811" s="14" t="s">
        <v>126</v>
      </c>
      <c r="E17811" s="15">
        <v>45667</v>
      </c>
      <c r="F17811" s="14" t="s">
        <v>15</v>
      </c>
      <c r="G17811" s="16">
        <v>0</v>
      </c>
    </row>
    <row r="17812" spans="1:7" x14ac:dyDescent="0.3">
      <c r="A17812" s="13" t="s">
        <v>125</v>
      </c>
      <c r="B17812" s="14" t="s">
        <v>1</v>
      </c>
      <c r="C17812" s="14" t="s">
        <v>51</v>
      </c>
      <c r="D17812" s="14" t="s">
        <v>126</v>
      </c>
      <c r="E17812" s="15">
        <v>45668</v>
      </c>
      <c r="F17812" s="14" t="s">
        <v>15</v>
      </c>
      <c r="G17812" s="16">
        <v>0</v>
      </c>
    </row>
    <row r="17813" spans="1:7" x14ac:dyDescent="0.3">
      <c r="A17813" s="13" t="s">
        <v>125</v>
      </c>
      <c r="B17813" s="14" t="s">
        <v>1</v>
      </c>
      <c r="C17813" s="14" t="s">
        <v>51</v>
      </c>
      <c r="D17813" s="14" t="s">
        <v>126</v>
      </c>
      <c r="E17813" s="15">
        <v>45669</v>
      </c>
      <c r="F17813" s="14" t="s">
        <v>15</v>
      </c>
      <c r="G17813" s="16">
        <v>0</v>
      </c>
    </row>
    <row r="17814" spans="1:7" x14ac:dyDescent="0.3">
      <c r="A17814" s="13" t="s">
        <v>125</v>
      </c>
      <c r="B17814" s="14" t="s">
        <v>1</v>
      </c>
      <c r="C17814" s="14" t="s">
        <v>51</v>
      </c>
      <c r="D17814" s="14" t="s">
        <v>126</v>
      </c>
      <c r="E17814" s="15">
        <v>45670</v>
      </c>
      <c r="F17814" s="14" t="s">
        <v>15</v>
      </c>
      <c r="G17814" s="16">
        <v>0</v>
      </c>
    </row>
    <row r="17815" spans="1:7" x14ac:dyDescent="0.3">
      <c r="A17815" s="13" t="s">
        <v>125</v>
      </c>
      <c r="B17815" s="14" t="s">
        <v>1</v>
      </c>
      <c r="C17815" s="14" t="s">
        <v>51</v>
      </c>
      <c r="D17815" s="14" t="s">
        <v>126</v>
      </c>
      <c r="E17815" s="15">
        <v>45671</v>
      </c>
      <c r="F17815" s="14" t="s">
        <v>15</v>
      </c>
      <c r="G17815" s="16">
        <v>0</v>
      </c>
    </row>
    <row r="17816" spans="1:7" x14ac:dyDescent="0.3">
      <c r="A17816" s="13" t="s">
        <v>125</v>
      </c>
      <c r="B17816" s="14" t="s">
        <v>1</v>
      </c>
      <c r="C17816" s="14" t="s">
        <v>51</v>
      </c>
      <c r="D17816" s="14" t="s">
        <v>126</v>
      </c>
      <c r="E17816" s="15">
        <v>45672</v>
      </c>
      <c r="F17816" s="14" t="s">
        <v>15</v>
      </c>
      <c r="G17816" s="16">
        <v>0</v>
      </c>
    </row>
    <row r="17817" spans="1:7" x14ac:dyDescent="0.3">
      <c r="A17817" s="13" t="s">
        <v>125</v>
      </c>
      <c r="B17817" s="14" t="s">
        <v>1</v>
      </c>
      <c r="C17817" s="14" t="s">
        <v>51</v>
      </c>
      <c r="D17817" s="14" t="s">
        <v>126</v>
      </c>
      <c r="E17817" s="15">
        <v>45673</v>
      </c>
      <c r="F17817" s="14" t="s">
        <v>15</v>
      </c>
      <c r="G17817" s="16">
        <v>0</v>
      </c>
    </row>
    <row r="17818" spans="1:7" x14ac:dyDescent="0.3">
      <c r="A17818" s="13" t="s">
        <v>125</v>
      </c>
      <c r="B17818" s="14" t="s">
        <v>1</v>
      </c>
      <c r="C17818" s="14" t="s">
        <v>51</v>
      </c>
      <c r="D17818" s="14" t="s">
        <v>126</v>
      </c>
      <c r="E17818" s="15">
        <v>45674</v>
      </c>
      <c r="F17818" s="14" t="s">
        <v>15</v>
      </c>
      <c r="G17818" s="16">
        <v>0</v>
      </c>
    </row>
    <row r="17819" spans="1:7" x14ac:dyDescent="0.3">
      <c r="A17819" s="13" t="s">
        <v>125</v>
      </c>
      <c r="B17819" s="14" t="s">
        <v>1</v>
      </c>
      <c r="C17819" s="14" t="s">
        <v>51</v>
      </c>
      <c r="D17819" s="14" t="s">
        <v>126</v>
      </c>
      <c r="E17819" s="15">
        <v>45675</v>
      </c>
      <c r="F17819" s="14" t="s">
        <v>15</v>
      </c>
      <c r="G17819" s="16">
        <v>0</v>
      </c>
    </row>
    <row r="17820" spans="1:7" x14ac:dyDescent="0.3">
      <c r="A17820" s="13" t="s">
        <v>125</v>
      </c>
      <c r="B17820" s="14" t="s">
        <v>1</v>
      </c>
      <c r="C17820" s="14" t="s">
        <v>51</v>
      </c>
      <c r="D17820" s="14" t="s">
        <v>126</v>
      </c>
      <c r="E17820" s="15">
        <v>45676</v>
      </c>
      <c r="F17820" s="14" t="s">
        <v>15</v>
      </c>
      <c r="G17820" s="16">
        <v>0</v>
      </c>
    </row>
    <row r="17821" spans="1:7" x14ac:dyDescent="0.3">
      <c r="A17821" s="13" t="s">
        <v>125</v>
      </c>
      <c r="B17821" s="14" t="s">
        <v>1</v>
      </c>
      <c r="C17821" s="14" t="s">
        <v>51</v>
      </c>
      <c r="D17821" s="14" t="s">
        <v>126</v>
      </c>
      <c r="E17821" s="15">
        <v>45677</v>
      </c>
      <c r="F17821" s="14" t="s">
        <v>15</v>
      </c>
      <c r="G17821" s="16">
        <v>0</v>
      </c>
    </row>
    <row r="17822" spans="1:7" x14ac:dyDescent="0.3">
      <c r="A17822" s="13" t="s">
        <v>125</v>
      </c>
      <c r="B17822" s="14" t="s">
        <v>1</v>
      </c>
      <c r="C17822" s="14" t="s">
        <v>51</v>
      </c>
      <c r="D17822" s="14" t="s">
        <v>126</v>
      </c>
      <c r="E17822" s="15">
        <v>45678</v>
      </c>
      <c r="F17822" s="14" t="s">
        <v>15</v>
      </c>
      <c r="G17822" s="16">
        <v>0</v>
      </c>
    </row>
    <row r="17823" spans="1:7" x14ac:dyDescent="0.3">
      <c r="A17823" s="13" t="s">
        <v>125</v>
      </c>
      <c r="B17823" s="14" t="s">
        <v>1</v>
      </c>
      <c r="C17823" s="14" t="s">
        <v>51</v>
      </c>
      <c r="D17823" s="14" t="s">
        <v>126</v>
      </c>
      <c r="E17823" s="15">
        <v>45679</v>
      </c>
      <c r="F17823" s="14" t="s">
        <v>15</v>
      </c>
      <c r="G17823" s="16">
        <v>0</v>
      </c>
    </row>
    <row r="17824" spans="1:7" x14ac:dyDescent="0.3">
      <c r="A17824" s="13" t="s">
        <v>125</v>
      </c>
      <c r="B17824" s="14" t="s">
        <v>1</v>
      </c>
      <c r="C17824" s="14" t="s">
        <v>51</v>
      </c>
      <c r="D17824" s="14" t="s">
        <v>126</v>
      </c>
      <c r="E17824" s="15">
        <v>45680</v>
      </c>
      <c r="F17824" s="14" t="s">
        <v>15</v>
      </c>
      <c r="G17824" s="16">
        <v>0</v>
      </c>
    </row>
    <row r="17825" spans="1:7" x14ac:dyDescent="0.3">
      <c r="A17825" s="13" t="s">
        <v>125</v>
      </c>
      <c r="B17825" s="14" t="s">
        <v>1</v>
      </c>
      <c r="C17825" s="14" t="s">
        <v>51</v>
      </c>
      <c r="D17825" s="14" t="s">
        <v>126</v>
      </c>
      <c r="E17825" s="15">
        <v>45681</v>
      </c>
      <c r="F17825" s="14" t="s">
        <v>15</v>
      </c>
      <c r="G17825" s="16">
        <v>0</v>
      </c>
    </row>
    <row r="17826" spans="1:7" x14ac:dyDescent="0.3">
      <c r="A17826" s="13" t="s">
        <v>125</v>
      </c>
      <c r="B17826" s="14" t="s">
        <v>1</v>
      </c>
      <c r="C17826" s="14" t="s">
        <v>51</v>
      </c>
      <c r="D17826" s="14" t="s">
        <v>126</v>
      </c>
      <c r="E17826" s="15">
        <v>45682</v>
      </c>
      <c r="F17826" s="14" t="s">
        <v>15</v>
      </c>
      <c r="G17826" s="16">
        <v>0</v>
      </c>
    </row>
    <row r="17827" spans="1:7" x14ac:dyDescent="0.3">
      <c r="A17827" s="13" t="s">
        <v>125</v>
      </c>
      <c r="B17827" s="14" t="s">
        <v>1</v>
      </c>
      <c r="C17827" s="14" t="s">
        <v>51</v>
      </c>
      <c r="D17827" s="14" t="s">
        <v>126</v>
      </c>
      <c r="E17827" s="15">
        <v>45683</v>
      </c>
      <c r="F17827" s="14" t="s">
        <v>15</v>
      </c>
      <c r="G17827" s="16">
        <v>0</v>
      </c>
    </row>
    <row r="17828" spans="1:7" x14ac:dyDescent="0.3">
      <c r="A17828" s="13" t="s">
        <v>125</v>
      </c>
      <c r="B17828" s="14" t="s">
        <v>1</v>
      </c>
      <c r="C17828" s="14" t="s">
        <v>51</v>
      </c>
      <c r="D17828" s="14" t="s">
        <v>126</v>
      </c>
      <c r="E17828" s="15">
        <v>45684</v>
      </c>
      <c r="F17828" s="14" t="s">
        <v>15</v>
      </c>
      <c r="G17828" s="16">
        <v>0</v>
      </c>
    </row>
    <row r="17829" spans="1:7" x14ac:dyDescent="0.3">
      <c r="A17829" s="13" t="s">
        <v>125</v>
      </c>
      <c r="B17829" s="14" t="s">
        <v>1</v>
      </c>
      <c r="C17829" s="14" t="s">
        <v>51</v>
      </c>
      <c r="D17829" s="14" t="s">
        <v>126</v>
      </c>
      <c r="E17829" s="15">
        <v>45685</v>
      </c>
      <c r="F17829" s="14" t="s">
        <v>15</v>
      </c>
      <c r="G17829" s="16">
        <v>0</v>
      </c>
    </row>
    <row r="17830" spans="1:7" x14ac:dyDescent="0.3">
      <c r="A17830" s="13" t="s">
        <v>125</v>
      </c>
      <c r="B17830" s="14" t="s">
        <v>1</v>
      </c>
      <c r="C17830" s="14" t="s">
        <v>51</v>
      </c>
      <c r="D17830" s="14" t="s">
        <v>126</v>
      </c>
      <c r="E17830" s="15">
        <v>45686</v>
      </c>
      <c r="F17830" s="14" t="s">
        <v>15</v>
      </c>
      <c r="G17830" s="16">
        <v>0</v>
      </c>
    </row>
    <row r="17831" spans="1:7" x14ac:dyDescent="0.3">
      <c r="A17831" s="13" t="s">
        <v>125</v>
      </c>
      <c r="B17831" s="14" t="s">
        <v>1</v>
      </c>
      <c r="C17831" s="14" t="s">
        <v>51</v>
      </c>
      <c r="D17831" s="14" t="s">
        <v>126</v>
      </c>
      <c r="E17831" s="15">
        <v>45687</v>
      </c>
      <c r="F17831" s="14" t="s">
        <v>15</v>
      </c>
      <c r="G17831" s="16">
        <v>0</v>
      </c>
    </row>
    <row r="17832" spans="1:7" x14ac:dyDescent="0.3">
      <c r="A17832" s="13" t="s">
        <v>125</v>
      </c>
      <c r="B17832" s="14" t="s">
        <v>1</v>
      </c>
      <c r="C17832" s="14" t="s">
        <v>51</v>
      </c>
      <c r="D17832" s="14" t="s">
        <v>126</v>
      </c>
      <c r="E17832" s="15">
        <v>45688</v>
      </c>
      <c r="F17832" s="14" t="s">
        <v>15</v>
      </c>
      <c r="G17832" s="16">
        <v>0</v>
      </c>
    </row>
    <row r="17833" spans="1:7" x14ac:dyDescent="0.3">
      <c r="A17833" s="13" t="s">
        <v>125</v>
      </c>
      <c r="B17833" s="14" t="s">
        <v>1</v>
      </c>
      <c r="C17833" s="14" t="s">
        <v>51</v>
      </c>
      <c r="D17833" s="14" t="s">
        <v>126</v>
      </c>
      <c r="E17833" s="15">
        <v>45689</v>
      </c>
      <c r="F17833" s="14" t="s">
        <v>15</v>
      </c>
      <c r="G17833" s="16">
        <v>0</v>
      </c>
    </row>
    <row r="17834" spans="1:7" x14ac:dyDescent="0.3">
      <c r="A17834" s="13" t="s">
        <v>125</v>
      </c>
      <c r="B17834" s="14" t="s">
        <v>1</v>
      </c>
      <c r="C17834" s="14" t="s">
        <v>51</v>
      </c>
      <c r="D17834" s="14" t="s">
        <v>126</v>
      </c>
      <c r="E17834" s="15">
        <v>45690</v>
      </c>
      <c r="F17834" s="14" t="s">
        <v>15</v>
      </c>
      <c r="G17834" s="16">
        <v>0</v>
      </c>
    </row>
    <row r="17835" spans="1:7" x14ac:dyDescent="0.3">
      <c r="A17835" s="13" t="s">
        <v>125</v>
      </c>
      <c r="B17835" s="14" t="s">
        <v>1</v>
      </c>
      <c r="C17835" s="14" t="s">
        <v>51</v>
      </c>
      <c r="D17835" s="14" t="s">
        <v>126</v>
      </c>
      <c r="E17835" s="15">
        <v>45691</v>
      </c>
      <c r="F17835" s="14" t="s">
        <v>15</v>
      </c>
      <c r="G17835" s="16">
        <v>0</v>
      </c>
    </row>
    <row r="17836" spans="1:7" x14ac:dyDescent="0.3">
      <c r="A17836" s="13" t="s">
        <v>125</v>
      </c>
      <c r="B17836" s="14" t="s">
        <v>1</v>
      </c>
      <c r="C17836" s="14" t="s">
        <v>51</v>
      </c>
      <c r="D17836" s="14" t="s">
        <v>126</v>
      </c>
      <c r="E17836" s="15">
        <v>45692</v>
      </c>
      <c r="F17836" s="14" t="s">
        <v>15</v>
      </c>
      <c r="G17836" s="16">
        <v>0</v>
      </c>
    </row>
    <row r="17837" spans="1:7" x14ac:dyDescent="0.3">
      <c r="A17837" s="13" t="s">
        <v>125</v>
      </c>
      <c r="B17837" s="14" t="s">
        <v>1</v>
      </c>
      <c r="C17837" s="14" t="s">
        <v>51</v>
      </c>
      <c r="D17837" s="14" t="s">
        <v>126</v>
      </c>
      <c r="E17837" s="15">
        <v>45693</v>
      </c>
      <c r="F17837" s="14" t="s">
        <v>15</v>
      </c>
      <c r="G17837" s="16">
        <v>0</v>
      </c>
    </row>
    <row r="17838" spans="1:7" x14ac:dyDescent="0.3">
      <c r="A17838" s="13" t="s">
        <v>125</v>
      </c>
      <c r="B17838" s="14" t="s">
        <v>1</v>
      </c>
      <c r="C17838" s="14" t="s">
        <v>51</v>
      </c>
      <c r="D17838" s="14" t="s">
        <v>126</v>
      </c>
      <c r="E17838" s="15">
        <v>45694</v>
      </c>
      <c r="F17838" s="14" t="s">
        <v>15</v>
      </c>
      <c r="G17838" s="16">
        <v>0</v>
      </c>
    </row>
    <row r="17839" spans="1:7" x14ac:dyDescent="0.3">
      <c r="A17839" s="13" t="s">
        <v>125</v>
      </c>
      <c r="B17839" s="14" t="s">
        <v>1</v>
      </c>
      <c r="C17839" s="14" t="s">
        <v>51</v>
      </c>
      <c r="D17839" s="14" t="s">
        <v>126</v>
      </c>
      <c r="E17839" s="15">
        <v>45695</v>
      </c>
      <c r="F17839" s="14" t="s">
        <v>15</v>
      </c>
      <c r="G17839" s="16">
        <v>0</v>
      </c>
    </row>
    <row r="17840" spans="1:7" x14ac:dyDescent="0.3">
      <c r="A17840" s="13" t="s">
        <v>125</v>
      </c>
      <c r="B17840" s="14" t="s">
        <v>1</v>
      </c>
      <c r="C17840" s="14" t="s">
        <v>51</v>
      </c>
      <c r="D17840" s="14" t="s">
        <v>126</v>
      </c>
      <c r="E17840" s="15">
        <v>45696</v>
      </c>
      <c r="F17840" s="14" t="s">
        <v>15</v>
      </c>
      <c r="G17840" s="16">
        <v>0</v>
      </c>
    </row>
    <row r="17841" spans="1:7" x14ac:dyDescent="0.3">
      <c r="A17841" s="13" t="s">
        <v>125</v>
      </c>
      <c r="B17841" s="14" t="s">
        <v>1</v>
      </c>
      <c r="C17841" s="14" t="s">
        <v>51</v>
      </c>
      <c r="D17841" s="14" t="s">
        <v>126</v>
      </c>
      <c r="E17841" s="15">
        <v>45697</v>
      </c>
      <c r="F17841" s="14" t="s">
        <v>15</v>
      </c>
      <c r="G17841" s="16">
        <v>0</v>
      </c>
    </row>
    <row r="17842" spans="1:7" x14ac:dyDescent="0.3">
      <c r="A17842" s="13" t="s">
        <v>125</v>
      </c>
      <c r="B17842" s="14" t="s">
        <v>1</v>
      </c>
      <c r="C17842" s="14" t="s">
        <v>51</v>
      </c>
      <c r="D17842" s="14" t="s">
        <v>126</v>
      </c>
      <c r="E17842" s="15">
        <v>45698</v>
      </c>
      <c r="F17842" s="14" t="s">
        <v>15</v>
      </c>
      <c r="G17842" s="16">
        <v>0</v>
      </c>
    </row>
    <row r="17843" spans="1:7" x14ac:dyDescent="0.3">
      <c r="A17843" s="13" t="s">
        <v>125</v>
      </c>
      <c r="B17843" s="14" t="s">
        <v>1</v>
      </c>
      <c r="C17843" s="14" t="s">
        <v>51</v>
      </c>
      <c r="D17843" s="14" t="s">
        <v>126</v>
      </c>
      <c r="E17843" s="15">
        <v>45699</v>
      </c>
      <c r="F17843" s="14" t="s">
        <v>15</v>
      </c>
      <c r="G17843" s="16">
        <v>0</v>
      </c>
    </row>
    <row r="17844" spans="1:7" x14ac:dyDescent="0.3">
      <c r="A17844" s="13" t="s">
        <v>125</v>
      </c>
      <c r="B17844" s="14" t="s">
        <v>1</v>
      </c>
      <c r="C17844" s="14" t="s">
        <v>51</v>
      </c>
      <c r="D17844" s="14" t="s">
        <v>126</v>
      </c>
      <c r="E17844" s="15">
        <v>45700</v>
      </c>
      <c r="F17844" s="14" t="s">
        <v>15</v>
      </c>
      <c r="G17844" s="16">
        <v>0</v>
      </c>
    </row>
    <row r="17845" spans="1:7" x14ac:dyDescent="0.3">
      <c r="A17845" s="13" t="s">
        <v>125</v>
      </c>
      <c r="B17845" s="14" t="s">
        <v>1</v>
      </c>
      <c r="C17845" s="14" t="s">
        <v>51</v>
      </c>
      <c r="D17845" s="14" t="s">
        <v>126</v>
      </c>
      <c r="E17845" s="15">
        <v>45701</v>
      </c>
      <c r="F17845" s="14" t="s">
        <v>15</v>
      </c>
      <c r="G17845" s="16">
        <v>0</v>
      </c>
    </row>
    <row r="17846" spans="1:7" x14ac:dyDescent="0.3">
      <c r="A17846" s="13" t="s">
        <v>125</v>
      </c>
      <c r="B17846" s="14" t="s">
        <v>1</v>
      </c>
      <c r="C17846" s="14" t="s">
        <v>51</v>
      </c>
      <c r="D17846" s="14" t="s">
        <v>126</v>
      </c>
      <c r="E17846" s="15">
        <v>45702</v>
      </c>
      <c r="F17846" s="14" t="s">
        <v>15</v>
      </c>
      <c r="G17846" s="16">
        <v>0</v>
      </c>
    </row>
    <row r="17847" spans="1:7" x14ac:dyDescent="0.3">
      <c r="A17847" s="13" t="s">
        <v>125</v>
      </c>
      <c r="B17847" s="14" t="s">
        <v>1</v>
      </c>
      <c r="C17847" s="14" t="s">
        <v>51</v>
      </c>
      <c r="D17847" s="14" t="s">
        <v>126</v>
      </c>
      <c r="E17847" s="15">
        <v>45703</v>
      </c>
      <c r="F17847" s="14" t="s">
        <v>15</v>
      </c>
      <c r="G17847" s="16">
        <v>0</v>
      </c>
    </row>
    <row r="17848" spans="1:7" x14ac:dyDescent="0.3">
      <c r="A17848" s="13" t="s">
        <v>125</v>
      </c>
      <c r="B17848" s="14" t="s">
        <v>1</v>
      </c>
      <c r="C17848" s="14" t="s">
        <v>51</v>
      </c>
      <c r="D17848" s="14" t="s">
        <v>126</v>
      </c>
      <c r="E17848" s="15">
        <v>45704</v>
      </c>
      <c r="F17848" s="14" t="s">
        <v>15</v>
      </c>
      <c r="G17848" s="16">
        <v>0</v>
      </c>
    </row>
    <row r="17849" spans="1:7" x14ac:dyDescent="0.3">
      <c r="A17849" s="13" t="s">
        <v>125</v>
      </c>
      <c r="B17849" s="14" t="s">
        <v>1</v>
      </c>
      <c r="C17849" s="14" t="s">
        <v>51</v>
      </c>
      <c r="D17849" s="14" t="s">
        <v>126</v>
      </c>
      <c r="E17849" s="15">
        <v>45705</v>
      </c>
      <c r="F17849" s="14" t="s">
        <v>15</v>
      </c>
      <c r="G17849" s="16">
        <v>0</v>
      </c>
    </row>
    <row r="17850" spans="1:7" x14ac:dyDescent="0.3">
      <c r="A17850" s="13" t="s">
        <v>125</v>
      </c>
      <c r="B17850" s="14" t="s">
        <v>1</v>
      </c>
      <c r="C17850" s="14" t="s">
        <v>51</v>
      </c>
      <c r="D17850" s="14" t="s">
        <v>126</v>
      </c>
      <c r="E17850" s="15">
        <v>45706</v>
      </c>
      <c r="F17850" s="14" t="s">
        <v>15</v>
      </c>
      <c r="G17850" s="16">
        <v>0</v>
      </c>
    </row>
    <row r="17851" spans="1:7" x14ac:dyDescent="0.3">
      <c r="A17851" s="13" t="s">
        <v>125</v>
      </c>
      <c r="B17851" s="14" t="s">
        <v>1</v>
      </c>
      <c r="C17851" s="14" t="s">
        <v>51</v>
      </c>
      <c r="D17851" s="14" t="s">
        <v>126</v>
      </c>
      <c r="E17851" s="15">
        <v>45707</v>
      </c>
      <c r="F17851" s="14" t="s">
        <v>15</v>
      </c>
      <c r="G17851" s="16">
        <v>0</v>
      </c>
    </row>
    <row r="17852" spans="1:7" x14ac:dyDescent="0.3">
      <c r="A17852" s="13" t="s">
        <v>125</v>
      </c>
      <c r="B17852" s="14" t="s">
        <v>1</v>
      </c>
      <c r="C17852" s="14" t="s">
        <v>51</v>
      </c>
      <c r="D17852" s="14" t="s">
        <v>126</v>
      </c>
      <c r="E17852" s="15">
        <v>45708</v>
      </c>
      <c r="F17852" s="14" t="s">
        <v>15</v>
      </c>
      <c r="G17852" s="16">
        <v>0</v>
      </c>
    </row>
    <row r="17853" spans="1:7" x14ac:dyDescent="0.3">
      <c r="A17853" s="13" t="s">
        <v>125</v>
      </c>
      <c r="B17853" s="14" t="s">
        <v>1</v>
      </c>
      <c r="C17853" s="14" t="s">
        <v>51</v>
      </c>
      <c r="D17853" s="14" t="s">
        <v>126</v>
      </c>
      <c r="E17853" s="15">
        <v>45709</v>
      </c>
      <c r="F17853" s="14" t="s">
        <v>15</v>
      </c>
      <c r="G17853" s="16">
        <v>0</v>
      </c>
    </row>
    <row r="17854" spans="1:7" x14ac:dyDescent="0.3">
      <c r="A17854" s="13" t="s">
        <v>125</v>
      </c>
      <c r="B17854" s="14" t="s">
        <v>1</v>
      </c>
      <c r="C17854" s="14" t="s">
        <v>51</v>
      </c>
      <c r="D17854" s="14" t="s">
        <v>126</v>
      </c>
      <c r="E17854" s="15">
        <v>45710</v>
      </c>
      <c r="F17854" s="14" t="s">
        <v>15</v>
      </c>
      <c r="G17854" s="16">
        <v>0</v>
      </c>
    </row>
    <row r="17855" spans="1:7" x14ac:dyDescent="0.3">
      <c r="A17855" s="13" t="s">
        <v>125</v>
      </c>
      <c r="B17855" s="14" t="s">
        <v>1</v>
      </c>
      <c r="C17855" s="14" t="s">
        <v>51</v>
      </c>
      <c r="D17855" s="14" t="s">
        <v>126</v>
      </c>
      <c r="E17855" s="15">
        <v>45711</v>
      </c>
      <c r="F17855" s="14" t="s">
        <v>15</v>
      </c>
      <c r="G17855" s="16">
        <v>0</v>
      </c>
    </row>
    <row r="17856" spans="1:7" x14ac:dyDescent="0.3">
      <c r="A17856" s="13" t="s">
        <v>125</v>
      </c>
      <c r="B17856" s="14" t="s">
        <v>1</v>
      </c>
      <c r="C17856" s="14" t="s">
        <v>51</v>
      </c>
      <c r="D17856" s="14" t="s">
        <v>126</v>
      </c>
      <c r="E17856" s="15">
        <v>45712</v>
      </c>
      <c r="F17856" s="14" t="s">
        <v>15</v>
      </c>
      <c r="G17856" s="16">
        <v>0</v>
      </c>
    </row>
    <row r="17857" spans="1:7" x14ac:dyDescent="0.3">
      <c r="A17857" s="13" t="s">
        <v>125</v>
      </c>
      <c r="B17857" s="14" t="s">
        <v>1</v>
      </c>
      <c r="C17857" s="14" t="s">
        <v>51</v>
      </c>
      <c r="D17857" s="14" t="s">
        <v>126</v>
      </c>
      <c r="E17857" s="15">
        <v>45713</v>
      </c>
      <c r="F17857" s="14" t="s">
        <v>15</v>
      </c>
      <c r="G17857" s="16">
        <v>0</v>
      </c>
    </row>
    <row r="17858" spans="1:7" x14ac:dyDescent="0.3">
      <c r="A17858" s="13" t="s">
        <v>125</v>
      </c>
      <c r="B17858" s="14" t="s">
        <v>1</v>
      </c>
      <c r="C17858" s="14" t="s">
        <v>51</v>
      </c>
      <c r="D17858" s="14" t="s">
        <v>126</v>
      </c>
      <c r="E17858" s="15">
        <v>45714</v>
      </c>
      <c r="F17858" s="14" t="s">
        <v>15</v>
      </c>
      <c r="G17858" s="16">
        <v>0</v>
      </c>
    </row>
    <row r="17859" spans="1:7" x14ac:dyDescent="0.3">
      <c r="A17859" s="13" t="s">
        <v>125</v>
      </c>
      <c r="B17859" s="14" t="s">
        <v>1</v>
      </c>
      <c r="C17859" s="14" t="s">
        <v>51</v>
      </c>
      <c r="D17859" s="14" t="s">
        <v>126</v>
      </c>
      <c r="E17859" s="15">
        <v>45715</v>
      </c>
      <c r="F17859" s="14" t="s">
        <v>15</v>
      </c>
      <c r="G17859" s="16">
        <v>0</v>
      </c>
    </row>
    <row r="17860" spans="1:7" x14ac:dyDescent="0.3">
      <c r="A17860" s="13" t="s">
        <v>125</v>
      </c>
      <c r="B17860" s="14" t="s">
        <v>1</v>
      </c>
      <c r="C17860" s="14" t="s">
        <v>51</v>
      </c>
      <c r="D17860" s="14" t="s">
        <v>126</v>
      </c>
      <c r="E17860" s="15">
        <v>45716</v>
      </c>
      <c r="F17860" s="14" t="s">
        <v>15</v>
      </c>
      <c r="G17860" s="16">
        <v>0</v>
      </c>
    </row>
    <row r="17861" spans="1:7" x14ac:dyDescent="0.3">
      <c r="A17861" s="13" t="s">
        <v>125</v>
      </c>
      <c r="B17861" s="14" t="s">
        <v>1</v>
      </c>
      <c r="C17861" s="14" t="s">
        <v>51</v>
      </c>
      <c r="D17861" s="14" t="s">
        <v>126</v>
      </c>
      <c r="E17861" s="15">
        <v>45717</v>
      </c>
      <c r="F17861" s="14" t="s">
        <v>15</v>
      </c>
      <c r="G17861" s="16">
        <v>0</v>
      </c>
    </row>
    <row r="17862" spans="1:7" x14ac:dyDescent="0.3">
      <c r="A17862" s="13" t="s">
        <v>125</v>
      </c>
      <c r="B17862" s="14" t="s">
        <v>1</v>
      </c>
      <c r="C17862" s="14" t="s">
        <v>51</v>
      </c>
      <c r="D17862" s="14" t="s">
        <v>126</v>
      </c>
      <c r="E17862" s="15">
        <v>45718</v>
      </c>
      <c r="F17862" s="14" t="s">
        <v>15</v>
      </c>
      <c r="G17862" s="16">
        <v>0</v>
      </c>
    </row>
    <row r="17863" spans="1:7" x14ac:dyDescent="0.3">
      <c r="A17863" s="13" t="s">
        <v>125</v>
      </c>
      <c r="B17863" s="14" t="s">
        <v>1</v>
      </c>
      <c r="C17863" s="14" t="s">
        <v>51</v>
      </c>
      <c r="D17863" s="14" t="s">
        <v>126</v>
      </c>
      <c r="E17863" s="15">
        <v>45719</v>
      </c>
      <c r="F17863" s="14" t="s">
        <v>15</v>
      </c>
      <c r="G17863" s="16">
        <v>0</v>
      </c>
    </row>
    <row r="17864" spans="1:7" x14ac:dyDescent="0.3">
      <c r="A17864" s="13" t="s">
        <v>125</v>
      </c>
      <c r="B17864" s="14" t="s">
        <v>1</v>
      </c>
      <c r="C17864" s="14" t="s">
        <v>51</v>
      </c>
      <c r="D17864" s="14" t="s">
        <v>126</v>
      </c>
      <c r="E17864" s="15">
        <v>45720</v>
      </c>
      <c r="F17864" s="14" t="s">
        <v>15</v>
      </c>
      <c r="G17864" s="16">
        <v>0</v>
      </c>
    </row>
    <row r="17865" spans="1:7" x14ac:dyDescent="0.3">
      <c r="A17865" s="13" t="s">
        <v>125</v>
      </c>
      <c r="B17865" s="14" t="s">
        <v>1</v>
      </c>
      <c r="C17865" s="14" t="s">
        <v>51</v>
      </c>
      <c r="D17865" s="14" t="s">
        <v>126</v>
      </c>
      <c r="E17865" s="15">
        <v>45721</v>
      </c>
      <c r="F17865" s="14" t="s">
        <v>15</v>
      </c>
      <c r="G17865" s="16">
        <v>0</v>
      </c>
    </row>
    <row r="17866" spans="1:7" x14ac:dyDescent="0.3">
      <c r="A17866" s="13" t="s">
        <v>125</v>
      </c>
      <c r="B17866" s="14" t="s">
        <v>1</v>
      </c>
      <c r="C17866" s="14" t="s">
        <v>51</v>
      </c>
      <c r="D17866" s="14" t="s">
        <v>126</v>
      </c>
      <c r="E17866" s="15">
        <v>45722</v>
      </c>
      <c r="F17866" s="14" t="s">
        <v>15</v>
      </c>
      <c r="G17866" s="16">
        <v>0</v>
      </c>
    </row>
    <row r="17867" spans="1:7" x14ac:dyDescent="0.3">
      <c r="A17867" s="13" t="s">
        <v>125</v>
      </c>
      <c r="B17867" s="14" t="s">
        <v>1</v>
      </c>
      <c r="C17867" s="14" t="s">
        <v>51</v>
      </c>
      <c r="D17867" s="14" t="s">
        <v>126</v>
      </c>
      <c r="E17867" s="15">
        <v>45723</v>
      </c>
      <c r="F17867" s="14" t="s">
        <v>15</v>
      </c>
      <c r="G17867" s="16">
        <v>0</v>
      </c>
    </row>
    <row r="17868" spans="1:7" x14ac:dyDescent="0.3">
      <c r="A17868" s="13" t="s">
        <v>125</v>
      </c>
      <c r="B17868" s="14" t="s">
        <v>1</v>
      </c>
      <c r="C17868" s="14" t="s">
        <v>51</v>
      </c>
      <c r="D17868" s="14" t="s">
        <v>126</v>
      </c>
      <c r="E17868" s="15">
        <v>45724</v>
      </c>
      <c r="F17868" s="14" t="s">
        <v>15</v>
      </c>
      <c r="G17868" s="16">
        <v>0</v>
      </c>
    </row>
    <row r="17869" spans="1:7" x14ac:dyDescent="0.3">
      <c r="A17869" s="13" t="s">
        <v>125</v>
      </c>
      <c r="B17869" s="14" t="s">
        <v>1</v>
      </c>
      <c r="C17869" s="14" t="s">
        <v>51</v>
      </c>
      <c r="D17869" s="14" t="s">
        <v>126</v>
      </c>
      <c r="E17869" s="15">
        <v>45725</v>
      </c>
      <c r="F17869" s="14" t="s">
        <v>15</v>
      </c>
      <c r="G17869" s="16">
        <v>0</v>
      </c>
    </row>
    <row r="17870" spans="1:7" x14ac:dyDescent="0.3">
      <c r="A17870" s="13" t="s">
        <v>125</v>
      </c>
      <c r="B17870" s="14" t="s">
        <v>1</v>
      </c>
      <c r="C17870" s="14" t="s">
        <v>51</v>
      </c>
      <c r="D17870" s="14" t="s">
        <v>126</v>
      </c>
      <c r="E17870" s="15">
        <v>45726</v>
      </c>
      <c r="F17870" s="14" t="s">
        <v>15</v>
      </c>
      <c r="G17870" s="16">
        <v>0</v>
      </c>
    </row>
    <row r="17871" spans="1:7" x14ac:dyDescent="0.3">
      <c r="A17871" s="13" t="s">
        <v>125</v>
      </c>
      <c r="B17871" s="14" t="s">
        <v>1</v>
      </c>
      <c r="C17871" s="14" t="s">
        <v>51</v>
      </c>
      <c r="D17871" s="14" t="s">
        <v>126</v>
      </c>
      <c r="E17871" s="15">
        <v>45727</v>
      </c>
      <c r="F17871" s="14" t="s">
        <v>15</v>
      </c>
      <c r="G17871" s="16">
        <v>0</v>
      </c>
    </row>
    <row r="17872" spans="1:7" x14ac:dyDescent="0.3">
      <c r="A17872" s="13" t="s">
        <v>125</v>
      </c>
      <c r="B17872" s="14" t="s">
        <v>1</v>
      </c>
      <c r="C17872" s="14" t="s">
        <v>51</v>
      </c>
      <c r="D17872" s="14" t="s">
        <v>126</v>
      </c>
      <c r="E17872" s="15">
        <v>45728</v>
      </c>
      <c r="F17872" s="14" t="s">
        <v>15</v>
      </c>
      <c r="G17872" s="16">
        <v>0</v>
      </c>
    </row>
    <row r="17873" spans="1:7" x14ac:dyDescent="0.3">
      <c r="A17873" s="13" t="s">
        <v>125</v>
      </c>
      <c r="B17873" s="14" t="s">
        <v>1</v>
      </c>
      <c r="C17873" s="14" t="s">
        <v>51</v>
      </c>
      <c r="D17873" s="14" t="s">
        <v>126</v>
      </c>
      <c r="E17873" s="15">
        <v>45729</v>
      </c>
      <c r="F17873" s="14" t="s">
        <v>15</v>
      </c>
      <c r="G17873" s="16">
        <v>0</v>
      </c>
    </row>
    <row r="17874" spans="1:7" x14ac:dyDescent="0.3">
      <c r="A17874" s="13" t="s">
        <v>125</v>
      </c>
      <c r="B17874" s="14" t="s">
        <v>1</v>
      </c>
      <c r="C17874" s="14" t="s">
        <v>51</v>
      </c>
      <c r="D17874" s="14" t="s">
        <v>126</v>
      </c>
      <c r="E17874" s="15">
        <v>45730</v>
      </c>
      <c r="F17874" s="14" t="s">
        <v>15</v>
      </c>
      <c r="G17874" s="16">
        <v>0</v>
      </c>
    </row>
    <row r="17875" spans="1:7" x14ac:dyDescent="0.3">
      <c r="A17875" s="13" t="s">
        <v>125</v>
      </c>
      <c r="B17875" s="14" t="s">
        <v>1</v>
      </c>
      <c r="C17875" s="14" t="s">
        <v>51</v>
      </c>
      <c r="D17875" s="14" t="s">
        <v>126</v>
      </c>
      <c r="E17875" s="15">
        <v>45731</v>
      </c>
      <c r="F17875" s="14" t="s">
        <v>15</v>
      </c>
      <c r="G17875" s="16">
        <v>0</v>
      </c>
    </row>
    <row r="17876" spans="1:7" x14ac:dyDescent="0.3">
      <c r="A17876" s="13" t="s">
        <v>125</v>
      </c>
      <c r="B17876" s="14" t="s">
        <v>1</v>
      </c>
      <c r="C17876" s="14" t="s">
        <v>51</v>
      </c>
      <c r="D17876" s="14" t="s">
        <v>126</v>
      </c>
      <c r="E17876" s="15">
        <v>45732</v>
      </c>
      <c r="F17876" s="14" t="s">
        <v>15</v>
      </c>
      <c r="G17876" s="16">
        <v>0</v>
      </c>
    </row>
    <row r="17877" spans="1:7" x14ac:dyDescent="0.3">
      <c r="A17877" s="13" t="s">
        <v>125</v>
      </c>
      <c r="B17877" s="14" t="s">
        <v>1</v>
      </c>
      <c r="C17877" s="14" t="s">
        <v>51</v>
      </c>
      <c r="D17877" s="14" t="s">
        <v>126</v>
      </c>
      <c r="E17877" s="15">
        <v>45733</v>
      </c>
      <c r="F17877" s="14" t="s">
        <v>15</v>
      </c>
      <c r="G17877" s="16">
        <v>0</v>
      </c>
    </row>
    <row r="17878" spans="1:7" x14ac:dyDescent="0.3">
      <c r="A17878" s="13" t="s">
        <v>125</v>
      </c>
      <c r="B17878" s="14" t="s">
        <v>1</v>
      </c>
      <c r="C17878" s="14" t="s">
        <v>51</v>
      </c>
      <c r="D17878" s="14" t="s">
        <v>126</v>
      </c>
      <c r="E17878" s="15">
        <v>45734</v>
      </c>
      <c r="F17878" s="14" t="s">
        <v>15</v>
      </c>
      <c r="G17878" s="16">
        <v>0</v>
      </c>
    </row>
    <row r="17879" spans="1:7" x14ac:dyDescent="0.3">
      <c r="A17879" s="13" t="s">
        <v>125</v>
      </c>
      <c r="B17879" s="14" t="s">
        <v>1</v>
      </c>
      <c r="C17879" s="14" t="s">
        <v>51</v>
      </c>
      <c r="D17879" s="14" t="s">
        <v>126</v>
      </c>
      <c r="E17879" s="15">
        <v>45735</v>
      </c>
      <c r="F17879" s="14" t="s">
        <v>15</v>
      </c>
      <c r="G17879" s="16">
        <v>0</v>
      </c>
    </row>
    <row r="17880" spans="1:7" x14ac:dyDescent="0.3">
      <c r="A17880" s="13" t="s">
        <v>125</v>
      </c>
      <c r="B17880" s="14" t="s">
        <v>1</v>
      </c>
      <c r="C17880" s="14" t="s">
        <v>51</v>
      </c>
      <c r="D17880" s="14" t="s">
        <v>126</v>
      </c>
      <c r="E17880" s="15">
        <v>45736</v>
      </c>
      <c r="F17880" s="14" t="s">
        <v>15</v>
      </c>
      <c r="G17880" s="16">
        <v>0</v>
      </c>
    </row>
    <row r="17881" spans="1:7" x14ac:dyDescent="0.3">
      <c r="A17881" s="13" t="s">
        <v>125</v>
      </c>
      <c r="B17881" s="14" t="s">
        <v>1</v>
      </c>
      <c r="C17881" s="14" t="s">
        <v>51</v>
      </c>
      <c r="D17881" s="14" t="s">
        <v>126</v>
      </c>
      <c r="E17881" s="15">
        <v>45737</v>
      </c>
      <c r="F17881" s="14" t="s">
        <v>15</v>
      </c>
      <c r="G17881" s="16">
        <v>0</v>
      </c>
    </row>
    <row r="17882" spans="1:7" x14ac:dyDescent="0.3">
      <c r="A17882" s="13" t="s">
        <v>125</v>
      </c>
      <c r="B17882" s="14" t="s">
        <v>1</v>
      </c>
      <c r="C17882" s="14" t="s">
        <v>51</v>
      </c>
      <c r="D17882" s="14" t="s">
        <v>126</v>
      </c>
      <c r="E17882" s="15">
        <v>45738</v>
      </c>
      <c r="F17882" s="14" t="s">
        <v>15</v>
      </c>
      <c r="G17882" s="16">
        <v>0</v>
      </c>
    </row>
    <row r="17883" spans="1:7" x14ac:dyDescent="0.3">
      <c r="A17883" s="13" t="s">
        <v>125</v>
      </c>
      <c r="B17883" s="14" t="s">
        <v>1</v>
      </c>
      <c r="C17883" s="14" t="s">
        <v>51</v>
      </c>
      <c r="D17883" s="14" t="s">
        <v>126</v>
      </c>
      <c r="E17883" s="15">
        <v>45739</v>
      </c>
      <c r="F17883" s="14" t="s">
        <v>15</v>
      </c>
      <c r="G17883" s="16">
        <v>0</v>
      </c>
    </row>
    <row r="17884" spans="1:7" x14ac:dyDescent="0.3">
      <c r="A17884" s="13" t="s">
        <v>125</v>
      </c>
      <c r="B17884" s="14" t="s">
        <v>1</v>
      </c>
      <c r="C17884" s="14" t="s">
        <v>51</v>
      </c>
      <c r="D17884" s="14" t="s">
        <v>126</v>
      </c>
      <c r="E17884" s="15">
        <v>45740</v>
      </c>
      <c r="F17884" s="14" t="s">
        <v>15</v>
      </c>
      <c r="G17884" s="16">
        <v>0</v>
      </c>
    </row>
    <row r="17885" spans="1:7" x14ac:dyDescent="0.3">
      <c r="A17885" s="13" t="s">
        <v>125</v>
      </c>
      <c r="B17885" s="14" t="s">
        <v>1</v>
      </c>
      <c r="C17885" s="14" t="s">
        <v>51</v>
      </c>
      <c r="D17885" s="14" t="s">
        <v>126</v>
      </c>
      <c r="E17885" s="15">
        <v>45741</v>
      </c>
      <c r="F17885" s="14" t="s">
        <v>15</v>
      </c>
      <c r="G17885" s="16">
        <v>0</v>
      </c>
    </row>
    <row r="17886" spans="1:7" x14ac:dyDescent="0.3">
      <c r="A17886" s="13" t="s">
        <v>125</v>
      </c>
      <c r="B17886" s="14" t="s">
        <v>1</v>
      </c>
      <c r="C17886" s="14" t="s">
        <v>51</v>
      </c>
      <c r="D17886" s="14" t="s">
        <v>126</v>
      </c>
      <c r="E17886" s="15">
        <v>45742</v>
      </c>
      <c r="F17886" s="14" t="s">
        <v>15</v>
      </c>
      <c r="G17886" s="16">
        <v>0</v>
      </c>
    </row>
    <row r="17887" spans="1:7" x14ac:dyDescent="0.3">
      <c r="A17887" s="13" t="s">
        <v>125</v>
      </c>
      <c r="B17887" s="14" t="s">
        <v>1</v>
      </c>
      <c r="C17887" s="14" t="s">
        <v>51</v>
      </c>
      <c r="D17887" s="14" t="s">
        <v>126</v>
      </c>
      <c r="E17887" s="15">
        <v>45743</v>
      </c>
      <c r="F17887" s="14" t="s">
        <v>15</v>
      </c>
      <c r="G17887" s="16">
        <v>0</v>
      </c>
    </row>
    <row r="17888" spans="1:7" x14ac:dyDescent="0.3">
      <c r="A17888" s="13" t="s">
        <v>125</v>
      </c>
      <c r="B17888" s="14" t="s">
        <v>1</v>
      </c>
      <c r="C17888" s="14" t="s">
        <v>51</v>
      </c>
      <c r="D17888" s="14" t="s">
        <v>126</v>
      </c>
      <c r="E17888" s="15">
        <v>45744</v>
      </c>
      <c r="F17888" s="14" t="s">
        <v>15</v>
      </c>
      <c r="G17888" s="16">
        <v>0</v>
      </c>
    </row>
    <row r="17889" spans="1:7" x14ac:dyDescent="0.3">
      <c r="A17889" s="13" t="s">
        <v>125</v>
      </c>
      <c r="B17889" s="14" t="s">
        <v>1</v>
      </c>
      <c r="C17889" s="14" t="s">
        <v>51</v>
      </c>
      <c r="D17889" s="14" t="s">
        <v>126</v>
      </c>
      <c r="E17889" s="15">
        <v>45745</v>
      </c>
      <c r="F17889" s="14" t="s">
        <v>15</v>
      </c>
      <c r="G17889" s="16">
        <v>0</v>
      </c>
    </row>
    <row r="17890" spans="1:7" x14ac:dyDescent="0.3">
      <c r="A17890" s="13" t="s">
        <v>125</v>
      </c>
      <c r="B17890" s="14" t="s">
        <v>1</v>
      </c>
      <c r="C17890" s="14" t="s">
        <v>51</v>
      </c>
      <c r="D17890" s="14" t="s">
        <v>126</v>
      </c>
      <c r="E17890" s="15">
        <v>45746</v>
      </c>
      <c r="F17890" s="14" t="s">
        <v>15</v>
      </c>
      <c r="G17890" s="16">
        <v>0</v>
      </c>
    </row>
    <row r="17891" spans="1:7" x14ac:dyDescent="0.3">
      <c r="A17891" s="13" t="s">
        <v>125</v>
      </c>
      <c r="B17891" s="14" t="s">
        <v>1</v>
      </c>
      <c r="C17891" s="14" t="s">
        <v>51</v>
      </c>
      <c r="D17891" s="14" t="s">
        <v>126</v>
      </c>
      <c r="E17891" s="15">
        <v>45747</v>
      </c>
      <c r="F17891" s="14" t="s">
        <v>15</v>
      </c>
      <c r="G17891" s="16">
        <v>0</v>
      </c>
    </row>
    <row r="17892" spans="1:7" x14ac:dyDescent="0.3">
      <c r="A17892" s="13" t="s">
        <v>127</v>
      </c>
      <c r="B17892" s="14" t="s">
        <v>1</v>
      </c>
      <c r="C17892" s="14" t="s">
        <v>101</v>
      </c>
      <c r="D17892" s="14" t="s">
        <v>128</v>
      </c>
      <c r="E17892" s="15">
        <v>45383</v>
      </c>
      <c r="F17892" s="14" t="s">
        <v>15</v>
      </c>
      <c r="G17892" s="16">
        <v>0</v>
      </c>
    </row>
    <row r="17893" spans="1:7" x14ac:dyDescent="0.3">
      <c r="A17893" s="13" t="s">
        <v>127</v>
      </c>
      <c r="B17893" s="14" t="s">
        <v>1</v>
      </c>
      <c r="C17893" s="14" t="s">
        <v>101</v>
      </c>
      <c r="D17893" s="14" t="s">
        <v>128</v>
      </c>
      <c r="E17893" s="15">
        <v>45384</v>
      </c>
      <c r="F17893" s="14" t="s">
        <v>15</v>
      </c>
      <c r="G17893" s="16">
        <v>0</v>
      </c>
    </row>
    <row r="17894" spans="1:7" x14ac:dyDescent="0.3">
      <c r="A17894" s="13" t="s">
        <v>127</v>
      </c>
      <c r="B17894" s="14" t="s">
        <v>1</v>
      </c>
      <c r="C17894" s="14" t="s">
        <v>101</v>
      </c>
      <c r="D17894" s="14" t="s">
        <v>128</v>
      </c>
      <c r="E17894" s="15">
        <v>45385</v>
      </c>
      <c r="F17894" s="14" t="s">
        <v>15</v>
      </c>
      <c r="G17894" s="16">
        <v>0</v>
      </c>
    </row>
    <row r="17895" spans="1:7" x14ac:dyDescent="0.3">
      <c r="A17895" s="13" t="s">
        <v>127</v>
      </c>
      <c r="B17895" s="14" t="s">
        <v>1</v>
      </c>
      <c r="C17895" s="14" t="s">
        <v>101</v>
      </c>
      <c r="D17895" s="14" t="s">
        <v>128</v>
      </c>
      <c r="E17895" s="15">
        <v>45386</v>
      </c>
      <c r="F17895" s="14" t="s">
        <v>15</v>
      </c>
      <c r="G17895" s="16">
        <v>0</v>
      </c>
    </row>
    <row r="17896" spans="1:7" x14ac:dyDescent="0.3">
      <c r="A17896" s="13" t="s">
        <v>127</v>
      </c>
      <c r="B17896" s="14" t="s">
        <v>1</v>
      </c>
      <c r="C17896" s="14" t="s">
        <v>101</v>
      </c>
      <c r="D17896" s="14" t="s">
        <v>128</v>
      </c>
      <c r="E17896" s="15">
        <v>45387</v>
      </c>
      <c r="F17896" s="14" t="s">
        <v>15</v>
      </c>
      <c r="G17896" s="16">
        <v>6.2584319228765279E-3</v>
      </c>
    </row>
    <row r="17897" spans="1:7" x14ac:dyDescent="0.3">
      <c r="A17897" s="13" t="s">
        <v>127</v>
      </c>
      <c r="B17897" s="14" t="s">
        <v>1</v>
      </c>
      <c r="C17897" s="14" t="s">
        <v>101</v>
      </c>
      <c r="D17897" s="14" t="s">
        <v>128</v>
      </c>
      <c r="E17897" s="15">
        <v>45388</v>
      </c>
      <c r="F17897" s="14" t="s">
        <v>15</v>
      </c>
      <c r="G17897" s="16">
        <v>6.2584319228765279E-3</v>
      </c>
    </row>
    <row r="17898" spans="1:7" x14ac:dyDescent="0.3">
      <c r="A17898" s="13" t="s">
        <v>127</v>
      </c>
      <c r="B17898" s="14" t="s">
        <v>1</v>
      </c>
      <c r="C17898" s="14" t="s">
        <v>101</v>
      </c>
      <c r="D17898" s="14" t="s">
        <v>128</v>
      </c>
      <c r="E17898" s="15">
        <v>45389</v>
      </c>
      <c r="F17898" s="14" t="s">
        <v>15</v>
      </c>
      <c r="G17898" s="16">
        <v>6.2584319228765279E-3</v>
      </c>
    </row>
    <row r="17899" spans="1:7" x14ac:dyDescent="0.3">
      <c r="A17899" s="13" t="s">
        <v>127</v>
      </c>
      <c r="B17899" s="14" t="s">
        <v>1</v>
      </c>
      <c r="C17899" s="14" t="s">
        <v>101</v>
      </c>
      <c r="D17899" s="14" t="s">
        <v>128</v>
      </c>
      <c r="E17899" s="15">
        <v>45390</v>
      </c>
      <c r="F17899" s="14" t="s">
        <v>15</v>
      </c>
      <c r="G17899" s="16">
        <v>8.8796348807535456E-3</v>
      </c>
    </row>
    <row r="17900" spans="1:7" x14ac:dyDescent="0.3">
      <c r="A17900" s="13" t="s">
        <v>127</v>
      </c>
      <c r="B17900" s="14" t="s">
        <v>1</v>
      </c>
      <c r="C17900" s="14" t="s">
        <v>101</v>
      </c>
      <c r="D17900" s="14" t="s">
        <v>128</v>
      </c>
      <c r="E17900" s="15">
        <v>45391</v>
      </c>
      <c r="F17900" s="14" t="s">
        <v>15</v>
      </c>
      <c r="G17900" s="16">
        <v>6.626770924930977E-3</v>
      </c>
    </row>
    <row r="17901" spans="1:7" x14ac:dyDescent="0.3">
      <c r="A17901" s="13" t="s">
        <v>127</v>
      </c>
      <c r="B17901" s="14" t="s">
        <v>1</v>
      </c>
      <c r="C17901" s="14" t="s">
        <v>101</v>
      </c>
      <c r="D17901" s="14" t="s">
        <v>128</v>
      </c>
      <c r="E17901" s="15">
        <v>45392</v>
      </c>
      <c r="F17901" s="14" t="s">
        <v>15</v>
      </c>
      <c r="G17901" s="16">
        <v>8.3076377032258019E-3</v>
      </c>
    </row>
    <row r="17902" spans="1:7" x14ac:dyDescent="0.3">
      <c r="A17902" s="13" t="s">
        <v>127</v>
      </c>
      <c r="B17902" s="14" t="s">
        <v>1</v>
      </c>
      <c r="C17902" s="14" t="s">
        <v>101</v>
      </c>
      <c r="D17902" s="14" t="s">
        <v>128</v>
      </c>
      <c r="E17902" s="15">
        <v>45393</v>
      </c>
      <c r="F17902" s="14" t="s">
        <v>15</v>
      </c>
      <c r="G17902" s="16">
        <v>9.9809860883086632E-3</v>
      </c>
    </row>
    <row r="17903" spans="1:7" x14ac:dyDescent="0.3">
      <c r="A17903" s="13" t="s">
        <v>127</v>
      </c>
      <c r="B17903" s="14" t="s">
        <v>1</v>
      </c>
      <c r="C17903" s="14" t="s">
        <v>101</v>
      </c>
      <c r="D17903" s="14" t="s">
        <v>128</v>
      </c>
      <c r="E17903" s="15">
        <v>45394</v>
      </c>
      <c r="F17903" s="14" t="s">
        <v>15</v>
      </c>
      <c r="G17903" s="16">
        <v>0.10210060481333032</v>
      </c>
    </row>
    <row r="17904" spans="1:7" x14ac:dyDescent="0.3">
      <c r="A17904" s="13" t="s">
        <v>127</v>
      </c>
      <c r="B17904" s="14" t="s">
        <v>1</v>
      </c>
      <c r="C17904" s="14" t="s">
        <v>101</v>
      </c>
      <c r="D17904" s="14" t="s">
        <v>128</v>
      </c>
      <c r="E17904" s="15">
        <v>45395</v>
      </c>
      <c r="F17904" s="14" t="s">
        <v>15</v>
      </c>
      <c r="G17904" s="16">
        <v>0.10210060481333032</v>
      </c>
    </row>
    <row r="17905" spans="1:7" x14ac:dyDescent="0.3">
      <c r="A17905" s="13" t="s">
        <v>127</v>
      </c>
      <c r="B17905" s="14" t="s">
        <v>1</v>
      </c>
      <c r="C17905" s="14" t="s">
        <v>101</v>
      </c>
      <c r="D17905" s="14" t="s">
        <v>128</v>
      </c>
      <c r="E17905" s="15">
        <v>45396</v>
      </c>
      <c r="F17905" s="14" t="s">
        <v>15</v>
      </c>
      <c r="G17905" s="16">
        <v>0.10210060481333032</v>
      </c>
    </row>
    <row r="17906" spans="1:7" x14ac:dyDescent="0.3">
      <c r="A17906" s="13" t="s">
        <v>127</v>
      </c>
      <c r="B17906" s="14" t="s">
        <v>1</v>
      </c>
      <c r="C17906" s="14" t="s">
        <v>101</v>
      </c>
      <c r="D17906" s="14" t="s">
        <v>128</v>
      </c>
      <c r="E17906" s="15">
        <v>45397</v>
      </c>
      <c r="F17906" s="14" t="s">
        <v>15</v>
      </c>
      <c r="G17906" s="16">
        <v>0.10379973054656849</v>
      </c>
    </row>
    <row r="17907" spans="1:7" x14ac:dyDescent="0.3">
      <c r="A17907" s="13" t="s">
        <v>127</v>
      </c>
      <c r="B17907" s="14" t="s">
        <v>1</v>
      </c>
      <c r="C17907" s="14" t="s">
        <v>101</v>
      </c>
      <c r="D17907" s="14" t="s">
        <v>128</v>
      </c>
      <c r="E17907" s="15">
        <v>45398</v>
      </c>
      <c r="F17907" s="14" t="s">
        <v>15</v>
      </c>
      <c r="G17907" s="16">
        <v>0.10162903188799097</v>
      </c>
    </row>
    <row r="17908" spans="1:7" x14ac:dyDescent="0.3">
      <c r="A17908" s="13" t="s">
        <v>127</v>
      </c>
      <c r="B17908" s="14" t="s">
        <v>1</v>
      </c>
      <c r="C17908" s="14" t="s">
        <v>101</v>
      </c>
      <c r="D17908" s="14" t="s">
        <v>128</v>
      </c>
      <c r="E17908" s="15">
        <v>45399</v>
      </c>
      <c r="F17908" s="14" t="s">
        <v>15</v>
      </c>
      <c r="G17908" s="16">
        <v>0.10445376849067761</v>
      </c>
    </row>
    <row r="17909" spans="1:7" x14ac:dyDescent="0.3">
      <c r="A17909" s="13" t="s">
        <v>127</v>
      </c>
      <c r="B17909" s="14" t="s">
        <v>1</v>
      </c>
      <c r="C17909" s="14" t="s">
        <v>101</v>
      </c>
      <c r="D17909" s="14" t="s">
        <v>128</v>
      </c>
      <c r="E17909" s="15">
        <v>45400</v>
      </c>
      <c r="F17909" s="14" t="s">
        <v>15</v>
      </c>
      <c r="G17909" s="16">
        <v>0.1061926343023219</v>
      </c>
    </row>
    <row r="17910" spans="1:7" x14ac:dyDescent="0.3">
      <c r="A17910" s="13" t="s">
        <v>127</v>
      </c>
      <c r="B17910" s="14" t="s">
        <v>1</v>
      </c>
      <c r="C17910" s="14" t="s">
        <v>101</v>
      </c>
      <c r="D17910" s="14" t="s">
        <v>128</v>
      </c>
      <c r="E17910" s="15">
        <v>45401</v>
      </c>
      <c r="F17910" s="14" t="s">
        <v>15</v>
      </c>
      <c r="G17910" s="16">
        <v>0.11434415249568573</v>
      </c>
    </row>
    <row r="17911" spans="1:7" x14ac:dyDescent="0.3">
      <c r="A17911" s="13" t="s">
        <v>127</v>
      </c>
      <c r="B17911" s="14" t="s">
        <v>1</v>
      </c>
      <c r="C17911" s="14" t="s">
        <v>101</v>
      </c>
      <c r="D17911" s="14" t="s">
        <v>128</v>
      </c>
      <c r="E17911" s="15">
        <v>45402</v>
      </c>
      <c r="F17911" s="14" t="s">
        <v>15</v>
      </c>
      <c r="G17911" s="16">
        <v>0.11434415249568573</v>
      </c>
    </row>
    <row r="17912" spans="1:7" x14ac:dyDescent="0.3">
      <c r="A17912" s="13" t="s">
        <v>127</v>
      </c>
      <c r="B17912" s="14" t="s">
        <v>1</v>
      </c>
      <c r="C17912" s="14" t="s">
        <v>101</v>
      </c>
      <c r="D17912" s="14" t="s">
        <v>128</v>
      </c>
      <c r="E17912" s="15">
        <v>45403</v>
      </c>
      <c r="F17912" s="14" t="s">
        <v>15</v>
      </c>
      <c r="G17912" s="16">
        <v>0.11434415249568573</v>
      </c>
    </row>
    <row r="17913" spans="1:7" x14ac:dyDescent="0.3">
      <c r="A17913" s="13" t="s">
        <v>127</v>
      </c>
      <c r="B17913" s="14" t="s">
        <v>1</v>
      </c>
      <c r="C17913" s="14" t="s">
        <v>101</v>
      </c>
      <c r="D17913" s="14" t="s">
        <v>128</v>
      </c>
      <c r="E17913" s="15">
        <v>45404</v>
      </c>
      <c r="F17913" s="14" t="s">
        <v>15</v>
      </c>
      <c r="G17913" s="16">
        <v>0.11608731453202255</v>
      </c>
    </row>
    <row r="17914" spans="1:7" x14ac:dyDescent="0.3">
      <c r="A17914" s="13" t="s">
        <v>127</v>
      </c>
      <c r="B17914" s="14" t="s">
        <v>1</v>
      </c>
      <c r="C17914" s="14" t="s">
        <v>101</v>
      </c>
      <c r="D17914" s="14" t="s">
        <v>128</v>
      </c>
      <c r="E17914" s="15">
        <v>45405</v>
      </c>
      <c r="F17914" s="14" t="s">
        <v>15</v>
      </c>
      <c r="G17914" s="16">
        <v>0.18941524645182428</v>
      </c>
    </row>
    <row r="17915" spans="1:7" x14ac:dyDescent="0.3">
      <c r="A17915" s="13" t="s">
        <v>127</v>
      </c>
      <c r="B17915" s="14" t="s">
        <v>1</v>
      </c>
      <c r="C17915" s="14" t="s">
        <v>101</v>
      </c>
      <c r="D17915" s="14" t="s">
        <v>128</v>
      </c>
      <c r="E17915" s="15">
        <v>45406</v>
      </c>
      <c r="F17915" s="14" t="s">
        <v>15</v>
      </c>
      <c r="G17915" s="16">
        <v>0.19547289213565588</v>
      </c>
    </row>
    <row r="17916" spans="1:7" x14ac:dyDescent="0.3">
      <c r="A17916" s="13" t="s">
        <v>127</v>
      </c>
      <c r="B17916" s="14" t="s">
        <v>1</v>
      </c>
      <c r="C17916" s="14" t="s">
        <v>101</v>
      </c>
      <c r="D17916" s="14" t="s">
        <v>128</v>
      </c>
      <c r="E17916" s="15">
        <v>45407</v>
      </c>
      <c r="F17916" s="14" t="s">
        <v>15</v>
      </c>
      <c r="G17916" s="16">
        <v>0.19292036650752786</v>
      </c>
    </row>
    <row r="17917" spans="1:7" x14ac:dyDescent="0.3">
      <c r="A17917" s="13" t="s">
        <v>127</v>
      </c>
      <c r="B17917" s="14" t="s">
        <v>1</v>
      </c>
      <c r="C17917" s="14" t="s">
        <v>101</v>
      </c>
      <c r="D17917" s="14" t="s">
        <v>128</v>
      </c>
      <c r="E17917" s="15">
        <v>45408</v>
      </c>
      <c r="F17917" s="14" t="s">
        <v>15</v>
      </c>
      <c r="G17917" s="16">
        <v>0.19631381585389099</v>
      </c>
    </row>
    <row r="17918" spans="1:7" x14ac:dyDescent="0.3">
      <c r="A17918" s="13" t="s">
        <v>127</v>
      </c>
      <c r="B17918" s="14" t="s">
        <v>1</v>
      </c>
      <c r="C17918" s="14" t="s">
        <v>101</v>
      </c>
      <c r="D17918" s="14" t="s">
        <v>128</v>
      </c>
      <c r="E17918" s="15">
        <v>45409</v>
      </c>
      <c r="F17918" s="14" t="s">
        <v>15</v>
      </c>
      <c r="G17918" s="16">
        <v>0.19631381585389099</v>
      </c>
    </row>
    <row r="17919" spans="1:7" x14ac:dyDescent="0.3">
      <c r="A17919" s="13" t="s">
        <v>127</v>
      </c>
      <c r="B17919" s="14" t="s">
        <v>1</v>
      </c>
      <c r="C17919" s="14" t="s">
        <v>101</v>
      </c>
      <c r="D17919" s="14" t="s">
        <v>128</v>
      </c>
      <c r="E17919" s="15">
        <v>45410</v>
      </c>
      <c r="F17919" s="14" t="s">
        <v>15</v>
      </c>
      <c r="G17919" s="16">
        <v>0.19631381585389099</v>
      </c>
    </row>
    <row r="17920" spans="1:7" x14ac:dyDescent="0.3">
      <c r="A17920" s="13" t="s">
        <v>127</v>
      </c>
      <c r="B17920" s="14" t="s">
        <v>1</v>
      </c>
      <c r="C17920" s="14" t="s">
        <v>101</v>
      </c>
      <c r="D17920" s="14" t="s">
        <v>128</v>
      </c>
      <c r="E17920" s="15">
        <v>45411</v>
      </c>
      <c r="F17920" s="14" t="s">
        <v>15</v>
      </c>
      <c r="G17920" s="16">
        <v>0.19803442271059191</v>
      </c>
    </row>
    <row r="17921" spans="1:7" x14ac:dyDescent="0.3">
      <c r="A17921" s="13" t="s">
        <v>127</v>
      </c>
      <c r="B17921" s="14" t="s">
        <v>1</v>
      </c>
      <c r="C17921" s="14" t="s">
        <v>101</v>
      </c>
      <c r="D17921" s="14" t="s">
        <v>128</v>
      </c>
      <c r="E17921" s="15">
        <v>45412</v>
      </c>
      <c r="F17921" s="14" t="s">
        <v>15</v>
      </c>
      <c r="G17921" s="16">
        <v>0.2025658345723946</v>
      </c>
    </row>
    <row r="17922" spans="1:7" x14ac:dyDescent="0.3">
      <c r="A17922" s="13" t="s">
        <v>127</v>
      </c>
      <c r="B17922" s="14" t="s">
        <v>1</v>
      </c>
      <c r="C17922" s="14" t="s">
        <v>101</v>
      </c>
      <c r="D17922" s="14" t="s">
        <v>128</v>
      </c>
      <c r="E17922" s="15">
        <v>45413</v>
      </c>
      <c r="F17922" s="14" t="s">
        <v>15</v>
      </c>
      <c r="G17922" s="16">
        <v>0.35485139497616602</v>
      </c>
    </row>
    <row r="17923" spans="1:7" x14ac:dyDescent="0.3">
      <c r="A17923" s="13" t="s">
        <v>127</v>
      </c>
      <c r="B17923" s="14" t="s">
        <v>1</v>
      </c>
      <c r="C17923" s="14" t="s">
        <v>101</v>
      </c>
      <c r="D17923" s="14" t="s">
        <v>128</v>
      </c>
      <c r="E17923" s="15">
        <v>45414</v>
      </c>
      <c r="F17923" s="14" t="s">
        <v>15</v>
      </c>
      <c r="G17923" s="16">
        <v>0.35557366661993534</v>
      </c>
    </row>
    <row r="17924" spans="1:7" x14ac:dyDescent="0.3">
      <c r="A17924" s="13" t="s">
        <v>127</v>
      </c>
      <c r="B17924" s="14" t="s">
        <v>1</v>
      </c>
      <c r="C17924" s="14" t="s">
        <v>101</v>
      </c>
      <c r="D17924" s="14" t="s">
        <v>128</v>
      </c>
      <c r="E17924" s="15">
        <v>45415</v>
      </c>
      <c r="F17924" s="14" t="s">
        <v>15</v>
      </c>
      <c r="G17924" s="16">
        <v>0.35727064424082722</v>
      </c>
    </row>
    <row r="17925" spans="1:7" x14ac:dyDescent="0.3">
      <c r="A17925" s="13" t="s">
        <v>127</v>
      </c>
      <c r="B17925" s="14" t="s">
        <v>1</v>
      </c>
      <c r="C17925" s="14" t="s">
        <v>101</v>
      </c>
      <c r="D17925" s="14" t="s">
        <v>128</v>
      </c>
      <c r="E17925" s="15">
        <v>45416</v>
      </c>
      <c r="F17925" s="14" t="s">
        <v>15</v>
      </c>
      <c r="G17925" s="16">
        <v>0.35727064424082722</v>
      </c>
    </row>
    <row r="17926" spans="1:7" x14ac:dyDescent="0.3">
      <c r="A17926" s="13" t="s">
        <v>127</v>
      </c>
      <c r="B17926" s="14" t="s">
        <v>1</v>
      </c>
      <c r="C17926" s="14" t="s">
        <v>101</v>
      </c>
      <c r="D17926" s="14" t="s">
        <v>128</v>
      </c>
      <c r="E17926" s="15">
        <v>45417</v>
      </c>
      <c r="F17926" s="14" t="s">
        <v>15</v>
      </c>
      <c r="G17926" s="16">
        <v>0.35727064424082722</v>
      </c>
    </row>
    <row r="17927" spans="1:7" x14ac:dyDescent="0.3">
      <c r="A17927" s="13" t="s">
        <v>127</v>
      </c>
      <c r="B17927" s="14" t="s">
        <v>1</v>
      </c>
      <c r="C17927" s="14" t="s">
        <v>101</v>
      </c>
      <c r="D17927" s="14" t="s">
        <v>128</v>
      </c>
      <c r="E17927" s="15">
        <v>45418</v>
      </c>
      <c r="F17927" s="14" t="s">
        <v>15</v>
      </c>
      <c r="G17927" s="16">
        <v>0.35727064424082722</v>
      </c>
    </row>
    <row r="17928" spans="1:7" x14ac:dyDescent="0.3">
      <c r="A17928" s="13" t="s">
        <v>127</v>
      </c>
      <c r="B17928" s="14" t="s">
        <v>1</v>
      </c>
      <c r="C17928" s="14" t="s">
        <v>101</v>
      </c>
      <c r="D17928" s="14" t="s">
        <v>128</v>
      </c>
      <c r="E17928" s="15">
        <v>45419</v>
      </c>
      <c r="F17928" s="14" t="s">
        <v>15</v>
      </c>
      <c r="G17928" s="16">
        <v>0.37569873189877406</v>
      </c>
    </row>
    <row r="17929" spans="1:7" x14ac:dyDescent="0.3">
      <c r="A17929" s="13" t="s">
        <v>127</v>
      </c>
      <c r="B17929" s="14" t="s">
        <v>1</v>
      </c>
      <c r="C17929" s="14" t="s">
        <v>101</v>
      </c>
      <c r="D17929" s="14" t="s">
        <v>128</v>
      </c>
      <c r="E17929" s="15">
        <v>45420</v>
      </c>
      <c r="F17929" s="14" t="s">
        <v>15</v>
      </c>
      <c r="G17929" s="16">
        <v>0.43249479120163792</v>
      </c>
    </row>
    <row r="17930" spans="1:7" x14ac:dyDescent="0.3">
      <c r="A17930" s="13" t="s">
        <v>127</v>
      </c>
      <c r="B17930" s="14" t="s">
        <v>1</v>
      </c>
      <c r="C17930" s="14" t="s">
        <v>101</v>
      </c>
      <c r="D17930" s="14" t="s">
        <v>128</v>
      </c>
      <c r="E17930" s="15">
        <v>45421</v>
      </c>
      <c r="F17930" s="14" t="s">
        <v>15</v>
      </c>
      <c r="G17930" s="16">
        <v>0.4945193559553368</v>
      </c>
    </row>
    <row r="17931" spans="1:7" x14ac:dyDescent="0.3">
      <c r="A17931" s="13" t="s">
        <v>127</v>
      </c>
      <c r="B17931" s="14" t="s">
        <v>1</v>
      </c>
      <c r="C17931" s="14" t="s">
        <v>101</v>
      </c>
      <c r="D17931" s="14" t="s">
        <v>128</v>
      </c>
      <c r="E17931" s="15">
        <v>45422</v>
      </c>
      <c r="F17931" s="14" t="s">
        <v>15</v>
      </c>
      <c r="G17931" s="16">
        <v>0.51319769870162479</v>
      </c>
    </row>
    <row r="17932" spans="1:7" x14ac:dyDescent="0.3">
      <c r="A17932" s="13" t="s">
        <v>127</v>
      </c>
      <c r="B17932" s="14" t="s">
        <v>1</v>
      </c>
      <c r="C17932" s="14" t="s">
        <v>101</v>
      </c>
      <c r="D17932" s="14" t="s">
        <v>128</v>
      </c>
      <c r="E17932" s="15">
        <v>45423</v>
      </c>
      <c r="F17932" s="14" t="s">
        <v>15</v>
      </c>
      <c r="G17932" s="16">
        <v>0.51319769870162479</v>
      </c>
    </row>
    <row r="17933" spans="1:7" x14ac:dyDescent="0.3">
      <c r="A17933" s="13" t="s">
        <v>127</v>
      </c>
      <c r="B17933" s="14" t="s">
        <v>1</v>
      </c>
      <c r="C17933" s="14" t="s">
        <v>101</v>
      </c>
      <c r="D17933" s="14" t="s">
        <v>128</v>
      </c>
      <c r="E17933" s="15">
        <v>45424</v>
      </c>
      <c r="F17933" s="14" t="s">
        <v>15</v>
      </c>
      <c r="G17933" s="16">
        <v>0.51319769870162479</v>
      </c>
    </row>
    <row r="17934" spans="1:7" x14ac:dyDescent="0.3">
      <c r="A17934" s="13" t="s">
        <v>127</v>
      </c>
      <c r="B17934" s="14" t="s">
        <v>1</v>
      </c>
      <c r="C17934" s="14" t="s">
        <v>101</v>
      </c>
      <c r="D17934" s="14" t="s">
        <v>128</v>
      </c>
      <c r="E17934" s="15">
        <v>45425</v>
      </c>
      <c r="F17934" s="14" t="s">
        <v>15</v>
      </c>
      <c r="G17934" s="16">
        <v>0.51804166090981063</v>
      </c>
    </row>
    <row r="17935" spans="1:7" x14ac:dyDescent="0.3">
      <c r="A17935" s="13" t="s">
        <v>127</v>
      </c>
      <c r="B17935" s="14" t="s">
        <v>1</v>
      </c>
      <c r="C17935" s="14" t="s">
        <v>101</v>
      </c>
      <c r="D17935" s="14" t="s">
        <v>128</v>
      </c>
      <c r="E17935" s="15">
        <v>45426</v>
      </c>
      <c r="F17935" s="14" t="s">
        <v>15</v>
      </c>
      <c r="G17935" s="16">
        <v>0.50865223071157362</v>
      </c>
    </row>
    <row r="17936" spans="1:7" x14ac:dyDescent="0.3">
      <c r="A17936" s="13" t="s">
        <v>127</v>
      </c>
      <c r="B17936" s="14" t="s">
        <v>1</v>
      </c>
      <c r="C17936" s="14" t="s">
        <v>101</v>
      </c>
      <c r="D17936" s="14" t="s">
        <v>128</v>
      </c>
      <c r="E17936" s="15">
        <v>45427</v>
      </c>
      <c r="F17936" s="14" t="s">
        <v>15</v>
      </c>
      <c r="G17936" s="16">
        <v>0.51029110238862441</v>
      </c>
    </row>
    <row r="17937" spans="1:7" x14ac:dyDescent="0.3">
      <c r="A17937" s="13" t="s">
        <v>127</v>
      </c>
      <c r="B17937" s="14" t="s">
        <v>1</v>
      </c>
      <c r="C17937" s="14" t="s">
        <v>101</v>
      </c>
      <c r="D17937" s="14" t="s">
        <v>128</v>
      </c>
      <c r="E17937" s="15">
        <v>45428</v>
      </c>
      <c r="F17937" s="14" t="s">
        <v>15</v>
      </c>
      <c r="G17937" s="16">
        <v>0.55425938047396173</v>
      </c>
    </row>
    <row r="17938" spans="1:7" x14ac:dyDescent="0.3">
      <c r="A17938" s="13" t="s">
        <v>127</v>
      </c>
      <c r="B17938" s="14" t="s">
        <v>1</v>
      </c>
      <c r="C17938" s="14" t="s">
        <v>101</v>
      </c>
      <c r="D17938" s="14" t="s">
        <v>128</v>
      </c>
      <c r="E17938" s="15">
        <v>45429</v>
      </c>
      <c r="F17938" s="14" t="s">
        <v>15</v>
      </c>
      <c r="G17938" s="16">
        <v>0.5920686465508761</v>
      </c>
    </row>
    <row r="17939" spans="1:7" x14ac:dyDescent="0.3">
      <c r="A17939" s="13" t="s">
        <v>127</v>
      </c>
      <c r="B17939" s="14" t="s">
        <v>1</v>
      </c>
      <c r="C17939" s="14" t="s">
        <v>101</v>
      </c>
      <c r="D17939" s="14" t="s">
        <v>128</v>
      </c>
      <c r="E17939" s="15">
        <v>45430</v>
      </c>
      <c r="F17939" s="14" t="s">
        <v>15</v>
      </c>
      <c r="G17939" s="16">
        <v>0.5920686465508761</v>
      </c>
    </row>
    <row r="17940" spans="1:7" x14ac:dyDescent="0.3">
      <c r="A17940" s="13" t="s">
        <v>127</v>
      </c>
      <c r="B17940" s="14" t="s">
        <v>1</v>
      </c>
      <c r="C17940" s="14" t="s">
        <v>101</v>
      </c>
      <c r="D17940" s="14" t="s">
        <v>128</v>
      </c>
      <c r="E17940" s="15">
        <v>45431</v>
      </c>
      <c r="F17940" s="14" t="s">
        <v>15</v>
      </c>
      <c r="G17940" s="16">
        <v>0.5920686465508761</v>
      </c>
    </row>
    <row r="17941" spans="1:7" x14ac:dyDescent="0.3">
      <c r="A17941" s="13" t="s">
        <v>127</v>
      </c>
      <c r="B17941" s="14" t="s">
        <v>1</v>
      </c>
      <c r="C17941" s="14" t="s">
        <v>101</v>
      </c>
      <c r="D17941" s="14" t="s">
        <v>128</v>
      </c>
      <c r="E17941" s="15">
        <v>45432</v>
      </c>
      <c r="F17941" s="14" t="s">
        <v>15</v>
      </c>
      <c r="G17941" s="16">
        <v>0.59368816816247827</v>
      </c>
    </row>
    <row r="17942" spans="1:7" x14ac:dyDescent="0.3">
      <c r="A17942" s="13" t="s">
        <v>127</v>
      </c>
      <c r="B17942" s="14" t="s">
        <v>1</v>
      </c>
      <c r="C17942" s="14" t="s">
        <v>101</v>
      </c>
      <c r="D17942" s="14" t="s">
        <v>128</v>
      </c>
      <c r="E17942" s="15">
        <v>45433</v>
      </c>
      <c r="F17942" s="14" t="s">
        <v>15</v>
      </c>
      <c r="G17942" s="16">
        <v>0.5912276715622542</v>
      </c>
    </row>
    <row r="17943" spans="1:7" x14ac:dyDescent="0.3">
      <c r="A17943" s="13" t="s">
        <v>127</v>
      </c>
      <c r="B17943" s="14" t="s">
        <v>1</v>
      </c>
      <c r="C17943" s="14" t="s">
        <v>101</v>
      </c>
      <c r="D17943" s="14" t="s">
        <v>128</v>
      </c>
      <c r="E17943" s="15">
        <v>45434</v>
      </c>
      <c r="F17943" s="14" t="s">
        <v>15</v>
      </c>
      <c r="G17943" s="16">
        <v>0.59284776229342828</v>
      </c>
    </row>
    <row r="17944" spans="1:7" x14ac:dyDescent="0.3">
      <c r="A17944" s="13" t="s">
        <v>127</v>
      </c>
      <c r="B17944" s="14" t="s">
        <v>1</v>
      </c>
      <c r="C17944" s="14" t="s">
        <v>101</v>
      </c>
      <c r="D17944" s="14" t="s">
        <v>128</v>
      </c>
      <c r="E17944" s="15">
        <v>45435</v>
      </c>
      <c r="F17944" s="14" t="s">
        <v>15</v>
      </c>
      <c r="G17944" s="16">
        <v>0.59446899126374653</v>
      </c>
    </row>
    <row r="17945" spans="1:7" x14ac:dyDescent="0.3">
      <c r="A17945" s="13" t="s">
        <v>127</v>
      </c>
      <c r="B17945" s="14" t="s">
        <v>1</v>
      </c>
      <c r="C17945" s="14" t="s">
        <v>101</v>
      </c>
      <c r="D17945" s="14" t="s">
        <v>128</v>
      </c>
      <c r="E17945" s="15">
        <v>45436</v>
      </c>
      <c r="F17945" s="14" t="s">
        <v>15</v>
      </c>
      <c r="G17945" s="16">
        <v>0.60550630355317014</v>
      </c>
    </row>
    <row r="17946" spans="1:7" x14ac:dyDescent="0.3">
      <c r="A17946" s="13" t="s">
        <v>127</v>
      </c>
      <c r="B17946" s="14" t="s">
        <v>1</v>
      </c>
      <c r="C17946" s="14" t="s">
        <v>101</v>
      </c>
      <c r="D17946" s="14" t="s">
        <v>128</v>
      </c>
      <c r="E17946" s="15">
        <v>45437</v>
      </c>
      <c r="F17946" s="14" t="s">
        <v>15</v>
      </c>
      <c r="G17946" s="16">
        <v>0.60550630355317014</v>
      </c>
    </row>
    <row r="17947" spans="1:7" x14ac:dyDescent="0.3">
      <c r="A17947" s="13" t="s">
        <v>127</v>
      </c>
      <c r="B17947" s="14" t="s">
        <v>1</v>
      </c>
      <c r="C17947" s="14" t="s">
        <v>101</v>
      </c>
      <c r="D17947" s="14" t="s">
        <v>128</v>
      </c>
      <c r="E17947" s="15">
        <v>45438</v>
      </c>
      <c r="F17947" s="14" t="s">
        <v>15</v>
      </c>
      <c r="G17947" s="16">
        <v>0.60550630355317014</v>
      </c>
    </row>
    <row r="17948" spans="1:7" x14ac:dyDescent="0.3">
      <c r="A17948" s="13" t="s">
        <v>127</v>
      </c>
      <c r="B17948" s="14" t="s">
        <v>1</v>
      </c>
      <c r="C17948" s="14" t="s">
        <v>101</v>
      </c>
      <c r="D17948" s="14" t="s">
        <v>128</v>
      </c>
      <c r="E17948" s="15">
        <v>45439</v>
      </c>
      <c r="F17948" s="14" t="s">
        <v>15</v>
      </c>
      <c r="G17948" s="16">
        <v>0.60714745170850914</v>
      </c>
    </row>
    <row r="17949" spans="1:7" x14ac:dyDescent="0.3">
      <c r="A17949" s="13" t="s">
        <v>127</v>
      </c>
      <c r="B17949" s="14" t="s">
        <v>1</v>
      </c>
      <c r="C17949" s="14" t="s">
        <v>101</v>
      </c>
      <c r="D17949" s="14" t="s">
        <v>128</v>
      </c>
      <c r="E17949" s="15">
        <v>45440</v>
      </c>
      <c r="F17949" s="14" t="s">
        <v>15</v>
      </c>
      <c r="G17949" s="16">
        <v>0.60472565523918254</v>
      </c>
    </row>
    <row r="17950" spans="1:7" x14ac:dyDescent="0.3">
      <c r="A17950" s="13" t="s">
        <v>127</v>
      </c>
      <c r="B17950" s="14" t="s">
        <v>1</v>
      </c>
      <c r="C17950" s="14" t="s">
        <v>101</v>
      </c>
      <c r="D17950" s="14" t="s">
        <v>128</v>
      </c>
      <c r="E17950" s="15">
        <v>45441</v>
      </c>
      <c r="F17950" s="14" t="s">
        <v>15</v>
      </c>
      <c r="G17950" s="16">
        <v>0.63986575052331329</v>
      </c>
    </row>
    <row r="17951" spans="1:7" x14ac:dyDescent="0.3">
      <c r="A17951" s="13" t="s">
        <v>127</v>
      </c>
      <c r="B17951" s="14" t="s">
        <v>1</v>
      </c>
      <c r="C17951" s="14" t="s">
        <v>101</v>
      </c>
      <c r="D17951" s="14" t="s">
        <v>128</v>
      </c>
      <c r="E17951" s="15">
        <v>45442</v>
      </c>
      <c r="F17951" s="14" t="s">
        <v>15</v>
      </c>
      <c r="G17951" s="16">
        <v>0.64149893100464406</v>
      </c>
    </row>
    <row r="17952" spans="1:7" x14ac:dyDescent="0.3">
      <c r="A17952" s="13" t="s">
        <v>127</v>
      </c>
      <c r="B17952" s="14" t="s">
        <v>1</v>
      </c>
      <c r="C17952" s="14" t="s">
        <v>101</v>
      </c>
      <c r="D17952" s="14" t="s">
        <v>128</v>
      </c>
      <c r="E17952" s="15">
        <v>45443</v>
      </c>
      <c r="F17952" s="14" t="s">
        <v>15</v>
      </c>
      <c r="G17952" s="16">
        <v>0.64798954703318312</v>
      </c>
    </row>
    <row r="17953" spans="1:7" x14ac:dyDescent="0.3">
      <c r="A17953" s="13" t="s">
        <v>127</v>
      </c>
      <c r="B17953" s="14" t="s">
        <v>1</v>
      </c>
      <c r="C17953" s="14" t="s">
        <v>101</v>
      </c>
      <c r="D17953" s="14" t="s">
        <v>128</v>
      </c>
      <c r="E17953" s="15">
        <v>45444</v>
      </c>
      <c r="F17953" s="14" t="s">
        <v>15</v>
      </c>
      <c r="G17953" s="16">
        <v>0.64798954703318312</v>
      </c>
    </row>
    <row r="17954" spans="1:7" x14ac:dyDescent="0.3">
      <c r="A17954" s="13" t="s">
        <v>127</v>
      </c>
      <c r="B17954" s="14" t="s">
        <v>1</v>
      </c>
      <c r="C17954" s="14" t="s">
        <v>101</v>
      </c>
      <c r="D17954" s="14" t="s">
        <v>128</v>
      </c>
      <c r="E17954" s="15">
        <v>45445</v>
      </c>
      <c r="F17954" s="14" t="s">
        <v>15</v>
      </c>
      <c r="G17954" s="16">
        <v>0.64798954703318312</v>
      </c>
    </row>
    <row r="17955" spans="1:7" x14ac:dyDescent="0.3">
      <c r="A17955" s="13" t="s">
        <v>127</v>
      </c>
      <c r="B17955" s="14" t="s">
        <v>1</v>
      </c>
      <c r="C17955" s="14" t="s">
        <v>101</v>
      </c>
      <c r="D17955" s="14" t="s">
        <v>128</v>
      </c>
      <c r="E17955" s="15">
        <v>45446</v>
      </c>
      <c r="F17955" s="14" t="s">
        <v>15</v>
      </c>
      <c r="G17955" s="16">
        <v>0.64798954703318312</v>
      </c>
    </row>
    <row r="17956" spans="1:7" x14ac:dyDescent="0.3">
      <c r="A17956" s="13" t="s">
        <v>127</v>
      </c>
      <c r="B17956" s="14" t="s">
        <v>1</v>
      </c>
      <c r="C17956" s="14" t="s">
        <v>101</v>
      </c>
      <c r="D17956" s="14" t="s">
        <v>128</v>
      </c>
      <c r="E17956" s="15">
        <v>45447</v>
      </c>
      <c r="F17956" s="14" t="s">
        <v>15</v>
      </c>
      <c r="G17956" s="16">
        <v>0.68359176740979577</v>
      </c>
    </row>
    <row r="17957" spans="1:7" x14ac:dyDescent="0.3">
      <c r="A17957" s="13" t="s">
        <v>127</v>
      </c>
      <c r="B17957" s="14" t="s">
        <v>1</v>
      </c>
      <c r="C17957" s="14" t="s">
        <v>101</v>
      </c>
      <c r="D17957" s="14" t="s">
        <v>128</v>
      </c>
      <c r="E17957" s="15">
        <v>45448</v>
      </c>
      <c r="F17957" s="14" t="s">
        <v>15</v>
      </c>
      <c r="G17957" s="16">
        <v>0.69506730176967635</v>
      </c>
    </row>
    <row r="17958" spans="1:7" x14ac:dyDescent="0.3">
      <c r="A17958" s="13" t="s">
        <v>127</v>
      </c>
      <c r="B17958" s="14" t="s">
        <v>1</v>
      </c>
      <c r="C17958" s="14" t="s">
        <v>101</v>
      </c>
      <c r="D17958" s="14" t="s">
        <v>128</v>
      </c>
      <c r="E17958" s="15">
        <v>45449</v>
      </c>
      <c r="F17958" s="14" t="s">
        <v>15</v>
      </c>
      <c r="G17958" s="16">
        <v>0.70772148276321467</v>
      </c>
    </row>
    <row r="17959" spans="1:7" x14ac:dyDescent="0.3">
      <c r="A17959" s="13" t="s">
        <v>127</v>
      </c>
      <c r="B17959" s="14" t="s">
        <v>1</v>
      </c>
      <c r="C17959" s="14" t="s">
        <v>101</v>
      </c>
      <c r="D17959" s="14" t="s">
        <v>128</v>
      </c>
      <c r="E17959" s="15">
        <v>45450</v>
      </c>
      <c r="F17959" s="14" t="s">
        <v>15</v>
      </c>
      <c r="G17959" s="16">
        <v>0.71412559261680653</v>
      </c>
    </row>
    <row r="17960" spans="1:7" x14ac:dyDescent="0.3">
      <c r="A17960" s="13" t="s">
        <v>127</v>
      </c>
      <c r="B17960" s="14" t="s">
        <v>1</v>
      </c>
      <c r="C17960" s="14" t="s">
        <v>101</v>
      </c>
      <c r="D17960" s="14" t="s">
        <v>128</v>
      </c>
      <c r="E17960" s="15">
        <v>45451</v>
      </c>
      <c r="F17960" s="14" t="s">
        <v>15</v>
      </c>
      <c r="G17960" s="16">
        <v>0.71412559261680653</v>
      </c>
    </row>
    <row r="17961" spans="1:7" x14ac:dyDescent="0.3">
      <c r="A17961" s="13" t="s">
        <v>127</v>
      </c>
      <c r="B17961" s="14" t="s">
        <v>1</v>
      </c>
      <c r="C17961" s="14" t="s">
        <v>101</v>
      </c>
      <c r="D17961" s="14" t="s">
        <v>128</v>
      </c>
      <c r="E17961" s="15">
        <v>45452</v>
      </c>
      <c r="F17961" s="14" t="s">
        <v>15</v>
      </c>
      <c r="G17961" s="16">
        <v>0.71412559261680653</v>
      </c>
    </row>
    <row r="17962" spans="1:7" x14ac:dyDescent="0.3">
      <c r="A17962" s="13" t="s">
        <v>127</v>
      </c>
      <c r="B17962" s="14" t="s">
        <v>1</v>
      </c>
      <c r="C17962" s="14" t="s">
        <v>101</v>
      </c>
      <c r="D17962" s="14" t="s">
        <v>128</v>
      </c>
      <c r="E17962" s="15">
        <v>45453</v>
      </c>
      <c r="F17962" s="14" t="s">
        <v>15</v>
      </c>
      <c r="G17962" s="16">
        <v>0.72330757510143806</v>
      </c>
    </row>
    <row r="17963" spans="1:7" x14ac:dyDescent="0.3">
      <c r="A17963" s="13" t="s">
        <v>127</v>
      </c>
      <c r="B17963" s="14" t="s">
        <v>1</v>
      </c>
      <c r="C17963" s="14" t="s">
        <v>101</v>
      </c>
      <c r="D17963" s="14" t="s">
        <v>128</v>
      </c>
      <c r="E17963" s="15">
        <v>45454</v>
      </c>
      <c r="F17963" s="14" t="s">
        <v>15</v>
      </c>
      <c r="G17963" s="16">
        <v>0.78741358012320473</v>
      </c>
    </row>
    <row r="17964" spans="1:7" x14ac:dyDescent="0.3">
      <c r="A17964" s="13" t="s">
        <v>127</v>
      </c>
      <c r="B17964" s="14" t="s">
        <v>1</v>
      </c>
      <c r="C17964" s="14" t="s">
        <v>101</v>
      </c>
      <c r="D17964" s="14" t="s">
        <v>128</v>
      </c>
      <c r="E17964" s="15">
        <v>45455</v>
      </c>
      <c r="F17964" s="14" t="s">
        <v>15</v>
      </c>
      <c r="G17964" s="16">
        <v>0.78905302091982754</v>
      </c>
    </row>
    <row r="17965" spans="1:7" x14ac:dyDescent="0.3">
      <c r="A17965" s="13" t="s">
        <v>127</v>
      </c>
      <c r="B17965" s="14" t="s">
        <v>1</v>
      </c>
      <c r="C17965" s="14" t="s">
        <v>101</v>
      </c>
      <c r="D17965" s="14" t="s">
        <v>128</v>
      </c>
      <c r="E17965" s="15">
        <v>45456</v>
      </c>
      <c r="F17965" s="14" t="s">
        <v>15</v>
      </c>
      <c r="G17965" s="16">
        <v>0.79070327498831894</v>
      </c>
    </row>
    <row r="17966" spans="1:7" x14ac:dyDescent="0.3">
      <c r="A17966" s="13" t="s">
        <v>127</v>
      </c>
      <c r="B17966" s="14" t="s">
        <v>1</v>
      </c>
      <c r="C17966" s="14" t="s">
        <v>101</v>
      </c>
      <c r="D17966" s="14" t="s">
        <v>128</v>
      </c>
      <c r="E17966" s="15">
        <v>45457</v>
      </c>
      <c r="F17966" s="14" t="s">
        <v>15</v>
      </c>
      <c r="G17966" s="16">
        <v>0.79770382215338986</v>
      </c>
    </row>
    <row r="17967" spans="1:7" x14ac:dyDescent="0.3">
      <c r="A17967" s="13" t="s">
        <v>127</v>
      </c>
      <c r="B17967" s="14" t="s">
        <v>1</v>
      </c>
      <c r="C17967" s="14" t="s">
        <v>101</v>
      </c>
      <c r="D17967" s="14" t="s">
        <v>128</v>
      </c>
      <c r="E17967" s="15">
        <v>45458</v>
      </c>
      <c r="F17967" s="14" t="s">
        <v>15</v>
      </c>
      <c r="G17967" s="16">
        <v>0.79770382215338986</v>
      </c>
    </row>
    <row r="17968" spans="1:7" x14ac:dyDescent="0.3">
      <c r="A17968" s="13" t="s">
        <v>127</v>
      </c>
      <c r="B17968" s="14" t="s">
        <v>1</v>
      </c>
      <c r="C17968" s="14" t="s">
        <v>101</v>
      </c>
      <c r="D17968" s="14" t="s">
        <v>128</v>
      </c>
      <c r="E17968" s="15">
        <v>45459</v>
      </c>
      <c r="F17968" s="14" t="s">
        <v>15</v>
      </c>
      <c r="G17968" s="16">
        <v>0.79770382215338986</v>
      </c>
    </row>
    <row r="17969" spans="1:7" x14ac:dyDescent="0.3">
      <c r="A17969" s="13" t="s">
        <v>127</v>
      </c>
      <c r="B17969" s="14" t="s">
        <v>1</v>
      </c>
      <c r="C17969" s="14" t="s">
        <v>101</v>
      </c>
      <c r="D17969" s="14" t="s">
        <v>128</v>
      </c>
      <c r="E17969" s="15">
        <v>45460</v>
      </c>
      <c r="F17969" s="14" t="s">
        <v>15</v>
      </c>
      <c r="G17969" s="16">
        <v>0.80150307172583668</v>
      </c>
    </row>
    <row r="17970" spans="1:7" x14ac:dyDescent="0.3">
      <c r="A17970" s="13" t="s">
        <v>127</v>
      </c>
      <c r="B17970" s="14" t="s">
        <v>1</v>
      </c>
      <c r="C17970" s="14" t="s">
        <v>101</v>
      </c>
      <c r="D17970" s="14" t="s">
        <v>128</v>
      </c>
      <c r="E17970" s="15">
        <v>45461</v>
      </c>
      <c r="F17970" s="14" t="s">
        <v>15</v>
      </c>
      <c r="G17970" s="16">
        <v>0.82134978587058993</v>
      </c>
    </row>
    <row r="17971" spans="1:7" x14ac:dyDescent="0.3">
      <c r="A17971" s="13" t="s">
        <v>127</v>
      </c>
      <c r="B17971" s="14" t="s">
        <v>1</v>
      </c>
      <c r="C17971" s="14" t="s">
        <v>101</v>
      </c>
      <c r="D17971" s="14" t="s">
        <v>128</v>
      </c>
      <c r="E17971" s="15">
        <v>45462</v>
      </c>
      <c r="F17971" s="14" t="s">
        <v>15</v>
      </c>
      <c r="G17971" s="16">
        <v>0.82964109622500704</v>
      </c>
    </row>
    <row r="17972" spans="1:7" x14ac:dyDescent="0.3">
      <c r="A17972" s="13" t="s">
        <v>127</v>
      </c>
      <c r="B17972" s="14" t="s">
        <v>1</v>
      </c>
      <c r="C17972" s="14" t="s">
        <v>101</v>
      </c>
      <c r="D17972" s="14" t="s">
        <v>128</v>
      </c>
      <c r="E17972" s="15">
        <v>45463</v>
      </c>
      <c r="F17972" s="14" t="s">
        <v>15</v>
      </c>
      <c r="G17972" s="16">
        <v>0.83127370758676566</v>
      </c>
    </row>
    <row r="17973" spans="1:7" x14ac:dyDescent="0.3">
      <c r="A17973" s="13" t="s">
        <v>127</v>
      </c>
      <c r="B17973" s="14" t="s">
        <v>1</v>
      </c>
      <c r="C17973" s="14" t="s">
        <v>101</v>
      </c>
      <c r="D17973" s="14" t="s">
        <v>128</v>
      </c>
      <c r="E17973" s="15">
        <v>45464</v>
      </c>
      <c r="F17973" s="14" t="s">
        <v>15</v>
      </c>
      <c r="G17973" s="16">
        <v>0.83766472769020095</v>
      </c>
    </row>
    <row r="17974" spans="1:7" x14ac:dyDescent="0.3">
      <c r="A17974" s="13" t="s">
        <v>127</v>
      </c>
      <c r="B17974" s="14" t="s">
        <v>1</v>
      </c>
      <c r="C17974" s="14" t="s">
        <v>101</v>
      </c>
      <c r="D17974" s="14" t="s">
        <v>128</v>
      </c>
      <c r="E17974" s="15">
        <v>45465</v>
      </c>
      <c r="F17974" s="14" t="s">
        <v>15</v>
      </c>
      <c r="G17974" s="16">
        <v>0.83766472769020095</v>
      </c>
    </row>
    <row r="17975" spans="1:7" x14ac:dyDescent="0.3">
      <c r="A17975" s="13" t="s">
        <v>127</v>
      </c>
      <c r="B17975" s="14" t="s">
        <v>1</v>
      </c>
      <c r="C17975" s="14" t="s">
        <v>101</v>
      </c>
      <c r="D17975" s="14" t="s">
        <v>128</v>
      </c>
      <c r="E17975" s="15">
        <v>45466</v>
      </c>
      <c r="F17975" s="14" t="s">
        <v>15</v>
      </c>
      <c r="G17975" s="16">
        <v>0.83766472769020095</v>
      </c>
    </row>
    <row r="17976" spans="1:7" x14ac:dyDescent="0.3">
      <c r="A17976" s="13" t="s">
        <v>127</v>
      </c>
      <c r="B17976" s="14" t="s">
        <v>1</v>
      </c>
      <c r="C17976" s="14" t="s">
        <v>101</v>
      </c>
      <c r="D17976" s="14" t="s">
        <v>128</v>
      </c>
      <c r="E17976" s="15">
        <v>45467</v>
      </c>
      <c r="F17976" s="14" t="s">
        <v>15</v>
      </c>
      <c r="G17976" s="16">
        <v>0.8392956316932435</v>
      </c>
    </row>
    <row r="17977" spans="1:7" x14ac:dyDescent="0.3">
      <c r="A17977" s="13" t="s">
        <v>127</v>
      </c>
      <c r="B17977" s="14" t="s">
        <v>1</v>
      </c>
      <c r="C17977" s="14" t="s">
        <v>101</v>
      </c>
      <c r="D17977" s="14" t="s">
        <v>128</v>
      </c>
      <c r="E17977" s="15">
        <v>45468</v>
      </c>
      <c r="F17977" s="14" t="s">
        <v>15</v>
      </c>
      <c r="G17977" s="16">
        <v>0.83687952641963714</v>
      </c>
    </row>
    <row r="17978" spans="1:7" x14ac:dyDescent="0.3">
      <c r="A17978" s="13" t="s">
        <v>127</v>
      </c>
      <c r="B17978" s="14" t="s">
        <v>1</v>
      </c>
      <c r="C17978" s="14" t="s">
        <v>101</v>
      </c>
      <c r="D17978" s="14" t="s">
        <v>128</v>
      </c>
      <c r="E17978" s="15">
        <v>45469</v>
      </c>
      <c r="F17978" s="14" t="s">
        <v>15</v>
      </c>
      <c r="G17978" s="16">
        <v>0.83850701570524755</v>
      </c>
    </row>
    <row r="17979" spans="1:7" x14ac:dyDescent="0.3">
      <c r="A17979" s="13" t="s">
        <v>127</v>
      </c>
      <c r="B17979" s="14" t="s">
        <v>1</v>
      </c>
      <c r="C17979" s="14" t="s">
        <v>101</v>
      </c>
      <c r="D17979" s="14" t="s">
        <v>128</v>
      </c>
      <c r="E17979" s="15">
        <v>45470</v>
      </c>
      <c r="F17979" s="14" t="s">
        <v>15</v>
      </c>
      <c r="G17979" s="16">
        <v>0.84014645650187048</v>
      </c>
    </row>
    <row r="17980" spans="1:7" x14ac:dyDescent="0.3">
      <c r="A17980" s="13" t="s">
        <v>127</v>
      </c>
      <c r="B17980" s="14" t="s">
        <v>1</v>
      </c>
      <c r="C17980" s="14" t="s">
        <v>101</v>
      </c>
      <c r="D17980" s="14" t="s">
        <v>128</v>
      </c>
      <c r="E17980" s="15">
        <v>45471</v>
      </c>
      <c r="F17980" s="14" t="s">
        <v>15</v>
      </c>
      <c r="G17980" s="16">
        <v>0.85576176662863956</v>
      </c>
    </row>
    <row r="17981" spans="1:7" x14ac:dyDescent="0.3">
      <c r="A17981" s="13" t="s">
        <v>127</v>
      </c>
      <c r="B17981" s="14" t="s">
        <v>1</v>
      </c>
      <c r="C17981" s="14" t="s">
        <v>101</v>
      </c>
      <c r="D17981" s="14" t="s">
        <v>128</v>
      </c>
      <c r="E17981" s="15">
        <v>45472</v>
      </c>
      <c r="F17981" s="14" t="s">
        <v>15</v>
      </c>
      <c r="G17981" s="16">
        <v>0.85576176662863956</v>
      </c>
    </row>
    <row r="17982" spans="1:7" x14ac:dyDescent="0.3">
      <c r="A17982" s="13" t="s">
        <v>127</v>
      </c>
      <c r="B17982" s="14" t="s">
        <v>1</v>
      </c>
      <c r="C17982" s="14" t="s">
        <v>101</v>
      </c>
      <c r="D17982" s="14" t="s">
        <v>128</v>
      </c>
      <c r="E17982" s="15">
        <v>45473</v>
      </c>
      <c r="F17982" s="14" t="s">
        <v>15</v>
      </c>
      <c r="G17982" s="16">
        <v>0.85576176662863956</v>
      </c>
    </row>
    <row r="17983" spans="1:7" x14ac:dyDescent="0.3">
      <c r="A17983" s="13" t="s">
        <v>127</v>
      </c>
      <c r="B17983" s="14" t="s">
        <v>1</v>
      </c>
      <c r="C17983" s="14" t="s">
        <v>101</v>
      </c>
      <c r="D17983" s="14" t="s">
        <v>128</v>
      </c>
      <c r="E17983" s="15">
        <v>45474</v>
      </c>
      <c r="F17983" s="14" t="s">
        <v>15</v>
      </c>
      <c r="G17983" s="16">
        <v>0.86335761286604562</v>
      </c>
    </row>
    <row r="17984" spans="1:7" x14ac:dyDescent="0.3">
      <c r="A17984" s="13" t="s">
        <v>127</v>
      </c>
      <c r="B17984" s="14" t="s">
        <v>1</v>
      </c>
      <c r="C17984" s="14" t="s">
        <v>101</v>
      </c>
      <c r="D17984" s="14" t="s">
        <v>128</v>
      </c>
      <c r="E17984" s="15">
        <v>45475</v>
      </c>
      <c r="F17984" s="14" t="s">
        <v>15</v>
      </c>
      <c r="G17984" s="16">
        <v>0.86113045529035059</v>
      </c>
    </row>
    <row r="17985" spans="1:7" x14ac:dyDescent="0.3">
      <c r="A17985" s="13" t="s">
        <v>127</v>
      </c>
      <c r="B17985" s="14" t="s">
        <v>1</v>
      </c>
      <c r="C17985" s="14" t="s">
        <v>101</v>
      </c>
      <c r="D17985" s="14" t="s">
        <v>128</v>
      </c>
      <c r="E17985" s="15">
        <v>45476</v>
      </c>
      <c r="F17985" s="14" t="s">
        <v>15</v>
      </c>
      <c r="G17985" s="16">
        <v>0.86269363406432253</v>
      </c>
    </row>
    <row r="17986" spans="1:7" x14ac:dyDescent="0.3">
      <c r="A17986" s="13" t="s">
        <v>127</v>
      </c>
      <c r="B17986" s="14" t="s">
        <v>1</v>
      </c>
      <c r="C17986" s="14" t="s">
        <v>101</v>
      </c>
      <c r="D17986" s="14" t="s">
        <v>128</v>
      </c>
      <c r="E17986" s="15">
        <v>45477</v>
      </c>
      <c r="F17986" s="14" t="s">
        <v>15</v>
      </c>
      <c r="G17986" s="16">
        <v>0.86872041764166363</v>
      </c>
    </row>
    <row r="17987" spans="1:7" x14ac:dyDescent="0.3">
      <c r="A17987" s="13" t="s">
        <v>127</v>
      </c>
      <c r="B17987" s="14" t="s">
        <v>1</v>
      </c>
      <c r="C17987" s="14" t="s">
        <v>101</v>
      </c>
      <c r="D17987" s="14" t="s">
        <v>128</v>
      </c>
      <c r="E17987" s="15">
        <v>45478</v>
      </c>
      <c r="F17987" s="14" t="s">
        <v>15</v>
      </c>
      <c r="G17987" s="16">
        <v>0.87025172571960241</v>
      </c>
    </row>
    <row r="17988" spans="1:7" x14ac:dyDescent="0.3">
      <c r="A17988" s="13" t="s">
        <v>127</v>
      </c>
      <c r="B17988" s="14" t="s">
        <v>1</v>
      </c>
      <c r="C17988" s="14" t="s">
        <v>101</v>
      </c>
      <c r="D17988" s="14" t="s">
        <v>128</v>
      </c>
      <c r="E17988" s="15">
        <v>45479</v>
      </c>
      <c r="F17988" s="14" t="s">
        <v>15</v>
      </c>
      <c r="G17988" s="16">
        <v>0.87025172571960241</v>
      </c>
    </row>
    <row r="17989" spans="1:7" x14ac:dyDescent="0.3">
      <c r="A17989" s="13" t="s">
        <v>127</v>
      </c>
      <c r="B17989" s="14" t="s">
        <v>1</v>
      </c>
      <c r="C17989" s="14" t="s">
        <v>101</v>
      </c>
      <c r="D17989" s="14" t="s">
        <v>128</v>
      </c>
      <c r="E17989" s="15">
        <v>45480</v>
      </c>
      <c r="F17989" s="14" t="s">
        <v>15</v>
      </c>
      <c r="G17989" s="16">
        <v>0.87025172571960241</v>
      </c>
    </row>
    <row r="17990" spans="1:7" x14ac:dyDescent="0.3">
      <c r="A17990" s="13" t="s">
        <v>127</v>
      </c>
      <c r="B17990" s="14" t="s">
        <v>1</v>
      </c>
      <c r="C17990" s="14" t="s">
        <v>101</v>
      </c>
      <c r="D17990" s="14" t="s">
        <v>128</v>
      </c>
      <c r="E17990" s="15">
        <v>45481</v>
      </c>
      <c r="F17990" s="14" t="s">
        <v>15</v>
      </c>
      <c r="G17990" s="16">
        <v>0.87291671998500908</v>
      </c>
    </row>
    <row r="17991" spans="1:7" x14ac:dyDescent="0.3">
      <c r="A17991" s="13" t="s">
        <v>127</v>
      </c>
      <c r="B17991" s="14" t="s">
        <v>1</v>
      </c>
      <c r="C17991" s="14" t="s">
        <v>101</v>
      </c>
      <c r="D17991" s="14" t="s">
        <v>128</v>
      </c>
      <c r="E17991" s="15">
        <v>45482</v>
      </c>
      <c r="F17991" s="14" t="s">
        <v>15</v>
      </c>
      <c r="G17991" s="16">
        <v>0.87016767976176979</v>
      </c>
    </row>
    <row r="17992" spans="1:7" x14ac:dyDescent="0.3">
      <c r="A17992" s="13" t="s">
        <v>127</v>
      </c>
      <c r="B17992" s="14" t="s">
        <v>1</v>
      </c>
      <c r="C17992" s="14" t="s">
        <v>101</v>
      </c>
      <c r="D17992" s="14" t="s">
        <v>128</v>
      </c>
      <c r="E17992" s="15">
        <v>45483</v>
      </c>
      <c r="F17992" s="14" t="s">
        <v>15</v>
      </c>
      <c r="G17992" s="16">
        <v>0.87168874368741212</v>
      </c>
    </row>
    <row r="17993" spans="1:7" x14ac:dyDescent="0.3">
      <c r="A17993" s="13" t="s">
        <v>127</v>
      </c>
      <c r="B17993" s="14" t="s">
        <v>1</v>
      </c>
      <c r="C17993" s="14" t="s">
        <v>101</v>
      </c>
      <c r="D17993" s="14" t="s">
        <v>128</v>
      </c>
      <c r="E17993" s="15">
        <v>45484</v>
      </c>
      <c r="F17993" s="14" t="s">
        <v>15</v>
      </c>
      <c r="G17993" s="16">
        <v>0.87321492968920256</v>
      </c>
    </row>
    <row r="17994" spans="1:7" x14ac:dyDescent="0.3">
      <c r="A17994" s="13" t="s">
        <v>127</v>
      </c>
      <c r="B17994" s="14" t="s">
        <v>1</v>
      </c>
      <c r="C17994" s="14" t="s">
        <v>101</v>
      </c>
      <c r="D17994" s="14" t="s">
        <v>128</v>
      </c>
      <c r="E17994" s="15">
        <v>45485</v>
      </c>
      <c r="F17994" s="14" t="s">
        <v>15</v>
      </c>
      <c r="G17994" s="16">
        <v>0.88311969403030233</v>
      </c>
    </row>
    <row r="17995" spans="1:7" x14ac:dyDescent="0.3">
      <c r="A17995" s="13" t="s">
        <v>127</v>
      </c>
      <c r="B17995" s="14" t="s">
        <v>1</v>
      </c>
      <c r="C17995" s="14" t="s">
        <v>101</v>
      </c>
      <c r="D17995" s="14" t="s">
        <v>128</v>
      </c>
      <c r="E17995" s="15">
        <v>45486</v>
      </c>
      <c r="F17995" s="14" t="s">
        <v>15</v>
      </c>
      <c r="G17995" s="16">
        <v>0.88311969403030233</v>
      </c>
    </row>
    <row r="17996" spans="1:7" x14ac:dyDescent="0.3">
      <c r="A17996" s="13" t="s">
        <v>127</v>
      </c>
      <c r="B17996" s="14" t="s">
        <v>1</v>
      </c>
      <c r="C17996" s="14" t="s">
        <v>101</v>
      </c>
      <c r="D17996" s="14" t="s">
        <v>128</v>
      </c>
      <c r="E17996" s="15">
        <v>45487</v>
      </c>
      <c r="F17996" s="14" t="s">
        <v>15</v>
      </c>
      <c r="G17996" s="16">
        <v>0.88311969403030233</v>
      </c>
    </row>
    <row r="17997" spans="1:7" x14ac:dyDescent="0.3">
      <c r="A17997" s="13" t="s">
        <v>127</v>
      </c>
      <c r="B17997" s="14" t="s">
        <v>1</v>
      </c>
      <c r="C17997" s="14" t="s">
        <v>101</v>
      </c>
      <c r="D17997" s="14" t="s">
        <v>128</v>
      </c>
      <c r="E17997" s="15">
        <v>45488</v>
      </c>
      <c r="F17997" s="14" t="s">
        <v>15</v>
      </c>
      <c r="G17997" s="16">
        <v>0.88953575539490648</v>
      </c>
    </row>
    <row r="17998" spans="1:7" x14ac:dyDescent="0.3">
      <c r="A17998" s="13" t="s">
        <v>127</v>
      </c>
      <c r="B17998" s="14" t="s">
        <v>1</v>
      </c>
      <c r="C17998" s="14" t="s">
        <v>101</v>
      </c>
      <c r="D17998" s="14" t="s">
        <v>128</v>
      </c>
      <c r="E17998" s="15">
        <v>45489</v>
      </c>
      <c r="F17998" s="14" t="s">
        <v>15</v>
      </c>
      <c r="G17998" s="16">
        <v>0.88663077640893317</v>
      </c>
    </row>
    <row r="17999" spans="1:7" x14ac:dyDescent="0.3">
      <c r="A17999" s="13" t="s">
        <v>127</v>
      </c>
      <c r="B17999" s="14" t="s">
        <v>1</v>
      </c>
      <c r="C17999" s="14" t="s">
        <v>101</v>
      </c>
      <c r="D17999" s="14" t="s">
        <v>128</v>
      </c>
      <c r="E17999" s="15">
        <v>45490</v>
      </c>
      <c r="F17999" s="14" t="s">
        <v>15</v>
      </c>
      <c r="G17999" s="16">
        <v>0.88811029460581792</v>
      </c>
    </row>
    <row r="18000" spans="1:7" x14ac:dyDescent="0.3">
      <c r="A18000" s="13" t="s">
        <v>127</v>
      </c>
      <c r="B18000" s="14" t="s">
        <v>1</v>
      </c>
      <c r="C18000" s="14" t="s">
        <v>101</v>
      </c>
      <c r="D18000" s="14" t="s">
        <v>128</v>
      </c>
      <c r="E18000" s="15">
        <v>45491</v>
      </c>
      <c r="F18000" s="14" t="s">
        <v>15</v>
      </c>
      <c r="G18000" s="16">
        <v>0.88956590978067773</v>
      </c>
    </row>
    <row r="18001" spans="1:7" x14ac:dyDescent="0.3">
      <c r="A18001" s="13" t="s">
        <v>127</v>
      </c>
      <c r="B18001" s="14" t="s">
        <v>1</v>
      </c>
      <c r="C18001" s="14" t="s">
        <v>101</v>
      </c>
      <c r="D18001" s="14" t="s">
        <v>128</v>
      </c>
      <c r="E18001" s="15">
        <v>45492</v>
      </c>
      <c r="F18001" s="14" t="s">
        <v>15</v>
      </c>
      <c r="G18001" s="16">
        <v>0.8987740717656223</v>
      </c>
    </row>
    <row r="18002" spans="1:7" x14ac:dyDescent="0.3">
      <c r="A18002" s="13" t="s">
        <v>127</v>
      </c>
      <c r="B18002" s="14" t="s">
        <v>1</v>
      </c>
      <c r="C18002" s="14" t="s">
        <v>101</v>
      </c>
      <c r="D18002" s="14" t="s">
        <v>128</v>
      </c>
      <c r="E18002" s="15">
        <v>45493</v>
      </c>
      <c r="F18002" s="14" t="s">
        <v>15</v>
      </c>
      <c r="G18002" s="16">
        <v>0.8987740717656223</v>
      </c>
    </row>
    <row r="18003" spans="1:7" x14ac:dyDescent="0.3">
      <c r="A18003" s="13" t="s">
        <v>127</v>
      </c>
      <c r="B18003" s="14" t="s">
        <v>1</v>
      </c>
      <c r="C18003" s="14" t="s">
        <v>101</v>
      </c>
      <c r="D18003" s="14" t="s">
        <v>128</v>
      </c>
      <c r="E18003" s="15">
        <v>45494</v>
      </c>
      <c r="F18003" s="14" t="s">
        <v>15</v>
      </c>
      <c r="G18003" s="16">
        <v>0.8987740717656223</v>
      </c>
    </row>
    <row r="18004" spans="1:7" x14ac:dyDescent="0.3">
      <c r="A18004" s="13" t="s">
        <v>127</v>
      </c>
      <c r="B18004" s="14" t="s">
        <v>1</v>
      </c>
      <c r="C18004" s="14" t="s">
        <v>101</v>
      </c>
      <c r="D18004" s="14" t="s">
        <v>128</v>
      </c>
      <c r="E18004" s="15">
        <v>45495</v>
      </c>
      <c r="F18004" s="14" t="s">
        <v>15</v>
      </c>
      <c r="G18004" s="16">
        <v>0.90024732964721466</v>
      </c>
    </row>
    <row r="18005" spans="1:7" x14ac:dyDescent="0.3">
      <c r="A18005" s="13" t="s">
        <v>127</v>
      </c>
      <c r="B18005" s="14" t="s">
        <v>1</v>
      </c>
      <c r="C18005" s="14" t="s">
        <v>101</v>
      </c>
      <c r="D18005" s="14" t="s">
        <v>128</v>
      </c>
      <c r="E18005" s="15">
        <v>45496</v>
      </c>
      <c r="F18005" s="14" t="s">
        <v>15</v>
      </c>
      <c r="G18005" s="16">
        <v>0.89739357142272336</v>
      </c>
    </row>
    <row r="18006" spans="1:7" x14ac:dyDescent="0.3">
      <c r="A18006" s="13" t="s">
        <v>127</v>
      </c>
      <c r="B18006" s="14" t="s">
        <v>1</v>
      </c>
      <c r="C18006" s="14" t="s">
        <v>101</v>
      </c>
      <c r="D18006" s="14" t="s">
        <v>128</v>
      </c>
      <c r="E18006" s="15">
        <v>45497</v>
      </c>
      <c r="F18006" s="14" t="s">
        <v>15</v>
      </c>
      <c r="G18006" s="16">
        <v>0.89886455282602773</v>
      </c>
    </row>
    <row r="18007" spans="1:7" x14ac:dyDescent="0.3">
      <c r="A18007" s="13" t="s">
        <v>127</v>
      </c>
      <c r="B18007" s="14" t="s">
        <v>1</v>
      </c>
      <c r="C18007" s="14" t="s">
        <v>101</v>
      </c>
      <c r="D18007" s="14" t="s">
        <v>128</v>
      </c>
      <c r="E18007" s="15">
        <v>45498</v>
      </c>
      <c r="F18007" s="14" t="s">
        <v>15</v>
      </c>
      <c r="G18007" s="16">
        <v>0.9003423636641964</v>
      </c>
    </row>
    <row r="18008" spans="1:7" x14ac:dyDescent="0.3">
      <c r="A18008" s="13" t="s">
        <v>127</v>
      </c>
      <c r="B18008" s="14" t="s">
        <v>1</v>
      </c>
      <c r="C18008" s="14" t="s">
        <v>101</v>
      </c>
      <c r="D18008" s="14" t="s">
        <v>128</v>
      </c>
      <c r="E18008" s="15">
        <v>45499</v>
      </c>
      <c r="F18008" s="14" t="s">
        <v>15</v>
      </c>
      <c r="G18008" s="16">
        <v>0.96560937261288804</v>
      </c>
    </row>
    <row r="18009" spans="1:7" x14ac:dyDescent="0.3">
      <c r="A18009" s="13" t="s">
        <v>127</v>
      </c>
      <c r="B18009" s="14" t="s">
        <v>1</v>
      </c>
      <c r="C18009" s="14" t="s">
        <v>101</v>
      </c>
      <c r="D18009" s="14" t="s">
        <v>128</v>
      </c>
      <c r="E18009" s="15">
        <v>45500</v>
      </c>
      <c r="F18009" s="14" t="s">
        <v>15</v>
      </c>
      <c r="G18009" s="16">
        <v>0.96560937261288804</v>
      </c>
    </row>
    <row r="18010" spans="1:7" x14ac:dyDescent="0.3">
      <c r="A18010" s="13" t="s">
        <v>127</v>
      </c>
      <c r="B18010" s="14" t="s">
        <v>1</v>
      </c>
      <c r="C18010" s="14" t="s">
        <v>101</v>
      </c>
      <c r="D18010" s="14" t="s">
        <v>128</v>
      </c>
      <c r="E18010" s="15">
        <v>45501</v>
      </c>
      <c r="F18010" s="14" t="s">
        <v>15</v>
      </c>
      <c r="G18010" s="16">
        <v>0.96560937261288804</v>
      </c>
    </row>
    <row r="18011" spans="1:7" x14ac:dyDescent="0.3">
      <c r="A18011" s="13" t="s">
        <v>127</v>
      </c>
      <c r="B18011" s="14" t="s">
        <v>1</v>
      </c>
      <c r="C18011" s="14" t="s">
        <v>101</v>
      </c>
      <c r="D18011" s="14" t="s">
        <v>128</v>
      </c>
      <c r="E18011" s="15">
        <v>45502</v>
      </c>
      <c r="F18011" s="14" t="s">
        <v>15</v>
      </c>
      <c r="G18011" s="16">
        <v>0.97464622960665404</v>
      </c>
    </row>
    <row r="18012" spans="1:7" x14ac:dyDescent="0.3">
      <c r="A18012" s="13" t="s">
        <v>127</v>
      </c>
      <c r="B18012" s="14" t="s">
        <v>1</v>
      </c>
      <c r="C18012" s="14" t="s">
        <v>101</v>
      </c>
      <c r="D18012" s="14" t="s">
        <v>128</v>
      </c>
      <c r="E18012" s="15">
        <v>45503</v>
      </c>
      <c r="F18012" s="14" t="s">
        <v>15</v>
      </c>
      <c r="G18012" s="16">
        <v>0.97306046978862781</v>
      </c>
    </row>
    <row r="18013" spans="1:7" x14ac:dyDescent="0.3">
      <c r="A18013" s="13" t="s">
        <v>127</v>
      </c>
      <c r="B18013" s="14" t="s">
        <v>1</v>
      </c>
      <c r="C18013" s="14" t="s">
        <v>101</v>
      </c>
      <c r="D18013" s="14" t="s">
        <v>128</v>
      </c>
      <c r="E18013" s="15">
        <v>45504</v>
      </c>
      <c r="F18013" s="14" t="s">
        <v>15</v>
      </c>
      <c r="G18013" s="16">
        <v>0.97453998798551245</v>
      </c>
    </row>
    <row r="18014" spans="1:7" x14ac:dyDescent="0.3">
      <c r="A18014" s="13" t="s">
        <v>127</v>
      </c>
      <c r="B18014" s="14" t="s">
        <v>1</v>
      </c>
      <c r="C18014" s="14" t="s">
        <v>101</v>
      </c>
      <c r="D18014" s="14" t="s">
        <v>128</v>
      </c>
      <c r="E18014" s="15">
        <v>45505</v>
      </c>
      <c r="F18014" s="14" t="s">
        <v>15</v>
      </c>
      <c r="G18014" s="16">
        <v>0.98608723141146792</v>
      </c>
    </row>
    <row r="18015" spans="1:7" x14ac:dyDescent="0.3">
      <c r="A18015" s="13" t="s">
        <v>127</v>
      </c>
      <c r="B18015" s="14" t="s">
        <v>1</v>
      </c>
      <c r="C18015" s="14" t="s">
        <v>101</v>
      </c>
      <c r="D18015" s="14" t="s">
        <v>128</v>
      </c>
      <c r="E18015" s="15">
        <v>45506</v>
      </c>
      <c r="F18015" s="14" t="s">
        <v>15</v>
      </c>
      <c r="G18015" s="16">
        <v>0.9879856216133609</v>
      </c>
    </row>
    <row r="18016" spans="1:7" x14ac:dyDescent="0.3">
      <c r="A18016" s="13" t="s">
        <v>127</v>
      </c>
      <c r="B18016" s="14" t="s">
        <v>1</v>
      </c>
      <c r="C18016" s="14" t="s">
        <v>101</v>
      </c>
      <c r="D18016" s="14" t="s">
        <v>128</v>
      </c>
      <c r="E18016" s="15">
        <v>45507</v>
      </c>
      <c r="F18016" s="14" t="s">
        <v>15</v>
      </c>
      <c r="G18016" s="16">
        <v>0.9879856216133609</v>
      </c>
    </row>
    <row r="18017" spans="1:7" x14ac:dyDescent="0.3">
      <c r="A18017" s="13" t="s">
        <v>127</v>
      </c>
      <c r="B18017" s="14" t="s">
        <v>1</v>
      </c>
      <c r="C18017" s="14" t="s">
        <v>101</v>
      </c>
      <c r="D18017" s="14" t="s">
        <v>128</v>
      </c>
      <c r="E18017" s="15">
        <v>45508</v>
      </c>
      <c r="F18017" s="14" t="s">
        <v>15</v>
      </c>
      <c r="G18017" s="16">
        <v>0.9879856216133609</v>
      </c>
    </row>
    <row r="18018" spans="1:7" x14ac:dyDescent="0.3">
      <c r="A18018" s="13" t="s">
        <v>127</v>
      </c>
      <c r="B18018" s="14" t="s">
        <v>1</v>
      </c>
      <c r="C18018" s="14" t="s">
        <v>101</v>
      </c>
      <c r="D18018" s="14" t="s">
        <v>128</v>
      </c>
      <c r="E18018" s="15">
        <v>45509</v>
      </c>
      <c r="F18018" s="14" t="s">
        <v>15</v>
      </c>
      <c r="G18018" s="16">
        <v>0.9879856216133609</v>
      </c>
    </row>
    <row r="18019" spans="1:7" x14ac:dyDescent="0.3">
      <c r="A18019" s="13" t="s">
        <v>127</v>
      </c>
      <c r="B18019" s="14" t="s">
        <v>1</v>
      </c>
      <c r="C18019" s="14" t="s">
        <v>101</v>
      </c>
      <c r="D18019" s="14" t="s">
        <v>128</v>
      </c>
      <c r="E18019" s="15">
        <v>45510</v>
      </c>
      <c r="F18019" s="14" t="s">
        <v>15</v>
      </c>
      <c r="G18019" s="16">
        <v>0.98947140012553791</v>
      </c>
    </row>
    <row r="18020" spans="1:7" x14ac:dyDescent="0.3">
      <c r="A18020" s="13" t="s">
        <v>127</v>
      </c>
      <c r="B18020" s="14" t="s">
        <v>1</v>
      </c>
      <c r="C18020" s="14" t="s">
        <v>101</v>
      </c>
      <c r="D18020" s="14" t="s">
        <v>128</v>
      </c>
      <c r="E18020" s="15">
        <v>45511</v>
      </c>
      <c r="F18020" s="14" t="s">
        <v>15</v>
      </c>
      <c r="G18020" s="16">
        <v>0.98511744270919632</v>
      </c>
    </row>
    <row r="18021" spans="1:7" x14ac:dyDescent="0.3">
      <c r="A18021" s="13" t="s">
        <v>127</v>
      </c>
      <c r="B18021" s="14" t="s">
        <v>1</v>
      </c>
      <c r="C18021" s="14" t="s">
        <v>101</v>
      </c>
      <c r="D18021" s="14" t="s">
        <v>128</v>
      </c>
      <c r="E18021" s="15">
        <v>45512</v>
      </c>
      <c r="F18021" s="14" t="s">
        <v>15</v>
      </c>
      <c r="G18021" s="16">
        <v>0.9866533037437113</v>
      </c>
    </row>
    <row r="18022" spans="1:7" x14ac:dyDescent="0.3">
      <c r="A18022" s="13" t="s">
        <v>127</v>
      </c>
      <c r="B18022" s="14" t="s">
        <v>1</v>
      </c>
      <c r="C18022" s="14" t="s">
        <v>101</v>
      </c>
      <c r="D18022" s="14" t="s">
        <v>128</v>
      </c>
      <c r="E18022" s="15">
        <v>45513</v>
      </c>
      <c r="F18022" s="14" t="s">
        <v>15</v>
      </c>
      <c r="G18022" s="16">
        <v>0.98818461182165007</v>
      </c>
    </row>
    <row r="18023" spans="1:7" x14ac:dyDescent="0.3">
      <c r="A18023" s="13" t="s">
        <v>127</v>
      </c>
      <c r="B18023" s="14" t="s">
        <v>1</v>
      </c>
      <c r="C18023" s="14" t="s">
        <v>101</v>
      </c>
      <c r="D18023" s="14" t="s">
        <v>128</v>
      </c>
      <c r="E18023" s="15">
        <v>45514</v>
      </c>
      <c r="F18023" s="14" t="s">
        <v>15</v>
      </c>
      <c r="G18023" s="16">
        <v>0.98818461182165007</v>
      </c>
    </row>
    <row r="18024" spans="1:7" x14ac:dyDescent="0.3">
      <c r="A18024" s="13" t="s">
        <v>127</v>
      </c>
      <c r="B18024" s="14" t="s">
        <v>1</v>
      </c>
      <c r="C18024" s="14" t="s">
        <v>101</v>
      </c>
      <c r="D18024" s="14" t="s">
        <v>128</v>
      </c>
      <c r="E18024" s="15">
        <v>45515</v>
      </c>
      <c r="F18024" s="14" t="s">
        <v>15</v>
      </c>
      <c r="G18024" s="16">
        <v>0.98818461182165007</v>
      </c>
    </row>
    <row r="18025" spans="1:7" x14ac:dyDescent="0.3">
      <c r="A18025" s="13" t="s">
        <v>127</v>
      </c>
      <c r="B18025" s="14" t="s">
        <v>1</v>
      </c>
      <c r="C18025" s="14" t="s">
        <v>101</v>
      </c>
      <c r="D18025" s="14" t="s">
        <v>128</v>
      </c>
      <c r="E18025" s="15">
        <v>45516</v>
      </c>
      <c r="F18025" s="14" t="s">
        <v>15</v>
      </c>
      <c r="G18025" s="16">
        <v>0.98969372423627988</v>
      </c>
    </row>
    <row r="18026" spans="1:7" x14ac:dyDescent="0.3">
      <c r="A18026" s="13" t="s">
        <v>127</v>
      </c>
      <c r="B18026" s="14" t="s">
        <v>1</v>
      </c>
      <c r="C18026" s="14" t="s">
        <v>101</v>
      </c>
      <c r="D18026" s="14" t="s">
        <v>128</v>
      </c>
      <c r="E18026" s="15">
        <v>45517</v>
      </c>
      <c r="F18026" s="14" t="s">
        <v>15</v>
      </c>
      <c r="G18026" s="16">
        <v>0.98690200004513895</v>
      </c>
    </row>
    <row r="18027" spans="1:7" x14ac:dyDescent="0.3">
      <c r="A18027" s="13" t="s">
        <v>127</v>
      </c>
      <c r="B18027" s="14" t="s">
        <v>1</v>
      </c>
      <c r="C18027" s="14" t="s">
        <v>101</v>
      </c>
      <c r="D18027" s="14" t="s">
        <v>128</v>
      </c>
      <c r="E18027" s="15">
        <v>45518</v>
      </c>
      <c r="F18027" s="14" t="s">
        <v>15</v>
      </c>
      <c r="G18027" s="16">
        <v>0.99950268379890717</v>
      </c>
    </row>
    <row r="18028" spans="1:7" x14ac:dyDescent="0.3">
      <c r="A18028" s="13" t="s">
        <v>127</v>
      </c>
      <c r="B18028" s="14" t="s">
        <v>1</v>
      </c>
      <c r="C18028" s="14" t="s">
        <v>101</v>
      </c>
      <c r="D18028" s="14" t="s">
        <v>128</v>
      </c>
      <c r="E18028" s="15">
        <v>45519</v>
      </c>
      <c r="F18028" s="14" t="s">
        <v>15</v>
      </c>
      <c r="G18028" s="16">
        <v>1.0009907387893724</v>
      </c>
    </row>
    <row r="18029" spans="1:7" x14ac:dyDescent="0.3">
      <c r="A18029" s="13" t="s">
        <v>127</v>
      </c>
      <c r="B18029" s="14" t="s">
        <v>1</v>
      </c>
      <c r="C18029" s="14" t="s">
        <v>101</v>
      </c>
      <c r="D18029" s="14" t="s">
        <v>128</v>
      </c>
      <c r="E18029" s="15">
        <v>45520</v>
      </c>
      <c r="F18029" s="14" t="s">
        <v>15</v>
      </c>
      <c r="G18029" s="16">
        <v>1.0205682593765593</v>
      </c>
    </row>
    <row r="18030" spans="1:7" x14ac:dyDescent="0.3">
      <c r="A18030" s="13" t="s">
        <v>127</v>
      </c>
      <c r="B18030" s="14" t="s">
        <v>1</v>
      </c>
      <c r="C18030" s="14" t="s">
        <v>101</v>
      </c>
      <c r="D18030" s="14" t="s">
        <v>128</v>
      </c>
      <c r="E18030" s="15">
        <v>45521</v>
      </c>
      <c r="F18030" s="14" t="s">
        <v>15</v>
      </c>
      <c r="G18030" s="16">
        <v>1.0205682593765593</v>
      </c>
    </row>
    <row r="18031" spans="1:7" x14ac:dyDescent="0.3">
      <c r="A18031" s="13" t="s">
        <v>127</v>
      </c>
      <c r="B18031" s="14" t="s">
        <v>1</v>
      </c>
      <c r="C18031" s="14" t="s">
        <v>101</v>
      </c>
      <c r="D18031" s="14" t="s">
        <v>128</v>
      </c>
      <c r="E18031" s="15">
        <v>45522</v>
      </c>
      <c r="F18031" s="14" t="s">
        <v>15</v>
      </c>
      <c r="G18031" s="16">
        <v>1.0205682593765593</v>
      </c>
    </row>
    <row r="18032" spans="1:7" x14ac:dyDescent="0.3">
      <c r="A18032" s="13" t="s">
        <v>127</v>
      </c>
      <c r="B18032" s="14" t="s">
        <v>1</v>
      </c>
      <c r="C18032" s="14" t="s">
        <v>101</v>
      </c>
      <c r="D18032" s="14" t="s">
        <v>128</v>
      </c>
      <c r="E18032" s="15">
        <v>45523</v>
      </c>
      <c r="F18032" s="14" t="s">
        <v>15</v>
      </c>
      <c r="G18032" s="16">
        <v>1.0289409538297754</v>
      </c>
    </row>
    <row r="18033" spans="1:7" x14ac:dyDescent="0.3">
      <c r="A18033" s="13" t="s">
        <v>127</v>
      </c>
      <c r="B18033" s="14" t="s">
        <v>1</v>
      </c>
      <c r="C18033" s="14" t="s">
        <v>101</v>
      </c>
      <c r="D18033" s="14" t="s">
        <v>128</v>
      </c>
      <c r="E18033" s="15">
        <v>45524</v>
      </c>
      <c r="F18033" s="14" t="s">
        <v>15</v>
      </c>
      <c r="G18033" s="16">
        <v>1.0259932908759002</v>
      </c>
    </row>
    <row r="18034" spans="1:7" x14ac:dyDescent="0.3">
      <c r="A18034" s="13" t="s">
        <v>127</v>
      </c>
      <c r="B18034" s="14" t="s">
        <v>1</v>
      </c>
      <c r="C18034" s="14" t="s">
        <v>101</v>
      </c>
      <c r="D18034" s="14" t="s">
        <v>128</v>
      </c>
      <c r="E18034" s="15">
        <v>45525</v>
      </c>
      <c r="F18034" s="14" t="s">
        <v>15</v>
      </c>
      <c r="G18034" s="16">
        <v>1.0269964559910025</v>
      </c>
    </row>
    <row r="18035" spans="1:7" x14ac:dyDescent="0.3">
      <c r="A18035" s="13" t="s">
        <v>127</v>
      </c>
      <c r="B18035" s="14" t="s">
        <v>1</v>
      </c>
      <c r="C18035" s="14" t="s">
        <v>101</v>
      </c>
      <c r="D18035" s="14" t="s">
        <v>128</v>
      </c>
      <c r="E18035" s="15">
        <v>45526</v>
      </c>
      <c r="F18035" s="14" t="s">
        <v>15</v>
      </c>
      <c r="G18035" s="16">
        <v>1.0863133198142034</v>
      </c>
    </row>
    <row r="18036" spans="1:7" x14ac:dyDescent="0.3">
      <c r="A18036" s="13" t="s">
        <v>127</v>
      </c>
      <c r="B18036" s="14" t="s">
        <v>1</v>
      </c>
      <c r="C18036" s="14" t="s">
        <v>101</v>
      </c>
      <c r="D18036" s="14" t="s">
        <v>128</v>
      </c>
      <c r="E18036" s="15">
        <v>45527</v>
      </c>
      <c r="F18036" s="14" t="s">
        <v>15</v>
      </c>
      <c r="G18036" s="16">
        <v>1.087735356934314</v>
      </c>
    </row>
    <row r="18037" spans="1:7" x14ac:dyDescent="0.3">
      <c r="A18037" s="13" t="s">
        <v>127</v>
      </c>
      <c r="B18037" s="14" t="s">
        <v>1</v>
      </c>
      <c r="C18037" s="14" t="s">
        <v>101</v>
      </c>
      <c r="D18037" s="14" t="s">
        <v>128</v>
      </c>
      <c r="E18037" s="15">
        <v>45528</v>
      </c>
      <c r="F18037" s="14" t="s">
        <v>15</v>
      </c>
      <c r="G18037" s="16">
        <v>1.087735356934314</v>
      </c>
    </row>
    <row r="18038" spans="1:7" x14ac:dyDescent="0.3">
      <c r="A18038" s="13" t="s">
        <v>127</v>
      </c>
      <c r="B18038" s="14" t="s">
        <v>1</v>
      </c>
      <c r="C18038" s="14" t="s">
        <v>101</v>
      </c>
      <c r="D18038" s="14" t="s">
        <v>128</v>
      </c>
      <c r="E18038" s="15">
        <v>45529</v>
      </c>
      <c r="F18038" s="14" t="s">
        <v>15</v>
      </c>
      <c r="G18038" s="16">
        <v>1.087735356934314</v>
      </c>
    </row>
    <row r="18039" spans="1:7" x14ac:dyDescent="0.3">
      <c r="A18039" s="13" t="s">
        <v>127</v>
      </c>
      <c r="B18039" s="14" t="s">
        <v>1</v>
      </c>
      <c r="C18039" s="14" t="s">
        <v>101</v>
      </c>
      <c r="D18039" s="14" t="s">
        <v>128</v>
      </c>
      <c r="E18039" s="15">
        <v>45530</v>
      </c>
      <c r="F18039" s="14" t="s">
        <v>15</v>
      </c>
      <c r="G18039" s="16">
        <v>1.0982160702823001</v>
      </c>
    </row>
    <row r="18040" spans="1:7" x14ac:dyDescent="0.3">
      <c r="A18040" s="13" t="s">
        <v>127</v>
      </c>
      <c r="B18040" s="14" t="s">
        <v>1</v>
      </c>
      <c r="C18040" s="14" t="s">
        <v>101</v>
      </c>
      <c r="D18040" s="14" t="s">
        <v>128</v>
      </c>
      <c r="E18040" s="15">
        <v>45531</v>
      </c>
      <c r="F18040" s="14" t="s">
        <v>15</v>
      </c>
      <c r="G18040" s="16">
        <v>1.0951192980005553</v>
      </c>
    </row>
    <row r="18041" spans="1:7" x14ac:dyDescent="0.3">
      <c r="A18041" s="13" t="s">
        <v>127</v>
      </c>
      <c r="B18041" s="14" t="s">
        <v>1</v>
      </c>
      <c r="C18041" s="14" t="s">
        <v>101</v>
      </c>
      <c r="D18041" s="14" t="s">
        <v>128</v>
      </c>
      <c r="E18041" s="15">
        <v>45532</v>
      </c>
      <c r="F18041" s="14" t="s">
        <v>15</v>
      </c>
      <c r="G18041" s="16">
        <v>1.096526538011793</v>
      </c>
    </row>
    <row r="18042" spans="1:7" x14ac:dyDescent="0.3">
      <c r="A18042" s="13" t="s">
        <v>127</v>
      </c>
      <c r="B18042" s="14" t="s">
        <v>1</v>
      </c>
      <c r="C18042" s="14" t="s">
        <v>101</v>
      </c>
      <c r="D18042" s="14" t="s">
        <v>128</v>
      </c>
      <c r="E18042" s="15">
        <v>45533</v>
      </c>
      <c r="F18042" s="14" t="s">
        <v>15</v>
      </c>
      <c r="G18042" s="16">
        <v>1.0979326397838869</v>
      </c>
    </row>
    <row r="18043" spans="1:7" x14ac:dyDescent="0.3">
      <c r="A18043" s="13" t="s">
        <v>127</v>
      </c>
      <c r="B18043" s="14" t="s">
        <v>1</v>
      </c>
      <c r="C18043" s="14" t="s">
        <v>101</v>
      </c>
      <c r="D18043" s="14" t="s">
        <v>128</v>
      </c>
      <c r="E18043" s="15">
        <v>45534</v>
      </c>
      <c r="F18043" s="14" t="s">
        <v>15</v>
      </c>
      <c r="G18043" s="16">
        <v>1.1055945038916475</v>
      </c>
    </row>
    <row r="18044" spans="1:7" x14ac:dyDescent="0.3">
      <c r="A18044" s="13" t="s">
        <v>127</v>
      </c>
      <c r="B18044" s="14" t="s">
        <v>1</v>
      </c>
      <c r="C18044" s="14" t="s">
        <v>101</v>
      </c>
      <c r="D18044" s="14" t="s">
        <v>128</v>
      </c>
      <c r="E18044" s="15">
        <v>45535</v>
      </c>
      <c r="F18044" s="14" t="s">
        <v>15</v>
      </c>
      <c r="G18044" s="16">
        <v>1.1055945038916475</v>
      </c>
    </row>
    <row r="18045" spans="1:7" x14ac:dyDescent="0.3">
      <c r="A18045" s="13" t="s">
        <v>127</v>
      </c>
      <c r="B18045" s="14" t="s">
        <v>1</v>
      </c>
      <c r="C18045" s="14" t="s">
        <v>101</v>
      </c>
      <c r="D18045" s="14" t="s">
        <v>128</v>
      </c>
      <c r="E18045" s="15">
        <v>45536</v>
      </c>
      <c r="F18045" s="14" t="s">
        <v>15</v>
      </c>
      <c r="G18045" s="16">
        <v>1.1055945038916475</v>
      </c>
    </row>
    <row r="18046" spans="1:7" x14ac:dyDescent="0.3">
      <c r="A18046" s="13" t="s">
        <v>127</v>
      </c>
      <c r="B18046" s="14" t="s">
        <v>1</v>
      </c>
      <c r="C18046" s="14" t="s">
        <v>101</v>
      </c>
      <c r="D18046" s="14" t="s">
        <v>128</v>
      </c>
      <c r="E18046" s="15">
        <v>45537</v>
      </c>
      <c r="F18046" s="14" t="s">
        <v>15</v>
      </c>
      <c r="G18046" s="16">
        <v>1.1704642673790679</v>
      </c>
    </row>
    <row r="18047" spans="1:7" x14ac:dyDescent="0.3">
      <c r="A18047" s="13" t="s">
        <v>127</v>
      </c>
      <c r="B18047" s="14" t="s">
        <v>1</v>
      </c>
      <c r="C18047" s="14" t="s">
        <v>101</v>
      </c>
      <c r="D18047" s="14" t="s">
        <v>128</v>
      </c>
      <c r="E18047" s="15">
        <v>45538</v>
      </c>
      <c r="F18047" s="14" t="s">
        <v>15</v>
      </c>
      <c r="G18047" s="16">
        <v>1.1679240940387607</v>
      </c>
    </row>
    <row r="18048" spans="1:7" x14ac:dyDescent="0.3">
      <c r="A18048" s="13" t="s">
        <v>127</v>
      </c>
      <c r="B18048" s="14" t="s">
        <v>1</v>
      </c>
      <c r="C18048" s="14" t="s">
        <v>101</v>
      </c>
      <c r="D18048" s="14" t="s">
        <v>128</v>
      </c>
      <c r="E18048" s="15">
        <v>45539</v>
      </c>
      <c r="F18048" s="14" t="s">
        <v>15</v>
      </c>
      <c r="G18048" s="16">
        <v>1.1692971868756774</v>
      </c>
    </row>
    <row r="18049" spans="1:7" x14ac:dyDescent="0.3">
      <c r="A18049" s="13" t="s">
        <v>127</v>
      </c>
      <c r="B18049" s="14" t="s">
        <v>1</v>
      </c>
      <c r="C18049" s="14" t="s">
        <v>101</v>
      </c>
      <c r="D18049" s="14" t="s">
        <v>128</v>
      </c>
      <c r="E18049" s="15">
        <v>45540</v>
      </c>
      <c r="F18049" s="14" t="s">
        <v>15</v>
      </c>
      <c r="G18049" s="16">
        <v>1.185178844962153</v>
      </c>
    </row>
    <row r="18050" spans="1:7" x14ac:dyDescent="0.3">
      <c r="A18050" s="13" t="s">
        <v>127</v>
      </c>
      <c r="B18050" s="14" t="s">
        <v>1</v>
      </c>
      <c r="C18050" s="14" t="s">
        <v>101</v>
      </c>
      <c r="D18050" s="14" t="s">
        <v>128</v>
      </c>
      <c r="E18050" s="15">
        <v>45541</v>
      </c>
      <c r="F18050" s="14" t="s">
        <v>15</v>
      </c>
      <c r="G18050" s="16">
        <v>1.1865342950923368</v>
      </c>
    </row>
    <row r="18051" spans="1:7" x14ac:dyDescent="0.3">
      <c r="A18051" s="13" t="s">
        <v>127</v>
      </c>
      <c r="B18051" s="14" t="s">
        <v>1</v>
      </c>
      <c r="C18051" s="14" t="s">
        <v>101</v>
      </c>
      <c r="D18051" s="14" t="s">
        <v>128</v>
      </c>
      <c r="E18051" s="15">
        <v>45542</v>
      </c>
      <c r="F18051" s="14" t="s">
        <v>15</v>
      </c>
      <c r="G18051" s="16">
        <v>1.1865342950923368</v>
      </c>
    </row>
    <row r="18052" spans="1:7" x14ac:dyDescent="0.3">
      <c r="A18052" s="13" t="s">
        <v>127</v>
      </c>
      <c r="B18052" s="14" t="s">
        <v>1</v>
      </c>
      <c r="C18052" s="14" t="s">
        <v>101</v>
      </c>
      <c r="D18052" s="14" t="s">
        <v>128</v>
      </c>
      <c r="E18052" s="15">
        <v>45543</v>
      </c>
      <c r="F18052" s="14" t="s">
        <v>15</v>
      </c>
      <c r="G18052" s="16">
        <v>1.1865342950923368</v>
      </c>
    </row>
    <row r="18053" spans="1:7" x14ac:dyDescent="0.3">
      <c r="A18053" s="13" t="s">
        <v>127</v>
      </c>
      <c r="B18053" s="14" t="s">
        <v>1</v>
      </c>
      <c r="C18053" s="14" t="s">
        <v>101</v>
      </c>
      <c r="D18053" s="14" t="s">
        <v>128</v>
      </c>
      <c r="E18053" s="15">
        <v>45544</v>
      </c>
      <c r="F18053" s="14" t="s">
        <v>15</v>
      </c>
      <c r="G18053" s="16">
        <v>1.194340715571391</v>
      </c>
    </row>
    <row r="18054" spans="1:7" x14ac:dyDescent="0.3">
      <c r="A18054" s="13" t="s">
        <v>127</v>
      </c>
      <c r="B18054" s="14" t="s">
        <v>1</v>
      </c>
      <c r="C18054" s="14" t="s">
        <v>101</v>
      </c>
      <c r="D18054" s="14" t="s">
        <v>128</v>
      </c>
      <c r="E18054" s="15">
        <v>45545</v>
      </c>
      <c r="F18054" s="14" t="s">
        <v>15</v>
      </c>
      <c r="G18054" s="16">
        <v>1.1911568679951268</v>
      </c>
    </row>
    <row r="18055" spans="1:7" x14ac:dyDescent="0.3">
      <c r="A18055" s="13" t="s">
        <v>127</v>
      </c>
      <c r="B18055" s="14" t="s">
        <v>1</v>
      </c>
      <c r="C18055" s="14" t="s">
        <v>101</v>
      </c>
      <c r="D18055" s="14" t="s">
        <v>128</v>
      </c>
      <c r="E18055" s="15">
        <v>45546</v>
      </c>
      <c r="F18055" s="14" t="s">
        <v>15</v>
      </c>
      <c r="G18055" s="16">
        <v>1.1925231313971789</v>
      </c>
    </row>
    <row r="18056" spans="1:7" x14ac:dyDescent="0.3">
      <c r="A18056" s="13" t="s">
        <v>127</v>
      </c>
      <c r="B18056" s="14" t="s">
        <v>1</v>
      </c>
      <c r="C18056" s="14" t="s">
        <v>101</v>
      </c>
      <c r="D18056" s="14" t="s">
        <v>128</v>
      </c>
      <c r="E18056" s="15">
        <v>45547</v>
      </c>
      <c r="F18056" s="14" t="s">
        <v>15</v>
      </c>
      <c r="G18056" s="16">
        <v>1.2217364154582719</v>
      </c>
    </row>
    <row r="18057" spans="1:7" x14ac:dyDescent="0.3">
      <c r="A18057" s="13" t="s">
        <v>127</v>
      </c>
      <c r="B18057" s="14" t="s">
        <v>1</v>
      </c>
      <c r="C18057" s="14" t="s">
        <v>101</v>
      </c>
      <c r="D18057" s="14" t="s">
        <v>128</v>
      </c>
      <c r="E18057" s="15">
        <v>45548</v>
      </c>
      <c r="F18057" s="14" t="s">
        <v>15</v>
      </c>
      <c r="G18057" s="16">
        <v>1.2204061903280836</v>
      </c>
    </row>
    <row r="18058" spans="1:7" x14ac:dyDescent="0.3">
      <c r="A18058" s="13" t="s">
        <v>127</v>
      </c>
      <c r="B18058" s="14" t="s">
        <v>1</v>
      </c>
      <c r="C18058" s="14" t="s">
        <v>101</v>
      </c>
      <c r="D18058" s="14" t="s">
        <v>128</v>
      </c>
      <c r="E18058" s="15">
        <v>45549</v>
      </c>
      <c r="F18058" s="14" t="s">
        <v>15</v>
      </c>
      <c r="G18058" s="16">
        <v>1.2204061903280836</v>
      </c>
    </row>
    <row r="18059" spans="1:7" x14ac:dyDescent="0.3">
      <c r="A18059" s="13" t="s">
        <v>127</v>
      </c>
      <c r="B18059" s="14" t="s">
        <v>1</v>
      </c>
      <c r="C18059" s="14" t="s">
        <v>101</v>
      </c>
      <c r="D18059" s="14" t="s">
        <v>128</v>
      </c>
      <c r="E18059" s="15">
        <v>45550</v>
      </c>
      <c r="F18059" s="14" t="s">
        <v>15</v>
      </c>
      <c r="G18059" s="16">
        <v>1.2204061903280836</v>
      </c>
    </row>
    <row r="18060" spans="1:7" x14ac:dyDescent="0.3">
      <c r="A18060" s="13" t="s">
        <v>127</v>
      </c>
      <c r="B18060" s="14" t="s">
        <v>1</v>
      </c>
      <c r="C18060" s="14" t="s">
        <v>101</v>
      </c>
      <c r="D18060" s="14" t="s">
        <v>128</v>
      </c>
      <c r="E18060" s="15">
        <v>45551</v>
      </c>
      <c r="F18060" s="14" t="s">
        <v>15</v>
      </c>
      <c r="G18060" s="16">
        <v>1.2315448059013272</v>
      </c>
    </row>
    <row r="18061" spans="1:7" x14ac:dyDescent="0.3">
      <c r="A18061" s="13" t="s">
        <v>127</v>
      </c>
      <c r="B18061" s="14" t="s">
        <v>1</v>
      </c>
      <c r="C18061" s="14" t="s">
        <v>101</v>
      </c>
      <c r="D18061" s="14" t="s">
        <v>128</v>
      </c>
      <c r="E18061" s="15">
        <v>45552</v>
      </c>
      <c r="F18061" s="14" t="s">
        <v>15</v>
      </c>
      <c r="G18061" s="16">
        <v>1.2282016048448967</v>
      </c>
    </row>
    <row r="18062" spans="1:7" x14ac:dyDescent="0.3">
      <c r="A18062" s="13" t="s">
        <v>127</v>
      </c>
      <c r="B18062" s="14" t="s">
        <v>1</v>
      </c>
      <c r="C18062" s="14" t="s">
        <v>101</v>
      </c>
      <c r="D18062" s="14" t="s">
        <v>128</v>
      </c>
      <c r="E18062" s="15">
        <v>45553</v>
      </c>
      <c r="F18062" s="14" t="s">
        <v>15</v>
      </c>
      <c r="G18062" s="16">
        <v>1.2387745155635501</v>
      </c>
    </row>
    <row r="18063" spans="1:7" x14ac:dyDescent="0.3">
      <c r="A18063" s="13" t="s">
        <v>127</v>
      </c>
      <c r="B18063" s="14" t="s">
        <v>1</v>
      </c>
      <c r="C18063" s="14" t="s">
        <v>101</v>
      </c>
      <c r="D18063" s="14" t="s">
        <v>128</v>
      </c>
      <c r="E18063" s="15">
        <v>45554</v>
      </c>
      <c r="F18063" s="14" t="s">
        <v>15</v>
      </c>
      <c r="G18063" s="16">
        <v>1.2400884199649764</v>
      </c>
    </row>
    <row r="18064" spans="1:7" x14ac:dyDescent="0.3">
      <c r="A18064" s="13" t="s">
        <v>127</v>
      </c>
      <c r="B18064" s="14" t="s">
        <v>1</v>
      </c>
      <c r="C18064" s="14" t="s">
        <v>101</v>
      </c>
      <c r="D18064" s="14" t="s">
        <v>128</v>
      </c>
      <c r="E18064" s="15">
        <v>45555</v>
      </c>
      <c r="F18064" s="14" t="s">
        <v>15</v>
      </c>
      <c r="G18064" s="16">
        <v>1.2480672836743534</v>
      </c>
    </row>
    <row r="18065" spans="1:7" x14ac:dyDescent="0.3">
      <c r="A18065" s="13" t="s">
        <v>127</v>
      </c>
      <c r="B18065" s="14" t="s">
        <v>1</v>
      </c>
      <c r="C18065" s="14" t="s">
        <v>101</v>
      </c>
      <c r="D18065" s="14" t="s">
        <v>128</v>
      </c>
      <c r="E18065" s="15">
        <v>45556</v>
      </c>
      <c r="F18065" s="14" t="s">
        <v>15</v>
      </c>
      <c r="G18065" s="16">
        <v>1.2480672836743534</v>
      </c>
    </row>
    <row r="18066" spans="1:7" x14ac:dyDescent="0.3">
      <c r="A18066" s="13" t="s">
        <v>127</v>
      </c>
      <c r="B18066" s="14" t="s">
        <v>1</v>
      </c>
      <c r="C18066" s="14" t="s">
        <v>101</v>
      </c>
      <c r="D18066" s="14" t="s">
        <v>128</v>
      </c>
      <c r="E18066" s="15">
        <v>45557</v>
      </c>
      <c r="F18066" s="14" t="s">
        <v>15</v>
      </c>
      <c r="G18066" s="16">
        <v>1.2480672836743534</v>
      </c>
    </row>
    <row r="18067" spans="1:7" x14ac:dyDescent="0.3">
      <c r="A18067" s="13" t="s">
        <v>127</v>
      </c>
      <c r="B18067" s="14" t="s">
        <v>1</v>
      </c>
      <c r="C18067" s="14" t="s">
        <v>101</v>
      </c>
      <c r="D18067" s="14" t="s">
        <v>128</v>
      </c>
      <c r="E18067" s="15">
        <v>45558</v>
      </c>
      <c r="F18067" s="14" t="s">
        <v>15</v>
      </c>
      <c r="G18067" s="16">
        <v>1.2493567159341827</v>
      </c>
    </row>
    <row r="18068" spans="1:7" x14ac:dyDescent="0.3">
      <c r="A18068" s="13" t="s">
        <v>127</v>
      </c>
      <c r="B18068" s="14" t="s">
        <v>1</v>
      </c>
      <c r="C18068" s="14" t="s">
        <v>101</v>
      </c>
      <c r="D18068" s="14" t="s">
        <v>128</v>
      </c>
      <c r="E18068" s="15">
        <v>45559</v>
      </c>
      <c r="F18068" s="14" t="s">
        <v>15</v>
      </c>
      <c r="G18068" s="16">
        <v>1.2458609908324505</v>
      </c>
    </row>
    <row r="18069" spans="1:7" x14ac:dyDescent="0.3">
      <c r="A18069" s="13" t="s">
        <v>127</v>
      </c>
      <c r="B18069" s="14" t="s">
        <v>1</v>
      </c>
      <c r="C18069" s="14" t="s">
        <v>101</v>
      </c>
      <c r="D18069" s="14" t="s">
        <v>128</v>
      </c>
      <c r="E18069" s="15">
        <v>45560</v>
      </c>
      <c r="F18069" s="14" t="s">
        <v>15</v>
      </c>
      <c r="G18069" s="16">
        <v>1.2612253192279581</v>
      </c>
    </row>
    <row r="18070" spans="1:7" x14ac:dyDescent="0.3">
      <c r="A18070" s="13" t="s">
        <v>127</v>
      </c>
      <c r="B18070" s="14" t="s">
        <v>1</v>
      </c>
      <c r="C18070" s="14" t="s">
        <v>101</v>
      </c>
      <c r="D18070" s="14" t="s">
        <v>128</v>
      </c>
      <c r="E18070" s="15">
        <v>45561</v>
      </c>
      <c r="F18070" s="14" t="s">
        <v>15</v>
      </c>
      <c r="G18070" s="16">
        <v>1.2624840190308981</v>
      </c>
    </row>
    <row r="18071" spans="1:7" x14ac:dyDescent="0.3">
      <c r="A18071" s="13" t="s">
        <v>127</v>
      </c>
      <c r="B18071" s="14" t="s">
        <v>1</v>
      </c>
      <c r="C18071" s="14" t="s">
        <v>101</v>
      </c>
      <c r="D18071" s="14" t="s">
        <v>128</v>
      </c>
      <c r="E18071" s="15">
        <v>45562</v>
      </c>
      <c r="F18071" s="14" t="s">
        <v>15</v>
      </c>
      <c r="G18071" s="16">
        <v>1.2637478409099865</v>
      </c>
    </row>
    <row r="18072" spans="1:7" x14ac:dyDescent="0.3">
      <c r="A18072" s="13" t="s">
        <v>127</v>
      </c>
      <c r="B18072" s="14" t="s">
        <v>1</v>
      </c>
      <c r="C18072" s="14" t="s">
        <v>101</v>
      </c>
      <c r="D18072" s="14" t="s">
        <v>128</v>
      </c>
      <c r="E18072" s="15">
        <v>45563</v>
      </c>
      <c r="F18072" s="14" t="s">
        <v>15</v>
      </c>
      <c r="G18072" s="16">
        <v>1.2637478409099865</v>
      </c>
    </row>
    <row r="18073" spans="1:7" x14ac:dyDescent="0.3">
      <c r="A18073" s="13" t="s">
        <v>127</v>
      </c>
      <c r="B18073" s="14" t="s">
        <v>1</v>
      </c>
      <c r="C18073" s="14" t="s">
        <v>101</v>
      </c>
      <c r="D18073" s="14" t="s">
        <v>128</v>
      </c>
      <c r="E18073" s="15">
        <v>45564</v>
      </c>
      <c r="F18073" s="14" t="s">
        <v>15</v>
      </c>
      <c r="G18073" s="16">
        <v>1.2637478409099865</v>
      </c>
    </row>
    <row r="18074" spans="1:7" x14ac:dyDescent="0.3">
      <c r="A18074" s="13" t="s">
        <v>127</v>
      </c>
      <c r="B18074" s="14" t="s">
        <v>1</v>
      </c>
      <c r="C18074" s="14" t="s">
        <v>101</v>
      </c>
      <c r="D18074" s="14" t="s">
        <v>128</v>
      </c>
      <c r="E18074" s="15">
        <v>45565</v>
      </c>
      <c r="F18074" s="14" t="s">
        <v>15</v>
      </c>
      <c r="G18074" s="16">
        <v>1.3689869629996492</v>
      </c>
    </row>
    <row r="18075" spans="1:7" x14ac:dyDescent="0.3">
      <c r="A18075" s="13" t="s">
        <v>127</v>
      </c>
      <c r="B18075" s="14" t="s">
        <v>1</v>
      </c>
      <c r="C18075" s="14" t="s">
        <v>101</v>
      </c>
      <c r="D18075" s="14" t="s">
        <v>128</v>
      </c>
      <c r="E18075" s="15">
        <v>45566</v>
      </c>
      <c r="F18075" s="14" t="s">
        <v>15</v>
      </c>
      <c r="G18075" s="16">
        <v>1.3696697137957028</v>
      </c>
    </row>
    <row r="18076" spans="1:7" x14ac:dyDescent="0.3">
      <c r="A18076" s="13" t="s">
        <v>127</v>
      </c>
      <c r="B18076" s="14" t="s">
        <v>1</v>
      </c>
      <c r="C18076" s="14" t="s">
        <v>101</v>
      </c>
      <c r="D18076" s="14" t="s">
        <v>128</v>
      </c>
      <c r="E18076" s="15">
        <v>45567</v>
      </c>
      <c r="F18076" s="14" t="s">
        <v>15</v>
      </c>
      <c r="G18076" s="16">
        <v>1.3702870158409741</v>
      </c>
    </row>
    <row r="18077" spans="1:7" x14ac:dyDescent="0.3">
      <c r="A18077" s="13" t="s">
        <v>127</v>
      </c>
      <c r="B18077" s="14" t="s">
        <v>1</v>
      </c>
      <c r="C18077" s="14" t="s">
        <v>101</v>
      </c>
      <c r="D18077" s="14" t="s">
        <v>128</v>
      </c>
      <c r="E18077" s="15">
        <v>45568</v>
      </c>
      <c r="F18077" s="14" t="s">
        <v>15</v>
      </c>
      <c r="G18077" s="16">
        <v>1.3690114261897</v>
      </c>
    </row>
    <row r="18078" spans="1:7" x14ac:dyDescent="0.3">
      <c r="A18078" s="13" t="s">
        <v>127</v>
      </c>
      <c r="B18078" s="14" t="s">
        <v>1</v>
      </c>
      <c r="C18078" s="14" t="s">
        <v>101</v>
      </c>
      <c r="D18078" s="14" t="s">
        <v>128</v>
      </c>
      <c r="E18078" s="15">
        <v>45569</v>
      </c>
      <c r="F18078" s="14" t="s">
        <v>15</v>
      </c>
      <c r="G18078" s="16">
        <v>1.370265573036064</v>
      </c>
    </row>
    <row r="18079" spans="1:7" x14ac:dyDescent="0.3">
      <c r="A18079" s="13" t="s">
        <v>127</v>
      </c>
      <c r="B18079" s="14" t="s">
        <v>1</v>
      </c>
      <c r="C18079" s="14" t="s">
        <v>101</v>
      </c>
      <c r="D18079" s="14" t="s">
        <v>128</v>
      </c>
      <c r="E18079" s="15">
        <v>45570</v>
      </c>
      <c r="F18079" s="14" t="s">
        <v>15</v>
      </c>
      <c r="G18079" s="16">
        <v>1.370265573036064</v>
      </c>
    </row>
    <row r="18080" spans="1:7" x14ac:dyDescent="0.3">
      <c r="A18080" s="13" t="s">
        <v>127</v>
      </c>
      <c r="B18080" s="14" t="s">
        <v>1</v>
      </c>
      <c r="C18080" s="14" t="s">
        <v>101</v>
      </c>
      <c r="D18080" s="14" t="s">
        <v>128</v>
      </c>
      <c r="E18080" s="15">
        <v>45571</v>
      </c>
      <c r="F18080" s="14" t="s">
        <v>15</v>
      </c>
      <c r="G18080" s="16">
        <v>1.370265573036064</v>
      </c>
    </row>
    <row r="18081" spans="1:7" x14ac:dyDescent="0.3">
      <c r="A18081" s="13" t="s">
        <v>127</v>
      </c>
      <c r="B18081" s="14" t="s">
        <v>1</v>
      </c>
      <c r="C18081" s="14" t="s">
        <v>101</v>
      </c>
      <c r="D18081" s="14" t="s">
        <v>128</v>
      </c>
      <c r="E18081" s="15">
        <v>45572</v>
      </c>
      <c r="F18081" s="14" t="s">
        <v>15</v>
      </c>
      <c r="G18081" s="16">
        <v>1.3760692617411725</v>
      </c>
    </row>
    <row r="18082" spans="1:7" x14ac:dyDescent="0.3">
      <c r="A18082" s="13" t="s">
        <v>127</v>
      </c>
      <c r="B18082" s="14" t="s">
        <v>1</v>
      </c>
      <c r="C18082" s="14" t="s">
        <v>101</v>
      </c>
      <c r="D18082" s="14" t="s">
        <v>128</v>
      </c>
      <c r="E18082" s="15">
        <v>45573</v>
      </c>
      <c r="F18082" s="14" t="s">
        <v>15</v>
      </c>
      <c r="G18082" s="16">
        <v>1.3725553248131352</v>
      </c>
    </row>
    <row r="18083" spans="1:7" x14ac:dyDescent="0.3">
      <c r="A18083" s="13" t="s">
        <v>127</v>
      </c>
      <c r="B18083" s="14" t="s">
        <v>1</v>
      </c>
      <c r="C18083" s="14" t="s">
        <v>101</v>
      </c>
      <c r="D18083" s="14" t="s">
        <v>128</v>
      </c>
      <c r="E18083" s="15">
        <v>45574</v>
      </c>
      <c r="F18083" s="14" t="s">
        <v>15</v>
      </c>
      <c r="G18083" s="16">
        <v>1.3738362202793841</v>
      </c>
    </row>
    <row r="18084" spans="1:7" x14ac:dyDescent="0.3">
      <c r="A18084" s="13" t="s">
        <v>127</v>
      </c>
      <c r="B18084" s="14" t="s">
        <v>1</v>
      </c>
      <c r="C18084" s="14" t="s">
        <v>101</v>
      </c>
      <c r="D18084" s="14" t="s">
        <v>128</v>
      </c>
      <c r="E18084" s="15">
        <v>45575</v>
      </c>
      <c r="F18084" s="14" t="s">
        <v>15</v>
      </c>
      <c r="G18084" s="16">
        <v>1.375115408386917</v>
      </c>
    </row>
    <row r="18085" spans="1:7" x14ac:dyDescent="0.3">
      <c r="A18085" s="13" t="s">
        <v>127</v>
      </c>
      <c r="B18085" s="14" t="s">
        <v>1</v>
      </c>
      <c r="C18085" s="14" t="s">
        <v>101</v>
      </c>
      <c r="D18085" s="14" t="s">
        <v>128</v>
      </c>
      <c r="E18085" s="15">
        <v>45576</v>
      </c>
      <c r="F18085" s="14" t="s">
        <v>15</v>
      </c>
      <c r="G18085" s="16">
        <v>1.3865032983327061</v>
      </c>
    </row>
    <row r="18086" spans="1:7" x14ac:dyDescent="0.3">
      <c r="A18086" s="13" t="s">
        <v>127</v>
      </c>
      <c r="B18086" s="14" t="s">
        <v>1</v>
      </c>
      <c r="C18086" s="14" t="s">
        <v>101</v>
      </c>
      <c r="D18086" s="14" t="s">
        <v>128</v>
      </c>
      <c r="E18086" s="15">
        <v>45577</v>
      </c>
      <c r="F18086" s="14" t="s">
        <v>15</v>
      </c>
      <c r="G18086" s="16">
        <v>1.3865032983327061</v>
      </c>
    </row>
    <row r="18087" spans="1:7" x14ac:dyDescent="0.3">
      <c r="A18087" s="13" t="s">
        <v>127</v>
      </c>
      <c r="B18087" s="14" t="s">
        <v>1</v>
      </c>
      <c r="C18087" s="14" t="s">
        <v>101</v>
      </c>
      <c r="D18087" s="14" t="s">
        <v>128</v>
      </c>
      <c r="E18087" s="15">
        <v>45578</v>
      </c>
      <c r="F18087" s="14" t="s">
        <v>15</v>
      </c>
      <c r="G18087" s="16">
        <v>1.3865032983327061</v>
      </c>
    </row>
    <row r="18088" spans="1:7" x14ac:dyDescent="0.3">
      <c r="A18088" s="13" t="s">
        <v>127</v>
      </c>
      <c r="B18088" s="14" t="s">
        <v>1</v>
      </c>
      <c r="C18088" s="14" t="s">
        <v>101</v>
      </c>
      <c r="D18088" s="14" t="s">
        <v>128</v>
      </c>
      <c r="E18088" s="15">
        <v>45579</v>
      </c>
      <c r="F18088" s="14" t="s">
        <v>15</v>
      </c>
      <c r="G18088" s="16">
        <v>1.3928089505003383</v>
      </c>
    </row>
    <row r="18089" spans="1:7" x14ac:dyDescent="0.3">
      <c r="A18089" s="13" t="s">
        <v>127</v>
      </c>
      <c r="B18089" s="14" t="s">
        <v>1</v>
      </c>
      <c r="C18089" s="14" t="s">
        <v>101</v>
      </c>
      <c r="D18089" s="14" t="s">
        <v>128</v>
      </c>
      <c r="E18089" s="15">
        <v>45580</v>
      </c>
      <c r="F18089" s="14" t="s">
        <v>15</v>
      </c>
      <c r="G18089" s="16">
        <v>1.389314932757322</v>
      </c>
    </row>
    <row r="18090" spans="1:7" x14ac:dyDescent="0.3">
      <c r="A18090" s="13" t="s">
        <v>127</v>
      </c>
      <c r="B18090" s="14" t="s">
        <v>1</v>
      </c>
      <c r="C18090" s="14" t="s">
        <v>101</v>
      </c>
      <c r="D18090" s="14" t="s">
        <v>128</v>
      </c>
      <c r="E18090" s="15">
        <v>45581</v>
      </c>
      <c r="F18090" s="14" t="s">
        <v>15</v>
      </c>
      <c r="G18090" s="16">
        <v>1.3905838767125585</v>
      </c>
    </row>
    <row r="18091" spans="1:7" x14ac:dyDescent="0.3">
      <c r="A18091" s="13" t="s">
        <v>127</v>
      </c>
      <c r="B18091" s="14" t="s">
        <v>1</v>
      </c>
      <c r="C18091" s="14" t="s">
        <v>101</v>
      </c>
      <c r="D18091" s="14" t="s">
        <v>128</v>
      </c>
      <c r="E18091" s="15">
        <v>45582</v>
      </c>
      <c r="F18091" s="14" t="s">
        <v>15</v>
      </c>
      <c r="G18091" s="16">
        <v>1.3918590809830873</v>
      </c>
    </row>
    <row r="18092" spans="1:7" x14ac:dyDescent="0.3">
      <c r="A18092" s="13" t="s">
        <v>127</v>
      </c>
      <c r="B18092" s="14" t="s">
        <v>1</v>
      </c>
      <c r="C18092" s="14" t="s">
        <v>101</v>
      </c>
      <c r="D18092" s="14" t="s">
        <v>128</v>
      </c>
      <c r="E18092" s="15">
        <v>45583</v>
      </c>
      <c r="F18092" s="14" t="s">
        <v>15</v>
      </c>
      <c r="G18092" s="16">
        <v>1.393133716134044</v>
      </c>
    </row>
    <row r="18093" spans="1:7" x14ac:dyDescent="0.3">
      <c r="A18093" s="13" t="s">
        <v>127</v>
      </c>
      <c r="B18093" s="14" t="s">
        <v>1</v>
      </c>
      <c r="C18093" s="14" t="s">
        <v>101</v>
      </c>
      <c r="D18093" s="14" t="s">
        <v>128</v>
      </c>
      <c r="E18093" s="15">
        <v>45584</v>
      </c>
      <c r="F18093" s="14" t="s">
        <v>15</v>
      </c>
      <c r="G18093" s="16">
        <v>1.393133716134044</v>
      </c>
    </row>
    <row r="18094" spans="1:7" x14ac:dyDescent="0.3">
      <c r="A18094" s="13" t="s">
        <v>127</v>
      </c>
      <c r="B18094" s="14" t="s">
        <v>1</v>
      </c>
      <c r="C18094" s="14" t="s">
        <v>101</v>
      </c>
      <c r="D18094" s="14" t="s">
        <v>128</v>
      </c>
      <c r="E18094" s="15">
        <v>45585</v>
      </c>
      <c r="F18094" s="14" t="s">
        <v>15</v>
      </c>
      <c r="G18094" s="16">
        <v>1.393133716134044</v>
      </c>
    </row>
    <row r="18095" spans="1:7" x14ac:dyDescent="0.3">
      <c r="A18095" s="13" t="s">
        <v>127</v>
      </c>
      <c r="B18095" s="14" t="s">
        <v>1</v>
      </c>
      <c r="C18095" s="14" t="s">
        <v>101</v>
      </c>
      <c r="D18095" s="14" t="s">
        <v>128</v>
      </c>
      <c r="E18095" s="15">
        <v>45586</v>
      </c>
      <c r="F18095" s="14" t="s">
        <v>15</v>
      </c>
      <c r="G18095" s="16">
        <v>1.3955625257770616</v>
      </c>
    </row>
    <row r="18096" spans="1:7" x14ac:dyDescent="0.3">
      <c r="A18096" s="13" t="s">
        <v>127</v>
      </c>
      <c r="B18096" s="14" t="s">
        <v>1</v>
      </c>
      <c r="C18096" s="14" t="s">
        <v>101</v>
      </c>
      <c r="D18096" s="14" t="s">
        <v>128</v>
      </c>
      <c r="E18096" s="15">
        <v>45587</v>
      </c>
      <c r="F18096" s="14" t="s">
        <v>15</v>
      </c>
      <c r="G18096" s="16">
        <v>1.3920520035664568</v>
      </c>
    </row>
    <row r="18097" spans="1:7" x14ac:dyDescent="0.3">
      <c r="A18097" s="13" t="s">
        <v>127</v>
      </c>
      <c r="B18097" s="14" t="s">
        <v>1</v>
      </c>
      <c r="C18097" s="14" t="s">
        <v>101</v>
      </c>
      <c r="D18097" s="14" t="s">
        <v>128</v>
      </c>
      <c r="E18097" s="15">
        <v>45588</v>
      </c>
      <c r="F18097" s="14" t="s">
        <v>15</v>
      </c>
      <c r="G18097" s="16">
        <v>1.3933311916739897</v>
      </c>
    </row>
    <row r="18098" spans="1:7" x14ac:dyDescent="0.3">
      <c r="A18098" s="13" t="s">
        <v>127</v>
      </c>
      <c r="B18098" s="14" t="s">
        <v>1</v>
      </c>
      <c r="C18098" s="14" t="s">
        <v>101</v>
      </c>
      <c r="D18098" s="14" t="s">
        <v>128</v>
      </c>
      <c r="E18098" s="15">
        <v>45589</v>
      </c>
      <c r="F18098" s="14" t="s">
        <v>15</v>
      </c>
      <c r="G18098" s="16">
        <v>1.39485168648006</v>
      </c>
    </row>
    <row r="18099" spans="1:7" x14ac:dyDescent="0.3">
      <c r="A18099" s="13" t="s">
        <v>127</v>
      </c>
      <c r="B18099" s="14" t="s">
        <v>1</v>
      </c>
      <c r="C18099" s="14" t="s">
        <v>101</v>
      </c>
      <c r="D18099" s="14" t="s">
        <v>128</v>
      </c>
      <c r="E18099" s="15">
        <v>45590</v>
      </c>
      <c r="F18099" s="14" t="s">
        <v>15</v>
      </c>
      <c r="G18099" s="16">
        <v>1.3961581923270501</v>
      </c>
    </row>
    <row r="18100" spans="1:7" x14ac:dyDescent="0.3">
      <c r="A18100" s="13" t="s">
        <v>127</v>
      </c>
      <c r="B18100" s="14" t="s">
        <v>1</v>
      </c>
      <c r="C18100" s="14" t="s">
        <v>101</v>
      </c>
      <c r="D18100" s="14" t="s">
        <v>128</v>
      </c>
      <c r="E18100" s="15">
        <v>45591</v>
      </c>
      <c r="F18100" s="14" t="s">
        <v>15</v>
      </c>
      <c r="G18100" s="16">
        <v>1.3961581923270501</v>
      </c>
    </row>
    <row r="18101" spans="1:7" x14ac:dyDescent="0.3">
      <c r="A18101" s="13" t="s">
        <v>127</v>
      </c>
      <c r="B18101" s="14" t="s">
        <v>1</v>
      </c>
      <c r="C18101" s="14" t="s">
        <v>101</v>
      </c>
      <c r="D18101" s="14" t="s">
        <v>128</v>
      </c>
      <c r="E18101" s="15">
        <v>45592</v>
      </c>
      <c r="F18101" s="14" t="s">
        <v>15</v>
      </c>
      <c r="G18101" s="16">
        <v>1.3961581923270501</v>
      </c>
    </row>
    <row r="18102" spans="1:7" x14ac:dyDescent="0.3">
      <c r="A18102" s="13" t="s">
        <v>127</v>
      </c>
      <c r="B18102" s="14" t="s">
        <v>1</v>
      </c>
      <c r="C18102" s="14" t="s">
        <v>101</v>
      </c>
      <c r="D18102" s="14" t="s">
        <v>128</v>
      </c>
      <c r="E18102" s="15">
        <v>45593</v>
      </c>
      <c r="F18102" s="14" t="s">
        <v>15</v>
      </c>
      <c r="G18102" s="16">
        <v>1.3961581923270501</v>
      </c>
    </row>
    <row r="18103" spans="1:7" x14ac:dyDescent="0.3">
      <c r="A18103" s="13" t="s">
        <v>127</v>
      </c>
      <c r="B18103" s="14" t="s">
        <v>1</v>
      </c>
      <c r="C18103" s="14" t="s">
        <v>101</v>
      </c>
      <c r="D18103" s="14" t="s">
        <v>128</v>
      </c>
      <c r="E18103" s="15">
        <v>45594</v>
      </c>
      <c r="F18103" s="14" t="s">
        <v>15</v>
      </c>
      <c r="G18103" s="16">
        <v>1.3985608224697545</v>
      </c>
    </row>
    <row r="18104" spans="1:7" x14ac:dyDescent="0.3">
      <c r="A18104" s="13" t="s">
        <v>127</v>
      </c>
      <c r="B18104" s="14" t="s">
        <v>1</v>
      </c>
      <c r="C18104" s="14" t="s">
        <v>101</v>
      </c>
      <c r="D18104" s="14" t="s">
        <v>128</v>
      </c>
      <c r="E18104" s="15">
        <v>45595</v>
      </c>
      <c r="F18104" s="14" t="s">
        <v>15</v>
      </c>
      <c r="G18104" s="16">
        <v>1.3927550410251848</v>
      </c>
    </row>
    <row r="18105" spans="1:7" x14ac:dyDescent="0.3">
      <c r="A18105" s="13" t="s">
        <v>127</v>
      </c>
      <c r="B18105" s="14" t="s">
        <v>1</v>
      </c>
      <c r="C18105" s="14" t="s">
        <v>101</v>
      </c>
      <c r="D18105" s="14" t="s">
        <v>128</v>
      </c>
      <c r="E18105" s="15">
        <v>45596</v>
      </c>
      <c r="F18105" s="14" t="s">
        <v>15</v>
      </c>
      <c r="G18105" s="16">
        <v>1.3940473188828741</v>
      </c>
    </row>
    <row r="18106" spans="1:7" x14ac:dyDescent="0.3">
      <c r="A18106" s="13" t="s">
        <v>127</v>
      </c>
      <c r="B18106" s="14" t="s">
        <v>1</v>
      </c>
      <c r="C18106" s="14" t="s">
        <v>101</v>
      </c>
      <c r="D18106" s="14" t="s">
        <v>128</v>
      </c>
      <c r="E18106" s="15">
        <v>45597</v>
      </c>
      <c r="F18106" s="14" t="s">
        <v>15</v>
      </c>
      <c r="G18106" s="16">
        <v>1.4097718999674715</v>
      </c>
    </row>
    <row r="18107" spans="1:7" x14ac:dyDescent="0.3">
      <c r="A18107" s="13" t="s">
        <v>127</v>
      </c>
      <c r="B18107" s="14" t="s">
        <v>1</v>
      </c>
      <c r="C18107" s="14" t="s">
        <v>101</v>
      </c>
      <c r="D18107" s="14" t="s">
        <v>128</v>
      </c>
      <c r="E18107" s="15">
        <v>45598</v>
      </c>
      <c r="F18107" s="14" t="s">
        <v>15</v>
      </c>
      <c r="G18107" s="16">
        <v>1.4097718999674715</v>
      </c>
    </row>
    <row r="18108" spans="1:7" x14ac:dyDescent="0.3">
      <c r="A18108" s="13" t="s">
        <v>127</v>
      </c>
      <c r="B18108" s="14" t="s">
        <v>1</v>
      </c>
      <c r="C18108" s="14" t="s">
        <v>101</v>
      </c>
      <c r="D18108" s="14" t="s">
        <v>128</v>
      </c>
      <c r="E18108" s="15">
        <v>45599</v>
      </c>
      <c r="F18108" s="14" t="s">
        <v>15</v>
      </c>
      <c r="G18108" s="16">
        <v>1.4097718999674715</v>
      </c>
    </row>
    <row r="18109" spans="1:7" x14ac:dyDescent="0.3">
      <c r="A18109" s="13" t="s">
        <v>127</v>
      </c>
      <c r="B18109" s="14" t="s">
        <v>1</v>
      </c>
      <c r="C18109" s="14" t="s">
        <v>101</v>
      </c>
      <c r="D18109" s="14" t="s">
        <v>128</v>
      </c>
      <c r="E18109" s="15">
        <v>45600</v>
      </c>
      <c r="F18109" s="14" t="s">
        <v>15</v>
      </c>
      <c r="G18109" s="16">
        <v>1.4117192344525584</v>
      </c>
    </row>
    <row r="18110" spans="1:7" x14ac:dyDescent="0.3">
      <c r="A18110" s="13" t="s">
        <v>127</v>
      </c>
      <c r="B18110" s="14" t="s">
        <v>1</v>
      </c>
      <c r="C18110" s="14" t="s">
        <v>101</v>
      </c>
      <c r="D18110" s="14" t="s">
        <v>128</v>
      </c>
      <c r="E18110" s="15">
        <v>45601</v>
      </c>
      <c r="F18110" s="14" t="s">
        <v>15</v>
      </c>
      <c r="G18110" s="16">
        <v>1.4084153026465978</v>
      </c>
    </row>
    <row r="18111" spans="1:7" x14ac:dyDescent="0.3">
      <c r="A18111" s="13" t="s">
        <v>127</v>
      </c>
      <c r="B18111" s="14" t="s">
        <v>1</v>
      </c>
      <c r="C18111" s="14" t="s">
        <v>101</v>
      </c>
      <c r="D18111" s="14" t="s">
        <v>128</v>
      </c>
      <c r="E18111" s="15">
        <v>45602</v>
      </c>
      <c r="F18111" s="14" t="s">
        <v>15</v>
      </c>
      <c r="G18111" s="16">
        <v>1.4097502644721887</v>
      </c>
    </row>
    <row r="18112" spans="1:7" x14ac:dyDescent="0.3">
      <c r="A18112" s="13" t="s">
        <v>127</v>
      </c>
      <c r="B18112" s="14" t="s">
        <v>1</v>
      </c>
      <c r="C18112" s="14" t="s">
        <v>101</v>
      </c>
      <c r="D18112" s="14" t="s">
        <v>128</v>
      </c>
      <c r="E18112" s="15">
        <v>45603</v>
      </c>
      <c r="F18112" s="14" t="s">
        <v>15</v>
      </c>
      <c r="G18112" s="16">
        <v>1.4110593003054737</v>
      </c>
    </row>
    <row r="18113" spans="1:7" x14ac:dyDescent="0.3">
      <c r="A18113" s="13" t="s">
        <v>127</v>
      </c>
      <c r="B18113" s="14" t="s">
        <v>1</v>
      </c>
      <c r="C18113" s="14" t="s">
        <v>101</v>
      </c>
      <c r="D18113" s="14" t="s">
        <v>128</v>
      </c>
      <c r="E18113" s="15">
        <v>45604</v>
      </c>
      <c r="F18113" s="14" t="s">
        <v>15</v>
      </c>
      <c r="G18113" s="16">
        <v>1.4123475904805285</v>
      </c>
    </row>
    <row r="18114" spans="1:7" x14ac:dyDescent="0.3">
      <c r="A18114" s="13" t="s">
        <v>127</v>
      </c>
      <c r="B18114" s="14" t="s">
        <v>1</v>
      </c>
      <c r="C18114" s="14" t="s">
        <v>101</v>
      </c>
      <c r="D18114" s="14" t="s">
        <v>128</v>
      </c>
      <c r="E18114" s="15">
        <v>45605</v>
      </c>
      <c r="F18114" s="14" t="s">
        <v>15</v>
      </c>
      <c r="G18114" s="16">
        <v>1.4123475904805285</v>
      </c>
    </row>
    <row r="18115" spans="1:7" x14ac:dyDescent="0.3">
      <c r="A18115" s="13" t="s">
        <v>127</v>
      </c>
      <c r="B18115" s="14" t="s">
        <v>1</v>
      </c>
      <c r="C18115" s="14" t="s">
        <v>101</v>
      </c>
      <c r="D18115" s="14" t="s">
        <v>128</v>
      </c>
      <c r="E18115" s="15">
        <v>45606</v>
      </c>
      <c r="F18115" s="14" t="s">
        <v>15</v>
      </c>
      <c r="G18115" s="16">
        <v>1.4123475904805285</v>
      </c>
    </row>
    <row r="18116" spans="1:7" x14ac:dyDescent="0.3">
      <c r="A18116" s="13" t="s">
        <v>127</v>
      </c>
      <c r="B18116" s="14" t="s">
        <v>1</v>
      </c>
      <c r="C18116" s="14" t="s">
        <v>101</v>
      </c>
      <c r="D18116" s="14" t="s">
        <v>128</v>
      </c>
      <c r="E18116" s="15">
        <v>45607</v>
      </c>
      <c r="F18116" s="14" t="s">
        <v>15</v>
      </c>
      <c r="G18116" s="16">
        <v>1.4136258041930145</v>
      </c>
    </row>
    <row r="18117" spans="1:7" x14ac:dyDescent="0.3">
      <c r="A18117" s="13" t="s">
        <v>127</v>
      </c>
      <c r="B18117" s="14" t="s">
        <v>1</v>
      </c>
      <c r="C18117" s="14" t="s">
        <v>101</v>
      </c>
      <c r="D18117" s="14" t="s">
        <v>128</v>
      </c>
      <c r="E18117" s="15">
        <v>45608</v>
      </c>
      <c r="F18117" s="14" t="s">
        <v>15</v>
      </c>
      <c r="G18117" s="16">
        <v>1.4101491130391617</v>
      </c>
    </row>
    <row r="18118" spans="1:7" x14ac:dyDescent="0.3">
      <c r="A18118" s="13" t="s">
        <v>127</v>
      </c>
      <c r="B18118" s="14" t="s">
        <v>1</v>
      </c>
      <c r="C18118" s="14" t="s">
        <v>101</v>
      </c>
      <c r="D18118" s="14" t="s">
        <v>128</v>
      </c>
      <c r="E18118" s="15">
        <v>45609</v>
      </c>
      <c r="F18118" s="14" t="s">
        <v>15</v>
      </c>
      <c r="G18118" s="16">
        <v>1.4303147667374221</v>
      </c>
    </row>
    <row r="18119" spans="1:7" x14ac:dyDescent="0.3">
      <c r="A18119" s="13" t="s">
        <v>127</v>
      </c>
      <c r="B18119" s="14" t="s">
        <v>1</v>
      </c>
      <c r="C18119" s="14" t="s">
        <v>101</v>
      </c>
      <c r="D18119" s="14" t="s">
        <v>128</v>
      </c>
      <c r="E18119" s="15">
        <v>45610</v>
      </c>
      <c r="F18119" s="14" t="s">
        <v>15</v>
      </c>
      <c r="G18119" s="16">
        <v>1.4350604690397961</v>
      </c>
    </row>
    <row r="18120" spans="1:7" x14ac:dyDescent="0.3">
      <c r="A18120" s="13" t="s">
        <v>127</v>
      </c>
      <c r="B18120" s="14" t="s">
        <v>1</v>
      </c>
      <c r="C18120" s="14" t="s">
        <v>101</v>
      </c>
      <c r="D18120" s="14" t="s">
        <v>128</v>
      </c>
      <c r="E18120" s="15">
        <v>45611</v>
      </c>
      <c r="F18120" s="14" t="s">
        <v>15</v>
      </c>
      <c r="G18120" s="16">
        <v>1.4363623920759736</v>
      </c>
    </row>
    <row r="18121" spans="1:7" x14ac:dyDescent="0.3">
      <c r="A18121" s="13" t="s">
        <v>127</v>
      </c>
      <c r="B18121" s="14" t="s">
        <v>1</v>
      </c>
      <c r="C18121" s="14" t="s">
        <v>101</v>
      </c>
      <c r="D18121" s="14" t="s">
        <v>128</v>
      </c>
      <c r="E18121" s="15">
        <v>45612</v>
      </c>
      <c r="F18121" s="14" t="s">
        <v>15</v>
      </c>
      <c r="G18121" s="16">
        <v>1.4363623920759736</v>
      </c>
    </row>
    <row r="18122" spans="1:7" x14ac:dyDescent="0.3">
      <c r="A18122" s="13" t="s">
        <v>127</v>
      </c>
      <c r="B18122" s="14" t="s">
        <v>1</v>
      </c>
      <c r="C18122" s="14" t="s">
        <v>101</v>
      </c>
      <c r="D18122" s="14" t="s">
        <v>128</v>
      </c>
      <c r="E18122" s="15">
        <v>45613</v>
      </c>
      <c r="F18122" s="14" t="s">
        <v>15</v>
      </c>
      <c r="G18122" s="16">
        <v>1.4363623920759736</v>
      </c>
    </row>
    <row r="18123" spans="1:7" x14ac:dyDescent="0.3">
      <c r="A18123" s="13" t="s">
        <v>127</v>
      </c>
      <c r="B18123" s="14" t="s">
        <v>1</v>
      </c>
      <c r="C18123" s="14" t="s">
        <v>101</v>
      </c>
      <c r="D18123" s="14" t="s">
        <v>128</v>
      </c>
      <c r="E18123" s="15">
        <v>45614</v>
      </c>
      <c r="F18123" s="14" t="s">
        <v>15</v>
      </c>
      <c r="G18123" s="16">
        <v>1.4814252065827218</v>
      </c>
    </row>
    <row r="18124" spans="1:7" x14ac:dyDescent="0.3">
      <c r="A18124" s="13" t="s">
        <v>127</v>
      </c>
      <c r="B18124" s="14" t="s">
        <v>1</v>
      </c>
      <c r="C18124" s="14" t="s">
        <v>101</v>
      </c>
      <c r="D18124" s="14" t="s">
        <v>128</v>
      </c>
      <c r="E18124" s="15">
        <v>45615</v>
      </c>
      <c r="F18124" s="14" t="s">
        <v>15</v>
      </c>
      <c r="G18124" s="16">
        <v>1.4780765457768035</v>
      </c>
    </row>
    <row r="18125" spans="1:7" x14ac:dyDescent="0.3">
      <c r="A18125" s="13" t="s">
        <v>127</v>
      </c>
      <c r="B18125" s="14" t="s">
        <v>1</v>
      </c>
      <c r="C18125" s="14" t="s">
        <v>101</v>
      </c>
      <c r="D18125" s="14" t="s">
        <v>128</v>
      </c>
      <c r="E18125" s="15">
        <v>45616</v>
      </c>
      <c r="F18125" s="14" t="s">
        <v>15</v>
      </c>
      <c r="G18125" s="16">
        <v>1.4793903234748269</v>
      </c>
    </row>
    <row r="18126" spans="1:7" x14ac:dyDescent="0.3">
      <c r="A18126" s="13" t="s">
        <v>127</v>
      </c>
      <c r="B18126" s="14" t="s">
        <v>1</v>
      </c>
      <c r="C18126" s="14" t="s">
        <v>101</v>
      </c>
      <c r="D18126" s="14" t="s">
        <v>128</v>
      </c>
      <c r="E18126" s="15">
        <v>45617</v>
      </c>
      <c r="F18126" s="14" t="s">
        <v>15</v>
      </c>
      <c r="G18126" s="16">
        <v>1.4807035084397577</v>
      </c>
    </row>
    <row r="18127" spans="1:7" x14ac:dyDescent="0.3">
      <c r="A18127" s="13" t="s">
        <v>127</v>
      </c>
      <c r="B18127" s="14" t="s">
        <v>1</v>
      </c>
      <c r="C18127" s="14" t="s">
        <v>101</v>
      </c>
      <c r="D18127" s="14" t="s">
        <v>128</v>
      </c>
      <c r="E18127" s="15">
        <v>45618</v>
      </c>
      <c r="F18127" s="14" t="s">
        <v>15</v>
      </c>
      <c r="G18127" s="16">
        <v>1.4820226207356118</v>
      </c>
    </row>
    <row r="18128" spans="1:7" x14ac:dyDescent="0.3">
      <c r="A18128" s="13" t="s">
        <v>127</v>
      </c>
      <c r="B18128" s="14" t="s">
        <v>1</v>
      </c>
      <c r="C18128" s="14" t="s">
        <v>101</v>
      </c>
      <c r="D18128" s="14" t="s">
        <v>128</v>
      </c>
      <c r="E18128" s="15">
        <v>45619</v>
      </c>
      <c r="F18128" s="14" t="s">
        <v>15</v>
      </c>
      <c r="G18128" s="16">
        <v>1.4820226207356118</v>
      </c>
    </row>
    <row r="18129" spans="1:7" x14ac:dyDescent="0.3">
      <c r="A18129" s="13" t="s">
        <v>127</v>
      </c>
      <c r="B18129" s="14" t="s">
        <v>1</v>
      </c>
      <c r="C18129" s="14" t="s">
        <v>101</v>
      </c>
      <c r="D18129" s="14" t="s">
        <v>128</v>
      </c>
      <c r="E18129" s="15">
        <v>45620</v>
      </c>
      <c r="F18129" s="14" t="s">
        <v>15</v>
      </c>
      <c r="G18129" s="16">
        <v>1.4820226207356118</v>
      </c>
    </row>
    <row r="18130" spans="1:7" x14ac:dyDescent="0.3">
      <c r="A18130" s="13" t="s">
        <v>127</v>
      </c>
      <c r="B18130" s="14" t="s">
        <v>1</v>
      </c>
      <c r="C18130" s="14" t="s">
        <v>101</v>
      </c>
      <c r="D18130" s="14" t="s">
        <v>128</v>
      </c>
      <c r="E18130" s="15">
        <v>45621</v>
      </c>
      <c r="F18130" s="14" t="s">
        <v>15</v>
      </c>
      <c r="G18130" s="16">
        <v>1.4946878298840529</v>
      </c>
    </row>
    <row r="18131" spans="1:7" x14ac:dyDescent="0.3">
      <c r="A18131" s="13" t="s">
        <v>127</v>
      </c>
      <c r="B18131" s="14" t="s">
        <v>1</v>
      </c>
      <c r="C18131" s="14" t="s">
        <v>101</v>
      </c>
      <c r="D18131" s="14" t="s">
        <v>128</v>
      </c>
      <c r="E18131" s="15">
        <v>45622</v>
      </c>
      <c r="F18131" s="14" t="s">
        <v>15</v>
      </c>
      <c r="G18131" s="16">
        <v>1.4911909858050623</v>
      </c>
    </row>
    <row r="18132" spans="1:7" x14ac:dyDescent="0.3">
      <c r="A18132" s="13" t="s">
        <v>127</v>
      </c>
      <c r="B18132" s="14" t="s">
        <v>1</v>
      </c>
      <c r="C18132" s="14" t="s">
        <v>101</v>
      </c>
      <c r="D18132" s="14" t="s">
        <v>128</v>
      </c>
      <c r="E18132" s="15">
        <v>45623</v>
      </c>
      <c r="F18132" s="14" t="s">
        <v>15</v>
      </c>
      <c r="G18132" s="16">
        <v>1.4989531068140927</v>
      </c>
    </row>
    <row r="18133" spans="1:7" x14ac:dyDescent="0.3">
      <c r="A18133" s="13" t="s">
        <v>127</v>
      </c>
      <c r="B18133" s="14" t="s">
        <v>1</v>
      </c>
      <c r="C18133" s="14" t="s">
        <v>101</v>
      </c>
      <c r="D18133" s="14" t="s">
        <v>128</v>
      </c>
      <c r="E18133" s="15">
        <v>45624</v>
      </c>
      <c r="F18133" s="14" t="s">
        <v>15</v>
      </c>
      <c r="G18133" s="16">
        <v>1.4980897758641403</v>
      </c>
    </row>
    <row r="18134" spans="1:7" x14ac:dyDescent="0.3">
      <c r="A18134" s="13" t="s">
        <v>127</v>
      </c>
      <c r="B18134" s="14" t="s">
        <v>1</v>
      </c>
      <c r="C18134" s="14" t="s">
        <v>101</v>
      </c>
      <c r="D18134" s="14" t="s">
        <v>128</v>
      </c>
      <c r="E18134" s="15">
        <v>45625</v>
      </c>
      <c r="F18134" s="14" t="s">
        <v>15</v>
      </c>
      <c r="G18134" s="16">
        <v>1.4993685823097187</v>
      </c>
    </row>
    <row r="18135" spans="1:7" x14ac:dyDescent="0.3">
      <c r="A18135" s="13" t="s">
        <v>127</v>
      </c>
      <c r="B18135" s="14" t="s">
        <v>1</v>
      </c>
      <c r="C18135" s="14" t="s">
        <v>101</v>
      </c>
      <c r="D18135" s="14" t="s">
        <v>128</v>
      </c>
      <c r="E18135" s="15">
        <v>45626</v>
      </c>
      <c r="F18135" s="14" t="s">
        <v>15</v>
      </c>
      <c r="G18135" s="16">
        <v>1.4993685823097187</v>
      </c>
    </row>
    <row r="18136" spans="1:7" x14ac:dyDescent="0.3">
      <c r="A18136" s="13" t="s">
        <v>127</v>
      </c>
      <c r="B18136" s="14" t="s">
        <v>1</v>
      </c>
      <c r="C18136" s="14" t="s">
        <v>101</v>
      </c>
      <c r="D18136" s="14" t="s">
        <v>128</v>
      </c>
      <c r="E18136" s="15">
        <v>45627</v>
      </c>
      <c r="F18136" s="14" t="s">
        <v>15</v>
      </c>
      <c r="G18136" s="16">
        <v>1.4993685823097187</v>
      </c>
    </row>
    <row r="18137" spans="1:7" x14ac:dyDescent="0.3">
      <c r="A18137" s="13" t="s">
        <v>127</v>
      </c>
      <c r="B18137" s="14" t="s">
        <v>1</v>
      </c>
      <c r="C18137" s="14" t="s">
        <v>101</v>
      </c>
      <c r="D18137" s="14" t="s">
        <v>128</v>
      </c>
      <c r="E18137" s="15">
        <v>45628</v>
      </c>
      <c r="F18137" s="14" t="s">
        <v>15</v>
      </c>
      <c r="G18137" s="16">
        <v>1.5431113802199403</v>
      </c>
    </row>
    <row r="18138" spans="1:7" x14ac:dyDescent="0.3">
      <c r="A18138" s="13" t="s">
        <v>127</v>
      </c>
      <c r="B18138" s="14" t="s">
        <v>1</v>
      </c>
      <c r="C18138" s="14" t="s">
        <v>101</v>
      </c>
      <c r="D18138" s="14" t="s">
        <v>128</v>
      </c>
      <c r="E18138" s="15">
        <v>45629</v>
      </c>
      <c r="F18138" s="14" t="s">
        <v>15</v>
      </c>
      <c r="G18138" s="16">
        <v>1.5415349913599645</v>
      </c>
    </row>
    <row r="18139" spans="1:7" x14ac:dyDescent="0.3">
      <c r="A18139" s="13" t="s">
        <v>127</v>
      </c>
      <c r="B18139" s="14" t="s">
        <v>1</v>
      </c>
      <c r="C18139" s="14" t="s">
        <v>101</v>
      </c>
      <c r="D18139" s="14" t="s">
        <v>128</v>
      </c>
      <c r="E18139" s="15">
        <v>45630</v>
      </c>
      <c r="F18139" s="14" t="s">
        <v>15</v>
      </c>
      <c r="G18139" s="16">
        <v>1.5580535583413737</v>
      </c>
    </row>
    <row r="18140" spans="1:7" x14ac:dyDescent="0.3">
      <c r="A18140" s="13" t="s">
        <v>127</v>
      </c>
      <c r="B18140" s="14" t="s">
        <v>1</v>
      </c>
      <c r="C18140" s="14" t="s">
        <v>101</v>
      </c>
      <c r="D18140" s="14" t="s">
        <v>128</v>
      </c>
      <c r="E18140" s="15">
        <v>45631</v>
      </c>
      <c r="F18140" s="14" t="s">
        <v>15</v>
      </c>
      <c r="G18140" s="16">
        <v>1.5593211028581984</v>
      </c>
    </row>
    <row r="18141" spans="1:7" x14ac:dyDescent="0.3">
      <c r="A18141" s="13" t="s">
        <v>127</v>
      </c>
      <c r="B18141" s="14" t="s">
        <v>1</v>
      </c>
      <c r="C18141" s="14" t="s">
        <v>101</v>
      </c>
      <c r="D18141" s="14" t="s">
        <v>128</v>
      </c>
      <c r="E18141" s="15">
        <v>45632</v>
      </c>
      <c r="F18141" s="14" t="s">
        <v>15</v>
      </c>
      <c r="G18141" s="16">
        <v>1.5605856837095615</v>
      </c>
    </row>
    <row r="18142" spans="1:7" x14ac:dyDescent="0.3">
      <c r="A18142" s="13" t="s">
        <v>127</v>
      </c>
      <c r="B18142" s="14" t="s">
        <v>1</v>
      </c>
      <c r="C18142" s="14" t="s">
        <v>101</v>
      </c>
      <c r="D18142" s="14" t="s">
        <v>128</v>
      </c>
      <c r="E18142" s="15">
        <v>45633</v>
      </c>
      <c r="F18142" s="14" t="s">
        <v>15</v>
      </c>
      <c r="G18142" s="16">
        <v>1.5605856837095615</v>
      </c>
    </row>
    <row r="18143" spans="1:7" x14ac:dyDescent="0.3">
      <c r="A18143" s="13" t="s">
        <v>127</v>
      </c>
      <c r="B18143" s="14" t="s">
        <v>1</v>
      </c>
      <c r="C18143" s="14" t="s">
        <v>101</v>
      </c>
      <c r="D18143" s="14" t="s">
        <v>128</v>
      </c>
      <c r="E18143" s="15">
        <v>45634</v>
      </c>
      <c r="F18143" s="14" t="s">
        <v>15</v>
      </c>
      <c r="G18143" s="16">
        <v>1.5605856837095615</v>
      </c>
    </row>
    <row r="18144" spans="1:7" x14ac:dyDescent="0.3">
      <c r="A18144" s="13" t="s">
        <v>127</v>
      </c>
      <c r="B18144" s="14" t="s">
        <v>1</v>
      </c>
      <c r="C18144" s="14" t="s">
        <v>101</v>
      </c>
      <c r="D18144" s="14" t="s">
        <v>128</v>
      </c>
      <c r="E18144" s="15">
        <v>45635</v>
      </c>
      <c r="F18144" s="14" t="s">
        <v>15</v>
      </c>
      <c r="G18144" s="16">
        <v>1.5751079256361429</v>
      </c>
    </row>
    <row r="18145" spans="1:7" x14ac:dyDescent="0.3">
      <c r="A18145" s="13" t="s">
        <v>127</v>
      </c>
      <c r="B18145" s="14" t="s">
        <v>1</v>
      </c>
      <c r="C18145" s="14" t="s">
        <v>101</v>
      </c>
      <c r="D18145" s="14" t="s">
        <v>128</v>
      </c>
      <c r="E18145" s="15">
        <v>45636</v>
      </c>
      <c r="F18145" s="14" t="s">
        <v>15</v>
      </c>
      <c r="G18145" s="16">
        <v>1.5716015978276758</v>
      </c>
    </row>
    <row r="18146" spans="1:7" x14ac:dyDescent="0.3">
      <c r="A18146" s="13" t="s">
        <v>127</v>
      </c>
      <c r="B18146" s="14" t="s">
        <v>1</v>
      </c>
      <c r="C18146" s="14" t="s">
        <v>101</v>
      </c>
      <c r="D18146" s="14" t="s">
        <v>128</v>
      </c>
      <c r="E18146" s="15">
        <v>45637</v>
      </c>
      <c r="F18146" s="14" t="s">
        <v>15</v>
      </c>
      <c r="G18146" s="16">
        <v>1.5728750696754235</v>
      </c>
    </row>
    <row r="18147" spans="1:7" x14ac:dyDescent="0.3">
      <c r="A18147" s="13" t="s">
        <v>127</v>
      </c>
      <c r="B18147" s="14" t="s">
        <v>1</v>
      </c>
      <c r="C18147" s="14" t="s">
        <v>101</v>
      </c>
      <c r="D18147" s="14" t="s">
        <v>128</v>
      </c>
      <c r="E18147" s="15">
        <v>45638</v>
      </c>
      <c r="F18147" s="14" t="s">
        <v>15</v>
      </c>
      <c r="G18147" s="16">
        <v>1.5778839454707736</v>
      </c>
    </row>
    <row r="18148" spans="1:7" x14ac:dyDescent="0.3">
      <c r="A18148" s="13" t="s">
        <v>127</v>
      </c>
      <c r="B18148" s="14" t="s">
        <v>1</v>
      </c>
      <c r="C18148" s="14" t="s">
        <v>101</v>
      </c>
      <c r="D18148" s="14" t="s">
        <v>128</v>
      </c>
      <c r="E18148" s="15">
        <v>45639</v>
      </c>
      <c r="F18148" s="14" t="s">
        <v>15</v>
      </c>
      <c r="G18148" s="16">
        <v>1.5791627519163518</v>
      </c>
    </row>
    <row r="18149" spans="1:7" x14ac:dyDescent="0.3">
      <c r="A18149" s="13" t="s">
        <v>127</v>
      </c>
      <c r="B18149" s="14" t="s">
        <v>1</v>
      </c>
      <c r="C18149" s="14" t="s">
        <v>101</v>
      </c>
      <c r="D18149" s="14" t="s">
        <v>128</v>
      </c>
      <c r="E18149" s="15">
        <v>45640</v>
      </c>
      <c r="F18149" s="14" t="s">
        <v>15</v>
      </c>
      <c r="G18149" s="16">
        <v>1.5791627519163518</v>
      </c>
    </row>
    <row r="18150" spans="1:7" x14ac:dyDescent="0.3">
      <c r="A18150" s="13" t="s">
        <v>127</v>
      </c>
      <c r="B18150" s="14" t="s">
        <v>1</v>
      </c>
      <c r="C18150" s="14" t="s">
        <v>101</v>
      </c>
      <c r="D18150" s="14" t="s">
        <v>128</v>
      </c>
      <c r="E18150" s="15">
        <v>45641</v>
      </c>
      <c r="F18150" s="14" t="s">
        <v>15</v>
      </c>
      <c r="G18150" s="16">
        <v>1.5791627519163518</v>
      </c>
    </row>
    <row r="18151" spans="1:7" x14ac:dyDescent="0.3">
      <c r="A18151" s="13" t="s">
        <v>127</v>
      </c>
      <c r="B18151" s="14" t="s">
        <v>1</v>
      </c>
      <c r="C18151" s="14" t="s">
        <v>101</v>
      </c>
      <c r="D18151" s="14" t="s">
        <v>128</v>
      </c>
      <c r="E18151" s="15">
        <v>45642</v>
      </c>
      <c r="F18151" s="14" t="s">
        <v>15</v>
      </c>
      <c r="G18151" s="16">
        <v>1.5824598145411726</v>
      </c>
    </row>
    <row r="18152" spans="1:7" x14ac:dyDescent="0.3">
      <c r="A18152" s="13" t="s">
        <v>127</v>
      </c>
      <c r="B18152" s="14" t="s">
        <v>1</v>
      </c>
      <c r="C18152" s="14" t="s">
        <v>101</v>
      </c>
      <c r="D18152" s="14" t="s">
        <v>128</v>
      </c>
      <c r="E18152" s="15">
        <v>45643</v>
      </c>
      <c r="F18152" s="14" t="s">
        <v>15</v>
      </c>
      <c r="G18152" s="16">
        <v>1.5790169091735804</v>
      </c>
    </row>
    <row r="18153" spans="1:7" x14ac:dyDescent="0.3">
      <c r="A18153" s="13" t="s">
        <v>127</v>
      </c>
      <c r="B18153" s="14" t="s">
        <v>1</v>
      </c>
      <c r="C18153" s="14" t="s">
        <v>101</v>
      </c>
      <c r="D18153" s="14" t="s">
        <v>128</v>
      </c>
      <c r="E18153" s="15">
        <v>45644</v>
      </c>
      <c r="F18153" s="14" t="s">
        <v>15</v>
      </c>
      <c r="G18153" s="16">
        <v>1.5882620483795165</v>
      </c>
    </row>
    <row r="18154" spans="1:7" x14ac:dyDescent="0.3">
      <c r="A18154" s="13" t="s">
        <v>127</v>
      </c>
      <c r="B18154" s="14" t="s">
        <v>1</v>
      </c>
      <c r="C18154" s="14" t="s">
        <v>101</v>
      </c>
      <c r="D18154" s="14" t="s">
        <v>128</v>
      </c>
      <c r="E18154" s="15">
        <v>45645</v>
      </c>
      <c r="F18154" s="14" t="s">
        <v>15</v>
      </c>
      <c r="G18154" s="16">
        <v>1.5895604150171403</v>
      </c>
    </row>
    <row r="18155" spans="1:7" x14ac:dyDescent="0.3">
      <c r="A18155" s="13" t="s">
        <v>127</v>
      </c>
      <c r="B18155" s="14" t="s">
        <v>1</v>
      </c>
      <c r="C18155" s="14" t="s">
        <v>101</v>
      </c>
      <c r="D18155" s="14" t="s">
        <v>128</v>
      </c>
      <c r="E18155" s="15">
        <v>45646</v>
      </c>
      <c r="F18155" s="14" t="s">
        <v>15</v>
      </c>
      <c r="G18155" s="16">
        <v>1.5997811928929835</v>
      </c>
    </row>
    <row r="18156" spans="1:7" x14ac:dyDescent="0.3">
      <c r="A18156" s="13" t="s">
        <v>127</v>
      </c>
      <c r="B18156" s="14" t="s">
        <v>1</v>
      </c>
      <c r="C18156" s="14" t="s">
        <v>101</v>
      </c>
      <c r="D18156" s="14" t="s">
        <v>128</v>
      </c>
      <c r="E18156" s="15">
        <v>45647</v>
      </c>
      <c r="F18156" s="14" t="s">
        <v>15</v>
      </c>
      <c r="G18156" s="16">
        <v>1.5997811928929835</v>
      </c>
    </row>
    <row r="18157" spans="1:7" x14ac:dyDescent="0.3">
      <c r="A18157" s="13" t="s">
        <v>127</v>
      </c>
      <c r="B18157" s="14" t="s">
        <v>1</v>
      </c>
      <c r="C18157" s="14" t="s">
        <v>101</v>
      </c>
      <c r="D18157" s="14" t="s">
        <v>128</v>
      </c>
      <c r="E18157" s="15">
        <v>45648</v>
      </c>
      <c r="F18157" s="14" t="s">
        <v>15</v>
      </c>
      <c r="G18157" s="16">
        <v>1.5997811928929835</v>
      </c>
    </row>
    <row r="18158" spans="1:7" x14ac:dyDescent="0.3">
      <c r="A18158" s="13" t="s">
        <v>127</v>
      </c>
      <c r="B18158" s="14" t="s">
        <v>1</v>
      </c>
      <c r="C18158" s="14" t="s">
        <v>101</v>
      </c>
      <c r="D18158" s="14" t="s">
        <v>128</v>
      </c>
      <c r="E18158" s="15">
        <v>45649</v>
      </c>
      <c r="F18158" s="14" t="s">
        <v>15</v>
      </c>
      <c r="G18158" s="16">
        <v>1.605232840308273</v>
      </c>
    </row>
    <row r="18159" spans="1:7" x14ac:dyDescent="0.3">
      <c r="A18159" s="13" t="s">
        <v>127</v>
      </c>
      <c r="B18159" s="14" t="s">
        <v>1</v>
      </c>
      <c r="C18159" s="14" t="s">
        <v>101</v>
      </c>
      <c r="D18159" s="14" t="s">
        <v>128</v>
      </c>
      <c r="E18159" s="15">
        <v>45650</v>
      </c>
      <c r="F18159" s="14" t="s">
        <v>15</v>
      </c>
      <c r="G18159" s="16">
        <v>1.6082892532976245</v>
      </c>
    </row>
    <row r="18160" spans="1:7" x14ac:dyDescent="0.3">
      <c r="A18160" s="13" t="s">
        <v>127</v>
      </c>
      <c r="B18160" s="14" t="s">
        <v>1</v>
      </c>
      <c r="C18160" s="14" t="s">
        <v>101</v>
      </c>
      <c r="D18160" s="14" t="s">
        <v>128</v>
      </c>
      <c r="E18160" s="15">
        <v>45651</v>
      </c>
      <c r="F18160" s="14" t="s">
        <v>15</v>
      </c>
      <c r="G18160" s="16">
        <v>1.6082892532976245</v>
      </c>
    </row>
    <row r="18161" spans="1:7" x14ac:dyDescent="0.3">
      <c r="A18161" s="13" t="s">
        <v>127</v>
      </c>
      <c r="B18161" s="14" t="s">
        <v>1</v>
      </c>
      <c r="C18161" s="14" t="s">
        <v>101</v>
      </c>
      <c r="D18161" s="14" t="s">
        <v>128</v>
      </c>
      <c r="E18161" s="15">
        <v>45652</v>
      </c>
      <c r="F18161" s="14" t="s">
        <v>15</v>
      </c>
      <c r="G18161" s="16">
        <v>1.6082892532976245</v>
      </c>
    </row>
    <row r="18162" spans="1:7" x14ac:dyDescent="0.3">
      <c r="A18162" s="13" t="s">
        <v>127</v>
      </c>
      <c r="B18162" s="14" t="s">
        <v>1</v>
      </c>
      <c r="C18162" s="14" t="s">
        <v>101</v>
      </c>
      <c r="D18162" s="14" t="s">
        <v>128</v>
      </c>
      <c r="E18162" s="15">
        <v>45653</v>
      </c>
      <c r="F18162" s="14" t="s">
        <v>15</v>
      </c>
      <c r="G18162" s="16">
        <v>1.6082892532976245</v>
      </c>
    </row>
    <row r="18163" spans="1:7" x14ac:dyDescent="0.3">
      <c r="A18163" s="13" t="s">
        <v>127</v>
      </c>
      <c r="B18163" s="14" t="s">
        <v>1</v>
      </c>
      <c r="C18163" s="14" t="s">
        <v>101</v>
      </c>
      <c r="D18163" s="14" t="s">
        <v>128</v>
      </c>
      <c r="E18163" s="15">
        <v>45654</v>
      </c>
      <c r="F18163" s="14" t="s">
        <v>15</v>
      </c>
      <c r="G18163" s="16">
        <v>1.6082892532976245</v>
      </c>
    </row>
    <row r="18164" spans="1:7" x14ac:dyDescent="0.3">
      <c r="A18164" s="13" t="s">
        <v>127</v>
      </c>
      <c r="B18164" s="14" t="s">
        <v>1</v>
      </c>
      <c r="C18164" s="14" t="s">
        <v>101</v>
      </c>
      <c r="D18164" s="14" t="s">
        <v>128</v>
      </c>
      <c r="E18164" s="15">
        <v>45655</v>
      </c>
      <c r="F18164" s="14" t="s">
        <v>15</v>
      </c>
      <c r="G18164" s="16">
        <v>1.6082892532976245</v>
      </c>
    </row>
    <row r="18165" spans="1:7" x14ac:dyDescent="0.3">
      <c r="A18165" s="13" t="s">
        <v>127</v>
      </c>
      <c r="B18165" s="14" t="s">
        <v>1</v>
      </c>
      <c r="C18165" s="14" t="s">
        <v>101</v>
      </c>
      <c r="D18165" s="14" t="s">
        <v>128</v>
      </c>
      <c r="E18165" s="15">
        <v>45656</v>
      </c>
      <c r="F18165" s="14" t="s">
        <v>15</v>
      </c>
      <c r="G18165" s="16">
        <v>1.609637672106226</v>
      </c>
    </row>
    <row r="18166" spans="1:7" x14ac:dyDescent="0.3">
      <c r="A18166" s="13" t="s">
        <v>127</v>
      </c>
      <c r="B18166" s="14" t="s">
        <v>1</v>
      </c>
      <c r="C18166" s="14" t="s">
        <v>101</v>
      </c>
      <c r="D18166" s="14" t="s">
        <v>128</v>
      </c>
      <c r="E18166" s="15">
        <v>45657</v>
      </c>
      <c r="F18166" s="14" t="s">
        <v>15</v>
      </c>
      <c r="G18166" s="16">
        <v>1.6161082596325016</v>
      </c>
    </row>
    <row r="18167" spans="1:7" x14ac:dyDescent="0.3">
      <c r="A18167" s="13" t="s">
        <v>127</v>
      </c>
      <c r="B18167" s="14" t="s">
        <v>1</v>
      </c>
      <c r="C18167" s="14" t="s">
        <v>101</v>
      </c>
      <c r="D18167" s="14" t="s">
        <v>128</v>
      </c>
      <c r="E18167" s="15">
        <v>45658</v>
      </c>
      <c r="F18167" s="14" t="s">
        <v>15</v>
      </c>
      <c r="G18167" s="16">
        <v>1.6161082596325016</v>
      </c>
    </row>
    <row r="18168" spans="1:7" x14ac:dyDescent="0.3">
      <c r="A18168" s="13" t="s">
        <v>127</v>
      </c>
      <c r="B18168" s="14" t="s">
        <v>1</v>
      </c>
      <c r="C18168" s="14" t="s">
        <v>101</v>
      </c>
      <c r="D18168" s="14" t="s">
        <v>128</v>
      </c>
      <c r="E18168" s="15">
        <v>45659</v>
      </c>
      <c r="F18168" s="14" t="s">
        <v>15</v>
      </c>
      <c r="G18168" s="16">
        <v>1.6244033522417096</v>
      </c>
    </row>
    <row r="18169" spans="1:7" x14ac:dyDescent="0.3">
      <c r="A18169" s="13" t="s">
        <v>127</v>
      </c>
      <c r="B18169" s="14" t="s">
        <v>1</v>
      </c>
      <c r="C18169" s="14" t="s">
        <v>101</v>
      </c>
      <c r="D18169" s="14" t="s">
        <v>128</v>
      </c>
      <c r="E18169" s="15">
        <v>45660</v>
      </c>
      <c r="F18169" s="14" t="s">
        <v>15</v>
      </c>
      <c r="G18169" s="16">
        <v>1.6234481030163059</v>
      </c>
    </row>
    <row r="18170" spans="1:7" x14ac:dyDescent="0.3">
      <c r="A18170" s="13" t="s">
        <v>127</v>
      </c>
      <c r="B18170" s="14" t="s">
        <v>1</v>
      </c>
      <c r="C18170" s="14" t="s">
        <v>101</v>
      </c>
      <c r="D18170" s="14" t="s">
        <v>128</v>
      </c>
      <c r="E18170" s="15">
        <v>45661</v>
      </c>
      <c r="F18170" s="14" t="s">
        <v>15</v>
      </c>
      <c r="G18170" s="16">
        <v>1.6234481030163059</v>
      </c>
    </row>
    <row r="18171" spans="1:7" x14ac:dyDescent="0.3">
      <c r="A18171" s="13" t="s">
        <v>127</v>
      </c>
      <c r="B18171" s="14" t="s">
        <v>1</v>
      </c>
      <c r="C18171" s="14" t="s">
        <v>101</v>
      </c>
      <c r="D18171" s="14" t="s">
        <v>128</v>
      </c>
      <c r="E18171" s="15">
        <v>45662</v>
      </c>
      <c r="F18171" s="14" t="s">
        <v>15</v>
      </c>
      <c r="G18171" s="16">
        <v>1.6234481030163059</v>
      </c>
    </row>
    <row r="18172" spans="1:7" x14ac:dyDescent="0.3">
      <c r="A18172" s="13" t="s">
        <v>127</v>
      </c>
      <c r="B18172" s="14" t="s">
        <v>1</v>
      </c>
      <c r="C18172" s="14" t="s">
        <v>101</v>
      </c>
      <c r="D18172" s="14" t="s">
        <v>128</v>
      </c>
      <c r="E18172" s="15">
        <v>45663</v>
      </c>
      <c r="F18172" s="14" t="s">
        <v>15</v>
      </c>
      <c r="G18172" s="16">
        <v>1.6248107897043438</v>
      </c>
    </row>
    <row r="18173" spans="1:7" x14ac:dyDescent="0.3">
      <c r="A18173" s="13" t="s">
        <v>127</v>
      </c>
      <c r="B18173" s="14" t="s">
        <v>1</v>
      </c>
      <c r="C18173" s="14" t="s">
        <v>101</v>
      </c>
      <c r="D18173" s="14" t="s">
        <v>128</v>
      </c>
      <c r="E18173" s="15">
        <v>45664</v>
      </c>
      <c r="F18173" s="14" t="s">
        <v>15</v>
      </c>
      <c r="G18173" s="16">
        <v>1.6156419978833751</v>
      </c>
    </row>
    <row r="18174" spans="1:7" x14ac:dyDescent="0.3">
      <c r="A18174" s="13" t="s">
        <v>127</v>
      </c>
      <c r="B18174" s="14" t="s">
        <v>1</v>
      </c>
      <c r="C18174" s="14" t="s">
        <v>101</v>
      </c>
      <c r="D18174" s="14" t="s">
        <v>128</v>
      </c>
      <c r="E18174" s="15">
        <v>45665</v>
      </c>
      <c r="F18174" s="14" t="s">
        <v>15</v>
      </c>
      <c r="G18174" s="16">
        <v>1.6169922001769064</v>
      </c>
    </row>
    <row r="18175" spans="1:7" x14ac:dyDescent="0.3">
      <c r="A18175" s="13" t="s">
        <v>127</v>
      </c>
      <c r="B18175" s="14" t="s">
        <v>1</v>
      </c>
      <c r="C18175" s="14" t="s">
        <v>101</v>
      </c>
      <c r="D18175" s="14" t="s">
        <v>128</v>
      </c>
      <c r="E18175" s="15">
        <v>45666</v>
      </c>
      <c r="F18175" s="14" t="s">
        <v>15</v>
      </c>
      <c r="G18175" s="16">
        <v>1.6183489419151789</v>
      </c>
    </row>
    <row r="18176" spans="1:7" x14ac:dyDescent="0.3">
      <c r="A18176" s="13" t="s">
        <v>127</v>
      </c>
      <c r="B18176" s="14" t="s">
        <v>1</v>
      </c>
      <c r="C18176" s="14" t="s">
        <v>101</v>
      </c>
      <c r="D18176" s="14" t="s">
        <v>128</v>
      </c>
      <c r="E18176" s="15">
        <v>45667</v>
      </c>
      <c r="F18176" s="14" t="s">
        <v>15</v>
      </c>
      <c r="G18176" s="16">
        <v>1.6311782477102854</v>
      </c>
    </row>
    <row r="18177" spans="1:7" x14ac:dyDescent="0.3">
      <c r="A18177" s="13" t="s">
        <v>127</v>
      </c>
      <c r="B18177" s="14" t="s">
        <v>1</v>
      </c>
      <c r="C18177" s="14" t="s">
        <v>101</v>
      </c>
      <c r="D18177" s="14" t="s">
        <v>128</v>
      </c>
      <c r="E18177" s="15">
        <v>45668</v>
      </c>
      <c r="F18177" s="14" t="s">
        <v>15</v>
      </c>
      <c r="G18177" s="16">
        <v>1.6311782477102854</v>
      </c>
    </row>
    <row r="18178" spans="1:7" x14ac:dyDescent="0.3">
      <c r="A18178" s="13" t="s">
        <v>127</v>
      </c>
      <c r="B18178" s="14" t="s">
        <v>1</v>
      </c>
      <c r="C18178" s="14" t="s">
        <v>101</v>
      </c>
      <c r="D18178" s="14" t="s">
        <v>128</v>
      </c>
      <c r="E18178" s="15">
        <v>45669</v>
      </c>
      <c r="F18178" s="14" t="s">
        <v>15</v>
      </c>
      <c r="G18178" s="16">
        <v>1.6311782477102854</v>
      </c>
    </row>
    <row r="18179" spans="1:7" x14ac:dyDescent="0.3">
      <c r="A18179" s="13" t="s">
        <v>127</v>
      </c>
      <c r="B18179" s="14" t="s">
        <v>1</v>
      </c>
      <c r="C18179" s="14" t="s">
        <v>101</v>
      </c>
      <c r="D18179" s="14" t="s">
        <v>128</v>
      </c>
      <c r="E18179" s="15">
        <v>45670</v>
      </c>
      <c r="F18179" s="14" t="s">
        <v>15</v>
      </c>
      <c r="G18179" s="16">
        <v>1.6325379619234408</v>
      </c>
    </row>
    <row r="18180" spans="1:7" x14ac:dyDescent="0.3">
      <c r="A18180" s="13" t="s">
        <v>127</v>
      </c>
      <c r="B18180" s="14" t="s">
        <v>1</v>
      </c>
      <c r="C18180" s="14" t="s">
        <v>101</v>
      </c>
      <c r="D18180" s="14" t="s">
        <v>128</v>
      </c>
      <c r="E18180" s="15">
        <v>45671</v>
      </c>
      <c r="F18180" s="14" t="s">
        <v>15</v>
      </c>
      <c r="G18180" s="16">
        <v>1.6295840205869856</v>
      </c>
    </row>
    <row r="18181" spans="1:7" x14ac:dyDescent="0.3">
      <c r="A18181" s="13" t="s">
        <v>127</v>
      </c>
      <c r="B18181" s="14" t="s">
        <v>1</v>
      </c>
      <c r="C18181" s="14" t="s">
        <v>101</v>
      </c>
      <c r="D18181" s="14" t="s">
        <v>128</v>
      </c>
      <c r="E18181" s="15">
        <v>45672</v>
      </c>
      <c r="F18181" s="14" t="s">
        <v>15</v>
      </c>
      <c r="G18181" s="16">
        <v>1.6309633531343659</v>
      </c>
    </row>
    <row r="18182" spans="1:7" x14ac:dyDescent="0.3">
      <c r="A18182" s="13" t="s">
        <v>127</v>
      </c>
      <c r="B18182" s="14" t="s">
        <v>1</v>
      </c>
      <c r="C18182" s="14" t="s">
        <v>101</v>
      </c>
      <c r="D18182" s="14" t="s">
        <v>128</v>
      </c>
      <c r="E18182" s="15">
        <v>45673</v>
      </c>
      <c r="F18182" s="14" t="s">
        <v>15</v>
      </c>
      <c r="G18182" s="16">
        <v>1.6323313902771925</v>
      </c>
    </row>
    <row r="18183" spans="1:7" x14ac:dyDescent="0.3">
      <c r="A18183" s="13" t="s">
        <v>127</v>
      </c>
      <c r="B18183" s="14" t="s">
        <v>1</v>
      </c>
      <c r="C18183" s="14" t="s">
        <v>101</v>
      </c>
      <c r="D18183" s="14" t="s">
        <v>128</v>
      </c>
      <c r="E18183" s="15">
        <v>45674</v>
      </c>
      <c r="F18183" s="14" t="s">
        <v>15</v>
      </c>
      <c r="G18183" s="16">
        <v>1.633676242115935</v>
      </c>
    </row>
    <row r="18184" spans="1:7" x14ac:dyDescent="0.3">
      <c r="A18184" s="13" t="s">
        <v>127</v>
      </c>
      <c r="B18184" s="14" t="s">
        <v>1</v>
      </c>
      <c r="C18184" s="14" t="s">
        <v>101</v>
      </c>
      <c r="D18184" s="14" t="s">
        <v>128</v>
      </c>
      <c r="E18184" s="15">
        <v>45675</v>
      </c>
      <c r="F18184" s="14" t="s">
        <v>15</v>
      </c>
      <c r="G18184" s="16">
        <v>1.633676242115935</v>
      </c>
    </row>
    <row r="18185" spans="1:7" x14ac:dyDescent="0.3">
      <c r="A18185" s="13" t="s">
        <v>127</v>
      </c>
      <c r="B18185" s="14" t="s">
        <v>1</v>
      </c>
      <c r="C18185" s="14" t="s">
        <v>101</v>
      </c>
      <c r="D18185" s="14" t="s">
        <v>128</v>
      </c>
      <c r="E18185" s="15">
        <v>45676</v>
      </c>
      <c r="F18185" s="14" t="s">
        <v>15</v>
      </c>
      <c r="G18185" s="16">
        <v>1.633676242115935</v>
      </c>
    </row>
    <row r="18186" spans="1:7" x14ac:dyDescent="0.3">
      <c r="A18186" s="13" t="s">
        <v>127</v>
      </c>
      <c r="B18186" s="14" t="s">
        <v>1</v>
      </c>
      <c r="C18186" s="14" t="s">
        <v>101</v>
      </c>
      <c r="D18186" s="14" t="s">
        <v>128</v>
      </c>
      <c r="E18186" s="15">
        <v>45677</v>
      </c>
      <c r="F18186" s="14" t="s">
        <v>15</v>
      </c>
      <c r="G18186" s="16">
        <v>1.640234220403759</v>
      </c>
    </row>
    <row r="18187" spans="1:7" x14ac:dyDescent="0.3">
      <c r="A18187" s="13" t="s">
        <v>127</v>
      </c>
      <c r="B18187" s="14" t="s">
        <v>1</v>
      </c>
      <c r="C18187" s="14" t="s">
        <v>101</v>
      </c>
      <c r="D18187" s="14" t="s">
        <v>128</v>
      </c>
      <c r="E18187" s="15">
        <v>45678</v>
      </c>
      <c r="F18187" s="14" t="s">
        <v>15</v>
      </c>
      <c r="G18187" s="16">
        <v>1.6368956408174968</v>
      </c>
    </row>
    <row r="18188" spans="1:7" x14ac:dyDescent="0.3">
      <c r="A18188" s="13" t="s">
        <v>127</v>
      </c>
      <c r="B18188" s="14" t="s">
        <v>1</v>
      </c>
      <c r="C18188" s="14" t="s">
        <v>101</v>
      </c>
      <c r="D18188" s="14" t="s">
        <v>128</v>
      </c>
      <c r="E18188" s="15">
        <v>45679</v>
      </c>
      <c r="F18188" s="14" t="s">
        <v>15</v>
      </c>
      <c r="G18188" s="16">
        <v>1.6463351362565009</v>
      </c>
    </row>
    <row r="18189" spans="1:7" x14ac:dyDescent="0.3">
      <c r="A18189" s="13" t="s">
        <v>127</v>
      </c>
      <c r="B18189" s="14" t="s">
        <v>1</v>
      </c>
      <c r="C18189" s="14" t="s">
        <v>101</v>
      </c>
      <c r="D18189" s="14" t="s">
        <v>128</v>
      </c>
      <c r="E18189" s="15">
        <v>45680</v>
      </c>
      <c r="F18189" s="14" t="s">
        <v>15</v>
      </c>
      <c r="G18189" s="16">
        <v>1.6476348064770279</v>
      </c>
    </row>
    <row r="18190" spans="1:7" x14ac:dyDescent="0.3">
      <c r="A18190" s="13" t="s">
        <v>127</v>
      </c>
      <c r="B18190" s="14" t="s">
        <v>1</v>
      </c>
      <c r="C18190" s="14" t="s">
        <v>101</v>
      </c>
      <c r="D18190" s="14" t="s">
        <v>128</v>
      </c>
      <c r="E18190" s="15">
        <v>45681</v>
      </c>
      <c r="F18190" s="14" t="s">
        <v>15</v>
      </c>
      <c r="G18190" s="16">
        <v>1.6489303152327193</v>
      </c>
    </row>
    <row r="18191" spans="1:7" x14ac:dyDescent="0.3">
      <c r="A18191" s="13" t="s">
        <v>127</v>
      </c>
      <c r="B18191" s="14" t="s">
        <v>1</v>
      </c>
      <c r="C18191" s="14" t="s">
        <v>101</v>
      </c>
      <c r="D18191" s="14" t="s">
        <v>128</v>
      </c>
      <c r="E18191" s="15">
        <v>45682</v>
      </c>
      <c r="F18191" s="14" t="s">
        <v>15</v>
      </c>
      <c r="G18191" s="16">
        <v>1.6489303152327193</v>
      </c>
    </row>
    <row r="18192" spans="1:7" x14ac:dyDescent="0.3">
      <c r="A18192" s="13" t="s">
        <v>127</v>
      </c>
      <c r="B18192" s="14" t="s">
        <v>1</v>
      </c>
      <c r="C18192" s="14" t="s">
        <v>101</v>
      </c>
      <c r="D18192" s="14" t="s">
        <v>128</v>
      </c>
      <c r="E18192" s="15">
        <v>45683</v>
      </c>
      <c r="F18192" s="14" t="s">
        <v>15</v>
      </c>
      <c r="G18192" s="16">
        <v>1.6489303152327193</v>
      </c>
    </row>
    <row r="18193" spans="1:7" x14ac:dyDescent="0.3">
      <c r="A18193" s="13" t="s">
        <v>127</v>
      </c>
      <c r="B18193" s="14" t="s">
        <v>1</v>
      </c>
      <c r="C18193" s="14" t="s">
        <v>101</v>
      </c>
      <c r="D18193" s="14" t="s">
        <v>128</v>
      </c>
      <c r="E18193" s="15">
        <v>45684</v>
      </c>
      <c r="F18193" s="14" t="s">
        <v>15</v>
      </c>
      <c r="G18193" s="16">
        <v>1.6502204735336219</v>
      </c>
    </row>
    <row r="18194" spans="1:7" x14ac:dyDescent="0.3">
      <c r="A18194" s="13" t="s">
        <v>127</v>
      </c>
      <c r="B18194" s="14" t="s">
        <v>1</v>
      </c>
      <c r="C18194" s="14" t="s">
        <v>101</v>
      </c>
      <c r="D18194" s="14" t="s">
        <v>128</v>
      </c>
      <c r="E18194" s="15">
        <v>45685</v>
      </c>
      <c r="F18194" s="14" t="s">
        <v>15</v>
      </c>
      <c r="G18194" s="16">
        <v>1.6467653729319625</v>
      </c>
    </row>
    <row r="18195" spans="1:7" x14ac:dyDescent="0.3">
      <c r="A18195" s="13" t="s">
        <v>127</v>
      </c>
      <c r="B18195" s="14" t="s">
        <v>1</v>
      </c>
      <c r="C18195" s="14" t="s">
        <v>101</v>
      </c>
      <c r="D18195" s="14" t="s">
        <v>128</v>
      </c>
      <c r="E18195" s="15">
        <v>45686</v>
      </c>
      <c r="F18195" s="14" t="s">
        <v>15</v>
      </c>
      <c r="G18195" s="16">
        <v>1.6480579092127714</v>
      </c>
    </row>
    <row r="18196" spans="1:7" x14ac:dyDescent="0.3">
      <c r="A18196" s="13" t="s">
        <v>127</v>
      </c>
      <c r="B18196" s="14" t="s">
        <v>1</v>
      </c>
      <c r="C18196" s="14" t="s">
        <v>101</v>
      </c>
      <c r="D18196" s="14" t="s">
        <v>128</v>
      </c>
      <c r="E18196" s="15">
        <v>45687</v>
      </c>
      <c r="F18196" s="14" t="s">
        <v>15</v>
      </c>
      <c r="G18196" s="16">
        <v>1.6493510399885567</v>
      </c>
    </row>
    <row r="18197" spans="1:7" x14ac:dyDescent="0.3">
      <c r="A18197" s="13" t="s">
        <v>127</v>
      </c>
      <c r="B18197" s="14" t="s">
        <v>1</v>
      </c>
      <c r="C18197" s="14" t="s">
        <v>101</v>
      </c>
      <c r="D18197" s="14" t="s">
        <v>128</v>
      </c>
      <c r="E18197" s="15">
        <v>45688</v>
      </c>
      <c r="F18197" s="14" t="s">
        <v>15</v>
      </c>
      <c r="G18197" s="16">
        <v>1.6506483322291776</v>
      </c>
    </row>
    <row r="18198" spans="1:7" x14ac:dyDescent="0.3">
      <c r="A18198" s="13" t="s">
        <v>127</v>
      </c>
      <c r="B18198" s="14" t="s">
        <v>1</v>
      </c>
      <c r="C18198" s="14" t="s">
        <v>101</v>
      </c>
      <c r="D18198" s="14" t="s">
        <v>128</v>
      </c>
      <c r="E18198" s="15">
        <v>45689</v>
      </c>
      <c r="F18198" s="14" t="s">
        <v>15</v>
      </c>
      <c r="G18198" s="16">
        <v>1.6506483322291776</v>
      </c>
    </row>
    <row r="18199" spans="1:7" x14ac:dyDescent="0.3">
      <c r="A18199" s="13" t="s">
        <v>127</v>
      </c>
      <c r="B18199" s="14" t="s">
        <v>1</v>
      </c>
      <c r="C18199" s="14" t="s">
        <v>101</v>
      </c>
      <c r="D18199" s="14" t="s">
        <v>128</v>
      </c>
      <c r="E18199" s="15">
        <v>45690</v>
      </c>
      <c r="F18199" s="14" t="s">
        <v>15</v>
      </c>
      <c r="G18199" s="16">
        <v>1.6506483322291776</v>
      </c>
    </row>
    <row r="18200" spans="1:7" x14ac:dyDescent="0.3">
      <c r="A18200" s="13" t="s">
        <v>127</v>
      </c>
      <c r="B18200" s="14" t="s">
        <v>1</v>
      </c>
      <c r="C18200" s="14" t="s">
        <v>101</v>
      </c>
      <c r="D18200" s="14" t="s">
        <v>128</v>
      </c>
      <c r="E18200" s="15">
        <v>45691</v>
      </c>
      <c r="F18200" s="14" t="s">
        <v>15</v>
      </c>
      <c r="G18200" s="16">
        <v>1.6506483322291776</v>
      </c>
    </row>
    <row r="18201" spans="1:7" x14ac:dyDescent="0.3">
      <c r="A18201" s="13" t="s">
        <v>127</v>
      </c>
      <c r="B18201" s="14" t="s">
        <v>1</v>
      </c>
      <c r="C18201" s="14" t="s">
        <v>101</v>
      </c>
      <c r="D18201" s="14" t="s">
        <v>128</v>
      </c>
      <c r="E18201" s="15">
        <v>45692</v>
      </c>
      <c r="F18201" s="14" t="s">
        <v>15</v>
      </c>
      <c r="G18201" s="16">
        <v>1.651930167600409</v>
      </c>
    </row>
    <row r="18202" spans="1:7" x14ac:dyDescent="0.3">
      <c r="A18202" s="13" t="s">
        <v>127</v>
      </c>
      <c r="B18202" s="14" t="s">
        <v>1</v>
      </c>
      <c r="C18202" s="14" t="s">
        <v>101</v>
      </c>
      <c r="D18202" s="14" t="s">
        <v>128</v>
      </c>
      <c r="E18202" s="15">
        <v>45693</v>
      </c>
      <c r="F18202" s="14" t="s">
        <v>15</v>
      </c>
      <c r="G18202" s="16">
        <v>1.6480357352111032</v>
      </c>
    </row>
    <row r="18203" spans="1:7" x14ac:dyDescent="0.3">
      <c r="A18203" s="13" t="s">
        <v>127</v>
      </c>
      <c r="B18203" s="14" t="s">
        <v>1</v>
      </c>
      <c r="C18203" s="14" t="s">
        <v>101</v>
      </c>
      <c r="D18203" s="14" t="s">
        <v>128</v>
      </c>
      <c r="E18203" s="15">
        <v>45694</v>
      </c>
      <c r="F18203" s="14" t="s">
        <v>15</v>
      </c>
      <c r="G18203" s="16">
        <v>1.6493924769493757</v>
      </c>
    </row>
    <row r="18204" spans="1:7" x14ac:dyDescent="0.3">
      <c r="A18204" s="13" t="s">
        <v>127</v>
      </c>
      <c r="B18204" s="14" t="s">
        <v>1</v>
      </c>
      <c r="C18204" s="14" t="s">
        <v>101</v>
      </c>
      <c r="D18204" s="14" t="s">
        <v>128</v>
      </c>
      <c r="E18204" s="15">
        <v>45695</v>
      </c>
      <c r="F18204" s="14" t="s">
        <v>15</v>
      </c>
      <c r="G18204" s="16">
        <v>1.6507480296976957</v>
      </c>
    </row>
    <row r="18205" spans="1:7" x14ac:dyDescent="0.3">
      <c r="A18205" s="13" t="s">
        <v>127</v>
      </c>
      <c r="B18205" s="14" t="s">
        <v>1</v>
      </c>
      <c r="C18205" s="14" t="s">
        <v>101</v>
      </c>
      <c r="D18205" s="14" t="s">
        <v>128</v>
      </c>
      <c r="E18205" s="15">
        <v>45696</v>
      </c>
      <c r="F18205" s="14" t="s">
        <v>15</v>
      </c>
      <c r="G18205" s="16">
        <v>1.6507480296976957</v>
      </c>
    </row>
    <row r="18206" spans="1:7" x14ac:dyDescent="0.3">
      <c r="A18206" s="13" t="s">
        <v>127</v>
      </c>
      <c r="B18206" s="14" t="s">
        <v>1</v>
      </c>
      <c r="C18206" s="14" t="s">
        <v>101</v>
      </c>
      <c r="D18206" s="14" t="s">
        <v>128</v>
      </c>
      <c r="E18206" s="15">
        <v>45697</v>
      </c>
      <c r="F18206" s="14" t="s">
        <v>15</v>
      </c>
      <c r="G18206" s="16">
        <v>1.6507480296976957</v>
      </c>
    </row>
    <row r="18207" spans="1:7" x14ac:dyDescent="0.3">
      <c r="A18207" s="13" t="s">
        <v>127</v>
      </c>
      <c r="B18207" s="14" t="s">
        <v>1</v>
      </c>
      <c r="C18207" s="14" t="s">
        <v>101</v>
      </c>
      <c r="D18207" s="14" t="s">
        <v>128</v>
      </c>
      <c r="E18207" s="15">
        <v>45698</v>
      </c>
      <c r="F18207" s="14" t="s">
        <v>15</v>
      </c>
      <c r="G18207" s="16">
        <v>1.6764487462293813</v>
      </c>
    </row>
    <row r="18208" spans="1:7" x14ac:dyDescent="0.3">
      <c r="A18208" s="13" t="s">
        <v>127</v>
      </c>
      <c r="B18208" s="14" t="s">
        <v>1</v>
      </c>
      <c r="C18208" s="14" t="s">
        <v>101</v>
      </c>
      <c r="D18208" s="14" t="s">
        <v>128</v>
      </c>
      <c r="E18208" s="15">
        <v>45699</v>
      </c>
      <c r="F18208" s="14" t="s">
        <v>15</v>
      </c>
      <c r="G18208" s="16">
        <v>1.6987364671008804</v>
      </c>
    </row>
    <row r="18209" spans="1:7" x14ac:dyDescent="0.3">
      <c r="A18209" s="13" t="s">
        <v>127</v>
      </c>
      <c r="B18209" s="14" t="s">
        <v>1</v>
      </c>
      <c r="C18209" s="14" t="s">
        <v>101</v>
      </c>
      <c r="D18209" s="14" t="s">
        <v>128</v>
      </c>
      <c r="E18209" s="15">
        <v>45700</v>
      </c>
      <c r="F18209" s="14" t="s">
        <v>15</v>
      </c>
      <c r="G18209" s="16">
        <v>1.7000955868190593</v>
      </c>
    </row>
    <row r="18210" spans="1:7" x14ac:dyDescent="0.3">
      <c r="A18210" s="13" t="s">
        <v>127</v>
      </c>
      <c r="B18210" s="14" t="s">
        <v>1</v>
      </c>
      <c r="C18210" s="14" t="s">
        <v>101</v>
      </c>
      <c r="D18210" s="14" t="s">
        <v>128</v>
      </c>
      <c r="E18210" s="15">
        <v>45701</v>
      </c>
      <c r="F18210" s="14" t="s">
        <v>15</v>
      </c>
      <c r="G18210" s="16">
        <v>1.7041150715571536</v>
      </c>
    </row>
    <row r="18211" spans="1:7" x14ac:dyDescent="0.3">
      <c r="A18211" s="13" t="s">
        <v>127</v>
      </c>
      <c r="B18211" s="14" t="s">
        <v>1</v>
      </c>
      <c r="C18211" s="14" t="s">
        <v>101</v>
      </c>
      <c r="D18211" s="14" t="s">
        <v>128</v>
      </c>
      <c r="E18211" s="15">
        <v>45702</v>
      </c>
      <c r="F18211" s="14" t="s">
        <v>15</v>
      </c>
      <c r="G18211" s="16">
        <v>1.705486675669839</v>
      </c>
    </row>
    <row r="18212" spans="1:7" x14ac:dyDescent="0.3">
      <c r="A18212" s="13" t="s">
        <v>127</v>
      </c>
      <c r="B18212" s="14" t="s">
        <v>1</v>
      </c>
      <c r="C18212" s="14" t="s">
        <v>101</v>
      </c>
      <c r="D18212" s="14" t="s">
        <v>128</v>
      </c>
      <c r="E18212" s="15">
        <v>45703</v>
      </c>
      <c r="F18212" s="14" t="s">
        <v>15</v>
      </c>
      <c r="G18212" s="16">
        <v>1.705486675669839</v>
      </c>
    </row>
    <row r="18213" spans="1:7" x14ac:dyDescent="0.3">
      <c r="A18213" s="13" t="s">
        <v>127</v>
      </c>
      <c r="B18213" s="14" t="s">
        <v>1</v>
      </c>
      <c r="C18213" s="14" t="s">
        <v>101</v>
      </c>
      <c r="D18213" s="14" t="s">
        <v>128</v>
      </c>
      <c r="E18213" s="15">
        <v>45704</v>
      </c>
      <c r="F18213" s="14" t="s">
        <v>15</v>
      </c>
      <c r="G18213" s="16">
        <v>1.705486675669839</v>
      </c>
    </row>
    <row r="18214" spans="1:7" x14ac:dyDescent="0.3">
      <c r="A18214" s="13" t="s">
        <v>127</v>
      </c>
      <c r="B18214" s="14" t="s">
        <v>1</v>
      </c>
      <c r="C18214" s="14" t="s">
        <v>101</v>
      </c>
      <c r="D18214" s="14" t="s">
        <v>128</v>
      </c>
      <c r="E18214" s="15">
        <v>45705</v>
      </c>
      <c r="F18214" s="14" t="s">
        <v>15</v>
      </c>
      <c r="G18214" s="16">
        <v>1.7378600038179568</v>
      </c>
    </row>
    <row r="18215" spans="1:7" x14ac:dyDescent="0.3">
      <c r="A18215" s="13" t="s">
        <v>127</v>
      </c>
      <c r="B18215" s="14" t="s">
        <v>1</v>
      </c>
      <c r="C18215" s="14" t="s">
        <v>101</v>
      </c>
      <c r="D18215" s="14" t="s">
        <v>128</v>
      </c>
      <c r="E18215" s="15">
        <v>45706</v>
      </c>
      <c r="F18215" s="14" t="s">
        <v>15</v>
      </c>
      <c r="G18215" s="16">
        <v>1.7345808737293464</v>
      </c>
    </row>
    <row r="18216" spans="1:7" x14ac:dyDescent="0.3">
      <c r="A18216" s="13" t="s">
        <v>127</v>
      </c>
      <c r="B18216" s="14" t="s">
        <v>1</v>
      </c>
      <c r="C18216" s="14" t="s">
        <v>101</v>
      </c>
      <c r="D18216" s="14" t="s">
        <v>128</v>
      </c>
      <c r="E18216" s="15">
        <v>45707</v>
      </c>
      <c r="F18216" s="14" t="s">
        <v>15</v>
      </c>
      <c r="G18216" s="16">
        <v>1.7443830111040259</v>
      </c>
    </row>
    <row r="18217" spans="1:7" x14ac:dyDescent="0.3">
      <c r="A18217" s="13" t="s">
        <v>127</v>
      </c>
      <c r="B18217" s="14" t="s">
        <v>1</v>
      </c>
      <c r="C18217" s="14" t="s">
        <v>101</v>
      </c>
      <c r="D18217" s="14" t="s">
        <v>128</v>
      </c>
      <c r="E18217" s="15">
        <v>45708</v>
      </c>
      <c r="F18217" s="14" t="s">
        <v>15</v>
      </c>
      <c r="G18217" s="16">
        <v>1.7457183510231442</v>
      </c>
    </row>
    <row r="18218" spans="1:7" x14ac:dyDescent="0.3">
      <c r="A18218" s="13" t="s">
        <v>127</v>
      </c>
      <c r="B18218" s="14" t="s">
        <v>1</v>
      </c>
      <c r="C18218" s="14" t="s">
        <v>101</v>
      </c>
      <c r="D18218" s="14" t="s">
        <v>128</v>
      </c>
      <c r="E18218" s="15">
        <v>45709</v>
      </c>
      <c r="F18218" s="14" t="s">
        <v>15</v>
      </c>
      <c r="G18218" s="16">
        <v>1.7470584469020745</v>
      </c>
    </row>
    <row r="18219" spans="1:7" x14ac:dyDescent="0.3">
      <c r="A18219" s="13" t="s">
        <v>127</v>
      </c>
      <c r="B18219" s="14" t="s">
        <v>1</v>
      </c>
      <c r="C18219" s="14" t="s">
        <v>101</v>
      </c>
      <c r="D18219" s="14" t="s">
        <v>128</v>
      </c>
      <c r="E18219" s="15">
        <v>45710</v>
      </c>
      <c r="F18219" s="14" t="s">
        <v>15</v>
      </c>
      <c r="G18219" s="16">
        <v>1.7470584469020745</v>
      </c>
    </row>
    <row r="18220" spans="1:7" x14ac:dyDescent="0.3">
      <c r="A18220" s="13" t="s">
        <v>127</v>
      </c>
      <c r="B18220" s="14" t="s">
        <v>1</v>
      </c>
      <c r="C18220" s="14" t="s">
        <v>101</v>
      </c>
      <c r="D18220" s="14" t="s">
        <v>128</v>
      </c>
      <c r="E18220" s="15">
        <v>45711</v>
      </c>
      <c r="F18220" s="14" t="s">
        <v>15</v>
      </c>
      <c r="G18220" s="16">
        <v>1.7470584469020745</v>
      </c>
    </row>
    <row r="18221" spans="1:7" x14ac:dyDescent="0.3">
      <c r="A18221" s="13" t="s">
        <v>127</v>
      </c>
      <c r="B18221" s="14" t="s">
        <v>1</v>
      </c>
      <c r="C18221" s="14" t="s">
        <v>101</v>
      </c>
      <c r="D18221" s="14" t="s">
        <v>128</v>
      </c>
      <c r="E18221" s="15">
        <v>45712</v>
      </c>
      <c r="F18221" s="14" t="s">
        <v>15</v>
      </c>
      <c r="G18221" s="16">
        <v>1.7599513636596682</v>
      </c>
    </row>
    <row r="18222" spans="1:7" x14ac:dyDescent="0.3">
      <c r="A18222" s="13" t="s">
        <v>127</v>
      </c>
      <c r="B18222" s="14" t="s">
        <v>1</v>
      </c>
      <c r="C18222" s="14" t="s">
        <v>101</v>
      </c>
      <c r="D18222" s="14" t="s">
        <v>128</v>
      </c>
      <c r="E18222" s="15">
        <v>45713</v>
      </c>
      <c r="F18222" s="14" t="s">
        <v>15</v>
      </c>
      <c r="G18222" s="16">
        <v>1.7567049307947664</v>
      </c>
    </row>
    <row r="18223" spans="1:7" x14ac:dyDescent="0.3">
      <c r="A18223" s="13" t="s">
        <v>127</v>
      </c>
      <c r="B18223" s="14" t="s">
        <v>1</v>
      </c>
      <c r="C18223" s="14" t="s">
        <v>101</v>
      </c>
      <c r="D18223" s="14" t="s">
        <v>128</v>
      </c>
      <c r="E18223" s="15">
        <v>45714</v>
      </c>
      <c r="F18223" s="14" t="s">
        <v>15</v>
      </c>
      <c r="G18223" s="16">
        <v>1.7580658339978745</v>
      </c>
    </row>
    <row r="18224" spans="1:7" x14ac:dyDescent="0.3">
      <c r="A18224" s="13" t="s">
        <v>127</v>
      </c>
      <c r="B18224" s="14" t="s">
        <v>1</v>
      </c>
      <c r="C18224" s="14" t="s">
        <v>101</v>
      </c>
      <c r="D18224" s="14" t="s">
        <v>128</v>
      </c>
      <c r="E18224" s="15">
        <v>45715</v>
      </c>
      <c r="F18224" s="14" t="s">
        <v>15</v>
      </c>
      <c r="G18224" s="16">
        <v>1.7686104955982245</v>
      </c>
    </row>
    <row r="18225" spans="1:7" x14ac:dyDescent="0.3">
      <c r="A18225" s="13" t="s">
        <v>127</v>
      </c>
      <c r="B18225" s="14" t="s">
        <v>1</v>
      </c>
      <c r="C18225" s="14" t="s">
        <v>101</v>
      </c>
      <c r="D18225" s="14" t="s">
        <v>128</v>
      </c>
      <c r="E18225" s="15">
        <v>45716</v>
      </c>
      <c r="F18225" s="14" t="s">
        <v>15</v>
      </c>
      <c r="G18225" s="16">
        <v>1.7699440440123586</v>
      </c>
    </row>
    <row r="18226" spans="1:7" x14ac:dyDescent="0.3">
      <c r="A18226" s="13" t="s">
        <v>127</v>
      </c>
      <c r="B18226" s="14" t="s">
        <v>1</v>
      </c>
      <c r="C18226" s="14" t="s">
        <v>101</v>
      </c>
      <c r="D18226" s="14" t="s">
        <v>128</v>
      </c>
      <c r="E18226" s="15">
        <v>45717</v>
      </c>
      <c r="F18226" s="14" t="s">
        <v>15</v>
      </c>
      <c r="G18226" s="16">
        <v>1.7699440440123586</v>
      </c>
    </row>
    <row r="18227" spans="1:7" x14ac:dyDescent="0.3">
      <c r="A18227" s="13" t="s">
        <v>127</v>
      </c>
      <c r="B18227" s="14" t="s">
        <v>1</v>
      </c>
      <c r="C18227" s="14" t="s">
        <v>101</v>
      </c>
      <c r="D18227" s="14" t="s">
        <v>128</v>
      </c>
      <c r="E18227" s="15">
        <v>45718</v>
      </c>
      <c r="F18227" s="14" t="s">
        <v>15</v>
      </c>
      <c r="G18227" s="16">
        <v>1.7699440440123586</v>
      </c>
    </row>
    <row r="18228" spans="1:7" x14ac:dyDescent="0.3">
      <c r="A18228" s="13" t="s">
        <v>127</v>
      </c>
      <c r="B18228" s="14" t="s">
        <v>1</v>
      </c>
      <c r="C18228" s="14" t="s">
        <v>101</v>
      </c>
      <c r="D18228" s="14" t="s">
        <v>128</v>
      </c>
      <c r="E18228" s="15">
        <v>45719</v>
      </c>
      <c r="F18228" s="14" t="s">
        <v>15</v>
      </c>
      <c r="G18228" s="16">
        <v>1.8156501443079303</v>
      </c>
    </row>
    <row r="18229" spans="1:7" x14ac:dyDescent="0.3">
      <c r="A18229" s="13" t="s">
        <v>127</v>
      </c>
      <c r="B18229" s="14" t="s">
        <v>1</v>
      </c>
      <c r="C18229" s="14" t="s">
        <v>101</v>
      </c>
      <c r="D18229" s="14" t="s">
        <v>128</v>
      </c>
      <c r="E18229" s="15">
        <v>45720</v>
      </c>
      <c r="F18229" s="14" t="s">
        <v>15</v>
      </c>
      <c r="G18229" s="16">
        <v>1.8136420444791108</v>
      </c>
    </row>
    <row r="18230" spans="1:7" x14ac:dyDescent="0.3">
      <c r="A18230" s="13" t="s">
        <v>127</v>
      </c>
      <c r="B18230" s="14" t="s">
        <v>1</v>
      </c>
      <c r="C18230" s="14" t="s">
        <v>101</v>
      </c>
      <c r="D18230" s="14" t="s">
        <v>128</v>
      </c>
      <c r="E18230" s="15">
        <v>45721</v>
      </c>
      <c r="F18230" s="14" t="s">
        <v>15</v>
      </c>
      <c r="G18230" s="16">
        <v>1.8152544190572857</v>
      </c>
    </row>
    <row r="18231" spans="1:7" x14ac:dyDescent="0.3">
      <c r="A18231" s="13" t="s">
        <v>127</v>
      </c>
      <c r="B18231" s="14" t="s">
        <v>1</v>
      </c>
      <c r="C18231" s="14" t="s">
        <v>101</v>
      </c>
      <c r="D18231" s="14" t="s">
        <v>128</v>
      </c>
      <c r="E18231" s="15">
        <v>45722</v>
      </c>
      <c r="F18231" s="14" t="s">
        <v>15</v>
      </c>
      <c r="G18231" s="16">
        <v>1.8168917624244749</v>
      </c>
    </row>
    <row r="18232" spans="1:7" x14ac:dyDescent="0.3">
      <c r="A18232" s="13" t="s">
        <v>127</v>
      </c>
      <c r="B18232" s="14" t="s">
        <v>1</v>
      </c>
      <c r="C18232" s="14" t="s">
        <v>101</v>
      </c>
      <c r="D18232" s="14" t="s">
        <v>128</v>
      </c>
      <c r="E18232" s="15">
        <v>45723</v>
      </c>
      <c r="F18232" s="14" t="s">
        <v>15</v>
      </c>
      <c r="G18232" s="16">
        <v>1.8186539497367309</v>
      </c>
    </row>
    <row r="18233" spans="1:7" x14ac:dyDescent="0.3">
      <c r="A18233" s="13" t="s">
        <v>127</v>
      </c>
      <c r="B18233" s="14" t="s">
        <v>1</v>
      </c>
      <c r="C18233" s="14" t="s">
        <v>101</v>
      </c>
      <c r="D18233" s="14" t="s">
        <v>128</v>
      </c>
      <c r="E18233" s="15">
        <v>45724</v>
      </c>
      <c r="F18233" s="14" t="s">
        <v>15</v>
      </c>
      <c r="G18233" s="16">
        <v>1.8186539497367309</v>
      </c>
    </row>
    <row r="18234" spans="1:7" x14ac:dyDescent="0.3">
      <c r="A18234" s="13" t="s">
        <v>127</v>
      </c>
      <c r="B18234" s="14" t="s">
        <v>1</v>
      </c>
      <c r="C18234" s="14" t="s">
        <v>101</v>
      </c>
      <c r="D18234" s="14" t="s">
        <v>128</v>
      </c>
      <c r="E18234" s="15">
        <v>45725</v>
      </c>
      <c r="F18234" s="14" t="s">
        <v>15</v>
      </c>
      <c r="G18234" s="16">
        <v>1.8186539497367309</v>
      </c>
    </row>
    <row r="18235" spans="1:7" x14ac:dyDescent="0.3">
      <c r="A18235" s="13" t="s">
        <v>127</v>
      </c>
      <c r="B18235" s="14" t="s">
        <v>1</v>
      </c>
      <c r="C18235" s="14" t="s">
        <v>101</v>
      </c>
      <c r="D18235" s="14" t="s">
        <v>128</v>
      </c>
      <c r="E18235" s="15">
        <v>45726</v>
      </c>
      <c r="F18235" s="14" t="s">
        <v>15</v>
      </c>
      <c r="G18235" s="16">
        <v>1.8310528411688376</v>
      </c>
    </row>
    <row r="18236" spans="1:7" x14ac:dyDescent="0.3">
      <c r="A18236" s="13" t="s">
        <v>127</v>
      </c>
      <c r="B18236" s="14" t="s">
        <v>1</v>
      </c>
      <c r="C18236" s="14" t="s">
        <v>101</v>
      </c>
      <c r="D18236" s="14" t="s">
        <v>128</v>
      </c>
      <c r="E18236" s="15">
        <v>45727</v>
      </c>
      <c r="F18236" s="14" t="s">
        <v>15</v>
      </c>
      <c r="G18236" s="16">
        <v>1.8285079123762282</v>
      </c>
    </row>
    <row r="18237" spans="1:7" x14ac:dyDescent="0.3">
      <c r="A18237" s="13" t="s">
        <v>127</v>
      </c>
      <c r="B18237" s="14" t="s">
        <v>1</v>
      </c>
      <c r="C18237" s="14" t="s">
        <v>101</v>
      </c>
      <c r="D18237" s="14" t="s">
        <v>128</v>
      </c>
      <c r="E18237" s="15">
        <v>45728</v>
      </c>
      <c r="F18237" s="14" t="s">
        <v>15</v>
      </c>
      <c r="G18237" s="16">
        <v>1.8301327713489126</v>
      </c>
    </row>
    <row r="18238" spans="1:7" x14ac:dyDescent="0.3">
      <c r="A18238" s="13" t="s">
        <v>127</v>
      </c>
      <c r="B18238" s="14" t="s">
        <v>1</v>
      </c>
      <c r="C18238" s="14" t="s">
        <v>101</v>
      </c>
      <c r="D18238" s="14" t="s">
        <v>128</v>
      </c>
      <c r="E18238" s="15">
        <v>45729</v>
      </c>
      <c r="F18238" s="14" t="s">
        <v>15</v>
      </c>
      <c r="G18238" s="16">
        <v>1.8366140597847673</v>
      </c>
    </row>
    <row r="18239" spans="1:7" x14ac:dyDescent="0.3">
      <c r="A18239" s="13" t="s">
        <v>127</v>
      </c>
      <c r="B18239" s="14" t="s">
        <v>1</v>
      </c>
      <c r="C18239" s="14" t="s">
        <v>101</v>
      </c>
      <c r="D18239" s="14" t="s">
        <v>128</v>
      </c>
      <c r="E18239" s="15">
        <v>45730</v>
      </c>
      <c r="F18239" s="14" t="s">
        <v>15</v>
      </c>
      <c r="G18239" s="16">
        <v>1.8516596428523329</v>
      </c>
    </row>
    <row r="18240" spans="1:7" x14ac:dyDescent="0.3">
      <c r="A18240" s="13" t="s">
        <v>127</v>
      </c>
      <c r="B18240" s="14" t="s">
        <v>1</v>
      </c>
      <c r="C18240" s="14" t="s">
        <v>101</v>
      </c>
      <c r="D18240" s="14" t="s">
        <v>128</v>
      </c>
      <c r="E18240" s="15">
        <v>45731</v>
      </c>
      <c r="F18240" s="14" t="s">
        <v>15</v>
      </c>
      <c r="G18240" s="16">
        <v>1.8516596428523329</v>
      </c>
    </row>
    <row r="18241" spans="1:7" x14ac:dyDescent="0.3">
      <c r="A18241" s="13" t="s">
        <v>127</v>
      </c>
      <c r="B18241" s="14" t="s">
        <v>1</v>
      </c>
      <c r="C18241" s="14" t="s">
        <v>101</v>
      </c>
      <c r="D18241" s="14" t="s">
        <v>128</v>
      </c>
      <c r="E18241" s="15">
        <v>45732</v>
      </c>
      <c r="F18241" s="14" t="s">
        <v>15</v>
      </c>
      <c r="G18241" s="16">
        <v>1.8516596428523329</v>
      </c>
    </row>
    <row r="18242" spans="1:7" x14ac:dyDescent="0.3">
      <c r="A18242" s="13" t="s">
        <v>127</v>
      </c>
      <c r="B18242" s="14" t="s">
        <v>1</v>
      </c>
      <c r="C18242" s="14" t="s">
        <v>101</v>
      </c>
      <c r="D18242" s="14" t="s">
        <v>128</v>
      </c>
      <c r="E18242" s="15">
        <v>45733</v>
      </c>
      <c r="F18242" s="14" t="s">
        <v>15</v>
      </c>
      <c r="G18242" s="16">
        <v>1.8516596428523329</v>
      </c>
    </row>
    <row r="18243" spans="1:7" x14ac:dyDescent="0.3">
      <c r="A18243" s="13" t="s">
        <v>127</v>
      </c>
      <c r="B18243" s="14" t="s">
        <v>1</v>
      </c>
      <c r="C18243" s="14" t="s">
        <v>101</v>
      </c>
      <c r="D18243" s="14" t="s">
        <v>128</v>
      </c>
      <c r="E18243" s="15">
        <v>45734</v>
      </c>
      <c r="F18243" s="14" t="s">
        <v>15</v>
      </c>
      <c r="G18243" s="16">
        <v>1.8646078476427448</v>
      </c>
    </row>
    <row r="18244" spans="1:7" x14ac:dyDescent="0.3">
      <c r="A18244" s="13" t="s">
        <v>127</v>
      </c>
      <c r="B18244" s="14" t="s">
        <v>1</v>
      </c>
      <c r="C18244" s="14" t="s">
        <v>101</v>
      </c>
      <c r="D18244" s="14" t="s">
        <v>128</v>
      </c>
      <c r="E18244" s="15">
        <v>45735</v>
      </c>
      <c r="F18244" s="14" t="s">
        <v>15</v>
      </c>
      <c r="G18244" s="16">
        <v>1.8779930062408949</v>
      </c>
    </row>
    <row r="18245" spans="1:7" x14ac:dyDescent="0.3">
      <c r="A18245" s="13" t="s">
        <v>127</v>
      </c>
      <c r="B18245" s="14" t="s">
        <v>1</v>
      </c>
      <c r="C18245" s="14" t="s">
        <v>101</v>
      </c>
      <c r="D18245" s="14" t="s">
        <v>128</v>
      </c>
      <c r="E18245" s="15">
        <v>45736</v>
      </c>
      <c r="F18245" s="14" t="s">
        <v>15</v>
      </c>
      <c r="G18245" s="16">
        <v>1.8826016355007196</v>
      </c>
    </row>
    <row r="18246" spans="1:7" x14ac:dyDescent="0.3">
      <c r="A18246" s="13" t="s">
        <v>127</v>
      </c>
      <c r="B18246" s="14" t="s">
        <v>1</v>
      </c>
      <c r="C18246" s="14" t="s">
        <v>101</v>
      </c>
      <c r="D18246" s="14" t="s">
        <v>128</v>
      </c>
      <c r="E18246" s="15">
        <v>45737</v>
      </c>
      <c r="F18246" s="14" t="s">
        <v>15</v>
      </c>
      <c r="G18246" s="16">
        <v>1.8844262447855136</v>
      </c>
    </row>
    <row r="18247" spans="1:7" x14ac:dyDescent="0.3">
      <c r="A18247" s="13" t="s">
        <v>127</v>
      </c>
      <c r="B18247" s="14" t="s">
        <v>1</v>
      </c>
      <c r="C18247" s="14" t="s">
        <v>101</v>
      </c>
      <c r="D18247" s="14" t="s">
        <v>128</v>
      </c>
      <c r="E18247" s="15">
        <v>45738</v>
      </c>
      <c r="F18247" s="14" t="s">
        <v>15</v>
      </c>
      <c r="G18247" s="16">
        <v>1.8844262447855136</v>
      </c>
    </row>
    <row r="18248" spans="1:7" x14ac:dyDescent="0.3">
      <c r="A18248" s="13" t="s">
        <v>127</v>
      </c>
      <c r="B18248" s="14" t="s">
        <v>1</v>
      </c>
      <c r="C18248" s="14" t="s">
        <v>101</v>
      </c>
      <c r="D18248" s="14" t="s">
        <v>128</v>
      </c>
      <c r="E18248" s="15">
        <v>45739</v>
      </c>
      <c r="F18248" s="14" t="s">
        <v>15</v>
      </c>
      <c r="G18248" s="16">
        <v>1.8844262447855136</v>
      </c>
    </row>
    <row r="18249" spans="1:7" x14ac:dyDescent="0.3">
      <c r="A18249" s="13" t="s">
        <v>127</v>
      </c>
      <c r="B18249" s="14" t="s">
        <v>1</v>
      </c>
      <c r="C18249" s="14" t="s">
        <v>101</v>
      </c>
      <c r="D18249" s="14" t="s">
        <v>128</v>
      </c>
      <c r="E18249" s="15">
        <v>45740</v>
      </c>
      <c r="F18249" s="14" t="s">
        <v>15</v>
      </c>
      <c r="G18249" s="16">
        <v>1.886051103758198</v>
      </c>
    </row>
    <row r="18250" spans="1:7" x14ac:dyDescent="0.3">
      <c r="A18250" s="13" t="s">
        <v>127</v>
      </c>
      <c r="B18250" s="14" t="s">
        <v>1</v>
      </c>
      <c r="C18250" s="14" t="s">
        <v>101</v>
      </c>
      <c r="D18250" s="14" t="s">
        <v>128</v>
      </c>
      <c r="E18250" s="15">
        <v>45741</v>
      </c>
      <c r="F18250" s="14" t="s">
        <v>15</v>
      </c>
      <c r="G18250" s="16">
        <v>1.8835935657271363</v>
      </c>
    </row>
    <row r="18251" spans="1:7" x14ac:dyDescent="0.3">
      <c r="A18251" s="13" t="s">
        <v>127</v>
      </c>
      <c r="B18251" s="14" t="s">
        <v>1</v>
      </c>
      <c r="C18251" s="14" t="s">
        <v>101</v>
      </c>
      <c r="D18251" s="14" t="s">
        <v>128</v>
      </c>
      <c r="E18251" s="15">
        <v>45742</v>
      </c>
      <c r="F18251" s="14" t="s">
        <v>15</v>
      </c>
      <c r="G18251" s="16">
        <v>1.8960049415537525</v>
      </c>
    </row>
    <row r="18252" spans="1:7" x14ac:dyDescent="0.3">
      <c r="A18252" s="13" t="s">
        <v>127</v>
      </c>
      <c r="B18252" s="14" t="s">
        <v>1</v>
      </c>
      <c r="C18252" s="14" t="s">
        <v>101</v>
      </c>
      <c r="D18252" s="14" t="s">
        <v>128</v>
      </c>
      <c r="E18252" s="15">
        <v>45743</v>
      </c>
      <c r="F18252" s="14" t="s">
        <v>15</v>
      </c>
      <c r="G18252" s="16">
        <v>1.8976048317374226</v>
      </c>
    </row>
    <row r="18253" spans="1:7" x14ac:dyDescent="0.3">
      <c r="A18253" s="13" t="s">
        <v>127</v>
      </c>
      <c r="B18253" s="14" t="s">
        <v>1</v>
      </c>
      <c r="C18253" s="14" t="s">
        <v>101</v>
      </c>
      <c r="D18253" s="14" t="s">
        <v>128</v>
      </c>
      <c r="E18253" s="15">
        <v>45744</v>
      </c>
      <c r="F18253" s="14" t="s">
        <v>15</v>
      </c>
      <c r="G18253" s="16">
        <v>1.9070324372768983</v>
      </c>
    </row>
    <row r="18254" spans="1:7" x14ac:dyDescent="0.3">
      <c r="A18254" s="13" t="s">
        <v>127</v>
      </c>
      <c r="B18254" s="14" t="s">
        <v>1</v>
      </c>
      <c r="C18254" s="14" t="s">
        <v>101</v>
      </c>
      <c r="D18254" s="14" t="s">
        <v>128</v>
      </c>
      <c r="E18254" s="15">
        <v>45745</v>
      </c>
      <c r="F18254" s="14" t="s">
        <v>15</v>
      </c>
      <c r="G18254" s="16">
        <v>1.9070324372768983</v>
      </c>
    </row>
    <row r="18255" spans="1:7" x14ac:dyDescent="0.3">
      <c r="A18255" s="13" t="s">
        <v>127</v>
      </c>
      <c r="B18255" s="14" t="s">
        <v>1</v>
      </c>
      <c r="C18255" s="14" t="s">
        <v>101</v>
      </c>
      <c r="D18255" s="14" t="s">
        <v>128</v>
      </c>
      <c r="E18255" s="15">
        <v>45746</v>
      </c>
      <c r="F18255" s="14" t="s">
        <v>15</v>
      </c>
      <c r="G18255" s="16">
        <v>1.9070324372768983</v>
      </c>
    </row>
    <row r="18256" spans="1:7" x14ac:dyDescent="0.3">
      <c r="A18256" s="13" t="s">
        <v>127</v>
      </c>
      <c r="B18256" s="14" t="s">
        <v>1</v>
      </c>
      <c r="C18256" s="14" t="s">
        <v>101</v>
      </c>
      <c r="D18256" s="14" t="s">
        <v>128</v>
      </c>
      <c r="E18256" s="15">
        <v>45747</v>
      </c>
      <c r="F18256" s="14" t="s">
        <v>15</v>
      </c>
      <c r="G18256" s="16">
        <v>1.9132765222171195</v>
      </c>
    </row>
    <row r="18257" spans="1:7" x14ac:dyDescent="0.3">
      <c r="A18257" s="13" t="s">
        <v>129</v>
      </c>
      <c r="B18257" s="14" t="s">
        <v>1</v>
      </c>
      <c r="C18257" s="14" t="s">
        <v>23</v>
      </c>
      <c r="D18257" s="14" t="s">
        <v>130</v>
      </c>
      <c r="E18257" s="15">
        <v>45383</v>
      </c>
      <c r="F18257" s="14" t="s">
        <v>15</v>
      </c>
      <c r="G18257" s="16">
        <v>0</v>
      </c>
    </row>
    <row r="18258" spans="1:7" x14ac:dyDescent="0.3">
      <c r="A18258" s="13" t="s">
        <v>129</v>
      </c>
      <c r="B18258" s="14" t="s">
        <v>1</v>
      </c>
      <c r="C18258" s="14" t="s">
        <v>23</v>
      </c>
      <c r="D18258" s="14" t="s">
        <v>130</v>
      </c>
      <c r="E18258" s="15">
        <v>45384</v>
      </c>
      <c r="F18258" s="14" t="s">
        <v>15</v>
      </c>
      <c r="G18258" s="16">
        <v>0</v>
      </c>
    </row>
    <row r="18259" spans="1:7" x14ac:dyDescent="0.3">
      <c r="A18259" s="13" t="s">
        <v>129</v>
      </c>
      <c r="B18259" s="14" t="s">
        <v>1</v>
      </c>
      <c r="C18259" s="14" t="s">
        <v>23</v>
      </c>
      <c r="D18259" s="14" t="s">
        <v>130</v>
      </c>
      <c r="E18259" s="15">
        <v>45385</v>
      </c>
      <c r="F18259" s="14" t="s">
        <v>15</v>
      </c>
      <c r="G18259" s="16">
        <v>6.1921538031273711E-2</v>
      </c>
    </row>
    <row r="18260" spans="1:7" x14ac:dyDescent="0.3">
      <c r="A18260" s="13" t="s">
        <v>129</v>
      </c>
      <c r="B18260" s="14" t="s">
        <v>1</v>
      </c>
      <c r="C18260" s="14" t="s">
        <v>23</v>
      </c>
      <c r="D18260" s="14" t="s">
        <v>130</v>
      </c>
      <c r="E18260" s="15">
        <v>45386</v>
      </c>
      <c r="F18260" s="14" t="s">
        <v>15</v>
      </c>
      <c r="G18260" s="16">
        <v>7.805649772475301E-2</v>
      </c>
    </row>
    <row r="18261" spans="1:7" x14ac:dyDescent="0.3">
      <c r="A18261" s="13" t="s">
        <v>129</v>
      </c>
      <c r="B18261" s="14" t="s">
        <v>1</v>
      </c>
      <c r="C18261" s="14" t="s">
        <v>23</v>
      </c>
      <c r="D18261" s="14" t="s">
        <v>130</v>
      </c>
      <c r="E18261" s="15">
        <v>45387</v>
      </c>
      <c r="F18261" s="14" t="s">
        <v>15</v>
      </c>
      <c r="G18261" s="16">
        <v>0.10447731105277179</v>
      </c>
    </row>
    <row r="18262" spans="1:7" x14ac:dyDescent="0.3">
      <c r="A18262" s="13" t="s">
        <v>129</v>
      </c>
      <c r="B18262" s="14" t="s">
        <v>1</v>
      </c>
      <c r="C18262" s="14" t="s">
        <v>23</v>
      </c>
      <c r="D18262" s="14" t="s">
        <v>130</v>
      </c>
      <c r="E18262" s="15">
        <v>45388</v>
      </c>
      <c r="F18262" s="14" t="s">
        <v>15</v>
      </c>
      <c r="G18262" s="16">
        <v>0.10447731105277179</v>
      </c>
    </row>
    <row r="18263" spans="1:7" x14ac:dyDescent="0.3">
      <c r="A18263" s="13" t="s">
        <v>129</v>
      </c>
      <c r="B18263" s="14" t="s">
        <v>1</v>
      </c>
      <c r="C18263" s="14" t="s">
        <v>23</v>
      </c>
      <c r="D18263" s="14" t="s">
        <v>130</v>
      </c>
      <c r="E18263" s="15">
        <v>45389</v>
      </c>
      <c r="F18263" s="14" t="s">
        <v>15</v>
      </c>
      <c r="G18263" s="16">
        <v>0.10447731105277179</v>
      </c>
    </row>
    <row r="18264" spans="1:7" x14ac:dyDescent="0.3">
      <c r="A18264" s="13" t="s">
        <v>129</v>
      </c>
      <c r="B18264" s="14" t="s">
        <v>1</v>
      </c>
      <c r="C18264" s="14" t="s">
        <v>23</v>
      </c>
      <c r="D18264" s="14" t="s">
        <v>130</v>
      </c>
      <c r="E18264" s="15">
        <v>45390</v>
      </c>
      <c r="F18264" s="14" t="s">
        <v>15</v>
      </c>
      <c r="G18264" s="16">
        <v>0.11862898185233048</v>
      </c>
    </row>
    <row r="18265" spans="1:7" x14ac:dyDescent="0.3">
      <c r="A18265" s="13" t="s">
        <v>129</v>
      </c>
      <c r="B18265" s="14" t="s">
        <v>1</v>
      </c>
      <c r="C18265" s="14" t="s">
        <v>23</v>
      </c>
      <c r="D18265" s="14" t="s">
        <v>130</v>
      </c>
      <c r="E18265" s="15">
        <v>45391</v>
      </c>
      <c r="F18265" s="14" t="s">
        <v>15</v>
      </c>
      <c r="G18265" s="16">
        <v>0.16119562437053819</v>
      </c>
    </row>
    <row r="18266" spans="1:7" x14ac:dyDescent="0.3">
      <c r="A18266" s="13" t="s">
        <v>129</v>
      </c>
      <c r="B18266" s="14" t="s">
        <v>1</v>
      </c>
      <c r="C18266" s="14" t="s">
        <v>23</v>
      </c>
      <c r="D18266" s="14" t="s">
        <v>130</v>
      </c>
      <c r="E18266" s="15">
        <v>45392</v>
      </c>
      <c r="F18266" s="14" t="s">
        <v>15</v>
      </c>
      <c r="G18266" s="16">
        <v>0.17821138818174595</v>
      </c>
    </row>
    <row r="18267" spans="1:7" x14ac:dyDescent="0.3">
      <c r="A18267" s="13" t="s">
        <v>129</v>
      </c>
      <c r="B18267" s="14" t="s">
        <v>1</v>
      </c>
      <c r="C18267" s="14" t="s">
        <v>23</v>
      </c>
      <c r="D18267" s="14" t="s">
        <v>130</v>
      </c>
      <c r="E18267" s="15">
        <v>45393</v>
      </c>
      <c r="F18267" s="14" t="s">
        <v>15</v>
      </c>
      <c r="G18267" s="16">
        <v>0.19364222025373465</v>
      </c>
    </row>
    <row r="18268" spans="1:7" x14ac:dyDescent="0.3">
      <c r="A18268" s="13" t="s">
        <v>129</v>
      </c>
      <c r="B18268" s="14" t="s">
        <v>1</v>
      </c>
      <c r="C18268" s="14" t="s">
        <v>23</v>
      </c>
      <c r="D18268" s="14" t="s">
        <v>130</v>
      </c>
      <c r="E18268" s="15">
        <v>45394</v>
      </c>
      <c r="F18268" s="14" t="s">
        <v>15</v>
      </c>
      <c r="G18268" s="16">
        <v>0.20778808973550639</v>
      </c>
    </row>
    <row r="18269" spans="1:7" x14ac:dyDescent="0.3">
      <c r="A18269" s="13" t="s">
        <v>129</v>
      </c>
      <c r="B18269" s="14" t="s">
        <v>1</v>
      </c>
      <c r="C18269" s="14" t="s">
        <v>23</v>
      </c>
      <c r="D18269" s="14" t="s">
        <v>130</v>
      </c>
      <c r="E18269" s="15">
        <v>45395</v>
      </c>
      <c r="F18269" s="14" t="s">
        <v>15</v>
      </c>
      <c r="G18269" s="16">
        <v>0.20778808973550639</v>
      </c>
    </row>
    <row r="18270" spans="1:7" x14ac:dyDescent="0.3">
      <c r="A18270" s="13" t="s">
        <v>129</v>
      </c>
      <c r="B18270" s="14" t="s">
        <v>1</v>
      </c>
      <c r="C18270" s="14" t="s">
        <v>23</v>
      </c>
      <c r="D18270" s="14" t="s">
        <v>130</v>
      </c>
      <c r="E18270" s="15">
        <v>45396</v>
      </c>
      <c r="F18270" s="14" t="s">
        <v>15</v>
      </c>
      <c r="G18270" s="16">
        <v>0.20778808973550639</v>
      </c>
    </row>
    <row r="18271" spans="1:7" x14ac:dyDescent="0.3">
      <c r="A18271" s="13" t="s">
        <v>129</v>
      </c>
      <c r="B18271" s="14" t="s">
        <v>1</v>
      </c>
      <c r="C18271" s="14" t="s">
        <v>23</v>
      </c>
      <c r="D18271" s="14" t="s">
        <v>130</v>
      </c>
      <c r="E18271" s="15">
        <v>45397</v>
      </c>
      <c r="F18271" s="14" t="s">
        <v>15</v>
      </c>
      <c r="G18271" s="16">
        <v>0.22322478172445154</v>
      </c>
    </row>
    <row r="18272" spans="1:7" x14ac:dyDescent="0.3">
      <c r="A18272" s="13" t="s">
        <v>129</v>
      </c>
      <c r="B18272" s="14" t="s">
        <v>1</v>
      </c>
      <c r="C18272" s="14" t="s">
        <v>23</v>
      </c>
      <c r="D18272" s="14" t="s">
        <v>130</v>
      </c>
      <c r="E18272" s="15">
        <v>45398</v>
      </c>
      <c r="F18272" s="14" t="s">
        <v>15</v>
      </c>
      <c r="G18272" s="16">
        <v>0.26510915411141628</v>
      </c>
    </row>
    <row r="18273" spans="1:7" x14ac:dyDescent="0.3">
      <c r="A18273" s="13" t="s">
        <v>129</v>
      </c>
      <c r="B18273" s="14" t="s">
        <v>1</v>
      </c>
      <c r="C18273" s="14" t="s">
        <v>23</v>
      </c>
      <c r="D18273" s="14" t="s">
        <v>130</v>
      </c>
      <c r="E18273" s="15">
        <v>45399</v>
      </c>
      <c r="F18273" s="14" t="s">
        <v>15</v>
      </c>
      <c r="G18273" s="16">
        <v>0.27902121290662452</v>
      </c>
    </row>
    <row r="18274" spans="1:7" x14ac:dyDescent="0.3">
      <c r="A18274" s="13" t="s">
        <v>129</v>
      </c>
      <c r="B18274" s="14" t="s">
        <v>1</v>
      </c>
      <c r="C18274" s="14" t="s">
        <v>23</v>
      </c>
      <c r="D18274" s="14" t="s">
        <v>130</v>
      </c>
      <c r="E18274" s="15">
        <v>45400</v>
      </c>
      <c r="F18274" s="14" t="s">
        <v>15</v>
      </c>
      <c r="G18274" s="16">
        <v>0.29296192669574989</v>
      </c>
    </row>
    <row r="18275" spans="1:7" x14ac:dyDescent="0.3">
      <c r="A18275" s="13" t="s">
        <v>129</v>
      </c>
      <c r="B18275" s="14" t="s">
        <v>1</v>
      </c>
      <c r="C18275" s="14" t="s">
        <v>23</v>
      </c>
      <c r="D18275" s="14" t="s">
        <v>130</v>
      </c>
      <c r="E18275" s="15">
        <v>45401</v>
      </c>
      <c r="F18275" s="14" t="s">
        <v>15</v>
      </c>
      <c r="G18275" s="16">
        <v>0.30695461794827927</v>
      </c>
    </row>
    <row r="18276" spans="1:7" x14ac:dyDescent="0.3">
      <c r="A18276" s="13" t="s">
        <v>129</v>
      </c>
      <c r="B18276" s="14" t="s">
        <v>1</v>
      </c>
      <c r="C18276" s="14" t="s">
        <v>23</v>
      </c>
      <c r="D18276" s="14" t="s">
        <v>130</v>
      </c>
      <c r="E18276" s="15">
        <v>45402</v>
      </c>
      <c r="F18276" s="14" t="s">
        <v>15</v>
      </c>
      <c r="G18276" s="16">
        <v>0.30695461794827927</v>
      </c>
    </row>
    <row r="18277" spans="1:7" x14ac:dyDescent="0.3">
      <c r="A18277" s="13" t="s">
        <v>129</v>
      </c>
      <c r="B18277" s="14" t="s">
        <v>1</v>
      </c>
      <c r="C18277" s="14" t="s">
        <v>23</v>
      </c>
      <c r="D18277" s="14" t="s">
        <v>130</v>
      </c>
      <c r="E18277" s="15">
        <v>45403</v>
      </c>
      <c r="F18277" s="14" t="s">
        <v>15</v>
      </c>
      <c r="G18277" s="16">
        <v>0.30695461794827927</v>
      </c>
    </row>
    <row r="18278" spans="1:7" x14ac:dyDescent="0.3">
      <c r="A18278" s="13" t="s">
        <v>129</v>
      </c>
      <c r="B18278" s="14" t="s">
        <v>1</v>
      </c>
      <c r="C18278" s="14" t="s">
        <v>23</v>
      </c>
      <c r="D18278" s="14" t="s">
        <v>130</v>
      </c>
      <c r="E18278" s="15">
        <v>45404</v>
      </c>
      <c r="F18278" s="14" t="s">
        <v>15</v>
      </c>
      <c r="G18278" s="16">
        <v>0.32798823382069747</v>
      </c>
    </row>
    <row r="18279" spans="1:7" x14ac:dyDescent="0.3">
      <c r="A18279" s="13" t="s">
        <v>129</v>
      </c>
      <c r="B18279" s="14" t="s">
        <v>1</v>
      </c>
      <c r="C18279" s="14" t="s">
        <v>23</v>
      </c>
      <c r="D18279" s="14" t="s">
        <v>130</v>
      </c>
      <c r="E18279" s="15">
        <v>45405</v>
      </c>
      <c r="F18279" s="14" t="s">
        <v>15</v>
      </c>
      <c r="G18279" s="16">
        <v>0.36350557203776862</v>
      </c>
    </row>
    <row r="18280" spans="1:7" x14ac:dyDescent="0.3">
      <c r="A18280" s="13" t="s">
        <v>129</v>
      </c>
      <c r="B18280" s="14" t="s">
        <v>1</v>
      </c>
      <c r="C18280" s="14" t="s">
        <v>23</v>
      </c>
      <c r="D18280" s="14" t="s">
        <v>130</v>
      </c>
      <c r="E18280" s="15">
        <v>45406</v>
      </c>
      <c r="F18280" s="14" t="s">
        <v>15</v>
      </c>
      <c r="G18280" s="16">
        <v>0.37472242062801348</v>
      </c>
    </row>
    <row r="18281" spans="1:7" x14ac:dyDescent="0.3">
      <c r="A18281" s="13" t="s">
        <v>129</v>
      </c>
      <c r="B18281" s="14" t="s">
        <v>1</v>
      </c>
      <c r="C18281" s="14" t="s">
        <v>23</v>
      </c>
      <c r="D18281" s="14" t="s">
        <v>130</v>
      </c>
      <c r="E18281" s="15">
        <v>45407</v>
      </c>
      <c r="F18281" s="14" t="s">
        <v>15</v>
      </c>
      <c r="G18281" s="16">
        <v>0.33951530771310767</v>
      </c>
    </row>
    <row r="18282" spans="1:7" x14ac:dyDescent="0.3">
      <c r="A18282" s="13" t="s">
        <v>129</v>
      </c>
      <c r="B18282" s="14" t="s">
        <v>1</v>
      </c>
      <c r="C18282" s="14" t="s">
        <v>23</v>
      </c>
      <c r="D18282" s="14" t="s">
        <v>130</v>
      </c>
      <c r="E18282" s="15">
        <v>45408</v>
      </c>
      <c r="F18282" s="14" t="s">
        <v>15</v>
      </c>
      <c r="G18282" s="16">
        <v>0.35230448922111524</v>
      </c>
    </row>
    <row r="18283" spans="1:7" x14ac:dyDescent="0.3">
      <c r="A18283" s="13" t="s">
        <v>129</v>
      </c>
      <c r="B18283" s="14" t="s">
        <v>1</v>
      </c>
      <c r="C18283" s="14" t="s">
        <v>23</v>
      </c>
      <c r="D18283" s="14" t="s">
        <v>130</v>
      </c>
      <c r="E18283" s="15">
        <v>45409</v>
      </c>
      <c r="F18283" s="14" t="s">
        <v>15</v>
      </c>
      <c r="G18283" s="16">
        <v>0.35230448922111524</v>
      </c>
    </row>
    <row r="18284" spans="1:7" x14ac:dyDescent="0.3">
      <c r="A18284" s="13" t="s">
        <v>129</v>
      </c>
      <c r="B18284" s="14" t="s">
        <v>1</v>
      </c>
      <c r="C18284" s="14" t="s">
        <v>23</v>
      </c>
      <c r="D18284" s="14" t="s">
        <v>130</v>
      </c>
      <c r="E18284" s="15">
        <v>45410</v>
      </c>
      <c r="F18284" s="14" t="s">
        <v>15</v>
      </c>
      <c r="G18284" s="16">
        <v>0.35230448922111524</v>
      </c>
    </row>
    <row r="18285" spans="1:7" x14ac:dyDescent="0.3">
      <c r="A18285" s="13" t="s">
        <v>129</v>
      </c>
      <c r="B18285" s="14" t="s">
        <v>1</v>
      </c>
      <c r="C18285" s="14" t="s">
        <v>23</v>
      </c>
      <c r="D18285" s="14" t="s">
        <v>130</v>
      </c>
      <c r="E18285" s="15">
        <v>45411</v>
      </c>
      <c r="F18285" s="14" t="s">
        <v>15</v>
      </c>
      <c r="G18285" s="16">
        <v>0.36670186633865909</v>
      </c>
    </row>
    <row r="18286" spans="1:7" x14ac:dyDescent="0.3">
      <c r="A18286" s="13" t="s">
        <v>129</v>
      </c>
      <c r="B18286" s="14" t="s">
        <v>1</v>
      </c>
      <c r="C18286" s="14" t="s">
        <v>23</v>
      </c>
      <c r="D18286" s="14" t="s">
        <v>130</v>
      </c>
      <c r="E18286" s="15">
        <v>45412</v>
      </c>
      <c r="F18286" s="14" t="s">
        <v>15</v>
      </c>
      <c r="G18286" s="16">
        <v>0.41020814654083837</v>
      </c>
    </row>
    <row r="18287" spans="1:7" x14ac:dyDescent="0.3">
      <c r="A18287" s="13" t="s">
        <v>129</v>
      </c>
      <c r="B18287" s="14" t="s">
        <v>1</v>
      </c>
      <c r="C18287" s="14" t="s">
        <v>23</v>
      </c>
      <c r="D18287" s="14" t="s">
        <v>130</v>
      </c>
      <c r="E18287" s="15">
        <v>45413</v>
      </c>
      <c r="F18287" s="14" t="s">
        <v>15</v>
      </c>
      <c r="G18287" s="16">
        <v>0</v>
      </c>
    </row>
    <row r="18288" spans="1:7" x14ac:dyDescent="0.3">
      <c r="A18288" s="13" t="s">
        <v>129</v>
      </c>
      <c r="B18288" s="14" t="s">
        <v>1</v>
      </c>
      <c r="C18288" s="14" t="s">
        <v>23</v>
      </c>
      <c r="D18288" s="14" t="s">
        <v>130</v>
      </c>
      <c r="E18288" s="15">
        <v>45414</v>
      </c>
      <c r="F18288" s="14" t="s">
        <v>15</v>
      </c>
      <c r="G18288" s="16">
        <v>1.3130154410257708E-2</v>
      </c>
    </row>
    <row r="18289" spans="1:7" x14ac:dyDescent="0.3">
      <c r="A18289" s="13" t="s">
        <v>129</v>
      </c>
      <c r="B18289" s="14" t="s">
        <v>1</v>
      </c>
      <c r="C18289" s="14" t="s">
        <v>23</v>
      </c>
      <c r="D18289" s="14" t="s">
        <v>130</v>
      </c>
      <c r="E18289" s="15">
        <v>45415</v>
      </c>
      <c r="F18289" s="14" t="s">
        <v>15</v>
      </c>
      <c r="G18289" s="16">
        <v>2.7488797476719239E-2</v>
      </c>
    </row>
    <row r="18290" spans="1:7" x14ac:dyDescent="0.3">
      <c r="A18290" s="13" t="s">
        <v>129</v>
      </c>
      <c r="B18290" s="14" t="s">
        <v>1</v>
      </c>
      <c r="C18290" s="14" t="s">
        <v>23</v>
      </c>
      <c r="D18290" s="14" t="s">
        <v>130</v>
      </c>
      <c r="E18290" s="15">
        <v>45416</v>
      </c>
      <c r="F18290" s="14" t="s">
        <v>15</v>
      </c>
      <c r="G18290" s="16">
        <v>2.7488797476719239E-2</v>
      </c>
    </row>
    <row r="18291" spans="1:7" x14ac:dyDescent="0.3">
      <c r="A18291" s="13" t="s">
        <v>129</v>
      </c>
      <c r="B18291" s="14" t="s">
        <v>1</v>
      </c>
      <c r="C18291" s="14" t="s">
        <v>23</v>
      </c>
      <c r="D18291" s="14" t="s">
        <v>130</v>
      </c>
      <c r="E18291" s="15">
        <v>45417</v>
      </c>
      <c r="F18291" s="14" t="s">
        <v>15</v>
      </c>
      <c r="G18291" s="16">
        <v>2.7488797476719239E-2</v>
      </c>
    </row>
    <row r="18292" spans="1:7" x14ac:dyDescent="0.3">
      <c r="A18292" s="13" t="s">
        <v>129</v>
      </c>
      <c r="B18292" s="14" t="s">
        <v>1</v>
      </c>
      <c r="C18292" s="14" t="s">
        <v>23</v>
      </c>
      <c r="D18292" s="14" t="s">
        <v>130</v>
      </c>
      <c r="E18292" s="15">
        <v>45418</v>
      </c>
      <c r="F18292" s="14" t="s">
        <v>15</v>
      </c>
      <c r="G18292" s="16">
        <v>2.7488797476719239E-2</v>
      </c>
    </row>
    <row r="18293" spans="1:7" x14ac:dyDescent="0.3">
      <c r="A18293" s="13" t="s">
        <v>129</v>
      </c>
      <c r="B18293" s="14" t="s">
        <v>1</v>
      </c>
      <c r="C18293" s="14" t="s">
        <v>23</v>
      </c>
      <c r="D18293" s="14" t="s">
        <v>130</v>
      </c>
      <c r="E18293" s="15">
        <v>45419</v>
      </c>
      <c r="F18293" s="14" t="s">
        <v>15</v>
      </c>
      <c r="G18293" s="16">
        <v>4.1251897182893786E-2</v>
      </c>
    </row>
    <row r="18294" spans="1:7" x14ac:dyDescent="0.3">
      <c r="A18294" s="13" t="s">
        <v>129</v>
      </c>
      <c r="B18294" s="14" t="s">
        <v>1</v>
      </c>
      <c r="C18294" s="14" t="s">
        <v>23</v>
      </c>
      <c r="D18294" s="14" t="s">
        <v>130</v>
      </c>
      <c r="E18294" s="15">
        <v>45420</v>
      </c>
      <c r="F18294" s="14" t="s">
        <v>15</v>
      </c>
      <c r="G18294" s="16">
        <v>0.11334613385227738</v>
      </c>
    </row>
    <row r="18295" spans="1:7" x14ac:dyDescent="0.3">
      <c r="A18295" s="13" t="s">
        <v>129</v>
      </c>
      <c r="B18295" s="14" t="s">
        <v>1</v>
      </c>
      <c r="C18295" s="14" t="s">
        <v>23</v>
      </c>
      <c r="D18295" s="14" t="s">
        <v>130</v>
      </c>
      <c r="E18295" s="15">
        <v>45421</v>
      </c>
      <c r="F18295" s="14" t="s">
        <v>15</v>
      </c>
      <c r="G18295" s="16">
        <v>0.1276872557670391</v>
      </c>
    </row>
    <row r="18296" spans="1:7" x14ac:dyDescent="0.3">
      <c r="A18296" s="13" t="s">
        <v>129</v>
      </c>
      <c r="B18296" s="14" t="s">
        <v>1</v>
      </c>
      <c r="C18296" s="14" t="s">
        <v>23</v>
      </c>
      <c r="D18296" s="14" t="s">
        <v>130</v>
      </c>
      <c r="E18296" s="15">
        <v>45422</v>
      </c>
      <c r="F18296" s="14" t="s">
        <v>15</v>
      </c>
      <c r="G18296" s="16">
        <v>0.14188996644328869</v>
      </c>
    </row>
    <row r="18297" spans="1:7" x14ac:dyDescent="0.3">
      <c r="A18297" s="13" t="s">
        <v>129</v>
      </c>
      <c r="B18297" s="14" t="s">
        <v>1</v>
      </c>
      <c r="C18297" s="14" t="s">
        <v>23</v>
      </c>
      <c r="D18297" s="14" t="s">
        <v>130</v>
      </c>
      <c r="E18297" s="15">
        <v>45423</v>
      </c>
      <c r="F18297" s="14" t="s">
        <v>15</v>
      </c>
      <c r="G18297" s="16">
        <v>0.14188996644328869</v>
      </c>
    </row>
    <row r="18298" spans="1:7" x14ac:dyDescent="0.3">
      <c r="A18298" s="13" t="s">
        <v>129</v>
      </c>
      <c r="B18298" s="14" t="s">
        <v>1</v>
      </c>
      <c r="C18298" s="14" t="s">
        <v>23</v>
      </c>
      <c r="D18298" s="14" t="s">
        <v>130</v>
      </c>
      <c r="E18298" s="15">
        <v>45424</v>
      </c>
      <c r="F18298" s="14" t="s">
        <v>15</v>
      </c>
      <c r="G18298" s="16">
        <v>0.14188996644328869</v>
      </c>
    </row>
    <row r="18299" spans="1:7" x14ac:dyDescent="0.3">
      <c r="A18299" s="13" t="s">
        <v>129</v>
      </c>
      <c r="B18299" s="14" t="s">
        <v>1</v>
      </c>
      <c r="C18299" s="14" t="s">
        <v>23</v>
      </c>
      <c r="D18299" s="14" t="s">
        <v>130</v>
      </c>
      <c r="E18299" s="15">
        <v>45425</v>
      </c>
      <c r="F18299" s="14" t="s">
        <v>15</v>
      </c>
      <c r="G18299" s="16">
        <v>0.15672906410101203</v>
      </c>
    </row>
    <row r="18300" spans="1:7" x14ac:dyDescent="0.3">
      <c r="A18300" s="13" t="s">
        <v>129</v>
      </c>
      <c r="B18300" s="14" t="s">
        <v>1</v>
      </c>
      <c r="C18300" s="14" t="s">
        <v>23</v>
      </c>
      <c r="D18300" s="14" t="s">
        <v>130</v>
      </c>
      <c r="E18300" s="15">
        <v>45426</v>
      </c>
      <c r="F18300" s="14" t="s">
        <v>15</v>
      </c>
      <c r="G18300" s="16">
        <v>0.20120797331962781</v>
      </c>
    </row>
    <row r="18301" spans="1:7" x14ac:dyDescent="0.3">
      <c r="A18301" s="13" t="s">
        <v>129</v>
      </c>
      <c r="B18301" s="14" t="s">
        <v>1</v>
      </c>
      <c r="C18301" s="14" t="s">
        <v>23</v>
      </c>
      <c r="D18301" s="14" t="s">
        <v>130</v>
      </c>
      <c r="E18301" s="15">
        <v>45427</v>
      </c>
      <c r="F18301" s="14" t="s">
        <v>15</v>
      </c>
      <c r="G18301" s="16">
        <v>0.21539251825331238</v>
      </c>
    </row>
    <row r="18302" spans="1:7" x14ac:dyDescent="0.3">
      <c r="A18302" s="13" t="s">
        <v>129</v>
      </c>
      <c r="B18302" s="14" t="s">
        <v>1</v>
      </c>
      <c r="C18302" s="14" t="s">
        <v>23</v>
      </c>
      <c r="D18302" s="14" t="s">
        <v>130</v>
      </c>
      <c r="E18302" s="15">
        <v>45428</v>
      </c>
      <c r="F18302" s="14" t="s">
        <v>15</v>
      </c>
      <c r="G18302" s="16">
        <v>0.22980823691093005</v>
      </c>
    </row>
    <row r="18303" spans="1:7" x14ac:dyDescent="0.3">
      <c r="A18303" s="13" t="s">
        <v>129</v>
      </c>
      <c r="B18303" s="14" t="s">
        <v>1</v>
      </c>
      <c r="C18303" s="14" t="s">
        <v>23</v>
      </c>
      <c r="D18303" s="14" t="s">
        <v>130</v>
      </c>
      <c r="E18303" s="15">
        <v>45429</v>
      </c>
      <c r="F18303" s="14" t="s">
        <v>15</v>
      </c>
      <c r="G18303" s="16">
        <v>0.24420895418113917</v>
      </c>
    </row>
    <row r="18304" spans="1:7" x14ac:dyDescent="0.3">
      <c r="A18304" s="13" t="s">
        <v>129</v>
      </c>
      <c r="B18304" s="14" t="s">
        <v>1</v>
      </c>
      <c r="C18304" s="14" t="s">
        <v>23</v>
      </c>
      <c r="D18304" s="14" t="s">
        <v>130</v>
      </c>
      <c r="E18304" s="15">
        <v>45430</v>
      </c>
      <c r="F18304" s="14" t="s">
        <v>15</v>
      </c>
      <c r="G18304" s="16">
        <v>0.24420895418113917</v>
      </c>
    </row>
    <row r="18305" spans="1:7" x14ac:dyDescent="0.3">
      <c r="A18305" s="13" t="s">
        <v>129</v>
      </c>
      <c r="B18305" s="14" t="s">
        <v>1</v>
      </c>
      <c r="C18305" s="14" t="s">
        <v>23</v>
      </c>
      <c r="D18305" s="14" t="s">
        <v>130</v>
      </c>
      <c r="E18305" s="15">
        <v>45431</v>
      </c>
      <c r="F18305" s="14" t="s">
        <v>15</v>
      </c>
      <c r="G18305" s="16">
        <v>0.24420895418113917</v>
      </c>
    </row>
    <row r="18306" spans="1:7" x14ac:dyDescent="0.3">
      <c r="A18306" s="13" t="s">
        <v>129</v>
      </c>
      <c r="B18306" s="14" t="s">
        <v>1</v>
      </c>
      <c r="C18306" s="14" t="s">
        <v>23</v>
      </c>
      <c r="D18306" s="14" t="s">
        <v>130</v>
      </c>
      <c r="E18306" s="15">
        <v>45432</v>
      </c>
      <c r="F18306" s="14" t="s">
        <v>15</v>
      </c>
      <c r="G18306" s="16">
        <v>0.25879326264959479</v>
      </c>
    </row>
    <row r="18307" spans="1:7" x14ac:dyDescent="0.3">
      <c r="A18307" s="13" t="s">
        <v>129</v>
      </c>
      <c r="B18307" s="14" t="s">
        <v>1</v>
      </c>
      <c r="C18307" s="14" t="s">
        <v>23</v>
      </c>
      <c r="D18307" s="14" t="s">
        <v>130</v>
      </c>
      <c r="E18307" s="15">
        <v>45433</v>
      </c>
      <c r="F18307" s="14" t="s">
        <v>15</v>
      </c>
      <c r="G18307" s="16">
        <v>0.30232767045316516</v>
      </c>
    </row>
    <row r="18308" spans="1:7" x14ac:dyDescent="0.3">
      <c r="A18308" s="13" t="s">
        <v>129</v>
      </c>
      <c r="B18308" s="14" t="s">
        <v>1</v>
      </c>
      <c r="C18308" s="14" t="s">
        <v>23</v>
      </c>
      <c r="D18308" s="14" t="s">
        <v>130</v>
      </c>
      <c r="E18308" s="15">
        <v>45434</v>
      </c>
      <c r="F18308" s="14" t="s">
        <v>15</v>
      </c>
      <c r="G18308" s="16">
        <v>0.31672575076074388</v>
      </c>
    </row>
    <row r="18309" spans="1:7" x14ac:dyDescent="0.3">
      <c r="A18309" s="13" t="s">
        <v>129</v>
      </c>
      <c r="B18309" s="14" t="s">
        <v>1</v>
      </c>
      <c r="C18309" s="14" t="s">
        <v>23</v>
      </c>
      <c r="D18309" s="14" t="s">
        <v>130</v>
      </c>
      <c r="E18309" s="15">
        <v>45435</v>
      </c>
      <c r="F18309" s="14" t="s">
        <v>15</v>
      </c>
      <c r="G18309" s="16">
        <v>0.33358206623156589</v>
      </c>
    </row>
    <row r="18310" spans="1:7" x14ac:dyDescent="0.3">
      <c r="A18310" s="13" t="s">
        <v>129</v>
      </c>
      <c r="B18310" s="14" t="s">
        <v>1</v>
      </c>
      <c r="C18310" s="14" t="s">
        <v>23</v>
      </c>
      <c r="D18310" s="14" t="s">
        <v>130</v>
      </c>
      <c r="E18310" s="15">
        <v>45436</v>
      </c>
      <c r="F18310" s="14" t="s">
        <v>15</v>
      </c>
      <c r="G18310" s="16">
        <v>0.34770332406212034</v>
      </c>
    </row>
    <row r="18311" spans="1:7" x14ac:dyDescent="0.3">
      <c r="A18311" s="13" t="s">
        <v>129</v>
      </c>
      <c r="B18311" s="14" t="s">
        <v>1</v>
      </c>
      <c r="C18311" s="14" t="s">
        <v>23</v>
      </c>
      <c r="D18311" s="14" t="s">
        <v>130</v>
      </c>
      <c r="E18311" s="15">
        <v>45437</v>
      </c>
      <c r="F18311" s="14" t="s">
        <v>15</v>
      </c>
      <c r="G18311" s="16">
        <v>0.34770332406212034</v>
      </c>
    </row>
    <row r="18312" spans="1:7" x14ac:dyDescent="0.3">
      <c r="A18312" s="13" t="s">
        <v>129</v>
      </c>
      <c r="B18312" s="14" t="s">
        <v>1</v>
      </c>
      <c r="C18312" s="14" t="s">
        <v>23</v>
      </c>
      <c r="D18312" s="14" t="s">
        <v>130</v>
      </c>
      <c r="E18312" s="15">
        <v>45438</v>
      </c>
      <c r="F18312" s="14" t="s">
        <v>15</v>
      </c>
      <c r="G18312" s="16">
        <v>0.34770332406212034</v>
      </c>
    </row>
    <row r="18313" spans="1:7" x14ac:dyDescent="0.3">
      <c r="A18313" s="13" t="s">
        <v>129</v>
      </c>
      <c r="B18313" s="14" t="s">
        <v>1</v>
      </c>
      <c r="C18313" s="14" t="s">
        <v>23</v>
      </c>
      <c r="D18313" s="14" t="s">
        <v>130</v>
      </c>
      <c r="E18313" s="15">
        <v>45439</v>
      </c>
      <c r="F18313" s="14" t="s">
        <v>15</v>
      </c>
      <c r="G18313" s="16">
        <v>0.34770332406212034</v>
      </c>
    </row>
    <row r="18314" spans="1:7" x14ac:dyDescent="0.3">
      <c r="A18314" s="13" t="s">
        <v>129</v>
      </c>
      <c r="B18314" s="14" t="s">
        <v>1</v>
      </c>
      <c r="C18314" s="14" t="s">
        <v>23</v>
      </c>
      <c r="D18314" s="14" t="s">
        <v>130</v>
      </c>
      <c r="E18314" s="15">
        <v>45440</v>
      </c>
      <c r="F18314" s="14" t="s">
        <v>15</v>
      </c>
      <c r="G18314" s="16">
        <v>0.3617651037355667</v>
      </c>
    </row>
    <row r="18315" spans="1:7" x14ac:dyDescent="0.3">
      <c r="A18315" s="13" t="s">
        <v>129</v>
      </c>
      <c r="B18315" s="14" t="s">
        <v>1</v>
      </c>
      <c r="C18315" s="14" t="s">
        <v>23</v>
      </c>
      <c r="D18315" s="14" t="s">
        <v>130</v>
      </c>
      <c r="E18315" s="15">
        <v>45441</v>
      </c>
      <c r="F18315" s="14" t="s">
        <v>15</v>
      </c>
      <c r="G18315" s="16">
        <v>0.41390644036647556</v>
      </c>
    </row>
    <row r="18316" spans="1:7" x14ac:dyDescent="0.3">
      <c r="A18316" s="13" t="s">
        <v>129</v>
      </c>
      <c r="B18316" s="14" t="s">
        <v>1</v>
      </c>
      <c r="C18316" s="14" t="s">
        <v>23</v>
      </c>
      <c r="D18316" s="14" t="s">
        <v>130</v>
      </c>
      <c r="E18316" s="15">
        <v>45442</v>
      </c>
      <c r="F18316" s="14" t="s">
        <v>15</v>
      </c>
      <c r="G18316" s="16">
        <v>0.42981749263304775</v>
      </c>
    </row>
    <row r="18317" spans="1:7" x14ac:dyDescent="0.3">
      <c r="A18317" s="13" t="s">
        <v>129</v>
      </c>
      <c r="B18317" s="14" t="s">
        <v>1</v>
      </c>
      <c r="C18317" s="14" t="s">
        <v>23</v>
      </c>
      <c r="D18317" s="14" t="s">
        <v>130</v>
      </c>
      <c r="E18317" s="15">
        <v>45443</v>
      </c>
      <c r="F18317" s="14" t="s">
        <v>15</v>
      </c>
      <c r="G18317" s="16">
        <v>0.43899632070499855</v>
      </c>
    </row>
    <row r="18318" spans="1:7" x14ac:dyDescent="0.3">
      <c r="A18318" s="13" t="s">
        <v>129</v>
      </c>
      <c r="B18318" s="14" t="s">
        <v>1</v>
      </c>
      <c r="C18318" s="14" t="s">
        <v>23</v>
      </c>
      <c r="D18318" s="14" t="s">
        <v>130</v>
      </c>
      <c r="E18318" s="15">
        <v>45444</v>
      </c>
      <c r="F18318" s="14" t="s">
        <v>15</v>
      </c>
      <c r="G18318" s="16">
        <v>0.43899632070499855</v>
      </c>
    </row>
    <row r="18319" spans="1:7" x14ac:dyDescent="0.3">
      <c r="A18319" s="13" t="s">
        <v>129</v>
      </c>
      <c r="B18319" s="14" t="s">
        <v>1</v>
      </c>
      <c r="C18319" s="14" t="s">
        <v>23</v>
      </c>
      <c r="D18319" s="14" t="s">
        <v>130</v>
      </c>
      <c r="E18319" s="15">
        <v>45445</v>
      </c>
      <c r="F18319" s="14" t="s">
        <v>15</v>
      </c>
      <c r="G18319" s="16">
        <v>0.43899632070499855</v>
      </c>
    </row>
    <row r="18320" spans="1:7" x14ac:dyDescent="0.3">
      <c r="A18320" s="13" t="s">
        <v>129</v>
      </c>
      <c r="B18320" s="14" t="s">
        <v>1</v>
      </c>
      <c r="C18320" s="14" t="s">
        <v>23</v>
      </c>
      <c r="D18320" s="14" t="s">
        <v>130</v>
      </c>
      <c r="E18320" s="15">
        <v>45446</v>
      </c>
      <c r="F18320" s="14" t="s">
        <v>15</v>
      </c>
      <c r="G18320" s="16">
        <v>0.43899632070499855</v>
      </c>
    </row>
    <row r="18321" spans="1:7" x14ac:dyDescent="0.3">
      <c r="A18321" s="13" t="s">
        <v>129</v>
      </c>
      <c r="B18321" s="14" t="s">
        <v>1</v>
      </c>
      <c r="C18321" s="14" t="s">
        <v>23</v>
      </c>
      <c r="D18321" s="14" t="s">
        <v>130</v>
      </c>
      <c r="E18321" s="15">
        <v>45447</v>
      </c>
      <c r="F18321" s="14" t="s">
        <v>15</v>
      </c>
      <c r="G18321" s="16">
        <v>0</v>
      </c>
    </row>
    <row r="18322" spans="1:7" x14ac:dyDescent="0.3">
      <c r="A18322" s="13" t="s">
        <v>129</v>
      </c>
      <c r="B18322" s="14" t="s">
        <v>1</v>
      </c>
      <c r="C18322" s="14" t="s">
        <v>23</v>
      </c>
      <c r="D18322" s="14" t="s">
        <v>130</v>
      </c>
      <c r="E18322" s="15">
        <v>45448</v>
      </c>
      <c r="F18322" s="14" t="s">
        <v>15</v>
      </c>
      <c r="G18322" s="16">
        <v>5.819588869778837E-2</v>
      </c>
    </row>
    <row r="18323" spans="1:7" x14ac:dyDescent="0.3">
      <c r="A18323" s="13" t="s">
        <v>129</v>
      </c>
      <c r="B18323" s="14" t="s">
        <v>1</v>
      </c>
      <c r="C18323" s="14" t="s">
        <v>23</v>
      </c>
      <c r="D18323" s="14" t="s">
        <v>130</v>
      </c>
      <c r="E18323" s="15">
        <v>45449</v>
      </c>
      <c r="F18323" s="14" t="s">
        <v>15</v>
      </c>
      <c r="G18323" s="16">
        <v>7.1779751764138172E-2</v>
      </c>
    </row>
    <row r="18324" spans="1:7" x14ac:dyDescent="0.3">
      <c r="A18324" s="13" t="s">
        <v>129</v>
      </c>
      <c r="B18324" s="14" t="s">
        <v>1</v>
      </c>
      <c r="C18324" s="14" t="s">
        <v>23</v>
      </c>
      <c r="D18324" s="14" t="s">
        <v>130</v>
      </c>
      <c r="E18324" s="15">
        <v>45450</v>
      </c>
      <c r="F18324" s="14" t="s">
        <v>15</v>
      </c>
      <c r="G18324" s="16">
        <v>0.10529352305495349</v>
      </c>
    </row>
    <row r="18325" spans="1:7" x14ac:dyDescent="0.3">
      <c r="A18325" s="13" t="s">
        <v>129</v>
      </c>
      <c r="B18325" s="14" t="s">
        <v>1</v>
      </c>
      <c r="C18325" s="14" t="s">
        <v>23</v>
      </c>
      <c r="D18325" s="14" t="s">
        <v>130</v>
      </c>
      <c r="E18325" s="15">
        <v>45451</v>
      </c>
      <c r="F18325" s="14" t="s">
        <v>15</v>
      </c>
      <c r="G18325" s="16">
        <v>0.10529352305495349</v>
      </c>
    </row>
    <row r="18326" spans="1:7" x14ac:dyDescent="0.3">
      <c r="A18326" s="13" t="s">
        <v>129</v>
      </c>
      <c r="B18326" s="14" t="s">
        <v>1</v>
      </c>
      <c r="C18326" s="14" t="s">
        <v>23</v>
      </c>
      <c r="D18326" s="14" t="s">
        <v>130</v>
      </c>
      <c r="E18326" s="15">
        <v>45452</v>
      </c>
      <c r="F18326" s="14" t="s">
        <v>15</v>
      </c>
      <c r="G18326" s="16">
        <v>0.10529352305495349</v>
      </c>
    </row>
    <row r="18327" spans="1:7" x14ac:dyDescent="0.3">
      <c r="A18327" s="13" t="s">
        <v>129</v>
      </c>
      <c r="B18327" s="14" t="s">
        <v>1</v>
      </c>
      <c r="C18327" s="14" t="s">
        <v>23</v>
      </c>
      <c r="D18327" s="14" t="s">
        <v>130</v>
      </c>
      <c r="E18327" s="15">
        <v>45453</v>
      </c>
      <c r="F18327" s="14" t="s">
        <v>15</v>
      </c>
      <c r="G18327" s="16">
        <v>0.1188357614825676</v>
      </c>
    </row>
    <row r="18328" spans="1:7" x14ac:dyDescent="0.3">
      <c r="A18328" s="13" t="s">
        <v>129</v>
      </c>
      <c r="B18328" s="14" t="s">
        <v>1</v>
      </c>
      <c r="C18328" s="14" t="s">
        <v>23</v>
      </c>
      <c r="D18328" s="14" t="s">
        <v>130</v>
      </c>
      <c r="E18328" s="15">
        <v>45454</v>
      </c>
      <c r="F18328" s="14" t="s">
        <v>15</v>
      </c>
      <c r="G18328" s="16">
        <v>0.15967235512915837</v>
      </c>
    </row>
    <row r="18329" spans="1:7" x14ac:dyDescent="0.3">
      <c r="A18329" s="13" t="s">
        <v>129</v>
      </c>
      <c r="B18329" s="14" t="s">
        <v>1</v>
      </c>
      <c r="C18329" s="14" t="s">
        <v>23</v>
      </c>
      <c r="D18329" s="14" t="s">
        <v>130</v>
      </c>
      <c r="E18329" s="15">
        <v>45455</v>
      </c>
      <c r="F18329" s="14" t="s">
        <v>15</v>
      </c>
      <c r="G18329" s="16">
        <v>0.17325979367271885</v>
      </c>
    </row>
    <row r="18330" spans="1:7" x14ac:dyDescent="0.3">
      <c r="A18330" s="13" t="s">
        <v>129</v>
      </c>
      <c r="B18330" s="14" t="s">
        <v>1</v>
      </c>
      <c r="C18330" s="14" t="s">
        <v>23</v>
      </c>
      <c r="D18330" s="14" t="s">
        <v>130</v>
      </c>
      <c r="E18330" s="15">
        <v>45456</v>
      </c>
      <c r="F18330" s="14" t="s">
        <v>15</v>
      </c>
      <c r="G18330" s="16">
        <v>0.18627807973589339</v>
      </c>
    </row>
    <row r="18331" spans="1:7" x14ac:dyDescent="0.3">
      <c r="A18331" s="13" t="s">
        <v>129</v>
      </c>
      <c r="B18331" s="14" t="s">
        <v>1</v>
      </c>
      <c r="C18331" s="14" t="s">
        <v>23</v>
      </c>
      <c r="D18331" s="14" t="s">
        <v>130</v>
      </c>
      <c r="E18331" s="15">
        <v>45457</v>
      </c>
      <c r="F18331" s="14" t="s">
        <v>15</v>
      </c>
      <c r="G18331" s="16">
        <v>0.20133083224232748</v>
      </c>
    </row>
    <row r="18332" spans="1:7" x14ac:dyDescent="0.3">
      <c r="A18332" s="13" t="s">
        <v>129</v>
      </c>
      <c r="B18332" s="14" t="s">
        <v>1</v>
      </c>
      <c r="C18332" s="14" t="s">
        <v>23</v>
      </c>
      <c r="D18332" s="14" t="s">
        <v>130</v>
      </c>
      <c r="E18332" s="15">
        <v>45458</v>
      </c>
      <c r="F18332" s="14" t="s">
        <v>15</v>
      </c>
      <c r="G18332" s="16">
        <v>0.20133083224232748</v>
      </c>
    </row>
    <row r="18333" spans="1:7" x14ac:dyDescent="0.3">
      <c r="A18333" s="13" t="s">
        <v>129</v>
      </c>
      <c r="B18333" s="14" t="s">
        <v>1</v>
      </c>
      <c r="C18333" s="14" t="s">
        <v>23</v>
      </c>
      <c r="D18333" s="14" t="s">
        <v>130</v>
      </c>
      <c r="E18333" s="15">
        <v>45459</v>
      </c>
      <c r="F18333" s="14" t="s">
        <v>15</v>
      </c>
      <c r="G18333" s="16">
        <v>0.20133083224232748</v>
      </c>
    </row>
    <row r="18334" spans="1:7" x14ac:dyDescent="0.3">
      <c r="A18334" s="13" t="s">
        <v>129</v>
      </c>
      <c r="B18334" s="14" t="s">
        <v>1</v>
      </c>
      <c r="C18334" s="14" t="s">
        <v>23</v>
      </c>
      <c r="D18334" s="14" t="s">
        <v>130</v>
      </c>
      <c r="E18334" s="15">
        <v>45460</v>
      </c>
      <c r="F18334" s="14" t="s">
        <v>15</v>
      </c>
      <c r="G18334" s="16">
        <v>0.21500521182523369</v>
      </c>
    </row>
    <row r="18335" spans="1:7" x14ac:dyDescent="0.3">
      <c r="A18335" s="13" t="s">
        <v>129</v>
      </c>
      <c r="B18335" s="14" t="s">
        <v>1</v>
      </c>
      <c r="C18335" s="14" t="s">
        <v>23</v>
      </c>
      <c r="D18335" s="14" t="s">
        <v>130</v>
      </c>
      <c r="E18335" s="15">
        <v>45461</v>
      </c>
      <c r="F18335" s="14" t="s">
        <v>15</v>
      </c>
      <c r="G18335" s="16">
        <v>0.25621868449981111</v>
      </c>
    </row>
    <row r="18336" spans="1:7" x14ac:dyDescent="0.3">
      <c r="A18336" s="13" t="s">
        <v>129</v>
      </c>
      <c r="B18336" s="14" t="s">
        <v>1</v>
      </c>
      <c r="C18336" s="14" t="s">
        <v>23</v>
      </c>
      <c r="D18336" s="14" t="s">
        <v>130</v>
      </c>
      <c r="E18336" s="15">
        <v>45462</v>
      </c>
      <c r="F18336" s="14" t="s">
        <v>15</v>
      </c>
      <c r="G18336" s="16">
        <v>0.25621868449981111</v>
      </c>
    </row>
    <row r="18337" spans="1:7" x14ac:dyDescent="0.3">
      <c r="A18337" s="13" t="s">
        <v>129</v>
      </c>
      <c r="B18337" s="14" t="s">
        <v>1</v>
      </c>
      <c r="C18337" s="14" t="s">
        <v>23</v>
      </c>
      <c r="D18337" s="14" t="s">
        <v>130</v>
      </c>
      <c r="E18337" s="15">
        <v>45463</v>
      </c>
      <c r="F18337" s="14" t="s">
        <v>15</v>
      </c>
      <c r="G18337" s="16">
        <v>0.26992586875870395</v>
      </c>
    </row>
    <row r="18338" spans="1:7" x14ac:dyDescent="0.3">
      <c r="A18338" s="13" t="s">
        <v>129</v>
      </c>
      <c r="B18338" s="14" t="s">
        <v>1</v>
      </c>
      <c r="C18338" s="14" t="s">
        <v>23</v>
      </c>
      <c r="D18338" s="14" t="s">
        <v>130</v>
      </c>
      <c r="E18338" s="15">
        <v>45464</v>
      </c>
      <c r="F18338" s="14" t="s">
        <v>15</v>
      </c>
      <c r="G18338" s="16">
        <v>0.29890543885520815</v>
      </c>
    </row>
    <row r="18339" spans="1:7" x14ac:dyDescent="0.3">
      <c r="A18339" s="13" t="s">
        <v>129</v>
      </c>
      <c r="B18339" s="14" t="s">
        <v>1</v>
      </c>
      <c r="C18339" s="14" t="s">
        <v>23</v>
      </c>
      <c r="D18339" s="14" t="s">
        <v>130</v>
      </c>
      <c r="E18339" s="15">
        <v>45465</v>
      </c>
      <c r="F18339" s="14" t="s">
        <v>15</v>
      </c>
      <c r="G18339" s="16">
        <v>0.29890543885520815</v>
      </c>
    </row>
    <row r="18340" spans="1:7" x14ac:dyDescent="0.3">
      <c r="A18340" s="13" t="s">
        <v>129</v>
      </c>
      <c r="B18340" s="14" t="s">
        <v>1</v>
      </c>
      <c r="C18340" s="14" t="s">
        <v>23</v>
      </c>
      <c r="D18340" s="14" t="s">
        <v>130</v>
      </c>
      <c r="E18340" s="15">
        <v>45466</v>
      </c>
      <c r="F18340" s="14" t="s">
        <v>15</v>
      </c>
      <c r="G18340" s="16">
        <v>0.29890543885520815</v>
      </c>
    </row>
    <row r="18341" spans="1:7" x14ac:dyDescent="0.3">
      <c r="A18341" s="13" t="s">
        <v>129</v>
      </c>
      <c r="B18341" s="14" t="s">
        <v>1</v>
      </c>
      <c r="C18341" s="14" t="s">
        <v>23</v>
      </c>
      <c r="D18341" s="14" t="s">
        <v>130</v>
      </c>
      <c r="E18341" s="15">
        <v>45467</v>
      </c>
      <c r="F18341" s="14" t="s">
        <v>15</v>
      </c>
      <c r="G18341" s="16">
        <v>0.31252310133523409</v>
      </c>
    </row>
    <row r="18342" spans="1:7" x14ac:dyDescent="0.3">
      <c r="A18342" s="13" t="s">
        <v>129</v>
      </c>
      <c r="B18342" s="14" t="s">
        <v>1</v>
      </c>
      <c r="C18342" s="14" t="s">
        <v>23</v>
      </c>
      <c r="D18342" s="14" t="s">
        <v>130</v>
      </c>
      <c r="E18342" s="15">
        <v>45468</v>
      </c>
      <c r="F18342" s="14" t="s">
        <v>15</v>
      </c>
      <c r="G18342" s="16">
        <v>0.35612158107972197</v>
      </c>
    </row>
    <row r="18343" spans="1:7" x14ac:dyDescent="0.3">
      <c r="A18343" s="13" t="s">
        <v>129</v>
      </c>
      <c r="B18343" s="14" t="s">
        <v>1</v>
      </c>
      <c r="C18343" s="14" t="s">
        <v>23</v>
      </c>
      <c r="D18343" s="14" t="s">
        <v>130</v>
      </c>
      <c r="E18343" s="15">
        <v>45469</v>
      </c>
      <c r="F18343" s="14" t="s">
        <v>15</v>
      </c>
      <c r="G18343" s="16">
        <v>0.3686033991530473</v>
      </c>
    </row>
    <row r="18344" spans="1:7" x14ac:dyDescent="0.3">
      <c r="A18344" s="13" t="s">
        <v>129</v>
      </c>
      <c r="B18344" s="14" t="s">
        <v>1</v>
      </c>
      <c r="C18344" s="14" t="s">
        <v>23</v>
      </c>
      <c r="D18344" s="14" t="s">
        <v>130</v>
      </c>
      <c r="E18344" s="15">
        <v>45470</v>
      </c>
      <c r="F18344" s="14" t="s">
        <v>15</v>
      </c>
      <c r="G18344" s="16">
        <v>0.38210509933247711</v>
      </c>
    </row>
    <row r="18345" spans="1:7" x14ac:dyDescent="0.3">
      <c r="A18345" s="13" t="s">
        <v>129</v>
      </c>
      <c r="B18345" s="14" t="s">
        <v>1</v>
      </c>
      <c r="C18345" s="14" t="s">
        <v>23</v>
      </c>
      <c r="D18345" s="14" t="s">
        <v>130</v>
      </c>
      <c r="E18345" s="15">
        <v>45471</v>
      </c>
      <c r="F18345" s="14" t="s">
        <v>15</v>
      </c>
      <c r="G18345" s="16">
        <v>0.39566921000912608</v>
      </c>
    </row>
    <row r="18346" spans="1:7" x14ac:dyDescent="0.3">
      <c r="A18346" s="13" t="s">
        <v>129</v>
      </c>
      <c r="B18346" s="14" t="s">
        <v>1</v>
      </c>
      <c r="C18346" s="14" t="s">
        <v>23</v>
      </c>
      <c r="D18346" s="14" t="s">
        <v>130</v>
      </c>
      <c r="E18346" s="15">
        <v>45472</v>
      </c>
      <c r="F18346" s="14" t="s">
        <v>15</v>
      </c>
      <c r="G18346" s="16">
        <v>0.39566921000912608</v>
      </c>
    </row>
    <row r="18347" spans="1:7" x14ac:dyDescent="0.3">
      <c r="A18347" s="13" t="s">
        <v>129</v>
      </c>
      <c r="B18347" s="14" t="s">
        <v>1</v>
      </c>
      <c r="C18347" s="14" t="s">
        <v>23</v>
      </c>
      <c r="D18347" s="14" t="s">
        <v>130</v>
      </c>
      <c r="E18347" s="15">
        <v>45473</v>
      </c>
      <c r="F18347" s="14" t="s">
        <v>15</v>
      </c>
      <c r="G18347" s="16">
        <v>0.39566921000912608</v>
      </c>
    </row>
    <row r="18348" spans="1:7" x14ac:dyDescent="0.3">
      <c r="A18348" s="13" t="s">
        <v>129</v>
      </c>
      <c r="B18348" s="14" t="s">
        <v>1</v>
      </c>
      <c r="C18348" s="14" t="s">
        <v>23</v>
      </c>
      <c r="D18348" s="14" t="s">
        <v>130</v>
      </c>
      <c r="E18348" s="15">
        <v>45474</v>
      </c>
      <c r="F18348" s="14" t="s">
        <v>15</v>
      </c>
      <c r="G18348" s="16">
        <v>0</v>
      </c>
    </row>
    <row r="18349" spans="1:7" x14ac:dyDescent="0.3">
      <c r="A18349" s="13" t="s">
        <v>129</v>
      </c>
      <c r="B18349" s="14" t="s">
        <v>1</v>
      </c>
      <c r="C18349" s="14" t="s">
        <v>23</v>
      </c>
      <c r="D18349" s="14" t="s">
        <v>130</v>
      </c>
      <c r="E18349" s="15">
        <v>45475</v>
      </c>
      <c r="F18349" s="14" t="s">
        <v>15</v>
      </c>
      <c r="G18349" s="16">
        <v>3.7349534469627486E-2</v>
      </c>
    </row>
    <row r="18350" spans="1:7" x14ac:dyDescent="0.3">
      <c r="A18350" s="13" t="s">
        <v>129</v>
      </c>
      <c r="B18350" s="14" t="s">
        <v>1</v>
      </c>
      <c r="C18350" s="14" t="s">
        <v>23</v>
      </c>
      <c r="D18350" s="14" t="s">
        <v>130</v>
      </c>
      <c r="E18350" s="15">
        <v>45476</v>
      </c>
      <c r="F18350" s="14" t="s">
        <v>15</v>
      </c>
      <c r="G18350" s="16">
        <v>5.1081827115837163E-2</v>
      </c>
    </row>
    <row r="18351" spans="1:7" x14ac:dyDescent="0.3">
      <c r="A18351" s="13" t="s">
        <v>129</v>
      </c>
      <c r="B18351" s="14" t="s">
        <v>1</v>
      </c>
      <c r="C18351" s="14" t="s">
        <v>23</v>
      </c>
      <c r="D18351" s="14" t="s">
        <v>130</v>
      </c>
      <c r="E18351" s="15">
        <v>45477</v>
      </c>
      <c r="F18351" s="14" t="s">
        <v>15</v>
      </c>
      <c r="G18351" s="16">
        <v>5.1081827115837163E-2</v>
      </c>
    </row>
    <row r="18352" spans="1:7" x14ac:dyDescent="0.3">
      <c r="A18352" s="13" t="s">
        <v>129</v>
      </c>
      <c r="B18352" s="14" t="s">
        <v>1</v>
      </c>
      <c r="C18352" s="14" t="s">
        <v>23</v>
      </c>
      <c r="D18352" s="14" t="s">
        <v>130</v>
      </c>
      <c r="E18352" s="15">
        <v>45478</v>
      </c>
      <c r="F18352" s="14" t="s">
        <v>15</v>
      </c>
      <c r="G18352" s="16">
        <v>6.4943669833649145E-2</v>
      </c>
    </row>
    <row r="18353" spans="1:7" x14ac:dyDescent="0.3">
      <c r="A18353" s="13" t="s">
        <v>129</v>
      </c>
      <c r="B18353" s="14" t="s">
        <v>1</v>
      </c>
      <c r="C18353" s="14" t="s">
        <v>23</v>
      </c>
      <c r="D18353" s="14" t="s">
        <v>130</v>
      </c>
      <c r="E18353" s="15">
        <v>45479</v>
      </c>
      <c r="F18353" s="14" t="s">
        <v>15</v>
      </c>
      <c r="G18353" s="16">
        <v>6.4943669833649145E-2</v>
      </c>
    </row>
    <row r="18354" spans="1:7" x14ac:dyDescent="0.3">
      <c r="A18354" s="13" t="s">
        <v>129</v>
      </c>
      <c r="B18354" s="14" t="s">
        <v>1</v>
      </c>
      <c r="C18354" s="14" t="s">
        <v>23</v>
      </c>
      <c r="D18354" s="14" t="s">
        <v>130</v>
      </c>
      <c r="E18354" s="15">
        <v>45480</v>
      </c>
      <c r="F18354" s="14" t="s">
        <v>15</v>
      </c>
      <c r="G18354" s="16">
        <v>6.4943669833649145E-2</v>
      </c>
    </row>
    <row r="18355" spans="1:7" x14ac:dyDescent="0.3">
      <c r="A18355" s="13" t="s">
        <v>129</v>
      </c>
      <c r="B18355" s="14" t="s">
        <v>1</v>
      </c>
      <c r="C18355" s="14" t="s">
        <v>23</v>
      </c>
      <c r="D18355" s="14" t="s">
        <v>130</v>
      </c>
      <c r="E18355" s="15">
        <v>45481</v>
      </c>
      <c r="F18355" s="14" t="s">
        <v>15</v>
      </c>
      <c r="G18355" s="16">
        <v>0.1176256411024318</v>
      </c>
    </row>
    <row r="18356" spans="1:7" x14ac:dyDescent="0.3">
      <c r="A18356" s="13" t="s">
        <v>129</v>
      </c>
      <c r="B18356" s="14" t="s">
        <v>1</v>
      </c>
      <c r="C18356" s="14" t="s">
        <v>23</v>
      </c>
      <c r="D18356" s="14" t="s">
        <v>130</v>
      </c>
      <c r="E18356" s="15">
        <v>45482</v>
      </c>
      <c r="F18356" s="14" t="s">
        <v>15</v>
      </c>
      <c r="G18356" s="16">
        <v>0.15981172533621268</v>
      </c>
    </row>
    <row r="18357" spans="1:7" x14ac:dyDescent="0.3">
      <c r="A18357" s="13" t="s">
        <v>129</v>
      </c>
      <c r="B18357" s="14" t="s">
        <v>1</v>
      </c>
      <c r="C18357" s="14" t="s">
        <v>23</v>
      </c>
      <c r="D18357" s="14" t="s">
        <v>130</v>
      </c>
      <c r="E18357" s="15">
        <v>45483</v>
      </c>
      <c r="F18357" s="14" t="s">
        <v>15</v>
      </c>
      <c r="G18357" s="16">
        <v>0.17475939081354103</v>
      </c>
    </row>
    <row r="18358" spans="1:7" x14ac:dyDescent="0.3">
      <c r="A18358" s="13" t="s">
        <v>129</v>
      </c>
      <c r="B18358" s="14" t="s">
        <v>1</v>
      </c>
      <c r="C18358" s="14" t="s">
        <v>23</v>
      </c>
      <c r="D18358" s="14" t="s">
        <v>130</v>
      </c>
      <c r="E18358" s="15">
        <v>45484</v>
      </c>
      <c r="F18358" s="14" t="s">
        <v>15</v>
      </c>
      <c r="G18358" s="16">
        <v>0.18879447761168058</v>
      </c>
    </row>
    <row r="18359" spans="1:7" x14ac:dyDescent="0.3">
      <c r="A18359" s="13" t="s">
        <v>129</v>
      </c>
      <c r="B18359" s="14" t="s">
        <v>1</v>
      </c>
      <c r="C18359" s="14" t="s">
        <v>23</v>
      </c>
      <c r="D18359" s="14" t="s">
        <v>130</v>
      </c>
      <c r="E18359" s="15">
        <v>45485</v>
      </c>
      <c r="F18359" s="14" t="s">
        <v>15</v>
      </c>
      <c r="G18359" s="16">
        <v>0.20344447765456661</v>
      </c>
    </row>
    <row r="18360" spans="1:7" x14ac:dyDescent="0.3">
      <c r="A18360" s="13" t="s">
        <v>129</v>
      </c>
      <c r="B18360" s="14" t="s">
        <v>1</v>
      </c>
      <c r="C18360" s="14" t="s">
        <v>23</v>
      </c>
      <c r="D18360" s="14" t="s">
        <v>130</v>
      </c>
      <c r="E18360" s="15">
        <v>45486</v>
      </c>
      <c r="F18360" s="14" t="s">
        <v>15</v>
      </c>
      <c r="G18360" s="16">
        <v>0.20344447765456661</v>
      </c>
    </row>
    <row r="18361" spans="1:7" x14ac:dyDescent="0.3">
      <c r="A18361" s="13" t="s">
        <v>129</v>
      </c>
      <c r="B18361" s="14" t="s">
        <v>1</v>
      </c>
      <c r="C18361" s="14" t="s">
        <v>23</v>
      </c>
      <c r="D18361" s="14" t="s">
        <v>130</v>
      </c>
      <c r="E18361" s="15">
        <v>45487</v>
      </c>
      <c r="F18361" s="14" t="s">
        <v>15</v>
      </c>
      <c r="G18361" s="16">
        <v>0.20344447765456661</v>
      </c>
    </row>
    <row r="18362" spans="1:7" x14ac:dyDescent="0.3">
      <c r="A18362" s="13" t="s">
        <v>129</v>
      </c>
      <c r="B18362" s="14" t="s">
        <v>1</v>
      </c>
      <c r="C18362" s="14" t="s">
        <v>23</v>
      </c>
      <c r="D18362" s="14" t="s">
        <v>130</v>
      </c>
      <c r="E18362" s="15">
        <v>45488</v>
      </c>
      <c r="F18362" s="14" t="s">
        <v>15</v>
      </c>
      <c r="G18362" s="16">
        <v>0.21695989881844371</v>
      </c>
    </row>
    <row r="18363" spans="1:7" x14ac:dyDescent="0.3">
      <c r="A18363" s="13" t="s">
        <v>129</v>
      </c>
      <c r="B18363" s="14" t="s">
        <v>1</v>
      </c>
      <c r="C18363" s="14" t="s">
        <v>23</v>
      </c>
      <c r="D18363" s="14" t="s">
        <v>130</v>
      </c>
      <c r="E18363" s="15">
        <v>45489</v>
      </c>
      <c r="F18363" s="14" t="s">
        <v>15</v>
      </c>
      <c r="G18363" s="16">
        <v>0.25799754997532709</v>
      </c>
    </row>
    <row r="18364" spans="1:7" x14ac:dyDescent="0.3">
      <c r="A18364" s="13" t="s">
        <v>129</v>
      </c>
      <c r="B18364" s="14" t="s">
        <v>1</v>
      </c>
      <c r="C18364" s="14" t="s">
        <v>23</v>
      </c>
      <c r="D18364" s="14" t="s">
        <v>130</v>
      </c>
      <c r="E18364" s="15">
        <v>45490</v>
      </c>
      <c r="F18364" s="14" t="s">
        <v>15</v>
      </c>
      <c r="G18364" s="16">
        <v>0.27156972006517077</v>
      </c>
    </row>
    <row r="18365" spans="1:7" x14ac:dyDescent="0.3">
      <c r="A18365" s="13" t="s">
        <v>129</v>
      </c>
      <c r="B18365" s="14" t="s">
        <v>1</v>
      </c>
      <c r="C18365" s="14" t="s">
        <v>23</v>
      </c>
      <c r="D18365" s="14" t="s">
        <v>130</v>
      </c>
      <c r="E18365" s="15">
        <v>45491</v>
      </c>
      <c r="F18365" s="14" t="s">
        <v>15</v>
      </c>
      <c r="G18365" s="16">
        <v>0.28513689465096809</v>
      </c>
    </row>
    <row r="18366" spans="1:7" x14ac:dyDescent="0.3">
      <c r="A18366" s="13" t="s">
        <v>129</v>
      </c>
      <c r="B18366" s="14" t="s">
        <v>1</v>
      </c>
      <c r="C18366" s="14" t="s">
        <v>23</v>
      </c>
      <c r="D18366" s="14" t="s">
        <v>130</v>
      </c>
      <c r="E18366" s="15">
        <v>45492</v>
      </c>
      <c r="F18366" s="14" t="s">
        <v>15</v>
      </c>
      <c r="G18366" s="16">
        <v>0.29868022403078426</v>
      </c>
    </row>
    <row r="18367" spans="1:7" x14ac:dyDescent="0.3">
      <c r="A18367" s="13" t="s">
        <v>129</v>
      </c>
      <c r="B18367" s="14" t="s">
        <v>1</v>
      </c>
      <c r="C18367" s="14" t="s">
        <v>23</v>
      </c>
      <c r="D18367" s="14" t="s">
        <v>130</v>
      </c>
      <c r="E18367" s="15">
        <v>45493</v>
      </c>
      <c r="F18367" s="14" t="s">
        <v>15</v>
      </c>
      <c r="G18367" s="16">
        <v>0.29868022403078426</v>
      </c>
    </row>
    <row r="18368" spans="1:7" x14ac:dyDescent="0.3">
      <c r="A18368" s="13" t="s">
        <v>129</v>
      </c>
      <c r="B18368" s="14" t="s">
        <v>1</v>
      </c>
      <c r="C18368" s="14" t="s">
        <v>23</v>
      </c>
      <c r="D18368" s="14" t="s">
        <v>130</v>
      </c>
      <c r="E18368" s="15">
        <v>45494</v>
      </c>
      <c r="F18368" s="14" t="s">
        <v>15</v>
      </c>
      <c r="G18368" s="16">
        <v>0.29868022403078426</v>
      </c>
    </row>
    <row r="18369" spans="1:7" x14ac:dyDescent="0.3">
      <c r="A18369" s="13" t="s">
        <v>129</v>
      </c>
      <c r="B18369" s="14" t="s">
        <v>1</v>
      </c>
      <c r="C18369" s="14" t="s">
        <v>23</v>
      </c>
      <c r="D18369" s="14" t="s">
        <v>130</v>
      </c>
      <c r="E18369" s="15">
        <v>45495</v>
      </c>
      <c r="F18369" s="14" t="s">
        <v>15</v>
      </c>
      <c r="G18369" s="16">
        <v>0.31215827882439467</v>
      </c>
    </row>
    <row r="18370" spans="1:7" x14ac:dyDescent="0.3">
      <c r="A18370" s="13" t="s">
        <v>129</v>
      </c>
      <c r="B18370" s="14" t="s">
        <v>1</v>
      </c>
      <c r="C18370" s="14" t="s">
        <v>23</v>
      </c>
      <c r="D18370" s="14" t="s">
        <v>130</v>
      </c>
      <c r="E18370" s="15">
        <v>45496</v>
      </c>
      <c r="F18370" s="14" t="s">
        <v>15</v>
      </c>
      <c r="G18370" s="16">
        <v>0.35245592931521097</v>
      </c>
    </row>
    <row r="18371" spans="1:7" x14ac:dyDescent="0.3">
      <c r="A18371" s="13" t="s">
        <v>129</v>
      </c>
      <c r="B18371" s="14" t="s">
        <v>1</v>
      </c>
      <c r="C18371" s="14" t="s">
        <v>23</v>
      </c>
      <c r="D18371" s="14" t="s">
        <v>130</v>
      </c>
      <c r="E18371" s="15">
        <v>45497</v>
      </c>
      <c r="F18371" s="14" t="s">
        <v>15</v>
      </c>
      <c r="G18371" s="16">
        <v>0.36771944386171052</v>
      </c>
    </row>
    <row r="18372" spans="1:7" x14ac:dyDescent="0.3">
      <c r="A18372" s="13" t="s">
        <v>129</v>
      </c>
      <c r="B18372" s="14" t="s">
        <v>1</v>
      </c>
      <c r="C18372" s="14" t="s">
        <v>23</v>
      </c>
      <c r="D18372" s="14" t="s">
        <v>130</v>
      </c>
      <c r="E18372" s="15">
        <v>45498</v>
      </c>
      <c r="F18372" s="14" t="s">
        <v>15</v>
      </c>
      <c r="G18372" s="16">
        <v>0.38056100483309435</v>
      </c>
    </row>
    <row r="18373" spans="1:7" x14ac:dyDescent="0.3">
      <c r="A18373" s="13" t="s">
        <v>129</v>
      </c>
      <c r="B18373" s="14" t="s">
        <v>1</v>
      </c>
      <c r="C18373" s="14" t="s">
        <v>23</v>
      </c>
      <c r="D18373" s="14" t="s">
        <v>130</v>
      </c>
      <c r="E18373" s="15">
        <v>45499</v>
      </c>
      <c r="F18373" s="14" t="s">
        <v>15</v>
      </c>
      <c r="G18373" s="16">
        <v>0.39345951455060657</v>
      </c>
    </row>
    <row r="18374" spans="1:7" x14ac:dyDescent="0.3">
      <c r="A18374" s="13" t="s">
        <v>129</v>
      </c>
      <c r="B18374" s="14" t="s">
        <v>1</v>
      </c>
      <c r="C18374" s="14" t="s">
        <v>23</v>
      </c>
      <c r="D18374" s="14" t="s">
        <v>130</v>
      </c>
      <c r="E18374" s="15">
        <v>45500</v>
      </c>
      <c r="F18374" s="14" t="s">
        <v>15</v>
      </c>
      <c r="G18374" s="16">
        <v>0.39345951455060657</v>
      </c>
    </row>
    <row r="18375" spans="1:7" x14ac:dyDescent="0.3">
      <c r="A18375" s="13" t="s">
        <v>129</v>
      </c>
      <c r="B18375" s="14" t="s">
        <v>1</v>
      </c>
      <c r="C18375" s="14" t="s">
        <v>23</v>
      </c>
      <c r="D18375" s="14" t="s">
        <v>130</v>
      </c>
      <c r="E18375" s="15">
        <v>45501</v>
      </c>
      <c r="F18375" s="14" t="s">
        <v>15</v>
      </c>
      <c r="G18375" s="16">
        <v>0.39345951455060657</v>
      </c>
    </row>
    <row r="18376" spans="1:7" x14ac:dyDescent="0.3">
      <c r="A18376" s="13" t="s">
        <v>129</v>
      </c>
      <c r="B18376" s="14" t="s">
        <v>1</v>
      </c>
      <c r="C18376" s="14" t="s">
        <v>23</v>
      </c>
      <c r="D18376" s="14" t="s">
        <v>130</v>
      </c>
      <c r="E18376" s="15">
        <v>45502</v>
      </c>
      <c r="F18376" s="14" t="s">
        <v>15</v>
      </c>
      <c r="G18376" s="16">
        <v>0.40637274584239053</v>
      </c>
    </row>
    <row r="18377" spans="1:7" x14ac:dyDescent="0.3">
      <c r="A18377" s="13" t="s">
        <v>129</v>
      </c>
      <c r="B18377" s="14" t="s">
        <v>1</v>
      </c>
      <c r="C18377" s="14" t="s">
        <v>23</v>
      </c>
      <c r="D18377" s="14" t="s">
        <v>130</v>
      </c>
      <c r="E18377" s="15">
        <v>45503</v>
      </c>
      <c r="F18377" s="14" t="s">
        <v>15</v>
      </c>
      <c r="G18377" s="16">
        <v>0.44525374552295083</v>
      </c>
    </row>
    <row r="18378" spans="1:7" x14ac:dyDescent="0.3">
      <c r="A18378" s="13" t="s">
        <v>129</v>
      </c>
      <c r="B18378" s="14" t="s">
        <v>1</v>
      </c>
      <c r="C18378" s="14" t="s">
        <v>23</v>
      </c>
      <c r="D18378" s="14" t="s">
        <v>130</v>
      </c>
      <c r="E18378" s="15">
        <v>45504</v>
      </c>
      <c r="F18378" s="14" t="s">
        <v>15</v>
      </c>
      <c r="G18378" s="16">
        <v>0.45950337642966688</v>
      </c>
    </row>
    <row r="18379" spans="1:7" x14ac:dyDescent="0.3">
      <c r="A18379" s="13" t="s">
        <v>129</v>
      </c>
      <c r="B18379" s="14" t="s">
        <v>1</v>
      </c>
      <c r="C18379" s="14" t="s">
        <v>23</v>
      </c>
      <c r="D18379" s="14" t="s">
        <v>130</v>
      </c>
      <c r="E18379" s="15">
        <v>45505</v>
      </c>
      <c r="F18379" s="14" t="s">
        <v>15</v>
      </c>
      <c r="G18379" s="16">
        <v>0</v>
      </c>
    </row>
    <row r="18380" spans="1:7" x14ac:dyDescent="0.3">
      <c r="A18380" s="13" t="s">
        <v>129</v>
      </c>
      <c r="B18380" s="14" t="s">
        <v>1</v>
      </c>
      <c r="C18380" s="14" t="s">
        <v>23</v>
      </c>
      <c r="D18380" s="14" t="s">
        <v>130</v>
      </c>
      <c r="E18380" s="15">
        <v>45506</v>
      </c>
      <c r="F18380" s="14" t="s">
        <v>15</v>
      </c>
      <c r="G18380" s="16">
        <v>0</v>
      </c>
    </row>
    <row r="18381" spans="1:7" x14ac:dyDescent="0.3">
      <c r="A18381" s="13" t="s">
        <v>129</v>
      </c>
      <c r="B18381" s="14" t="s">
        <v>1</v>
      </c>
      <c r="C18381" s="14" t="s">
        <v>23</v>
      </c>
      <c r="D18381" s="14" t="s">
        <v>130</v>
      </c>
      <c r="E18381" s="15">
        <v>45507</v>
      </c>
      <c r="F18381" s="14" t="s">
        <v>15</v>
      </c>
      <c r="G18381" s="16">
        <v>0</v>
      </c>
    </row>
    <row r="18382" spans="1:7" x14ac:dyDescent="0.3">
      <c r="A18382" s="13" t="s">
        <v>129</v>
      </c>
      <c r="B18382" s="14" t="s">
        <v>1</v>
      </c>
      <c r="C18382" s="14" t="s">
        <v>23</v>
      </c>
      <c r="D18382" s="14" t="s">
        <v>130</v>
      </c>
      <c r="E18382" s="15">
        <v>45508</v>
      </c>
      <c r="F18382" s="14" t="s">
        <v>15</v>
      </c>
      <c r="G18382" s="16">
        <v>0</v>
      </c>
    </row>
    <row r="18383" spans="1:7" x14ac:dyDescent="0.3">
      <c r="A18383" s="13" t="s">
        <v>129</v>
      </c>
      <c r="B18383" s="14" t="s">
        <v>1</v>
      </c>
      <c r="C18383" s="14" t="s">
        <v>23</v>
      </c>
      <c r="D18383" s="14" t="s">
        <v>130</v>
      </c>
      <c r="E18383" s="15">
        <v>45509</v>
      </c>
      <c r="F18383" s="14" t="s">
        <v>15</v>
      </c>
      <c r="G18383" s="16">
        <v>0</v>
      </c>
    </row>
    <row r="18384" spans="1:7" x14ac:dyDescent="0.3">
      <c r="A18384" s="13" t="s">
        <v>129</v>
      </c>
      <c r="B18384" s="14" t="s">
        <v>1</v>
      </c>
      <c r="C18384" s="14" t="s">
        <v>23</v>
      </c>
      <c r="D18384" s="14" t="s">
        <v>130</v>
      </c>
      <c r="E18384" s="15">
        <v>45510</v>
      </c>
      <c r="F18384" s="14" t="s">
        <v>15</v>
      </c>
      <c r="G18384" s="16">
        <v>1.0939544081181057E-2</v>
      </c>
    </row>
    <row r="18385" spans="1:7" x14ac:dyDescent="0.3">
      <c r="A18385" s="13" t="s">
        <v>129</v>
      </c>
      <c r="B18385" s="14" t="s">
        <v>1</v>
      </c>
      <c r="C18385" s="14" t="s">
        <v>23</v>
      </c>
      <c r="D18385" s="14" t="s">
        <v>130</v>
      </c>
      <c r="E18385" s="15">
        <v>45511</v>
      </c>
      <c r="F18385" s="14" t="s">
        <v>15</v>
      </c>
      <c r="G18385" s="16">
        <v>7.8244902873232547E-2</v>
      </c>
    </row>
    <row r="18386" spans="1:7" x14ac:dyDescent="0.3">
      <c r="A18386" s="13" t="s">
        <v>129</v>
      </c>
      <c r="B18386" s="14" t="s">
        <v>1</v>
      </c>
      <c r="C18386" s="14" t="s">
        <v>23</v>
      </c>
      <c r="D18386" s="14" t="s">
        <v>130</v>
      </c>
      <c r="E18386" s="15">
        <v>45512</v>
      </c>
      <c r="F18386" s="14" t="s">
        <v>15</v>
      </c>
      <c r="G18386" s="16">
        <v>8.579050126310217E-2</v>
      </c>
    </row>
    <row r="18387" spans="1:7" x14ac:dyDescent="0.3">
      <c r="A18387" s="13" t="s">
        <v>129</v>
      </c>
      <c r="B18387" s="14" t="s">
        <v>1</v>
      </c>
      <c r="C18387" s="14" t="s">
        <v>23</v>
      </c>
      <c r="D18387" s="14" t="s">
        <v>130</v>
      </c>
      <c r="E18387" s="15">
        <v>45513</v>
      </c>
      <c r="F18387" s="14" t="s">
        <v>15</v>
      </c>
      <c r="G18387" s="16">
        <v>9.7776574570074951E-2</v>
      </c>
    </row>
    <row r="18388" spans="1:7" x14ac:dyDescent="0.3">
      <c r="A18388" s="13" t="s">
        <v>129</v>
      </c>
      <c r="B18388" s="14" t="s">
        <v>1</v>
      </c>
      <c r="C18388" s="14" t="s">
        <v>23</v>
      </c>
      <c r="D18388" s="14" t="s">
        <v>130</v>
      </c>
      <c r="E18388" s="15">
        <v>45514</v>
      </c>
      <c r="F18388" s="14" t="s">
        <v>15</v>
      </c>
      <c r="G18388" s="16">
        <v>9.7776574570074951E-2</v>
      </c>
    </row>
    <row r="18389" spans="1:7" x14ac:dyDescent="0.3">
      <c r="A18389" s="13" t="s">
        <v>129</v>
      </c>
      <c r="B18389" s="14" t="s">
        <v>1</v>
      </c>
      <c r="C18389" s="14" t="s">
        <v>23</v>
      </c>
      <c r="D18389" s="14" t="s">
        <v>130</v>
      </c>
      <c r="E18389" s="15">
        <v>45515</v>
      </c>
      <c r="F18389" s="14" t="s">
        <v>15</v>
      </c>
      <c r="G18389" s="16">
        <v>9.7776574570074951E-2</v>
      </c>
    </row>
    <row r="18390" spans="1:7" x14ac:dyDescent="0.3">
      <c r="A18390" s="13" t="s">
        <v>129</v>
      </c>
      <c r="B18390" s="14" t="s">
        <v>1</v>
      </c>
      <c r="C18390" s="14" t="s">
        <v>23</v>
      </c>
      <c r="D18390" s="14" t="s">
        <v>130</v>
      </c>
      <c r="E18390" s="15">
        <v>45516</v>
      </c>
      <c r="F18390" s="14" t="s">
        <v>15</v>
      </c>
      <c r="G18390" s="16">
        <v>0.11061621510348915</v>
      </c>
    </row>
    <row r="18391" spans="1:7" x14ac:dyDescent="0.3">
      <c r="A18391" s="13" t="s">
        <v>129</v>
      </c>
      <c r="B18391" s="14" t="s">
        <v>1</v>
      </c>
      <c r="C18391" s="14" t="s">
        <v>23</v>
      </c>
      <c r="D18391" s="14" t="s">
        <v>130</v>
      </c>
      <c r="E18391" s="15">
        <v>45517</v>
      </c>
      <c r="F18391" s="14" t="s">
        <v>15</v>
      </c>
      <c r="G18391" s="16">
        <v>0.14955782732728046</v>
      </c>
    </row>
    <row r="18392" spans="1:7" x14ac:dyDescent="0.3">
      <c r="A18392" s="13" t="s">
        <v>129</v>
      </c>
      <c r="B18392" s="14" t="s">
        <v>1</v>
      </c>
      <c r="C18392" s="14" t="s">
        <v>23</v>
      </c>
      <c r="D18392" s="14" t="s">
        <v>130</v>
      </c>
      <c r="E18392" s="15">
        <v>45518</v>
      </c>
      <c r="F18392" s="14" t="s">
        <v>15</v>
      </c>
      <c r="G18392" s="16">
        <v>0.1622875095763863</v>
      </c>
    </row>
    <row r="18393" spans="1:7" x14ac:dyDescent="0.3">
      <c r="A18393" s="13" t="s">
        <v>129</v>
      </c>
      <c r="B18393" s="14" t="s">
        <v>1</v>
      </c>
      <c r="C18393" s="14" t="s">
        <v>23</v>
      </c>
      <c r="D18393" s="14" t="s">
        <v>130</v>
      </c>
      <c r="E18393" s="15">
        <v>45519</v>
      </c>
      <c r="F18393" s="14" t="s">
        <v>15</v>
      </c>
      <c r="G18393" s="16">
        <v>0.16979973541304172</v>
      </c>
    </row>
    <row r="18394" spans="1:7" x14ac:dyDescent="0.3">
      <c r="A18394" s="13" t="s">
        <v>129</v>
      </c>
      <c r="B18394" s="14" t="s">
        <v>1</v>
      </c>
      <c r="C18394" s="14" t="s">
        <v>23</v>
      </c>
      <c r="D18394" s="14" t="s">
        <v>130</v>
      </c>
      <c r="E18394" s="15">
        <v>45520</v>
      </c>
      <c r="F18394" s="14" t="s">
        <v>15</v>
      </c>
      <c r="G18394" s="16">
        <v>0.18281090565684432</v>
      </c>
    </row>
    <row r="18395" spans="1:7" x14ac:dyDescent="0.3">
      <c r="A18395" s="13" t="s">
        <v>129</v>
      </c>
      <c r="B18395" s="14" t="s">
        <v>1</v>
      </c>
      <c r="C18395" s="14" t="s">
        <v>23</v>
      </c>
      <c r="D18395" s="14" t="s">
        <v>130</v>
      </c>
      <c r="E18395" s="15">
        <v>45521</v>
      </c>
      <c r="F18395" s="14" t="s">
        <v>15</v>
      </c>
      <c r="G18395" s="16">
        <v>0.18281090565684432</v>
      </c>
    </row>
    <row r="18396" spans="1:7" x14ac:dyDescent="0.3">
      <c r="A18396" s="13" t="s">
        <v>129</v>
      </c>
      <c r="B18396" s="14" t="s">
        <v>1</v>
      </c>
      <c r="C18396" s="14" t="s">
        <v>23</v>
      </c>
      <c r="D18396" s="14" t="s">
        <v>130</v>
      </c>
      <c r="E18396" s="15">
        <v>45522</v>
      </c>
      <c r="F18396" s="14" t="s">
        <v>15</v>
      </c>
      <c r="G18396" s="16">
        <v>0.18281090565684432</v>
      </c>
    </row>
    <row r="18397" spans="1:7" x14ac:dyDescent="0.3">
      <c r="A18397" s="13" t="s">
        <v>129</v>
      </c>
      <c r="B18397" s="14" t="s">
        <v>1</v>
      </c>
      <c r="C18397" s="14" t="s">
        <v>23</v>
      </c>
      <c r="D18397" s="14" t="s">
        <v>130</v>
      </c>
      <c r="E18397" s="15">
        <v>45523</v>
      </c>
      <c r="F18397" s="14" t="s">
        <v>15</v>
      </c>
      <c r="G18397" s="16">
        <v>0.19584919915543739</v>
      </c>
    </row>
    <row r="18398" spans="1:7" x14ac:dyDescent="0.3">
      <c r="A18398" s="13" t="s">
        <v>129</v>
      </c>
      <c r="B18398" s="14" t="s">
        <v>1</v>
      </c>
      <c r="C18398" s="14" t="s">
        <v>23</v>
      </c>
      <c r="D18398" s="14" t="s">
        <v>130</v>
      </c>
      <c r="E18398" s="15">
        <v>45524</v>
      </c>
      <c r="F18398" s="14" t="s">
        <v>15</v>
      </c>
      <c r="G18398" s="16">
        <v>0.23576383781544949</v>
      </c>
    </row>
    <row r="18399" spans="1:7" x14ac:dyDescent="0.3">
      <c r="A18399" s="13" t="s">
        <v>129</v>
      </c>
      <c r="B18399" s="14" t="s">
        <v>1</v>
      </c>
      <c r="C18399" s="14" t="s">
        <v>23</v>
      </c>
      <c r="D18399" s="14" t="s">
        <v>130</v>
      </c>
      <c r="E18399" s="15">
        <v>45525</v>
      </c>
      <c r="F18399" s="14" t="s">
        <v>15</v>
      </c>
      <c r="G18399" s="16">
        <v>0.24437151964064166</v>
      </c>
    </row>
    <row r="18400" spans="1:7" x14ac:dyDescent="0.3">
      <c r="A18400" s="13" t="s">
        <v>129</v>
      </c>
      <c r="B18400" s="14" t="s">
        <v>1</v>
      </c>
      <c r="C18400" s="14" t="s">
        <v>23</v>
      </c>
      <c r="D18400" s="14" t="s">
        <v>130</v>
      </c>
      <c r="E18400" s="15">
        <v>45526</v>
      </c>
      <c r="F18400" s="14" t="s">
        <v>15</v>
      </c>
      <c r="G18400" s="16">
        <v>0.25740821294721161</v>
      </c>
    </row>
    <row r="18401" spans="1:7" x14ac:dyDescent="0.3">
      <c r="A18401" s="13" t="s">
        <v>129</v>
      </c>
      <c r="B18401" s="14" t="s">
        <v>1</v>
      </c>
      <c r="C18401" s="14" t="s">
        <v>23</v>
      </c>
      <c r="D18401" s="14" t="s">
        <v>130</v>
      </c>
      <c r="E18401" s="15">
        <v>45527</v>
      </c>
      <c r="F18401" s="14" t="s">
        <v>15</v>
      </c>
      <c r="G18401" s="16">
        <v>0.27038865950417135</v>
      </c>
    </row>
    <row r="18402" spans="1:7" x14ac:dyDescent="0.3">
      <c r="A18402" s="13" t="s">
        <v>129</v>
      </c>
      <c r="B18402" s="14" t="s">
        <v>1</v>
      </c>
      <c r="C18402" s="14" t="s">
        <v>23</v>
      </c>
      <c r="D18402" s="14" t="s">
        <v>130</v>
      </c>
      <c r="E18402" s="15">
        <v>45528</v>
      </c>
      <c r="F18402" s="14" t="s">
        <v>15</v>
      </c>
      <c r="G18402" s="16">
        <v>0.27038865950417135</v>
      </c>
    </row>
    <row r="18403" spans="1:7" x14ac:dyDescent="0.3">
      <c r="A18403" s="13" t="s">
        <v>129</v>
      </c>
      <c r="B18403" s="14" t="s">
        <v>1</v>
      </c>
      <c r="C18403" s="14" t="s">
        <v>23</v>
      </c>
      <c r="D18403" s="14" t="s">
        <v>130</v>
      </c>
      <c r="E18403" s="15">
        <v>45529</v>
      </c>
      <c r="F18403" s="14" t="s">
        <v>15</v>
      </c>
      <c r="G18403" s="16">
        <v>0.27038865950417135</v>
      </c>
    </row>
    <row r="18404" spans="1:7" x14ac:dyDescent="0.3">
      <c r="A18404" s="13" t="s">
        <v>129</v>
      </c>
      <c r="B18404" s="14" t="s">
        <v>1</v>
      </c>
      <c r="C18404" s="14" t="s">
        <v>23</v>
      </c>
      <c r="D18404" s="14" t="s">
        <v>130</v>
      </c>
      <c r="E18404" s="15">
        <v>45530</v>
      </c>
      <c r="F18404" s="14" t="s">
        <v>15</v>
      </c>
      <c r="G18404" s="16">
        <v>0.28377139433572429</v>
      </c>
    </row>
    <row r="18405" spans="1:7" x14ac:dyDescent="0.3">
      <c r="A18405" s="13" t="s">
        <v>129</v>
      </c>
      <c r="B18405" s="14" t="s">
        <v>1</v>
      </c>
      <c r="C18405" s="14" t="s">
        <v>23</v>
      </c>
      <c r="D18405" s="14" t="s">
        <v>130</v>
      </c>
      <c r="E18405" s="15">
        <v>45531</v>
      </c>
      <c r="F18405" s="14" t="s">
        <v>15</v>
      </c>
      <c r="G18405" s="16">
        <v>0.32313940740066538</v>
      </c>
    </row>
    <row r="18406" spans="1:7" x14ac:dyDescent="0.3">
      <c r="A18406" s="13" t="s">
        <v>129</v>
      </c>
      <c r="B18406" s="14" t="s">
        <v>1</v>
      </c>
      <c r="C18406" s="14" t="s">
        <v>23</v>
      </c>
      <c r="D18406" s="14" t="s">
        <v>130</v>
      </c>
      <c r="E18406" s="15">
        <v>45532</v>
      </c>
      <c r="F18406" s="14" t="s">
        <v>15</v>
      </c>
      <c r="G18406" s="16">
        <v>0.33676473134291163</v>
      </c>
    </row>
    <row r="18407" spans="1:7" x14ac:dyDescent="0.3">
      <c r="A18407" s="13" t="s">
        <v>129</v>
      </c>
      <c r="B18407" s="14" t="s">
        <v>1</v>
      </c>
      <c r="C18407" s="14" t="s">
        <v>23</v>
      </c>
      <c r="D18407" s="14" t="s">
        <v>130</v>
      </c>
      <c r="E18407" s="15">
        <v>45533</v>
      </c>
      <c r="F18407" s="14" t="s">
        <v>15</v>
      </c>
      <c r="G18407" s="16">
        <v>0.34942881993691599</v>
      </c>
    </row>
    <row r="18408" spans="1:7" x14ac:dyDescent="0.3">
      <c r="A18408" s="13" t="s">
        <v>129</v>
      </c>
      <c r="B18408" s="14" t="s">
        <v>1</v>
      </c>
      <c r="C18408" s="14" t="s">
        <v>23</v>
      </c>
      <c r="D18408" s="14" t="s">
        <v>130</v>
      </c>
      <c r="E18408" s="15">
        <v>45534</v>
      </c>
      <c r="F18408" s="14" t="s">
        <v>15</v>
      </c>
      <c r="G18408" s="16">
        <v>0.36241718744439022</v>
      </c>
    </row>
    <row r="18409" spans="1:7" x14ac:dyDescent="0.3">
      <c r="A18409" s="13" t="s">
        <v>129</v>
      </c>
      <c r="B18409" s="14" t="s">
        <v>1</v>
      </c>
      <c r="C18409" s="14" t="s">
        <v>23</v>
      </c>
      <c r="D18409" s="14" t="s">
        <v>130</v>
      </c>
      <c r="E18409" s="15">
        <v>45535</v>
      </c>
      <c r="F18409" s="14" t="s">
        <v>15</v>
      </c>
      <c r="G18409" s="16">
        <v>0.36241718744439022</v>
      </c>
    </row>
    <row r="18410" spans="1:7" x14ac:dyDescent="0.3">
      <c r="A18410" s="13" t="s">
        <v>129</v>
      </c>
      <c r="B18410" s="14" t="s">
        <v>1</v>
      </c>
      <c r="C18410" s="14" t="s">
        <v>23</v>
      </c>
      <c r="D18410" s="14" t="s">
        <v>130</v>
      </c>
      <c r="E18410" s="15">
        <v>45536</v>
      </c>
      <c r="F18410" s="14" t="s">
        <v>15</v>
      </c>
      <c r="G18410" s="16">
        <v>0.36241718744439022</v>
      </c>
    </row>
    <row r="18411" spans="1:7" x14ac:dyDescent="0.3">
      <c r="A18411" s="13" t="s">
        <v>129</v>
      </c>
      <c r="B18411" s="14" t="s">
        <v>1</v>
      </c>
      <c r="C18411" s="14" t="s">
        <v>23</v>
      </c>
      <c r="D18411" s="14" t="s">
        <v>130</v>
      </c>
      <c r="E18411" s="15">
        <v>45537</v>
      </c>
      <c r="F18411" s="14" t="s">
        <v>15</v>
      </c>
      <c r="G18411" s="16">
        <v>0.36241718744439022</v>
      </c>
    </row>
    <row r="18412" spans="1:7" x14ac:dyDescent="0.3">
      <c r="A18412" s="13" t="s">
        <v>129</v>
      </c>
      <c r="B18412" s="14" t="s">
        <v>1</v>
      </c>
      <c r="C18412" s="14" t="s">
        <v>23</v>
      </c>
      <c r="D18412" s="14" t="s">
        <v>130</v>
      </c>
      <c r="E18412" s="15">
        <v>45538</v>
      </c>
      <c r="F18412" s="14" t="s">
        <v>15</v>
      </c>
      <c r="G18412" s="16">
        <v>0</v>
      </c>
    </row>
    <row r="18413" spans="1:7" x14ac:dyDescent="0.3">
      <c r="A18413" s="13" t="s">
        <v>129</v>
      </c>
      <c r="B18413" s="14" t="s">
        <v>1</v>
      </c>
      <c r="C18413" s="14" t="s">
        <v>23</v>
      </c>
      <c r="D18413" s="14" t="s">
        <v>130</v>
      </c>
      <c r="E18413" s="15">
        <v>45539</v>
      </c>
      <c r="F18413" s="14" t="s">
        <v>15</v>
      </c>
      <c r="G18413" s="16">
        <v>3.5825774281556991E-2</v>
      </c>
    </row>
    <row r="18414" spans="1:7" x14ac:dyDescent="0.3">
      <c r="A18414" s="13" t="s">
        <v>129</v>
      </c>
      <c r="B18414" s="14" t="s">
        <v>1</v>
      </c>
      <c r="C18414" s="14" t="s">
        <v>23</v>
      </c>
      <c r="D18414" s="14" t="s">
        <v>130</v>
      </c>
      <c r="E18414" s="15">
        <v>45540</v>
      </c>
      <c r="F18414" s="14" t="s">
        <v>15</v>
      </c>
      <c r="G18414" s="16">
        <v>4.8985122306693281E-2</v>
      </c>
    </row>
    <row r="18415" spans="1:7" x14ac:dyDescent="0.3">
      <c r="A18415" s="13" t="s">
        <v>129</v>
      </c>
      <c r="B18415" s="14" t="s">
        <v>1</v>
      </c>
      <c r="C18415" s="14" t="s">
        <v>23</v>
      </c>
      <c r="D18415" s="14" t="s">
        <v>130</v>
      </c>
      <c r="E18415" s="15">
        <v>45541</v>
      </c>
      <c r="F18415" s="14" t="s">
        <v>15</v>
      </c>
      <c r="G18415" s="16">
        <v>6.2590763887055964E-2</v>
      </c>
    </row>
    <row r="18416" spans="1:7" x14ac:dyDescent="0.3">
      <c r="A18416" s="13" t="s">
        <v>129</v>
      </c>
      <c r="B18416" s="14" t="s">
        <v>1</v>
      </c>
      <c r="C18416" s="14" t="s">
        <v>23</v>
      </c>
      <c r="D18416" s="14" t="s">
        <v>130</v>
      </c>
      <c r="E18416" s="15">
        <v>45542</v>
      </c>
      <c r="F18416" s="14" t="s">
        <v>15</v>
      </c>
      <c r="G18416" s="16">
        <v>6.2590763887055964E-2</v>
      </c>
    </row>
    <row r="18417" spans="1:7" x14ac:dyDescent="0.3">
      <c r="A18417" s="13" t="s">
        <v>129</v>
      </c>
      <c r="B18417" s="14" t="s">
        <v>1</v>
      </c>
      <c r="C18417" s="14" t="s">
        <v>23</v>
      </c>
      <c r="D18417" s="14" t="s">
        <v>130</v>
      </c>
      <c r="E18417" s="15">
        <v>45543</v>
      </c>
      <c r="F18417" s="14" t="s">
        <v>15</v>
      </c>
      <c r="G18417" s="16">
        <v>6.2590763887055964E-2</v>
      </c>
    </row>
    <row r="18418" spans="1:7" x14ac:dyDescent="0.3">
      <c r="A18418" s="13" t="s">
        <v>129</v>
      </c>
      <c r="B18418" s="14" t="s">
        <v>1</v>
      </c>
      <c r="C18418" s="14" t="s">
        <v>23</v>
      </c>
      <c r="D18418" s="14" t="s">
        <v>130</v>
      </c>
      <c r="E18418" s="15">
        <v>45544</v>
      </c>
      <c r="F18418" s="14" t="s">
        <v>15</v>
      </c>
      <c r="G18418" s="16">
        <v>0.10307243059043368</v>
      </c>
    </row>
    <row r="18419" spans="1:7" x14ac:dyDescent="0.3">
      <c r="A18419" s="13" t="s">
        <v>129</v>
      </c>
      <c r="B18419" s="14" t="s">
        <v>1</v>
      </c>
      <c r="C18419" s="14" t="s">
        <v>23</v>
      </c>
      <c r="D18419" s="14" t="s">
        <v>130</v>
      </c>
      <c r="E18419" s="15">
        <v>45545</v>
      </c>
      <c r="F18419" s="14" t="s">
        <v>15</v>
      </c>
      <c r="G18419" s="16">
        <v>0.13897938832873544</v>
      </c>
    </row>
    <row r="18420" spans="1:7" x14ac:dyDescent="0.3">
      <c r="A18420" s="13" t="s">
        <v>129</v>
      </c>
      <c r="B18420" s="14" t="s">
        <v>1</v>
      </c>
      <c r="C18420" s="14" t="s">
        <v>23</v>
      </c>
      <c r="D18420" s="14" t="s">
        <v>130</v>
      </c>
      <c r="E18420" s="15">
        <v>45546</v>
      </c>
      <c r="F18420" s="14" t="s">
        <v>15</v>
      </c>
      <c r="G18420" s="16">
        <v>0.15045541435523177</v>
      </c>
    </row>
    <row r="18421" spans="1:7" x14ac:dyDescent="0.3">
      <c r="A18421" s="13" t="s">
        <v>129</v>
      </c>
      <c r="B18421" s="14" t="s">
        <v>1</v>
      </c>
      <c r="C18421" s="14" t="s">
        <v>23</v>
      </c>
      <c r="D18421" s="14" t="s">
        <v>130</v>
      </c>
      <c r="E18421" s="15">
        <v>45547</v>
      </c>
      <c r="F18421" s="14" t="s">
        <v>15</v>
      </c>
      <c r="G18421" s="16">
        <v>0.16368861124223136</v>
      </c>
    </row>
    <row r="18422" spans="1:7" x14ac:dyDescent="0.3">
      <c r="A18422" s="13" t="s">
        <v>129</v>
      </c>
      <c r="B18422" s="14" t="s">
        <v>1</v>
      </c>
      <c r="C18422" s="14" t="s">
        <v>23</v>
      </c>
      <c r="D18422" s="14" t="s">
        <v>130</v>
      </c>
      <c r="E18422" s="15">
        <v>45548</v>
      </c>
      <c r="F18422" s="14" t="s">
        <v>15</v>
      </c>
      <c r="G18422" s="16">
        <v>0.17685668031389296</v>
      </c>
    </row>
    <row r="18423" spans="1:7" x14ac:dyDescent="0.3">
      <c r="A18423" s="13" t="s">
        <v>129</v>
      </c>
      <c r="B18423" s="14" t="s">
        <v>1</v>
      </c>
      <c r="C18423" s="14" t="s">
        <v>23</v>
      </c>
      <c r="D18423" s="14" t="s">
        <v>130</v>
      </c>
      <c r="E18423" s="15">
        <v>45549</v>
      </c>
      <c r="F18423" s="14" t="s">
        <v>15</v>
      </c>
      <c r="G18423" s="16">
        <v>0.17685668031389296</v>
      </c>
    </row>
    <row r="18424" spans="1:7" x14ac:dyDescent="0.3">
      <c r="A18424" s="13" t="s">
        <v>129</v>
      </c>
      <c r="B18424" s="14" t="s">
        <v>1</v>
      </c>
      <c r="C18424" s="14" t="s">
        <v>23</v>
      </c>
      <c r="D18424" s="14" t="s">
        <v>130</v>
      </c>
      <c r="E18424" s="15">
        <v>45550</v>
      </c>
      <c r="F18424" s="14" t="s">
        <v>15</v>
      </c>
      <c r="G18424" s="16">
        <v>0.17685668031389296</v>
      </c>
    </row>
    <row r="18425" spans="1:7" x14ac:dyDescent="0.3">
      <c r="A18425" s="13" t="s">
        <v>129</v>
      </c>
      <c r="B18425" s="14" t="s">
        <v>1</v>
      </c>
      <c r="C18425" s="14" t="s">
        <v>23</v>
      </c>
      <c r="D18425" s="14" t="s">
        <v>130</v>
      </c>
      <c r="E18425" s="15">
        <v>45551</v>
      </c>
      <c r="F18425" s="14" t="s">
        <v>15</v>
      </c>
      <c r="G18425" s="16">
        <v>0.19015948555389497</v>
      </c>
    </row>
    <row r="18426" spans="1:7" x14ac:dyDescent="0.3">
      <c r="A18426" s="13" t="s">
        <v>129</v>
      </c>
      <c r="B18426" s="14" t="s">
        <v>1</v>
      </c>
      <c r="C18426" s="14" t="s">
        <v>23</v>
      </c>
      <c r="D18426" s="14" t="s">
        <v>130</v>
      </c>
      <c r="E18426" s="15">
        <v>45552</v>
      </c>
      <c r="F18426" s="14" t="s">
        <v>15</v>
      </c>
      <c r="G18426" s="16">
        <v>0.23115201356062892</v>
      </c>
    </row>
    <row r="18427" spans="1:7" x14ac:dyDescent="0.3">
      <c r="A18427" s="13" t="s">
        <v>129</v>
      </c>
      <c r="B18427" s="14" t="s">
        <v>1</v>
      </c>
      <c r="C18427" s="14" t="s">
        <v>23</v>
      </c>
      <c r="D18427" s="14" t="s">
        <v>130</v>
      </c>
      <c r="E18427" s="15">
        <v>45553</v>
      </c>
      <c r="F18427" s="14" t="s">
        <v>15</v>
      </c>
      <c r="G18427" s="16">
        <v>0.24476245571706098</v>
      </c>
    </row>
    <row r="18428" spans="1:7" x14ac:dyDescent="0.3">
      <c r="A18428" s="13" t="s">
        <v>129</v>
      </c>
      <c r="B18428" s="14" t="s">
        <v>1</v>
      </c>
      <c r="C18428" s="14" t="s">
        <v>23</v>
      </c>
      <c r="D18428" s="14" t="s">
        <v>130</v>
      </c>
      <c r="E18428" s="15">
        <v>45554</v>
      </c>
      <c r="F18428" s="14" t="s">
        <v>15</v>
      </c>
      <c r="G18428" s="16">
        <v>0.25774986310932096</v>
      </c>
    </row>
    <row r="18429" spans="1:7" x14ac:dyDescent="0.3">
      <c r="A18429" s="13" t="s">
        <v>129</v>
      </c>
      <c r="B18429" s="14" t="s">
        <v>1</v>
      </c>
      <c r="C18429" s="14" t="s">
        <v>23</v>
      </c>
      <c r="D18429" s="14" t="s">
        <v>130</v>
      </c>
      <c r="E18429" s="15">
        <v>45555</v>
      </c>
      <c r="F18429" s="14" t="s">
        <v>15</v>
      </c>
      <c r="G18429" s="16">
        <v>0.27171018725159118</v>
      </c>
    </row>
    <row r="18430" spans="1:7" x14ac:dyDescent="0.3">
      <c r="A18430" s="13" t="s">
        <v>129</v>
      </c>
      <c r="B18430" s="14" t="s">
        <v>1</v>
      </c>
      <c r="C18430" s="14" t="s">
        <v>23</v>
      </c>
      <c r="D18430" s="14" t="s">
        <v>130</v>
      </c>
      <c r="E18430" s="15">
        <v>45556</v>
      </c>
      <c r="F18430" s="14" t="s">
        <v>15</v>
      </c>
      <c r="G18430" s="16">
        <v>0.27171018725159118</v>
      </c>
    </row>
    <row r="18431" spans="1:7" x14ac:dyDescent="0.3">
      <c r="A18431" s="13" t="s">
        <v>129</v>
      </c>
      <c r="B18431" s="14" t="s">
        <v>1</v>
      </c>
      <c r="C18431" s="14" t="s">
        <v>23</v>
      </c>
      <c r="D18431" s="14" t="s">
        <v>130</v>
      </c>
      <c r="E18431" s="15">
        <v>45557</v>
      </c>
      <c r="F18431" s="14" t="s">
        <v>15</v>
      </c>
      <c r="G18431" s="16">
        <v>0.27171018725159118</v>
      </c>
    </row>
    <row r="18432" spans="1:7" x14ac:dyDescent="0.3">
      <c r="A18432" s="13" t="s">
        <v>129</v>
      </c>
      <c r="B18432" s="14" t="s">
        <v>1</v>
      </c>
      <c r="C18432" s="14" t="s">
        <v>23</v>
      </c>
      <c r="D18432" s="14" t="s">
        <v>130</v>
      </c>
      <c r="E18432" s="15">
        <v>45558</v>
      </c>
      <c r="F18432" s="14" t="s">
        <v>15</v>
      </c>
      <c r="G18432" s="16">
        <v>0.2856380274957937</v>
      </c>
    </row>
    <row r="18433" spans="1:7" x14ac:dyDescent="0.3">
      <c r="A18433" s="13" t="s">
        <v>129</v>
      </c>
      <c r="B18433" s="14" t="s">
        <v>1</v>
      </c>
      <c r="C18433" s="14" t="s">
        <v>23</v>
      </c>
      <c r="D18433" s="14" t="s">
        <v>130</v>
      </c>
      <c r="E18433" s="15">
        <v>45559</v>
      </c>
      <c r="F18433" s="14" t="s">
        <v>15</v>
      </c>
      <c r="G18433" s="16">
        <v>0.33938824642543852</v>
      </c>
    </row>
    <row r="18434" spans="1:7" x14ac:dyDescent="0.3">
      <c r="A18434" s="13" t="s">
        <v>129</v>
      </c>
      <c r="B18434" s="14" t="s">
        <v>1</v>
      </c>
      <c r="C18434" s="14" t="s">
        <v>23</v>
      </c>
      <c r="D18434" s="14" t="s">
        <v>130</v>
      </c>
      <c r="E18434" s="15">
        <v>45560</v>
      </c>
      <c r="F18434" s="14" t="s">
        <v>15</v>
      </c>
      <c r="G18434" s="16">
        <v>0.35350386920354482</v>
      </c>
    </row>
    <row r="18435" spans="1:7" x14ac:dyDescent="0.3">
      <c r="A18435" s="13" t="s">
        <v>129</v>
      </c>
      <c r="B18435" s="14" t="s">
        <v>1</v>
      </c>
      <c r="C18435" s="14" t="s">
        <v>23</v>
      </c>
      <c r="D18435" s="14" t="s">
        <v>130</v>
      </c>
      <c r="E18435" s="15">
        <v>45561</v>
      </c>
      <c r="F18435" s="14" t="s">
        <v>15</v>
      </c>
      <c r="G18435" s="16">
        <v>0.36757564672021997</v>
      </c>
    </row>
    <row r="18436" spans="1:7" x14ac:dyDescent="0.3">
      <c r="A18436" s="13" t="s">
        <v>129</v>
      </c>
      <c r="B18436" s="14" t="s">
        <v>1</v>
      </c>
      <c r="C18436" s="14" t="s">
        <v>23</v>
      </c>
      <c r="D18436" s="14" t="s">
        <v>130</v>
      </c>
      <c r="E18436" s="15">
        <v>45562</v>
      </c>
      <c r="F18436" s="14" t="s">
        <v>15</v>
      </c>
      <c r="G18436" s="16">
        <v>0.38431550440651518</v>
      </c>
    </row>
    <row r="18437" spans="1:7" x14ac:dyDescent="0.3">
      <c r="A18437" s="13" t="s">
        <v>129</v>
      </c>
      <c r="B18437" s="14" t="s">
        <v>1</v>
      </c>
      <c r="C18437" s="14" t="s">
        <v>23</v>
      </c>
      <c r="D18437" s="14" t="s">
        <v>130</v>
      </c>
      <c r="E18437" s="15">
        <v>45563</v>
      </c>
      <c r="F18437" s="14" t="s">
        <v>15</v>
      </c>
      <c r="G18437" s="16">
        <v>0.38431550440651518</v>
      </c>
    </row>
    <row r="18438" spans="1:7" x14ac:dyDescent="0.3">
      <c r="A18438" s="13" t="s">
        <v>129</v>
      </c>
      <c r="B18438" s="14" t="s">
        <v>1</v>
      </c>
      <c r="C18438" s="14" t="s">
        <v>23</v>
      </c>
      <c r="D18438" s="14" t="s">
        <v>130</v>
      </c>
      <c r="E18438" s="15">
        <v>45564</v>
      </c>
      <c r="F18438" s="14" t="s">
        <v>15</v>
      </c>
      <c r="G18438" s="16">
        <v>0.38431550440651518</v>
      </c>
    </row>
    <row r="18439" spans="1:7" x14ac:dyDescent="0.3">
      <c r="A18439" s="13" t="s">
        <v>129</v>
      </c>
      <c r="B18439" s="14" t="s">
        <v>1</v>
      </c>
      <c r="C18439" s="14" t="s">
        <v>23</v>
      </c>
      <c r="D18439" s="14" t="s">
        <v>130</v>
      </c>
      <c r="E18439" s="15">
        <v>45565</v>
      </c>
      <c r="F18439" s="14" t="s">
        <v>15</v>
      </c>
      <c r="G18439" s="16">
        <v>0.39833618866103049</v>
      </c>
    </row>
    <row r="18440" spans="1:7" x14ac:dyDescent="0.3">
      <c r="A18440" s="13" t="s">
        <v>129</v>
      </c>
      <c r="B18440" s="14" t="s">
        <v>1</v>
      </c>
      <c r="C18440" s="14" t="s">
        <v>23</v>
      </c>
      <c r="D18440" s="14" t="s">
        <v>130</v>
      </c>
      <c r="E18440" s="15">
        <v>45566</v>
      </c>
      <c r="F18440" s="14" t="s">
        <v>15</v>
      </c>
      <c r="G18440" s="16">
        <v>0</v>
      </c>
    </row>
    <row r="18441" spans="1:7" x14ac:dyDescent="0.3">
      <c r="A18441" s="13" t="s">
        <v>129</v>
      </c>
      <c r="B18441" s="14" t="s">
        <v>1</v>
      </c>
      <c r="C18441" s="14" t="s">
        <v>23</v>
      </c>
      <c r="D18441" s="14" t="s">
        <v>130</v>
      </c>
      <c r="E18441" s="15">
        <v>45567</v>
      </c>
      <c r="F18441" s="14" t="s">
        <v>15</v>
      </c>
      <c r="G18441" s="16">
        <v>4.4685857210115879E-3</v>
      </c>
    </row>
    <row r="18442" spans="1:7" x14ac:dyDescent="0.3">
      <c r="A18442" s="13" t="s">
        <v>129</v>
      </c>
      <c r="B18442" s="14" t="s">
        <v>1</v>
      </c>
      <c r="C18442" s="14" t="s">
        <v>23</v>
      </c>
      <c r="D18442" s="14" t="s">
        <v>130</v>
      </c>
      <c r="E18442" s="15">
        <v>45568</v>
      </c>
      <c r="F18442" s="14" t="s">
        <v>15</v>
      </c>
      <c r="G18442" s="16">
        <v>9.2704590011313485E-3</v>
      </c>
    </row>
    <row r="18443" spans="1:7" x14ac:dyDescent="0.3">
      <c r="A18443" s="13" t="s">
        <v>129</v>
      </c>
      <c r="B18443" s="14" t="s">
        <v>1</v>
      </c>
      <c r="C18443" s="14" t="s">
        <v>23</v>
      </c>
      <c r="D18443" s="14" t="s">
        <v>130</v>
      </c>
      <c r="E18443" s="15">
        <v>45569</v>
      </c>
      <c r="F18443" s="14" t="s">
        <v>15</v>
      </c>
      <c r="G18443" s="16">
        <v>2.349502172496578E-2</v>
      </c>
    </row>
    <row r="18444" spans="1:7" x14ac:dyDescent="0.3">
      <c r="A18444" s="13" t="s">
        <v>129</v>
      </c>
      <c r="B18444" s="14" t="s">
        <v>1</v>
      </c>
      <c r="C18444" s="14" t="s">
        <v>23</v>
      </c>
      <c r="D18444" s="14" t="s">
        <v>130</v>
      </c>
      <c r="E18444" s="15">
        <v>45570</v>
      </c>
      <c r="F18444" s="14" t="s">
        <v>15</v>
      </c>
      <c r="G18444" s="16">
        <v>2.349502172496578E-2</v>
      </c>
    </row>
    <row r="18445" spans="1:7" x14ac:dyDescent="0.3">
      <c r="A18445" s="13" t="s">
        <v>129</v>
      </c>
      <c r="B18445" s="14" t="s">
        <v>1</v>
      </c>
      <c r="C18445" s="14" t="s">
        <v>23</v>
      </c>
      <c r="D18445" s="14" t="s">
        <v>130</v>
      </c>
      <c r="E18445" s="15">
        <v>45571</v>
      </c>
      <c r="F18445" s="14" t="s">
        <v>15</v>
      </c>
      <c r="G18445" s="16">
        <v>2.349502172496578E-2</v>
      </c>
    </row>
    <row r="18446" spans="1:7" x14ac:dyDescent="0.3">
      <c r="A18446" s="13" t="s">
        <v>129</v>
      </c>
      <c r="B18446" s="14" t="s">
        <v>1</v>
      </c>
      <c r="C18446" s="14" t="s">
        <v>23</v>
      </c>
      <c r="D18446" s="14" t="s">
        <v>130</v>
      </c>
      <c r="E18446" s="15">
        <v>45572</v>
      </c>
      <c r="F18446" s="14" t="s">
        <v>15</v>
      </c>
      <c r="G18446" s="16">
        <v>6.0277550811429763E-2</v>
      </c>
    </row>
    <row r="18447" spans="1:7" x14ac:dyDescent="0.3">
      <c r="A18447" s="13" t="s">
        <v>129</v>
      </c>
      <c r="B18447" s="14" t="s">
        <v>1</v>
      </c>
      <c r="C18447" s="14" t="s">
        <v>23</v>
      </c>
      <c r="D18447" s="14" t="s">
        <v>130</v>
      </c>
      <c r="E18447" s="15">
        <v>45573</v>
      </c>
      <c r="F18447" s="14" t="s">
        <v>15</v>
      </c>
      <c r="G18447" s="16">
        <v>0.10551518710147663</v>
      </c>
    </row>
    <row r="18448" spans="1:7" x14ac:dyDescent="0.3">
      <c r="A18448" s="13" t="s">
        <v>129</v>
      </c>
      <c r="B18448" s="14" t="s">
        <v>1</v>
      </c>
      <c r="C18448" s="14" t="s">
        <v>23</v>
      </c>
      <c r="D18448" s="14" t="s">
        <v>130</v>
      </c>
      <c r="E18448" s="15">
        <v>45574</v>
      </c>
      <c r="F18448" s="14" t="s">
        <v>15</v>
      </c>
      <c r="G18448" s="16">
        <v>0.11989179407123975</v>
      </c>
    </row>
    <row r="18449" spans="1:7" x14ac:dyDescent="0.3">
      <c r="A18449" s="13" t="s">
        <v>129</v>
      </c>
      <c r="B18449" s="14" t="s">
        <v>1</v>
      </c>
      <c r="C18449" s="14" t="s">
        <v>23</v>
      </c>
      <c r="D18449" s="14" t="s">
        <v>130</v>
      </c>
      <c r="E18449" s="15">
        <v>45575</v>
      </c>
      <c r="F18449" s="14" t="s">
        <v>15</v>
      </c>
      <c r="G18449" s="16">
        <v>0.13425994087428766</v>
      </c>
    </row>
    <row r="18450" spans="1:7" x14ac:dyDescent="0.3">
      <c r="A18450" s="13" t="s">
        <v>129</v>
      </c>
      <c r="B18450" s="14" t="s">
        <v>1</v>
      </c>
      <c r="C18450" s="14" t="s">
        <v>23</v>
      </c>
      <c r="D18450" s="14" t="s">
        <v>130</v>
      </c>
      <c r="E18450" s="15">
        <v>45576</v>
      </c>
      <c r="F18450" s="14" t="s">
        <v>15</v>
      </c>
      <c r="G18450" s="16">
        <v>0.14848808021248255</v>
      </c>
    </row>
    <row r="18451" spans="1:7" x14ac:dyDescent="0.3">
      <c r="A18451" s="13" t="s">
        <v>129</v>
      </c>
      <c r="B18451" s="14" t="s">
        <v>1</v>
      </c>
      <c r="C18451" s="14" t="s">
        <v>23</v>
      </c>
      <c r="D18451" s="14" t="s">
        <v>130</v>
      </c>
      <c r="E18451" s="15">
        <v>45577</v>
      </c>
      <c r="F18451" s="14" t="s">
        <v>15</v>
      </c>
      <c r="G18451" s="16">
        <v>0.14848808021248255</v>
      </c>
    </row>
    <row r="18452" spans="1:7" x14ac:dyDescent="0.3">
      <c r="A18452" s="13" t="s">
        <v>129</v>
      </c>
      <c r="B18452" s="14" t="s">
        <v>1</v>
      </c>
      <c r="C18452" s="14" t="s">
        <v>23</v>
      </c>
      <c r="D18452" s="14" t="s">
        <v>130</v>
      </c>
      <c r="E18452" s="15">
        <v>45578</v>
      </c>
      <c r="F18452" s="14" t="s">
        <v>15</v>
      </c>
      <c r="G18452" s="16">
        <v>0.14848808021248255</v>
      </c>
    </row>
    <row r="18453" spans="1:7" x14ac:dyDescent="0.3">
      <c r="A18453" s="13" t="s">
        <v>129</v>
      </c>
      <c r="B18453" s="14" t="s">
        <v>1</v>
      </c>
      <c r="C18453" s="14" t="s">
        <v>23</v>
      </c>
      <c r="D18453" s="14" t="s">
        <v>130</v>
      </c>
      <c r="E18453" s="15">
        <v>45579</v>
      </c>
      <c r="F18453" s="14" t="s">
        <v>15</v>
      </c>
      <c r="G18453" s="16">
        <v>0.14848808021248255</v>
      </c>
    </row>
    <row r="18454" spans="1:7" x14ac:dyDescent="0.3">
      <c r="A18454" s="13" t="s">
        <v>129</v>
      </c>
      <c r="B18454" s="14" t="s">
        <v>1</v>
      </c>
      <c r="C18454" s="14" t="s">
        <v>23</v>
      </c>
      <c r="D18454" s="14" t="s">
        <v>130</v>
      </c>
      <c r="E18454" s="15">
        <v>45580</v>
      </c>
      <c r="F18454" s="14" t="s">
        <v>15</v>
      </c>
      <c r="G18454" s="16">
        <v>0.16279542993511778</v>
      </c>
    </row>
    <row r="18455" spans="1:7" x14ac:dyDescent="0.3">
      <c r="A18455" s="13" t="s">
        <v>129</v>
      </c>
      <c r="B18455" s="14" t="s">
        <v>1</v>
      </c>
      <c r="C18455" s="14" t="s">
        <v>23</v>
      </c>
      <c r="D18455" s="14" t="s">
        <v>130</v>
      </c>
      <c r="E18455" s="15">
        <v>45581</v>
      </c>
      <c r="F18455" s="14" t="s">
        <v>15</v>
      </c>
      <c r="G18455" s="16">
        <v>0.2202196875497611</v>
      </c>
    </row>
    <row r="18456" spans="1:7" x14ac:dyDescent="0.3">
      <c r="A18456" s="13" t="s">
        <v>129</v>
      </c>
      <c r="B18456" s="14" t="s">
        <v>1</v>
      </c>
      <c r="C18456" s="14" t="s">
        <v>23</v>
      </c>
      <c r="D18456" s="14" t="s">
        <v>130</v>
      </c>
      <c r="E18456" s="15">
        <v>45582</v>
      </c>
      <c r="F18456" s="14" t="s">
        <v>15</v>
      </c>
      <c r="G18456" s="16">
        <v>0.23427256872845739</v>
      </c>
    </row>
    <row r="18457" spans="1:7" x14ac:dyDescent="0.3">
      <c r="A18457" s="13" t="s">
        <v>129</v>
      </c>
      <c r="B18457" s="14" t="s">
        <v>1</v>
      </c>
      <c r="C18457" s="14" t="s">
        <v>23</v>
      </c>
      <c r="D18457" s="14" t="s">
        <v>130</v>
      </c>
      <c r="E18457" s="15">
        <v>45583</v>
      </c>
      <c r="F18457" s="14" t="s">
        <v>15</v>
      </c>
      <c r="G18457" s="16">
        <v>0.24838865232908375</v>
      </c>
    </row>
    <row r="18458" spans="1:7" x14ac:dyDescent="0.3">
      <c r="A18458" s="13" t="s">
        <v>129</v>
      </c>
      <c r="B18458" s="14" t="s">
        <v>1</v>
      </c>
      <c r="C18458" s="14" t="s">
        <v>23</v>
      </c>
      <c r="D18458" s="14" t="s">
        <v>130</v>
      </c>
      <c r="E18458" s="15">
        <v>45584</v>
      </c>
      <c r="F18458" s="14" t="s">
        <v>15</v>
      </c>
      <c r="G18458" s="16">
        <v>0.24838865232908375</v>
      </c>
    </row>
    <row r="18459" spans="1:7" x14ac:dyDescent="0.3">
      <c r="A18459" s="13" t="s">
        <v>129</v>
      </c>
      <c r="B18459" s="14" t="s">
        <v>1</v>
      </c>
      <c r="C18459" s="14" t="s">
        <v>23</v>
      </c>
      <c r="D18459" s="14" t="s">
        <v>130</v>
      </c>
      <c r="E18459" s="15">
        <v>45585</v>
      </c>
      <c r="F18459" s="14" t="s">
        <v>15</v>
      </c>
      <c r="G18459" s="16">
        <v>0.24838865232908375</v>
      </c>
    </row>
    <row r="18460" spans="1:7" x14ac:dyDescent="0.3">
      <c r="A18460" s="13" t="s">
        <v>129</v>
      </c>
      <c r="B18460" s="14" t="s">
        <v>1</v>
      </c>
      <c r="C18460" s="14" t="s">
        <v>23</v>
      </c>
      <c r="D18460" s="14" t="s">
        <v>130</v>
      </c>
      <c r="E18460" s="15">
        <v>45586</v>
      </c>
      <c r="F18460" s="14" t="s">
        <v>15</v>
      </c>
      <c r="G18460" s="16">
        <v>0.2615581096285447</v>
      </c>
    </row>
    <row r="18461" spans="1:7" x14ac:dyDescent="0.3">
      <c r="A18461" s="13" t="s">
        <v>129</v>
      </c>
      <c r="B18461" s="14" t="s">
        <v>1</v>
      </c>
      <c r="C18461" s="14" t="s">
        <v>23</v>
      </c>
      <c r="D18461" s="14" t="s">
        <v>130</v>
      </c>
      <c r="E18461" s="15">
        <v>45587</v>
      </c>
      <c r="F18461" s="14" t="s">
        <v>15</v>
      </c>
      <c r="G18461" s="16">
        <v>0.3040471870499315</v>
      </c>
    </row>
    <row r="18462" spans="1:7" x14ac:dyDescent="0.3">
      <c r="A18462" s="13" t="s">
        <v>129</v>
      </c>
      <c r="B18462" s="14" t="s">
        <v>1</v>
      </c>
      <c r="C18462" s="14" t="s">
        <v>23</v>
      </c>
      <c r="D18462" s="14" t="s">
        <v>130</v>
      </c>
      <c r="E18462" s="15">
        <v>45588</v>
      </c>
      <c r="F18462" s="14" t="s">
        <v>15</v>
      </c>
      <c r="G18462" s="16">
        <v>0.3182125386802514</v>
      </c>
    </row>
    <row r="18463" spans="1:7" x14ac:dyDescent="0.3">
      <c r="A18463" s="13" t="s">
        <v>129</v>
      </c>
      <c r="B18463" s="14" t="s">
        <v>1</v>
      </c>
      <c r="C18463" s="14" t="s">
        <v>23</v>
      </c>
      <c r="D18463" s="14" t="s">
        <v>130</v>
      </c>
      <c r="E18463" s="15">
        <v>45589</v>
      </c>
      <c r="F18463" s="14" t="s">
        <v>15</v>
      </c>
      <c r="G18463" s="16">
        <v>0.33205988757345833</v>
      </c>
    </row>
    <row r="18464" spans="1:7" x14ac:dyDescent="0.3">
      <c r="A18464" s="13" t="s">
        <v>129</v>
      </c>
      <c r="B18464" s="14" t="s">
        <v>1</v>
      </c>
      <c r="C18464" s="14" t="s">
        <v>23</v>
      </c>
      <c r="D18464" s="14" t="s">
        <v>130</v>
      </c>
      <c r="E18464" s="15">
        <v>45590</v>
      </c>
      <c r="F18464" s="14" t="s">
        <v>15</v>
      </c>
      <c r="G18464" s="16">
        <v>0.34600693372540553</v>
      </c>
    </row>
    <row r="18465" spans="1:7" x14ac:dyDescent="0.3">
      <c r="A18465" s="13" t="s">
        <v>129</v>
      </c>
      <c r="B18465" s="14" t="s">
        <v>1</v>
      </c>
      <c r="C18465" s="14" t="s">
        <v>23</v>
      </c>
      <c r="D18465" s="14" t="s">
        <v>130</v>
      </c>
      <c r="E18465" s="15">
        <v>45591</v>
      </c>
      <c r="F18465" s="14" t="s">
        <v>15</v>
      </c>
      <c r="G18465" s="16">
        <v>0.34600693372540553</v>
      </c>
    </row>
    <row r="18466" spans="1:7" x14ac:dyDescent="0.3">
      <c r="A18466" s="13" t="s">
        <v>129</v>
      </c>
      <c r="B18466" s="14" t="s">
        <v>1</v>
      </c>
      <c r="C18466" s="14" t="s">
        <v>23</v>
      </c>
      <c r="D18466" s="14" t="s">
        <v>130</v>
      </c>
      <c r="E18466" s="15">
        <v>45592</v>
      </c>
      <c r="F18466" s="14" t="s">
        <v>15</v>
      </c>
      <c r="G18466" s="16">
        <v>0.34600693372540553</v>
      </c>
    </row>
    <row r="18467" spans="1:7" x14ac:dyDescent="0.3">
      <c r="A18467" s="13" t="s">
        <v>129</v>
      </c>
      <c r="B18467" s="14" t="s">
        <v>1</v>
      </c>
      <c r="C18467" s="14" t="s">
        <v>23</v>
      </c>
      <c r="D18467" s="14" t="s">
        <v>130</v>
      </c>
      <c r="E18467" s="15">
        <v>45593</v>
      </c>
      <c r="F18467" s="14" t="s">
        <v>15</v>
      </c>
      <c r="G18467" s="16">
        <v>0.34600693372540553</v>
      </c>
    </row>
    <row r="18468" spans="1:7" x14ac:dyDescent="0.3">
      <c r="A18468" s="13" t="s">
        <v>129</v>
      </c>
      <c r="B18468" s="14" t="s">
        <v>1</v>
      </c>
      <c r="C18468" s="14" t="s">
        <v>23</v>
      </c>
      <c r="D18468" s="14" t="s">
        <v>130</v>
      </c>
      <c r="E18468" s="15">
        <v>45594</v>
      </c>
      <c r="F18468" s="14" t="s">
        <v>15</v>
      </c>
      <c r="G18468" s="16">
        <v>0.36278490095726806</v>
      </c>
    </row>
    <row r="18469" spans="1:7" x14ac:dyDescent="0.3">
      <c r="A18469" s="13" t="s">
        <v>129</v>
      </c>
      <c r="B18469" s="14" t="s">
        <v>1</v>
      </c>
      <c r="C18469" s="14" t="s">
        <v>23</v>
      </c>
      <c r="D18469" s="14" t="s">
        <v>130</v>
      </c>
      <c r="E18469" s="15">
        <v>45595</v>
      </c>
      <c r="F18469" s="14" t="s">
        <v>15</v>
      </c>
      <c r="G18469" s="16">
        <v>0.41757166012708913</v>
      </c>
    </row>
    <row r="18470" spans="1:7" x14ac:dyDescent="0.3">
      <c r="A18470" s="13" t="s">
        <v>129</v>
      </c>
      <c r="B18470" s="14" t="s">
        <v>1</v>
      </c>
      <c r="C18470" s="14" t="s">
        <v>23</v>
      </c>
      <c r="D18470" s="14" t="s">
        <v>130</v>
      </c>
      <c r="E18470" s="15">
        <v>45596</v>
      </c>
      <c r="F18470" s="14" t="s">
        <v>15</v>
      </c>
      <c r="G18470" s="16">
        <v>0.4193367297518516</v>
      </c>
    </row>
    <row r="18471" spans="1:7" x14ac:dyDescent="0.3">
      <c r="A18471" s="13" t="s">
        <v>129</v>
      </c>
      <c r="B18471" s="14" t="s">
        <v>1</v>
      </c>
      <c r="C18471" s="14" t="s">
        <v>23</v>
      </c>
      <c r="D18471" s="14" t="s">
        <v>130</v>
      </c>
      <c r="E18471" s="15">
        <v>45597</v>
      </c>
      <c r="F18471" s="14" t="s">
        <v>15</v>
      </c>
      <c r="G18471" s="16">
        <v>0</v>
      </c>
    </row>
    <row r="18472" spans="1:7" x14ac:dyDescent="0.3">
      <c r="A18472" s="13" t="s">
        <v>129</v>
      </c>
      <c r="B18472" s="14" t="s">
        <v>1</v>
      </c>
      <c r="C18472" s="14" t="s">
        <v>23</v>
      </c>
      <c r="D18472" s="14" t="s">
        <v>130</v>
      </c>
      <c r="E18472" s="15">
        <v>45598</v>
      </c>
      <c r="F18472" s="14" t="s">
        <v>15</v>
      </c>
      <c r="G18472" s="16">
        <v>0</v>
      </c>
    </row>
    <row r="18473" spans="1:7" x14ac:dyDescent="0.3">
      <c r="A18473" s="13" t="s">
        <v>129</v>
      </c>
      <c r="B18473" s="14" t="s">
        <v>1</v>
      </c>
      <c r="C18473" s="14" t="s">
        <v>23</v>
      </c>
      <c r="D18473" s="14" t="s">
        <v>130</v>
      </c>
      <c r="E18473" s="15">
        <v>45599</v>
      </c>
      <c r="F18473" s="14" t="s">
        <v>15</v>
      </c>
      <c r="G18473" s="16">
        <v>0</v>
      </c>
    </row>
    <row r="18474" spans="1:7" x14ac:dyDescent="0.3">
      <c r="A18474" s="13" t="s">
        <v>129</v>
      </c>
      <c r="B18474" s="14" t="s">
        <v>1</v>
      </c>
      <c r="C18474" s="14" t="s">
        <v>23</v>
      </c>
      <c r="D18474" s="14" t="s">
        <v>130</v>
      </c>
      <c r="E18474" s="15">
        <v>45600</v>
      </c>
      <c r="F18474" s="14" t="s">
        <v>15</v>
      </c>
      <c r="G18474" s="16">
        <v>0</v>
      </c>
    </row>
    <row r="18475" spans="1:7" x14ac:dyDescent="0.3">
      <c r="A18475" s="13" t="s">
        <v>129</v>
      </c>
      <c r="B18475" s="14" t="s">
        <v>1</v>
      </c>
      <c r="C18475" s="14" t="s">
        <v>23</v>
      </c>
      <c r="D18475" s="14" t="s">
        <v>130</v>
      </c>
      <c r="E18475" s="15">
        <v>45601</v>
      </c>
      <c r="F18475" s="14" t="s">
        <v>15</v>
      </c>
      <c r="G18475" s="16">
        <v>3.6633431596735801E-2</v>
      </c>
    </row>
    <row r="18476" spans="1:7" x14ac:dyDescent="0.3">
      <c r="A18476" s="13" t="s">
        <v>129</v>
      </c>
      <c r="B18476" s="14" t="s">
        <v>1</v>
      </c>
      <c r="C18476" s="14" t="s">
        <v>23</v>
      </c>
      <c r="D18476" s="14" t="s">
        <v>130</v>
      </c>
      <c r="E18476" s="15">
        <v>45602</v>
      </c>
      <c r="F18476" s="14" t="s">
        <v>15</v>
      </c>
      <c r="G18476" s="16">
        <v>5.0565183187162632E-2</v>
      </c>
    </row>
    <row r="18477" spans="1:7" x14ac:dyDescent="0.3">
      <c r="A18477" s="13" t="s">
        <v>129</v>
      </c>
      <c r="B18477" s="14" t="s">
        <v>1</v>
      </c>
      <c r="C18477" s="14" t="s">
        <v>23</v>
      </c>
      <c r="D18477" s="14" t="s">
        <v>130</v>
      </c>
      <c r="E18477" s="15">
        <v>45603</v>
      </c>
      <c r="F18477" s="14" t="s">
        <v>15</v>
      </c>
      <c r="G18477" s="16">
        <v>6.6015492843621681E-2</v>
      </c>
    </row>
    <row r="18478" spans="1:7" x14ac:dyDescent="0.3">
      <c r="A18478" s="13" t="s">
        <v>129</v>
      </c>
      <c r="B18478" s="14" t="s">
        <v>1</v>
      </c>
      <c r="C18478" s="14" t="s">
        <v>23</v>
      </c>
      <c r="D18478" s="14" t="s">
        <v>130</v>
      </c>
      <c r="E18478" s="15">
        <v>45604</v>
      </c>
      <c r="F18478" s="14" t="s">
        <v>15</v>
      </c>
      <c r="G18478" s="16">
        <v>8.050667722779585E-2</v>
      </c>
    </row>
    <row r="18479" spans="1:7" x14ac:dyDescent="0.3">
      <c r="A18479" s="13" t="s">
        <v>129</v>
      </c>
      <c r="B18479" s="14" t="s">
        <v>1</v>
      </c>
      <c r="C18479" s="14" t="s">
        <v>23</v>
      </c>
      <c r="D18479" s="14" t="s">
        <v>130</v>
      </c>
      <c r="E18479" s="15">
        <v>45605</v>
      </c>
      <c r="F18479" s="14" t="s">
        <v>15</v>
      </c>
      <c r="G18479" s="16">
        <v>8.050667722779585E-2</v>
      </c>
    </row>
    <row r="18480" spans="1:7" x14ac:dyDescent="0.3">
      <c r="A18480" s="13" t="s">
        <v>129</v>
      </c>
      <c r="B18480" s="14" t="s">
        <v>1</v>
      </c>
      <c r="C18480" s="14" t="s">
        <v>23</v>
      </c>
      <c r="D18480" s="14" t="s">
        <v>130</v>
      </c>
      <c r="E18480" s="15">
        <v>45606</v>
      </c>
      <c r="F18480" s="14" t="s">
        <v>15</v>
      </c>
      <c r="G18480" s="16">
        <v>8.050667722779585E-2</v>
      </c>
    </row>
    <row r="18481" spans="1:7" x14ac:dyDescent="0.3">
      <c r="A18481" s="13" t="s">
        <v>129</v>
      </c>
      <c r="B18481" s="14" t="s">
        <v>1</v>
      </c>
      <c r="C18481" s="14" t="s">
        <v>23</v>
      </c>
      <c r="D18481" s="14" t="s">
        <v>130</v>
      </c>
      <c r="E18481" s="15">
        <v>45607</v>
      </c>
      <c r="F18481" s="14" t="s">
        <v>15</v>
      </c>
      <c r="G18481" s="16">
        <v>8.050667722779585E-2</v>
      </c>
    </row>
    <row r="18482" spans="1:7" x14ac:dyDescent="0.3">
      <c r="A18482" s="13" t="s">
        <v>129</v>
      </c>
      <c r="B18482" s="14" t="s">
        <v>1</v>
      </c>
      <c r="C18482" s="14" t="s">
        <v>23</v>
      </c>
      <c r="D18482" s="14" t="s">
        <v>130</v>
      </c>
      <c r="E18482" s="15">
        <v>45608</v>
      </c>
      <c r="F18482" s="14" t="s">
        <v>15</v>
      </c>
      <c r="G18482" s="16">
        <v>9.3898130693249746E-2</v>
      </c>
    </row>
    <row r="18483" spans="1:7" x14ac:dyDescent="0.3">
      <c r="A18483" s="13" t="s">
        <v>129</v>
      </c>
      <c r="B18483" s="14" t="s">
        <v>1</v>
      </c>
      <c r="C18483" s="14" t="s">
        <v>23</v>
      </c>
      <c r="D18483" s="14" t="s">
        <v>130</v>
      </c>
      <c r="E18483" s="15">
        <v>45609</v>
      </c>
      <c r="F18483" s="14" t="s">
        <v>15</v>
      </c>
      <c r="G18483" s="16">
        <v>0.16199696894493357</v>
      </c>
    </row>
    <row r="18484" spans="1:7" x14ac:dyDescent="0.3">
      <c r="A18484" s="13" t="s">
        <v>129</v>
      </c>
      <c r="B18484" s="14" t="s">
        <v>1</v>
      </c>
      <c r="C18484" s="14" t="s">
        <v>23</v>
      </c>
      <c r="D18484" s="14" t="s">
        <v>130</v>
      </c>
      <c r="E18484" s="15">
        <v>45610</v>
      </c>
      <c r="F18484" s="14" t="s">
        <v>15</v>
      </c>
      <c r="G18484" s="16">
        <v>0.17553517848607184</v>
      </c>
    </row>
    <row r="18485" spans="1:7" x14ac:dyDescent="0.3">
      <c r="A18485" s="13" t="s">
        <v>129</v>
      </c>
      <c r="B18485" s="14" t="s">
        <v>1</v>
      </c>
      <c r="C18485" s="14" t="s">
        <v>23</v>
      </c>
      <c r="D18485" s="14" t="s">
        <v>130</v>
      </c>
      <c r="E18485" s="15">
        <v>45611</v>
      </c>
      <c r="F18485" s="14" t="s">
        <v>15</v>
      </c>
      <c r="G18485" s="16">
        <v>0.18909593960112217</v>
      </c>
    </row>
    <row r="18486" spans="1:7" x14ac:dyDescent="0.3">
      <c r="A18486" s="13" t="s">
        <v>129</v>
      </c>
      <c r="B18486" s="14" t="s">
        <v>1</v>
      </c>
      <c r="C18486" s="14" t="s">
        <v>23</v>
      </c>
      <c r="D18486" s="14" t="s">
        <v>130</v>
      </c>
      <c r="E18486" s="15">
        <v>45612</v>
      </c>
      <c r="F18486" s="14" t="s">
        <v>15</v>
      </c>
      <c r="G18486" s="16">
        <v>0.18909593960112217</v>
      </c>
    </row>
    <row r="18487" spans="1:7" x14ac:dyDescent="0.3">
      <c r="A18487" s="13" t="s">
        <v>129</v>
      </c>
      <c r="B18487" s="14" t="s">
        <v>1</v>
      </c>
      <c r="C18487" s="14" t="s">
        <v>23</v>
      </c>
      <c r="D18487" s="14" t="s">
        <v>130</v>
      </c>
      <c r="E18487" s="15">
        <v>45613</v>
      </c>
      <c r="F18487" s="14" t="s">
        <v>15</v>
      </c>
      <c r="G18487" s="16">
        <v>0.18909593960112217</v>
      </c>
    </row>
    <row r="18488" spans="1:7" x14ac:dyDescent="0.3">
      <c r="A18488" s="13" t="s">
        <v>129</v>
      </c>
      <c r="B18488" s="14" t="s">
        <v>1</v>
      </c>
      <c r="C18488" s="14" t="s">
        <v>23</v>
      </c>
      <c r="D18488" s="14" t="s">
        <v>130</v>
      </c>
      <c r="E18488" s="15">
        <v>45614</v>
      </c>
      <c r="F18488" s="14" t="s">
        <v>15</v>
      </c>
      <c r="G18488" s="16">
        <v>0.20266626805055935</v>
      </c>
    </row>
    <row r="18489" spans="1:7" x14ac:dyDescent="0.3">
      <c r="A18489" s="13" t="s">
        <v>129</v>
      </c>
      <c r="B18489" s="14" t="s">
        <v>1</v>
      </c>
      <c r="C18489" s="14" t="s">
        <v>23</v>
      </c>
      <c r="D18489" s="14" t="s">
        <v>130</v>
      </c>
      <c r="E18489" s="15">
        <v>45615</v>
      </c>
      <c r="F18489" s="14" t="s">
        <v>15</v>
      </c>
      <c r="G18489" s="16">
        <v>0.24294133318474431</v>
      </c>
    </row>
    <row r="18490" spans="1:7" x14ac:dyDescent="0.3">
      <c r="A18490" s="13" t="s">
        <v>129</v>
      </c>
      <c r="B18490" s="14" t="s">
        <v>1</v>
      </c>
      <c r="C18490" s="14" t="s">
        <v>23</v>
      </c>
      <c r="D18490" s="14" t="s">
        <v>130</v>
      </c>
      <c r="E18490" s="15">
        <v>45616</v>
      </c>
      <c r="F18490" s="14" t="s">
        <v>15</v>
      </c>
      <c r="G18490" s="16">
        <v>0.25671659051984325</v>
      </c>
    </row>
    <row r="18491" spans="1:7" x14ac:dyDescent="0.3">
      <c r="A18491" s="13" t="s">
        <v>129</v>
      </c>
      <c r="B18491" s="14" t="s">
        <v>1</v>
      </c>
      <c r="C18491" s="14" t="s">
        <v>23</v>
      </c>
      <c r="D18491" s="14" t="s">
        <v>130</v>
      </c>
      <c r="E18491" s="15">
        <v>45617</v>
      </c>
      <c r="F18491" s="14" t="s">
        <v>15</v>
      </c>
      <c r="G18491" s="16">
        <v>0.27076887343901929</v>
      </c>
    </row>
    <row r="18492" spans="1:7" x14ac:dyDescent="0.3">
      <c r="A18492" s="13" t="s">
        <v>129</v>
      </c>
      <c r="B18492" s="14" t="s">
        <v>1</v>
      </c>
      <c r="C18492" s="14" t="s">
        <v>23</v>
      </c>
      <c r="D18492" s="14" t="s">
        <v>130</v>
      </c>
      <c r="E18492" s="15">
        <v>45618</v>
      </c>
      <c r="F18492" s="14" t="s">
        <v>15</v>
      </c>
      <c r="G18492" s="16">
        <v>0.28449484191749991</v>
      </c>
    </row>
    <row r="18493" spans="1:7" x14ac:dyDescent="0.3">
      <c r="A18493" s="13" t="s">
        <v>129</v>
      </c>
      <c r="B18493" s="14" t="s">
        <v>1</v>
      </c>
      <c r="C18493" s="14" t="s">
        <v>23</v>
      </c>
      <c r="D18493" s="14" t="s">
        <v>130</v>
      </c>
      <c r="E18493" s="15">
        <v>45619</v>
      </c>
      <c r="F18493" s="14" t="s">
        <v>15</v>
      </c>
      <c r="G18493" s="16">
        <v>0.28449484191749991</v>
      </c>
    </row>
    <row r="18494" spans="1:7" x14ac:dyDescent="0.3">
      <c r="A18494" s="13" t="s">
        <v>129</v>
      </c>
      <c r="B18494" s="14" t="s">
        <v>1</v>
      </c>
      <c r="C18494" s="14" t="s">
        <v>23</v>
      </c>
      <c r="D18494" s="14" t="s">
        <v>130</v>
      </c>
      <c r="E18494" s="15">
        <v>45620</v>
      </c>
      <c r="F18494" s="14" t="s">
        <v>15</v>
      </c>
      <c r="G18494" s="16">
        <v>0.28449484191749991</v>
      </c>
    </row>
    <row r="18495" spans="1:7" x14ac:dyDescent="0.3">
      <c r="A18495" s="13" t="s">
        <v>129</v>
      </c>
      <c r="B18495" s="14" t="s">
        <v>1</v>
      </c>
      <c r="C18495" s="14" t="s">
        <v>23</v>
      </c>
      <c r="D18495" s="14" t="s">
        <v>130</v>
      </c>
      <c r="E18495" s="15">
        <v>45621</v>
      </c>
      <c r="F18495" s="14" t="s">
        <v>15</v>
      </c>
      <c r="G18495" s="16">
        <v>0.29814572390556937</v>
      </c>
    </row>
    <row r="18496" spans="1:7" x14ac:dyDescent="0.3">
      <c r="A18496" s="13" t="s">
        <v>129</v>
      </c>
      <c r="B18496" s="14" t="s">
        <v>1</v>
      </c>
      <c r="C18496" s="14" t="s">
        <v>23</v>
      </c>
      <c r="D18496" s="14" t="s">
        <v>130</v>
      </c>
      <c r="E18496" s="15">
        <v>45622</v>
      </c>
      <c r="F18496" s="14" t="s">
        <v>15</v>
      </c>
      <c r="G18496" s="16">
        <v>0.33911215480538182</v>
      </c>
    </row>
    <row r="18497" spans="1:7" x14ac:dyDescent="0.3">
      <c r="A18497" s="13" t="s">
        <v>129</v>
      </c>
      <c r="B18497" s="14" t="s">
        <v>1</v>
      </c>
      <c r="C18497" s="14" t="s">
        <v>23</v>
      </c>
      <c r="D18497" s="14" t="s">
        <v>130</v>
      </c>
      <c r="E18497" s="15">
        <v>45623</v>
      </c>
      <c r="F18497" s="14" t="s">
        <v>15</v>
      </c>
      <c r="G18497" s="16">
        <v>0.3528005506055466</v>
      </c>
    </row>
    <row r="18498" spans="1:7" x14ac:dyDescent="0.3">
      <c r="A18498" s="13" t="s">
        <v>129</v>
      </c>
      <c r="B18498" s="14" t="s">
        <v>1</v>
      </c>
      <c r="C18498" s="14" t="s">
        <v>23</v>
      </c>
      <c r="D18498" s="14" t="s">
        <v>130</v>
      </c>
      <c r="E18498" s="15">
        <v>45624</v>
      </c>
      <c r="F18498" s="14" t="s">
        <v>15</v>
      </c>
      <c r="G18498" s="16">
        <v>0.3528005506055466</v>
      </c>
    </row>
    <row r="18499" spans="1:7" x14ac:dyDescent="0.3">
      <c r="A18499" s="13" t="s">
        <v>129</v>
      </c>
      <c r="B18499" s="14" t="s">
        <v>1</v>
      </c>
      <c r="C18499" s="14" t="s">
        <v>23</v>
      </c>
      <c r="D18499" s="14" t="s">
        <v>130</v>
      </c>
      <c r="E18499" s="15">
        <v>45625</v>
      </c>
      <c r="F18499" s="14" t="s">
        <v>15</v>
      </c>
      <c r="G18499" s="16">
        <v>0.37059008098268886</v>
      </c>
    </row>
    <row r="18500" spans="1:7" x14ac:dyDescent="0.3">
      <c r="A18500" s="13" t="s">
        <v>129</v>
      </c>
      <c r="B18500" s="14" t="s">
        <v>1</v>
      </c>
      <c r="C18500" s="14" t="s">
        <v>23</v>
      </c>
      <c r="D18500" s="14" t="s">
        <v>130</v>
      </c>
      <c r="E18500" s="15">
        <v>45626</v>
      </c>
      <c r="F18500" s="14" t="s">
        <v>15</v>
      </c>
      <c r="G18500" s="16">
        <v>0.37059008098268886</v>
      </c>
    </row>
    <row r="18501" spans="1:7" x14ac:dyDescent="0.3">
      <c r="A18501" s="13" t="s">
        <v>129</v>
      </c>
      <c r="B18501" s="14" t="s">
        <v>1</v>
      </c>
      <c r="C18501" s="14" t="s">
        <v>23</v>
      </c>
      <c r="D18501" s="14" t="s">
        <v>130</v>
      </c>
      <c r="E18501" s="15">
        <v>45627</v>
      </c>
      <c r="F18501" s="14" t="s">
        <v>15</v>
      </c>
      <c r="G18501" s="16">
        <v>0.37059008098268886</v>
      </c>
    </row>
    <row r="18502" spans="1:7" x14ac:dyDescent="0.3">
      <c r="A18502" s="13" t="s">
        <v>129</v>
      </c>
      <c r="B18502" s="14" t="s">
        <v>1</v>
      </c>
      <c r="C18502" s="14" t="s">
        <v>23</v>
      </c>
      <c r="D18502" s="14" t="s">
        <v>130</v>
      </c>
      <c r="E18502" s="15">
        <v>45628</v>
      </c>
      <c r="F18502" s="14" t="s">
        <v>15</v>
      </c>
      <c r="G18502" s="16">
        <v>0</v>
      </c>
    </row>
    <row r="18503" spans="1:7" x14ac:dyDescent="0.3">
      <c r="A18503" s="13" t="s">
        <v>129</v>
      </c>
      <c r="B18503" s="14" t="s">
        <v>1</v>
      </c>
      <c r="C18503" s="14" t="s">
        <v>23</v>
      </c>
      <c r="D18503" s="14" t="s">
        <v>130</v>
      </c>
      <c r="E18503" s="15">
        <v>45629</v>
      </c>
      <c r="F18503" s="14" t="s">
        <v>15</v>
      </c>
      <c r="G18503" s="16">
        <v>1.6712888815542917E-2</v>
      </c>
    </row>
    <row r="18504" spans="1:7" x14ac:dyDescent="0.3">
      <c r="A18504" s="13" t="s">
        <v>129</v>
      </c>
      <c r="B18504" s="14" t="s">
        <v>1</v>
      </c>
      <c r="C18504" s="14" t="s">
        <v>23</v>
      </c>
      <c r="D18504" s="14" t="s">
        <v>130</v>
      </c>
      <c r="E18504" s="15">
        <v>45630</v>
      </c>
      <c r="F18504" s="14" t="s">
        <v>15</v>
      </c>
      <c r="G18504" s="16">
        <v>2.8491965786829304E-2</v>
      </c>
    </row>
    <row r="18505" spans="1:7" x14ac:dyDescent="0.3">
      <c r="A18505" s="13" t="s">
        <v>129</v>
      </c>
      <c r="B18505" s="14" t="s">
        <v>1</v>
      </c>
      <c r="C18505" s="14" t="s">
        <v>23</v>
      </c>
      <c r="D18505" s="14" t="s">
        <v>130</v>
      </c>
      <c r="E18505" s="15">
        <v>45631</v>
      </c>
      <c r="F18505" s="14" t="s">
        <v>15</v>
      </c>
      <c r="G18505" s="16">
        <v>4.2159624749361788E-2</v>
      </c>
    </row>
    <row r="18506" spans="1:7" x14ac:dyDescent="0.3">
      <c r="A18506" s="13" t="s">
        <v>129</v>
      </c>
      <c r="B18506" s="14" t="s">
        <v>1</v>
      </c>
      <c r="C18506" s="14" t="s">
        <v>23</v>
      </c>
      <c r="D18506" s="14" t="s">
        <v>130</v>
      </c>
      <c r="E18506" s="15">
        <v>45632</v>
      </c>
      <c r="F18506" s="14" t="s">
        <v>15</v>
      </c>
      <c r="G18506" s="16">
        <v>5.57647332508397E-2</v>
      </c>
    </row>
    <row r="18507" spans="1:7" x14ac:dyDescent="0.3">
      <c r="A18507" s="13" t="s">
        <v>129</v>
      </c>
      <c r="B18507" s="14" t="s">
        <v>1</v>
      </c>
      <c r="C18507" s="14" t="s">
        <v>23</v>
      </c>
      <c r="D18507" s="14" t="s">
        <v>130</v>
      </c>
      <c r="E18507" s="15">
        <v>45633</v>
      </c>
      <c r="F18507" s="14" t="s">
        <v>15</v>
      </c>
      <c r="G18507" s="16">
        <v>5.57647332508397E-2</v>
      </c>
    </row>
    <row r="18508" spans="1:7" x14ac:dyDescent="0.3">
      <c r="A18508" s="13" t="s">
        <v>129</v>
      </c>
      <c r="B18508" s="14" t="s">
        <v>1</v>
      </c>
      <c r="C18508" s="14" t="s">
        <v>23</v>
      </c>
      <c r="D18508" s="14" t="s">
        <v>130</v>
      </c>
      <c r="E18508" s="15">
        <v>45634</v>
      </c>
      <c r="F18508" s="14" t="s">
        <v>15</v>
      </c>
      <c r="G18508" s="16">
        <v>5.57647332508397E-2</v>
      </c>
    </row>
    <row r="18509" spans="1:7" x14ac:dyDescent="0.3">
      <c r="A18509" s="13" t="s">
        <v>129</v>
      </c>
      <c r="B18509" s="14" t="s">
        <v>1</v>
      </c>
      <c r="C18509" s="14" t="s">
        <v>23</v>
      </c>
      <c r="D18509" s="14" t="s">
        <v>130</v>
      </c>
      <c r="E18509" s="15">
        <v>45635</v>
      </c>
      <c r="F18509" s="14" t="s">
        <v>15</v>
      </c>
      <c r="G18509" s="16">
        <v>7.6308948538532637E-2</v>
      </c>
    </row>
    <row r="18510" spans="1:7" x14ac:dyDescent="0.3">
      <c r="A18510" s="13" t="s">
        <v>129</v>
      </c>
      <c r="B18510" s="14" t="s">
        <v>1</v>
      </c>
      <c r="C18510" s="14" t="s">
        <v>23</v>
      </c>
      <c r="D18510" s="14" t="s">
        <v>130</v>
      </c>
      <c r="E18510" s="15">
        <v>45636</v>
      </c>
      <c r="F18510" s="14" t="s">
        <v>15</v>
      </c>
      <c r="G18510" s="16">
        <v>0.11684925442240988</v>
      </c>
    </row>
    <row r="18511" spans="1:7" x14ac:dyDescent="0.3">
      <c r="A18511" s="13" t="s">
        <v>129</v>
      </c>
      <c r="B18511" s="14" t="s">
        <v>1</v>
      </c>
      <c r="C18511" s="14" t="s">
        <v>23</v>
      </c>
      <c r="D18511" s="14" t="s">
        <v>130</v>
      </c>
      <c r="E18511" s="15">
        <v>45637</v>
      </c>
      <c r="F18511" s="14" t="s">
        <v>15</v>
      </c>
      <c r="G18511" s="16">
        <v>0.13040464550579425</v>
      </c>
    </row>
    <row r="18512" spans="1:7" x14ac:dyDescent="0.3">
      <c r="A18512" s="13" t="s">
        <v>129</v>
      </c>
      <c r="B18512" s="14" t="s">
        <v>1</v>
      </c>
      <c r="C18512" s="14" t="s">
        <v>23</v>
      </c>
      <c r="D18512" s="14" t="s">
        <v>130</v>
      </c>
      <c r="E18512" s="15">
        <v>45638</v>
      </c>
      <c r="F18512" s="14" t="s">
        <v>15</v>
      </c>
      <c r="G18512" s="16">
        <v>0.14400057540700906</v>
      </c>
    </row>
    <row r="18513" spans="1:7" x14ac:dyDescent="0.3">
      <c r="A18513" s="13" t="s">
        <v>129</v>
      </c>
      <c r="B18513" s="14" t="s">
        <v>1</v>
      </c>
      <c r="C18513" s="14" t="s">
        <v>23</v>
      </c>
      <c r="D18513" s="14" t="s">
        <v>130</v>
      </c>
      <c r="E18513" s="15">
        <v>45639</v>
      </c>
      <c r="F18513" s="14" t="s">
        <v>15</v>
      </c>
      <c r="G18513" s="16">
        <v>0.15758537200605247</v>
      </c>
    </row>
    <row r="18514" spans="1:7" x14ac:dyDescent="0.3">
      <c r="A18514" s="13" t="s">
        <v>129</v>
      </c>
      <c r="B18514" s="14" t="s">
        <v>1</v>
      </c>
      <c r="C18514" s="14" t="s">
        <v>23</v>
      </c>
      <c r="D18514" s="14" t="s">
        <v>130</v>
      </c>
      <c r="E18514" s="15">
        <v>45640</v>
      </c>
      <c r="F18514" s="14" t="s">
        <v>15</v>
      </c>
      <c r="G18514" s="16">
        <v>0.15758537200605247</v>
      </c>
    </row>
    <row r="18515" spans="1:7" x14ac:dyDescent="0.3">
      <c r="A18515" s="13" t="s">
        <v>129</v>
      </c>
      <c r="B18515" s="14" t="s">
        <v>1</v>
      </c>
      <c r="C18515" s="14" t="s">
        <v>23</v>
      </c>
      <c r="D18515" s="14" t="s">
        <v>130</v>
      </c>
      <c r="E18515" s="15">
        <v>45641</v>
      </c>
      <c r="F18515" s="14" t="s">
        <v>15</v>
      </c>
      <c r="G18515" s="16">
        <v>0.15758537200605247</v>
      </c>
    </row>
    <row r="18516" spans="1:7" x14ac:dyDescent="0.3">
      <c r="A18516" s="13" t="s">
        <v>129</v>
      </c>
      <c r="B18516" s="14" t="s">
        <v>1</v>
      </c>
      <c r="C18516" s="14" t="s">
        <v>23</v>
      </c>
      <c r="D18516" s="14" t="s">
        <v>130</v>
      </c>
      <c r="E18516" s="15">
        <v>45642</v>
      </c>
      <c r="F18516" s="14" t="s">
        <v>15</v>
      </c>
      <c r="G18516" s="16">
        <v>0.17127138816911217</v>
      </c>
    </row>
    <row r="18517" spans="1:7" x14ac:dyDescent="0.3">
      <c r="A18517" s="13" t="s">
        <v>129</v>
      </c>
      <c r="B18517" s="14" t="s">
        <v>1</v>
      </c>
      <c r="C18517" s="14" t="s">
        <v>23</v>
      </c>
      <c r="D18517" s="14" t="s">
        <v>130</v>
      </c>
      <c r="E18517" s="15">
        <v>45643</v>
      </c>
      <c r="F18517" s="14" t="s">
        <v>15</v>
      </c>
      <c r="G18517" s="16">
        <v>0.21192311206174294</v>
      </c>
    </row>
    <row r="18518" spans="1:7" x14ac:dyDescent="0.3">
      <c r="A18518" s="13" t="s">
        <v>129</v>
      </c>
      <c r="B18518" s="14" t="s">
        <v>1</v>
      </c>
      <c r="C18518" s="14" t="s">
        <v>23</v>
      </c>
      <c r="D18518" s="14" t="s">
        <v>130</v>
      </c>
      <c r="E18518" s="15">
        <v>45644</v>
      </c>
      <c r="F18518" s="14" t="s">
        <v>15</v>
      </c>
      <c r="G18518" s="16">
        <v>0.22586230461540288</v>
      </c>
    </row>
    <row r="18519" spans="1:7" x14ac:dyDescent="0.3">
      <c r="A18519" s="13" t="s">
        <v>129</v>
      </c>
      <c r="B18519" s="14" t="s">
        <v>1</v>
      </c>
      <c r="C18519" s="14" t="s">
        <v>23</v>
      </c>
      <c r="D18519" s="14" t="s">
        <v>130</v>
      </c>
      <c r="E18519" s="15">
        <v>45645</v>
      </c>
      <c r="F18519" s="14" t="s">
        <v>15</v>
      </c>
      <c r="G18519" s="16">
        <v>0.23883621437468883</v>
      </c>
    </row>
    <row r="18520" spans="1:7" x14ac:dyDescent="0.3">
      <c r="A18520" s="13" t="s">
        <v>129</v>
      </c>
      <c r="B18520" s="14" t="s">
        <v>1</v>
      </c>
      <c r="C18520" s="14" t="s">
        <v>23</v>
      </c>
      <c r="D18520" s="14" t="s">
        <v>130</v>
      </c>
      <c r="E18520" s="15">
        <v>45646</v>
      </c>
      <c r="F18520" s="14" t="s">
        <v>15</v>
      </c>
      <c r="G18520" s="16">
        <v>0.25175632733798653</v>
      </c>
    </row>
    <row r="18521" spans="1:7" x14ac:dyDescent="0.3">
      <c r="A18521" s="13" t="s">
        <v>129</v>
      </c>
      <c r="B18521" s="14" t="s">
        <v>1</v>
      </c>
      <c r="C18521" s="14" t="s">
        <v>23</v>
      </c>
      <c r="D18521" s="14" t="s">
        <v>130</v>
      </c>
      <c r="E18521" s="15">
        <v>45647</v>
      </c>
      <c r="F18521" s="14" t="s">
        <v>15</v>
      </c>
      <c r="G18521" s="16">
        <v>0.25175632733798653</v>
      </c>
    </row>
    <row r="18522" spans="1:7" x14ac:dyDescent="0.3">
      <c r="A18522" s="13" t="s">
        <v>129</v>
      </c>
      <c r="B18522" s="14" t="s">
        <v>1</v>
      </c>
      <c r="C18522" s="14" t="s">
        <v>23</v>
      </c>
      <c r="D18522" s="14" t="s">
        <v>130</v>
      </c>
      <c r="E18522" s="15">
        <v>45648</v>
      </c>
      <c r="F18522" s="14" t="s">
        <v>15</v>
      </c>
      <c r="G18522" s="16">
        <v>0.25175632733798653</v>
      </c>
    </row>
    <row r="18523" spans="1:7" x14ac:dyDescent="0.3">
      <c r="A18523" s="13" t="s">
        <v>129</v>
      </c>
      <c r="B18523" s="14" t="s">
        <v>1</v>
      </c>
      <c r="C18523" s="14" t="s">
        <v>23</v>
      </c>
      <c r="D18523" s="14" t="s">
        <v>130</v>
      </c>
      <c r="E18523" s="15">
        <v>45649</v>
      </c>
      <c r="F18523" s="14" t="s">
        <v>15</v>
      </c>
      <c r="G18523" s="16">
        <v>0.228176631522123</v>
      </c>
    </row>
    <row r="18524" spans="1:7" x14ac:dyDescent="0.3">
      <c r="A18524" s="13" t="s">
        <v>129</v>
      </c>
      <c r="B18524" s="14" t="s">
        <v>1</v>
      </c>
      <c r="C18524" s="14" t="s">
        <v>23</v>
      </c>
      <c r="D18524" s="14" t="s">
        <v>130</v>
      </c>
      <c r="E18524" s="15">
        <v>45650</v>
      </c>
      <c r="F18524" s="14" t="s">
        <v>15</v>
      </c>
      <c r="G18524" s="16">
        <v>0.26445177784283325</v>
      </c>
    </row>
    <row r="18525" spans="1:7" x14ac:dyDescent="0.3">
      <c r="A18525" s="13" t="s">
        <v>129</v>
      </c>
      <c r="B18525" s="14" t="s">
        <v>1</v>
      </c>
      <c r="C18525" s="14" t="s">
        <v>23</v>
      </c>
      <c r="D18525" s="14" t="s">
        <v>130</v>
      </c>
      <c r="E18525" s="15">
        <v>45651</v>
      </c>
      <c r="F18525" s="14" t="s">
        <v>15</v>
      </c>
      <c r="G18525" s="16">
        <v>0.26445177784283325</v>
      </c>
    </row>
    <row r="18526" spans="1:7" x14ac:dyDescent="0.3">
      <c r="A18526" s="13" t="s">
        <v>129</v>
      </c>
      <c r="B18526" s="14" t="s">
        <v>1</v>
      </c>
      <c r="C18526" s="14" t="s">
        <v>23</v>
      </c>
      <c r="D18526" s="14" t="s">
        <v>130</v>
      </c>
      <c r="E18526" s="15">
        <v>45652</v>
      </c>
      <c r="F18526" s="14" t="s">
        <v>15</v>
      </c>
      <c r="G18526" s="16">
        <v>0.26445177784283325</v>
      </c>
    </row>
    <row r="18527" spans="1:7" x14ac:dyDescent="0.3">
      <c r="A18527" s="13" t="s">
        <v>129</v>
      </c>
      <c r="B18527" s="14" t="s">
        <v>1</v>
      </c>
      <c r="C18527" s="14" t="s">
        <v>23</v>
      </c>
      <c r="D18527" s="14" t="s">
        <v>130</v>
      </c>
      <c r="E18527" s="15">
        <v>45653</v>
      </c>
      <c r="F18527" s="14" t="s">
        <v>15</v>
      </c>
      <c r="G18527" s="16">
        <v>0.26445177784283325</v>
      </c>
    </row>
    <row r="18528" spans="1:7" x14ac:dyDescent="0.3">
      <c r="A18528" s="13" t="s">
        <v>129</v>
      </c>
      <c r="B18528" s="14" t="s">
        <v>1</v>
      </c>
      <c r="C18528" s="14" t="s">
        <v>23</v>
      </c>
      <c r="D18528" s="14" t="s">
        <v>130</v>
      </c>
      <c r="E18528" s="15">
        <v>45654</v>
      </c>
      <c r="F18528" s="14" t="s">
        <v>15</v>
      </c>
      <c r="G18528" s="16">
        <v>0.26445177784283325</v>
      </c>
    </row>
    <row r="18529" spans="1:7" x14ac:dyDescent="0.3">
      <c r="A18529" s="13" t="s">
        <v>129</v>
      </c>
      <c r="B18529" s="14" t="s">
        <v>1</v>
      </c>
      <c r="C18529" s="14" t="s">
        <v>23</v>
      </c>
      <c r="D18529" s="14" t="s">
        <v>130</v>
      </c>
      <c r="E18529" s="15">
        <v>45655</v>
      </c>
      <c r="F18529" s="14" t="s">
        <v>15</v>
      </c>
      <c r="G18529" s="16">
        <v>0.26445177784283325</v>
      </c>
    </row>
    <row r="18530" spans="1:7" x14ac:dyDescent="0.3">
      <c r="A18530" s="13" t="s">
        <v>129</v>
      </c>
      <c r="B18530" s="14" t="s">
        <v>1</v>
      </c>
      <c r="C18530" s="14" t="s">
        <v>23</v>
      </c>
      <c r="D18530" s="14" t="s">
        <v>130</v>
      </c>
      <c r="E18530" s="15">
        <v>45656</v>
      </c>
      <c r="F18530" s="14" t="s">
        <v>15</v>
      </c>
      <c r="G18530" s="16">
        <v>0.27830929785155689</v>
      </c>
    </row>
    <row r="18531" spans="1:7" x14ac:dyDescent="0.3">
      <c r="A18531" s="13" t="s">
        <v>129</v>
      </c>
      <c r="B18531" s="14" t="s">
        <v>1</v>
      </c>
      <c r="C18531" s="14" t="s">
        <v>23</v>
      </c>
      <c r="D18531" s="14" t="s">
        <v>130</v>
      </c>
      <c r="E18531" s="15">
        <v>45657</v>
      </c>
      <c r="F18531" s="14" t="s">
        <v>15</v>
      </c>
      <c r="G18531" s="16">
        <v>0.36516991988722075</v>
      </c>
    </row>
    <row r="18532" spans="1:7" x14ac:dyDescent="0.3">
      <c r="A18532" s="13" t="s">
        <v>129</v>
      </c>
      <c r="B18532" s="14" t="s">
        <v>1</v>
      </c>
      <c r="C18532" s="14" t="s">
        <v>23</v>
      </c>
      <c r="D18532" s="14" t="s">
        <v>130</v>
      </c>
      <c r="E18532" s="15">
        <v>45658</v>
      </c>
      <c r="F18532" s="14" t="s">
        <v>15</v>
      </c>
      <c r="G18532" s="16">
        <v>0.36516991988722075</v>
      </c>
    </row>
    <row r="18533" spans="1:7" x14ac:dyDescent="0.3">
      <c r="A18533" s="13" t="s">
        <v>129</v>
      </c>
      <c r="B18533" s="14" t="s">
        <v>1</v>
      </c>
      <c r="C18533" s="14" t="s">
        <v>23</v>
      </c>
      <c r="D18533" s="14" t="s">
        <v>130</v>
      </c>
      <c r="E18533" s="15">
        <v>45659</v>
      </c>
      <c r="F18533" s="14" t="s">
        <v>15</v>
      </c>
      <c r="G18533" s="16">
        <v>0</v>
      </c>
    </row>
    <row r="18534" spans="1:7" x14ac:dyDescent="0.3">
      <c r="A18534" s="13" t="s">
        <v>129</v>
      </c>
      <c r="B18534" s="14" t="s">
        <v>1</v>
      </c>
      <c r="C18534" s="14" t="s">
        <v>23</v>
      </c>
      <c r="D18534" s="14" t="s">
        <v>130</v>
      </c>
      <c r="E18534" s="15">
        <v>45660</v>
      </c>
      <c r="F18534" s="14" t="s">
        <v>15</v>
      </c>
      <c r="G18534" s="16">
        <v>4.662633809396648E-3</v>
      </c>
    </row>
    <row r="18535" spans="1:7" x14ac:dyDescent="0.3">
      <c r="A18535" s="13" t="s">
        <v>129</v>
      </c>
      <c r="B18535" s="14" t="s">
        <v>1</v>
      </c>
      <c r="C18535" s="14" t="s">
        <v>23</v>
      </c>
      <c r="D18535" s="14" t="s">
        <v>130</v>
      </c>
      <c r="E18535" s="15">
        <v>45661</v>
      </c>
      <c r="F18535" s="14" t="s">
        <v>15</v>
      </c>
      <c r="G18535" s="16">
        <v>4.662633809396648E-3</v>
      </c>
    </row>
    <row r="18536" spans="1:7" x14ac:dyDescent="0.3">
      <c r="A18536" s="13" t="s">
        <v>129</v>
      </c>
      <c r="B18536" s="14" t="s">
        <v>1</v>
      </c>
      <c r="C18536" s="14" t="s">
        <v>23</v>
      </c>
      <c r="D18536" s="14" t="s">
        <v>130</v>
      </c>
      <c r="E18536" s="15">
        <v>45662</v>
      </c>
      <c r="F18536" s="14" t="s">
        <v>15</v>
      </c>
      <c r="G18536" s="16">
        <v>4.662633809396648E-3</v>
      </c>
    </row>
    <row r="18537" spans="1:7" x14ac:dyDescent="0.3">
      <c r="A18537" s="13" t="s">
        <v>129</v>
      </c>
      <c r="B18537" s="14" t="s">
        <v>1</v>
      </c>
      <c r="C18537" s="14" t="s">
        <v>23</v>
      </c>
      <c r="D18537" s="14" t="s">
        <v>130</v>
      </c>
      <c r="E18537" s="15">
        <v>45663</v>
      </c>
      <c r="F18537" s="14" t="s">
        <v>15</v>
      </c>
      <c r="G18537" s="16">
        <v>1.8362417872851481E-2</v>
      </c>
    </row>
    <row r="18538" spans="1:7" x14ac:dyDescent="0.3">
      <c r="A18538" s="13" t="s">
        <v>129</v>
      </c>
      <c r="B18538" s="14" t="s">
        <v>1</v>
      </c>
      <c r="C18538" s="14" t="s">
        <v>23</v>
      </c>
      <c r="D18538" s="14" t="s">
        <v>130</v>
      </c>
      <c r="E18538" s="15">
        <v>45664</v>
      </c>
      <c r="F18538" s="14" t="s">
        <v>15</v>
      </c>
      <c r="G18538" s="16">
        <v>6.0836008930740017E-2</v>
      </c>
    </row>
    <row r="18539" spans="1:7" x14ac:dyDescent="0.3">
      <c r="A18539" s="13" t="s">
        <v>129</v>
      </c>
      <c r="B18539" s="14" t="s">
        <v>1</v>
      </c>
      <c r="C18539" s="14" t="s">
        <v>23</v>
      </c>
      <c r="D18539" s="14" t="s">
        <v>130</v>
      </c>
      <c r="E18539" s="15">
        <v>45665</v>
      </c>
      <c r="F18539" s="14" t="s">
        <v>15</v>
      </c>
      <c r="G18539" s="16">
        <v>7.6288225748199462E-2</v>
      </c>
    </row>
    <row r="18540" spans="1:7" x14ac:dyDescent="0.3">
      <c r="A18540" s="13" t="s">
        <v>129</v>
      </c>
      <c r="B18540" s="14" t="s">
        <v>1</v>
      </c>
      <c r="C18540" s="14" t="s">
        <v>23</v>
      </c>
      <c r="D18540" s="14" t="s">
        <v>130</v>
      </c>
      <c r="E18540" s="15">
        <v>45666</v>
      </c>
      <c r="F18540" s="14" t="s">
        <v>15</v>
      </c>
      <c r="G18540" s="16">
        <v>7.6288225748199462E-2</v>
      </c>
    </row>
    <row r="18541" spans="1:7" x14ac:dyDescent="0.3">
      <c r="A18541" s="13" t="s">
        <v>129</v>
      </c>
      <c r="B18541" s="14" t="s">
        <v>1</v>
      </c>
      <c r="C18541" s="14" t="s">
        <v>23</v>
      </c>
      <c r="D18541" s="14" t="s">
        <v>130</v>
      </c>
      <c r="E18541" s="15">
        <v>45667</v>
      </c>
      <c r="F18541" s="14" t="s">
        <v>15</v>
      </c>
      <c r="G18541" s="16">
        <v>9.5389361105582368E-2</v>
      </c>
    </row>
    <row r="18542" spans="1:7" x14ac:dyDescent="0.3">
      <c r="A18542" s="13" t="s">
        <v>129</v>
      </c>
      <c r="B18542" s="14" t="s">
        <v>1</v>
      </c>
      <c r="C18542" s="14" t="s">
        <v>23</v>
      </c>
      <c r="D18542" s="14" t="s">
        <v>130</v>
      </c>
      <c r="E18542" s="15">
        <v>45668</v>
      </c>
      <c r="F18542" s="14" t="s">
        <v>15</v>
      </c>
      <c r="G18542" s="16">
        <v>9.5389361105582368E-2</v>
      </c>
    </row>
    <row r="18543" spans="1:7" x14ac:dyDescent="0.3">
      <c r="A18543" s="13" t="s">
        <v>129</v>
      </c>
      <c r="B18543" s="14" t="s">
        <v>1</v>
      </c>
      <c r="C18543" s="14" t="s">
        <v>23</v>
      </c>
      <c r="D18543" s="14" t="s">
        <v>130</v>
      </c>
      <c r="E18543" s="15">
        <v>45669</v>
      </c>
      <c r="F18543" s="14" t="s">
        <v>15</v>
      </c>
      <c r="G18543" s="16">
        <v>9.5389361105582368E-2</v>
      </c>
    </row>
    <row r="18544" spans="1:7" x14ac:dyDescent="0.3">
      <c r="A18544" s="13" t="s">
        <v>129</v>
      </c>
      <c r="B18544" s="14" t="s">
        <v>1</v>
      </c>
      <c r="C18544" s="14" t="s">
        <v>23</v>
      </c>
      <c r="D18544" s="14" t="s">
        <v>130</v>
      </c>
      <c r="E18544" s="15">
        <v>45670</v>
      </c>
      <c r="F18544" s="14" t="s">
        <v>15</v>
      </c>
      <c r="G18544" s="16">
        <v>0.12519359424055423</v>
      </c>
    </row>
    <row r="18545" spans="1:7" x14ac:dyDescent="0.3">
      <c r="A18545" s="13" t="s">
        <v>129</v>
      </c>
      <c r="B18545" s="14" t="s">
        <v>1</v>
      </c>
      <c r="C18545" s="14" t="s">
        <v>23</v>
      </c>
      <c r="D18545" s="14" t="s">
        <v>130</v>
      </c>
      <c r="E18545" s="15">
        <v>45671</v>
      </c>
      <c r="F18545" s="14" t="s">
        <v>15</v>
      </c>
      <c r="G18545" s="16">
        <v>0.16194075857851717</v>
      </c>
    </row>
    <row r="18546" spans="1:7" x14ac:dyDescent="0.3">
      <c r="A18546" s="13" t="s">
        <v>129</v>
      </c>
      <c r="B18546" s="14" t="s">
        <v>1</v>
      </c>
      <c r="C18546" s="14" t="s">
        <v>23</v>
      </c>
      <c r="D18546" s="14" t="s">
        <v>130</v>
      </c>
      <c r="E18546" s="15">
        <v>45672</v>
      </c>
      <c r="F18546" s="14" t="s">
        <v>15</v>
      </c>
      <c r="G18546" s="16">
        <v>0.17586143588693529</v>
      </c>
    </row>
    <row r="18547" spans="1:7" x14ac:dyDescent="0.3">
      <c r="A18547" s="13" t="s">
        <v>129</v>
      </c>
      <c r="B18547" s="14" t="s">
        <v>1</v>
      </c>
      <c r="C18547" s="14" t="s">
        <v>23</v>
      </c>
      <c r="D18547" s="14" t="s">
        <v>130</v>
      </c>
      <c r="E18547" s="15">
        <v>45673</v>
      </c>
      <c r="F18547" s="14" t="s">
        <v>15</v>
      </c>
      <c r="G18547" s="16">
        <v>0.18978367427249582</v>
      </c>
    </row>
    <row r="18548" spans="1:7" x14ac:dyDescent="0.3">
      <c r="A18548" s="13" t="s">
        <v>129</v>
      </c>
      <c r="B18548" s="14" t="s">
        <v>1</v>
      </c>
      <c r="C18548" s="14" t="s">
        <v>23</v>
      </c>
      <c r="D18548" s="14" t="s">
        <v>130</v>
      </c>
      <c r="E18548" s="15">
        <v>45674</v>
      </c>
      <c r="F18548" s="14" t="s">
        <v>15</v>
      </c>
      <c r="G18548" s="16">
        <v>0.1953940441354422</v>
      </c>
    </row>
    <row r="18549" spans="1:7" x14ac:dyDescent="0.3">
      <c r="A18549" s="13" t="s">
        <v>129</v>
      </c>
      <c r="B18549" s="14" t="s">
        <v>1</v>
      </c>
      <c r="C18549" s="14" t="s">
        <v>23</v>
      </c>
      <c r="D18549" s="14" t="s">
        <v>130</v>
      </c>
      <c r="E18549" s="15">
        <v>45675</v>
      </c>
      <c r="F18549" s="14" t="s">
        <v>15</v>
      </c>
      <c r="G18549" s="16">
        <v>0.1953940441354422</v>
      </c>
    </row>
    <row r="18550" spans="1:7" x14ac:dyDescent="0.3">
      <c r="A18550" s="13" t="s">
        <v>129</v>
      </c>
      <c r="B18550" s="14" t="s">
        <v>1</v>
      </c>
      <c r="C18550" s="14" t="s">
        <v>23</v>
      </c>
      <c r="D18550" s="14" t="s">
        <v>130</v>
      </c>
      <c r="E18550" s="15">
        <v>45676</v>
      </c>
      <c r="F18550" s="14" t="s">
        <v>15</v>
      </c>
      <c r="G18550" s="16">
        <v>0.1953940441354422</v>
      </c>
    </row>
    <row r="18551" spans="1:7" x14ac:dyDescent="0.3">
      <c r="A18551" s="13" t="s">
        <v>129</v>
      </c>
      <c r="B18551" s="14" t="s">
        <v>1</v>
      </c>
      <c r="C18551" s="14" t="s">
        <v>23</v>
      </c>
      <c r="D18551" s="14" t="s">
        <v>130</v>
      </c>
      <c r="E18551" s="15">
        <v>45677</v>
      </c>
      <c r="F18551" s="14" t="s">
        <v>15</v>
      </c>
      <c r="G18551" s="16">
        <v>0.1953940441354422</v>
      </c>
    </row>
    <row r="18552" spans="1:7" x14ac:dyDescent="0.3">
      <c r="A18552" s="13" t="s">
        <v>129</v>
      </c>
      <c r="B18552" s="14" t="s">
        <v>1</v>
      </c>
      <c r="C18552" s="14" t="s">
        <v>23</v>
      </c>
      <c r="D18552" s="14" t="s">
        <v>130</v>
      </c>
      <c r="E18552" s="15">
        <v>45678</v>
      </c>
      <c r="F18552" s="14" t="s">
        <v>15</v>
      </c>
      <c r="G18552" s="16">
        <v>0.21017686965946142</v>
      </c>
    </row>
    <row r="18553" spans="1:7" x14ac:dyDescent="0.3">
      <c r="A18553" s="13" t="s">
        <v>129</v>
      </c>
      <c r="B18553" s="14" t="s">
        <v>1</v>
      </c>
      <c r="C18553" s="14" t="s">
        <v>23</v>
      </c>
      <c r="D18553" s="14" t="s">
        <v>130</v>
      </c>
      <c r="E18553" s="15">
        <v>45679</v>
      </c>
      <c r="F18553" s="14" t="s">
        <v>15</v>
      </c>
      <c r="G18553" s="16">
        <v>0.2619462092114942</v>
      </c>
    </row>
    <row r="18554" spans="1:7" x14ac:dyDescent="0.3">
      <c r="A18554" s="13" t="s">
        <v>129</v>
      </c>
      <c r="B18554" s="14" t="s">
        <v>1</v>
      </c>
      <c r="C18554" s="14" t="s">
        <v>23</v>
      </c>
      <c r="D18554" s="14" t="s">
        <v>130</v>
      </c>
      <c r="E18554" s="15">
        <v>45680</v>
      </c>
      <c r="F18554" s="14" t="s">
        <v>15</v>
      </c>
      <c r="G18554" s="16">
        <v>0.27486613848338148</v>
      </c>
    </row>
    <row r="18555" spans="1:7" x14ac:dyDescent="0.3">
      <c r="A18555" s="13" t="s">
        <v>129</v>
      </c>
      <c r="B18555" s="14" t="s">
        <v>1</v>
      </c>
      <c r="C18555" s="14" t="s">
        <v>23</v>
      </c>
      <c r="D18555" s="14" t="s">
        <v>130</v>
      </c>
      <c r="E18555" s="15">
        <v>45681</v>
      </c>
      <c r="F18555" s="14" t="s">
        <v>15</v>
      </c>
      <c r="G18555" s="16">
        <v>0.28783097680816599</v>
      </c>
    </row>
    <row r="18556" spans="1:7" x14ac:dyDescent="0.3">
      <c r="A18556" s="13" t="s">
        <v>129</v>
      </c>
      <c r="B18556" s="14" t="s">
        <v>1</v>
      </c>
      <c r="C18556" s="14" t="s">
        <v>23</v>
      </c>
      <c r="D18556" s="14" t="s">
        <v>130</v>
      </c>
      <c r="E18556" s="15">
        <v>45682</v>
      </c>
      <c r="F18556" s="14" t="s">
        <v>15</v>
      </c>
      <c r="G18556" s="16">
        <v>0.28783097680816599</v>
      </c>
    </row>
    <row r="18557" spans="1:7" x14ac:dyDescent="0.3">
      <c r="A18557" s="13" t="s">
        <v>129</v>
      </c>
      <c r="B18557" s="14" t="s">
        <v>1</v>
      </c>
      <c r="C18557" s="14" t="s">
        <v>23</v>
      </c>
      <c r="D18557" s="14" t="s">
        <v>130</v>
      </c>
      <c r="E18557" s="15">
        <v>45683</v>
      </c>
      <c r="F18557" s="14" t="s">
        <v>15</v>
      </c>
      <c r="G18557" s="16">
        <v>0.28783097680816599</v>
      </c>
    </row>
    <row r="18558" spans="1:7" x14ac:dyDescent="0.3">
      <c r="A18558" s="13" t="s">
        <v>129</v>
      </c>
      <c r="B18558" s="14" t="s">
        <v>1</v>
      </c>
      <c r="C18558" s="14" t="s">
        <v>23</v>
      </c>
      <c r="D18558" s="14" t="s">
        <v>130</v>
      </c>
      <c r="E18558" s="15">
        <v>45684</v>
      </c>
      <c r="F18558" s="14" t="s">
        <v>15</v>
      </c>
      <c r="G18558" s="16">
        <v>0.30231979589815849</v>
      </c>
    </row>
    <row r="18559" spans="1:7" x14ac:dyDescent="0.3">
      <c r="A18559" s="13" t="s">
        <v>129</v>
      </c>
      <c r="B18559" s="14" t="s">
        <v>1</v>
      </c>
      <c r="C18559" s="14" t="s">
        <v>23</v>
      </c>
      <c r="D18559" s="14" t="s">
        <v>130</v>
      </c>
      <c r="E18559" s="15">
        <v>45685</v>
      </c>
      <c r="F18559" s="14" t="s">
        <v>15</v>
      </c>
      <c r="G18559" s="16">
        <v>0.34157474503205776</v>
      </c>
    </row>
    <row r="18560" spans="1:7" x14ac:dyDescent="0.3">
      <c r="A18560" s="13" t="s">
        <v>129</v>
      </c>
      <c r="B18560" s="14" t="s">
        <v>1</v>
      </c>
      <c r="C18560" s="14" t="s">
        <v>23</v>
      </c>
      <c r="D18560" s="14" t="s">
        <v>130</v>
      </c>
      <c r="E18560" s="15">
        <v>45686</v>
      </c>
      <c r="F18560" s="14" t="s">
        <v>15</v>
      </c>
      <c r="G18560" s="16">
        <v>0.35464211314985927</v>
      </c>
    </row>
    <row r="18561" spans="1:7" x14ac:dyDescent="0.3">
      <c r="A18561" s="13" t="s">
        <v>129</v>
      </c>
      <c r="B18561" s="14" t="s">
        <v>1</v>
      </c>
      <c r="C18561" s="14" t="s">
        <v>23</v>
      </c>
      <c r="D18561" s="14" t="s">
        <v>130</v>
      </c>
      <c r="E18561" s="15">
        <v>45687</v>
      </c>
      <c r="F18561" s="14" t="s">
        <v>15</v>
      </c>
      <c r="G18561" s="16">
        <v>0.36854393663040214</v>
      </c>
    </row>
    <row r="18562" spans="1:7" x14ac:dyDescent="0.3">
      <c r="A18562" s="13" t="s">
        <v>129</v>
      </c>
      <c r="B18562" s="14" t="s">
        <v>1</v>
      </c>
      <c r="C18562" s="14" t="s">
        <v>23</v>
      </c>
      <c r="D18562" s="14" t="s">
        <v>130</v>
      </c>
      <c r="E18562" s="15">
        <v>45688</v>
      </c>
      <c r="F18562" s="14" t="s">
        <v>15</v>
      </c>
      <c r="G18562" s="16">
        <v>0.38150024474402</v>
      </c>
    </row>
    <row r="18563" spans="1:7" x14ac:dyDescent="0.3">
      <c r="A18563" s="13" t="s">
        <v>129</v>
      </c>
      <c r="B18563" s="14" t="s">
        <v>1</v>
      </c>
      <c r="C18563" s="14" t="s">
        <v>23</v>
      </c>
      <c r="D18563" s="14" t="s">
        <v>130</v>
      </c>
      <c r="E18563" s="15">
        <v>45689</v>
      </c>
      <c r="F18563" s="14" t="s">
        <v>15</v>
      </c>
      <c r="G18563" s="16">
        <v>0.38150024474402</v>
      </c>
    </row>
    <row r="18564" spans="1:7" x14ac:dyDescent="0.3">
      <c r="A18564" s="13" t="s">
        <v>129</v>
      </c>
      <c r="B18564" s="14" t="s">
        <v>1</v>
      </c>
      <c r="C18564" s="14" t="s">
        <v>23</v>
      </c>
      <c r="D18564" s="14" t="s">
        <v>130</v>
      </c>
      <c r="E18564" s="15">
        <v>45690</v>
      </c>
      <c r="F18564" s="14" t="s">
        <v>15</v>
      </c>
      <c r="G18564" s="16">
        <v>0.38150024474402</v>
      </c>
    </row>
    <row r="18565" spans="1:7" x14ac:dyDescent="0.3">
      <c r="A18565" s="13" t="s">
        <v>129</v>
      </c>
      <c r="B18565" s="14" t="s">
        <v>1</v>
      </c>
      <c r="C18565" s="14" t="s">
        <v>23</v>
      </c>
      <c r="D18565" s="14" t="s">
        <v>130</v>
      </c>
      <c r="E18565" s="15">
        <v>45691</v>
      </c>
      <c r="F18565" s="14" t="s">
        <v>15</v>
      </c>
      <c r="G18565" s="16">
        <v>0.38150024474402</v>
      </c>
    </row>
    <row r="18566" spans="1:7" x14ac:dyDescent="0.3">
      <c r="A18566" s="13" t="s">
        <v>129</v>
      </c>
      <c r="B18566" s="14" t="s">
        <v>1</v>
      </c>
      <c r="C18566" s="14" t="s">
        <v>23</v>
      </c>
      <c r="D18566" s="14" t="s">
        <v>130</v>
      </c>
      <c r="E18566" s="15">
        <v>45692</v>
      </c>
      <c r="F18566" s="14" t="s">
        <v>15</v>
      </c>
      <c r="G18566" s="16">
        <v>0</v>
      </c>
    </row>
    <row r="18567" spans="1:7" x14ac:dyDescent="0.3">
      <c r="A18567" s="13" t="s">
        <v>129</v>
      </c>
      <c r="B18567" s="14" t="s">
        <v>1</v>
      </c>
      <c r="C18567" s="14" t="s">
        <v>23</v>
      </c>
      <c r="D18567" s="14" t="s">
        <v>130</v>
      </c>
      <c r="E18567" s="15">
        <v>45693</v>
      </c>
      <c r="F18567" s="14" t="s">
        <v>15</v>
      </c>
      <c r="G18567" s="16">
        <v>2.7858020912716837E-2</v>
      </c>
    </row>
    <row r="18568" spans="1:7" x14ac:dyDescent="0.3">
      <c r="A18568" s="13" t="s">
        <v>129</v>
      </c>
      <c r="B18568" s="14" t="s">
        <v>1</v>
      </c>
      <c r="C18568" s="14" t="s">
        <v>23</v>
      </c>
      <c r="D18568" s="14" t="s">
        <v>130</v>
      </c>
      <c r="E18568" s="15">
        <v>45694</v>
      </c>
      <c r="F18568" s="14" t="s">
        <v>15</v>
      </c>
      <c r="G18568" s="16">
        <v>4.0935090054979285E-2</v>
      </c>
    </row>
    <row r="18569" spans="1:7" x14ac:dyDescent="0.3">
      <c r="A18569" s="13" t="s">
        <v>129</v>
      </c>
      <c r="B18569" s="14" t="s">
        <v>1</v>
      </c>
      <c r="C18569" s="14" t="s">
        <v>23</v>
      </c>
      <c r="D18569" s="14" t="s">
        <v>130</v>
      </c>
      <c r="E18569" s="15">
        <v>45695</v>
      </c>
      <c r="F18569" s="14" t="s">
        <v>15</v>
      </c>
      <c r="G18569" s="16">
        <v>5.4084232604635803E-2</v>
      </c>
    </row>
    <row r="18570" spans="1:7" x14ac:dyDescent="0.3">
      <c r="A18570" s="13" t="s">
        <v>129</v>
      </c>
      <c r="B18570" s="14" t="s">
        <v>1</v>
      </c>
      <c r="C18570" s="14" t="s">
        <v>23</v>
      </c>
      <c r="D18570" s="14" t="s">
        <v>130</v>
      </c>
      <c r="E18570" s="15">
        <v>45696</v>
      </c>
      <c r="F18570" s="14" t="s">
        <v>15</v>
      </c>
      <c r="G18570" s="16">
        <v>5.4084232604635803E-2</v>
      </c>
    </row>
    <row r="18571" spans="1:7" x14ac:dyDescent="0.3">
      <c r="A18571" s="13" t="s">
        <v>129</v>
      </c>
      <c r="B18571" s="14" t="s">
        <v>1</v>
      </c>
      <c r="C18571" s="14" t="s">
        <v>23</v>
      </c>
      <c r="D18571" s="14" t="s">
        <v>130</v>
      </c>
      <c r="E18571" s="15">
        <v>45697</v>
      </c>
      <c r="F18571" s="14" t="s">
        <v>15</v>
      </c>
      <c r="G18571" s="16">
        <v>5.4084232604635803E-2</v>
      </c>
    </row>
    <row r="18572" spans="1:7" x14ac:dyDescent="0.3">
      <c r="A18572" s="13" t="s">
        <v>129</v>
      </c>
      <c r="B18572" s="14" t="s">
        <v>1</v>
      </c>
      <c r="C18572" s="14" t="s">
        <v>23</v>
      </c>
      <c r="D18572" s="14" t="s">
        <v>130</v>
      </c>
      <c r="E18572" s="15">
        <v>45698</v>
      </c>
      <c r="F18572" s="14" t="s">
        <v>15</v>
      </c>
      <c r="G18572" s="16">
        <v>7.5417089294349135E-2</v>
      </c>
    </row>
    <row r="18573" spans="1:7" x14ac:dyDescent="0.3">
      <c r="A18573" s="13" t="s">
        <v>129</v>
      </c>
      <c r="B18573" s="14" t="s">
        <v>1</v>
      </c>
      <c r="C18573" s="14" t="s">
        <v>23</v>
      </c>
      <c r="D18573" s="14" t="s">
        <v>130</v>
      </c>
      <c r="E18573" s="15">
        <v>45699</v>
      </c>
      <c r="F18573" s="14" t="s">
        <v>15</v>
      </c>
      <c r="G18573" s="16">
        <v>0.11474425402702496</v>
      </c>
    </row>
    <row r="18574" spans="1:7" x14ac:dyDescent="0.3">
      <c r="A18574" s="13" t="s">
        <v>129</v>
      </c>
      <c r="B18574" s="14" t="s">
        <v>1</v>
      </c>
      <c r="C18574" s="14" t="s">
        <v>23</v>
      </c>
      <c r="D18574" s="14" t="s">
        <v>130</v>
      </c>
      <c r="E18574" s="15">
        <v>45700</v>
      </c>
      <c r="F18574" s="14" t="s">
        <v>15</v>
      </c>
      <c r="G18574" s="16">
        <v>0.12774991620480472</v>
      </c>
    </row>
    <row r="18575" spans="1:7" x14ac:dyDescent="0.3">
      <c r="A18575" s="13" t="s">
        <v>129</v>
      </c>
      <c r="B18575" s="14" t="s">
        <v>1</v>
      </c>
      <c r="C18575" s="14" t="s">
        <v>23</v>
      </c>
      <c r="D18575" s="14" t="s">
        <v>130</v>
      </c>
      <c r="E18575" s="15">
        <v>45701</v>
      </c>
      <c r="F18575" s="14" t="s">
        <v>15</v>
      </c>
      <c r="G18575" s="16">
        <v>0.14226430185540123</v>
      </c>
    </row>
    <row r="18576" spans="1:7" x14ac:dyDescent="0.3">
      <c r="A18576" s="13" t="s">
        <v>129</v>
      </c>
      <c r="B18576" s="14" t="s">
        <v>1</v>
      </c>
      <c r="C18576" s="14" t="s">
        <v>23</v>
      </c>
      <c r="D18576" s="14" t="s">
        <v>130</v>
      </c>
      <c r="E18576" s="15">
        <v>45702</v>
      </c>
      <c r="F18576" s="14" t="s">
        <v>15</v>
      </c>
      <c r="G18576" s="16">
        <v>0.15513655704519599</v>
      </c>
    </row>
    <row r="18577" spans="1:7" x14ac:dyDescent="0.3">
      <c r="A18577" s="13" t="s">
        <v>129</v>
      </c>
      <c r="B18577" s="14" t="s">
        <v>1</v>
      </c>
      <c r="C18577" s="14" t="s">
        <v>23</v>
      </c>
      <c r="D18577" s="14" t="s">
        <v>130</v>
      </c>
      <c r="E18577" s="15">
        <v>45703</v>
      </c>
      <c r="F18577" s="14" t="s">
        <v>15</v>
      </c>
      <c r="G18577" s="16">
        <v>0.15513655704519599</v>
      </c>
    </row>
    <row r="18578" spans="1:7" x14ac:dyDescent="0.3">
      <c r="A18578" s="13" t="s">
        <v>129</v>
      </c>
      <c r="B18578" s="14" t="s">
        <v>1</v>
      </c>
      <c r="C18578" s="14" t="s">
        <v>23</v>
      </c>
      <c r="D18578" s="14" t="s">
        <v>130</v>
      </c>
      <c r="E18578" s="15">
        <v>45704</v>
      </c>
      <c r="F18578" s="14" t="s">
        <v>15</v>
      </c>
      <c r="G18578" s="16">
        <v>0.15513655704519599</v>
      </c>
    </row>
    <row r="18579" spans="1:7" x14ac:dyDescent="0.3">
      <c r="A18579" s="13" t="s">
        <v>129</v>
      </c>
      <c r="B18579" s="14" t="s">
        <v>1</v>
      </c>
      <c r="C18579" s="14" t="s">
        <v>23</v>
      </c>
      <c r="D18579" s="14" t="s">
        <v>130</v>
      </c>
      <c r="E18579" s="15">
        <v>45705</v>
      </c>
      <c r="F18579" s="14" t="s">
        <v>15</v>
      </c>
      <c r="G18579" s="16">
        <v>0.15513655704519599</v>
      </c>
    </row>
    <row r="18580" spans="1:7" x14ac:dyDescent="0.3">
      <c r="A18580" s="13" t="s">
        <v>129</v>
      </c>
      <c r="B18580" s="14" t="s">
        <v>1</v>
      </c>
      <c r="C18580" s="14" t="s">
        <v>23</v>
      </c>
      <c r="D18580" s="14" t="s">
        <v>130</v>
      </c>
      <c r="E18580" s="15">
        <v>45706</v>
      </c>
      <c r="F18580" s="14" t="s">
        <v>15</v>
      </c>
      <c r="G18580" s="16">
        <v>0.16818401823784512</v>
      </c>
    </row>
    <row r="18581" spans="1:7" x14ac:dyDescent="0.3">
      <c r="A18581" s="13" t="s">
        <v>129</v>
      </c>
      <c r="B18581" s="14" t="s">
        <v>1</v>
      </c>
      <c r="C18581" s="14" t="s">
        <v>23</v>
      </c>
      <c r="D18581" s="14" t="s">
        <v>130</v>
      </c>
      <c r="E18581" s="15">
        <v>45707</v>
      </c>
      <c r="F18581" s="14" t="s">
        <v>15</v>
      </c>
      <c r="G18581" s="16">
        <v>0.22023631301701552</v>
      </c>
    </row>
    <row r="18582" spans="1:7" x14ac:dyDescent="0.3">
      <c r="A18582" s="13" t="s">
        <v>129</v>
      </c>
      <c r="B18582" s="14" t="s">
        <v>1</v>
      </c>
      <c r="C18582" s="14" t="s">
        <v>23</v>
      </c>
      <c r="D18582" s="14" t="s">
        <v>130</v>
      </c>
      <c r="E18582" s="15">
        <v>45708</v>
      </c>
      <c r="F18582" s="14" t="s">
        <v>15</v>
      </c>
      <c r="G18582" s="16">
        <v>0.23319087728014323</v>
      </c>
    </row>
    <row r="18583" spans="1:7" x14ac:dyDescent="0.3">
      <c r="A18583" s="13" t="s">
        <v>129</v>
      </c>
      <c r="B18583" s="14" t="s">
        <v>1</v>
      </c>
      <c r="C18583" s="14" t="s">
        <v>23</v>
      </c>
      <c r="D18583" s="14" t="s">
        <v>130</v>
      </c>
      <c r="E18583" s="15">
        <v>45709</v>
      </c>
      <c r="F18583" s="14" t="s">
        <v>15</v>
      </c>
      <c r="G18583" s="16">
        <v>0.24029422393980895</v>
      </c>
    </row>
    <row r="18584" spans="1:7" x14ac:dyDescent="0.3">
      <c r="A18584" s="13" t="s">
        <v>129</v>
      </c>
      <c r="B18584" s="14" t="s">
        <v>1</v>
      </c>
      <c r="C18584" s="14" t="s">
        <v>23</v>
      </c>
      <c r="D18584" s="14" t="s">
        <v>130</v>
      </c>
      <c r="E18584" s="15">
        <v>45710</v>
      </c>
      <c r="F18584" s="14" t="s">
        <v>15</v>
      </c>
      <c r="G18584" s="16">
        <v>0.24029422393980895</v>
      </c>
    </row>
    <row r="18585" spans="1:7" x14ac:dyDescent="0.3">
      <c r="A18585" s="13" t="s">
        <v>129</v>
      </c>
      <c r="B18585" s="14" t="s">
        <v>1</v>
      </c>
      <c r="C18585" s="14" t="s">
        <v>23</v>
      </c>
      <c r="D18585" s="14" t="s">
        <v>130</v>
      </c>
      <c r="E18585" s="15">
        <v>45711</v>
      </c>
      <c r="F18585" s="14" t="s">
        <v>15</v>
      </c>
      <c r="G18585" s="16">
        <v>0.24029422393980895</v>
      </c>
    </row>
    <row r="18586" spans="1:7" x14ac:dyDescent="0.3">
      <c r="A18586" s="13" t="s">
        <v>129</v>
      </c>
      <c r="B18586" s="14" t="s">
        <v>1</v>
      </c>
      <c r="C18586" s="14" t="s">
        <v>23</v>
      </c>
      <c r="D18586" s="14" t="s">
        <v>130</v>
      </c>
      <c r="E18586" s="15">
        <v>45712</v>
      </c>
      <c r="F18586" s="14" t="s">
        <v>15</v>
      </c>
      <c r="G18586" s="16">
        <v>0.25034117875672707</v>
      </c>
    </row>
    <row r="18587" spans="1:7" x14ac:dyDescent="0.3">
      <c r="A18587" s="13" t="s">
        <v>129</v>
      </c>
      <c r="B18587" s="14" t="s">
        <v>1</v>
      </c>
      <c r="C18587" s="14" t="s">
        <v>23</v>
      </c>
      <c r="D18587" s="14" t="s">
        <v>130</v>
      </c>
      <c r="E18587" s="15">
        <v>45713</v>
      </c>
      <c r="F18587" s="14" t="s">
        <v>15</v>
      </c>
      <c r="G18587" s="16">
        <v>0.28941616837546819</v>
      </c>
    </row>
    <row r="18588" spans="1:7" x14ac:dyDescent="0.3">
      <c r="A18588" s="13" t="s">
        <v>129</v>
      </c>
      <c r="B18588" s="14" t="s">
        <v>1</v>
      </c>
      <c r="C18588" s="14" t="s">
        <v>23</v>
      </c>
      <c r="D18588" s="14" t="s">
        <v>130</v>
      </c>
      <c r="E18588" s="15">
        <v>45714</v>
      </c>
      <c r="F18588" s="14" t="s">
        <v>15</v>
      </c>
      <c r="G18588" s="16">
        <v>0.30002114924771922</v>
      </c>
    </row>
    <row r="18589" spans="1:7" x14ac:dyDescent="0.3">
      <c r="A18589" s="13" t="s">
        <v>129</v>
      </c>
      <c r="B18589" s="14" t="s">
        <v>1</v>
      </c>
      <c r="C18589" s="14" t="s">
        <v>23</v>
      </c>
      <c r="D18589" s="14" t="s">
        <v>130</v>
      </c>
      <c r="E18589" s="15">
        <v>45715</v>
      </c>
      <c r="F18589" s="14" t="s">
        <v>15</v>
      </c>
      <c r="G18589" s="16">
        <v>0.31329316505989618</v>
      </c>
    </row>
    <row r="18590" spans="1:7" x14ac:dyDescent="0.3">
      <c r="A18590" s="13" t="s">
        <v>129</v>
      </c>
      <c r="B18590" s="14" t="s">
        <v>1</v>
      </c>
      <c r="C18590" s="14" t="s">
        <v>23</v>
      </c>
      <c r="D18590" s="14" t="s">
        <v>130</v>
      </c>
      <c r="E18590" s="15">
        <v>45716</v>
      </c>
      <c r="F18590" s="14" t="s">
        <v>15</v>
      </c>
      <c r="G18590" s="16">
        <v>0.32633178769433435</v>
      </c>
    </row>
    <row r="18591" spans="1:7" x14ac:dyDescent="0.3">
      <c r="A18591" s="13" t="s">
        <v>129</v>
      </c>
      <c r="B18591" s="14" t="s">
        <v>1</v>
      </c>
      <c r="C18591" s="14" t="s">
        <v>23</v>
      </c>
      <c r="D18591" s="14" t="s">
        <v>130</v>
      </c>
      <c r="E18591" s="15">
        <v>45717</v>
      </c>
      <c r="F18591" s="14" t="s">
        <v>15</v>
      </c>
      <c r="G18591" s="16">
        <v>0.32633178769433435</v>
      </c>
    </row>
    <row r="18592" spans="1:7" x14ac:dyDescent="0.3">
      <c r="A18592" s="13" t="s">
        <v>129</v>
      </c>
      <c r="B18592" s="14" t="s">
        <v>1</v>
      </c>
      <c r="C18592" s="14" t="s">
        <v>23</v>
      </c>
      <c r="D18592" s="14" t="s">
        <v>130</v>
      </c>
      <c r="E18592" s="15">
        <v>45718</v>
      </c>
      <c r="F18592" s="14" t="s">
        <v>15</v>
      </c>
      <c r="G18592" s="16">
        <v>0.32633178769433435</v>
      </c>
    </row>
    <row r="18593" spans="1:7" x14ac:dyDescent="0.3">
      <c r="A18593" s="13" t="s">
        <v>129</v>
      </c>
      <c r="B18593" s="14" t="s">
        <v>1</v>
      </c>
      <c r="C18593" s="14" t="s">
        <v>23</v>
      </c>
      <c r="D18593" s="14" t="s">
        <v>130</v>
      </c>
      <c r="E18593" s="15">
        <v>45719</v>
      </c>
      <c r="F18593" s="14" t="s">
        <v>15</v>
      </c>
      <c r="G18593" s="16">
        <v>0</v>
      </c>
    </row>
    <row r="18594" spans="1:7" x14ac:dyDescent="0.3">
      <c r="A18594" s="13" t="s">
        <v>129</v>
      </c>
      <c r="B18594" s="14" t="s">
        <v>1</v>
      </c>
      <c r="C18594" s="14" t="s">
        <v>23</v>
      </c>
      <c r="D18594" s="14" t="s">
        <v>130</v>
      </c>
      <c r="E18594" s="15">
        <v>45720</v>
      </c>
      <c r="F18594" s="14" t="s">
        <v>15</v>
      </c>
      <c r="G18594" s="16">
        <v>2.2559196384470293E-2</v>
      </c>
    </row>
    <row r="18595" spans="1:7" x14ac:dyDescent="0.3">
      <c r="A18595" s="13" t="s">
        <v>129</v>
      </c>
      <c r="B18595" s="14" t="s">
        <v>1</v>
      </c>
      <c r="C18595" s="14" t="s">
        <v>23</v>
      </c>
      <c r="D18595" s="14" t="s">
        <v>130</v>
      </c>
      <c r="E18595" s="15">
        <v>45721</v>
      </c>
      <c r="F18595" s="14" t="s">
        <v>15</v>
      </c>
      <c r="G18595" s="16">
        <v>3.5822189501807836E-2</v>
      </c>
    </row>
    <row r="18596" spans="1:7" x14ac:dyDescent="0.3">
      <c r="A18596" s="13" t="s">
        <v>129</v>
      </c>
      <c r="B18596" s="14" t="s">
        <v>1</v>
      </c>
      <c r="C18596" s="14" t="s">
        <v>23</v>
      </c>
      <c r="D18596" s="14" t="s">
        <v>130</v>
      </c>
      <c r="E18596" s="15">
        <v>45722</v>
      </c>
      <c r="F18596" s="14" t="s">
        <v>15</v>
      </c>
      <c r="G18596" s="16">
        <v>4.9448944530482604E-2</v>
      </c>
    </row>
    <row r="18597" spans="1:7" x14ac:dyDescent="0.3">
      <c r="A18597" s="13" t="s">
        <v>129</v>
      </c>
      <c r="B18597" s="14" t="s">
        <v>1</v>
      </c>
      <c r="C18597" s="14" t="s">
        <v>23</v>
      </c>
      <c r="D18597" s="14" t="s">
        <v>130</v>
      </c>
      <c r="E18597" s="15">
        <v>45723</v>
      </c>
      <c r="F18597" s="14" t="s">
        <v>15</v>
      </c>
      <c r="G18597" s="16">
        <v>6.2501009138866206E-2</v>
      </c>
    </row>
    <row r="18598" spans="1:7" x14ac:dyDescent="0.3">
      <c r="A18598" s="13" t="s">
        <v>129</v>
      </c>
      <c r="B18598" s="14" t="s">
        <v>1</v>
      </c>
      <c r="C18598" s="14" t="s">
        <v>23</v>
      </c>
      <c r="D18598" s="14" t="s">
        <v>130</v>
      </c>
      <c r="E18598" s="15">
        <v>45724</v>
      </c>
      <c r="F18598" s="14" t="s">
        <v>15</v>
      </c>
      <c r="G18598" s="16">
        <v>6.2501009138866206E-2</v>
      </c>
    </row>
    <row r="18599" spans="1:7" x14ac:dyDescent="0.3">
      <c r="A18599" s="13" t="s">
        <v>129</v>
      </c>
      <c r="B18599" s="14" t="s">
        <v>1</v>
      </c>
      <c r="C18599" s="14" t="s">
        <v>23</v>
      </c>
      <c r="D18599" s="14" t="s">
        <v>130</v>
      </c>
      <c r="E18599" s="15">
        <v>45725</v>
      </c>
      <c r="F18599" s="14" t="s">
        <v>15</v>
      </c>
      <c r="G18599" s="16">
        <v>6.2501009138866206E-2</v>
      </c>
    </row>
    <row r="18600" spans="1:7" x14ac:dyDescent="0.3">
      <c r="A18600" s="13" t="s">
        <v>129</v>
      </c>
      <c r="B18600" s="14" t="s">
        <v>1</v>
      </c>
      <c r="C18600" s="14" t="s">
        <v>23</v>
      </c>
      <c r="D18600" s="14" t="s">
        <v>130</v>
      </c>
      <c r="E18600" s="15">
        <v>45726</v>
      </c>
      <c r="F18600" s="14" t="s">
        <v>15</v>
      </c>
      <c r="G18600" s="16">
        <v>8.3531161488352976E-2</v>
      </c>
    </row>
    <row r="18601" spans="1:7" x14ac:dyDescent="0.3">
      <c r="A18601" s="13" t="s">
        <v>129</v>
      </c>
      <c r="B18601" s="14" t="s">
        <v>1</v>
      </c>
      <c r="C18601" s="14" t="s">
        <v>23</v>
      </c>
      <c r="D18601" s="14" t="s">
        <v>130</v>
      </c>
      <c r="E18601" s="15">
        <v>45727</v>
      </c>
      <c r="F18601" s="14" t="s">
        <v>15</v>
      </c>
      <c r="G18601" s="16">
        <v>0.12246878518157697</v>
      </c>
    </row>
    <row r="18602" spans="1:7" x14ac:dyDescent="0.3">
      <c r="A18602" s="13" t="s">
        <v>129</v>
      </c>
      <c r="B18602" s="14" t="s">
        <v>1</v>
      </c>
      <c r="C18602" s="14" t="s">
        <v>23</v>
      </c>
      <c r="D18602" s="14" t="s">
        <v>130</v>
      </c>
      <c r="E18602" s="15">
        <v>45728</v>
      </c>
      <c r="F18602" s="14" t="s">
        <v>15</v>
      </c>
      <c r="G18602" s="16">
        <v>0.13676193067197437</v>
      </c>
    </row>
    <row r="18603" spans="1:7" x14ac:dyDescent="0.3">
      <c r="A18603" s="13" t="s">
        <v>129</v>
      </c>
      <c r="B18603" s="14" t="s">
        <v>1</v>
      </c>
      <c r="C18603" s="14" t="s">
        <v>23</v>
      </c>
      <c r="D18603" s="14" t="s">
        <v>130</v>
      </c>
      <c r="E18603" s="15">
        <v>45729</v>
      </c>
      <c r="F18603" s="14" t="s">
        <v>15</v>
      </c>
      <c r="G18603" s="16">
        <v>0.14792751551236991</v>
      </c>
    </row>
    <row r="18604" spans="1:7" x14ac:dyDescent="0.3">
      <c r="A18604" s="13" t="s">
        <v>129</v>
      </c>
      <c r="B18604" s="14" t="s">
        <v>1</v>
      </c>
      <c r="C18604" s="14" t="s">
        <v>23</v>
      </c>
      <c r="D18604" s="14" t="s">
        <v>130</v>
      </c>
      <c r="E18604" s="15">
        <v>45730</v>
      </c>
      <c r="F18604" s="14" t="s">
        <v>15</v>
      </c>
      <c r="G18604" s="16">
        <v>6.5093284489394498E-2</v>
      </c>
    </row>
    <row r="18605" spans="1:7" x14ac:dyDescent="0.3">
      <c r="A18605" s="13" t="s">
        <v>129</v>
      </c>
      <c r="B18605" s="14" t="s">
        <v>1</v>
      </c>
      <c r="C18605" s="14" t="s">
        <v>23</v>
      </c>
      <c r="D18605" s="14" t="s">
        <v>130</v>
      </c>
      <c r="E18605" s="15">
        <v>45731</v>
      </c>
      <c r="F18605" s="14" t="s">
        <v>15</v>
      </c>
      <c r="G18605" s="16">
        <v>6.5093284489394498E-2</v>
      </c>
    </row>
    <row r="18606" spans="1:7" x14ac:dyDescent="0.3">
      <c r="A18606" s="13" t="s">
        <v>129</v>
      </c>
      <c r="B18606" s="14" t="s">
        <v>1</v>
      </c>
      <c r="C18606" s="14" t="s">
        <v>23</v>
      </c>
      <c r="D18606" s="14" t="s">
        <v>130</v>
      </c>
      <c r="E18606" s="15">
        <v>45732</v>
      </c>
      <c r="F18606" s="14" t="s">
        <v>15</v>
      </c>
      <c r="G18606" s="16">
        <v>6.5093284489394498E-2</v>
      </c>
    </row>
    <row r="18607" spans="1:7" x14ac:dyDescent="0.3">
      <c r="A18607" s="13" t="s">
        <v>129</v>
      </c>
      <c r="B18607" s="14" t="s">
        <v>1</v>
      </c>
      <c r="C18607" s="14" t="s">
        <v>23</v>
      </c>
      <c r="D18607" s="14" t="s">
        <v>130</v>
      </c>
      <c r="E18607" s="15">
        <v>45733</v>
      </c>
      <c r="F18607" s="14" t="s">
        <v>15</v>
      </c>
      <c r="G18607" s="16">
        <v>6.5093284489394498E-2</v>
      </c>
    </row>
    <row r="18608" spans="1:7" x14ac:dyDescent="0.3">
      <c r="A18608" s="13" t="s">
        <v>129</v>
      </c>
      <c r="B18608" s="14" t="s">
        <v>1</v>
      </c>
      <c r="C18608" s="14" t="s">
        <v>23</v>
      </c>
      <c r="D18608" s="14" t="s">
        <v>130</v>
      </c>
      <c r="E18608" s="15">
        <v>45734</v>
      </c>
      <c r="F18608" s="14" t="s">
        <v>15</v>
      </c>
      <c r="G18608" s="16">
        <v>7.6327091950975257E-2</v>
      </c>
    </row>
    <row r="18609" spans="1:7" x14ac:dyDescent="0.3">
      <c r="A18609" s="13" t="s">
        <v>129</v>
      </c>
      <c r="B18609" s="14" t="s">
        <v>1</v>
      </c>
      <c r="C18609" s="14" t="s">
        <v>23</v>
      </c>
      <c r="D18609" s="14" t="s">
        <v>130</v>
      </c>
      <c r="E18609" s="15">
        <v>45735</v>
      </c>
      <c r="F18609" s="14" t="s">
        <v>15</v>
      </c>
      <c r="G18609" s="16">
        <v>0.12181298245817514</v>
      </c>
    </row>
    <row r="18610" spans="1:7" x14ac:dyDescent="0.3">
      <c r="A18610" s="13" t="s">
        <v>129</v>
      </c>
      <c r="B18610" s="14" t="s">
        <v>1</v>
      </c>
      <c r="C18610" s="14" t="s">
        <v>23</v>
      </c>
      <c r="D18610" s="14" t="s">
        <v>130</v>
      </c>
      <c r="E18610" s="15">
        <v>45736</v>
      </c>
      <c r="F18610" s="14" t="s">
        <v>15</v>
      </c>
      <c r="G18610" s="16">
        <v>0.13494449418340748</v>
      </c>
    </row>
    <row r="18611" spans="1:7" x14ac:dyDescent="0.3">
      <c r="A18611" s="13" t="s">
        <v>129</v>
      </c>
      <c r="B18611" s="14" t="s">
        <v>1</v>
      </c>
      <c r="C18611" s="14" t="s">
        <v>23</v>
      </c>
      <c r="D18611" s="14" t="s">
        <v>130</v>
      </c>
      <c r="E18611" s="15">
        <v>45737</v>
      </c>
      <c r="F18611" s="14" t="s">
        <v>15</v>
      </c>
      <c r="G18611" s="16">
        <v>0.14712953585614355</v>
      </c>
    </row>
    <row r="18612" spans="1:7" x14ac:dyDescent="0.3">
      <c r="A18612" s="13" t="s">
        <v>129</v>
      </c>
      <c r="B18612" s="14" t="s">
        <v>1</v>
      </c>
      <c r="C18612" s="14" t="s">
        <v>23</v>
      </c>
      <c r="D18612" s="14" t="s">
        <v>130</v>
      </c>
      <c r="E18612" s="15">
        <v>45738</v>
      </c>
      <c r="F18612" s="14" t="s">
        <v>15</v>
      </c>
      <c r="G18612" s="16">
        <v>0.14712953585614355</v>
      </c>
    </row>
    <row r="18613" spans="1:7" x14ac:dyDescent="0.3">
      <c r="A18613" s="13" t="s">
        <v>129</v>
      </c>
      <c r="B18613" s="14" t="s">
        <v>1</v>
      </c>
      <c r="C18613" s="14" t="s">
        <v>23</v>
      </c>
      <c r="D18613" s="14" t="s">
        <v>130</v>
      </c>
      <c r="E18613" s="15">
        <v>45739</v>
      </c>
      <c r="F18613" s="14" t="s">
        <v>15</v>
      </c>
      <c r="G18613" s="16">
        <v>0.14712953585614355</v>
      </c>
    </row>
    <row r="18614" spans="1:7" x14ac:dyDescent="0.3">
      <c r="A18614" s="13" t="s">
        <v>129</v>
      </c>
      <c r="B18614" s="14" t="s">
        <v>1</v>
      </c>
      <c r="C18614" s="14" t="s">
        <v>23</v>
      </c>
      <c r="D18614" s="14" t="s">
        <v>130</v>
      </c>
      <c r="E18614" s="15">
        <v>45740</v>
      </c>
      <c r="F18614" s="14" t="s">
        <v>15</v>
      </c>
      <c r="G18614" s="16">
        <v>0.16031063053969527</v>
      </c>
    </row>
    <row r="18615" spans="1:7" x14ac:dyDescent="0.3">
      <c r="A18615" s="13" t="s">
        <v>129</v>
      </c>
      <c r="B18615" s="14" t="s">
        <v>1</v>
      </c>
      <c r="C18615" s="14" t="s">
        <v>23</v>
      </c>
      <c r="D18615" s="14" t="s">
        <v>130</v>
      </c>
      <c r="E18615" s="15">
        <v>45741</v>
      </c>
      <c r="F18615" s="14" t="s">
        <v>15</v>
      </c>
      <c r="G18615" s="16">
        <v>0.20011200646304486</v>
      </c>
    </row>
    <row r="18616" spans="1:7" x14ac:dyDescent="0.3">
      <c r="A18616" s="13" t="s">
        <v>129</v>
      </c>
      <c r="B18616" s="14" t="s">
        <v>1</v>
      </c>
      <c r="C18616" s="14" t="s">
        <v>23</v>
      </c>
      <c r="D18616" s="14" t="s">
        <v>130</v>
      </c>
      <c r="E18616" s="15">
        <v>45742</v>
      </c>
      <c r="F18616" s="14" t="s">
        <v>15</v>
      </c>
      <c r="G18616" s="16">
        <v>0.21326664343952337</v>
      </c>
    </row>
    <row r="18617" spans="1:7" x14ac:dyDescent="0.3">
      <c r="A18617" s="13" t="s">
        <v>129</v>
      </c>
      <c r="B18617" s="14" t="s">
        <v>1</v>
      </c>
      <c r="C18617" s="14" t="s">
        <v>23</v>
      </c>
      <c r="D18617" s="14" t="s">
        <v>130</v>
      </c>
      <c r="E18617" s="15">
        <v>45743</v>
      </c>
      <c r="F18617" s="14" t="s">
        <v>15</v>
      </c>
      <c r="G18617" s="16">
        <v>0.22661976951204904</v>
      </c>
    </row>
    <row r="18618" spans="1:7" x14ac:dyDescent="0.3">
      <c r="A18618" s="13" t="s">
        <v>129</v>
      </c>
      <c r="B18618" s="14" t="s">
        <v>1</v>
      </c>
      <c r="C18618" s="14" t="s">
        <v>23</v>
      </c>
      <c r="D18618" s="14" t="s">
        <v>130</v>
      </c>
      <c r="E18618" s="15">
        <v>45744</v>
      </c>
      <c r="F18618" s="14" t="s">
        <v>15</v>
      </c>
      <c r="G18618" s="16">
        <v>0.23974975015725516</v>
      </c>
    </row>
    <row r="18619" spans="1:7" x14ac:dyDescent="0.3">
      <c r="A18619" s="13" t="s">
        <v>129</v>
      </c>
      <c r="B18619" s="14" t="s">
        <v>1</v>
      </c>
      <c r="C18619" s="14" t="s">
        <v>23</v>
      </c>
      <c r="D18619" s="14" t="s">
        <v>130</v>
      </c>
      <c r="E18619" s="15">
        <v>45745</v>
      </c>
      <c r="F18619" s="14" t="s">
        <v>15</v>
      </c>
      <c r="G18619" s="16">
        <v>0.23974975015725516</v>
      </c>
    </row>
    <row r="18620" spans="1:7" x14ac:dyDescent="0.3">
      <c r="A18620" s="13" t="s">
        <v>129</v>
      </c>
      <c r="B18620" s="14" t="s">
        <v>1</v>
      </c>
      <c r="C18620" s="14" t="s">
        <v>23</v>
      </c>
      <c r="D18620" s="14" t="s">
        <v>130</v>
      </c>
      <c r="E18620" s="15">
        <v>45746</v>
      </c>
      <c r="F18620" s="14" t="s">
        <v>15</v>
      </c>
      <c r="G18620" s="16">
        <v>0.23974975015725516</v>
      </c>
    </row>
    <row r="18621" spans="1:7" x14ac:dyDescent="0.3">
      <c r="A18621" s="13" t="s">
        <v>129</v>
      </c>
      <c r="B18621" s="14" t="s">
        <v>1</v>
      </c>
      <c r="C18621" s="14" t="s">
        <v>23</v>
      </c>
      <c r="D18621" s="14" t="s">
        <v>130</v>
      </c>
      <c r="E18621" s="15">
        <v>45747</v>
      </c>
      <c r="F18621" s="14" t="s">
        <v>15</v>
      </c>
      <c r="G18621" s="16">
        <v>0.25277074756651424</v>
      </c>
    </row>
    <row r="18622" spans="1:7" x14ac:dyDescent="0.3">
      <c r="A18622" s="13" t="s">
        <v>131</v>
      </c>
      <c r="B18622" s="14" t="s">
        <v>1</v>
      </c>
      <c r="C18622" s="14" t="s">
        <v>59</v>
      </c>
      <c r="D18622" s="14" t="s">
        <v>14</v>
      </c>
      <c r="E18622" s="15">
        <v>45383</v>
      </c>
      <c r="F18622" s="14" t="s">
        <v>15</v>
      </c>
      <c r="G18622" s="16">
        <v>0</v>
      </c>
    </row>
    <row r="18623" spans="1:7" x14ac:dyDescent="0.3">
      <c r="A18623" s="13" t="s">
        <v>131</v>
      </c>
      <c r="B18623" s="14" t="s">
        <v>1</v>
      </c>
      <c r="C18623" s="14" t="s">
        <v>59</v>
      </c>
      <c r="D18623" s="14" t="s">
        <v>14</v>
      </c>
      <c r="E18623" s="15">
        <v>45384</v>
      </c>
      <c r="F18623" s="14" t="s">
        <v>15</v>
      </c>
      <c r="G18623" s="16">
        <v>0</v>
      </c>
    </row>
    <row r="18624" spans="1:7" x14ac:dyDescent="0.3">
      <c r="A18624" s="13" t="s">
        <v>131</v>
      </c>
      <c r="B18624" s="14" t="s">
        <v>1</v>
      </c>
      <c r="C18624" s="14" t="s">
        <v>59</v>
      </c>
      <c r="D18624" s="14" t="s">
        <v>14</v>
      </c>
      <c r="E18624" s="15">
        <v>45385</v>
      </c>
      <c r="F18624" s="14" t="s">
        <v>15</v>
      </c>
      <c r="G18624" s="16">
        <v>0</v>
      </c>
    </row>
    <row r="18625" spans="1:7" x14ac:dyDescent="0.3">
      <c r="A18625" s="13" t="s">
        <v>131</v>
      </c>
      <c r="B18625" s="14" t="s">
        <v>1</v>
      </c>
      <c r="C18625" s="14" t="s">
        <v>59</v>
      </c>
      <c r="D18625" s="14" t="s">
        <v>14</v>
      </c>
      <c r="E18625" s="15">
        <v>45386</v>
      </c>
      <c r="F18625" s="14" t="s">
        <v>15</v>
      </c>
      <c r="G18625" s="16">
        <v>0</v>
      </c>
    </row>
    <row r="18626" spans="1:7" x14ac:dyDescent="0.3">
      <c r="A18626" s="13" t="s">
        <v>131</v>
      </c>
      <c r="B18626" s="14" t="s">
        <v>1</v>
      </c>
      <c r="C18626" s="14" t="s">
        <v>59</v>
      </c>
      <c r="D18626" s="14" t="s">
        <v>14</v>
      </c>
      <c r="E18626" s="15">
        <v>45387</v>
      </c>
      <c r="F18626" s="14" t="s">
        <v>15</v>
      </c>
      <c r="G18626" s="16">
        <v>0</v>
      </c>
    </row>
    <row r="18627" spans="1:7" x14ac:dyDescent="0.3">
      <c r="A18627" s="13" t="s">
        <v>131</v>
      </c>
      <c r="B18627" s="14" t="s">
        <v>1</v>
      </c>
      <c r="C18627" s="14" t="s">
        <v>59</v>
      </c>
      <c r="D18627" s="14" t="s">
        <v>14</v>
      </c>
      <c r="E18627" s="15">
        <v>45388</v>
      </c>
      <c r="F18627" s="14" t="s">
        <v>15</v>
      </c>
      <c r="G18627" s="16">
        <v>0</v>
      </c>
    </row>
    <row r="18628" spans="1:7" x14ac:dyDescent="0.3">
      <c r="A18628" s="13" t="s">
        <v>131</v>
      </c>
      <c r="B18628" s="14" t="s">
        <v>1</v>
      </c>
      <c r="C18628" s="14" t="s">
        <v>59</v>
      </c>
      <c r="D18628" s="14" t="s">
        <v>14</v>
      </c>
      <c r="E18628" s="15">
        <v>45389</v>
      </c>
      <c r="F18628" s="14" t="s">
        <v>15</v>
      </c>
      <c r="G18628" s="16">
        <v>0</v>
      </c>
    </row>
    <row r="18629" spans="1:7" x14ac:dyDescent="0.3">
      <c r="A18629" s="13" t="s">
        <v>131</v>
      </c>
      <c r="B18629" s="14" t="s">
        <v>1</v>
      </c>
      <c r="C18629" s="14" t="s">
        <v>59</v>
      </c>
      <c r="D18629" s="14" t="s">
        <v>14</v>
      </c>
      <c r="E18629" s="15">
        <v>45390</v>
      </c>
      <c r="F18629" s="14" t="s">
        <v>15</v>
      </c>
      <c r="G18629" s="16">
        <v>0</v>
      </c>
    </row>
    <row r="18630" spans="1:7" x14ac:dyDescent="0.3">
      <c r="A18630" s="13" t="s">
        <v>131</v>
      </c>
      <c r="B18630" s="14" t="s">
        <v>1</v>
      </c>
      <c r="C18630" s="14" t="s">
        <v>59</v>
      </c>
      <c r="D18630" s="14" t="s">
        <v>14</v>
      </c>
      <c r="E18630" s="15">
        <v>45391</v>
      </c>
      <c r="F18630" s="14" t="s">
        <v>15</v>
      </c>
      <c r="G18630" s="16">
        <v>0</v>
      </c>
    </row>
    <row r="18631" spans="1:7" x14ac:dyDescent="0.3">
      <c r="A18631" s="13" t="s">
        <v>131</v>
      </c>
      <c r="B18631" s="14" t="s">
        <v>1</v>
      </c>
      <c r="C18631" s="14" t="s">
        <v>59</v>
      </c>
      <c r="D18631" s="14" t="s">
        <v>14</v>
      </c>
      <c r="E18631" s="15">
        <v>45392</v>
      </c>
      <c r="F18631" s="14" t="s">
        <v>15</v>
      </c>
      <c r="G18631" s="16">
        <v>0</v>
      </c>
    </row>
    <row r="18632" spans="1:7" x14ac:dyDescent="0.3">
      <c r="A18632" s="13" t="s">
        <v>131</v>
      </c>
      <c r="B18632" s="14" t="s">
        <v>1</v>
      </c>
      <c r="C18632" s="14" t="s">
        <v>59</v>
      </c>
      <c r="D18632" s="14" t="s">
        <v>14</v>
      </c>
      <c r="E18632" s="15">
        <v>45393</v>
      </c>
      <c r="F18632" s="14" t="s">
        <v>15</v>
      </c>
      <c r="G18632" s="16">
        <v>0</v>
      </c>
    </row>
    <row r="18633" spans="1:7" x14ac:dyDescent="0.3">
      <c r="A18633" s="13" t="s">
        <v>131</v>
      </c>
      <c r="B18633" s="14" t="s">
        <v>1</v>
      </c>
      <c r="C18633" s="14" t="s">
        <v>59</v>
      </c>
      <c r="D18633" s="14" t="s">
        <v>14</v>
      </c>
      <c r="E18633" s="15">
        <v>45394</v>
      </c>
      <c r="F18633" s="14" t="s">
        <v>15</v>
      </c>
      <c r="G18633" s="16">
        <v>0</v>
      </c>
    </row>
    <row r="18634" spans="1:7" x14ac:dyDescent="0.3">
      <c r="A18634" s="13" t="s">
        <v>131</v>
      </c>
      <c r="B18634" s="14" t="s">
        <v>1</v>
      </c>
      <c r="C18634" s="14" t="s">
        <v>59</v>
      </c>
      <c r="D18634" s="14" t="s">
        <v>14</v>
      </c>
      <c r="E18634" s="15">
        <v>45395</v>
      </c>
      <c r="F18634" s="14" t="s">
        <v>15</v>
      </c>
      <c r="G18634" s="16">
        <v>0</v>
      </c>
    </row>
    <row r="18635" spans="1:7" x14ac:dyDescent="0.3">
      <c r="A18635" s="13" t="s">
        <v>131</v>
      </c>
      <c r="B18635" s="14" t="s">
        <v>1</v>
      </c>
      <c r="C18635" s="14" t="s">
        <v>59</v>
      </c>
      <c r="D18635" s="14" t="s">
        <v>14</v>
      </c>
      <c r="E18635" s="15">
        <v>45396</v>
      </c>
      <c r="F18635" s="14" t="s">
        <v>15</v>
      </c>
      <c r="G18635" s="16">
        <v>0</v>
      </c>
    </row>
    <row r="18636" spans="1:7" x14ac:dyDescent="0.3">
      <c r="A18636" s="13" t="s">
        <v>131</v>
      </c>
      <c r="B18636" s="14" t="s">
        <v>1</v>
      </c>
      <c r="C18636" s="14" t="s">
        <v>59</v>
      </c>
      <c r="D18636" s="14" t="s">
        <v>14</v>
      </c>
      <c r="E18636" s="15">
        <v>45397</v>
      </c>
      <c r="F18636" s="14" t="s">
        <v>15</v>
      </c>
      <c r="G18636" s="16">
        <v>0</v>
      </c>
    </row>
    <row r="18637" spans="1:7" x14ac:dyDescent="0.3">
      <c r="A18637" s="13" t="s">
        <v>131</v>
      </c>
      <c r="B18637" s="14" t="s">
        <v>1</v>
      </c>
      <c r="C18637" s="14" t="s">
        <v>59</v>
      </c>
      <c r="D18637" s="14" t="s">
        <v>14</v>
      </c>
      <c r="E18637" s="15">
        <v>45398</v>
      </c>
      <c r="F18637" s="14" t="s">
        <v>15</v>
      </c>
      <c r="G18637" s="16">
        <v>0</v>
      </c>
    </row>
    <row r="18638" spans="1:7" x14ac:dyDescent="0.3">
      <c r="A18638" s="13" t="s">
        <v>131</v>
      </c>
      <c r="B18638" s="14" t="s">
        <v>1</v>
      </c>
      <c r="C18638" s="14" t="s">
        <v>59</v>
      </c>
      <c r="D18638" s="14" t="s">
        <v>14</v>
      </c>
      <c r="E18638" s="15">
        <v>45399</v>
      </c>
      <c r="F18638" s="14" t="s">
        <v>15</v>
      </c>
      <c r="G18638" s="16">
        <v>0</v>
      </c>
    </row>
    <row r="18639" spans="1:7" x14ac:dyDescent="0.3">
      <c r="A18639" s="13" t="s">
        <v>131</v>
      </c>
      <c r="B18639" s="14" t="s">
        <v>1</v>
      </c>
      <c r="C18639" s="14" t="s">
        <v>59</v>
      </c>
      <c r="D18639" s="14" t="s">
        <v>14</v>
      </c>
      <c r="E18639" s="15">
        <v>45400</v>
      </c>
      <c r="F18639" s="14" t="s">
        <v>15</v>
      </c>
      <c r="G18639" s="16">
        <v>0</v>
      </c>
    </row>
    <row r="18640" spans="1:7" x14ac:dyDescent="0.3">
      <c r="A18640" s="13" t="s">
        <v>131</v>
      </c>
      <c r="B18640" s="14" t="s">
        <v>1</v>
      </c>
      <c r="C18640" s="14" t="s">
        <v>59</v>
      </c>
      <c r="D18640" s="14" t="s">
        <v>14</v>
      </c>
      <c r="E18640" s="15">
        <v>45401</v>
      </c>
      <c r="F18640" s="14" t="s">
        <v>15</v>
      </c>
      <c r="G18640" s="16">
        <v>0</v>
      </c>
    </row>
    <row r="18641" spans="1:7" x14ac:dyDescent="0.3">
      <c r="A18641" s="13" t="s">
        <v>131</v>
      </c>
      <c r="B18641" s="14" t="s">
        <v>1</v>
      </c>
      <c r="C18641" s="14" t="s">
        <v>59</v>
      </c>
      <c r="D18641" s="14" t="s">
        <v>14</v>
      </c>
      <c r="E18641" s="15">
        <v>45402</v>
      </c>
      <c r="F18641" s="14" t="s">
        <v>15</v>
      </c>
      <c r="G18641" s="16">
        <v>0</v>
      </c>
    </row>
    <row r="18642" spans="1:7" x14ac:dyDescent="0.3">
      <c r="A18642" s="13" t="s">
        <v>131</v>
      </c>
      <c r="B18642" s="14" t="s">
        <v>1</v>
      </c>
      <c r="C18642" s="14" t="s">
        <v>59</v>
      </c>
      <c r="D18642" s="14" t="s">
        <v>14</v>
      </c>
      <c r="E18642" s="15">
        <v>45403</v>
      </c>
      <c r="F18642" s="14" t="s">
        <v>15</v>
      </c>
      <c r="G18642" s="16">
        <v>0</v>
      </c>
    </row>
    <row r="18643" spans="1:7" x14ac:dyDescent="0.3">
      <c r="A18643" s="13" t="s">
        <v>131</v>
      </c>
      <c r="B18643" s="14" t="s">
        <v>1</v>
      </c>
      <c r="C18643" s="14" t="s">
        <v>59</v>
      </c>
      <c r="D18643" s="14" t="s">
        <v>14</v>
      </c>
      <c r="E18643" s="15">
        <v>45404</v>
      </c>
      <c r="F18643" s="14" t="s">
        <v>15</v>
      </c>
      <c r="G18643" s="16">
        <v>0</v>
      </c>
    </row>
    <row r="18644" spans="1:7" x14ac:dyDescent="0.3">
      <c r="A18644" s="13" t="s">
        <v>131</v>
      </c>
      <c r="B18644" s="14" t="s">
        <v>1</v>
      </c>
      <c r="C18644" s="14" t="s">
        <v>59</v>
      </c>
      <c r="D18644" s="14" t="s">
        <v>14</v>
      </c>
      <c r="E18644" s="15">
        <v>45405</v>
      </c>
      <c r="F18644" s="14" t="s">
        <v>15</v>
      </c>
      <c r="G18644" s="16">
        <v>0</v>
      </c>
    </row>
    <row r="18645" spans="1:7" x14ac:dyDescent="0.3">
      <c r="A18645" s="13" t="s">
        <v>131</v>
      </c>
      <c r="B18645" s="14" t="s">
        <v>1</v>
      </c>
      <c r="C18645" s="14" t="s">
        <v>59</v>
      </c>
      <c r="D18645" s="14" t="s">
        <v>14</v>
      </c>
      <c r="E18645" s="15">
        <v>45406</v>
      </c>
      <c r="F18645" s="14" t="s">
        <v>15</v>
      </c>
      <c r="G18645" s="16">
        <v>0</v>
      </c>
    </row>
    <row r="18646" spans="1:7" x14ac:dyDescent="0.3">
      <c r="A18646" s="13" t="s">
        <v>131</v>
      </c>
      <c r="B18646" s="14" t="s">
        <v>1</v>
      </c>
      <c r="C18646" s="14" t="s">
        <v>59</v>
      </c>
      <c r="D18646" s="14" t="s">
        <v>14</v>
      </c>
      <c r="E18646" s="15">
        <v>45407</v>
      </c>
      <c r="F18646" s="14" t="s">
        <v>15</v>
      </c>
      <c r="G18646" s="16">
        <v>0</v>
      </c>
    </row>
    <row r="18647" spans="1:7" x14ac:dyDescent="0.3">
      <c r="A18647" s="13" t="s">
        <v>131</v>
      </c>
      <c r="B18647" s="14" t="s">
        <v>1</v>
      </c>
      <c r="C18647" s="14" t="s">
        <v>59</v>
      </c>
      <c r="D18647" s="14" t="s">
        <v>14</v>
      </c>
      <c r="E18647" s="15">
        <v>45408</v>
      </c>
      <c r="F18647" s="14" t="s">
        <v>15</v>
      </c>
      <c r="G18647" s="16">
        <v>0</v>
      </c>
    </row>
    <row r="18648" spans="1:7" x14ac:dyDescent="0.3">
      <c r="A18648" s="13" t="s">
        <v>131</v>
      </c>
      <c r="B18648" s="14" t="s">
        <v>1</v>
      </c>
      <c r="C18648" s="14" t="s">
        <v>59</v>
      </c>
      <c r="D18648" s="14" t="s">
        <v>14</v>
      </c>
      <c r="E18648" s="15">
        <v>45409</v>
      </c>
      <c r="F18648" s="14" t="s">
        <v>15</v>
      </c>
      <c r="G18648" s="16">
        <v>0</v>
      </c>
    </row>
    <row r="18649" spans="1:7" x14ac:dyDescent="0.3">
      <c r="A18649" s="13" t="s">
        <v>131</v>
      </c>
      <c r="B18649" s="14" t="s">
        <v>1</v>
      </c>
      <c r="C18649" s="14" t="s">
        <v>59</v>
      </c>
      <c r="D18649" s="14" t="s">
        <v>14</v>
      </c>
      <c r="E18649" s="15">
        <v>45410</v>
      </c>
      <c r="F18649" s="14" t="s">
        <v>15</v>
      </c>
      <c r="G18649" s="16">
        <v>0</v>
      </c>
    </row>
    <row r="18650" spans="1:7" x14ac:dyDescent="0.3">
      <c r="A18650" s="13" t="s">
        <v>131</v>
      </c>
      <c r="B18650" s="14" t="s">
        <v>1</v>
      </c>
      <c r="C18650" s="14" t="s">
        <v>59</v>
      </c>
      <c r="D18650" s="14" t="s">
        <v>14</v>
      </c>
      <c r="E18650" s="15">
        <v>45411</v>
      </c>
      <c r="F18650" s="14" t="s">
        <v>15</v>
      </c>
      <c r="G18650" s="16">
        <v>0</v>
      </c>
    </row>
    <row r="18651" spans="1:7" x14ac:dyDescent="0.3">
      <c r="A18651" s="13" t="s">
        <v>131</v>
      </c>
      <c r="B18651" s="14" t="s">
        <v>1</v>
      </c>
      <c r="C18651" s="14" t="s">
        <v>59</v>
      </c>
      <c r="D18651" s="14" t="s">
        <v>14</v>
      </c>
      <c r="E18651" s="15">
        <v>45412</v>
      </c>
      <c r="F18651" s="14" t="s">
        <v>15</v>
      </c>
      <c r="G18651" s="16">
        <v>0</v>
      </c>
    </row>
    <row r="18652" spans="1:7" x14ac:dyDescent="0.3">
      <c r="A18652" s="13" t="s">
        <v>131</v>
      </c>
      <c r="B18652" s="14" t="s">
        <v>1</v>
      </c>
      <c r="C18652" s="14" t="s">
        <v>59</v>
      </c>
      <c r="D18652" s="14" t="s">
        <v>14</v>
      </c>
      <c r="E18652" s="15">
        <v>45413</v>
      </c>
      <c r="F18652" s="14" t="s">
        <v>15</v>
      </c>
      <c r="G18652" s="16">
        <v>0</v>
      </c>
    </row>
    <row r="18653" spans="1:7" x14ac:dyDescent="0.3">
      <c r="A18653" s="13" t="s">
        <v>131</v>
      </c>
      <c r="B18653" s="14" t="s">
        <v>1</v>
      </c>
      <c r="C18653" s="14" t="s">
        <v>59</v>
      </c>
      <c r="D18653" s="14" t="s">
        <v>14</v>
      </c>
      <c r="E18653" s="15">
        <v>45414</v>
      </c>
      <c r="F18653" s="14" t="s">
        <v>15</v>
      </c>
      <c r="G18653" s="16">
        <v>0</v>
      </c>
    </row>
    <row r="18654" spans="1:7" x14ac:dyDescent="0.3">
      <c r="A18654" s="13" t="s">
        <v>131</v>
      </c>
      <c r="B18654" s="14" t="s">
        <v>1</v>
      </c>
      <c r="C18654" s="14" t="s">
        <v>59</v>
      </c>
      <c r="D18654" s="14" t="s">
        <v>14</v>
      </c>
      <c r="E18654" s="15">
        <v>45415</v>
      </c>
      <c r="F18654" s="14" t="s">
        <v>15</v>
      </c>
      <c r="G18654" s="16">
        <v>0</v>
      </c>
    </row>
    <row r="18655" spans="1:7" x14ac:dyDescent="0.3">
      <c r="A18655" s="13" t="s">
        <v>131</v>
      </c>
      <c r="B18655" s="14" t="s">
        <v>1</v>
      </c>
      <c r="C18655" s="14" t="s">
        <v>59</v>
      </c>
      <c r="D18655" s="14" t="s">
        <v>14</v>
      </c>
      <c r="E18655" s="15">
        <v>45416</v>
      </c>
      <c r="F18655" s="14" t="s">
        <v>15</v>
      </c>
      <c r="G18655" s="16">
        <v>0</v>
      </c>
    </row>
    <row r="18656" spans="1:7" x14ac:dyDescent="0.3">
      <c r="A18656" s="13" t="s">
        <v>131</v>
      </c>
      <c r="B18656" s="14" t="s">
        <v>1</v>
      </c>
      <c r="C18656" s="14" t="s">
        <v>59</v>
      </c>
      <c r="D18656" s="14" t="s">
        <v>14</v>
      </c>
      <c r="E18656" s="15">
        <v>45417</v>
      </c>
      <c r="F18656" s="14" t="s">
        <v>15</v>
      </c>
      <c r="G18656" s="16">
        <v>0</v>
      </c>
    </row>
    <row r="18657" spans="1:7" x14ac:dyDescent="0.3">
      <c r="A18657" s="13" t="s">
        <v>131</v>
      </c>
      <c r="B18657" s="14" t="s">
        <v>1</v>
      </c>
      <c r="C18657" s="14" t="s">
        <v>59</v>
      </c>
      <c r="D18657" s="14" t="s">
        <v>14</v>
      </c>
      <c r="E18657" s="15">
        <v>45418</v>
      </c>
      <c r="F18657" s="14" t="s">
        <v>15</v>
      </c>
      <c r="G18657" s="16">
        <v>0</v>
      </c>
    </row>
    <row r="18658" spans="1:7" x14ac:dyDescent="0.3">
      <c r="A18658" s="13" t="s">
        <v>131</v>
      </c>
      <c r="B18658" s="14" t="s">
        <v>1</v>
      </c>
      <c r="C18658" s="14" t="s">
        <v>59</v>
      </c>
      <c r="D18658" s="14" t="s">
        <v>14</v>
      </c>
      <c r="E18658" s="15">
        <v>45419</v>
      </c>
      <c r="F18658" s="14" t="s">
        <v>15</v>
      </c>
      <c r="G18658" s="16">
        <v>0</v>
      </c>
    </row>
    <row r="18659" spans="1:7" x14ac:dyDescent="0.3">
      <c r="A18659" s="13" t="s">
        <v>131</v>
      </c>
      <c r="B18659" s="14" t="s">
        <v>1</v>
      </c>
      <c r="C18659" s="14" t="s">
        <v>59</v>
      </c>
      <c r="D18659" s="14" t="s">
        <v>14</v>
      </c>
      <c r="E18659" s="15">
        <v>45420</v>
      </c>
      <c r="F18659" s="14" t="s">
        <v>15</v>
      </c>
      <c r="G18659" s="16">
        <v>0</v>
      </c>
    </row>
    <row r="18660" spans="1:7" x14ac:dyDescent="0.3">
      <c r="A18660" s="13" t="s">
        <v>131</v>
      </c>
      <c r="B18660" s="14" t="s">
        <v>1</v>
      </c>
      <c r="C18660" s="14" t="s">
        <v>59</v>
      </c>
      <c r="D18660" s="14" t="s">
        <v>14</v>
      </c>
      <c r="E18660" s="15">
        <v>45421</v>
      </c>
      <c r="F18660" s="14" t="s">
        <v>15</v>
      </c>
      <c r="G18660" s="16">
        <v>0</v>
      </c>
    </row>
    <row r="18661" spans="1:7" x14ac:dyDescent="0.3">
      <c r="A18661" s="13" t="s">
        <v>131</v>
      </c>
      <c r="B18661" s="14" t="s">
        <v>1</v>
      </c>
      <c r="C18661" s="14" t="s">
        <v>59</v>
      </c>
      <c r="D18661" s="14" t="s">
        <v>14</v>
      </c>
      <c r="E18661" s="15">
        <v>45422</v>
      </c>
      <c r="F18661" s="14" t="s">
        <v>15</v>
      </c>
      <c r="G18661" s="16">
        <v>0</v>
      </c>
    </row>
    <row r="18662" spans="1:7" x14ac:dyDescent="0.3">
      <c r="A18662" s="13" t="s">
        <v>131</v>
      </c>
      <c r="B18662" s="14" t="s">
        <v>1</v>
      </c>
      <c r="C18662" s="14" t="s">
        <v>59</v>
      </c>
      <c r="D18662" s="14" t="s">
        <v>14</v>
      </c>
      <c r="E18662" s="15">
        <v>45423</v>
      </c>
      <c r="F18662" s="14" t="s">
        <v>15</v>
      </c>
      <c r="G18662" s="16">
        <v>0</v>
      </c>
    </row>
    <row r="18663" spans="1:7" x14ac:dyDescent="0.3">
      <c r="A18663" s="13" t="s">
        <v>131</v>
      </c>
      <c r="B18663" s="14" t="s">
        <v>1</v>
      </c>
      <c r="C18663" s="14" t="s">
        <v>59</v>
      </c>
      <c r="D18663" s="14" t="s">
        <v>14</v>
      </c>
      <c r="E18663" s="15">
        <v>45424</v>
      </c>
      <c r="F18663" s="14" t="s">
        <v>15</v>
      </c>
      <c r="G18663" s="16">
        <v>0</v>
      </c>
    </row>
    <row r="18664" spans="1:7" x14ac:dyDescent="0.3">
      <c r="A18664" s="13" t="s">
        <v>131</v>
      </c>
      <c r="B18664" s="14" t="s">
        <v>1</v>
      </c>
      <c r="C18664" s="14" t="s">
        <v>59</v>
      </c>
      <c r="D18664" s="14" t="s">
        <v>14</v>
      </c>
      <c r="E18664" s="15">
        <v>45425</v>
      </c>
      <c r="F18664" s="14" t="s">
        <v>15</v>
      </c>
      <c r="G18664" s="16">
        <v>0</v>
      </c>
    </row>
    <row r="18665" spans="1:7" x14ac:dyDescent="0.3">
      <c r="A18665" s="13" t="s">
        <v>131</v>
      </c>
      <c r="B18665" s="14" t="s">
        <v>1</v>
      </c>
      <c r="C18665" s="14" t="s">
        <v>59</v>
      </c>
      <c r="D18665" s="14" t="s">
        <v>14</v>
      </c>
      <c r="E18665" s="15">
        <v>45426</v>
      </c>
      <c r="F18665" s="14" t="s">
        <v>15</v>
      </c>
      <c r="G18665" s="16">
        <v>0</v>
      </c>
    </row>
    <row r="18666" spans="1:7" x14ac:dyDescent="0.3">
      <c r="A18666" s="13" t="s">
        <v>131</v>
      </c>
      <c r="B18666" s="14" t="s">
        <v>1</v>
      </c>
      <c r="C18666" s="14" t="s">
        <v>59</v>
      </c>
      <c r="D18666" s="14" t="s">
        <v>14</v>
      </c>
      <c r="E18666" s="15">
        <v>45427</v>
      </c>
      <c r="F18666" s="14" t="s">
        <v>15</v>
      </c>
      <c r="G18666" s="16">
        <v>0</v>
      </c>
    </row>
    <row r="18667" spans="1:7" x14ac:dyDescent="0.3">
      <c r="A18667" s="13" t="s">
        <v>131</v>
      </c>
      <c r="B18667" s="14" t="s">
        <v>1</v>
      </c>
      <c r="C18667" s="14" t="s">
        <v>59</v>
      </c>
      <c r="D18667" s="14" t="s">
        <v>14</v>
      </c>
      <c r="E18667" s="15">
        <v>45428</v>
      </c>
      <c r="F18667" s="14" t="s">
        <v>15</v>
      </c>
      <c r="G18667" s="16">
        <v>0</v>
      </c>
    </row>
    <row r="18668" spans="1:7" x14ac:dyDescent="0.3">
      <c r="A18668" s="13" t="s">
        <v>131</v>
      </c>
      <c r="B18668" s="14" t="s">
        <v>1</v>
      </c>
      <c r="C18668" s="14" t="s">
        <v>59</v>
      </c>
      <c r="D18668" s="14" t="s">
        <v>14</v>
      </c>
      <c r="E18668" s="15">
        <v>45429</v>
      </c>
      <c r="F18668" s="14" t="s">
        <v>15</v>
      </c>
      <c r="G18668" s="16">
        <v>0</v>
      </c>
    </row>
    <row r="18669" spans="1:7" x14ac:dyDescent="0.3">
      <c r="A18669" s="13" t="s">
        <v>131</v>
      </c>
      <c r="B18669" s="14" t="s">
        <v>1</v>
      </c>
      <c r="C18669" s="14" t="s">
        <v>59</v>
      </c>
      <c r="D18669" s="14" t="s">
        <v>14</v>
      </c>
      <c r="E18669" s="15">
        <v>45430</v>
      </c>
      <c r="F18669" s="14" t="s">
        <v>15</v>
      </c>
      <c r="G18669" s="16">
        <v>0</v>
      </c>
    </row>
    <row r="18670" spans="1:7" x14ac:dyDescent="0.3">
      <c r="A18670" s="13" t="s">
        <v>131</v>
      </c>
      <c r="B18670" s="14" t="s">
        <v>1</v>
      </c>
      <c r="C18670" s="14" t="s">
        <v>59</v>
      </c>
      <c r="D18670" s="14" t="s">
        <v>14</v>
      </c>
      <c r="E18670" s="15">
        <v>45431</v>
      </c>
      <c r="F18670" s="14" t="s">
        <v>15</v>
      </c>
      <c r="G18670" s="16">
        <v>0</v>
      </c>
    </row>
    <row r="18671" spans="1:7" x14ac:dyDescent="0.3">
      <c r="A18671" s="13" t="s">
        <v>131</v>
      </c>
      <c r="B18671" s="14" t="s">
        <v>1</v>
      </c>
      <c r="C18671" s="14" t="s">
        <v>59</v>
      </c>
      <c r="D18671" s="14" t="s">
        <v>14</v>
      </c>
      <c r="E18671" s="15">
        <v>45432</v>
      </c>
      <c r="F18671" s="14" t="s">
        <v>15</v>
      </c>
      <c r="G18671" s="16">
        <v>0</v>
      </c>
    </row>
    <row r="18672" spans="1:7" x14ac:dyDescent="0.3">
      <c r="A18672" s="13" t="s">
        <v>131</v>
      </c>
      <c r="B18672" s="14" t="s">
        <v>1</v>
      </c>
      <c r="C18672" s="14" t="s">
        <v>59</v>
      </c>
      <c r="D18672" s="14" t="s">
        <v>14</v>
      </c>
      <c r="E18672" s="15">
        <v>45433</v>
      </c>
      <c r="F18672" s="14" t="s">
        <v>15</v>
      </c>
      <c r="G18672" s="16">
        <v>0</v>
      </c>
    </row>
    <row r="18673" spans="1:7" x14ac:dyDescent="0.3">
      <c r="A18673" s="13" t="s">
        <v>131</v>
      </c>
      <c r="B18673" s="14" t="s">
        <v>1</v>
      </c>
      <c r="C18673" s="14" t="s">
        <v>59</v>
      </c>
      <c r="D18673" s="14" t="s">
        <v>14</v>
      </c>
      <c r="E18673" s="15">
        <v>45434</v>
      </c>
      <c r="F18673" s="14" t="s">
        <v>15</v>
      </c>
      <c r="G18673" s="16">
        <v>0</v>
      </c>
    </row>
    <row r="18674" spans="1:7" x14ac:dyDescent="0.3">
      <c r="A18674" s="13" t="s">
        <v>131</v>
      </c>
      <c r="B18674" s="14" t="s">
        <v>1</v>
      </c>
      <c r="C18674" s="14" t="s">
        <v>59</v>
      </c>
      <c r="D18674" s="14" t="s">
        <v>14</v>
      </c>
      <c r="E18674" s="15">
        <v>45435</v>
      </c>
      <c r="F18674" s="14" t="s">
        <v>15</v>
      </c>
      <c r="G18674" s="16">
        <v>0</v>
      </c>
    </row>
    <row r="18675" spans="1:7" x14ac:dyDescent="0.3">
      <c r="A18675" s="13" t="s">
        <v>131</v>
      </c>
      <c r="B18675" s="14" t="s">
        <v>1</v>
      </c>
      <c r="C18675" s="14" t="s">
        <v>59</v>
      </c>
      <c r="D18675" s="14" t="s">
        <v>14</v>
      </c>
      <c r="E18675" s="15">
        <v>45436</v>
      </c>
      <c r="F18675" s="14" t="s">
        <v>15</v>
      </c>
      <c r="G18675" s="16">
        <v>0</v>
      </c>
    </row>
    <row r="18676" spans="1:7" x14ac:dyDescent="0.3">
      <c r="A18676" s="13" t="s">
        <v>131</v>
      </c>
      <c r="B18676" s="14" t="s">
        <v>1</v>
      </c>
      <c r="C18676" s="14" t="s">
        <v>59</v>
      </c>
      <c r="D18676" s="14" t="s">
        <v>14</v>
      </c>
      <c r="E18676" s="15">
        <v>45437</v>
      </c>
      <c r="F18676" s="14" t="s">
        <v>15</v>
      </c>
      <c r="G18676" s="16">
        <v>0</v>
      </c>
    </row>
    <row r="18677" spans="1:7" x14ac:dyDescent="0.3">
      <c r="A18677" s="13" t="s">
        <v>131</v>
      </c>
      <c r="B18677" s="14" t="s">
        <v>1</v>
      </c>
      <c r="C18677" s="14" t="s">
        <v>59</v>
      </c>
      <c r="D18677" s="14" t="s">
        <v>14</v>
      </c>
      <c r="E18677" s="15">
        <v>45438</v>
      </c>
      <c r="F18677" s="14" t="s">
        <v>15</v>
      </c>
      <c r="G18677" s="16">
        <v>0</v>
      </c>
    </row>
    <row r="18678" spans="1:7" x14ac:dyDescent="0.3">
      <c r="A18678" s="13" t="s">
        <v>131</v>
      </c>
      <c r="B18678" s="14" t="s">
        <v>1</v>
      </c>
      <c r="C18678" s="14" t="s">
        <v>59</v>
      </c>
      <c r="D18678" s="14" t="s">
        <v>14</v>
      </c>
      <c r="E18678" s="15">
        <v>45439</v>
      </c>
      <c r="F18678" s="14" t="s">
        <v>15</v>
      </c>
      <c r="G18678" s="16">
        <v>0</v>
      </c>
    </row>
    <row r="18679" spans="1:7" x14ac:dyDescent="0.3">
      <c r="A18679" s="13" t="s">
        <v>131</v>
      </c>
      <c r="B18679" s="14" t="s">
        <v>1</v>
      </c>
      <c r="C18679" s="14" t="s">
        <v>59</v>
      </c>
      <c r="D18679" s="14" t="s">
        <v>14</v>
      </c>
      <c r="E18679" s="15">
        <v>45440</v>
      </c>
      <c r="F18679" s="14" t="s">
        <v>15</v>
      </c>
      <c r="G18679" s="16">
        <v>0</v>
      </c>
    </row>
    <row r="18680" spans="1:7" x14ac:dyDescent="0.3">
      <c r="A18680" s="13" t="s">
        <v>131</v>
      </c>
      <c r="B18680" s="14" t="s">
        <v>1</v>
      </c>
      <c r="C18680" s="14" t="s">
        <v>59</v>
      </c>
      <c r="D18680" s="14" t="s">
        <v>14</v>
      </c>
      <c r="E18680" s="15">
        <v>45441</v>
      </c>
      <c r="F18680" s="14" t="s">
        <v>15</v>
      </c>
      <c r="G18680" s="16">
        <v>0</v>
      </c>
    </row>
    <row r="18681" spans="1:7" x14ac:dyDescent="0.3">
      <c r="A18681" s="13" t="s">
        <v>131</v>
      </c>
      <c r="B18681" s="14" t="s">
        <v>1</v>
      </c>
      <c r="C18681" s="14" t="s">
        <v>59</v>
      </c>
      <c r="D18681" s="14" t="s">
        <v>14</v>
      </c>
      <c r="E18681" s="15">
        <v>45442</v>
      </c>
      <c r="F18681" s="14" t="s">
        <v>15</v>
      </c>
      <c r="G18681" s="16">
        <v>0</v>
      </c>
    </row>
    <row r="18682" spans="1:7" x14ac:dyDescent="0.3">
      <c r="A18682" s="13" t="s">
        <v>131</v>
      </c>
      <c r="B18682" s="14" t="s">
        <v>1</v>
      </c>
      <c r="C18682" s="14" t="s">
        <v>59</v>
      </c>
      <c r="D18682" s="14" t="s">
        <v>14</v>
      </c>
      <c r="E18682" s="15">
        <v>45443</v>
      </c>
      <c r="F18682" s="14" t="s">
        <v>15</v>
      </c>
      <c r="G18682" s="16">
        <v>0</v>
      </c>
    </row>
    <row r="18683" spans="1:7" x14ac:dyDescent="0.3">
      <c r="A18683" s="13" t="s">
        <v>131</v>
      </c>
      <c r="B18683" s="14" t="s">
        <v>1</v>
      </c>
      <c r="C18683" s="14" t="s">
        <v>59</v>
      </c>
      <c r="D18683" s="14" t="s">
        <v>14</v>
      </c>
      <c r="E18683" s="15">
        <v>45444</v>
      </c>
      <c r="F18683" s="14" t="s">
        <v>15</v>
      </c>
      <c r="G18683" s="16">
        <v>0</v>
      </c>
    </row>
    <row r="18684" spans="1:7" x14ac:dyDescent="0.3">
      <c r="A18684" s="13" t="s">
        <v>131</v>
      </c>
      <c r="B18684" s="14" t="s">
        <v>1</v>
      </c>
      <c r="C18684" s="14" t="s">
        <v>59</v>
      </c>
      <c r="D18684" s="14" t="s">
        <v>14</v>
      </c>
      <c r="E18684" s="15">
        <v>45445</v>
      </c>
      <c r="F18684" s="14" t="s">
        <v>15</v>
      </c>
      <c r="G18684" s="16">
        <v>0</v>
      </c>
    </row>
    <row r="18685" spans="1:7" x14ac:dyDescent="0.3">
      <c r="A18685" s="13" t="s">
        <v>131</v>
      </c>
      <c r="B18685" s="14" t="s">
        <v>1</v>
      </c>
      <c r="C18685" s="14" t="s">
        <v>59</v>
      </c>
      <c r="D18685" s="14" t="s">
        <v>14</v>
      </c>
      <c r="E18685" s="15">
        <v>45446</v>
      </c>
      <c r="F18685" s="14" t="s">
        <v>15</v>
      </c>
      <c r="G18685" s="16">
        <v>0</v>
      </c>
    </row>
    <row r="18686" spans="1:7" x14ac:dyDescent="0.3">
      <c r="A18686" s="13" t="s">
        <v>131</v>
      </c>
      <c r="B18686" s="14" t="s">
        <v>1</v>
      </c>
      <c r="C18686" s="14" t="s">
        <v>59</v>
      </c>
      <c r="D18686" s="14" t="s">
        <v>14</v>
      </c>
      <c r="E18686" s="15">
        <v>45447</v>
      </c>
      <c r="F18686" s="14" t="s">
        <v>15</v>
      </c>
      <c r="G18686" s="16">
        <v>0</v>
      </c>
    </row>
    <row r="18687" spans="1:7" x14ac:dyDescent="0.3">
      <c r="A18687" s="13" t="s">
        <v>131</v>
      </c>
      <c r="B18687" s="14" t="s">
        <v>1</v>
      </c>
      <c r="C18687" s="14" t="s">
        <v>59</v>
      </c>
      <c r="D18687" s="14" t="s">
        <v>14</v>
      </c>
      <c r="E18687" s="15">
        <v>45448</v>
      </c>
      <c r="F18687" s="14" t="s">
        <v>15</v>
      </c>
      <c r="G18687" s="16">
        <v>0</v>
      </c>
    </row>
    <row r="18688" spans="1:7" x14ac:dyDescent="0.3">
      <c r="A18688" s="13" t="s">
        <v>131</v>
      </c>
      <c r="B18688" s="14" t="s">
        <v>1</v>
      </c>
      <c r="C18688" s="14" t="s">
        <v>59</v>
      </c>
      <c r="D18688" s="14" t="s">
        <v>14</v>
      </c>
      <c r="E18688" s="15">
        <v>45449</v>
      </c>
      <c r="F18688" s="14" t="s">
        <v>15</v>
      </c>
      <c r="G18688" s="16">
        <v>0</v>
      </c>
    </row>
    <row r="18689" spans="1:7" x14ac:dyDescent="0.3">
      <c r="A18689" s="13" t="s">
        <v>131</v>
      </c>
      <c r="B18689" s="14" t="s">
        <v>1</v>
      </c>
      <c r="C18689" s="14" t="s">
        <v>59</v>
      </c>
      <c r="D18689" s="14" t="s">
        <v>14</v>
      </c>
      <c r="E18689" s="15">
        <v>45450</v>
      </c>
      <c r="F18689" s="14" t="s">
        <v>15</v>
      </c>
      <c r="G18689" s="16">
        <v>0</v>
      </c>
    </row>
    <row r="18690" spans="1:7" x14ac:dyDescent="0.3">
      <c r="A18690" s="13" t="s">
        <v>131</v>
      </c>
      <c r="B18690" s="14" t="s">
        <v>1</v>
      </c>
      <c r="C18690" s="14" t="s">
        <v>59</v>
      </c>
      <c r="D18690" s="14" t="s">
        <v>14</v>
      </c>
      <c r="E18690" s="15">
        <v>45451</v>
      </c>
      <c r="F18690" s="14" t="s">
        <v>15</v>
      </c>
      <c r="G18690" s="16">
        <v>0</v>
      </c>
    </row>
    <row r="18691" spans="1:7" x14ac:dyDescent="0.3">
      <c r="A18691" s="13" t="s">
        <v>131</v>
      </c>
      <c r="B18691" s="14" t="s">
        <v>1</v>
      </c>
      <c r="C18691" s="14" t="s">
        <v>59</v>
      </c>
      <c r="D18691" s="14" t="s">
        <v>14</v>
      </c>
      <c r="E18691" s="15">
        <v>45452</v>
      </c>
      <c r="F18691" s="14" t="s">
        <v>15</v>
      </c>
      <c r="G18691" s="16">
        <v>0</v>
      </c>
    </row>
    <row r="18692" spans="1:7" x14ac:dyDescent="0.3">
      <c r="A18692" s="13" t="s">
        <v>131</v>
      </c>
      <c r="B18692" s="14" t="s">
        <v>1</v>
      </c>
      <c r="C18692" s="14" t="s">
        <v>59</v>
      </c>
      <c r="D18692" s="14" t="s">
        <v>14</v>
      </c>
      <c r="E18692" s="15">
        <v>45453</v>
      </c>
      <c r="F18692" s="14" t="s">
        <v>15</v>
      </c>
      <c r="G18692" s="16">
        <v>0</v>
      </c>
    </row>
    <row r="18693" spans="1:7" x14ac:dyDescent="0.3">
      <c r="A18693" s="13" t="s">
        <v>131</v>
      </c>
      <c r="B18693" s="14" t="s">
        <v>1</v>
      </c>
      <c r="C18693" s="14" t="s">
        <v>59</v>
      </c>
      <c r="D18693" s="14" t="s">
        <v>14</v>
      </c>
      <c r="E18693" s="15">
        <v>45454</v>
      </c>
      <c r="F18693" s="14" t="s">
        <v>15</v>
      </c>
      <c r="G18693" s="16">
        <v>0</v>
      </c>
    </row>
    <row r="18694" spans="1:7" x14ac:dyDescent="0.3">
      <c r="A18694" s="13" t="s">
        <v>131</v>
      </c>
      <c r="B18694" s="14" t="s">
        <v>1</v>
      </c>
      <c r="C18694" s="14" t="s">
        <v>59</v>
      </c>
      <c r="D18694" s="14" t="s">
        <v>14</v>
      </c>
      <c r="E18694" s="15">
        <v>45455</v>
      </c>
      <c r="F18694" s="14" t="s">
        <v>15</v>
      </c>
      <c r="G18694" s="16">
        <v>0</v>
      </c>
    </row>
    <row r="18695" spans="1:7" x14ac:dyDescent="0.3">
      <c r="A18695" s="13" t="s">
        <v>131</v>
      </c>
      <c r="B18695" s="14" t="s">
        <v>1</v>
      </c>
      <c r="C18695" s="14" t="s">
        <v>59</v>
      </c>
      <c r="D18695" s="14" t="s">
        <v>14</v>
      </c>
      <c r="E18695" s="15">
        <v>45456</v>
      </c>
      <c r="F18695" s="14" t="s">
        <v>15</v>
      </c>
      <c r="G18695" s="16">
        <v>0</v>
      </c>
    </row>
    <row r="18696" spans="1:7" x14ac:dyDescent="0.3">
      <c r="A18696" s="13" t="s">
        <v>131</v>
      </c>
      <c r="B18696" s="14" t="s">
        <v>1</v>
      </c>
      <c r="C18696" s="14" t="s">
        <v>59</v>
      </c>
      <c r="D18696" s="14" t="s">
        <v>14</v>
      </c>
      <c r="E18696" s="15">
        <v>45457</v>
      </c>
      <c r="F18696" s="14" t="s">
        <v>15</v>
      </c>
      <c r="G18696" s="16">
        <v>0</v>
      </c>
    </row>
    <row r="18697" spans="1:7" x14ac:dyDescent="0.3">
      <c r="A18697" s="13" t="s">
        <v>131</v>
      </c>
      <c r="B18697" s="14" t="s">
        <v>1</v>
      </c>
      <c r="C18697" s="14" t="s">
        <v>59</v>
      </c>
      <c r="D18697" s="14" t="s">
        <v>14</v>
      </c>
      <c r="E18697" s="15">
        <v>45458</v>
      </c>
      <c r="F18697" s="14" t="s">
        <v>15</v>
      </c>
      <c r="G18697" s="16">
        <v>0</v>
      </c>
    </row>
    <row r="18698" spans="1:7" x14ac:dyDescent="0.3">
      <c r="A18698" s="13" t="s">
        <v>131</v>
      </c>
      <c r="B18698" s="14" t="s">
        <v>1</v>
      </c>
      <c r="C18698" s="14" t="s">
        <v>59</v>
      </c>
      <c r="D18698" s="14" t="s">
        <v>14</v>
      </c>
      <c r="E18698" s="15">
        <v>45459</v>
      </c>
      <c r="F18698" s="14" t="s">
        <v>15</v>
      </c>
      <c r="G18698" s="16">
        <v>0</v>
      </c>
    </row>
    <row r="18699" spans="1:7" x14ac:dyDescent="0.3">
      <c r="A18699" s="13" t="s">
        <v>131</v>
      </c>
      <c r="B18699" s="14" t="s">
        <v>1</v>
      </c>
      <c r="C18699" s="14" t="s">
        <v>59</v>
      </c>
      <c r="D18699" s="14" t="s">
        <v>14</v>
      </c>
      <c r="E18699" s="15">
        <v>45460</v>
      </c>
      <c r="F18699" s="14" t="s">
        <v>15</v>
      </c>
      <c r="G18699" s="16">
        <v>0</v>
      </c>
    </row>
    <row r="18700" spans="1:7" x14ac:dyDescent="0.3">
      <c r="A18700" s="13" t="s">
        <v>131</v>
      </c>
      <c r="B18700" s="14" t="s">
        <v>1</v>
      </c>
      <c r="C18700" s="14" t="s">
        <v>59</v>
      </c>
      <c r="D18700" s="14" t="s">
        <v>14</v>
      </c>
      <c r="E18700" s="15">
        <v>45461</v>
      </c>
      <c r="F18700" s="14" t="s">
        <v>15</v>
      </c>
      <c r="G18700" s="16">
        <v>0</v>
      </c>
    </row>
    <row r="18701" spans="1:7" x14ac:dyDescent="0.3">
      <c r="A18701" s="13" t="s">
        <v>131</v>
      </c>
      <c r="B18701" s="14" t="s">
        <v>1</v>
      </c>
      <c r="C18701" s="14" t="s">
        <v>59</v>
      </c>
      <c r="D18701" s="14" t="s">
        <v>14</v>
      </c>
      <c r="E18701" s="15">
        <v>45462</v>
      </c>
      <c r="F18701" s="14" t="s">
        <v>15</v>
      </c>
      <c r="G18701" s="16">
        <v>0</v>
      </c>
    </row>
    <row r="18702" spans="1:7" x14ac:dyDescent="0.3">
      <c r="A18702" s="13" t="s">
        <v>131</v>
      </c>
      <c r="B18702" s="14" t="s">
        <v>1</v>
      </c>
      <c r="C18702" s="14" t="s">
        <v>59</v>
      </c>
      <c r="D18702" s="14" t="s">
        <v>14</v>
      </c>
      <c r="E18702" s="15">
        <v>45463</v>
      </c>
      <c r="F18702" s="14" t="s">
        <v>15</v>
      </c>
      <c r="G18702" s="16">
        <v>0</v>
      </c>
    </row>
    <row r="18703" spans="1:7" x14ac:dyDescent="0.3">
      <c r="A18703" s="13" t="s">
        <v>131</v>
      </c>
      <c r="B18703" s="14" t="s">
        <v>1</v>
      </c>
      <c r="C18703" s="14" t="s">
        <v>59</v>
      </c>
      <c r="D18703" s="14" t="s">
        <v>14</v>
      </c>
      <c r="E18703" s="15">
        <v>45464</v>
      </c>
      <c r="F18703" s="14" t="s">
        <v>15</v>
      </c>
      <c r="G18703" s="16">
        <v>0</v>
      </c>
    </row>
    <row r="18704" spans="1:7" x14ac:dyDescent="0.3">
      <c r="A18704" s="13" t="s">
        <v>131</v>
      </c>
      <c r="B18704" s="14" t="s">
        <v>1</v>
      </c>
      <c r="C18704" s="14" t="s">
        <v>59</v>
      </c>
      <c r="D18704" s="14" t="s">
        <v>14</v>
      </c>
      <c r="E18704" s="15">
        <v>45465</v>
      </c>
      <c r="F18704" s="14" t="s">
        <v>15</v>
      </c>
      <c r="G18704" s="16">
        <v>0</v>
      </c>
    </row>
    <row r="18705" spans="1:7" x14ac:dyDescent="0.3">
      <c r="A18705" s="13" t="s">
        <v>131</v>
      </c>
      <c r="B18705" s="14" t="s">
        <v>1</v>
      </c>
      <c r="C18705" s="14" t="s">
        <v>59</v>
      </c>
      <c r="D18705" s="14" t="s">
        <v>14</v>
      </c>
      <c r="E18705" s="15">
        <v>45466</v>
      </c>
      <c r="F18705" s="14" t="s">
        <v>15</v>
      </c>
      <c r="G18705" s="16">
        <v>0</v>
      </c>
    </row>
    <row r="18706" spans="1:7" x14ac:dyDescent="0.3">
      <c r="A18706" s="13" t="s">
        <v>131</v>
      </c>
      <c r="B18706" s="14" t="s">
        <v>1</v>
      </c>
      <c r="C18706" s="14" t="s">
        <v>59</v>
      </c>
      <c r="D18706" s="14" t="s">
        <v>14</v>
      </c>
      <c r="E18706" s="15">
        <v>45467</v>
      </c>
      <c r="F18706" s="14" t="s">
        <v>15</v>
      </c>
      <c r="G18706" s="16">
        <v>0</v>
      </c>
    </row>
    <row r="18707" spans="1:7" x14ac:dyDescent="0.3">
      <c r="A18707" s="13" t="s">
        <v>131</v>
      </c>
      <c r="B18707" s="14" t="s">
        <v>1</v>
      </c>
      <c r="C18707" s="14" t="s">
        <v>59</v>
      </c>
      <c r="D18707" s="14" t="s">
        <v>14</v>
      </c>
      <c r="E18707" s="15">
        <v>45468</v>
      </c>
      <c r="F18707" s="14" t="s">
        <v>15</v>
      </c>
      <c r="G18707" s="16">
        <v>0</v>
      </c>
    </row>
    <row r="18708" spans="1:7" x14ac:dyDescent="0.3">
      <c r="A18708" s="13" t="s">
        <v>131</v>
      </c>
      <c r="B18708" s="14" t="s">
        <v>1</v>
      </c>
      <c r="C18708" s="14" t="s">
        <v>59</v>
      </c>
      <c r="D18708" s="14" t="s">
        <v>14</v>
      </c>
      <c r="E18708" s="15">
        <v>45469</v>
      </c>
      <c r="F18708" s="14" t="s">
        <v>15</v>
      </c>
      <c r="G18708" s="16">
        <v>0</v>
      </c>
    </row>
    <row r="18709" spans="1:7" x14ac:dyDescent="0.3">
      <c r="A18709" s="13" t="s">
        <v>131</v>
      </c>
      <c r="B18709" s="14" t="s">
        <v>1</v>
      </c>
      <c r="C18709" s="14" t="s">
        <v>59</v>
      </c>
      <c r="D18709" s="14" t="s">
        <v>14</v>
      </c>
      <c r="E18709" s="15">
        <v>45470</v>
      </c>
      <c r="F18709" s="14" t="s">
        <v>15</v>
      </c>
      <c r="G18709" s="16">
        <v>0</v>
      </c>
    </row>
    <row r="18710" spans="1:7" x14ac:dyDescent="0.3">
      <c r="A18710" s="13" t="s">
        <v>131</v>
      </c>
      <c r="B18710" s="14" t="s">
        <v>1</v>
      </c>
      <c r="C18710" s="14" t="s">
        <v>59</v>
      </c>
      <c r="D18710" s="14" t="s">
        <v>14</v>
      </c>
      <c r="E18710" s="15">
        <v>45471</v>
      </c>
      <c r="F18710" s="14" t="s">
        <v>15</v>
      </c>
      <c r="G18710" s="16">
        <v>0</v>
      </c>
    </row>
    <row r="18711" spans="1:7" x14ac:dyDescent="0.3">
      <c r="A18711" s="13" t="s">
        <v>131</v>
      </c>
      <c r="B18711" s="14" t="s">
        <v>1</v>
      </c>
      <c r="C18711" s="14" t="s">
        <v>59</v>
      </c>
      <c r="D18711" s="14" t="s">
        <v>14</v>
      </c>
      <c r="E18711" s="15">
        <v>45472</v>
      </c>
      <c r="F18711" s="14" t="s">
        <v>15</v>
      </c>
      <c r="G18711" s="16">
        <v>0</v>
      </c>
    </row>
    <row r="18712" spans="1:7" x14ac:dyDescent="0.3">
      <c r="A18712" s="13" t="s">
        <v>131</v>
      </c>
      <c r="B18712" s="14" t="s">
        <v>1</v>
      </c>
      <c r="C18712" s="14" t="s">
        <v>59</v>
      </c>
      <c r="D18712" s="14" t="s">
        <v>14</v>
      </c>
      <c r="E18712" s="15">
        <v>45473</v>
      </c>
      <c r="F18712" s="14" t="s">
        <v>15</v>
      </c>
      <c r="G18712" s="16">
        <v>0</v>
      </c>
    </row>
    <row r="18713" spans="1:7" x14ac:dyDescent="0.3">
      <c r="A18713" s="13" t="s">
        <v>131</v>
      </c>
      <c r="B18713" s="14" t="s">
        <v>1</v>
      </c>
      <c r="C18713" s="14" t="s">
        <v>59</v>
      </c>
      <c r="D18713" s="14" t="s">
        <v>14</v>
      </c>
      <c r="E18713" s="15">
        <v>45474</v>
      </c>
      <c r="F18713" s="14" t="s">
        <v>15</v>
      </c>
      <c r="G18713" s="16">
        <v>0</v>
      </c>
    </row>
    <row r="18714" spans="1:7" x14ac:dyDescent="0.3">
      <c r="A18714" s="13" t="s">
        <v>131</v>
      </c>
      <c r="B18714" s="14" t="s">
        <v>1</v>
      </c>
      <c r="C18714" s="14" t="s">
        <v>59</v>
      </c>
      <c r="D18714" s="14" t="s">
        <v>14</v>
      </c>
      <c r="E18714" s="15">
        <v>45475</v>
      </c>
      <c r="F18714" s="14" t="s">
        <v>15</v>
      </c>
      <c r="G18714" s="16">
        <v>0</v>
      </c>
    </row>
    <row r="18715" spans="1:7" x14ac:dyDescent="0.3">
      <c r="A18715" s="13" t="s">
        <v>131</v>
      </c>
      <c r="B18715" s="14" t="s">
        <v>1</v>
      </c>
      <c r="C18715" s="14" t="s">
        <v>59</v>
      </c>
      <c r="D18715" s="14" t="s">
        <v>14</v>
      </c>
      <c r="E18715" s="15">
        <v>45476</v>
      </c>
      <c r="F18715" s="14" t="s">
        <v>15</v>
      </c>
      <c r="G18715" s="16">
        <v>0</v>
      </c>
    </row>
    <row r="18716" spans="1:7" x14ac:dyDescent="0.3">
      <c r="A18716" s="13" t="s">
        <v>131</v>
      </c>
      <c r="B18716" s="14" t="s">
        <v>1</v>
      </c>
      <c r="C18716" s="14" t="s">
        <v>59</v>
      </c>
      <c r="D18716" s="14" t="s">
        <v>14</v>
      </c>
      <c r="E18716" s="15">
        <v>45477</v>
      </c>
      <c r="F18716" s="14" t="s">
        <v>15</v>
      </c>
      <c r="G18716" s="16">
        <v>0</v>
      </c>
    </row>
    <row r="18717" spans="1:7" x14ac:dyDescent="0.3">
      <c r="A18717" s="13" t="s">
        <v>131</v>
      </c>
      <c r="B18717" s="14" t="s">
        <v>1</v>
      </c>
      <c r="C18717" s="14" t="s">
        <v>59</v>
      </c>
      <c r="D18717" s="14" t="s">
        <v>14</v>
      </c>
      <c r="E18717" s="15">
        <v>45478</v>
      </c>
      <c r="F18717" s="14" t="s">
        <v>15</v>
      </c>
      <c r="G18717" s="16">
        <v>0</v>
      </c>
    </row>
    <row r="18718" spans="1:7" x14ac:dyDescent="0.3">
      <c r="A18718" s="13" t="s">
        <v>131</v>
      </c>
      <c r="B18718" s="14" t="s">
        <v>1</v>
      </c>
      <c r="C18718" s="14" t="s">
        <v>59</v>
      </c>
      <c r="D18718" s="14" t="s">
        <v>14</v>
      </c>
      <c r="E18718" s="15">
        <v>45479</v>
      </c>
      <c r="F18718" s="14" t="s">
        <v>15</v>
      </c>
      <c r="G18718" s="16">
        <v>0</v>
      </c>
    </row>
    <row r="18719" spans="1:7" x14ac:dyDescent="0.3">
      <c r="A18719" s="13" t="s">
        <v>131</v>
      </c>
      <c r="B18719" s="14" t="s">
        <v>1</v>
      </c>
      <c r="C18719" s="14" t="s">
        <v>59</v>
      </c>
      <c r="D18719" s="14" t="s">
        <v>14</v>
      </c>
      <c r="E18719" s="15">
        <v>45480</v>
      </c>
      <c r="F18719" s="14" t="s">
        <v>15</v>
      </c>
      <c r="G18719" s="16">
        <v>0</v>
      </c>
    </row>
    <row r="18720" spans="1:7" x14ac:dyDescent="0.3">
      <c r="A18720" s="13" t="s">
        <v>131</v>
      </c>
      <c r="B18720" s="14" t="s">
        <v>1</v>
      </c>
      <c r="C18720" s="14" t="s">
        <v>59</v>
      </c>
      <c r="D18720" s="14" t="s">
        <v>14</v>
      </c>
      <c r="E18720" s="15">
        <v>45481</v>
      </c>
      <c r="F18720" s="14" t="s">
        <v>15</v>
      </c>
      <c r="G18720" s="16">
        <v>0</v>
      </c>
    </row>
    <row r="18721" spans="1:7" x14ac:dyDescent="0.3">
      <c r="A18721" s="13" t="s">
        <v>131</v>
      </c>
      <c r="B18721" s="14" t="s">
        <v>1</v>
      </c>
      <c r="C18721" s="14" t="s">
        <v>59</v>
      </c>
      <c r="D18721" s="14" t="s">
        <v>14</v>
      </c>
      <c r="E18721" s="15">
        <v>45482</v>
      </c>
      <c r="F18721" s="14" t="s">
        <v>15</v>
      </c>
      <c r="G18721" s="16">
        <v>0</v>
      </c>
    </row>
    <row r="18722" spans="1:7" x14ac:dyDescent="0.3">
      <c r="A18722" s="13" t="s">
        <v>131</v>
      </c>
      <c r="B18722" s="14" t="s">
        <v>1</v>
      </c>
      <c r="C18722" s="14" t="s">
        <v>59</v>
      </c>
      <c r="D18722" s="14" t="s">
        <v>14</v>
      </c>
      <c r="E18722" s="15">
        <v>45483</v>
      </c>
      <c r="F18722" s="14" t="s">
        <v>15</v>
      </c>
      <c r="G18722" s="16">
        <v>0</v>
      </c>
    </row>
    <row r="18723" spans="1:7" x14ac:dyDescent="0.3">
      <c r="A18723" s="13" t="s">
        <v>131</v>
      </c>
      <c r="B18723" s="14" t="s">
        <v>1</v>
      </c>
      <c r="C18723" s="14" t="s">
        <v>59</v>
      </c>
      <c r="D18723" s="14" t="s">
        <v>14</v>
      </c>
      <c r="E18723" s="15">
        <v>45484</v>
      </c>
      <c r="F18723" s="14" t="s">
        <v>15</v>
      </c>
      <c r="G18723" s="16">
        <v>0</v>
      </c>
    </row>
    <row r="18724" spans="1:7" x14ac:dyDescent="0.3">
      <c r="A18724" s="13" t="s">
        <v>131</v>
      </c>
      <c r="B18724" s="14" t="s">
        <v>1</v>
      </c>
      <c r="C18724" s="14" t="s">
        <v>59</v>
      </c>
      <c r="D18724" s="14" t="s">
        <v>14</v>
      </c>
      <c r="E18724" s="15">
        <v>45485</v>
      </c>
      <c r="F18724" s="14" t="s">
        <v>15</v>
      </c>
      <c r="G18724" s="16">
        <v>0</v>
      </c>
    </row>
    <row r="18725" spans="1:7" x14ac:dyDescent="0.3">
      <c r="A18725" s="13" t="s">
        <v>131</v>
      </c>
      <c r="B18725" s="14" t="s">
        <v>1</v>
      </c>
      <c r="C18725" s="14" t="s">
        <v>59</v>
      </c>
      <c r="D18725" s="14" t="s">
        <v>14</v>
      </c>
      <c r="E18725" s="15">
        <v>45486</v>
      </c>
      <c r="F18725" s="14" t="s">
        <v>15</v>
      </c>
      <c r="G18725" s="16">
        <v>0</v>
      </c>
    </row>
    <row r="18726" spans="1:7" x14ac:dyDescent="0.3">
      <c r="A18726" s="13" t="s">
        <v>131</v>
      </c>
      <c r="B18726" s="14" t="s">
        <v>1</v>
      </c>
      <c r="C18726" s="14" t="s">
        <v>59</v>
      </c>
      <c r="D18726" s="14" t="s">
        <v>14</v>
      </c>
      <c r="E18726" s="15">
        <v>45487</v>
      </c>
      <c r="F18726" s="14" t="s">
        <v>15</v>
      </c>
      <c r="G18726" s="16">
        <v>0</v>
      </c>
    </row>
    <row r="18727" spans="1:7" x14ac:dyDescent="0.3">
      <c r="A18727" s="13" t="s">
        <v>131</v>
      </c>
      <c r="B18727" s="14" t="s">
        <v>1</v>
      </c>
      <c r="C18727" s="14" t="s">
        <v>59</v>
      </c>
      <c r="D18727" s="14" t="s">
        <v>14</v>
      </c>
      <c r="E18727" s="15">
        <v>45488</v>
      </c>
      <c r="F18727" s="14" t="s">
        <v>15</v>
      </c>
      <c r="G18727" s="16">
        <v>0</v>
      </c>
    </row>
    <row r="18728" spans="1:7" x14ac:dyDescent="0.3">
      <c r="A18728" s="13" t="s">
        <v>131</v>
      </c>
      <c r="B18728" s="14" t="s">
        <v>1</v>
      </c>
      <c r="C18728" s="14" t="s">
        <v>59</v>
      </c>
      <c r="D18728" s="14" t="s">
        <v>14</v>
      </c>
      <c r="E18728" s="15">
        <v>45489</v>
      </c>
      <c r="F18728" s="14" t="s">
        <v>15</v>
      </c>
      <c r="G18728" s="16">
        <v>0</v>
      </c>
    </row>
    <row r="18729" spans="1:7" x14ac:dyDescent="0.3">
      <c r="A18729" s="13" t="s">
        <v>131</v>
      </c>
      <c r="B18729" s="14" t="s">
        <v>1</v>
      </c>
      <c r="C18729" s="14" t="s">
        <v>59</v>
      </c>
      <c r="D18729" s="14" t="s">
        <v>14</v>
      </c>
      <c r="E18729" s="15">
        <v>45490</v>
      </c>
      <c r="F18729" s="14" t="s">
        <v>15</v>
      </c>
      <c r="G18729" s="16">
        <v>0</v>
      </c>
    </row>
    <row r="18730" spans="1:7" x14ac:dyDescent="0.3">
      <c r="A18730" s="13" t="s">
        <v>131</v>
      </c>
      <c r="B18730" s="14" t="s">
        <v>1</v>
      </c>
      <c r="C18730" s="14" t="s">
        <v>59</v>
      </c>
      <c r="D18730" s="14" t="s">
        <v>14</v>
      </c>
      <c r="E18730" s="15">
        <v>45491</v>
      </c>
      <c r="F18730" s="14" t="s">
        <v>15</v>
      </c>
      <c r="G18730" s="16">
        <v>0</v>
      </c>
    </row>
    <row r="18731" spans="1:7" x14ac:dyDescent="0.3">
      <c r="A18731" s="13" t="s">
        <v>131</v>
      </c>
      <c r="B18731" s="14" t="s">
        <v>1</v>
      </c>
      <c r="C18731" s="14" t="s">
        <v>59</v>
      </c>
      <c r="D18731" s="14" t="s">
        <v>14</v>
      </c>
      <c r="E18731" s="15">
        <v>45492</v>
      </c>
      <c r="F18731" s="14" t="s">
        <v>15</v>
      </c>
      <c r="G18731" s="16">
        <v>0</v>
      </c>
    </row>
    <row r="18732" spans="1:7" x14ac:dyDescent="0.3">
      <c r="A18732" s="13" t="s">
        <v>131</v>
      </c>
      <c r="B18732" s="14" t="s">
        <v>1</v>
      </c>
      <c r="C18732" s="14" t="s">
        <v>59</v>
      </c>
      <c r="D18732" s="14" t="s">
        <v>14</v>
      </c>
      <c r="E18732" s="15">
        <v>45493</v>
      </c>
      <c r="F18732" s="14" t="s">
        <v>15</v>
      </c>
      <c r="G18732" s="16">
        <v>0</v>
      </c>
    </row>
    <row r="18733" spans="1:7" x14ac:dyDescent="0.3">
      <c r="A18733" s="13" t="s">
        <v>131</v>
      </c>
      <c r="B18733" s="14" t="s">
        <v>1</v>
      </c>
      <c r="C18733" s="14" t="s">
        <v>59</v>
      </c>
      <c r="D18733" s="14" t="s">
        <v>14</v>
      </c>
      <c r="E18733" s="15">
        <v>45494</v>
      </c>
      <c r="F18733" s="14" t="s">
        <v>15</v>
      </c>
      <c r="G18733" s="16">
        <v>0</v>
      </c>
    </row>
    <row r="18734" spans="1:7" x14ac:dyDescent="0.3">
      <c r="A18734" s="13" t="s">
        <v>131</v>
      </c>
      <c r="B18734" s="14" t="s">
        <v>1</v>
      </c>
      <c r="C18734" s="14" t="s">
        <v>59</v>
      </c>
      <c r="D18734" s="14" t="s">
        <v>14</v>
      </c>
      <c r="E18734" s="15">
        <v>45495</v>
      </c>
      <c r="F18734" s="14" t="s">
        <v>15</v>
      </c>
      <c r="G18734" s="16">
        <v>0</v>
      </c>
    </row>
    <row r="18735" spans="1:7" x14ac:dyDescent="0.3">
      <c r="A18735" s="13" t="s">
        <v>131</v>
      </c>
      <c r="B18735" s="14" t="s">
        <v>1</v>
      </c>
      <c r="C18735" s="14" t="s">
        <v>59</v>
      </c>
      <c r="D18735" s="14" t="s">
        <v>14</v>
      </c>
      <c r="E18735" s="15">
        <v>45496</v>
      </c>
      <c r="F18735" s="14" t="s">
        <v>15</v>
      </c>
      <c r="G18735" s="16">
        <v>0</v>
      </c>
    </row>
    <row r="18736" spans="1:7" x14ac:dyDescent="0.3">
      <c r="A18736" s="13" t="s">
        <v>131</v>
      </c>
      <c r="B18736" s="14" t="s">
        <v>1</v>
      </c>
      <c r="C18736" s="14" t="s">
        <v>59</v>
      </c>
      <c r="D18736" s="14" t="s">
        <v>14</v>
      </c>
      <c r="E18736" s="15">
        <v>45497</v>
      </c>
      <c r="F18736" s="14" t="s">
        <v>15</v>
      </c>
      <c r="G18736" s="16">
        <v>0</v>
      </c>
    </row>
    <row r="18737" spans="1:7" x14ac:dyDescent="0.3">
      <c r="A18737" s="13" t="s">
        <v>131</v>
      </c>
      <c r="B18737" s="14" t="s">
        <v>1</v>
      </c>
      <c r="C18737" s="14" t="s">
        <v>59</v>
      </c>
      <c r="D18737" s="14" t="s">
        <v>14</v>
      </c>
      <c r="E18737" s="15">
        <v>45498</v>
      </c>
      <c r="F18737" s="14" t="s">
        <v>15</v>
      </c>
      <c r="G18737" s="16">
        <v>0</v>
      </c>
    </row>
    <row r="18738" spans="1:7" x14ac:dyDescent="0.3">
      <c r="A18738" s="13" t="s">
        <v>131</v>
      </c>
      <c r="B18738" s="14" t="s">
        <v>1</v>
      </c>
      <c r="C18738" s="14" t="s">
        <v>59</v>
      </c>
      <c r="D18738" s="14" t="s">
        <v>14</v>
      </c>
      <c r="E18738" s="15">
        <v>45499</v>
      </c>
      <c r="F18738" s="14" t="s">
        <v>15</v>
      </c>
      <c r="G18738" s="16">
        <v>0</v>
      </c>
    </row>
    <row r="18739" spans="1:7" x14ac:dyDescent="0.3">
      <c r="A18739" s="13" t="s">
        <v>131</v>
      </c>
      <c r="B18739" s="14" t="s">
        <v>1</v>
      </c>
      <c r="C18739" s="14" t="s">
        <v>59</v>
      </c>
      <c r="D18739" s="14" t="s">
        <v>14</v>
      </c>
      <c r="E18739" s="15">
        <v>45500</v>
      </c>
      <c r="F18739" s="14" t="s">
        <v>15</v>
      </c>
      <c r="G18739" s="16">
        <v>0</v>
      </c>
    </row>
    <row r="18740" spans="1:7" x14ac:dyDescent="0.3">
      <c r="A18740" s="13" t="s">
        <v>131</v>
      </c>
      <c r="B18740" s="14" t="s">
        <v>1</v>
      </c>
      <c r="C18740" s="14" t="s">
        <v>59</v>
      </c>
      <c r="D18740" s="14" t="s">
        <v>14</v>
      </c>
      <c r="E18740" s="15">
        <v>45501</v>
      </c>
      <c r="F18740" s="14" t="s">
        <v>15</v>
      </c>
      <c r="G18740" s="16">
        <v>0</v>
      </c>
    </row>
    <row r="18741" spans="1:7" x14ac:dyDescent="0.3">
      <c r="A18741" s="13" t="s">
        <v>131</v>
      </c>
      <c r="B18741" s="14" t="s">
        <v>1</v>
      </c>
      <c r="C18741" s="14" t="s">
        <v>59</v>
      </c>
      <c r="D18741" s="14" t="s">
        <v>14</v>
      </c>
      <c r="E18741" s="15">
        <v>45502</v>
      </c>
      <c r="F18741" s="14" t="s">
        <v>15</v>
      </c>
      <c r="G18741" s="16">
        <v>0</v>
      </c>
    </row>
    <row r="18742" spans="1:7" x14ac:dyDescent="0.3">
      <c r="A18742" s="13" t="s">
        <v>131</v>
      </c>
      <c r="B18742" s="14" t="s">
        <v>1</v>
      </c>
      <c r="C18742" s="14" t="s">
        <v>59</v>
      </c>
      <c r="D18742" s="14" t="s">
        <v>14</v>
      </c>
      <c r="E18742" s="15">
        <v>45503</v>
      </c>
      <c r="F18742" s="14" t="s">
        <v>15</v>
      </c>
      <c r="G18742" s="16">
        <v>0</v>
      </c>
    </row>
    <row r="18743" spans="1:7" x14ac:dyDescent="0.3">
      <c r="A18743" s="13" t="s">
        <v>131</v>
      </c>
      <c r="B18743" s="14" t="s">
        <v>1</v>
      </c>
      <c r="C18743" s="14" t="s">
        <v>59</v>
      </c>
      <c r="D18743" s="14" t="s">
        <v>14</v>
      </c>
      <c r="E18743" s="15">
        <v>45504</v>
      </c>
      <c r="F18743" s="14" t="s">
        <v>15</v>
      </c>
      <c r="G18743" s="16">
        <v>0</v>
      </c>
    </row>
    <row r="18744" spans="1:7" x14ac:dyDescent="0.3">
      <c r="A18744" s="13" t="s">
        <v>131</v>
      </c>
      <c r="B18744" s="14" t="s">
        <v>1</v>
      </c>
      <c r="C18744" s="14" t="s">
        <v>59</v>
      </c>
      <c r="D18744" s="14" t="s">
        <v>14</v>
      </c>
      <c r="E18744" s="15">
        <v>45505</v>
      </c>
      <c r="F18744" s="14" t="s">
        <v>15</v>
      </c>
      <c r="G18744" s="16">
        <v>0</v>
      </c>
    </row>
    <row r="18745" spans="1:7" x14ac:dyDescent="0.3">
      <c r="A18745" s="13" t="s">
        <v>131</v>
      </c>
      <c r="B18745" s="14" t="s">
        <v>1</v>
      </c>
      <c r="C18745" s="14" t="s">
        <v>59</v>
      </c>
      <c r="D18745" s="14" t="s">
        <v>14</v>
      </c>
      <c r="E18745" s="15">
        <v>45506</v>
      </c>
      <c r="F18745" s="14" t="s">
        <v>15</v>
      </c>
      <c r="G18745" s="16">
        <v>0</v>
      </c>
    </row>
    <row r="18746" spans="1:7" x14ac:dyDescent="0.3">
      <c r="A18746" s="13" t="s">
        <v>131</v>
      </c>
      <c r="B18746" s="14" t="s">
        <v>1</v>
      </c>
      <c r="C18746" s="14" t="s">
        <v>59</v>
      </c>
      <c r="D18746" s="14" t="s">
        <v>14</v>
      </c>
      <c r="E18746" s="15">
        <v>45507</v>
      </c>
      <c r="F18746" s="14" t="s">
        <v>15</v>
      </c>
      <c r="G18746" s="16">
        <v>0</v>
      </c>
    </row>
    <row r="18747" spans="1:7" x14ac:dyDescent="0.3">
      <c r="A18747" s="13" t="s">
        <v>131</v>
      </c>
      <c r="B18747" s="14" t="s">
        <v>1</v>
      </c>
      <c r="C18747" s="14" t="s">
        <v>59</v>
      </c>
      <c r="D18747" s="14" t="s">
        <v>14</v>
      </c>
      <c r="E18747" s="15">
        <v>45508</v>
      </c>
      <c r="F18747" s="14" t="s">
        <v>15</v>
      </c>
      <c r="G18747" s="16">
        <v>0</v>
      </c>
    </row>
    <row r="18748" spans="1:7" x14ac:dyDescent="0.3">
      <c r="A18748" s="13" t="s">
        <v>131</v>
      </c>
      <c r="B18748" s="14" t="s">
        <v>1</v>
      </c>
      <c r="C18748" s="14" t="s">
        <v>59</v>
      </c>
      <c r="D18748" s="14" t="s">
        <v>14</v>
      </c>
      <c r="E18748" s="15">
        <v>45509</v>
      </c>
      <c r="F18748" s="14" t="s">
        <v>15</v>
      </c>
      <c r="G18748" s="16">
        <v>0</v>
      </c>
    </row>
    <row r="18749" spans="1:7" x14ac:dyDescent="0.3">
      <c r="A18749" s="13" t="s">
        <v>131</v>
      </c>
      <c r="B18749" s="14" t="s">
        <v>1</v>
      </c>
      <c r="C18749" s="14" t="s">
        <v>59</v>
      </c>
      <c r="D18749" s="14" t="s">
        <v>14</v>
      </c>
      <c r="E18749" s="15">
        <v>45510</v>
      </c>
      <c r="F18749" s="14" t="s">
        <v>15</v>
      </c>
      <c r="G18749" s="16">
        <v>0</v>
      </c>
    </row>
    <row r="18750" spans="1:7" x14ac:dyDescent="0.3">
      <c r="A18750" s="13" t="s">
        <v>131</v>
      </c>
      <c r="B18750" s="14" t="s">
        <v>1</v>
      </c>
      <c r="C18750" s="14" t="s">
        <v>59</v>
      </c>
      <c r="D18750" s="14" t="s">
        <v>14</v>
      </c>
      <c r="E18750" s="15">
        <v>45511</v>
      </c>
      <c r="F18750" s="14" t="s">
        <v>15</v>
      </c>
      <c r="G18750" s="16">
        <v>0</v>
      </c>
    </row>
    <row r="18751" spans="1:7" x14ac:dyDescent="0.3">
      <c r="A18751" s="13" t="s">
        <v>131</v>
      </c>
      <c r="B18751" s="14" t="s">
        <v>1</v>
      </c>
      <c r="C18751" s="14" t="s">
        <v>59</v>
      </c>
      <c r="D18751" s="14" t="s">
        <v>14</v>
      </c>
      <c r="E18751" s="15">
        <v>45512</v>
      </c>
      <c r="F18751" s="14" t="s">
        <v>15</v>
      </c>
      <c r="G18751" s="16">
        <v>0</v>
      </c>
    </row>
    <row r="18752" spans="1:7" x14ac:dyDescent="0.3">
      <c r="A18752" s="13" t="s">
        <v>131</v>
      </c>
      <c r="B18752" s="14" t="s">
        <v>1</v>
      </c>
      <c r="C18752" s="14" t="s">
        <v>59</v>
      </c>
      <c r="D18752" s="14" t="s">
        <v>14</v>
      </c>
      <c r="E18752" s="15">
        <v>45513</v>
      </c>
      <c r="F18752" s="14" t="s">
        <v>15</v>
      </c>
      <c r="G18752" s="16">
        <v>0</v>
      </c>
    </row>
    <row r="18753" spans="1:7" x14ac:dyDescent="0.3">
      <c r="A18753" s="13" t="s">
        <v>131</v>
      </c>
      <c r="B18753" s="14" t="s">
        <v>1</v>
      </c>
      <c r="C18753" s="14" t="s">
        <v>59</v>
      </c>
      <c r="D18753" s="14" t="s">
        <v>14</v>
      </c>
      <c r="E18753" s="15">
        <v>45514</v>
      </c>
      <c r="F18753" s="14" t="s">
        <v>15</v>
      </c>
      <c r="G18753" s="16">
        <v>0</v>
      </c>
    </row>
    <row r="18754" spans="1:7" x14ac:dyDescent="0.3">
      <c r="A18754" s="13" t="s">
        <v>131</v>
      </c>
      <c r="B18754" s="14" t="s">
        <v>1</v>
      </c>
      <c r="C18754" s="14" t="s">
        <v>59</v>
      </c>
      <c r="D18754" s="14" t="s">
        <v>14</v>
      </c>
      <c r="E18754" s="15">
        <v>45515</v>
      </c>
      <c r="F18754" s="14" t="s">
        <v>15</v>
      </c>
      <c r="G18754" s="16">
        <v>0</v>
      </c>
    </row>
    <row r="18755" spans="1:7" x14ac:dyDescent="0.3">
      <c r="A18755" s="13" t="s">
        <v>131</v>
      </c>
      <c r="B18755" s="14" t="s">
        <v>1</v>
      </c>
      <c r="C18755" s="14" t="s">
        <v>59</v>
      </c>
      <c r="D18755" s="14" t="s">
        <v>14</v>
      </c>
      <c r="E18755" s="15">
        <v>45516</v>
      </c>
      <c r="F18755" s="14" t="s">
        <v>15</v>
      </c>
      <c r="G18755" s="16">
        <v>0</v>
      </c>
    </row>
    <row r="18756" spans="1:7" x14ac:dyDescent="0.3">
      <c r="A18756" s="13" t="s">
        <v>131</v>
      </c>
      <c r="B18756" s="14" t="s">
        <v>1</v>
      </c>
      <c r="C18756" s="14" t="s">
        <v>59</v>
      </c>
      <c r="D18756" s="14" t="s">
        <v>14</v>
      </c>
      <c r="E18756" s="15">
        <v>45517</v>
      </c>
      <c r="F18756" s="14" t="s">
        <v>15</v>
      </c>
      <c r="G18756" s="16">
        <v>0</v>
      </c>
    </row>
    <row r="18757" spans="1:7" x14ac:dyDescent="0.3">
      <c r="A18757" s="13" t="s">
        <v>131</v>
      </c>
      <c r="B18757" s="14" t="s">
        <v>1</v>
      </c>
      <c r="C18757" s="14" t="s">
        <v>59</v>
      </c>
      <c r="D18757" s="14" t="s">
        <v>14</v>
      </c>
      <c r="E18757" s="15">
        <v>45518</v>
      </c>
      <c r="F18757" s="14" t="s">
        <v>15</v>
      </c>
      <c r="G18757" s="16">
        <v>0</v>
      </c>
    </row>
    <row r="18758" spans="1:7" x14ac:dyDescent="0.3">
      <c r="A18758" s="13" t="s">
        <v>131</v>
      </c>
      <c r="B18758" s="14" t="s">
        <v>1</v>
      </c>
      <c r="C18758" s="14" t="s">
        <v>59</v>
      </c>
      <c r="D18758" s="14" t="s">
        <v>14</v>
      </c>
      <c r="E18758" s="15">
        <v>45519</v>
      </c>
      <c r="F18758" s="14" t="s">
        <v>15</v>
      </c>
      <c r="G18758" s="16">
        <v>0</v>
      </c>
    </row>
    <row r="18759" spans="1:7" x14ac:dyDescent="0.3">
      <c r="A18759" s="13" t="s">
        <v>131</v>
      </c>
      <c r="B18759" s="14" t="s">
        <v>1</v>
      </c>
      <c r="C18759" s="14" t="s">
        <v>59</v>
      </c>
      <c r="D18759" s="14" t="s">
        <v>14</v>
      </c>
      <c r="E18759" s="15">
        <v>45520</v>
      </c>
      <c r="F18759" s="14" t="s">
        <v>15</v>
      </c>
      <c r="G18759" s="16">
        <v>0</v>
      </c>
    </row>
    <row r="18760" spans="1:7" x14ac:dyDescent="0.3">
      <c r="A18760" s="13" t="s">
        <v>131</v>
      </c>
      <c r="B18760" s="14" t="s">
        <v>1</v>
      </c>
      <c r="C18760" s="14" t="s">
        <v>59</v>
      </c>
      <c r="D18760" s="14" t="s">
        <v>14</v>
      </c>
      <c r="E18760" s="15">
        <v>45521</v>
      </c>
      <c r="F18760" s="14" t="s">
        <v>15</v>
      </c>
      <c r="G18760" s="16">
        <v>0</v>
      </c>
    </row>
    <row r="18761" spans="1:7" x14ac:dyDescent="0.3">
      <c r="A18761" s="13" t="s">
        <v>131</v>
      </c>
      <c r="B18761" s="14" t="s">
        <v>1</v>
      </c>
      <c r="C18761" s="14" t="s">
        <v>59</v>
      </c>
      <c r="D18761" s="14" t="s">
        <v>14</v>
      </c>
      <c r="E18761" s="15">
        <v>45522</v>
      </c>
      <c r="F18761" s="14" t="s">
        <v>15</v>
      </c>
      <c r="G18761" s="16">
        <v>0</v>
      </c>
    </row>
    <row r="18762" spans="1:7" x14ac:dyDescent="0.3">
      <c r="A18762" s="13" t="s">
        <v>131</v>
      </c>
      <c r="B18762" s="14" t="s">
        <v>1</v>
      </c>
      <c r="C18762" s="14" t="s">
        <v>59</v>
      </c>
      <c r="D18762" s="14" t="s">
        <v>14</v>
      </c>
      <c r="E18762" s="15">
        <v>45523</v>
      </c>
      <c r="F18762" s="14" t="s">
        <v>15</v>
      </c>
      <c r="G18762" s="16">
        <v>0</v>
      </c>
    </row>
    <row r="18763" spans="1:7" x14ac:dyDescent="0.3">
      <c r="A18763" s="13" t="s">
        <v>131</v>
      </c>
      <c r="B18763" s="14" t="s">
        <v>1</v>
      </c>
      <c r="C18763" s="14" t="s">
        <v>59</v>
      </c>
      <c r="D18763" s="14" t="s">
        <v>14</v>
      </c>
      <c r="E18763" s="15">
        <v>45524</v>
      </c>
      <c r="F18763" s="14" t="s">
        <v>15</v>
      </c>
      <c r="G18763" s="16">
        <v>0</v>
      </c>
    </row>
    <row r="18764" spans="1:7" x14ac:dyDescent="0.3">
      <c r="A18764" s="13" t="s">
        <v>131</v>
      </c>
      <c r="B18764" s="14" t="s">
        <v>1</v>
      </c>
      <c r="C18764" s="14" t="s">
        <v>59</v>
      </c>
      <c r="D18764" s="14" t="s">
        <v>14</v>
      </c>
      <c r="E18764" s="15">
        <v>45525</v>
      </c>
      <c r="F18764" s="14" t="s">
        <v>15</v>
      </c>
      <c r="G18764" s="16">
        <v>0</v>
      </c>
    </row>
    <row r="18765" spans="1:7" x14ac:dyDescent="0.3">
      <c r="A18765" s="13" t="s">
        <v>131</v>
      </c>
      <c r="B18765" s="14" t="s">
        <v>1</v>
      </c>
      <c r="C18765" s="14" t="s">
        <v>59</v>
      </c>
      <c r="D18765" s="14" t="s">
        <v>14</v>
      </c>
      <c r="E18765" s="15">
        <v>45526</v>
      </c>
      <c r="F18765" s="14" t="s">
        <v>15</v>
      </c>
      <c r="G18765" s="16">
        <v>0</v>
      </c>
    </row>
    <row r="18766" spans="1:7" x14ac:dyDescent="0.3">
      <c r="A18766" s="13" t="s">
        <v>131</v>
      </c>
      <c r="B18766" s="14" t="s">
        <v>1</v>
      </c>
      <c r="C18766" s="14" t="s">
        <v>59</v>
      </c>
      <c r="D18766" s="14" t="s">
        <v>14</v>
      </c>
      <c r="E18766" s="15">
        <v>45527</v>
      </c>
      <c r="F18766" s="14" t="s">
        <v>15</v>
      </c>
      <c r="G18766" s="16">
        <v>0</v>
      </c>
    </row>
    <row r="18767" spans="1:7" x14ac:dyDescent="0.3">
      <c r="A18767" s="13" t="s">
        <v>131</v>
      </c>
      <c r="B18767" s="14" t="s">
        <v>1</v>
      </c>
      <c r="C18767" s="14" t="s">
        <v>59</v>
      </c>
      <c r="D18767" s="14" t="s">
        <v>14</v>
      </c>
      <c r="E18767" s="15">
        <v>45528</v>
      </c>
      <c r="F18767" s="14" t="s">
        <v>15</v>
      </c>
      <c r="G18767" s="16">
        <v>0</v>
      </c>
    </row>
    <row r="18768" spans="1:7" x14ac:dyDescent="0.3">
      <c r="A18768" s="13" t="s">
        <v>131</v>
      </c>
      <c r="B18768" s="14" t="s">
        <v>1</v>
      </c>
      <c r="C18768" s="14" t="s">
        <v>59</v>
      </c>
      <c r="D18768" s="14" t="s">
        <v>14</v>
      </c>
      <c r="E18768" s="15">
        <v>45529</v>
      </c>
      <c r="F18768" s="14" t="s">
        <v>15</v>
      </c>
      <c r="G18768" s="16">
        <v>0</v>
      </c>
    </row>
    <row r="18769" spans="1:7" x14ac:dyDescent="0.3">
      <c r="A18769" s="13" t="s">
        <v>131</v>
      </c>
      <c r="B18769" s="14" t="s">
        <v>1</v>
      </c>
      <c r="C18769" s="14" t="s">
        <v>59</v>
      </c>
      <c r="D18769" s="14" t="s">
        <v>14</v>
      </c>
      <c r="E18769" s="15">
        <v>45530</v>
      </c>
      <c r="F18769" s="14" t="s">
        <v>15</v>
      </c>
      <c r="G18769" s="16">
        <v>0</v>
      </c>
    </row>
    <row r="18770" spans="1:7" x14ac:dyDescent="0.3">
      <c r="A18770" s="13" t="s">
        <v>131</v>
      </c>
      <c r="B18770" s="14" t="s">
        <v>1</v>
      </c>
      <c r="C18770" s="14" t="s">
        <v>59</v>
      </c>
      <c r="D18770" s="14" t="s">
        <v>14</v>
      </c>
      <c r="E18770" s="15">
        <v>45531</v>
      </c>
      <c r="F18770" s="14" t="s">
        <v>15</v>
      </c>
      <c r="G18770" s="16">
        <v>0</v>
      </c>
    </row>
    <row r="18771" spans="1:7" x14ac:dyDescent="0.3">
      <c r="A18771" s="13" t="s">
        <v>131</v>
      </c>
      <c r="B18771" s="14" t="s">
        <v>1</v>
      </c>
      <c r="C18771" s="14" t="s">
        <v>59</v>
      </c>
      <c r="D18771" s="14" t="s">
        <v>14</v>
      </c>
      <c r="E18771" s="15">
        <v>45532</v>
      </c>
      <c r="F18771" s="14" t="s">
        <v>15</v>
      </c>
      <c r="G18771" s="16">
        <v>0</v>
      </c>
    </row>
    <row r="18772" spans="1:7" x14ac:dyDescent="0.3">
      <c r="A18772" s="13" t="s">
        <v>131</v>
      </c>
      <c r="B18772" s="14" t="s">
        <v>1</v>
      </c>
      <c r="C18772" s="14" t="s">
        <v>59</v>
      </c>
      <c r="D18772" s="14" t="s">
        <v>14</v>
      </c>
      <c r="E18772" s="15">
        <v>45533</v>
      </c>
      <c r="F18772" s="14" t="s">
        <v>15</v>
      </c>
      <c r="G18772" s="16">
        <v>0</v>
      </c>
    </row>
    <row r="18773" spans="1:7" x14ac:dyDescent="0.3">
      <c r="A18773" s="13" t="s">
        <v>131</v>
      </c>
      <c r="B18773" s="14" t="s">
        <v>1</v>
      </c>
      <c r="C18773" s="14" t="s">
        <v>59</v>
      </c>
      <c r="D18773" s="14" t="s">
        <v>14</v>
      </c>
      <c r="E18773" s="15">
        <v>45534</v>
      </c>
      <c r="F18773" s="14" t="s">
        <v>15</v>
      </c>
      <c r="G18773" s="16">
        <v>0</v>
      </c>
    </row>
    <row r="18774" spans="1:7" x14ac:dyDescent="0.3">
      <c r="A18774" s="13" t="s">
        <v>131</v>
      </c>
      <c r="B18774" s="14" t="s">
        <v>1</v>
      </c>
      <c r="C18774" s="14" t="s">
        <v>59</v>
      </c>
      <c r="D18774" s="14" t="s">
        <v>14</v>
      </c>
      <c r="E18774" s="15">
        <v>45535</v>
      </c>
      <c r="F18774" s="14" t="s">
        <v>15</v>
      </c>
      <c r="G18774" s="16">
        <v>0</v>
      </c>
    </row>
    <row r="18775" spans="1:7" x14ac:dyDescent="0.3">
      <c r="A18775" s="13" t="s">
        <v>131</v>
      </c>
      <c r="B18775" s="14" t="s">
        <v>1</v>
      </c>
      <c r="C18775" s="14" t="s">
        <v>59</v>
      </c>
      <c r="D18775" s="14" t="s">
        <v>14</v>
      </c>
      <c r="E18775" s="15">
        <v>45536</v>
      </c>
      <c r="F18775" s="14" t="s">
        <v>15</v>
      </c>
      <c r="G18775" s="16">
        <v>0</v>
      </c>
    </row>
    <row r="18776" spans="1:7" x14ac:dyDescent="0.3">
      <c r="A18776" s="13" t="s">
        <v>131</v>
      </c>
      <c r="B18776" s="14" t="s">
        <v>1</v>
      </c>
      <c r="C18776" s="14" t="s">
        <v>59</v>
      </c>
      <c r="D18776" s="14" t="s">
        <v>14</v>
      </c>
      <c r="E18776" s="15">
        <v>45537</v>
      </c>
      <c r="F18776" s="14" t="s">
        <v>15</v>
      </c>
      <c r="G18776" s="16">
        <v>0</v>
      </c>
    </row>
    <row r="18777" spans="1:7" x14ac:dyDescent="0.3">
      <c r="A18777" s="13" t="s">
        <v>131</v>
      </c>
      <c r="B18777" s="14" t="s">
        <v>1</v>
      </c>
      <c r="C18777" s="14" t="s">
        <v>59</v>
      </c>
      <c r="D18777" s="14" t="s">
        <v>14</v>
      </c>
      <c r="E18777" s="15">
        <v>45538</v>
      </c>
      <c r="F18777" s="14" t="s">
        <v>15</v>
      </c>
      <c r="G18777" s="16">
        <v>0</v>
      </c>
    </row>
    <row r="18778" spans="1:7" x14ac:dyDescent="0.3">
      <c r="A18778" s="13" t="s">
        <v>131</v>
      </c>
      <c r="B18778" s="14" t="s">
        <v>1</v>
      </c>
      <c r="C18778" s="14" t="s">
        <v>59</v>
      </c>
      <c r="D18778" s="14" t="s">
        <v>14</v>
      </c>
      <c r="E18778" s="15">
        <v>45539</v>
      </c>
      <c r="F18778" s="14" t="s">
        <v>15</v>
      </c>
      <c r="G18778" s="16">
        <v>0</v>
      </c>
    </row>
    <row r="18779" spans="1:7" x14ac:dyDescent="0.3">
      <c r="A18779" s="13" t="s">
        <v>131</v>
      </c>
      <c r="B18779" s="14" t="s">
        <v>1</v>
      </c>
      <c r="C18779" s="14" t="s">
        <v>59</v>
      </c>
      <c r="D18779" s="14" t="s">
        <v>14</v>
      </c>
      <c r="E18779" s="15">
        <v>45540</v>
      </c>
      <c r="F18779" s="14" t="s">
        <v>15</v>
      </c>
      <c r="G18779" s="16">
        <v>0</v>
      </c>
    </row>
    <row r="18780" spans="1:7" x14ac:dyDescent="0.3">
      <c r="A18780" s="13" t="s">
        <v>131</v>
      </c>
      <c r="B18780" s="14" t="s">
        <v>1</v>
      </c>
      <c r="C18780" s="14" t="s">
        <v>59</v>
      </c>
      <c r="D18780" s="14" t="s">
        <v>14</v>
      </c>
      <c r="E18780" s="15">
        <v>45541</v>
      </c>
      <c r="F18780" s="14" t="s">
        <v>15</v>
      </c>
      <c r="G18780" s="16">
        <v>0</v>
      </c>
    </row>
    <row r="18781" spans="1:7" x14ac:dyDescent="0.3">
      <c r="A18781" s="13" t="s">
        <v>131</v>
      </c>
      <c r="B18781" s="14" t="s">
        <v>1</v>
      </c>
      <c r="C18781" s="14" t="s">
        <v>59</v>
      </c>
      <c r="D18781" s="14" t="s">
        <v>14</v>
      </c>
      <c r="E18781" s="15">
        <v>45542</v>
      </c>
      <c r="F18781" s="14" t="s">
        <v>15</v>
      </c>
      <c r="G18781" s="16">
        <v>0</v>
      </c>
    </row>
    <row r="18782" spans="1:7" x14ac:dyDescent="0.3">
      <c r="A18782" s="13" t="s">
        <v>131</v>
      </c>
      <c r="B18782" s="14" t="s">
        <v>1</v>
      </c>
      <c r="C18782" s="14" t="s">
        <v>59</v>
      </c>
      <c r="D18782" s="14" t="s">
        <v>14</v>
      </c>
      <c r="E18782" s="15">
        <v>45543</v>
      </c>
      <c r="F18782" s="14" t="s">
        <v>15</v>
      </c>
      <c r="G18782" s="16">
        <v>0</v>
      </c>
    </row>
    <row r="18783" spans="1:7" x14ac:dyDescent="0.3">
      <c r="A18783" s="13" t="s">
        <v>131</v>
      </c>
      <c r="B18783" s="14" t="s">
        <v>1</v>
      </c>
      <c r="C18783" s="14" t="s">
        <v>59</v>
      </c>
      <c r="D18783" s="14" t="s">
        <v>14</v>
      </c>
      <c r="E18783" s="15">
        <v>45544</v>
      </c>
      <c r="F18783" s="14" t="s">
        <v>15</v>
      </c>
      <c r="G18783" s="16">
        <v>0</v>
      </c>
    </row>
    <row r="18784" spans="1:7" x14ac:dyDescent="0.3">
      <c r="A18784" s="13" t="s">
        <v>131</v>
      </c>
      <c r="B18784" s="14" t="s">
        <v>1</v>
      </c>
      <c r="C18784" s="14" t="s">
        <v>59</v>
      </c>
      <c r="D18784" s="14" t="s">
        <v>14</v>
      </c>
      <c r="E18784" s="15">
        <v>45545</v>
      </c>
      <c r="F18784" s="14" t="s">
        <v>15</v>
      </c>
      <c r="G18784" s="16">
        <v>0</v>
      </c>
    </row>
    <row r="18785" spans="1:7" x14ac:dyDescent="0.3">
      <c r="A18785" s="13" t="s">
        <v>131</v>
      </c>
      <c r="B18785" s="14" t="s">
        <v>1</v>
      </c>
      <c r="C18785" s="14" t="s">
        <v>59</v>
      </c>
      <c r="D18785" s="14" t="s">
        <v>14</v>
      </c>
      <c r="E18785" s="15">
        <v>45546</v>
      </c>
      <c r="F18785" s="14" t="s">
        <v>15</v>
      </c>
      <c r="G18785" s="16">
        <v>0</v>
      </c>
    </row>
    <row r="18786" spans="1:7" x14ac:dyDescent="0.3">
      <c r="A18786" s="13" t="s">
        <v>131</v>
      </c>
      <c r="B18786" s="14" t="s">
        <v>1</v>
      </c>
      <c r="C18786" s="14" t="s">
        <v>59</v>
      </c>
      <c r="D18786" s="14" t="s">
        <v>14</v>
      </c>
      <c r="E18786" s="15">
        <v>45547</v>
      </c>
      <c r="F18786" s="14" t="s">
        <v>15</v>
      </c>
      <c r="G18786" s="16">
        <v>0</v>
      </c>
    </row>
    <row r="18787" spans="1:7" x14ac:dyDescent="0.3">
      <c r="A18787" s="13" t="s">
        <v>131</v>
      </c>
      <c r="B18787" s="14" t="s">
        <v>1</v>
      </c>
      <c r="C18787" s="14" t="s">
        <v>59</v>
      </c>
      <c r="D18787" s="14" t="s">
        <v>14</v>
      </c>
      <c r="E18787" s="15">
        <v>45548</v>
      </c>
      <c r="F18787" s="14" t="s">
        <v>15</v>
      </c>
      <c r="G18787" s="16">
        <v>0</v>
      </c>
    </row>
    <row r="18788" spans="1:7" x14ac:dyDescent="0.3">
      <c r="A18788" s="13" t="s">
        <v>131</v>
      </c>
      <c r="B18788" s="14" t="s">
        <v>1</v>
      </c>
      <c r="C18788" s="14" t="s">
        <v>59</v>
      </c>
      <c r="D18788" s="14" t="s">
        <v>14</v>
      </c>
      <c r="E18788" s="15">
        <v>45549</v>
      </c>
      <c r="F18788" s="14" t="s">
        <v>15</v>
      </c>
      <c r="G18788" s="16">
        <v>0</v>
      </c>
    </row>
    <row r="18789" spans="1:7" x14ac:dyDescent="0.3">
      <c r="A18789" s="13" t="s">
        <v>131</v>
      </c>
      <c r="B18789" s="14" t="s">
        <v>1</v>
      </c>
      <c r="C18789" s="14" t="s">
        <v>59</v>
      </c>
      <c r="D18789" s="14" t="s">
        <v>14</v>
      </c>
      <c r="E18789" s="15">
        <v>45550</v>
      </c>
      <c r="F18789" s="14" t="s">
        <v>15</v>
      </c>
      <c r="G18789" s="16">
        <v>0</v>
      </c>
    </row>
    <row r="18790" spans="1:7" x14ac:dyDescent="0.3">
      <c r="A18790" s="13" t="s">
        <v>131</v>
      </c>
      <c r="B18790" s="14" t="s">
        <v>1</v>
      </c>
      <c r="C18790" s="14" t="s">
        <v>59</v>
      </c>
      <c r="D18790" s="14" t="s">
        <v>14</v>
      </c>
      <c r="E18790" s="15">
        <v>45551</v>
      </c>
      <c r="F18790" s="14" t="s">
        <v>15</v>
      </c>
      <c r="G18790" s="16">
        <v>0</v>
      </c>
    </row>
    <row r="18791" spans="1:7" x14ac:dyDescent="0.3">
      <c r="A18791" s="13" t="s">
        <v>131</v>
      </c>
      <c r="B18791" s="14" t="s">
        <v>1</v>
      </c>
      <c r="C18791" s="14" t="s">
        <v>59</v>
      </c>
      <c r="D18791" s="14" t="s">
        <v>14</v>
      </c>
      <c r="E18791" s="15">
        <v>45552</v>
      </c>
      <c r="F18791" s="14" t="s">
        <v>15</v>
      </c>
      <c r="G18791" s="16">
        <v>0</v>
      </c>
    </row>
    <row r="18792" spans="1:7" x14ac:dyDescent="0.3">
      <c r="A18792" s="13" t="s">
        <v>131</v>
      </c>
      <c r="B18792" s="14" t="s">
        <v>1</v>
      </c>
      <c r="C18792" s="14" t="s">
        <v>59</v>
      </c>
      <c r="D18792" s="14" t="s">
        <v>14</v>
      </c>
      <c r="E18792" s="15">
        <v>45553</v>
      </c>
      <c r="F18792" s="14" t="s">
        <v>15</v>
      </c>
      <c r="G18792" s="16">
        <v>0</v>
      </c>
    </row>
    <row r="18793" spans="1:7" x14ac:dyDescent="0.3">
      <c r="A18793" s="13" t="s">
        <v>131</v>
      </c>
      <c r="B18793" s="14" t="s">
        <v>1</v>
      </c>
      <c r="C18793" s="14" t="s">
        <v>59</v>
      </c>
      <c r="D18793" s="14" t="s">
        <v>14</v>
      </c>
      <c r="E18793" s="15">
        <v>45554</v>
      </c>
      <c r="F18793" s="14" t="s">
        <v>15</v>
      </c>
      <c r="G18793" s="16">
        <v>0</v>
      </c>
    </row>
    <row r="18794" spans="1:7" x14ac:dyDescent="0.3">
      <c r="A18794" s="13" t="s">
        <v>131</v>
      </c>
      <c r="B18794" s="14" t="s">
        <v>1</v>
      </c>
      <c r="C18794" s="14" t="s">
        <v>59</v>
      </c>
      <c r="D18794" s="14" t="s">
        <v>14</v>
      </c>
      <c r="E18794" s="15">
        <v>45555</v>
      </c>
      <c r="F18794" s="14" t="s">
        <v>15</v>
      </c>
      <c r="G18794" s="16">
        <v>0</v>
      </c>
    </row>
    <row r="18795" spans="1:7" x14ac:dyDescent="0.3">
      <c r="A18795" s="13" t="s">
        <v>131</v>
      </c>
      <c r="B18795" s="14" t="s">
        <v>1</v>
      </c>
      <c r="C18795" s="14" t="s">
        <v>59</v>
      </c>
      <c r="D18795" s="14" t="s">
        <v>14</v>
      </c>
      <c r="E18795" s="15">
        <v>45556</v>
      </c>
      <c r="F18795" s="14" t="s">
        <v>15</v>
      </c>
      <c r="G18795" s="16">
        <v>0</v>
      </c>
    </row>
    <row r="18796" spans="1:7" x14ac:dyDescent="0.3">
      <c r="A18796" s="13" t="s">
        <v>131</v>
      </c>
      <c r="B18796" s="14" t="s">
        <v>1</v>
      </c>
      <c r="C18796" s="14" t="s">
        <v>59</v>
      </c>
      <c r="D18796" s="14" t="s">
        <v>14</v>
      </c>
      <c r="E18796" s="15">
        <v>45557</v>
      </c>
      <c r="F18796" s="14" t="s">
        <v>15</v>
      </c>
      <c r="G18796" s="16">
        <v>0</v>
      </c>
    </row>
    <row r="18797" spans="1:7" x14ac:dyDescent="0.3">
      <c r="A18797" s="13" t="s">
        <v>131</v>
      </c>
      <c r="B18797" s="14" t="s">
        <v>1</v>
      </c>
      <c r="C18797" s="14" t="s">
        <v>59</v>
      </c>
      <c r="D18797" s="14" t="s">
        <v>14</v>
      </c>
      <c r="E18797" s="15">
        <v>45558</v>
      </c>
      <c r="F18797" s="14" t="s">
        <v>15</v>
      </c>
      <c r="G18797" s="16">
        <v>0</v>
      </c>
    </row>
    <row r="18798" spans="1:7" x14ac:dyDescent="0.3">
      <c r="A18798" s="13" t="s">
        <v>131</v>
      </c>
      <c r="B18798" s="14" t="s">
        <v>1</v>
      </c>
      <c r="C18798" s="14" t="s">
        <v>59</v>
      </c>
      <c r="D18798" s="14" t="s">
        <v>14</v>
      </c>
      <c r="E18798" s="15">
        <v>45559</v>
      </c>
      <c r="F18798" s="14" t="s">
        <v>15</v>
      </c>
      <c r="G18798" s="16">
        <v>0</v>
      </c>
    </row>
    <row r="18799" spans="1:7" x14ac:dyDescent="0.3">
      <c r="A18799" s="13" t="s">
        <v>131</v>
      </c>
      <c r="B18799" s="14" t="s">
        <v>1</v>
      </c>
      <c r="C18799" s="14" t="s">
        <v>59</v>
      </c>
      <c r="D18799" s="14" t="s">
        <v>14</v>
      </c>
      <c r="E18799" s="15">
        <v>45560</v>
      </c>
      <c r="F18799" s="14" t="s">
        <v>15</v>
      </c>
      <c r="G18799" s="16">
        <v>0</v>
      </c>
    </row>
    <row r="18800" spans="1:7" x14ac:dyDescent="0.3">
      <c r="A18800" s="13" t="s">
        <v>131</v>
      </c>
      <c r="B18800" s="14" t="s">
        <v>1</v>
      </c>
      <c r="C18800" s="14" t="s">
        <v>59</v>
      </c>
      <c r="D18800" s="14" t="s">
        <v>14</v>
      </c>
      <c r="E18800" s="15">
        <v>45561</v>
      </c>
      <c r="F18800" s="14" t="s">
        <v>15</v>
      </c>
      <c r="G18800" s="16">
        <v>0</v>
      </c>
    </row>
    <row r="18801" spans="1:7" x14ac:dyDescent="0.3">
      <c r="A18801" s="13" t="s">
        <v>131</v>
      </c>
      <c r="B18801" s="14" t="s">
        <v>1</v>
      </c>
      <c r="C18801" s="14" t="s">
        <v>59</v>
      </c>
      <c r="D18801" s="14" t="s">
        <v>14</v>
      </c>
      <c r="E18801" s="15">
        <v>45562</v>
      </c>
      <c r="F18801" s="14" t="s">
        <v>15</v>
      </c>
      <c r="G18801" s="16">
        <v>0</v>
      </c>
    </row>
    <row r="18802" spans="1:7" x14ac:dyDescent="0.3">
      <c r="A18802" s="13" t="s">
        <v>131</v>
      </c>
      <c r="B18802" s="14" t="s">
        <v>1</v>
      </c>
      <c r="C18802" s="14" t="s">
        <v>59</v>
      </c>
      <c r="D18802" s="14" t="s">
        <v>14</v>
      </c>
      <c r="E18802" s="15">
        <v>45563</v>
      </c>
      <c r="F18802" s="14" t="s">
        <v>15</v>
      </c>
      <c r="G18802" s="16">
        <v>0</v>
      </c>
    </row>
    <row r="18803" spans="1:7" x14ac:dyDescent="0.3">
      <c r="A18803" s="13" t="s">
        <v>131</v>
      </c>
      <c r="B18803" s="14" t="s">
        <v>1</v>
      </c>
      <c r="C18803" s="14" t="s">
        <v>59</v>
      </c>
      <c r="D18803" s="14" t="s">
        <v>14</v>
      </c>
      <c r="E18803" s="15">
        <v>45564</v>
      </c>
      <c r="F18803" s="14" t="s">
        <v>15</v>
      </c>
      <c r="G18803" s="16">
        <v>0</v>
      </c>
    </row>
    <row r="18804" spans="1:7" x14ac:dyDescent="0.3">
      <c r="A18804" s="13" t="s">
        <v>131</v>
      </c>
      <c r="B18804" s="14" t="s">
        <v>1</v>
      </c>
      <c r="C18804" s="14" t="s">
        <v>59</v>
      </c>
      <c r="D18804" s="14" t="s">
        <v>14</v>
      </c>
      <c r="E18804" s="15">
        <v>45565</v>
      </c>
      <c r="F18804" s="14" t="s">
        <v>15</v>
      </c>
      <c r="G18804" s="16">
        <v>0</v>
      </c>
    </row>
    <row r="18805" spans="1:7" x14ac:dyDescent="0.3">
      <c r="A18805" s="13" t="s">
        <v>131</v>
      </c>
      <c r="B18805" s="14" t="s">
        <v>1</v>
      </c>
      <c r="C18805" s="14" t="s">
        <v>59</v>
      </c>
      <c r="D18805" s="14" t="s">
        <v>14</v>
      </c>
      <c r="E18805" s="15">
        <v>45566</v>
      </c>
      <c r="F18805" s="14" t="s">
        <v>15</v>
      </c>
      <c r="G18805" s="16">
        <v>0</v>
      </c>
    </row>
    <row r="18806" spans="1:7" x14ac:dyDescent="0.3">
      <c r="A18806" s="13" t="s">
        <v>131</v>
      </c>
      <c r="B18806" s="14" t="s">
        <v>1</v>
      </c>
      <c r="C18806" s="14" t="s">
        <v>59</v>
      </c>
      <c r="D18806" s="14" t="s">
        <v>14</v>
      </c>
      <c r="E18806" s="15">
        <v>45567</v>
      </c>
      <c r="F18806" s="14" t="s">
        <v>15</v>
      </c>
      <c r="G18806" s="16">
        <v>0</v>
      </c>
    </row>
    <row r="18807" spans="1:7" x14ac:dyDescent="0.3">
      <c r="A18807" s="13" t="s">
        <v>131</v>
      </c>
      <c r="B18807" s="14" t="s">
        <v>1</v>
      </c>
      <c r="C18807" s="14" t="s">
        <v>59</v>
      </c>
      <c r="D18807" s="14" t="s">
        <v>14</v>
      </c>
      <c r="E18807" s="15">
        <v>45568</v>
      </c>
      <c r="F18807" s="14" t="s">
        <v>15</v>
      </c>
      <c r="G18807" s="16">
        <v>0</v>
      </c>
    </row>
    <row r="18808" spans="1:7" x14ac:dyDescent="0.3">
      <c r="A18808" s="13" t="s">
        <v>131</v>
      </c>
      <c r="B18808" s="14" t="s">
        <v>1</v>
      </c>
      <c r="C18808" s="14" t="s">
        <v>59</v>
      </c>
      <c r="D18808" s="14" t="s">
        <v>14</v>
      </c>
      <c r="E18808" s="15">
        <v>45569</v>
      </c>
      <c r="F18808" s="14" t="s">
        <v>15</v>
      </c>
      <c r="G18808" s="16">
        <v>0</v>
      </c>
    </row>
    <row r="18809" spans="1:7" x14ac:dyDescent="0.3">
      <c r="A18809" s="13" t="s">
        <v>131</v>
      </c>
      <c r="B18809" s="14" t="s">
        <v>1</v>
      </c>
      <c r="C18809" s="14" t="s">
        <v>59</v>
      </c>
      <c r="D18809" s="14" t="s">
        <v>14</v>
      </c>
      <c r="E18809" s="15">
        <v>45570</v>
      </c>
      <c r="F18809" s="14" t="s">
        <v>15</v>
      </c>
      <c r="G18809" s="16">
        <v>0</v>
      </c>
    </row>
    <row r="18810" spans="1:7" x14ac:dyDescent="0.3">
      <c r="A18810" s="13" t="s">
        <v>131</v>
      </c>
      <c r="B18810" s="14" t="s">
        <v>1</v>
      </c>
      <c r="C18810" s="14" t="s">
        <v>59</v>
      </c>
      <c r="D18810" s="14" t="s">
        <v>14</v>
      </c>
      <c r="E18810" s="15">
        <v>45571</v>
      </c>
      <c r="F18810" s="14" t="s">
        <v>15</v>
      </c>
      <c r="G18810" s="16">
        <v>0</v>
      </c>
    </row>
    <row r="18811" spans="1:7" x14ac:dyDescent="0.3">
      <c r="A18811" s="13" t="s">
        <v>131</v>
      </c>
      <c r="B18811" s="14" t="s">
        <v>1</v>
      </c>
      <c r="C18811" s="14" t="s">
        <v>59</v>
      </c>
      <c r="D18811" s="14" t="s">
        <v>14</v>
      </c>
      <c r="E18811" s="15">
        <v>45572</v>
      </c>
      <c r="F18811" s="14" t="s">
        <v>15</v>
      </c>
      <c r="G18811" s="16">
        <v>0</v>
      </c>
    </row>
    <row r="18812" spans="1:7" x14ac:dyDescent="0.3">
      <c r="A18812" s="13" t="s">
        <v>131</v>
      </c>
      <c r="B18812" s="14" t="s">
        <v>1</v>
      </c>
      <c r="C18812" s="14" t="s">
        <v>59</v>
      </c>
      <c r="D18812" s="14" t="s">
        <v>14</v>
      </c>
      <c r="E18812" s="15">
        <v>45573</v>
      </c>
      <c r="F18812" s="14" t="s">
        <v>15</v>
      </c>
      <c r="G18812" s="16">
        <v>0</v>
      </c>
    </row>
    <row r="18813" spans="1:7" x14ac:dyDescent="0.3">
      <c r="A18813" s="13" t="s">
        <v>131</v>
      </c>
      <c r="B18813" s="14" t="s">
        <v>1</v>
      </c>
      <c r="C18813" s="14" t="s">
        <v>59</v>
      </c>
      <c r="D18813" s="14" t="s">
        <v>14</v>
      </c>
      <c r="E18813" s="15">
        <v>45574</v>
      </c>
      <c r="F18813" s="14" t="s">
        <v>15</v>
      </c>
      <c r="G18813" s="16">
        <v>0</v>
      </c>
    </row>
    <row r="18814" spans="1:7" x14ac:dyDescent="0.3">
      <c r="A18814" s="13" t="s">
        <v>131</v>
      </c>
      <c r="B18814" s="14" t="s">
        <v>1</v>
      </c>
      <c r="C18814" s="14" t="s">
        <v>59</v>
      </c>
      <c r="D18814" s="14" t="s">
        <v>14</v>
      </c>
      <c r="E18814" s="15">
        <v>45575</v>
      </c>
      <c r="F18814" s="14" t="s">
        <v>15</v>
      </c>
      <c r="G18814" s="16">
        <v>0</v>
      </c>
    </row>
    <row r="18815" spans="1:7" x14ac:dyDescent="0.3">
      <c r="A18815" s="13" t="s">
        <v>131</v>
      </c>
      <c r="B18815" s="14" t="s">
        <v>1</v>
      </c>
      <c r="C18815" s="14" t="s">
        <v>59</v>
      </c>
      <c r="D18815" s="14" t="s">
        <v>14</v>
      </c>
      <c r="E18815" s="15">
        <v>45576</v>
      </c>
      <c r="F18815" s="14" t="s">
        <v>15</v>
      </c>
      <c r="G18815" s="16">
        <v>0</v>
      </c>
    </row>
    <row r="18816" spans="1:7" x14ac:dyDescent="0.3">
      <c r="A18816" s="13" t="s">
        <v>131</v>
      </c>
      <c r="B18816" s="14" t="s">
        <v>1</v>
      </c>
      <c r="C18816" s="14" t="s">
        <v>59</v>
      </c>
      <c r="D18816" s="14" t="s">
        <v>14</v>
      </c>
      <c r="E18816" s="15">
        <v>45577</v>
      </c>
      <c r="F18816" s="14" t="s">
        <v>15</v>
      </c>
      <c r="G18816" s="16">
        <v>0</v>
      </c>
    </row>
    <row r="18817" spans="1:7" x14ac:dyDescent="0.3">
      <c r="A18817" s="13" t="s">
        <v>131</v>
      </c>
      <c r="B18817" s="14" t="s">
        <v>1</v>
      </c>
      <c r="C18817" s="14" t="s">
        <v>59</v>
      </c>
      <c r="D18817" s="14" t="s">
        <v>14</v>
      </c>
      <c r="E18817" s="15">
        <v>45578</v>
      </c>
      <c r="F18817" s="14" t="s">
        <v>15</v>
      </c>
      <c r="G18817" s="16">
        <v>0</v>
      </c>
    </row>
    <row r="18818" spans="1:7" x14ac:dyDescent="0.3">
      <c r="A18818" s="13" t="s">
        <v>131</v>
      </c>
      <c r="B18818" s="14" t="s">
        <v>1</v>
      </c>
      <c r="C18818" s="14" t="s">
        <v>59</v>
      </c>
      <c r="D18818" s="14" t="s">
        <v>14</v>
      </c>
      <c r="E18818" s="15">
        <v>45579</v>
      </c>
      <c r="F18818" s="14" t="s">
        <v>15</v>
      </c>
      <c r="G18818" s="16">
        <v>0</v>
      </c>
    </row>
    <row r="18819" spans="1:7" x14ac:dyDescent="0.3">
      <c r="A18819" s="13" t="s">
        <v>131</v>
      </c>
      <c r="B18819" s="14" t="s">
        <v>1</v>
      </c>
      <c r="C18819" s="14" t="s">
        <v>59</v>
      </c>
      <c r="D18819" s="14" t="s">
        <v>14</v>
      </c>
      <c r="E18819" s="15">
        <v>45580</v>
      </c>
      <c r="F18819" s="14" t="s">
        <v>15</v>
      </c>
      <c r="G18819" s="16">
        <v>0</v>
      </c>
    </row>
    <row r="18820" spans="1:7" x14ac:dyDescent="0.3">
      <c r="A18820" s="13" t="s">
        <v>131</v>
      </c>
      <c r="B18820" s="14" t="s">
        <v>1</v>
      </c>
      <c r="C18820" s="14" t="s">
        <v>59</v>
      </c>
      <c r="D18820" s="14" t="s">
        <v>14</v>
      </c>
      <c r="E18820" s="15">
        <v>45581</v>
      </c>
      <c r="F18820" s="14" t="s">
        <v>15</v>
      </c>
      <c r="G18820" s="16">
        <v>0</v>
      </c>
    </row>
    <row r="18821" spans="1:7" x14ac:dyDescent="0.3">
      <c r="A18821" s="13" t="s">
        <v>131</v>
      </c>
      <c r="B18821" s="14" t="s">
        <v>1</v>
      </c>
      <c r="C18821" s="14" t="s">
        <v>59</v>
      </c>
      <c r="D18821" s="14" t="s">
        <v>14</v>
      </c>
      <c r="E18821" s="15">
        <v>45582</v>
      </c>
      <c r="F18821" s="14" t="s">
        <v>15</v>
      </c>
      <c r="G18821" s="16">
        <v>0</v>
      </c>
    </row>
    <row r="18822" spans="1:7" x14ac:dyDescent="0.3">
      <c r="A18822" s="13" t="s">
        <v>131</v>
      </c>
      <c r="B18822" s="14" t="s">
        <v>1</v>
      </c>
      <c r="C18822" s="14" t="s">
        <v>59</v>
      </c>
      <c r="D18822" s="14" t="s">
        <v>14</v>
      </c>
      <c r="E18822" s="15">
        <v>45583</v>
      </c>
      <c r="F18822" s="14" t="s">
        <v>15</v>
      </c>
      <c r="G18822" s="16">
        <v>0</v>
      </c>
    </row>
    <row r="18823" spans="1:7" x14ac:dyDescent="0.3">
      <c r="A18823" s="13" t="s">
        <v>131</v>
      </c>
      <c r="B18823" s="14" t="s">
        <v>1</v>
      </c>
      <c r="C18823" s="14" t="s">
        <v>59</v>
      </c>
      <c r="D18823" s="14" t="s">
        <v>14</v>
      </c>
      <c r="E18823" s="15">
        <v>45584</v>
      </c>
      <c r="F18823" s="14" t="s">
        <v>15</v>
      </c>
      <c r="G18823" s="16">
        <v>0</v>
      </c>
    </row>
    <row r="18824" spans="1:7" x14ac:dyDescent="0.3">
      <c r="A18824" s="13" t="s">
        <v>131</v>
      </c>
      <c r="B18824" s="14" t="s">
        <v>1</v>
      </c>
      <c r="C18824" s="14" t="s">
        <v>59</v>
      </c>
      <c r="D18824" s="14" t="s">
        <v>14</v>
      </c>
      <c r="E18824" s="15">
        <v>45585</v>
      </c>
      <c r="F18824" s="14" t="s">
        <v>15</v>
      </c>
      <c r="G18824" s="16">
        <v>0</v>
      </c>
    </row>
    <row r="18825" spans="1:7" x14ac:dyDescent="0.3">
      <c r="A18825" s="13" t="s">
        <v>131</v>
      </c>
      <c r="B18825" s="14" t="s">
        <v>1</v>
      </c>
      <c r="C18825" s="14" t="s">
        <v>59</v>
      </c>
      <c r="D18825" s="14" t="s">
        <v>14</v>
      </c>
      <c r="E18825" s="15">
        <v>45586</v>
      </c>
      <c r="F18825" s="14" t="s">
        <v>15</v>
      </c>
      <c r="G18825" s="16">
        <v>0</v>
      </c>
    </row>
    <row r="18826" spans="1:7" x14ac:dyDescent="0.3">
      <c r="A18826" s="13" t="s">
        <v>131</v>
      </c>
      <c r="B18826" s="14" t="s">
        <v>1</v>
      </c>
      <c r="C18826" s="14" t="s">
        <v>59</v>
      </c>
      <c r="D18826" s="14" t="s">
        <v>14</v>
      </c>
      <c r="E18826" s="15">
        <v>45587</v>
      </c>
      <c r="F18826" s="14" t="s">
        <v>15</v>
      </c>
      <c r="G18826" s="16">
        <v>0</v>
      </c>
    </row>
    <row r="18827" spans="1:7" x14ac:dyDescent="0.3">
      <c r="A18827" s="13" t="s">
        <v>131</v>
      </c>
      <c r="B18827" s="14" t="s">
        <v>1</v>
      </c>
      <c r="C18827" s="14" t="s">
        <v>59</v>
      </c>
      <c r="D18827" s="14" t="s">
        <v>14</v>
      </c>
      <c r="E18827" s="15">
        <v>45588</v>
      </c>
      <c r="F18827" s="14" t="s">
        <v>15</v>
      </c>
      <c r="G18827" s="16">
        <v>0</v>
      </c>
    </row>
    <row r="18828" spans="1:7" x14ac:dyDescent="0.3">
      <c r="A18828" s="13" t="s">
        <v>131</v>
      </c>
      <c r="B18828" s="14" t="s">
        <v>1</v>
      </c>
      <c r="C18828" s="14" t="s">
        <v>59</v>
      </c>
      <c r="D18828" s="14" t="s">
        <v>14</v>
      </c>
      <c r="E18828" s="15">
        <v>45589</v>
      </c>
      <c r="F18828" s="14" t="s">
        <v>15</v>
      </c>
      <c r="G18828" s="16">
        <v>0</v>
      </c>
    </row>
    <row r="18829" spans="1:7" x14ac:dyDescent="0.3">
      <c r="A18829" s="13" t="s">
        <v>131</v>
      </c>
      <c r="B18829" s="14" t="s">
        <v>1</v>
      </c>
      <c r="C18829" s="14" t="s">
        <v>59</v>
      </c>
      <c r="D18829" s="14" t="s">
        <v>14</v>
      </c>
      <c r="E18829" s="15">
        <v>45590</v>
      </c>
      <c r="F18829" s="14" t="s">
        <v>15</v>
      </c>
      <c r="G18829" s="16">
        <v>0</v>
      </c>
    </row>
    <row r="18830" spans="1:7" x14ac:dyDescent="0.3">
      <c r="A18830" s="13" t="s">
        <v>131</v>
      </c>
      <c r="B18830" s="14" t="s">
        <v>1</v>
      </c>
      <c r="C18830" s="14" t="s">
        <v>59</v>
      </c>
      <c r="D18830" s="14" t="s">
        <v>14</v>
      </c>
      <c r="E18830" s="15">
        <v>45591</v>
      </c>
      <c r="F18830" s="14" t="s">
        <v>15</v>
      </c>
      <c r="G18830" s="16">
        <v>0</v>
      </c>
    </row>
    <row r="18831" spans="1:7" x14ac:dyDescent="0.3">
      <c r="A18831" s="13" t="s">
        <v>131</v>
      </c>
      <c r="B18831" s="14" t="s">
        <v>1</v>
      </c>
      <c r="C18831" s="14" t="s">
        <v>59</v>
      </c>
      <c r="D18831" s="14" t="s">
        <v>14</v>
      </c>
      <c r="E18831" s="15">
        <v>45592</v>
      </c>
      <c r="F18831" s="14" t="s">
        <v>15</v>
      </c>
      <c r="G18831" s="16">
        <v>0</v>
      </c>
    </row>
    <row r="18832" spans="1:7" x14ac:dyDescent="0.3">
      <c r="A18832" s="13" t="s">
        <v>131</v>
      </c>
      <c r="B18832" s="14" t="s">
        <v>1</v>
      </c>
      <c r="C18832" s="14" t="s">
        <v>59</v>
      </c>
      <c r="D18832" s="14" t="s">
        <v>14</v>
      </c>
      <c r="E18832" s="15">
        <v>45593</v>
      </c>
      <c r="F18832" s="14" t="s">
        <v>15</v>
      </c>
      <c r="G18832" s="16">
        <v>0</v>
      </c>
    </row>
    <row r="18833" spans="1:7" x14ac:dyDescent="0.3">
      <c r="A18833" s="13" t="s">
        <v>131</v>
      </c>
      <c r="B18833" s="14" t="s">
        <v>1</v>
      </c>
      <c r="C18833" s="14" t="s">
        <v>59</v>
      </c>
      <c r="D18833" s="14" t="s">
        <v>14</v>
      </c>
      <c r="E18833" s="15">
        <v>45594</v>
      </c>
      <c r="F18833" s="14" t="s">
        <v>15</v>
      </c>
      <c r="G18833" s="16">
        <v>0</v>
      </c>
    </row>
    <row r="18834" spans="1:7" x14ac:dyDescent="0.3">
      <c r="A18834" s="13" t="s">
        <v>131</v>
      </c>
      <c r="B18834" s="14" t="s">
        <v>1</v>
      </c>
      <c r="C18834" s="14" t="s">
        <v>59</v>
      </c>
      <c r="D18834" s="14" t="s">
        <v>14</v>
      </c>
      <c r="E18834" s="15">
        <v>45595</v>
      </c>
      <c r="F18834" s="14" t="s">
        <v>15</v>
      </c>
      <c r="G18834" s="16">
        <v>0</v>
      </c>
    </row>
    <row r="18835" spans="1:7" x14ac:dyDescent="0.3">
      <c r="A18835" s="13" t="s">
        <v>131</v>
      </c>
      <c r="B18835" s="14" t="s">
        <v>1</v>
      </c>
      <c r="C18835" s="14" t="s">
        <v>59</v>
      </c>
      <c r="D18835" s="14" t="s">
        <v>14</v>
      </c>
      <c r="E18835" s="15">
        <v>45596</v>
      </c>
      <c r="F18835" s="14" t="s">
        <v>15</v>
      </c>
      <c r="G18835" s="16">
        <v>0</v>
      </c>
    </row>
    <row r="18836" spans="1:7" x14ac:dyDescent="0.3">
      <c r="A18836" s="13" t="s">
        <v>131</v>
      </c>
      <c r="B18836" s="14" t="s">
        <v>1</v>
      </c>
      <c r="C18836" s="14" t="s">
        <v>59</v>
      </c>
      <c r="D18836" s="14" t="s">
        <v>14</v>
      </c>
      <c r="E18836" s="15">
        <v>45597</v>
      </c>
      <c r="F18836" s="14" t="s">
        <v>15</v>
      </c>
      <c r="G18836" s="16">
        <v>0</v>
      </c>
    </row>
    <row r="18837" spans="1:7" x14ac:dyDescent="0.3">
      <c r="A18837" s="13" t="s">
        <v>131</v>
      </c>
      <c r="B18837" s="14" t="s">
        <v>1</v>
      </c>
      <c r="C18837" s="14" t="s">
        <v>59</v>
      </c>
      <c r="D18837" s="14" t="s">
        <v>14</v>
      </c>
      <c r="E18837" s="15">
        <v>45598</v>
      </c>
      <c r="F18837" s="14" t="s">
        <v>15</v>
      </c>
      <c r="G18837" s="16">
        <v>0</v>
      </c>
    </row>
    <row r="18838" spans="1:7" x14ac:dyDescent="0.3">
      <c r="A18838" s="13" t="s">
        <v>131</v>
      </c>
      <c r="B18838" s="14" t="s">
        <v>1</v>
      </c>
      <c r="C18838" s="14" t="s">
        <v>59</v>
      </c>
      <c r="D18838" s="14" t="s">
        <v>14</v>
      </c>
      <c r="E18838" s="15">
        <v>45599</v>
      </c>
      <c r="F18838" s="14" t="s">
        <v>15</v>
      </c>
      <c r="G18838" s="16">
        <v>0</v>
      </c>
    </row>
    <row r="18839" spans="1:7" x14ac:dyDescent="0.3">
      <c r="A18839" s="13" t="s">
        <v>131</v>
      </c>
      <c r="B18839" s="14" t="s">
        <v>1</v>
      </c>
      <c r="C18839" s="14" t="s">
        <v>59</v>
      </c>
      <c r="D18839" s="14" t="s">
        <v>14</v>
      </c>
      <c r="E18839" s="15">
        <v>45600</v>
      </c>
      <c r="F18839" s="14" t="s">
        <v>15</v>
      </c>
      <c r="G18839" s="16">
        <v>0</v>
      </c>
    </row>
    <row r="18840" spans="1:7" x14ac:dyDescent="0.3">
      <c r="A18840" s="13" t="s">
        <v>131</v>
      </c>
      <c r="B18840" s="14" t="s">
        <v>1</v>
      </c>
      <c r="C18840" s="14" t="s">
        <v>59</v>
      </c>
      <c r="D18840" s="14" t="s">
        <v>14</v>
      </c>
      <c r="E18840" s="15">
        <v>45601</v>
      </c>
      <c r="F18840" s="14" t="s">
        <v>15</v>
      </c>
      <c r="G18840" s="16">
        <v>0</v>
      </c>
    </row>
    <row r="18841" spans="1:7" x14ac:dyDescent="0.3">
      <c r="A18841" s="13" t="s">
        <v>131</v>
      </c>
      <c r="B18841" s="14" t="s">
        <v>1</v>
      </c>
      <c r="C18841" s="14" t="s">
        <v>59</v>
      </c>
      <c r="D18841" s="14" t="s">
        <v>14</v>
      </c>
      <c r="E18841" s="15">
        <v>45602</v>
      </c>
      <c r="F18841" s="14" t="s">
        <v>15</v>
      </c>
      <c r="G18841" s="16">
        <v>0</v>
      </c>
    </row>
    <row r="18842" spans="1:7" x14ac:dyDescent="0.3">
      <c r="A18842" s="13" t="s">
        <v>131</v>
      </c>
      <c r="B18842" s="14" t="s">
        <v>1</v>
      </c>
      <c r="C18842" s="14" t="s">
        <v>59</v>
      </c>
      <c r="D18842" s="14" t="s">
        <v>14</v>
      </c>
      <c r="E18842" s="15">
        <v>45603</v>
      </c>
      <c r="F18842" s="14" t="s">
        <v>15</v>
      </c>
      <c r="G18842" s="16">
        <v>0</v>
      </c>
    </row>
    <row r="18843" spans="1:7" x14ac:dyDescent="0.3">
      <c r="A18843" s="13" t="s">
        <v>131</v>
      </c>
      <c r="B18843" s="14" t="s">
        <v>1</v>
      </c>
      <c r="C18843" s="14" t="s">
        <v>59</v>
      </c>
      <c r="D18843" s="14" t="s">
        <v>14</v>
      </c>
      <c r="E18843" s="15">
        <v>45604</v>
      </c>
      <c r="F18843" s="14" t="s">
        <v>15</v>
      </c>
      <c r="G18843" s="16">
        <v>0</v>
      </c>
    </row>
    <row r="18844" spans="1:7" x14ac:dyDescent="0.3">
      <c r="A18844" s="13" t="s">
        <v>131</v>
      </c>
      <c r="B18844" s="14" t="s">
        <v>1</v>
      </c>
      <c r="C18844" s="14" t="s">
        <v>59</v>
      </c>
      <c r="D18844" s="14" t="s">
        <v>14</v>
      </c>
      <c r="E18844" s="15">
        <v>45605</v>
      </c>
      <c r="F18844" s="14" t="s">
        <v>15</v>
      </c>
      <c r="G18844" s="16">
        <v>0</v>
      </c>
    </row>
    <row r="18845" spans="1:7" x14ac:dyDescent="0.3">
      <c r="A18845" s="13" t="s">
        <v>131</v>
      </c>
      <c r="B18845" s="14" t="s">
        <v>1</v>
      </c>
      <c r="C18845" s="14" t="s">
        <v>59</v>
      </c>
      <c r="D18845" s="14" t="s">
        <v>14</v>
      </c>
      <c r="E18845" s="15">
        <v>45606</v>
      </c>
      <c r="F18845" s="14" t="s">
        <v>15</v>
      </c>
      <c r="G18845" s="16">
        <v>0</v>
      </c>
    </row>
    <row r="18846" spans="1:7" x14ac:dyDescent="0.3">
      <c r="A18846" s="13" t="s">
        <v>131</v>
      </c>
      <c r="B18846" s="14" t="s">
        <v>1</v>
      </c>
      <c r="C18846" s="14" t="s">
        <v>59</v>
      </c>
      <c r="D18846" s="14" t="s">
        <v>14</v>
      </c>
      <c r="E18846" s="15">
        <v>45607</v>
      </c>
      <c r="F18846" s="14" t="s">
        <v>15</v>
      </c>
      <c r="G18846" s="16">
        <v>0</v>
      </c>
    </row>
    <row r="18847" spans="1:7" x14ac:dyDescent="0.3">
      <c r="A18847" s="13" t="s">
        <v>131</v>
      </c>
      <c r="B18847" s="14" t="s">
        <v>1</v>
      </c>
      <c r="C18847" s="14" t="s">
        <v>59</v>
      </c>
      <c r="D18847" s="14" t="s">
        <v>14</v>
      </c>
      <c r="E18847" s="15">
        <v>45608</v>
      </c>
      <c r="F18847" s="14" t="s">
        <v>15</v>
      </c>
      <c r="G18847" s="16">
        <v>0</v>
      </c>
    </row>
    <row r="18848" spans="1:7" x14ac:dyDescent="0.3">
      <c r="A18848" s="13" t="s">
        <v>131</v>
      </c>
      <c r="B18848" s="14" t="s">
        <v>1</v>
      </c>
      <c r="C18848" s="14" t="s">
        <v>59</v>
      </c>
      <c r="D18848" s="14" t="s">
        <v>14</v>
      </c>
      <c r="E18848" s="15">
        <v>45609</v>
      </c>
      <c r="F18848" s="14" t="s">
        <v>15</v>
      </c>
      <c r="G18848" s="16">
        <v>0</v>
      </c>
    </row>
    <row r="18849" spans="1:7" x14ac:dyDescent="0.3">
      <c r="A18849" s="13" t="s">
        <v>131</v>
      </c>
      <c r="B18849" s="14" t="s">
        <v>1</v>
      </c>
      <c r="C18849" s="14" t="s">
        <v>59</v>
      </c>
      <c r="D18849" s="14" t="s">
        <v>14</v>
      </c>
      <c r="E18849" s="15">
        <v>45610</v>
      </c>
      <c r="F18849" s="14" t="s">
        <v>15</v>
      </c>
      <c r="G18849" s="16">
        <v>0</v>
      </c>
    </row>
    <row r="18850" spans="1:7" x14ac:dyDescent="0.3">
      <c r="A18850" s="13" t="s">
        <v>131</v>
      </c>
      <c r="B18850" s="14" t="s">
        <v>1</v>
      </c>
      <c r="C18850" s="14" t="s">
        <v>59</v>
      </c>
      <c r="D18850" s="14" t="s">
        <v>14</v>
      </c>
      <c r="E18850" s="15">
        <v>45611</v>
      </c>
      <c r="F18850" s="14" t="s">
        <v>15</v>
      </c>
      <c r="G18850" s="16">
        <v>0</v>
      </c>
    </row>
    <row r="18851" spans="1:7" x14ac:dyDescent="0.3">
      <c r="A18851" s="13" t="s">
        <v>131</v>
      </c>
      <c r="B18851" s="14" t="s">
        <v>1</v>
      </c>
      <c r="C18851" s="14" t="s">
        <v>59</v>
      </c>
      <c r="D18851" s="14" t="s">
        <v>14</v>
      </c>
      <c r="E18851" s="15">
        <v>45612</v>
      </c>
      <c r="F18851" s="14" t="s">
        <v>15</v>
      </c>
      <c r="G18851" s="16">
        <v>0</v>
      </c>
    </row>
    <row r="18852" spans="1:7" x14ac:dyDescent="0.3">
      <c r="A18852" s="13" t="s">
        <v>131</v>
      </c>
      <c r="B18852" s="14" t="s">
        <v>1</v>
      </c>
      <c r="C18852" s="14" t="s">
        <v>59</v>
      </c>
      <c r="D18852" s="14" t="s">
        <v>14</v>
      </c>
      <c r="E18852" s="15">
        <v>45613</v>
      </c>
      <c r="F18852" s="14" t="s">
        <v>15</v>
      </c>
      <c r="G18852" s="16">
        <v>0</v>
      </c>
    </row>
    <row r="18853" spans="1:7" x14ac:dyDescent="0.3">
      <c r="A18853" s="13" t="s">
        <v>131</v>
      </c>
      <c r="B18853" s="14" t="s">
        <v>1</v>
      </c>
      <c r="C18853" s="14" t="s">
        <v>59</v>
      </c>
      <c r="D18853" s="14" t="s">
        <v>14</v>
      </c>
      <c r="E18853" s="15">
        <v>45614</v>
      </c>
      <c r="F18853" s="14" t="s">
        <v>15</v>
      </c>
      <c r="G18853" s="16">
        <v>0</v>
      </c>
    </row>
    <row r="18854" spans="1:7" x14ac:dyDescent="0.3">
      <c r="A18854" s="13" t="s">
        <v>131</v>
      </c>
      <c r="B18854" s="14" t="s">
        <v>1</v>
      </c>
      <c r="C18854" s="14" t="s">
        <v>59</v>
      </c>
      <c r="D18854" s="14" t="s">
        <v>14</v>
      </c>
      <c r="E18854" s="15">
        <v>45615</v>
      </c>
      <c r="F18854" s="14" t="s">
        <v>15</v>
      </c>
      <c r="G18854" s="16">
        <v>0</v>
      </c>
    </row>
    <row r="18855" spans="1:7" x14ac:dyDescent="0.3">
      <c r="A18855" s="13" t="s">
        <v>131</v>
      </c>
      <c r="B18855" s="14" t="s">
        <v>1</v>
      </c>
      <c r="C18855" s="14" t="s">
        <v>59</v>
      </c>
      <c r="D18855" s="14" t="s">
        <v>14</v>
      </c>
      <c r="E18855" s="15">
        <v>45616</v>
      </c>
      <c r="F18855" s="14" t="s">
        <v>15</v>
      </c>
      <c r="G18855" s="16">
        <v>0</v>
      </c>
    </row>
    <row r="18856" spans="1:7" x14ac:dyDescent="0.3">
      <c r="A18856" s="13" t="s">
        <v>131</v>
      </c>
      <c r="B18856" s="14" t="s">
        <v>1</v>
      </c>
      <c r="C18856" s="14" t="s">
        <v>59</v>
      </c>
      <c r="D18856" s="14" t="s">
        <v>14</v>
      </c>
      <c r="E18856" s="15">
        <v>45617</v>
      </c>
      <c r="F18856" s="14" t="s">
        <v>15</v>
      </c>
      <c r="G18856" s="16">
        <v>0</v>
      </c>
    </row>
    <row r="18857" spans="1:7" x14ac:dyDescent="0.3">
      <c r="A18857" s="13" t="s">
        <v>131</v>
      </c>
      <c r="B18857" s="14" t="s">
        <v>1</v>
      </c>
      <c r="C18857" s="14" t="s">
        <v>59</v>
      </c>
      <c r="D18857" s="14" t="s">
        <v>14</v>
      </c>
      <c r="E18857" s="15">
        <v>45618</v>
      </c>
      <c r="F18857" s="14" t="s">
        <v>15</v>
      </c>
      <c r="G18857" s="16">
        <v>0</v>
      </c>
    </row>
    <row r="18858" spans="1:7" x14ac:dyDescent="0.3">
      <c r="A18858" s="13" t="s">
        <v>131</v>
      </c>
      <c r="B18858" s="14" t="s">
        <v>1</v>
      </c>
      <c r="C18858" s="14" t="s">
        <v>59</v>
      </c>
      <c r="D18858" s="14" t="s">
        <v>14</v>
      </c>
      <c r="E18858" s="15">
        <v>45619</v>
      </c>
      <c r="F18858" s="14" t="s">
        <v>15</v>
      </c>
      <c r="G18858" s="16">
        <v>0</v>
      </c>
    </row>
    <row r="18859" spans="1:7" x14ac:dyDescent="0.3">
      <c r="A18859" s="13" t="s">
        <v>131</v>
      </c>
      <c r="B18859" s="14" t="s">
        <v>1</v>
      </c>
      <c r="C18859" s="14" t="s">
        <v>59</v>
      </c>
      <c r="D18859" s="14" t="s">
        <v>14</v>
      </c>
      <c r="E18859" s="15">
        <v>45620</v>
      </c>
      <c r="F18859" s="14" t="s">
        <v>15</v>
      </c>
      <c r="G18859" s="16">
        <v>0</v>
      </c>
    </row>
    <row r="18860" spans="1:7" x14ac:dyDescent="0.3">
      <c r="A18860" s="13" t="s">
        <v>131</v>
      </c>
      <c r="B18860" s="14" t="s">
        <v>1</v>
      </c>
      <c r="C18860" s="14" t="s">
        <v>59</v>
      </c>
      <c r="D18860" s="14" t="s">
        <v>14</v>
      </c>
      <c r="E18860" s="15">
        <v>45621</v>
      </c>
      <c r="F18860" s="14" t="s">
        <v>15</v>
      </c>
      <c r="G18860" s="16">
        <v>0</v>
      </c>
    </row>
    <row r="18861" spans="1:7" x14ac:dyDescent="0.3">
      <c r="A18861" s="13" t="s">
        <v>131</v>
      </c>
      <c r="B18861" s="14" t="s">
        <v>1</v>
      </c>
      <c r="C18861" s="14" t="s">
        <v>59</v>
      </c>
      <c r="D18861" s="14" t="s">
        <v>14</v>
      </c>
      <c r="E18861" s="15">
        <v>45622</v>
      </c>
      <c r="F18861" s="14" t="s">
        <v>15</v>
      </c>
      <c r="G18861" s="16">
        <v>0</v>
      </c>
    </row>
    <row r="18862" spans="1:7" x14ac:dyDescent="0.3">
      <c r="A18862" s="13" t="s">
        <v>131</v>
      </c>
      <c r="B18862" s="14" t="s">
        <v>1</v>
      </c>
      <c r="C18862" s="14" t="s">
        <v>59</v>
      </c>
      <c r="D18862" s="14" t="s">
        <v>14</v>
      </c>
      <c r="E18862" s="15">
        <v>45623</v>
      </c>
      <c r="F18862" s="14" t="s">
        <v>15</v>
      </c>
      <c r="G18862" s="16">
        <v>0</v>
      </c>
    </row>
    <row r="18863" spans="1:7" x14ac:dyDescent="0.3">
      <c r="A18863" s="13" t="s">
        <v>131</v>
      </c>
      <c r="B18863" s="14" t="s">
        <v>1</v>
      </c>
      <c r="C18863" s="14" t="s">
        <v>59</v>
      </c>
      <c r="D18863" s="14" t="s">
        <v>14</v>
      </c>
      <c r="E18863" s="15">
        <v>45624</v>
      </c>
      <c r="F18863" s="14" t="s">
        <v>15</v>
      </c>
      <c r="G18863" s="16">
        <v>0</v>
      </c>
    </row>
    <row r="18864" spans="1:7" x14ac:dyDescent="0.3">
      <c r="A18864" s="13" t="s">
        <v>131</v>
      </c>
      <c r="B18864" s="14" t="s">
        <v>1</v>
      </c>
      <c r="C18864" s="14" t="s">
        <v>59</v>
      </c>
      <c r="D18864" s="14" t="s">
        <v>14</v>
      </c>
      <c r="E18864" s="15">
        <v>45625</v>
      </c>
      <c r="F18864" s="14" t="s">
        <v>15</v>
      </c>
      <c r="G18864" s="16">
        <v>0</v>
      </c>
    </row>
    <row r="18865" spans="1:7" x14ac:dyDescent="0.3">
      <c r="A18865" s="13" t="s">
        <v>131</v>
      </c>
      <c r="B18865" s="14" t="s">
        <v>1</v>
      </c>
      <c r="C18865" s="14" t="s">
        <v>59</v>
      </c>
      <c r="D18865" s="14" t="s">
        <v>14</v>
      </c>
      <c r="E18865" s="15">
        <v>45626</v>
      </c>
      <c r="F18865" s="14" t="s">
        <v>15</v>
      </c>
      <c r="G18865" s="16">
        <v>0</v>
      </c>
    </row>
    <row r="18866" spans="1:7" x14ac:dyDescent="0.3">
      <c r="A18866" s="13" t="s">
        <v>131</v>
      </c>
      <c r="B18866" s="14" t="s">
        <v>1</v>
      </c>
      <c r="C18866" s="14" t="s">
        <v>59</v>
      </c>
      <c r="D18866" s="14" t="s">
        <v>14</v>
      </c>
      <c r="E18866" s="15">
        <v>45627</v>
      </c>
      <c r="F18866" s="14" t="s">
        <v>15</v>
      </c>
      <c r="G18866" s="16">
        <v>0</v>
      </c>
    </row>
    <row r="18867" spans="1:7" x14ac:dyDescent="0.3">
      <c r="A18867" s="13" t="s">
        <v>131</v>
      </c>
      <c r="B18867" s="14" t="s">
        <v>1</v>
      </c>
      <c r="C18867" s="14" t="s">
        <v>59</v>
      </c>
      <c r="D18867" s="14" t="s">
        <v>14</v>
      </c>
      <c r="E18867" s="15">
        <v>45628</v>
      </c>
      <c r="F18867" s="14" t="s">
        <v>15</v>
      </c>
      <c r="G18867" s="16">
        <v>0</v>
      </c>
    </row>
    <row r="18868" spans="1:7" x14ac:dyDescent="0.3">
      <c r="A18868" s="13" t="s">
        <v>131</v>
      </c>
      <c r="B18868" s="14" t="s">
        <v>1</v>
      </c>
      <c r="C18868" s="14" t="s">
        <v>59</v>
      </c>
      <c r="D18868" s="14" t="s">
        <v>14</v>
      </c>
      <c r="E18868" s="15">
        <v>45629</v>
      </c>
      <c r="F18868" s="14" t="s">
        <v>15</v>
      </c>
      <c r="G18868" s="16">
        <v>0</v>
      </c>
    </row>
    <row r="18869" spans="1:7" x14ac:dyDescent="0.3">
      <c r="A18869" s="13" t="s">
        <v>131</v>
      </c>
      <c r="B18869" s="14" t="s">
        <v>1</v>
      </c>
      <c r="C18869" s="14" t="s">
        <v>59</v>
      </c>
      <c r="D18869" s="14" t="s">
        <v>14</v>
      </c>
      <c r="E18869" s="15">
        <v>45630</v>
      </c>
      <c r="F18869" s="14" t="s">
        <v>15</v>
      </c>
      <c r="G18869" s="16">
        <v>0</v>
      </c>
    </row>
    <row r="18870" spans="1:7" x14ac:dyDescent="0.3">
      <c r="A18870" s="13" t="s">
        <v>131</v>
      </c>
      <c r="B18870" s="14" t="s">
        <v>1</v>
      </c>
      <c r="C18870" s="14" t="s">
        <v>59</v>
      </c>
      <c r="D18870" s="14" t="s">
        <v>14</v>
      </c>
      <c r="E18870" s="15">
        <v>45631</v>
      </c>
      <c r="F18870" s="14" t="s">
        <v>15</v>
      </c>
      <c r="G18870" s="16">
        <v>0</v>
      </c>
    </row>
    <row r="18871" spans="1:7" x14ac:dyDescent="0.3">
      <c r="A18871" s="13" t="s">
        <v>131</v>
      </c>
      <c r="B18871" s="14" t="s">
        <v>1</v>
      </c>
      <c r="C18871" s="14" t="s">
        <v>59</v>
      </c>
      <c r="D18871" s="14" t="s">
        <v>14</v>
      </c>
      <c r="E18871" s="15">
        <v>45632</v>
      </c>
      <c r="F18871" s="14" t="s">
        <v>15</v>
      </c>
      <c r="G18871" s="16">
        <v>0</v>
      </c>
    </row>
    <row r="18872" spans="1:7" x14ac:dyDescent="0.3">
      <c r="A18872" s="13" t="s">
        <v>131</v>
      </c>
      <c r="B18872" s="14" t="s">
        <v>1</v>
      </c>
      <c r="C18872" s="14" t="s">
        <v>59</v>
      </c>
      <c r="D18872" s="14" t="s">
        <v>14</v>
      </c>
      <c r="E18872" s="15">
        <v>45633</v>
      </c>
      <c r="F18872" s="14" t="s">
        <v>15</v>
      </c>
      <c r="G18872" s="16">
        <v>0</v>
      </c>
    </row>
    <row r="18873" spans="1:7" x14ac:dyDescent="0.3">
      <c r="A18873" s="13" t="s">
        <v>131</v>
      </c>
      <c r="B18873" s="14" t="s">
        <v>1</v>
      </c>
      <c r="C18873" s="14" t="s">
        <v>59</v>
      </c>
      <c r="D18873" s="14" t="s">
        <v>14</v>
      </c>
      <c r="E18873" s="15">
        <v>45634</v>
      </c>
      <c r="F18873" s="14" t="s">
        <v>15</v>
      </c>
      <c r="G18873" s="16">
        <v>0</v>
      </c>
    </row>
    <row r="18874" spans="1:7" x14ac:dyDescent="0.3">
      <c r="A18874" s="13" t="s">
        <v>131</v>
      </c>
      <c r="B18874" s="14" t="s">
        <v>1</v>
      </c>
      <c r="C18874" s="14" t="s">
        <v>59</v>
      </c>
      <c r="D18874" s="14" t="s">
        <v>14</v>
      </c>
      <c r="E18874" s="15">
        <v>45635</v>
      </c>
      <c r="F18874" s="14" t="s">
        <v>15</v>
      </c>
      <c r="G18874" s="16">
        <v>0</v>
      </c>
    </row>
    <row r="18875" spans="1:7" x14ac:dyDescent="0.3">
      <c r="A18875" s="13" t="s">
        <v>131</v>
      </c>
      <c r="B18875" s="14" t="s">
        <v>1</v>
      </c>
      <c r="C18875" s="14" t="s">
        <v>59</v>
      </c>
      <c r="D18875" s="14" t="s">
        <v>14</v>
      </c>
      <c r="E18875" s="15">
        <v>45636</v>
      </c>
      <c r="F18875" s="14" t="s">
        <v>15</v>
      </c>
      <c r="G18875" s="16">
        <v>0</v>
      </c>
    </row>
    <row r="18876" spans="1:7" x14ac:dyDescent="0.3">
      <c r="A18876" s="13" t="s">
        <v>131</v>
      </c>
      <c r="B18876" s="14" t="s">
        <v>1</v>
      </c>
      <c r="C18876" s="14" t="s">
        <v>59</v>
      </c>
      <c r="D18876" s="14" t="s">
        <v>14</v>
      </c>
      <c r="E18876" s="15">
        <v>45637</v>
      </c>
      <c r="F18876" s="14" t="s">
        <v>15</v>
      </c>
      <c r="G18876" s="16">
        <v>0</v>
      </c>
    </row>
    <row r="18877" spans="1:7" x14ac:dyDescent="0.3">
      <c r="A18877" s="13" t="s">
        <v>131</v>
      </c>
      <c r="B18877" s="14" t="s">
        <v>1</v>
      </c>
      <c r="C18877" s="14" t="s">
        <v>59</v>
      </c>
      <c r="D18877" s="14" t="s">
        <v>14</v>
      </c>
      <c r="E18877" s="15">
        <v>45638</v>
      </c>
      <c r="F18877" s="14" t="s">
        <v>15</v>
      </c>
      <c r="G18877" s="16">
        <v>0</v>
      </c>
    </row>
    <row r="18878" spans="1:7" x14ac:dyDescent="0.3">
      <c r="A18878" s="13" t="s">
        <v>131</v>
      </c>
      <c r="B18878" s="14" t="s">
        <v>1</v>
      </c>
      <c r="C18878" s="14" t="s">
        <v>59</v>
      </c>
      <c r="D18878" s="14" t="s">
        <v>14</v>
      </c>
      <c r="E18878" s="15">
        <v>45639</v>
      </c>
      <c r="F18878" s="14" t="s">
        <v>15</v>
      </c>
      <c r="G18878" s="16">
        <v>0</v>
      </c>
    </row>
    <row r="18879" spans="1:7" x14ac:dyDescent="0.3">
      <c r="A18879" s="13" t="s">
        <v>131</v>
      </c>
      <c r="B18879" s="14" t="s">
        <v>1</v>
      </c>
      <c r="C18879" s="14" t="s">
        <v>59</v>
      </c>
      <c r="D18879" s="14" t="s">
        <v>14</v>
      </c>
      <c r="E18879" s="15">
        <v>45640</v>
      </c>
      <c r="F18879" s="14" t="s">
        <v>15</v>
      </c>
      <c r="G18879" s="16">
        <v>0</v>
      </c>
    </row>
    <row r="18880" spans="1:7" x14ac:dyDescent="0.3">
      <c r="A18880" s="13" t="s">
        <v>131</v>
      </c>
      <c r="B18880" s="14" t="s">
        <v>1</v>
      </c>
      <c r="C18880" s="14" t="s">
        <v>59</v>
      </c>
      <c r="D18880" s="14" t="s">
        <v>14</v>
      </c>
      <c r="E18880" s="15">
        <v>45641</v>
      </c>
      <c r="F18880" s="14" t="s">
        <v>15</v>
      </c>
      <c r="G18880" s="16">
        <v>0</v>
      </c>
    </row>
    <row r="18881" spans="1:7" x14ac:dyDescent="0.3">
      <c r="A18881" s="13" t="s">
        <v>131</v>
      </c>
      <c r="B18881" s="14" t="s">
        <v>1</v>
      </c>
      <c r="C18881" s="14" t="s">
        <v>59</v>
      </c>
      <c r="D18881" s="14" t="s">
        <v>14</v>
      </c>
      <c r="E18881" s="15">
        <v>45642</v>
      </c>
      <c r="F18881" s="14" t="s">
        <v>15</v>
      </c>
      <c r="G18881" s="16">
        <v>0</v>
      </c>
    </row>
    <row r="18882" spans="1:7" x14ac:dyDescent="0.3">
      <c r="A18882" s="13" t="s">
        <v>131</v>
      </c>
      <c r="B18882" s="14" t="s">
        <v>1</v>
      </c>
      <c r="C18882" s="14" t="s">
        <v>59</v>
      </c>
      <c r="D18882" s="14" t="s">
        <v>14</v>
      </c>
      <c r="E18882" s="15">
        <v>45643</v>
      </c>
      <c r="F18882" s="14" t="s">
        <v>15</v>
      </c>
      <c r="G18882" s="16">
        <v>0</v>
      </c>
    </row>
    <row r="18883" spans="1:7" x14ac:dyDescent="0.3">
      <c r="A18883" s="13" t="s">
        <v>131</v>
      </c>
      <c r="B18883" s="14" t="s">
        <v>1</v>
      </c>
      <c r="C18883" s="14" t="s">
        <v>59</v>
      </c>
      <c r="D18883" s="14" t="s">
        <v>14</v>
      </c>
      <c r="E18883" s="15">
        <v>45644</v>
      </c>
      <c r="F18883" s="14" t="s">
        <v>15</v>
      </c>
      <c r="G18883" s="16">
        <v>0</v>
      </c>
    </row>
    <row r="18884" spans="1:7" x14ac:dyDescent="0.3">
      <c r="A18884" s="13" t="s">
        <v>131</v>
      </c>
      <c r="B18884" s="14" t="s">
        <v>1</v>
      </c>
      <c r="C18884" s="14" t="s">
        <v>59</v>
      </c>
      <c r="D18884" s="14" t="s">
        <v>14</v>
      </c>
      <c r="E18884" s="15">
        <v>45645</v>
      </c>
      <c r="F18884" s="14" t="s">
        <v>15</v>
      </c>
      <c r="G18884" s="16">
        <v>0</v>
      </c>
    </row>
    <row r="18885" spans="1:7" x14ac:dyDescent="0.3">
      <c r="A18885" s="13" t="s">
        <v>131</v>
      </c>
      <c r="B18885" s="14" t="s">
        <v>1</v>
      </c>
      <c r="C18885" s="14" t="s">
        <v>59</v>
      </c>
      <c r="D18885" s="14" t="s">
        <v>14</v>
      </c>
      <c r="E18885" s="15">
        <v>45646</v>
      </c>
      <c r="F18885" s="14" t="s">
        <v>15</v>
      </c>
      <c r="G18885" s="16">
        <v>0</v>
      </c>
    </row>
    <row r="18886" spans="1:7" x14ac:dyDescent="0.3">
      <c r="A18886" s="13" t="s">
        <v>131</v>
      </c>
      <c r="B18886" s="14" t="s">
        <v>1</v>
      </c>
      <c r="C18886" s="14" t="s">
        <v>59</v>
      </c>
      <c r="D18886" s="14" t="s">
        <v>14</v>
      </c>
      <c r="E18886" s="15">
        <v>45647</v>
      </c>
      <c r="F18886" s="14" t="s">
        <v>15</v>
      </c>
      <c r="G18886" s="16">
        <v>0</v>
      </c>
    </row>
    <row r="18887" spans="1:7" x14ac:dyDescent="0.3">
      <c r="A18887" s="13" t="s">
        <v>131</v>
      </c>
      <c r="B18887" s="14" t="s">
        <v>1</v>
      </c>
      <c r="C18887" s="14" t="s">
        <v>59</v>
      </c>
      <c r="D18887" s="14" t="s">
        <v>14</v>
      </c>
      <c r="E18887" s="15">
        <v>45648</v>
      </c>
      <c r="F18887" s="14" t="s">
        <v>15</v>
      </c>
      <c r="G18887" s="16">
        <v>0</v>
      </c>
    </row>
    <row r="18888" spans="1:7" x14ac:dyDescent="0.3">
      <c r="A18888" s="13" t="s">
        <v>131</v>
      </c>
      <c r="B18888" s="14" t="s">
        <v>1</v>
      </c>
      <c r="C18888" s="14" t="s">
        <v>59</v>
      </c>
      <c r="D18888" s="14" t="s">
        <v>14</v>
      </c>
      <c r="E18888" s="15">
        <v>45649</v>
      </c>
      <c r="F18888" s="14" t="s">
        <v>15</v>
      </c>
      <c r="G18888" s="16">
        <v>0</v>
      </c>
    </row>
    <row r="18889" spans="1:7" x14ac:dyDescent="0.3">
      <c r="A18889" s="13" t="s">
        <v>131</v>
      </c>
      <c r="B18889" s="14" t="s">
        <v>1</v>
      </c>
      <c r="C18889" s="14" t="s">
        <v>59</v>
      </c>
      <c r="D18889" s="14" t="s">
        <v>14</v>
      </c>
      <c r="E18889" s="15">
        <v>45650</v>
      </c>
      <c r="F18889" s="14" t="s">
        <v>15</v>
      </c>
      <c r="G18889" s="16">
        <v>0</v>
      </c>
    </row>
    <row r="18890" spans="1:7" x14ac:dyDescent="0.3">
      <c r="A18890" s="13" t="s">
        <v>131</v>
      </c>
      <c r="B18890" s="14" t="s">
        <v>1</v>
      </c>
      <c r="C18890" s="14" t="s">
        <v>59</v>
      </c>
      <c r="D18890" s="14" t="s">
        <v>14</v>
      </c>
      <c r="E18890" s="15">
        <v>45651</v>
      </c>
      <c r="F18890" s="14" t="s">
        <v>15</v>
      </c>
      <c r="G18890" s="16">
        <v>0</v>
      </c>
    </row>
    <row r="18891" spans="1:7" x14ac:dyDescent="0.3">
      <c r="A18891" s="13" t="s">
        <v>131</v>
      </c>
      <c r="B18891" s="14" t="s">
        <v>1</v>
      </c>
      <c r="C18891" s="14" t="s">
        <v>59</v>
      </c>
      <c r="D18891" s="14" t="s">
        <v>14</v>
      </c>
      <c r="E18891" s="15">
        <v>45652</v>
      </c>
      <c r="F18891" s="14" t="s">
        <v>15</v>
      </c>
      <c r="G18891" s="16">
        <v>0</v>
      </c>
    </row>
    <row r="18892" spans="1:7" x14ac:dyDescent="0.3">
      <c r="A18892" s="13" t="s">
        <v>131</v>
      </c>
      <c r="B18892" s="14" t="s">
        <v>1</v>
      </c>
      <c r="C18892" s="14" t="s">
        <v>59</v>
      </c>
      <c r="D18892" s="14" t="s">
        <v>14</v>
      </c>
      <c r="E18892" s="15">
        <v>45653</v>
      </c>
      <c r="F18892" s="14" t="s">
        <v>15</v>
      </c>
      <c r="G18892" s="16">
        <v>0</v>
      </c>
    </row>
    <row r="18893" spans="1:7" x14ac:dyDescent="0.3">
      <c r="A18893" s="13" t="s">
        <v>131</v>
      </c>
      <c r="B18893" s="14" t="s">
        <v>1</v>
      </c>
      <c r="C18893" s="14" t="s">
        <v>59</v>
      </c>
      <c r="D18893" s="14" t="s">
        <v>14</v>
      </c>
      <c r="E18893" s="15">
        <v>45654</v>
      </c>
      <c r="F18893" s="14" t="s">
        <v>15</v>
      </c>
      <c r="G18893" s="16">
        <v>0</v>
      </c>
    </row>
    <row r="18894" spans="1:7" x14ac:dyDescent="0.3">
      <c r="A18894" s="13" t="s">
        <v>131</v>
      </c>
      <c r="B18894" s="14" t="s">
        <v>1</v>
      </c>
      <c r="C18894" s="14" t="s">
        <v>59</v>
      </c>
      <c r="D18894" s="14" t="s">
        <v>14</v>
      </c>
      <c r="E18894" s="15">
        <v>45655</v>
      </c>
      <c r="F18894" s="14" t="s">
        <v>15</v>
      </c>
      <c r="G18894" s="16">
        <v>0</v>
      </c>
    </row>
    <row r="18895" spans="1:7" x14ac:dyDescent="0.3">
      <c r="A18895" s="13" t="s">
        <v>131</v>
      </c>
      <c r="B18895" s="14" t="s">
        <v>1</v>
      </c>
      <c r="C18895" s="14" t="s">
        <v>59</v>
      </c>
      <c r="D18895" s="14" t="s">
        <v>14</v>
      </c>
      <c r="E18895" s="15">
        <v>45656</v>
      </c>
      <c r="F18895" s="14" t="s">
        <v>15</v>
      </c>
      <c r="G18895" s="16">
        <v>0</v>
      </c>
    </row>
    <row r="18896" spans="1:7" x14ac:dyDescent="0.3">
      <c r="A18896" s="13" t="s">
        <v>131</v>
      </c>
      <c r="B18896" s="14" t="s">
        <v>1</v>
      </c>
      <c r="C18896" s="14" t="s">
        <v>59</v>
      </c>
      <c r="D18896" s="14" t="s">
        <v>14</v>
      </c>
      <c r="E18896" s="15">
        <v>45657</v>
      </c>
      <c r="F18896" s="14" t="s">
        <v>15</v>
      </c>
      <c r="G18896" s="16">
        <v>0</v>
      </c>
    </row>
    <row r="18897" spans="1:7" x14ac:dyDescent="0.3">
      <c r="A18897" s="13" t="s">
        <v>131</v>
      </c>
      <c r="B18897" s="14" t="s">
        <v>1</v>
      </c>
      <c r="C18897" s="14" t="s">
        <v>59</v>
      </c>
      <c r="D18897" s="14" t="s">
        <v>14</v>
      </c>
      <c r="E18897" s="15">
        <v>45658</v>
      </c>
      <c r="F18897" s="14" t="s">
        <v>15</v>
      </c>
      <c r="G18897" s="16">
        <v>0</v>
      </c>
    </row>
    <row r="18898" spans="1:7" x14ac:dyDescent="0.3">
      <c r="A18898" s="13" t="s">
        <v>131</v>
      </c>
      <c r="B18898" s="14" t="s">
        <v>1</v>
      </c>
      <c r="C18898" s="14" t="s">
        <v>59</v>
      </c>
      <c r="D18898" s="14" t="s">
        <v>14</v>
      </c>
      <c r="E18898" s="15">
        <v>45659</v>
      </c>
      <c r="F18898" s="14" t="s">
        <v>15</v>
      </c>
      <c r="G18898" s="16">
        <v>0</v>
      </c>
    </row>
    <row r="18899" spans="1:7" x14ac:dyDescent="0.3">
      <c r="A18899" s="13" t="s">
        <v>131</v>
      </c>
      <c r="B18899" s="14" t="s">
        <v>1</v>
      </c>
      <c r="C18899" s="14" t="s">
        <v>59</v>
      </c>
      <c r="D18899" s="14" t="s">
        <v>14</v>
      </c>
      <c r="E18899" s="15">
        <v>45660</v>
      </c>
      <c r="F18899" s="14" t="s">
        <v>15</v>
      </c>
      <c r="G18899" s="16">
        <v>0</v>
      </c>
    </row>
    <row r="18900" spans="1:7" x14ac:dyDescent="0.3">
      <c r="A18900" s="13" t="s">
        <v>131</v>
      </c>
      <c r="B18900" s="14" t="s">
        <v>1</v>
      </c>
      <c r="C18900" s="14" t="s">
        <v>59</v>
      </c>
      <c r="D18900" s="14" t="s">
        <v>14</v>
      </c>
      <c r="E18900" s="15">
        <v>45661</v>
      </c>
      <c r="F18900" s="14" t="s">
        <v>15</v>
      </c>
      <c r="G18900" s="16">
        <v>0</v>
      </c>
    </row>
    <row r="18901" spans="1:7" x14ac:dyDescent="0.3">
      <c r="A18901" s="13" t="s">
        <v>131</v>
      </c>
      <c r="B18901" s="14" t="s">
        <v>1</v>
      </c>
      <c r="C18901" s="14" t="s">
        <v>59</v>
      </c>
      <c r="D18901" s="14" t="s">
        <v>14</v>
      </c>
      <c r="E18901" s="15">
        <v>45662</v>
      </c>
      <c r="F18901" s="14" t="s">
        <v>15</v>
      </c>
      <c r="G18901" s="16">
        <v>0</v>
      </c>
    </row>
    <row r="18902" spans="1:7" x14ac:dyDescent="0.3">
      <c r="A18902" s="13" t="s">
        <v>131</v>
      </c>
      <c r="B18902" s="14" t="s">
        <v>1</v>
      </c>
      <c r="C18902" s="14" t="s">
        <v>59</v>
      </c>
      <c r="D18902" s="14" t="s">
        <v>14</v>
      </c>
      <c r="E18902" s="15">
        <v>45663</v>
      </c>
      <c r="F18902" s="14" t="s">
        <v>15</v>
      </c>
      <c r="G18902" s="16">
        <v>0</v>
      </c>
    </row>
    <row r="18903" spans="1:7" x14ac:dyDescent="0.3">
      <c r="A18903" s="13" t="s">
        <v>131</v>
      </c>
      <c r="B18903" s="14" t="s">
        <v>1</v>
      </c>
      <c r="C18903" s="14" t="s">
        <v>59</v>
      </c>
      <c r="D18903" s="14" t="s">
        <v>14</v>
      </c>
      <c r="E18903" s="15">
        <v>45664</v>
      </c>
      <c r="F18903" s="14" t="s">
        <v>15</v>
      </c>
      <c r="G18903" s="16">
        <v>0</v>
      </c>
    </row>
    <row r="18904" spans="1:7" x14ac:dyDescent="0.3">
      <c r="A18904" s="13" t="s">
        <v>131</v>
      </c>
      <c r="B18904" s="14" t="s">
        <v>1</v>
      </c>
      <c r="C18904" s="14" t="s">
        <v>59</v>
      </c>
      <c r="D18904" s="14" t="s">
        <v>14</v>
      </c>
      <c r="E18904" s="15">
        <v>45665</v>
      </c>
      <c r="F18904" s="14" t="s">
        <v>15</v>
      </c>
      <c r="G18904" s="16">
        <v>0</v>
      </c>
    </row>
    <row r="18905" spans="1:7" x14ac:dyDescent="0.3">
      <c r="A18905" s="13" t="s">
        <v>131</v>
      </c>
      <c r="B18905" s="14" t="s">
        <v>1</v>
      </c>
      <c r="C18905" s="14" t="s">
        <v>59</v>
      </c>
      <c r="D18905" s="14" t="s">
        <v>14</v>
      </c>
      <c r="E18905" s="15">
        <v>45666</v>
      </c>
      <c r="F18905" s="14" t="s">
        <v>15</v>
      </c>
      <c r="G18905" s="16">
        <v>0</v>
      </c>
    </row>
    <row r="18906" spans="1:7" x14ac:dyDescent="0.3">
      <c r="A18906" s="13" t="s">
        <v>131</v>
      </c>
      <c r="B18906" s="14" t="s">
        <v>1</v>
      </c>
      <c r="C18906" s="14" t="s">
        <v>59</v>
      </c>
      <c r="D18906" s="14" t="s">
        <v>14</v>
      </c>
      <c r="E18906" s="15">
        <v>45667</v>
      </c>
      <c r="F18906" s="14" t="s">
        <v>15</v>
      </c>
      <c r="G18906" s="16">
        <v>0</v>
      </c>
    </row>
    <row r="18907" spans="1:7" x14ac:dyDescent="0.3">
      <c r="A18907" s="13" t="s">
        <v>131</v>
      </c>
      <c r="B18907" s="14" t="s">
        <v>1</v>
      </c>
      <c r="C18907" s="14" t="s">
        <v>59</v>
      </c>
      <c r="D18907" s="14" t="s">
        <v>14</v>
      </c>
      <c r="E18907" s="15">
        <v>45668</v>
      </c>
      <c r="F18907" s="14" t="s">
        <v>15</v>
      </c>
      <c r="G18907" s="16">
        <v>0</v>
      </c>
    </row>
    <row r="18908" spans="1:7" x14ac:dyDescent="0.3">
      <c r="A18908" s="13" t="s">
        <v>131</v>
      </c>
      <c r="B18908" s="14" t="s">
        <v>1</v>
      </c>
      <c r="C18908" s="14" t="s">
        <v>59</v>
      </c>
      <c r="D18908" s="14" t="s">
        <v>14</v>
      </c>
      <c r="E18908" s="15">
        <v>45669</v>
      </c>
      <c r="F18908" s="14" t="s">
        <v>15</v>
      </c>
      <c r="G18908" s="16">
        <v>0</v>
      </c>
    </row>
    <row r="18909" spans="1:7" x14ac:dyDescent="0.3">
      <c r="A18909" s="13" t="s">
        <v>131</v>
      </c>
      <c r="B18909" s="14" t="s">
        <v>1</v>
      </c>
      <c r="C18909" s="14" t="s">
        <v>59</v>
      </c>
      <c r="D18909" s="14" t="s">
        <v>14</v>
      </c>
      <c r="E18909" s="15">
        <v>45670</v>
      </c>
      <c r="F18909" s="14" t="s">
        <v>15</v>
      </c>
      <c r="G18909" s="16">
        <v>0</v>
      </c>
    </row>
    <row r="18910" spans="1:7" x14ac:dyDescent="0.3">
      <c r="A18910" s="13" t="s">
        <v>131</v>
      </c>
      <c r="B18910" s="14" t="s">
        <v>1</v>
      </c>
      <c r="C18910" s="14" t="s">
        <v>59</v>
      </c>
      <c r="D18910" s="14" t="s">
        <v>14</v>
      </c>
      <c r="E18910" s="15">
        <v>45671</v>
      </c>
      <c r="F18910" s="14" t="s">
        <v>15</v>
      </c>
      <c r="G18910" s="16">
        <v>0</v>
      </c>
    </row>
    <row r="18911" spans="1:7" x14ac:dyDescent="0.3">
      <c r="A18911" s="13" t="s">
        <v>131</v>
      </c>
      <c r="B18911" s="14" t="s">
        <v>1</v>
      </c>
      <c r="C18911" s="14" t="s">
        <v>59</v>
      </c>
      <c r="D18911" s="14" t="s">
        <v>14</v>
      </c>
      <c r="E18911" s="15">
        <v>45672</v>
      </c>
      <c r="F18911" s="14" t="s">
        <v>15</v>
      </c>
      <c r="G18911" s="16">
        <v>0</v>
      </c>
    </row>
    <row r="18912" spans="1:7" x14ac:dyDescent="0.3">
      <c r="A18912" s="13" t="s">
        <v>131</v>
      </c>
      <c r="B18912" s="14" t="s">
        <v>1</v>
      </c>
      <c r="C18912" s="14" t="s">
        <v>59</v>
      </c>
      <c r="D18912" s="14" t="s">
        <v>14</v>
      </c>
      <c r="E18912" s="15">
        <v>45673</v>
      </c>
      <c r="F18912" s="14" t="s">
        <v>15</v>
      </c>
      <c r="G18912" s="16">
        <v>0</v>
      </c>
    </row>
    <row r="18913" spans="1:7" x14ac:dyDescent="0.3">
      <c r="A18913" s="13" t="s">
        <v>131</v>
      </c>
      <c r="B18913" s="14" t="s">
        <v>1</v>
      </c>
      <c r="C18913" s="14" t="s">
        <v>59</v>
      </c>
      <c r="D18913" s="14" t="s">
        <v>14</v>
      </c>
      <c r="E18913" s="15">
        <v>45674</v>
      </c>
      <c r="F18913" s="14" t="s">
        <v>15</v>
      </c>
      <c r="G18913" s="16">
        <v>0</v>
      </c>
    </row>
    <row r="18914" spans="1:7" x14ac:dyDescent="0.3">
      <c r="A18914" s="13" t="s">
        <v>131</v>
      </c>
      <c r="B18914" s="14" t="s">
        <v>1</v>
      </c>
      <c r="C18914" s="14" t="s">
        <v>59</v>
      </c>
      <c r="D18914" s="14" t="s">
        <v>14</v>
      </c>
      <c r="E18914" s="15">
        <v>45675</v>
      </c>
      <c r="F18914" s="14" t="s">
        <v>15</v>
      </c>
      <c r="G18914" s="16">
        <v>0</v>
      </c>
    </row>
    <row r="18915" spans="1:7" x14ac:dyDescent="0.3">
      <c r="A18915" s="13" t="s">
        <v>131</v>
      </c>
      <c r="B18915" s="14" t="s">
        <v>1</v>
      </c>
      <c r="C18915" s="14" t="s">
        <v>59</v>
      </c>
      <c r="D18915" s="14" t="s">
        <v>14</v>
      </c>
      <c r="E18915" s="15">
        <v>45676</v>
      </c>
      <c r="F18915" s="14" t="s">
        <v>15</v>
      </c>
      <c r="G18915" s="16">
        <v>0</v>
      </c>
    </row>
    <row r="18916" spans="1:7" x14ac:dyDescent="0.3">
      <c r="A18916" s="13" t="s">
        <v>131</v>
      </c>
      <c r="B18916" s="14" t="s">
        <v>1</v>
      </c>
      <c r="C18916" s="14" t="s">
        <v>59</v>
      </c>
      <c r="D18916" s="14" t="s">
        <v>14</v>
      </c>
      <c r="E18916" s="15">
        <v>45677</v>
      </c>
      <c r="F18916" s="14" t="s">
        <v>15</v>
      </c>
      <c r="G18916" s="16">
        <v>0</v>
      </c>
    </row>
    <row r="18917" spans="1:7" x14ac:dyDescent="0.3">
      <c r="A18917" s="13" t="s">
        <v>131</v>
      </c>
      <c r="B18917" s="14" t="s">
        <v>1</v>
      </c>
      <c r="C18917" s="14" t="s">
        <v>59</v>
      </c>
      <c r="D18917" s="14" t="s">
        <v>14</v>
      </c>
      <c r="E18917" s="15">
        <v>45678</v>
      </c>
      <c r="F18917" s="14" t="s">
        <v>15</v>
      </c>
      <c r="G18917" s="16">
        <v>0</v>
      </c>
    </row>
    <row r="18918" spans="1:7" x14ac:dyDescent="0.3">
      <c r="A18918" s="13" t="s">
        <v>131</v>
      </c>
      <c r="B18918" s="14" t="s">
        <v>1</v>
      </c>
      <c r="C18918" s="14" t="s">
        <v>59</v>
      </c>
      <c r="D18918" s="14" t="s">
        <v>14</v>
      </c>
      <c r="E18918" s="15">
        <v>45679</v>
      </c>
      <c r="F18918" s="14" t="s">
        <v>15</v>
      </c>
      <c r="G18918" s="16">
        <v>0</v>
      </c>
    </row>
    <row r="18919" spans="1:7" x14ac:dyDescent="0.3">
      <c r="A18919" s="13" t="s">
        <v>131</v>
      </c>
      <c r="B18919" s="14" t="s">
        <v>1</v>
      </c>
      <c r="C18919" s="14" t="s">
        <v>59</v>
      </c>
      <c r="D18919" s="14" t="s">
        <v>14</v>
      </c>
      <c r="E18919" s="15">
        <v>45680</v>
      </c>
      <c r="F18919" s="14" t="s">
        <v>15</v>
      </c>
      <c r="G18919" s="16">
        <v>0</v>
      </c>
    </row>
    <row r="18920" spans="1:7" x14ac:dyDescent="0.3">
      <c r="A18920" s="13" t="s">
        <v>131</v>
      </c>
      <c r="B18920" s="14" t="s">
        <v>1</v>
      </c>
      <c r="C18920" s="14" t="s">
        <v>59</v>
      </c>
      <c r="D18920" s="14" t="s">
        <v>14</v>
      </c>
      <c r="E18920" s="15">
        <v>45681</v>
      </c>
      <c r="F18920" s="14" t="s">
        <v>15</v>
      </c>
      <c r="G18920" s="16">
        <v>0</v>
      </c>
    </row>
    <row r="18921" spans="1:7" x14ac:dyDescent="0.3">
      <c r="A18921" s="13" t="s">
        <v>131</v>
      </c>
      <c r="B18921" s="14" t="s">
        <v>1</v>
      </c>
      <c r="C18921" s="14" t="s">
        <v>59</v>
      </c>
      <c r="D18921" s="14" t="s">
        <v>14</v>
      </c>
      <c r="E18921" s="15">
        <v>45682</v>
      </c>
      <c r="F18921" s="14" t="s">
        <v>15</v>
      </c>
      <c r="G18921" s="16">
        <v>0</v>
      </c>
    </row>
    <row r="18922" spans="1:7" x14ac:dyDescent="0.3">
      <c r="A18922" s="13" t="s">
        <v>131</v>
      </c>
      <c r="B18922" s="14" t="s">
        <v>1</v>
      </c>
      <c r="C18922" s="14" t="s">
        <v>59</v>
      </c>
      <c r="D18922" s="14" t="s">
        <v>14</v>
      </c>
      <c r="E18922" s="15">
        <v>45683</v>
      </c>
      <c r="F18922" s="14" t="s">
        <v>15</v>
      </c>
      <c r="G18922" s="16">
        <v>0</v>
      </c>
    </row>
    <row r="18923" spans="1:7" x14ac:dyDescent="0.3">
      <c r="A18923" s="13" t="s">
        <v>131</v>
      </c>
      <c r="B18923" s="14" t="s">
        <v>1</v>
      </c>
      <c r="C18923" s="14" t="s">
        <v>59</v>
      </c>
      <c r="D18923" s="14" t="s">
        <v>14</v>
      </c>
      <c r="E18923" s="15">
        <v>45684</v>
      </c>
      <c r="F18923" s="14" t="s">
        <v>15</v>
      </c>
      <c r="G18923" s="16">
        <v>0</v>
      </c>
    </row>
    <row r="18924" spans="1:7" x14ac:dyDescent="0.3">
      <c r="A18924" s="13" t="s">
        <v>131</v>
      </c>
      <c r="B18924" s="14" t="s">
        <v>1</v>
      </c>
      <c r="C18924" s="14" t="s">
        <v>59</v>
      </c>
      <c r="D18924" s="14" t="s">
        <v>14</v>
      </c>
      <c r="E18924" s="15">
        <v>45685</v>
      </c>
      <c r="F18924" s="14" t="s">
        <v>15</v>
      </c>
      <c r="G18924" s="16">
        <v>0</v>
      </c>
    </row>
    <row r="18925" spans="1:7" x14ac:dyDescent="0.3">
      <c r="A18925" s="13" t="s">
        <v>131</v>
      </c>
      <c r="B18925" s="14" t="s">
        <v>1</v>
      </c>
      <c r="C18925" s="14" t="s">
        <v>59</v>
      </c>
      <c r="D18925" s="14" t="s">
        <v>14</v>
      </c>
      <c r="E18925" s="15">
        <v>45686</v>
      </c>
      <c r="F18925" s="14" t="s">
        <v>15</v>
      </c>
      <c r="G18925" s="16">
        <v>0</v>
      </c>
    </row>
    <row r="18926" spans="1:7" x14ac:dyDescent="0.3">
      <c r="A18926" s="13" t="s">
        <v>131</v>
      </c>
      <c r="B18926" s="14" t="s">
        <v>1</v>
      </c>
      <c r="C18926" s="14" t="s">
        <v>59</v>
      </c>
      <c r="D18926" s="14" t="s">
        <v>14</v>
      </c>
      <c r="E18926" s="15">
        <v>45687</v>
      </c>
      <c r="F18926" s="14" t="s">
        <v>15</v>
      </c>
      <c r="G18926" s="16">
        <v>0</v>
      </c>
    </row>
    <row r="18927" spans="1:7" x14ac:dyDescent="0.3">
      <c r="A18927" s="13" t="s">
        <v>131</v>
      </c>
      <c r="B18927" s="14" t="s">
        <v>1</v>
      </c>
      <c r="C18927" s="14" t="s">
        <v>59</v>
      </c>
      <c r="D18927" s="14" t="s">
        <v>14</v>
      </c>
      <c r="E18927" s="15">
        <v>45688</v>
      </c>
      <c r="F18927" s="14" t="s">
        <v>15</v>
      </c>
      <c r="G18927" s="16">
        <v>0</v>
      </c>
    </row>
    <row r="18928" spans="1:7" x14ac:dyDescent="0.3">
      <c r="A18928" s="13" t="s">
        <v>131</v>
      </c>
      <c r="B18928" s="14" t="s">
        <v>1</v>
      </c>
      <c r="C18928" s="14" t="s">
        <v>59</v>
      </c>
      <c r="D18928" s="14" t="s">
        <v>14</v>
      </c>
      <c r="E18928" s="15">
        <v>45689</v>
      </c>
      <c r="F18928" s="14" t="s">
        <v>15</v>
      </c>
      <c r="G18928" s="16">
        <v>0</v>
      </c>
    </row>
    <row r="18929" spans="1:7" x14ac:dyDescent="0.3">
      <c r="A18929" s="13" t="s">
        <v>131</v>
      </c>
      <c r="B18929" s="14" t="s">
        <v>1</v>
      </c>
      <c r="C18929" s="14" t="s">
        <v>59</v>
      </c>
      <c r="D18929" s="14" t="s">
        <v>14</v>
      </c>
      <c r="E18929" s="15">
        <v>45690</v>
      </c>
      <c r="F18929" s="14" t="s">
        <v>15</v>
      </c>
      <c r="G18929" s="16">
        <v>0</v>
      </c>
    </row>
    <row r="18930" spans="1:7" x14ac:dyDescent="0.3">
      <c r="A18930" s="13" t="s">
        <v>131</v>
      </c>
      <c r="B18930" s="14" t="s">
        <v>1</v>
      </c>
      <c r="C18930" s="14" t="s">
        <v>59</v>
      </c>
      <c r="D18930" s="14" t="s">
        <v>14</v>
      </c>
      <c r="E18930" s="15">
        <v>45691</v>
      </c>
      <c r="F18930" s="14" t="s">
        <v>15</v>
      </c>
      <c r="G18930" s="16">
        <v>0</v>
      </c>
    </row>
    <row r="18931" spans="1:7" x14ac:dyDescent="0.3">
      <c r="A18931" s="13" t="s">
        <v>131</v>
      </c>
      <c r="B18931" s="14" t="s">
        <v>1</v>
      </c>
      <c r="C18931" s="14" t="s">
        <v>59</v>
      </c>
      <c r="D18931" s="14" t="s">
        <v>14</v>
      </c>
      <c r="E18931" s="15">
        <v>45692</v>
      </c>
      <c r="F18931" s="14" t="s">
        <v>15</v>
      </c>
      <c r="G18931" s="16">
        <v>0</v>
      </c>
    </row>
    <row r="18932" spans="1:7" x14ac:dyDescent="0.3">
      <c r="A18932" s="13" t="s">
        <v>131</v>
      </c>
      <c r="B18932" s="14" t="s">
        <v>1</v>
      </c>
      <c r="C18932" s="14" t="s">
        <v>59</v>
      </c>
      <c r="D18932" s="14" t="s">
        <v>14</v>
      </c>
      <c r="E18932" s="15">
        <v>45693</v>
      </c>
      <c r="F18932" s="14" t="s">
        <v>15</v>
      </c>
      <c r="G18932" s="16">
        <v>0</v>
      </c>
    </row>
    <row r="18933" spans="1:7" x14ac:dyDescent="0.3">
      <c r="A18933" s="13" t="s">
        <v>131</v>
      </c>
      <c r="B18933" s="14" t="s">
        <v>1</v>
      </c>
      <c r="C18933" s="14" t="s">
        <v>59</v>
      </c>
      <c r="D18933" s="14" t="s">
        <v>14</v>
      </c>
      <c r="E18933" s="15">
        <v>45694</v>
      </c>
      <c r="F18933" s="14" t="s">
        <v>15</v>
      </c>
      <c r="G18933" s="16">
        <v>0</v>
      </c>
    </row>
    <row r="18934" spans="1:7" x14ac:dyDescent="0.3">
      <c r="A18934" s="13" t="s">
        <v>131</v>
      </c>
      <c r="B18934" s="14" t="s">
        <v>1</v>
      </c>
      <c r="C18934" s="14" t="s">
        <v>59</v>
      </c>
      <c r="D18934" s="14" t="s">
        <v>14</v>
      </c>
      <c r="E18934" s="15">
        <v>45695</v>
      </c>
      <c r="F18934" s="14" t="s">
        <v>15</v>
      </c>
      <c r="G18934" s="16">
        <v>0</v>
      </c>
    </row>
    <row r="18935" spans="1:7" x14ac:dyDescent="0.3">
      <c r="A18935" s="13" t="s">
        <v>131</v>
      </c>
      <c r="B18935" s="14" t="s">
        <v>1</v>
      </c>
      <c r="C18935" s="14" t="s">
        <v>59</v>
      </c>
      <c r="D18935" s="14" t="s">
        <v>14</v>
      </c>
      <c r="E18935" s="15">
        <v>45696</v>
      </c>
      <c r="F18935" s="14" t="s">
        <v>15</v>
      </c>
      <c r="G18935" s="16">
        <v>0</v>
      </c>
    </row>
    <row r="18936" spans="1:7" x14ac:dyDescent="0.3">
      <c r="A18936" s="13" t="s">
        <v>131</v>
      </c>
      <c r="B18936" s="14" t="s">
        <v>1</v>
      </c>
      <c r="C18936" s="14" t="s">
        <v>59</v>
      </c>
      <c r="D18936" s="14" t="s">
        <v>14</v>
      </c>
      <c r="E18936" s="15">
        <v>45697</v>
      </c>
      <c r="F18936" s="14" t="s">
        <v>15</v>
      </c>
      <c r="G18936" s="16">
        <v>0</v>
      </c>
    </row>
    <row r="18937" spans="1:7" x14ac:dyDescent="0.3">
      <c r="A18937" s="13" t="s">
        <v>131</v>
      </c>
      <c r="B18937" s="14" t="s">
        <v>1</v>
      </c>
      <c r="C18937" s="14" t="s">
        <v>59</v>
      </c>
      <c r="D18937" s="14" t="s">
        <v>14</v>
      </c>
      <c r="E18937" s="15">
        <v>45698</v>
      </c>
      <c r="F18937" s="14" t="s">
        <v>15</v>
      </c>
      <c r="G18937" s="16">
        <v>0</v>
      </c>
    </row>
    <row r="18938" spans="1:7" x14ac:dyDescent="0.3">
      <c r="A18938" s="13" t="s">
        <v>131</v>
      </c>
      <c r="B18938" s="14" t="s">
        <v>1</v>
      </c>
      <c r="C18938" s="14" t="s">
        <v>59</v>
      </c>
      <c r="D18938" s="14" t="s">
        <v>14</v>
      </c>
      <c r="E18938" s="15">
        <v>45699</v>
      </c>
      <c r="F18938" s="14" t="s">
        <v>15</v>
      </c>
      <c r="G18938" s="16">
        <v>0</v>
      </c>
    </row>
    <row r="18939" spans="1:7" x14ac:dyDescent="0.3">
      <c r="A18939" s="13" t="s">
        <v>131</v>
      </c>
      <c r="B18939" s="14" t="s">
        <v>1</v>
      </c>
      <c r="C18939" s="14" t="s">
        <v>59</v>
      </c>
      <c r="D18939" s="14" t="s">
        <v>14</v>
      </c>
      <c r="E18939" s="15">
        <v>45700</v>
      </c>
      <c r="F18939" s="14" t="s">
        <v>15</v>
      </c>
      <c r="G18939" s="16">
        <v>0</v>
      </c>
    </row>
    <row r="18940" spans="1:7" x14ac:dyDescent="0.3">
      <c r="A18940" s="13" t="s">
        <v>131</v>
      </c>
      <c r="B18940" s="14" t="s">
        <v>1</v>
      </c>
      <c r="C18940" s="14" t="s">
        <v>59</v>
      </c>
      <c r="D18940" s="14" t="s">
        <v>14</v>
      </c>
      <c r="E18940" s="15">
        <v>45701</v>
      </c>
      <c r="F18940" s="14" t="s">
        <v>15</v>
      </c>
      <c r="G18940" s="16">
        <v>0</v>
      </c>
    </row>
    <row r="18941" spans="1:7" x14ac:dyDescent="0.3">
      <c r="A18941" s="13" t="s">
        <v>131</v>
      </c>
      <c r="B18941" s="14" t="s">
        <v>1</v>
      </c>
      <c r="C18941" s="14" t="s">
        <v>59</v>
      </c>
      <c r="D18941" s="14" t="s">
        <v>14</v>
      </c>
      <c r="E18941" s="15">
        <v>45702</v>
      </c>
      <c r="F18941" s="14" t="s">
        <v>15</v>
      </c>
      <c r="G18941" s="16">
        <v>0</v>
      </c>
    </row>
    <row r="18942" spans="1:7" x14ac:dyDescent="0.3">
      <c r="A18942" s="13" t="s">
        <v>131</v>
      </c>
      <c r="B18942" s="14" t="s">
        <v>1</v>
      </c>
      <c r="C18942" s="14" t="s">
        <v>59</v>
      </c>
      <c r="D18942" s="14" t="s">
        <v>14</v>
      </c>
      <c r="E18942" s="15">
        <v>45703</v>
      </c>
      <c r="F18942" s="14" t="s">
        <v>15</v>
      </c>
      <c r="G18942" s="16">
        <v>0</v>
      </c>
    </row>
    <row r="18943" spans="1:7" x14ac:dyDescent="0.3">
      <c r="A18943" s="13" t="s">
        <v>131</v>
      </c>
      <c r="B18943" s="14" t="s">
        <v>1</v>
      </c>
      <c r="C18943" s="14" t="s">
        <v>59</v>
      </c>
      <c r="D18943" s="14" t="s">
        <v>14</v>
      </c>
      <c r="E18943" s="15">
        <v>45704</v>
      </c>
      <c r="F18943" s="14" t="s">
        <v>15</v>
      </c>
      <c r="G18943" s="16">
        <v>0</v>
      </c>
    </row>
    <row r="18944" spans="1:7" x14ac:dyDescent="0.3">
      <c r="A18944" s="13" t="s">
        <v>131</v>
      </c>
      <c r="B18944" s="14" t="s">
        <v>1</v>
      </c>
      <c r="C18944" s="14" t="s">
        <v>59</v>
      </c>
      <c r="D18944" s="14" t="s">
        <v>14</v>
      </c>
      <c r="E18944" s="15">
        <v>45705</v>
      </c>
      <c r="F18944" s="14" t="s">
        <v>15</v>
      </c>
      <c r="G18944" s="16">
        <v>0</v>
      </c>
    </row>
    <row r="18945" spans="1:7" x14ac:dyDescent="0.3">
      <c r="A18945" s="13" t="s">
        <v>131</v>
      </c>
      <c r="B18945" s="14" t="s">
        <v>1</v>
      </c>
      <c r="C18945" s="14" t="s">
        <v>59</v>
      </c>
      <c r="D18945" s="14" t="s">
        <v>14</v>
      </c>
      <c r="E18945" s="15">
        <v>45706</v>
      </c>
      <c r="F18945" s="14" t="s">
        <v>15</v>
      </c>
      <c r="G18945" s="16">
        <v>0</v>
      </c>
    </row>
    <row r="18946" spans="1:7" x14ac:dyDescent="0.3">
      <c r="A18946" s="13" t="s">
        <v>131</v>
      </c>
      <c r="B18946" s="14" t="s">
        <v>1</v>
      </c>
      <c r="C18946" s="14" t="s">
        <v>59</v>
      </c>
      <c r="D18946" s="14" t="s">
        <v>14</v>
      </c>
      <c r="E18946" s="15">
        <v>45707</v>
      </c>
      <c r="F18946" s="14" t="s">
        <v>15</v>
      </c>
      <c r="G18946" s="16">
        <v>0</v>
      </c>
    </row>
    <row r="18947" spans="1:7" x14ac:dyDescent="0.3">
      <c r="A18947" s="13" t="s">
        <v>131</v>
      </c>
      <c r="B18947" s="14" t="s">
        <v>1</v>
      </c>
      <c r="C18947" s="14" t="s">
        <v>59</v>
      </c>
      <c r="D18947" s="14" t="s">
        <v>14</v>
      </c>
      <c r="E18947" s="15">
        <v>45708</v>
      </c>
      <c r="F18947" s="14" t="s">
        <v>15</v>
      </c>
      <c r="G18947" s="16">
        <v>0</v>
      </c>
    </row>
    <row r="18948" spans="1:7" x14ac:dyDescent="0.3">
      <c r="A18948" s="13" t="s">
        <v>131</v>
      </c>
      <c r="B18948" s="14" t="s">
        <v>1</v>
      </c>
      <c r="C18948" s="14" t="s">
        <v>59</v>
      </c>
      <c r="D18948" s="14" t="s">
        <v>14</v>
      </c>
      <c r="E18948" s="15">
        <v>45709</v>
      </c>
      <c r="F18948" s="14" t="s">
        <v>15</v>
      </c>
      <c r="G18948" s="16">
        <v>0</v>
      </c>
    </row>
    <row r="18949" spans="1:7" x14ac:dyDescent="0.3">
      <c r="A18949" s="13" t="s">
        <v>131</v>
      </c>
      <c r="B18949" s="14" t="s">
        <v>1</v>
      </c>
      <c r="C18949" s="14" t="s">
        <v>59</v>
      </c>
      <c r="D18949" s="14" t="s">
        <v>14</v>
      </c>
      <c r="E18949" s="15">
        <v>45710</v>
      </c>
      <c r="F18949" s="14" t="s">
        <v>15</v>
      </c>
      <c r="G18949" s="16">
        <v>0</v>
      </c>
    </row>
    <row r="18950" spans="1:7" x14ac:dyDescent="0.3">
      <c r="A18950" s="13" t="s">
        <v>131</v>
      </c>
      <c r="B18950" s="14" t="s">
        <v>1</v>
      </c>
      <c r="C18950" s="14" t="s">
        <v>59</v>
      </c>
      <c r="D18950" s="14" t="s">
        <v>14</v>
      </c>
      <c r="E18950" s="15">
        <v>45711</v>
      </c>
      <c r="F18950" s="14" t="s">
        <v>15</v>
      </c>
      <c r="G18950" s="16">
        <v>0</v>
      </c>
    </row>
    <row r="18951" spans="1:7" x14ac:dyDescent="0.3">
      <c r="A18951" s="13" t="s">
        <v>131</v>
      </c>
      <c r="B18951" s="14" t="s">
        <v>1</v>
      </c>
      <c r="C18951" s="14" t="s">
        <v>59</v>
      </c>
      <c r="D18951" s="14" t="s">
        <v>14</v>
      </c>
      <c r="E18951" s="15">
        <v>45712</v>
      </c>
      <c r="F18951" s="14" t="s">
        <v>15</v>
      </c>
      <c r="G18951" s="16">
        <v>0</v>
      </c>
    </row>
    <row r="18952" spans="1:7" x14ac:dyDescent="0.3">
      <c r="A18952" s="13" t="s">
        <v>131</v>
      </c>
      <c r="B18952" s="14" t="s">
        <v>1</v>
      </c>
      <c r="C18952" s="14" t="s">
        <v>59</v>
      </c>
      <c r="D18952" s="14" t="s">
        <v>14</v>
      </c>
      <c r="E18952" s="15">
        <v>45713</v>
      </c>
      <c r="F18952" s="14" t="s">
        <v>15</v>
      </c>
      <c r="G18952" s="16">
        <v>0</v>
      </c>
    </row>
    <row r="18953" spans="1:7" x14ac:dyDescent="0.3">
      <c r="A18953" s="13" t="s">
        <v>131</v>
      </c>
      <c r="B18953" s="14" t="s">
        <v>1</v>
      </c>
      <c r="C18953" s="14" t="s">
        <v>59</v>
      </c>
      <c r="D18953" s="14" t="s">
        <v>14</v>
      </c>
      <c r="E18953" s="15">
        <v>45714</v>
      </c>
      <c r="F18953" s="14" t="s">
        <v>15</v>
      </c>
      <c r="G18953" s="16">
        <v>0</v>
      </c>
    </row>
    <row r="18954" spans="1:7" x14ac:dyDescent="0.3">
      <c r="A18954" s="13" t="s">
        <v>131</v>
      </c>
      <c r="B18954" s="14" t="s">
        <v>1</v>
      </c>
      <c r="C18954" s="14" t="s">
        <v>59</v>
      </c>
      <c r="D18954" s="14" t="s">
        <v>14</v>
      </c>
      <c r="E18954" s="15">
        <v>45715</v>
      </c>
      <c r="F18954" s="14" t="s">
        <v>15</v>
      </c>
      <c r="G18954" s="16">
        <v>0</v>
      </c>
    </row>
    <row r="18955" spans="1:7" x14ac:dyDescent="0.3">
      <c r="A18955" s="13" t="s">
        <v>131</v>
      </c>
      <c r="B18955" s="14" t="s">
        <v>1</v>
      </c>
      <c r="C18955" s="14" t="s">
        <v>59</v>
      </c>
      <c r="D18955" s="14" t="s">
        <v>14</v>
      </c>
      <c r="E18955" s="15">
        <v>45716</v>
      </c>
      <c r="F18955" s="14" t="s">
        <v>15</v>
      </c>
      <c r="G18955" s="16">
        <v>0</v>
      </c>
    </row>
    <row r="18956" spans="1:7" x14ac:dyDescent="0.3">
      <c r="A18956" s="13" t="s">
        <v>131</v>
      </c>
      <c r="B18956" s="14" t="s">
        <v>1</v>
      </c>
      <c r="C18956" s="14" t="s">
        <v>59</v>
      </c>
      <c r="D18956" s="14" t="s">
        <v>14</v>
      </c>
      <c r="E18956" s="15">
        <v>45717</v>
      </c>
      <c r="F18956" s="14" t="s">
        <v>15</v>
      </c>
      <c r="G18956" s="16">
        <v>0</v>
      </c>
    </row>
    <row r="18957" spans="1:7" x14ac:dyDescent="0.3">
      <c r="A18957" s="13" t="s">
        <v>131</v>
      </c>
      <c r="B18957" s="14" t="s">
        <v>1</v>
      </c>
      <c r="C18957" s="14" t="s">
        <v>59</v>
      </c>
      <c r="D18957" s="14" t="s">
        <v>14</v>
      </c>
      <c r="E18957" s="15">
        <v>45718</v>
      </c>
      <c r="F18957" s="14" t="s">
        <v>15</v>
      </c>
      <c r="G18957" s="16">
        <v>0</v>
      </c>
    </row>
    <row r="18958" spans="1:7" x14ac:dyDescent="0.3">
      <c r="A18958" s="13" t="s">
        <v>131</v>
      </c>
      <c r="B18958" s="14" t="s">
        <v>1</v>
      </c>
      <c r="C18958" s="14" t="s">
        <v>59</v>
      </c>
      <c r="D18958" s="14" t="s">
        <v>14</v>
      </c>
      <c r="E18958" s="15">
        <v>45719</v>
      </c>
      <c r="F18958" s="14" t="s">
        <v>15</v>
      </c>
      <c r="G18958" s="16">
        <v>0</v>
      </c>
    </row>
    <row r="18959" spans="1:7" x14ac:dyDescent="0.3">
      <c r="A18959" s="13" t="s">
        <v>131</v>
      </c>
      <c r="B18959" s="14" t="s">
        <v>1</v>
      </c>
      <c r="C18959" s="14" t="s">
        <v>59</v>
      </c>
      <c r="D18959" s="14" t="s">
        <v>14</v>
      </c>
      <c r="E18959" s="15">
        <v>45720</v>
      </c>
      <c r="F18959" s="14" t="s">
        <v>15</v>
      </c>
      <c r="G18959" s="16">
        <v>0</v>
      </c>
    </row>
    <row r="18960" spans="1:7" x14ac:dyDescent="0.3">
      <c r="A18960" s="13" t="s">
        <v>131</v>
      </c>
      <c r="B18960" s="14" t="s">
        <v>1</v>
      </c>
      <c r="C18960" s="14" t="s">
        <v>59</v>
      </c>
      <c r="D18960" s="14" t="s">
        <v>14</v>
      </c>
      <c r="E18960" s="15">
        <v>45721</v>
      </c>
      <c r="F18960" s="14" t="s">
        <v>15</v>
      </c>
      <c r="G18960" s="16">
        <v>0</v>
      </c>
    </row>
    <row r="18961" spans="1:7" x14ac:dyDescent="0.3">
      <c r="A18961" s="13" t="s">
        <v>131</v>
      </c>
      <c r="B18961" s="14" t="s">
        <v>1</v>
      </c>
      <c r="C18961" s="14" t="s">
        <v>59</v>
      </c>
      <c r="D18961" s="14" t="s">
        <v>14</v>
      </c>
      <c r="E18961" s="15">
        <v>45722</v>
      </c>
      <c r="F18961" s="14" t="s">
        <v>15</v>
      </c>
      <c r="G18961" s="16">
        <v>0</v>
      </c>
    </row>
    <row r="18962" spans="1:7" x14ac:dyDescent="0.3">
      <c r="A18962" s="13" t="s">
        <v>131</v>
      </c>
      <c r="B18962" s="14" t="s">
        <v>1</v>
      </c>
      <c r="C18962" s="14" t="s">
        <v>59</v>
      </c>
      <c r="D18962" s="14" t="s">
        <v>14</v>
      </c>
      <c r="E18962" s="15">
        <v>45723</v>
      </c>
      <c r="F18962" s="14" t="s">
        <v>15</v>
      </c>
      <c r="G18962" s="16">
        <v>0</v>
      </c>
    </row>
    <row r="18963" spans="1:7" x14ac:dyDescent="0.3">
      <c r="A18963" s="13" t="s">
        <v>131</v>
      </c>
      <c r="B18963" s="14" t="s">
        <v>1</v>
      </c>
      <c r="C18963" s="14" t="s">
        <v>59</v>
      </c>
      <c r="D18963" s="14" t="s">
        <v>14</v>
      </c>
      <c r="E18963" s="15">
        <v>45724</v>
      </c>
      <c r="F18963" s="14" t="s">
        <v>15</v>
      </c>
      <c r="G18963" s="16">
        <v>0</v>
      </c>
    </row>
    <row r="18964" spans="1:7" x14ac:dyDescent="0.3">
      <c r="A18964" s="13" t="s">
        <v>131</v>
      </c>
      <c r="B18964" s="14" t="s">
        <v>1</v>
      </c>
      <c r="C18964" s="14" t="s">
        <v>59</v>
      </c>
      <c r="D18964" s="14" t="s">
        <v>14</v>
      </c>
      <c r="E18964" s="15">
        <v>45725</v>
      </c>
      <c r="F18964" s="14" t="s">
        <v>15</v>
      </c>
      <c r="G18964" s="16">
        <v>0</v>
      </c>
    </row>
    <row r="18965" spans="1:7" x14ac:dyDescent="0.3">
      <c r="A18965" s="13" t="s">
        <v>131</v>
      </c>
      <c r="B18965" s="14" t="s">
        <v>1</v>
      </c>
      <c r="C18965" s="14" t="s">
        <v>59</v>
      </c>
      <c r="D18965" s="14" t="s">
        <v>14</v>
      </c>
      <c r="E18965" s="15">
        <v>45726</v>
      </c>
      <c r="F18965" s="14" t="s">
        <v>15</v>
      </c>
      <c r="G18965" s="16">
        <v>0</v>
      </c>
    </row>
    <row r="18966" spans="1:7" x14ac:dyDescent="0.3">
      <c r="A18966" s="13" t="s">
        <v>131</v>
      </c>
      <c r="B18966" s="14" t="s">
        <v>1</v>
      </c>
      <c r="C18966" s="14" t="s">
        <v>59</v>
      </c>
      <c r="D18966" s="14" t="s">
        <v>14</v>
      </c>
      <c r="E18966" s="15">
        <v>45727</v>
      </c>
      <c r="F18966" s="14" t="s">
        <v>15</v>
      </c>
      <c r="G18966" s="16">
        <v>0</v>
      </c>
    </row>
    <row r="18967" spans="1:7" x14ac:dyDescent="0.3">
      <c r="A18967" s="13" t="s">
        <v>131</v>
      </c>
      <c r="B18967" s="14" t="s">
        <v>1</v>
      </c>
      <c r="C18967" s="14" t="s">
        <v>59</v>
      </c>
      <c r="D18967" s="14" t="s">
        <v>14</v>
      </c>
      <c r="E18967" s="15">
        <v>45728</v>
      </c>
      <c r="F18967" s="14" t="s">
        <v>15</v>
      </c>
      <c r="G18967" s="16">
        <v>0</v>
      </c>
    </row>
    <row r="18968" spans="1:7" x14ac:dyDescent="0.3">
      <c r="A18968" s="13" t="s">
        <v>131</v>
      </c>
      <c r="B18968" s="14" t="s">
        <v>1</v>
      </c>
      <c r="C18968" s="14" t="s">
        <v>59</v>
      </c>
      <c r="D18968" s="14" t="s">
        <v>14</v>
      </c>
      <c r="E18968" s="15">
        <v>45729</v>
      </c>
      <c r="F18968" s="14" t="s">
        <v>15</v>
      </c>
      <c r="G18968" s="16">
        <v>0</v>
      </c>
    </row>
    <row r="18969" spans="1:7" x14ac:dyDescent="0.3">
      <c r="A18969" s="13" t="s">
        <v>131</v>
      </c>
      <c r="B18969" s="14" t="s">
        <v>1</v>
      </c>
      <c r="C18969" s="14" t="s">
        <v>59</v>
      </c>
      <c r="D18969" s="14" t="s">
        <v>14</v>
      </c>
      <c r="E18969" s="15">
        <v>45730</v>
      </c>
      <c r="F18969" s="14" t="s">
        <v>15</v>
      </c>
      <c r="G18969" s="16">
        <v>0</v>
      </c>
    </row>
    <row r="18970" spans="1:7" x14ac:dyDescent="0.3">
      <c r="A18970" s="13" t="s">
        <v>131</v>
      </c>
      <c r="B18970" s="14" t="s">
        <v>1</v>
      </c>
      <c r="C18970" s="14" t="s">
        <v>59</v>
      </c>
      <c r="D18970" s="14" t="s">
        <v>14</v>
      </c>
      <c r="E18970" s="15">
        <v>45731</v>
      </c>
      <c r="F18970" s="14" t="s">
        <v>15</v>
      </c>
      <c r="G18970" s="16">
        <v>0</v>
      </c>
    </row>
    <row r="18971" spans="1:7" x14ac:dyDescent="0.3">
      <c r="A18971" s="13" t="s">
        <v>131</v>
      </c>
      <c r="B18971" s="14" t="s">
        <v>1</v>
      </c>
      <c r="C18971" s="14" t="s">
        <v>59</v>
      </c>
      <c r="D18971" s="14" t="s">
        <v>14</v>
      </c>
      <c r="E18971" s="15">
        <v>45732</v>
      </c>
      <c r="F18971" s="14" t="s">
        <v>15</v>
      </c>
      <c r="G18971" s="16">
        <v>0</v>
      </c>
    </row>
    <row r="18972" spans="1:7" x14ac:dyDescent="0.3">
      <c r="A18972" s="13" t="s">
        <v>131</v>
      </c>
      <c r="B18972" s="14" t="s">
        <v>1</v>
      </c>
      <c r="C18972" s="14" t="s">
        <v>59</v>
      </c>
      <c r="D18972" s="14" t="s">
        <v>14</v>
      </c>
      <c r="E18972" s="15">
        <v>45733</v>
      </c>
      <c r="F18972" s="14" t="s">
        <v>15</v>
      </c>
      <c r="G18972" s="16">
        <v>0</v>
      </c>
    </row>
    <row r="18973" spans="1:7" x14ac:dyDescent="0.3">
      <c r="A18973" s="13" t="s">
        <v>131</v>
      </c>
      <c r="B18973" s="14" t="s">
        <v>1</v>
      </c>
      <c r="C18973" s="14" t="s">
        <v>59</v>
      </c>
      <c r="D18973" s="14" t="s">
        <v>14</v>
      </c>
      <c r="E18973" s="15">
        <v>45734</v>
      </c>
      <c r="F18973" s="14" t="s">
        <v>15</v>
      </c>
      <c r="G18973" s="16">
        <v>0</v>
      </c>
    </row>
    <row r="18974" spans="1:7" x14ac:dyDescent="0.3">
      <c r="A18974" s="13" t="s">
        <v>131</v>
      </c>
      <c r="B18974" s="14" t="s">
        <v>1</v>
      </c>
      <c r="C18974" s="14" t="s">
        <v>59</v>
      </c>
      <c r="D18974" s="14" t="s">
        <v>14</v>
      </c>
      <c r="E18974" s="15">
        <v>45735</v>
      </c>
      <c r="F18974" s="14" t="s">
        <v>15</v>
      </c>
      <c r="G18974" s="16">
        <v>0</v>
      </c>
    </row>
    <row r="18975" spans="1:7" x14ac:dyDescent="0.3">
      <c r="A18975" s="13" t="s">
        <v>131</v>
      </c>
      <c r="B18975" s="14" t="s">
        <v>1</v>
      </c>
      <c r="C18975" s="14" t="s">
        <v>59</v>
      </c>
      <c r="D18975" s="14" t="s">
        <v>14</v>
      </c>
      <c r="E18975" s="15">
        <v>45736</v>
      </c>
      <c r="F18975" s="14" t="s">
        <v>15</v>
      </c>
      <c r="G18975" s="16">
        <v>0</v>
      </c>
    </row>
    <row r="18976" spans="1:7" x14ac:dyDescent="0.3">
      <c r="A18976" s="13" t="s">
        <v>131</v>
      </c>
      <c r="B18976" s="14" t="s">
        <v>1</v>
      </c>
      <c r="C18976" s="14" t="s">
        <v>59</v>
      </c>
      <c r="D18976" s="14" t="s">
        <v>14</v>
      </c>
      <c r="E18976" s="15">
        <v>45737</v>
      </c>
      <c r="F18976" s="14" t="s">
        <v>15</v>
      </c>
      <c r="G18976" s="16">
        <v>0</v>
      </c>
    </row>
    <row r="18977" spans="1:7" x14ac:dyDescent="0.3">
      <c r="A18977" s="13" t="s">
        <v>131</v>
      </c>
      <c r="B18977" s="14" t="s">
        <v>1</v>
      </c>
      <c r="C18977" s="14" t="s">
        <v>59</v>
      </c>
      <c r="D18977" s="14" t="s">
        <v>14</v>
      </c>
      <c r="E18977" s="15">
        <v>45738</v>
      </c>
      <c r="F18977" s="14" t="s">
        <v>15</v>
      </c>
      <c r="G18977" s="16">
        <v>0</v>
      </c>
    </row>
    <row r="18978" spans="1:7" x14ac:dyDescent="0.3">
      <c r="A18978" s="13" t="s">
        <v>131</v>
      </c>
      <c r="B18978" s="14" t="s">
        <v>1</v>
      </c>
      <c r="C18978" s="14" t="s">
        <v>59</v>
      </c>
      <c r="D18978" s="14" t="s">
        <v>14</v>
      </c>
      <c r="E18978" s="15">
        <v>45739</v>
      </c>
      <c r="F18978" s="14" t="s">
        <v>15</v>
      </c>
      <c r="G18978" s="16">
        <v>0</v>
      </c>
    </row>
    <row r="18979" spans="1:7" x14ac:dyDescent="0.3">
      <c r="A18979" s="13" t="s">
        <v>131</v>
      </c>
      <c r="B18979" s="14" t="s">
        <v>1</v>
      </c>
      <c r="C18979" s="14" t="s">
        <v>59</v>
      </c>
      <c r="D18979" s="14" t="s">
        <v>14</v>
      </c>
      <c r="E18979" s="15">
        <v>45740</v>
      </c>
      <c r="F18979" s="14" t="s">
        <v>15</v>
      </c>
      <c r="G18979" s="16">
        <v>0</v>
      </c>
    </row>
    <row r="18980" spans="1:7" x14ac:dyDescent="0.3">
      <c r="A18980" s="13" t="s">
        <v>131</v>
      </c>
      <c r="B18980" s="14" t="s">
        <v>1</v>
      </c>
      <c r="C18980" s="14" t="s">
        <v>59</v>
      </c>
      <c r="D18980" s="14" t="s">
        <v>14</v>
      </c>
      <c r="E18980" s="15">
        <v>45741</v>
      </c>
      <c r="F18980" s="14" t="s">
        <v>15</v>
      </c>
      <c r="G18980" s="16">
        <v>0</v>
      </c>
    </row>
    <row r="18981" spans="1:7" x14ac:dyDescent="0.3">
      <c r="A18981" s="13" t="s">
        <v>131</v>
      </c>
      <c r="B18981" s="14" t="s">
        <v>1</v>
      </c>
      <c r="C18981" s="14" t="s">
        <v>59</v>
      </c>
      <c r="D18981" s="14" t="s">
        <v>14</v>
      </c>
      <c r="E18981" s="15">
        <v>45742</v>
      </c>
      <c r="F18981" s="14" t="s">
        <v>15</v>
      </c>
      <c r="G18981" s="16">
        <v>0</v>
      </c>
    </row>
    <row r="18982" spans="1:7" x14ac:dyDescent="0.3">
      <c r="A18982" s="13" t="s">
        <v>131</v>
      </c>
      <c r="B18982" s="14" t="s">
        <v>1</v>
      </c>
      <c r="C18982" s="14" t="s">
        <v>59</v>
      </c>
      <c r="D18982" s="14" t="s">
        <v>14</v>
      </c>
      <c r="E18982" s="15">
        <v>45743</v>
      </c>
      <c r="F18982" s="14" t="s">
        <v>15</v>
      </c>
      <c r="G18982" s="16">
        <v>0</v>
      </c>
    </row>
    <row r="18983" spans="1:7" x14ac:dyDescent="0.3">
      <c r="A18983" s="13" t="s">
        <v>131</v>
      </c>
      <c r="B18983" s="14" t="s">
        <v>1</v>
      </c>
      <c r="C18983" s="14" t="s">
        <v>59</v>
      </c>
      <c r="D18983" s="14" t="s">
        <v>14</v>
      </c>
      <c r="E18983" s="15">
        <v>45744</v>
      </c>
      <c r="F18983" s="14" t="s">
        <v>15</v>
      </c>
      <c r="G18983" s="16">
        <v>0</v>
      </c>
    </row>
    <row r="18984" spans="1:7" x14ac:dyDescent="0.3">
      <c r="A18984" s="13" t="s">
        <v>131</v>
      </c>
      <c r="B18984" s="14" t="s">
        <v>1</v>
      </c>
      <c r="C18984" s="14" t="s">
        <v>59</v>
      </c>
      <c r="D18984" s="14" t="s">
        <v>14</v>
      </c>
      <c r="E18984" s="15">
        <v>45745</v>
      </c>
      <c r="F18984" s="14" t="s">
        <v>15</v>
      </c>
      <c r="G18984" s="16">
        <v>0</v>
      </c>
    </row>
    <row r="18985" spans="1:7" x14ac:dyDescent="0.3">
      <c r="A18985" s="13" t="s">
        <v>131</v>
      </c>
      <c r="B18985" s="14" t="s">
        <v>1</v>
      </c>
      <c r="C18985" s="14" t="s">
        <v>59</v>
      </c>
      <c r="D18985" s="14" t="s">
        <v>14</v>
      </c>
      <c r="E18985" s="15">
        <v>45746</v>
      </c>
      <c r="F18985" s="14" t="s">
        <v>15</v>
      </c>
      <c r="G18985" s="16">
        <v>0</v>
      </c>
    </row>
    <row r="18986" spans="1:7" x14ac:dyDescent="0.3">
      <c r="A18986" s="13" t="s">
        <v>131</v>
      </c>
      <c r="B18986" s="14" t="s">
        <v>1</v>
      </c>
      <c r="C18986" s="14" t="s">
        <v>59</v>
      </c>
      <c r="D18986" s="14" t="s">
        <v>14</v>
      </c>
      <c r="E18986" s="15">
        <v>45747</v>
      </c>
      <c r="F18986" s="14" t="s">
        <v>15</v>
      </c>
      <c r="G18986" s="16">
        <v>0</v>
      </c>
    </row>
    <row r="18987" spans="1:7" x14ac:dyDescent="0.3">
      <c r="A18987" s="13" t="s">
        <v>132</v>
      </c>
      <c r="B18987" s="14" t="s">
        <v>1</v>
      </c>
      <c r="C18987" s="14" t="s">
        <v>41</v>
      </c>
      <c r="D18987" s="14" t="s">
        <v>133</v>
      </c>
      <c r="E18987" s="15">
        <v>45383</v>
      </c>
      <c r="F18987" s="14" t="s">
        <v>61</v>
      </c>
      <c r="G18987" s="16">
        <v>0</v>
      </c>
    </row>
    <row r="18988" spans="1:7" x14ac:dyDescent="0.3">
      <c r="A18988" s="13" t="s">
        <v>132</v>
      </c>
      <c r="B18988" s="14" t="s">
        <v>1</v>
      </c>
      <c r="C18988" s="14" t="s">
        <v>41</v>
      </c>
      <c r="D18988" s="14" t="s">
        <v>133</v>
      </c>
      <c r="E18988" s="15">
        <v>45384</v>
      </c>
      <c r="F18988" s="14" t="s">
        <v>61</v>
      </c>
      <c r="G18988" s="16">
        <v>0</v>
      </c>
    </row>
    <row r="18989" spans="1:7" x14ac:dyDescent="0.3">
      <c r="A18989" s="13" t="s">
        <v>132</v>
      </c>
      <c r="B18989" s="14" t="s">
        <v>1</v>
      </c>
      <c r="C18989" s="14" t="s">
        <v>41</v>
      </c>
      <c r="D18989" s="14" t="s">
        <v>133</v>
      </c>
      <c r="E18989" s="15">
        <v>45385</v>
      </c>
      <c r="F18989" s="14" t="s">
        <v>61</v>
      </c>
      <c r="G18989" s="16">
        <v>0</v>
      </c>
    </row>
    <row r="18990" spans="1:7" x14ac:dyDescent="0.3">
      <c r="A18990" s="13" t="s">
        <v>132</v>
      </c>
      <c r="B18990" s="14" t="s">
        <v>1</v>
      </c>
      <c r="C18990" s="14" t="s">
        <v>41</v>
      </c>
      <c r="D18990" s="14" t="s">
        <v>133</v>
      </c>
      <c r="E18990" s="15">
        <v>45386</v>
      </c>
      <c r="F18990" s="14" t="s">
        <v>61</v>
      </c>
      <c r="G18990" s="16">
        <v>0</v>
      </c>
    </row>
    <row r="18991" spans="1:7" x14ac:dyDescent="0.3">
      <c r="A18991" s="13" t="s">
        <v>132</v>
      </c>
      <c r="B18991" s="14" t="s">
        <v>1</v>
      </c>
      <c r="C18991" s="14" t="s">
        <v>41</v>
      </c>
      <c r="D18991" s="14" t="s">
        <v>133</v>
      </c>
      <c r="E18991" s="15">
        <v>45387</v>
      </c>
      <c r="F18991" s="14" t="s">
        <v>61</v>
      </c>
      <c r="G18991" s="16">
        <v>0</v>
      </c>
    </row>
    <row r="18992" spans="1:7" x14ac:dyDescent="0.3">
      <c r="A18992" s="13" t="s">
        <v>132</v>
      </c>
      <c r="B18992" s="14" t="s">
        <v>1</v>
      </c>
      <c r="C18992" s="14" t="s">
        <v>41</v>
      </c>
      <c r="D18992" s="14" t="s">
        <v>133</v>
      </c>
      <c r="E18992" s="15">
        <v>45388</v>
      </c>
      <c r="F18992" s="14" t="s">
        <v>61</v>
      </c>
      <c r="G18992" s="16">
        <v>0</v>
      </c>
    </row>
    <row r="18993" spans="1:7" x14ac:dyDescent="0.3">
      <c r="A18993" s="13" t="s">
        <v>132</v>
      </c>
      <c r="B18993" s="14" t="s">
        <v>1</v>
      </c>
      <c r="C18993" s="14" t="s">
        <v>41</v>
      </c>
      <c r="D18993" s="14" t="s">
        <v>133</v>
      </c>
      <c r="E18993" s="15">
        <v>45389</v>
      </c>
      <c r="F18993" s="14" t="s">
        <v>61</v>
      </c>
      <c r="G18993" s="16">
        <v>0</v>
      </c>
    </row>
    <row r="18994" spans="1:7" x14ac:dyDescent="0.3">
      <c r="A18994" s="13" t="s">
        <v>132</v>
      </c>
      <c r="B18994" s="14" t="s">
        <v>1</v>
      </c>
      <c r="C18994" s="14" t="s">
        <v>41</v>
      </c>
      <c r="D18994" s="14" t="s">
        <v>133</v>
      </c>
      <c r="E18994" s="15">
        <v>45390</v>
      </c>
      <c r="F18994" s="14" t="s">
        <v>61</v>
      </c>
      <c r="G18994" s="16">
        <v>0</v>
      </c>
    </row>
    <row r="18995" spans="1:7" x14ac:dyDescent="0.3">
      <c r="A18995" s="13" t="s">
        <v>132</v>
      </c>
      <c r="B18995" s="14" t="s">
        <v>1</v>
      </c>
      <c r="C18995" s="14" t="s">
        <v>41</v>
      </c>
      <c r="D18995" s="14" t="s">
        <v>133</v>
      </c>
      <c r="E18995" s="15">
        <v>45391</v>
      </c>
      <c r="F18995" s="14" t="s">
        <v>61</v>
      </c>
      <c r="G18995" s="16">
        <v>0</v>
      </c>
    </row>
    <row r="18996" spans="1:7" x14ac:dyDescent="0.3">
      <c r="A18996" s="13" t="s">
        <v>132</v>
      </c>
      <c r="B18996" s="14" t="s">
        <v>1</v>
      </c>
      <c r="C18996" s="14" t="s">
        <v>41</v>
      </c>
      <c r="D18996" s="14" t="s">
        <v>133</v>
      </c>
      <c r="E18996" s="15">
        <v>45392</v>
      </c>
      <c r="F18996" s="14" t="s">
        <v>61</v>
      </c>
      <c r="G18996" s="16">
        <v>0</v>
      </c>
    </row>
    <row r="18997" spans="1:7" x14ac:dyDescent="0.3">
      <c r="A18997" s="13" t="s">
        <v>132</v>
      </c>
      <c r="B18997" s="14" t="s">
        <v>1</v>
      </c>
      <c r="C18997" s="14" t="s">
        <v>41</v>
      </c>
      <c r="D18997" s="14" t="s">
        <v>133</v>
      </c>
      <c r="E18997" s="15">
        <v>45393</v>
      </c>
      <c r="F18997" s="14" t="s">
        <v>61</v>
      </c>
      <c r="G18997" s="16">
        <v>0</v>
      </c>
    </row>
    <row r="18998" spans="1:7" x14ac:dyDescent="0.3">
      <c r="A18998" s="13" t="s">
        <v>132</v>
      </c>
      <c r="B18998" s="14" t="s">
        <v>1</v>
      </c>
      <c r="C18998" s="14" t="s">
        <v>41</v>
      </c>
      <c r="D18998" s="14" t="s">
        <v>133</v>
      </c>
      <c r="E18998" s="15">
        <v>45394</v>
      </c>
      <c r="F18998" s="14" t="s">
        <v>61</v>
      </c>
      <c r="G18998" s="16">
        <v>0</v>
      </c>
    </row>
    <row r="18999" spans="1:7" x14ac:dyDescent="0.3">
      <c r="A18999" s="13" t="s">
        <v>132</v>
      </c>
      <c r="B18999" s="14" t="s">
        <v>1</v>
      </c>
      <c r="C18999" s="14" t="s">
        <v>41</v>
      </c>
      <c r="D18999" s="14" t="s">
        <v>133</v>
      </c>
      <c r="E18999" s="15">
        <v>45395</v>
      </c>
      <c r="F18999" s="14" t="s">
        <v>61</v>
      </c>
      <c r="G18999" s="16">
        <v>0</v>
      </c>
    </row>
    <row r="19000" spans="1:7" x14ac:dyDescent="0.3">
      <c r="A19000" s="13" t="s">
        <v>132</v>
      </c>
      <c r="B19000" s="14" t="s">
        <v>1</v>
      </c>
      <c r="C19000" s="14" t="s">
        <v>41</v>
      </c>
      <c r="D19000" s="14" t="s">
        <v>133</v>
      </c>
      <c r="E19000" s="15">
        <v>45396</v>
      </c>
      <c r="F19000" s="14" t="s">
        <v>61</v>
      </c>
      <c r="G19000" s="16">
        <v>0</v>
      </c>
    </row>
    <row r="19001" spans="1:7" x14ac:dyDescent="0.3">
      <c r="A19001" s="13" t="s">
        <v>132</v>
      </c>
      <c r="B19001" s="14" t="s">
        <v>1</v>
      </c>
      <c r="C19001" s="14" t="s">
        <v>41</v>
      </c>
      <c r="D19001" s="14" t="s">
        <v>133</v>
      </c>
      <c r="E19001" s="15">
        <v>45397</v>
      </c>
      <c r="F19001" s="14" t="s">
        <v>61</v>
      </c>
      <c r="G19001" s="16">
        <v>0</v>
      </c>
    </row>
    <row r="19002" spans="1:7" x14ac:dyDescent="0.3">
      <c r="A19002" s="13" t="s">
        <v>132</v>
      </c>
      <c r="B19002" s="14" t="s">
        <v>1</v>
      </c>
      <c r="C19002" s="14" t="s">
        <v>41</v>
      </c>
      <c r="D19002" s="14" t="s">
        <v>133</v>
      </c>
      <c r="E19002" s="15">
        <v>45398</v>
      </c>
      <c r="F19002" s="14" t="s">
        <v>61</v>
      </c>
      <c r="G19002" s="16">
        <v>0</v>
      </c>
    </row>
    <row r="19003" spans="1:7" x14ac:dyDescent="0.3">
      <c r="A19003" s="13" t="s">
        <v>132</v>
      </c>
      <c r="B19003" s="14" t="s">
        <v>1</v>
      </c>
      <c r="C19003" s="14" t="s">
        <v>41</v>
      </c>
      <c r="D19003" s="14" t="s">
        <v>133</v>
      </c>
      <c r="E19003" s="15">
        <v>45399</v>
      </c>
      <c r="F19003" s="14" t="s">
        <v>61</v>
      </c>
      <c r="G19003" s="16">
        <v>0</v>
      </c>
    </row>
    <row r="19004" spans="1:7" x14ac:dyDescent="0.3">
      <c r="A19004" s="13" t="s">
        <v>132</v>
      </c>
      <c r="B19004" s="14" t="s">
        <v>1</v>
      </c>
      <c r="C19004" s="14" t="s">
        <v>41</v>
      </c>
      <c r="D19004" s="14" t="s">
        <v>133</v>
      </c>
      <c r="E19004" s="15">
        <v>45400</v>
      </c>
      <c r="F19004" s="14" t="s">
        <v>61</v>
      </c>
      <c r="G19004" s="16">
        <v>0</v>
      </c>
    </row>
    <row r="19005" spans="1:7" x14ac:dyDescent="0.3">
      <c r="A19005" s="13" t="s">
        <v>132</v>
      </c>
      <c r="B19005" s="14" t="s">
        <v>1</v>
      </c>
      <c r="C19005" s="14" t="s">
        <v>41</v>
      </c>
      <c r="D19005" s="14" t="s">
        <v>133</v>
      </c>
      <c r="E19005" s="15">
        <v>45401</v>
      </c>
      <c r="F19005" s="14" t="s">
        <v>61</v>
      </c>
      <c r="G19005" s="16">
        <v>0</v>
      </c>
    </row>
    <row r="19006" spans="1:7" x14ac:dyDescent="0.3">
      <c r="A19006" s="13" t="s">
        <v>132</v>
      </c>
      <c r="B19006" s="14" t="s">
        <v>1</v>
      </c>
      <c r="C19006" s="14" t="s">
        <v>41</v>
      </c>
      <c r="D19006" s="14" t="s">
        <v>133</v>
      </c>
      <c r="E19006" s="15">
        <v>45402</v>
      </c>
      <c r="F19006" s="14" t="s">
        <v>61</v>
      </c>
      <c r="G19006" s="16">
        <v>0</v>
      </c>
    </row>
    <row r="19007" spans="1:7" x14ac:dyDescent="0.3">
      <c r="A19007" s="13" t="s">
        <v>132</v>
      </c>
      <c r="B19007" s="14" t="s">
        <v>1</v>
      </c>
      <c r="C19007" s="14" t="s">
        <v>41</v>
      </c>
      <c r="D19007" s="14" t="s">
        <v>133</v>
      </c>
      <c r="E19007" s="15">
        <v>45403</v>
      </c>
      <c r="F19007" s="14" t="s">
        <v>61</v>
      </c>
      <c r="G19007" s="16">
        <v>0</v>
      </c>
    </row>
    <row r="19008" spans="1:7" x14ac:dyDescent="0.3">
      <c r="A19008" s="13" t="s">
        <v>132</v>
      </c>
      <c r="B19008" s="14" t="s">
        <v>1</v>
      </c>
      <c r="C19008" s="14" t="s">
        <v>41</v>
      </c>
      <c r="D19008" s="14" t="s">
        <v>133</v>
      </c>
      <c r="E19008" s="15">
        <v>45404</v>
      </c>
      <c r="F19008" s="14" t="s">
        <v>61</v>
      </c>
      <c r="G19008" s="16">
        <v>0</v>
      </c>
    </row>
    <row r="19009" spans="1:7" x14ac:dyDescent="0.3">
      <c r="A19009" s="13" t="s">
        <v>132</v>
      </c>
      <c r="B19009" s="14" t="s">
        <v>1</v>
      </c>
      <c r="C19009" s="14" t="s">
        <v>41</v>
      </c>
      <c r="D19009" s="14" t="s">
        <v>133</v>
      </c>
      <c r="E19009" s="15">
        <v>45405</v>
      </c>
      <c r="F19009" s="14" t="s">
        <v>61</v>
      </c>
      <c r="G19009" s="16">
        <v>0</v>
      </c>
    </row>
    <row r="19010" spans="1:7" x14ac:dyDescent="0.3">
      <c r="A19010" s="13" t="s">
        <v>132</v>
      </c>
      <c r="B19010" s="14" t="s">
        <v>1</v>
      </c>
      <c r="C19010" s="14" t="s">
        <v>41</v>
      </c>
      <c r="D19010" s="14" t="s">
        <v>133</v>
      </c>
      <c r="E19010" s="15">
        <v>45406</v>
      </c>
      <c r="F19010" s="14" t="s">
        <v>61</v>
      </c>
      <c r="G19010" s="16">
        <v>0</v>
      </c>
    </row>
    <row r="19011" spans="1:7" x14ac:dyDescent="0.3">
      <c r="A19011" s="13" t="s">
        <v>132</v>
      </c>
      <c r="B19011" s="14" t="s">
        <v>1</v>
      </c>
      <c r="C19011" s="14" t="s">
        <v>41</v>
      </c>
      <c r="D19011" s="14" t="s">
        <v>133</v>
      </c>
      <c r="E19011" s="15">
        <v>45407</v>
      </c>
      <c r="F19011" s="14" t="s">
        <v>61</v>
      </c>
      <c r="G19011" s="16">
        <v>0</v>
      </c>
    </row>
    <row r="19012" spans="1:7" x14ac:dyDescent="0.3">
      <c r="A19012" s="13" t="s">
        <v>132</v>
      </c>
      <c r="B19012" s="14" t="s">
        <v>1</v>
      </c>
      <c r="C19012" s="14" t="s">
        <v>41</v>
      </c>
      <c r="D19012" s="14" t="s">
        <v>133</v>
      </c>
      <c r="E19012" s="15">
        <v>45408</v>
      </c>
      <c r="F19012" s="14" t="s">
        <v>61</v>
      </c>
      <c r="G19012" s="16">
        <v>0</v>
      </c>
    </row>
    <row r="19013" spans="1:7" x14ac:dyDescent="0.3">
      <c r="A19013" s="13" t="s">
        <v>132</v>
      </c>
      <c r="B19013" s="14" t="s">
        <v>1</v>
      </c>
      <c r="C19013" s="14" t="s">
        <v>41</v>
      </c>
      <c r="D19013" s="14" t="s">
        <v>133</v>
      </c>
      <c r="E19013" s="15">
        <v>45409</v>
      </c>
      <c r="F19013" s="14" t="s">
        <v>61</v>
      </c>
      <c r="G19013" s="16">
        <v>0</v>
      </c>
    </row>
    <row r="19014" spans="1:7" x14ac:dyDescent="0.3">
      <c r="A19014" s="13" t="s">
        <v>132</v>
      </c>
      <c r="B19014" s="14" t="s">
        <v>1</v>
      </c>
      <c r="C19014" s="14" t="s">
        <v>41</v>
      </c>
      <c r="D19014" s="14" t="s">
        <v>133</v>
      </c>
      <c r="E19014" s="15">
        <v>45410</v>
      </c>
      <c r="F19014" s="14" t="s">
        <v>61</v>
      </c>
      <c r="G19014" s="16">
        <v>0</v>
      </c>
    </row>
    <row r="19015" spans="1:7" x14ac:dyDescent="0.3">
      <c r="A19015" s="13" t="s">
        <v>132</v>
      </c>
      <c r="B19015" s="14" t="s">
        <v>1</v>
      </c>
      <c r="C19015" s="14" t="s">
        <v>41</v>
      </c>
      <c r="D19015" s="14" t="s">
        <v>133</v>
      </c>
      <c r="E19015" s="15">
        <v>45411</v>
      </c>
      <c r="F19015" s="14" t="s">
        <v>61</v>
      </c>
      <c r="G19015" s="16">
        <v>0</v>
      </c>
    </row>
    <row r="19016" spans="1:7" x14ac:dyDescent="0.3">
      <c r="A19016" s="13" t="s">
        <v>132</v>
      </c>
      <c r="B19016" s="14" t="s">
        <v>1</v>
      </c>
      <c r="C19016" s="14" t="s">
        <v>41</v>
      </c>
      <c r="D19016" s="14" t="s">
        <v>133</v>
      </c>
      <c r="E19016" s="15">
        <v>45412</v>
      </c>
      <c r="F19016" s="14" t="s">
        <v>61</v>
      </c>
      <c r="G19016" s="16">
        <v>0</v>
      </c>
    </row>
    <row r="19017" spans="1:7" x14ac:dyDescent="0.3">
      <c r="A19017" s="13" t="s">
        <v>132</v>
      </c>
      <c r="B19017" s="14" t="s">
        <v>1</v>
      </c>
      <c r="C19017" s="14" t="s">
        <v>41</v>
      </c>
      <c r="D19017" s="14" t="s">
        <v>133</v>
      </c>
      <c r="E19017" s="15">
        <v>45413</v>
      </c>
      <c r="F19017" s="14" t="s">
        <v>61</v>
      </c>
      <c r="G19017" s="16">
        <v>0</v>
      </c>
    </row>
    <row r="19018" spans="1:7" x14ac:dyDescent="0.3">
      <c r="A19018" s="13" t="s">
        <v>132</v>
      </c>
      <c r="B19018" s="14" t="s">
        <v>1</v>
      </c>
      <c r="C19018" s="14" t="s">
        <v>41</v>
      </c>
      <c r="D19018" s="14" t="s">
        <v>133</v>
      </c>
      <c r="E19018" s="15">
        <v>45414</v>
      </c>
      <c r="F19018" s="14" t="s">
        <v>61</v>
      </c>
      <c r="G19018" s="16">
        <v>0</v>
      </c>
    </row>
    <row r="19019" spans="1:7" x14ac:dyDescent="0.3">
      <c r="A19019" s="13" t="s">
        <v>132</v>
      </c>
      <c r="B19019" s="14" t="s">
        <v>1</v>
      </c>
      <c r="C19019" s="14" t="s">
        <v>41</v>
      </c>
      <c r="D19019" s="14" t="s">
        <v>133</v>
      </c>
      <c r="E19019" s="15">
        <v>45415</v>
      </c>
      <c r="F19019" s="14" t="s">
        <v>61</v>
      </c>
      <c r="G19019" s="16">
        <v>0</v>
      </c>
    </row>
    <row r="19020" spans="1:7" x14ac:dyDescent="0.3">
      <c r="A19020" s="13" t="s">
        <v>132</v>
      </c>
      <c r="B19020" s="14" t="s">
        <v>1</v>
      </c>
      <c r="C19020" s="14" t="s">
        <v>41</v>
      </c>
      <c r="D19020" s="14" t="s">
        <v>133</v>
      </c>
      <c r="E19020" s="15">
        <v>45416</v>
      </c>
      <c r="F19020" s="14" t="s">
        <v>61</v>
      </c>
      <c r="G19020" s="16">
        <v>0</v>
      </c>
    </row>
    <row r="19021" spans="1:7" x14ac:dyDescent="0.3">
      <c r="A19021" s="13" t="s">
        <v>132</v>
      </c>
      <c r="B19021" s="14" t="s">
        <v>1</v>
      </c>
      <c r="C19021" s="14" t="s">
        <v>41</v>
      </c>
      <c r="D19021" s="14" t="s">
        <v>133</v>
      </c>
      <c r="E19021" s="15">
        <v>45417</v>
      </c>
      <c r="F19021" s="14" t="s">
        <v>61</v>
      </c>
      <c r="G19021" s="16">
        <v>0</v>
      </c>
    </row>
    <row r="19022" spans="1:7" x14ac:dyDescent="0.3">
      <c r="A19022" s="13" t="s">
        <v>132</v>
      </c>
      <c r="B19022" s="14" t="s">
        <v>1</v>
      </c>
      <c r="C19022" s="14" t="s">
        <v>41</v>
      </c>
      <c r="D19022" s="14" t="s">
        <v>133</v>
      </c>
      <c r="E19022" s="15">
        <v>45418</v>
      </c>
      <c r="F19022" s="14" t="s">
        <v>61</v>
      </c>
      <c r="G19022" s="16">
        <v>0</v>
      </c>
    </row>
    <row r="19023" spans="1:7" x14ac:dyDescent="0.3">
      <c r="A19023" s="13" t="s">
        <v>132</v>
      </c>
      <c r="B19023" s="14" t="s">
        <v>1</v>
      </c>
      <c r="C19023" s="14" t="s">
        <v>41</v>
      </c>
      <c r="D19023" s="14" t="s">
        <v>133</v>
      </c>
      <c r="E19023" s="15">
        <v>45419</v>
      </c>
      <c r="F19023" s="14" t="s">
        <v>61</v>
      </c>
      <c r="G19023" s="16">
        <v>0</v>
      </c>
    </row>
    <row r="19024" spans="1:7" x14ac:dyDescent="0.3">
      <c r="A19024" s="13" t="s">
        <v>132</v>
      </c>
      <c r="B19024" s="14" t="s">
        <v>1</v>
      </c>
      <c r="C19024" s="14" t="s">
        <v>41</v>
      </c>
      <c r="D19024" s="14" t="s">
        <v>133</v>
      </c>
      <c r="E19024" s="15">
        <v>45420</v>
      </c>
      <c r="F19024" s="14" t="s">
        <v>61</v>
      </c>
      <c r="G19024" s="16">
        <v>0</v>
      </c>
    </row>
    <row r="19025" spans="1:7" x14ac:dyDescent="0.3">
      <c r="A19025" s="13" t="s">
        <v>132</v>
      </c>
      <c r="B19025" s="14" t="s">
        <v>1</v>
      </c>
      <c r="C19025" s="14" t="s">
        <v>41</v>
      </c>
      <c r="D19025" s="14" t="s">
        <v>133</v>
      </c>
      <c r="E19025" s="15">
        <v>45421</v>
      </c>
      <c r="F19025" s="14" t="s">
        <v>61</v>
      </c>
      <c r="G19025" s="16">
        <v>0</v>
      </c>
    </row>
    <row r="19026" spans="1:7" x14ac:dyDescent="0.3">
      <c r="A19026" s="13" t="s">
        <v>132</v>
      </c>
      <c r="B19026" s="14" t="s">
        <v>1</v>
      </c>
      <c r="C19026" s="14" t="s">
        <v>41</v>
      </c>
      <c r="D19026" s="14" t="s">
        <v>133</v>
      </c>
      <c r="E19026" s="15">
        <v>45422</v>
      </c>
      <c r="F19026" s="14" t="s">
        <v>61</v>
      </c>
      <c r="G19026" s="16">
        <v>0</v>
      </c>
    </row>
    <row r="19027" spans="1:7" x14ac:dyDescent="0.3">
      <c r="A19027" s="13" t="s">
        <v>132</v>
      </c>
      <c r="B19027" s="14" t="s">
        <v>1</v>
      </c>
      <c r="C19027" s="14" t="s">
        <v>41</v>
      </c>
      <c r="D19027" s="14" t="s">
        <v>133</v>
      </c>
      <c r="E19027" s="15">
        <v>45423</v>
      </c>
      <c r="F19027" s="14" t="s">
        <v>61</v>
      </c>
      <c r="G19027" s="16">
        <v>0</v>
      </c>
    </row>
    <row r="19028" spans="1:7" x14ac:dyDescent="0.3">
      <c r="A19028" s="13" t="s">
        <v>132</v>
      </c>
      <c r="B19028" s="14" t="s">
        <v>1</v>
      </c>
      <c r="C19028" s="14" t="s">
        <v>41</v>
      </c>
      <c r="D19028" s="14" t="s">
        <v>133</v>
      </c>
      <c r="E19028" s="15">
        <v>45424</v>
      </c>
      <c r="F19028" s="14" t="s">
        <v>61</v>
      </c>
      <c r="G19028" s="16">
        <v>0</v>
      </c>
    </row>
    <row r="19029" spans="1:7" x14ac:dyDescent="0.3">
      <c r="A19029" s="13" t="s">
        <v>132</v>
      </c>
      <c r="B19029" s="14" t="s">
        <v>1</v>
      </c>
      <c r="C19029" s="14" t="s">
        <v>41</v>
      </c>
      <c r="D19029" s="14" t="s">
        <v>133</v>
      </c>
      <c r="E19029" s="15">
        <v>45425</v>
      </c>
      <c r="F19029" s="14" t="s">
        <v>61</v>
      </c>
      <c r="G19029" s="16">
        <v>0</v>
      </c>
    </row>
    <row r="19030" spans="1:7" x14ac:dyDescent="0.3">
      <c r="A19030" s="13" t="s">
        <v>132</v>
      </c>
      <c r="B19030" s="14" t="s">
        <v>1</v>
      </c>
      <c r="C19030" s="14" t="s">
        <v>41</v>
      </c>
      <c r="D19030" s="14" t="s">
        <v>133</v>
      </c>
      <c r="E19030" s="15">
        <v>45426</v>
      </c>
      <c r="F19030" s="14" t="s">
        <v>61</v>
      </c>
      <c r="G19030" s="16">
        <v>0</v>
      </c>
    </row>
    <row r="19031" spans="1:7" x14ac:dyDescent="0.3">
      <c r="A19031" s="13" t="s">
        <v>132</v>
      </c>
      <c r="B19031" s="14" t="s">
        <v>1</v>
      </c>
      <c r="C19031" s="14" t="s">
        <v>41</v>
      </c>
      <c r="D19031" s="14" t="s">
        <v>133</v>
      </c>
      <c r="E19031" s="15">
        <v>45427</v>
      </c>
      <c r="F19031" s="14" t="s">
        <v>61</v>
      </c>
      <c r="G19031" s="16">
        <v>0</v>
      </c>
    </row>
    <row r="19032" spans="1:7" x14ac:dyDescent="0.3">
      <c r="A19032" s="13" t="s">
        <v>132</v>
      </c>
      <c r="B19032" s="14" t="s">
        <v>1</v>
      </c>
      <c r="C19032" s="14" t="s">
        <v>41</v>
      </c>
      <c r="D19032" s="14" t="s">
        <v>133</v>
      </c>
      <c r="E19032" s="15">
        <v>45428</v>
      </c>
      <c r="F19032" s="14" t="s">
        <v>61</v>
      </c>
      <c r="G19032" s="16">
        <v>0</v>
      </c>
    </row>
    <row r="19033" spans="1:7" x14ac:dyDescent="0.3">
      <c r="A19033" s="13" t="s">
        <v>132</v>
      </c>
      <c r="B19033" s="14" t="s">
        <v>1</v>
      </c>
      <c r="C19033" s="14" t="s">
        <v>41</v>
      </c>
      <c r="D19033" s="14" t="s">
        <v>133</v>
      </c>
      <c r="E19033" s="15">
        <v>45429</v>
      </c>
      <c r="F19033" s="14" t="s">
        <v>61</v>
      </c>
      <c r="G19033" s="16">
        <v>0</v>
      </c>
    </row>
    <row r="19034" spans="1:7" x14ac:dyDescent="0.3">
      <c r="A19034" s="13" t="s">
        <v>132</v>
      </c>
      <c r="B19034" s="14" t="s">
        <v>1</v>
      </c>
      <c r="C19034" s="14" t="s">
        <v>41</v>
      </c>
      <c r="D19034" s="14" t="s">
        <v>133</v>
      </c>
      <c r="E19034" s="15">
        <v>45430</v>
      </c>
      <c r="F19034" s="14" t="s">
        <v>61</v>
      </c>
      <c r="G19034" s="16">
        <v>0</v>
      </c>
    </row>
    <row r="19035" spans="1:7" x14ac:dyDescent="0.3">
      <c r="A19035" s="13" t="s">
        <v>132</v>
      </c>
      <c r="B19035" s="14" t="s">
        <v>1</v>
      </c>
      <c r="C19035" s="14" t="s">
        <v>41</v>
      </c>
      <c r="D19035" s="14" t="s">
        <v>133</v>
      </c>
      <c r="E19035" s="15">
        <v>45431</v>
      </c>
      <c r="F19035" s="14" t="s">
        <v>61</v>
      </c>
      <c r="G19035" s="16">
        <v>0</v>
      </c>
    </row>
    <row r="19036" spans="1:7" x14ac:dyDescent="0.3">
      <c r="A19036" s="13" t="s">
        <v>132</v>
      </c>
      <c r="B19036" s="14" t="s">
        <v>1</v>
      </c>
      <c r="C19036" s="14" t="s">
        <v>41</v>
      </c>
      <c r="D19036" s="14" t="s">
        <v>133</v>
      </c>
      <c r="E19036" s="15">
        <v>45432</v>
      </c>
      <c r="F19036" s="14" t="s">
        <v>61</v>
      </c>
      <c r="G19036" s="16">
        <v>0</v>
      </c>
    </row>
    <row r="19037" spans="1:7" x14ac:dyDescent="0.3">
      <c r="A19037" s="13" t="s">
        <v>132</v>
      </c>
      <c r="B19037" s="14" t="s">
        <v>1</v>
      </c>
      <c r="C19037" s="14" t="s">
        <v>41</v>
      </c>
      <c r="D19037" s="14" t="s">
        <v>133</v>
      </c>
      <c r="E19037" s="15">
        <v>45433</v>
      </c>
      <c r="F19037" s="14" t="s">
        <v>61</v>
      </c>
      <c r="G19037" s="16">
        <v>0</v>
      </c>
    </row>
    <row r="19038" spans="1:7" x14ac:dyDescent="0.3">
      <c r="A19038" s="13" t="s">
        <v>132</v>
      </c>
      <c r="B19038" s="14" t="s">
        <v>1</v>
      </c>
      <c r="C19038" s="14" t="s">
        <v>41</v>
      </c>
      <c r="D19038" s="14" t="s">
        <v>133</v>
      </c>
      <c r="E19038" s="15">
        <v>45434</v>
      </c>
      <c r="F19038" s="14" t="s">
        <v>61</v>
      </c>
      <c r="G19038" s="16">
        <v>0</v>
      </c>
    </row>
    <row r="19039" spans="1:7" x14ac:dyDescent="0.3">
      <c r="A19039" s="13" t="s">
        <v>132</v>
      </c>
      <c r="B19039" s="14" t="s">
        <v>1</v>
      </c>
      <c r="C19039" s="14" t="s">
        <v>41</v>
      </c>
      <c r="D19039" s="14" t="s">
        <v>133</v>
      </c>
      <c r="E19039" s="15">
        <v>45435</v>
      </c>
      <c r="F19039" s="14" t="s">
        <v>61</v>
      </c>
      <c r="G19039" s="16">
        <v>0</v>
      </c>
    </row>
    <row r="19040" spans="1:7" x14ac:dyDescent="0.3">
      <c r="A19040" s="13" t="s">
        <v>132</v>
      </c>
      <c r="B19040" s="14" t="s">
        <v>1</v>
      </c>
      <c r="C19040" s="14" t="s">
        <v>41</v>
      </c>
      <c r="D19040" s="14" t="s">
        <v>133</v>
      </c>
      <c r="E19040" s="15">
        <v>45436</v>
      </c>
      <c r="F19040" s="14" t="s">
        <v>61</v>
      </c>
      <c r="G19040" s="16">
        <v>0</v>
      </c>
    </row>
    <row r="19041" spans="1:7" x14ac:dyDescent="0.3">
      <c r="A19041" s="13" t="s">
        <v>132</v>
      </c>
      <c r="B19041" s="14" t="s">
        <v>1</v>
      </c>
      <c r="C19041" s="14" t="s">
        <v>41</v>
      </c>
      <c r="D19041" s="14" t="s">
        <v>133</v>
      </c>
      <c r="E19041" s="15">
        <v>45437</v>
      </c>
      <c r="F19041" s="14" t="s">
        <v>61</v>
      </c>
      <c r="G19041" s="16">
        <v>0</v>
      </c>
    </row>
    <row r="19042" spans="1:7" x14ac:dyDescent="0.3">
      <c r="A19042" s="13" t="s">
        <v>132</v>
      </c>
      <c r="B19042" s="14" t="s">
        <v>1</v>
      </c>
      <c r="C19042" s="14" t="s">
        <v>41</v>
      </c>
      <c r="D19042" s="14" t="s">
        <v>133</v>
      </c>
      <c r="E19042" s="15">
        <v>45438</v>
      </c>
      <c r="F19042" s="14" t="s">
        <v>61</v>
      </c>
      <c r="G19042" s="16">
        <v>0</v>
      </c>
    </row>
    <row r="19043" spans="1:7" x14ac:dyDescent="0.3">
      <c r="A19043" s="13" t="s">
        <v>132</v>
      </c>
      <c r="B19043" s="14" t="s">
        <v>1</v>
      </c>
      <c r="C19043" s="14" t="s">
        <v>41</v>
      </c>
      <c r="D19043" s="14" t="s">
        <v>133</v>
      </c>
      <c r="E19043" s="15">
        <v>45439</v>
      </c>
      <c r="F19043" s="14" t="s">
        <v>61</v>
      </c>
      <c r="G19043" s="16">
        <v>0</v>
      </c>
    </row>
    <row r="19044" spans="1:7" x14ac:dyDescent="0.3">
      <c r="A19044" s="13" t="s">
        <v>132</v>
      </c>
      <c r="B19044" s="14" t="s">
        <v>1</v>
      </c>
      <c r="C19044" s="14" t="s">
        <v>41</v>
      </c>
      <c r="D19044" s="14" t="s">
        <v>133</v>
      </c>
      <c r="E19044" s="15">
        <v>45440</v>
      </c>
      <c r="F19044" s="14" t="s">
        <v>61</v>
      </c>
      <c r="G19044" s="16">
        <v>0</v>
      </c>
    </row>
    <row r="19045" spans="1:7" x14ac:dyDescent="0.3">
      <c r="A19045" s="13" t="s">
        <v>132</v>
      </c>
      <c r="B19045" s="14" t="s">
        <v>1</v>
      </c>
      <c r="C19045" s="14" t="s">
        <v>41</v>
      </c>
      <c r="D19045" s="14" t="s">
        <v>133</v>
      </c>
      <c r="E19045" s="15">
        <v>45441</v>
      </c>
      <c r="F19045" s="14" t="s">
        <v>61</v>
      </c>
      <c r="G19045" s="16">
        <v>0</v>
      </c>
    </row>
    <row r="19046" spans="1:7" x14ac:dyDescent="0.3">
      <c r="A19046" s="13" t="s">
        <v>132</v>
      </c>
      <c r="B19046" s="14" t="s">
        <v>1</v>
      </c>
      <c r="C19046" s="14" t="s">
        <v>41</v>
      </c>
      <c r="D19046" s="14" t="s">
        <v>133</v>
      </c>
      <c r="E19046" s="15">
        <v>45442</v>
      </c>
      <c r="F19046" s="14" t="s">
        <v>61</v>
      </c>
      <c r="G19046" s="16">
        <v>0</v>
      </c>
    </row>
    <row r="19047" spans="1:7" x14ac:dyDescent="0.3">
      <c r="A19047" s="13" t="s">
        <v>132</v>
      </c>
      <c r="B19047" s="14" t="s">
        <v>1</v>
      </c>
      <c r="C19047" s="14" t="s">
        <v>41</v>
      </c>
      <c r="D19047" s="14" t="s">
        <v>133</v>
      </c>
      <c r="E19047" s="15">
        <v>45443</v>
      </c>
      <c r="F19047" s="14" t="s">
        <v>61</v>
      </c>
      <c r="G19047" s="16">
        <v>0</v>
      </c>
    </row>
    <row r="19048" spans="1:7" x14ac:dyDescent="0.3">
      <c r="A19048" s="13" t="s">
        <v>132</v>
      </c>
      <c r="B19048" s="14" t="s">
        <v>1</v>
      </c>
      <c r="C19048" s="14" t="s">
        <v>41</v>
      </c>
      <c r="D19048" s="14" t="s">
        <v>133</v>
      </c>
      <c r="E19048" s="15">
        <v>45444</v>
      </c>
      <c r="F19048" s="14" t="s">
        <v>61</v>
      </c>
      <c r="G19048" s="16">
        <v>0</v>
      </c>
    </row>
    <row r="19049" spans="1:7" x14ac:dyDescent="0.3">
      <c r="A19049" s="13" t="s">
        <v>132</v>
      </c>
      <c r="B19049" s="14" t="s">
        <v>1</v>
      </c>
      <c r="C19049" s="14" t="s">
        <v>41</v>
      </c>
      <c r="D19049" s="14" t="s">
        <v>133</v>
      </c>
      <c r="E19049" s="15">
        <v>45445</v>
      </c>
      <c r="F19049" s="14" t="s">
        <v>61</v>
      </c>
      <c r="G19049" s="16">
        <v>0</v>
      </c>
    </row>
    <row r="19050" spans="1:7" x14ac:dyDescent="0.3">
      <c r="A19050" s="13" t="s">
        <v>132</v>
      </c>
      <c r="B19050" s="14" t="s">
        <v>1</v>
      </c>
      <c r="C19050" s="14" t="s">
        <v>41</v>
      </c>
      <c r="D19050" s="14" t="s">
        <v>133</v>
      </c>
      <c r="E19050" s="15">
        <v>45446</v>
      </c>
      <c r="F19050" s="14" t="s">
        <v>61</v>
      </c>
      <c r="G19050" s="16">
        <v>0</v>
      </c>
    </row>
    <row r="19051" spans="1:7" x14ac:dyDescent="0.3">
      <c r="A19051" s="13" t="s">
        <v>132</v>
      </c>
      <c r="B19051" s="14" t="s">
        <v>1</v>
      </c>
      <c r="C19051" s="14" t="s">
        <v>41</v>
      </c>
      <c r="D19051" s="14" t="s">
        <v>133</v>
      </c>
      <c r="E19051" s="15">
        <v>45447</v>
      </c>
      <c r="F19051" s="14" t="s">
        <v>61</v>
      </c>
      <c r="G19051" s="16">
        <v>0</v>
      </c>
    </row>
    <row r="19052" spans="1:7" x14ac:dyDescent="0.3">
      <c r="A19052" s="13" t="s">
        <v>132</v>
      </c>
      <c r="B19052" s="14" t="s">
        <v>1</v>
      </c>
      <c r="C19052" s="14" t="s">
        <v>41</v>
      </c>
      <c r="D19052" s="14" t="s">
        <v>133</v>
      </c>
      <c r="E19052" s="15">
        <v>45448</v>
      </c>
      <c r="F19052" s="14" t="s">
        <v>61</v>
      </c>
      <c r="G19052" s="16">
        <v>0</v>
      </c>
    </row>
    <row r="19053" spans="1:7" x14ac:dyDescent="0.3">
      <c r="A19053" s="13" t="s">
        <v>132</v>
      </c>
      <c r="B19053" s="14" t="s">
        <v>1</v>
      </c>
      <c r="C19053" s="14" t="s">
        <v>41</v>
      </c>
      <c r="D19053" s="14" t="s">
        <v>133</v>
      </c>
      <c r="E19053" s="15">
        <v>45449</v>
      </c>
      <c r="F19053" s="14" t="s">
        <v>61</v>
      </c>
      <c r="G19053" s="16">
        <v>0</v>
      </c>
    </row>
    <row r="19054" spans="1:7" x14ac:dyDescent="0.3">
      <c r="A19054" s="13" t="s">
        <v>132</v>
      </c>
      <c r="B19054" s="14" t="s">
        <v>1</v>
      </c>
      <c r="C19054" s="14" t="s">
        <v>41</v>
      </c>
      <c r="D19054" s="14" t="s">
        <v>133</v>
      </c>
      <c r="E19054" s="15">
        <v>45450</v>
      </c>
      <c r="F19054" s="14" t="s">
        <v>61</v>
      </c>
      <c r="G19054" s="16">
        <v>0</v>
      </c>
    </row>
    <row r="19055" spans="1:7" x14ac:dyDescent="0.3">
      <c r="A19055" s="13" t="s">
        <v>132</v>
      </c>
      <c r="B19055" s="14" t="s">
        <v>1</v>
      </c>
      <c r="C19055" s="14" t="s">
        <v>41</v>
      </c>
      <c r="D19055" s="14" t="s">
        <v>133</v>
      </c>
      <c r="E19055" s="15">
        <v>45451</v>
      </c>
      <c r="F19055" s="14" t="s">
        <v>61</v>
      </c>
      <c r="G19055" s="16">
        <v>0</v>
      </c>
    </row>
    <row r="19056" spans="1:7" x14ac:dyDescent="0.3">
      <c r="A19056" s="13" t="s">
        <v>132</v>
      </c>
      <c r="B19056" s="14" t="s">
        <v>1</v>
      </c>
      <c r="C19056" s="14" t="s">
        <v>41</v>
      </c>
      <c r="D19056" s="14" t="s">
        <v>133</v>
      </c>
      <c r="E19056" s="15">
        <v>45452</v>
      </c>
      <c r="F19056" s="14" t="s">
        <v>61</v>
      </c>
      <c r="G19056" s="16">
        <v>0</v>
      </c>
    </row>
    <row r="19057" spans="1:7" x14ac:dyDescent="0.3">
      <c r="A19057" s="13" t="s">
        <v>132</v>
      </c>
      <c r="B19057" s="14" t="s">
        <v>1</v>
      </c>
      <c r="C19057" s="14" t="s">
        <v>41</v>
      </c>
      <c r="D19057" s="14" t="s">
        <v>133</v>
      </c>
      <c r="E19057" s="15">
        <v>45453</v>
      </c>
      <c r="F19057" s="14" t="s">
        <v>61</v>
      </c>
      <c r="G19057" s="16">
        <v>0</v>
      </c>
    </row>
    <row r="19058" spans="1:7" x14ac:dyDescent="0.3">
      <c r="A19058" s="13" t="s">
        <v>132</v>
      </c>
      <c r="B19058" s="14" t="s">
        <v>1</v>
      </c>
      <c r="C19058" s="14" t="s">
        <v>41</v>
      </c>
      <c r="D19058" s="14" t="s">
        <v>133</v>
      </c>
      <c r="E19058" s="15">
        <v>45454</v>
      </c>
      <c r="F19058" s="14" t="s">
        <v>61</v>
      </c>
      <c r="G19058" s="16">
        <v>0</v>
      </c>
    </row>
    <row r="19059" spans="1:7" x14ac:dyDescent="0.3">
      <c r="A19059" s="13" t="s">
        <v>132</v>
      </c>
      <c r="B19059" s="14" t="s">
        <v>1</v>
      </c>
      <c r="C19059" s="14" t="s">
        <v>41</v>
      </c>
      <c r="D19059" s="14" t="s">
        <v>133</v>
      </c>
      <c r="E19059" s="15">
        <v>45455</v>
      </c>
      <c r="F19059" s="14" t="s">
        <v>61</v>
      </c>
      <c r="G19059" s="16">
        <v>0</v>
      </c>
    </row>
    <row r="19060" spans="1:7" x14ac:dyDescent="0.3">
      <c r="A19060" s="13" t="s">
        <v>132</v>
      </c>
      <c r="B19060" s="14" t="s">
        <v>1</v>
      </c>
      <c r="C19060" s="14" t="s">
        <v>41</v>
      </c>
      <c r="D19060" s="14" t="s">
        <v>133</v>
      </c>
      <c r="E19060" s="15">
        <v>45456</v>
      </c>
      <c r="F19060" s="14" t="s">
        <v>61</v>
      </c>
      <c r="G19060" s="16">
        <v>0</v>
      </c>
    </row>
    <row r="19061" spans="1:7" x14ac:dyDescent="0.3">
      <c r="A19061" s="13" t="s">
        <v>132</v>
      </c>
      <c r="B19061" s="14" t="s">
        <v>1</v>
      </c>
      <c r="C19061" s="14" t="s">
        <v>41</v>
      </c>
      <c r="D19061" s="14" t="s">
        <v>133</v>
      </c>
      <c r="E19061" s="15">
        <v>45457</v>
      </c>
      <c r="F19061" s="14" t="s">
        <v>61</v>
      </c>
      <c r="G19061" s="16">
        <v>0</v>
      </c>
    </row>
    <row r="19062" spans="1:7" x14ac:dyDescent="0.3">
      <c r="A19062" s="13" t="s">
        <v>132</v>
      </c>
      <c r="B19062" s="14" t="s">
        <v>1</v>
      </c>
      <c r="C19062" s="14" t="s">
        <v>41</v>
      </c>
      <c r="D19062" s="14" t="s">
        <v>133</v>
      </c>
      <c r="E19062" s="15">
        <v>45458</v>
      </c>
      <c r="F19062" s="14" t="s">
        <v>61</v>
      </c>
      <c r="G19062" s="16">
        <v>0</v>
      </c>
    </row>
    <row r="19063" spans="1:7" x14ac:dyDescent="0.3">
      <c r="A19063" s="13" t="s">
        <v>132</v>
      </c>
      <c r="B19063" s="14" t="s">
        <v>1</v>
      </c>
      <c r="C19063" s="14" t="s">
        <v>41</v>
      </c>
      <c r="D19063" s="14" t="s">
        <v>133</v>
      </c>
      <c r="E19063" s="15">
        <v>45459</v>
      </c>
      <c r="F19063" s="14" t="s">
        <v>61</v>
      </c>
      <c r="G19063" s="16">
        <v>0</v>
      </c>
    </row>
    <row r="19064" spans="1:7" x14ac:dyDescent="0.3">
      <c r="A19064" s="13" t="s">
        <v>132</v>
      </c>
      <c r="B19064" s="14" t="s">
        <v>1</v>
      </c>
      <c r="C19064" s="14" t="s">
        <v>41</v>
      </c>
      <c r="D19064" s="14" t="s">
        <v>133</v>
      </c>
      <c r="E19064" s="15">
        <v>45460</v>
      </c>
      <c r="F19064" s="14" t="s">
        <v>61</v>
      </c>
      <c r="G19064" s="16">
        <v>0</v>
      </c>
    </row>
    <row r="19065" spans="1:7" x14ac:dyDescent="0.3">
      <c r="A19065" s="13" t="s">
        <v>132</v>
      </c>
      <c r="B19065" s="14" t="s">
        <v>1</v>
      </c>
      <c r="C19065" s="14" t="s">
        <v>41</v>
      </c>
      <c r="D19065" s="14" t="s">
        <v>133</v>
      </c>
      <c r="E19065" s="15">
        <v>45461</v>
      </c>
      <c r="F19065" s="14" t="s">
        <v>61</v>
      </c>
      <c r="G19065" s="16">
        <v>0</v>
      </c>
    </row>
    <row r="19066" spans="1:7" x14ac:dyDescent="0.3">
      <c r="A19066" s="13" t="s">
        <v>132</v>
      </c>
      <c r="B19066" s="14" t="s">
        <v>1</v>
      </c>
      <c r="C19066" s="14" t="s">
        <v>41</v>
      </c>
      <c r="D19066" s="14" t="s">
        <v>133</v>
      </c>
      <c r="E19066" s="15">
        <v>45462</v>
      </c>
      <c r="F19066" s="14" t="s">
        <v>61</v>
      </c>
      <c r="G19066" s="16">
        <v>0</v>
      </c>
    </row>
    <row r="19067" spans="1:7" x14ac:dyDescent="0.3">
      <c r="A19067" s="13" t="s">
        <v>132</v>
      </c>
      <c r="B19067" s="14" t="s">
        <v>1</v>
      </c>
      <c r="C19067" s="14" t="s">
        <v>41</v>
      </c>
      <c r="D19067" s="14" t="s">
        <v>133</v>
      </c>
      <c r="E19067" s="15">
        <v>45463</v>
      </c>
      <c r="F19067" s="14" t="s">
        <v>61</v>
      </c>
      <c r="G19067" s="16">
        <v>0</v>
      </c>
    </row>
    <row r="19068" spans="1:7" x14ac:dyDescent="0.3">
      <c r="A19068" s="13" t="s">
        <v>132</v>
      </c>
      <c r="B19068" s="14" t="s">
        <v>1</v>
      </c>
      <c r="C19068" s="14" t="s">
        <v>41</v>
      </c>
      <c r="D19068" s="14" t="s">
        <v>133</v>
      </c>
      <c r="E19068" s="15">
        <v>45464</v>
      </c>
      <c r="F19068" s="14" t="s">
        <v>61</v>
      </c>
      <c r="G19068" s="16">
        <v>0</v>
      </c>
    </row>
    <row r="19069" spans="1:7" x14ac:dyDescent="0.3">
      <c r="A19069" s="13" t="s">
        <v>132</v>
      </c>
      <c r="B19069" s="14" t="s">
        <v>1</v>
      </c>
      <c r="C19069" s="14" t="s">
        <v>41</v>
      </c>
      <c r="D19069" s="14" t="s">
        <v>133</v>
      </c>
      <c r="E19069" s="15">
        <v>45465</v>
      </c>
      <c r="F19069" s="14" t="s">
        <v>61</v>
      </c>
      <c r="G19069" s="16">
        <v>0</v>
      </c>
    </row>
    <row r="19070" spans="1:7" x14ac:dyDescent="0.3">
      <c r="A19070" s="13" t="s">
        <v>132</v>
      </c>
      <c r="B19070" s="14" t="s">
        <v>1</v>
      </c>
      <c r="C19070" s="14" t="s">
        <v>41</v>
      </c>
      <c r="D19070" s="14" t="s">
        <v>133</v>
      </c>
      <c r="E19070" s="15">
        <v>45466</v>
      </c>
      <c r="F19070" s="14" t="s">
        <v>61</v>
      </c>
      <c r="G19070" s="16">
        <v>0</v>
      </c>
    </row>
    <row r="19071" spans="1:7" x14ac:dyDescent="0.3">
      <c r="A19071" s="13" t="s">
        <v>132</v>
      </c>
      <c r="B19071" s="14" t="s">
        <v>1</v>
      </c>
      <c r="C19071" s="14" t="s">
        <v>41</v>
      </c>
      <c r="D19071" s="14" t="s">
        <v>133</v>
      </c>
      <c r="E19071" s="15">
        <v>45467</v>
      </c>
      <c r="F19071" s="14" t="s">
        <v>61</v>
      </c>
      <c r="G19071" s="16">
        <v>0</v>
      </c>
    </row>
    <row r="19072" spans="1:7" x14ac:dyDescent="0.3">
      <c r="A19072" s="13" t="s">
        <v>132</v>
      </c>
      <c r="B19072" s="14" t="s">
        <v>1</v>
      </c>
      <c r="C19072" s="14" t="s">
        <v>41</v>
      </c>
      <c r="D19072" s="14" t="s">
        <v>133</v>
      </c>
      <c r="E19072" s="15">
        <v>45468</v>
      </c>
      <c r="F19072" s="14" t="s">
        <v>61</v>
      </c>
      <c r="G19072" s="16">
        <v>0</v>
      </c>
    </row>
    <row r="19073" spans="1:7" x14ac:dyDescent="0.3">
      <c r="A19073" s="13" t="s">
        <v>132</v>
      </c>
      <c r="B19073" s="14" t="s">
        <v>1</v>
      </c>
      <c r="C19073" s="14" t="s">
        <v>41</v>
      </c>
      <c r="D19073" s="14" t="s">
        <v>133</v>
      </c>
      <c r="E19073" s="15">
        <v>45469</v>
      </c>
      <c r="F19073" s="14" t="s">
        <v>61</v>
      </c>
      <c r="G19073" s="16">
        <v>0</v>
      </c>
    </row>
    <row r="19074" spans="1:7" x14ac:dyDescent="0.3">
      <c r="A19074" s="13" t="s">
        <v>132</v>
      </c>
      <c r="B19074" s="14" t="s">
        <v>1</v>
      </c>
      <c r="C19074" s="14" t="s">
        <v>41</v>
      </c>
      <c r="D19074" s="14" t="s">
        <v>133</v>
      </c>
      <c r="E19074" s="15">
        <v>45470</v>
      </c>
      <c r="F19074" s="14" t="s">
        <v>61</v>
      </c>
      <c r="G19074" s="16">
        <v>0</v>
      </c>
    </row>
    <row r="19075" spans="1:7" x14ac:dyDescent="0.3">
      <c r="A19075" s="13" t="s">
        <v>132</v>
      </c>
      <c r="B19075" s="14" t="s">
        <v>1</v>
      </c>
      <c r="C19075" s="14" t="s">
        <v>41</v>
      </c>
      <c r="D19075" s="14" t="s">
        <v>133</v>
      </c>
      <c r="E19075" s="15">
        <v>45471</v>
      </c>
      <c r="F19075" s="14" t="s">
        <v>61</v>
      </c>
      <c r="G19075" s="16">
        <v>0</v>
      </c>
    </row>
    <row r="19076" spans="1:7" x14ac:dyDescent="0.3">
      <c r="A19076" s="13" t="s">
        <v>132</v>
      </c>
      <c r="B19076" s="14" t="s">
        <v>1</v>
      </c>
      <c r="C19076" s="14" t="s">
        <v>41</v>
      </c>
      <c r="D19076" s="14" t="s">
        <v>133</v>
      </c>
      <c r="E19076" s="15">
        <v>45472</v>
      </c>
      <c r="F19076" s="14" t="s">
        <v>61</v>
      </c>
      <c r="G19076" s="16">
        <v>0</v>
      </c>
    </row>
    <row r="19077" spans="1:7" x14ac:dyDescent="0.3">
      <c r="A19077" s="13" t="s">
        <v>132</v>
      </c>
      <c r="B19077" s="14" t="s">
        <v>1</v>
      </c>
      <c r="C19077" s="14" t="s">
        <v>41</v>
      </c>
      <c r="D19077" s="14" t="s">
        <v>133</v>
      </c>
      <c r="E19077" s="15">
        <v>45473</v>
      </c>
      <c r="F19077" s="14" t="s">
        <v>61</v>
      </c>
      <c r="G19077" s="16">
        <v>0</v>
      </c>
    </row>
    <row r="19078" spans="1:7" x14ac:dyDescent="0.3">
      <c r="A19078" s="13" t="s">
        <v>132</v>
      </c>
      <c r="B19078" s="14" t="s">
        <v>1</v>
      </c>
      <c r="C19078" s="14" t="s">
        <v>41</v>
      </c>
      <c r="D19078" s="14" t="s">
        <v>133</v>
      </c>
      <c r="E19078" s="15">
        <v>45474</v>
      </c>
      <c r="F19078" s="14" t="s">
        <v>61</v>
      </c>
      <c r="G19078" s="16">
        <v>0</v>
      </c>
    </row>
    <row r="19079" spans="1:7" x14ac:dyDescent="0.3">
      <c r="A19079" s="13" t="s">
        <v>132</v>
      </c>
      <c r="B19079" s="14" t="s">
        <v>1</v>
      </c>
      <c r="C19079" s="14" t="s">
        <v>41</v>
      </c>
      <c r="D19079" s="14" t="s">
        <v>133</v>
      </c>
      <c r="E19079" s="15">
        <v>45475</v>
      </c>
      <c r="F19079" s="14" t="s">
        <v>61</v>
      </c>
      <c r="G19079" s="16">
        <v>0</v>
      </c>
    </row>
    <row r="19080" spans="1:7" x14ac:dyDescent="0.3">
      <c r="A19080" s="13" t="s">
        <v>132</v>
      </c>
      <c r="B19080" s="14" t="s">
        <v>1</v>
      </c>
      <c r="C19080" s="14" t="s">
        <v>41</v>
      </c>
      <c r="D19080" s="14" t="s">
        <v>133</v>
      </c>
      <c r="E19080" s="15">
        <v>45476</v>
      </c>
      <c r="F19080" s="14" t="s">
        <v>61</v>
      </c>
      <c r="G19080" s="16">
        <v>0</v>
      </c>
    </row>
    <row r="19081" spans="1:7" x14ac:dyDescent="0.3">
      <c r="A19081" s="13" t="s">
        <v>132</v>
      </c>
      <c r="B19081" s="14" t="s">
        <v>1</v>
      </c>
      <c r="C19081" s="14" t="s">
        <v>41</v>
      </c>
      <c r="D19081" s="14" t="s">
        <v>133</v>
      </c>
      <c r="E19081" s="15">
        <v>45477</v>
      </c>
      <c r="F19081" s="14" t="s">
        <v>61</v>
      </c>
      <c r="G19081" s="16">
        <v>0</v>
      </c>
    </row>
    <row r="19082" spans="1:7" x14ac:dyDescent="0.3">
      <c r="A19082" s="13" t="s">
        <v>132</v>
      </c>
      <c r="B19082" s="14" t="s">
        <v>1</v>
      </c>
      <c r="C19082" s="14" t="s">
        <v>41</v>
      </c>
      <c r="D19082" s="14" t="s">
        <v>133</v>
      </c>
      <c r="E19082" s="15">
        <v>45478</v>
      </c>
      <c r="F19082" s="14" t="s">
        <v>61</v>
      </c>
      <c r="G19082" s="16">
        <v>0</v>
      </c>
    </row>
    <row r="19083" spans="1:7" x14ac:dyDescent="0.3">
      <c r="A19083" s="13" t="s">
        <v>132</v>
      </c>
      <c r="B19083" s="14" t="s">
        <v>1</v>
      </c>
      <c r="C19083" s="14" t="s">
        <v>41</v>
      </c>
      <c r="D19083" s="14" t="s">
        <v>133</v>
      </c>
      <c r="E19083" s="15">
        <v>45479</v>
      </c>
      <c r="F19083" s="14" t="s">
        <v>61</v>
      </c>
      <c r="G19083" s="16">
        <v>0</v>
      </c>
    </row>
    <row r="19084" spans="1:7" x14ac:dyDescent="0.3">
      <c r="A19084" s="13" t="s">
        <v>132</v>
      </c>
      <c r="B19084" s="14" t="s">
        <v>1</v>
      </c>
      <c r="C19084" s="14" t="s">
        <v>41</v>
      </c>
      <c r="D19084" s="14" t="s">
        <v>133</v>
      </c>
      <c r="E19084" s="15">
        <v>45480</v>
      </c>
      <c r="F19084" s="14" t="s">
        <v>61</v>
      </c>
      <c r="G19084" s="16">
        <v>0</v>
      </c>
    </row>
    <row r="19085" spans="1:7" x14ac:dyDescent="0.3">
      <c r="A19085" s="13" t="s">
        <v>132</v>
      </c>
      <c r="B19085" s="14" t="s">
        <v>1</v>
      </c>
      <c r="C19085" s="14" t="s">
        <v>41</v>
      </c>
      <c r="D19085" s="14" t="s">
        <v>133</v>
      </c>
      <c r="E19085" s="15">
        <v>45481</v>
      </c>
      <c r="F19085" s="14" t="s">
        <v>61</v>
      </c>
      <c r="G19085" s="16">
        <v>0</v>
      </c>
    </row>
    <row r="19086" spans="1:7" x14ac:dyDescent="0.3">
      <c r="A19086" s="13" t="s">
        <v>132</v>
      </c>
      <c r="B19086" s="14" t="s">
        <v>1</v>
      </c>
      <c r="C19086" s="14" t="s">
        <v>41</v>
      </c>
      <c r="D19086" s="14" t="s">
        <v>133</v>
      </c>
      <c r="E19086" s="15">
        <v>45482</v>
      </c>
      <c r="F19086" s="14" t="s">
        <v>61</v>
      </c>
      <c r="G19086" s="16">
        <v>0</v>
      </c>
    </row>
    <row r="19087" spans="1:7" x14ac:dyDescent="0.3">
      <c r="A19087" s="13" t="s">
        <v>132</v>
      </c>
      <c r="B19087" s="14" t="s">
        <v>1</v>
      </c>
      <c r="C19087" s="14" t="s">
        <v>41</v>
      </c>
      <c r="D19087" s="14" t="s">
        <v>133</v>
      </c>
      <c r="E19087" s="15">
        <v>45483</v>
      </c>
      <c r="F19087" s="14" t="s">
        <v>61</v>
      </c>
      <c r="G19087" s="16">
        <v>0</v>
      </c>
    </row>
    <row r="19088" spans="1:7" x14ac:dyDescent="0.3">
      <c r="A19088" s="13" t="s">
        <v>132</v>
      </c>
      <c r="B19088" s="14" t="s">
        <v>1</v>
      </c>
      <c r="C19088" s="14" t="s">
        <v>41</v>
      </c>
      <c r="D19088" s="14" t="s">
        <v>133</v>
      </c>
      <c r="E19088" s="15">
        <v>45484</v>
      </c>
      <c r="F19088" s="14" t="s">
        <v>61</v>
      </c>
      <c r="G19088" s="16">
        <v>0</v>
      </c>
    </row>
    <row r="19089" spans="1:7" x14ac:dyDescent="0.3">
      <c r="A19089" s="13" t="s">
        <v>132</v>
      </c>
      <c r="B19089" s="14" t="s">
        <v>1</v>
      </c>
      <c r="C19089" s="14" t="s">
        <v>41</v>
      </c>
      <c r="D19089" s="14" t="s">
        <v>133</v>
      </c>
      <c r="E19089" s="15">
        <v>45485</v>
      </c>
      <c r="F19089" s="14" t="s">
        <v>61</v>
      </c>
      <c r="G19089" s="16">
        <v>0</v>
      </c>
    </row>
    <row r="19090" spans="1:7" x14ac:dyDescent="0.3">
      <c r="A19090" s="13" t="s">
        <v>132</v>
      </c>
      <c r="B19090" s="14" t="s">
        <v>1</v>
      </c>
      <c r="C19090" s="14" t="s">
        <v>41</v>
      </c>
      <c r="D19090" s="14" t="s">
        <v>133</v>
      </c>
      <c r="E19090" s="15">
        <v>45486</v>
      </c>
      <c r="F19090" s="14" t="s">
        <v>61</v>
      </c>
      <c r="G19090" s="16">
        <v>0</v>
      </c>
    </row>
    <row r="19091" spans="1:7" x14ac:dyDescent="0.3">
      <c r="A19091" s="13" t="s">
        <v>132</v>
      </c>
      <c r="B19091" s="14" t="s">
        <v>1</v>
      </c>
      <c r="C19091" s="14" t="s">
        <v>41</v>
      </c>
      <c r="D19091" s="14" t="s">
        <v>133</v>
      </c>
      <c r="E19091" s="15">
        <v>45487</v>
      </c>
      <c r="F19091" s="14" t="s">
        <v>61</v>
      </c>
      <c r="G19091" s="16">
        <v>0</v>
      </c>
    </row>
    <row r="19092" spans="1:7" x14ac:dyDescent="0.3">
      <c r="A19092" s="13" t="s">
        <v>132</v>
      </c>
      <c r="B19092" s="14" t="s">
        <v>1</v>
      </c>
      <c r="C19092" s="14" t="s">
        <v>41</v>
      </c>
      <c r="D19092" s="14" t="s">
        <v>133</v>
      </c>
      <c r="E19092" s="15">
        <v>45488</v>
      </c>
      <c r="F19092" s="14" t="s">
        <v>61</v>
      </c>
      <c r="G19092" s="16">
        <v>0</v>
      </c>
    </row>
    <row r="19093" spans="1:7" x14ac:dyDescent="0.3">
      <c r="A19093" s="13" t="s">
        <v>132</v>
      </c>
      <c r="B19093" s="14" t="s">
        <v>1</v>
      </c>
      <c r="C19093" s="14" t="s">
        <v>41</v>
      </c>
      <c r="D19093" s="14" t="s">
        <v>133</v>
      </c>
      <c r="E19093" s="15">
        <v>45489</v>
      </c>
      <c r="F19093" s="14" t="s">
        <v>61</v>
      </c>
      <c r="G19093" s="16">
        <v>0</v>
      </c>
    </row>
    <row r="19094" spans="1:7" x14ac:dyDescent="0.3">
      <c r="A19094" s="13" t="s">
        <v>132</v>
      </c>
      <c r="B19094" s="14" t="s">
        <v>1</v>
      </c>
      <c r="C19094" s="14" t="s">
        <v>41</v>
      </c>
      <c r="D19094" s="14" t="s">
        <v>133</v>
      </c>
      <c r="E19094" s="15">
        <v>45490</v>
      </c>
      <c r="F19094" s="14" t="s">
        <v>61</v>
      </c>
      <c r="G19094" s="16">
        <v>0</v>
      </c>
    </row>
    <row r="19095" spans="1:7" x14ac:dyDescent="0.3">
      <c r="A19095" s="13" t="s">
        <v>132</v>
      </c>
      <c r="B19095" s="14" t="s">
        <v>1</v>
      </c>
      <c r="C19095" s="14" t="s">
        <v>41</v>
      </c>
      <c r="D19095" s="14" t="s">
        <v>133</v>
      </c>
      <c r="E19095" s="15">
        <v>45491</v>
      </c>
      <c r="F19095" s="14" t="s">
        <v>61</v>
      </c>
      <c r="G19095" s="16">
        <v>0</v>
      </c>
    </row>
    <row r="19096" spans="1:7" x14ac:dyDescent="0.3">
      <c r="A19096" s="13" t="s">
        <v>132</v>
      </c>
      <c r="B19096" s="14" t="s">
        <v>1</v>
      </c>
      <c r="C19096" s="14" t="s">
        <v>41</v>
      </c>
      <c r="D19096" s="14" t="s">
        <v>133</v>
      </c>
      <c r="E19096" s="15">
        <v>45492</v>
      </c>
      <c r="F19096" s="14" t="s">
        <v>61</v>
      </c>
      <c r="G19096" s="16">
        <v>0</v>
      </c>
    </row>
    <row r="19097" spans="1:7" x14ac:dyDescent="0.3">
      <c r="A19097" s="13" t="s">
        <v>132</v>
      </c>
      <c r="B19097" s="14" t="s">
        <v>1</v>
      </c>
      <c r="C19097" s="14" t="s">
        <v>41</v>
      </c>
      <c r="D19097" s="14" t="s">
        <v>133</v>
      </c>
      <c r="E19097" s="15">
        <v>45493</v>
      </c>
      <c r="F19097" s="14" t="s">
        <v>61</v>
      </c>
      <c r="G19097" s="16">
        <v>0</v>
      </c>
    </row>
    <row r="19098" spans="1:7" x14ac:dyDescent="0.3">
      <c r="A19098" s="13" t="s">
        <v>132</v>
      </c>
      <c r="B19098" s="14" t="s">
        <v>1</v>
      </c>
      <c r="C19098" s="14" t="s">
        <v>41</v>
      </c>
      <c r="D19098" s="14" t="s">
        <v>133</v>
      </c>
      <c r="E19098" s="15">
        <v>45494</v>
      </c>
      <c r="F19098" s="14" t="s">
        <v>61</v>
      </c>
      <c r="G19098" s="16">
        <v>0</v>
      </c>
    </row>
    <row r="19099" spans="1:7" x14ac:dyDescent="0.3">
      <c r="A19099" s="13" t="s">
        <v>132</v>
      </c>
      <c r="B19099" s="14" t="s">
        <v>1</v>
      </c>
      <c r="C19099" s="14" t="s">
        <v>41</v>
      </c>
      <c r="D19099" s="14" t="s">
        <v>133</v>
      </c>
      <c r="E19099" s="15">
        <v>45495</v>
      </c>
      <c r="F19099" s="14" t="s">
        <v>61</v>
      </c>
      <c r="G19099" s="16">
        <v>0</v>
      </c>
    </row>
    <row r="19100" spans="1:7" x14ac:dyDescent="0.3">
      <c r="A19100" s="13" t="s">
        <v>132</v>
      </c>
      <c r="B19100" s="14" t="s">
        <v>1</v>
      </c>
      <c r="C19100" s="14" t="s">
        <v>41</v>
      </c>
      <c r="D19100" s="14" t="s">
        <v>133</v>
      </c>
      <c r="E19100" s="15">
        <v>45496</v>
      </c>
      <c r="F19100" s="14" t="s">
        <v>61</v>
      </c>
      <c r="G19100" s="16">
        <v>0</v>
      </c>
    </row>
    <row r="19101" spans="1:7" x14ac:dyDescent="0.3">
      <c r="A19101" s="13" t="s">
        <v>132</v>
      </c>
      <c r="B19101" s="14" t="s">
        <v>1</v>
      </c>
      <c r="C19101" s="14" t="s">
        <v>41</v>
      </c>
      <c r="D19101" s="14" t="s">
        <v>133</v>
      </c>
      <c r="E19101" s="15">
        <v>45497</v>
      </c>
      <c r="F19101" s="14" t="s">
        <v>61</v>
      </c>
      <c r="G19101" s="16">
        <v>0</v>
      </c>
    </row>
    <row r="19102" spans="1:7" x14ac:dyDescent="0.3">
      <c r="A19102" s="13" t="s">
        <v>132</v>
      </c>
      <c r="B19102" s="14" t="s">
        <v>1</v>
      </c>
      <c r="C19102" s="14" t="s">
        <v>41</v>
      </c>
      <c r="D19102" s="14" t="s">
        <v>133</v>
      </c>
      <c r="E19102" s="15">
        <v>45498</v>
      </c>
      <c r="F19102" s="14" t="s">
        <v>61</v>
      </c>
      <c r="G19102" s="16">
        <v>0</v>
      </c>
    </row>
    <row r="19103" spans="1:7" x14ac:dyDescent="0.3">
      <c r="A19103" s="13" t="s">
        <v>132</v>
      </c>
      <c r="B19103" s="14" t="s">
        <v>1</v>
      </c>
      <c r="C19103" s="14" t="s">
        <v>41</v>
      </c>
      <c r="D19103" s="14" t="s">
        <v>133</v>
      </c>
      <c r="E19103" s="15">
        <v>45499</v>
      </c>
      <c r="F19103" s="14" t="s">
        <v>61</v>
      </c>
      <c r="G19103" s="16">
        <v>0</v>
      </c>
    </row>
    <row r="19104" spans="1:7" x14ac:dyDescent="0.3">
      <c r="A19104" s="13" t="s">
        <v>132</v>
      </c>
      <c r="B19104" s="14" t="s">
        <v>1</v>
      </c>
      <c r="C19104" s="14" t="s">
        <v>41</v>
      </c>
      <c r="D19104" s="14" t="s">
        <v>133</v>
      </c>
      <c r="E19104" s="15">
        <v>45500</v>
      </c>
      <c r="F19104" s="14" t="s">
        <v>61</v>
      </c>
      <c r="G19104" s="16">
        <v>0</v>
      </c>
    </row>
    <row r="19105" spans="1:7" x14ac:dyDescent="0.3">
      <c r="A19105" s="13" t="s">
        <v>132</v>
      </c>
      <c r="B19105" s="14" t="s">
        <v>1</v>
      </c>
      <c r="C19105" s="14" t="s">
        <v>41</v>
      </c>
      <c r="D19105" s="14" t="s">
        <v>133</v>
      </c>
      <c r="E19105" s="15">
        <v>45501</v>
      </c>
      <c r="F19105" s="14" t="s">
        <v>61</v>
      </c>
      <c r="G19105" s="16">
        <v>0</v>
      </c>
    </row>
    <row r="19106" spans="1:7" x14ac:dyDescent="0.3">
      <c r="A19106" s="13" t="s">
        <v>132</v>
      </c>
      <c r="B19106" s="14" t="s">
        <v>1</v>
      </c>
      <c r="C19106" s="14" t="s">
        <v>41</v>
      </c>
      <c r="D19106" s="14" t="s">
        <v>133</v>
      </c>
      <c r="E19106" s="15">
        <v>45502</v>
      </c>
      <c r="F19106" s="14" t="s">
        <v>61</v>
      </c>
      <c r="G19106" s="16">
        <v>0</v>
      </c>
    </row>
    <row r="19107" spans="1:7" x14ac:dyDescent="0.3">
      <c r="A19107" s="13" t="s">
        <v>132</v>
      </c>
      <c r="B19107" s="14" t="s">
        <v>1</v>
      </c>
      <c r="C19107" s="14" t="s">
        <v>41</v>
      </c>
      <c r="D19107" s="14" t="s">
        <v>133</v>
      </c>
      <c r="E19107" s="15">
        <v>45503</v>
      </c>
      <c r="F19107" s="14" t="s">
        <v>61</v>
      </c>
      <c r="G19107" s="16">
        <v>0</v>
      </c>
    </row>
    <row r="19108" spans="1:7" x14ac:dyDescent="0.3">
      <c r="A19108" s="13" t="s">
        <v>132</v>
      </c>
      <c r="B19108" s="14" t="s">
        <v>1</v>
      </c>
      <c r="C19108" s="14" t="s">
        <v>41</v>
      </c>
      <c r="D19108" s="14" t="s">
        <v>133</v>
      </c>
      <c r="E19108" s="15">
        <v>45504</v>
      </c>
      <c r="F19108" s="14" t="s">
        <v>61</v>
      </c>
      <c r="G19108" s="16">
        <v>0</v>
      </c>
    </row>
    <row r="19109" spans="1:7" x14ac:dyDescent="0.3">
      <c r="A19109" s="13" t="s">
        <v>132</v>
      </c>
      <c r="B19109" s="14" t="s">
        <v>1</v>
      </c>
      <c r="C19109" s="14" t="s">
        <v>41</v>
      </c>
      <c r="D19109" s="14" t="s">
        <v>133</v>
      </c>
      <c r="E19109" s="15">
        <v>45505</v>
      </c>
      <c r="F19109" s="14" t="s">
        <v>61</v>
      </c>
      <c r="G19109" s="16">
        <v>0</v>
      </c>
    </row>
    <row r="19110" spans="1:7" x14ac:dyDescent="0.3">
      <c r="A19110" s="13" t="s">
        <v>132</v>
      </c>
      <c r="B19110" s="14" t="s">
        <v>1</v>
      </c>
      <c r="C19110" s="14" t="s">
        <v>41</v>
      </c>
      <c r="D19110" s="14" t="s">
        <v>133</v>
      </c>
      <c r="E19110" s="15">
        <v>45506</v>
      </c>
      <c r="F19110" s="14" t="s">
        <v>61</v>
      </c>
      <c r="G19110" s="16">
        <v>0</v>
      </c>
    </row>
    <row r="19111" spans="1:7" x14ac:dyDescent="0.3">
      <c r="A19111" s="13" t="s">
        <v>132</v>
      </c>
      <c r="B19111" s="14" t="s">
        <v>1</v>
      </c>
      <c r="C19111" s="14" t="s">
        <v>41</v>
      </c>
      <c r="D19111" s="14" t="s">
        <v>133</v>
      </c>
      <c r="E19111" s="15">
        <v>45507</v>
      </c>
      <c r="F19111" s="14" t="s">
        <v>61</v>
      </c>
      <c r="G19111" s="16">
        <v>0</v>
      </c>
    </row>
    <row r="19112" spans="1:7" x14ac:dyDescent="0.3">
      <c r="A19112" s="13" t="s">
        <v>132</v>
      </c>
      <c r="B19112" s="14" t="s">
        <v>1</v>
      </c>
      <c r="C19112" s="14" t="s">
        <v>41</v>
      </c>
      <c r="D19112" s="14" t="s">
        <v>133</v>
      </c>
      <c r="E19112" s="15">
        <v>45508</v>
      </c>
      <c r="F19112" s="14" t="s">
        <v>61</v>
      </c>
      <c r="G19112" s="16">
        <v>0</v>
      </c>
    </row>
    <row r="19113" spans="1:7" x14ac:dyDescent="0.3">
      <c r="A19113" s="13" t="s">
        <v>132</v>
      </c>
      <c r="B19113" s="14" t="s">
        <v>1</v>
      </c>
      <c r="C19113" s="14" t="s">
        <v>41</v>
      </c>
      <c r="D19113" s="14" t="s">
        <v>133</v>
      </c>
      <c r="E19113" s="15">
        <v>45509</v>
      </c>
      <c r="F19113" s="14" t="s">
        <v>61</v>
      </c>
      <c r="G19113" s="16">
        <v>0</v>
      </c>
    </row>
    <row r="19114" spans="1:7" x14ac:dyDescent="0.3">
      <c r="A19114" s="13" t="s">
        <v>132</v>
      </c>
      <c r="B19114" s="14" t="s">
        <v>1</v>
      </c>
      <c r="C19114" s="14" t="s">
        <v>41</v>
      </c>
      <c r="D19114" s="14" t="s">
        <v>133</v>
      </c>
      <c r="E19114" s="15">
        <v>45510</v>
      </c>
      <c r="F19114" s="14" t="s">
        <v>61</v>
      </c>
      <c r="G19114" s="16">
        <v>0</v>
      </c>
    </row>
    <row r="19115" spans="1:7" x14ac:dyDescent="0.3">
      <c r="A19115" s="13" t="s">
        <v>132</v>
      </c>
      <c r="B19115" s="14" t="s">
        <v>1</v>
      </c>
      <c r="C19115" s="14" t="s">
        <v>41</v>
      </c>
      <c r="D19115" s="14" t="s">
        <v>133</v>
      </c>
      <c r="E19115" s="15">
        <v>45511</v>
      </c>
      <c r="F19115" s="14" t="s">
        <v>61</v>
      </c>
      <c r="G19115" s="16">
        <v>0</v>
      </c>
    </row>
    <row r="19116" spans="1:7" x14ac:dyDescent="0.3">
      <c r="A19116" s="13" t="s">
        <v>132</v>
      </c>
      <c r="B19116" s="14" t="s">
        <v>1</v>
      </c>
      <c r="C19116" s="14" t="s">
        <v>41</v>
      </c>
      <c r="D19116" s="14" t="s">
        <v>133</v>
      </c>
      <c r="E19116" s="15">
        <v>45512</v>
      </c>
      <c r="F19116" s="14" t="s">
        <v>61</v>
      </c>
      <c r="G19116" s="16">
        <v>0</v>
      </c>
    </row>
    <row r="19117" spans="1:7" x14ac:dyDescent="0.3">
      <c r="A19117" s="13" t="s">
        <v>132</v>
      </c>
      <c r="B19117" s="14" t="s">
        <v>1</v>
      </c>
      <c r="C19117" s="14" t="s">
        <v>41</v>
      </c>
      <c r="D19117" s="14" t="s">
        <v>133</v>
      </c>
      <c r="E19117" s="15">
        <v>45513</v>
      </c>
      <c r="F19117" s="14" t="s">
        <v>61</v>
      </c>
      <c r="G19117" s="16">
        <v>0</v>
      </c>
    </row>
    <row r="19118" spans="1:7" x14ac:dyDescent="0.3">
      <c r="A19118" s="13" t="s">
        <v>132</v>
      </c>
      <c r="B19118" s="14" t="s">
        <v>1</v>
      </c>
      <c r="C19118" s="14" t="s">
        <v>41</v>
      </c>
      <c r="D19118" s="14" t="s">
        <v>133</v>
      </c>
      <c r="E19118" s="15">
        <v>45514</v>
      </c>
      <c r="F19118" s="14" t="s">
        <v>61</v>
      </c>
      <c r="G19118" s="16">
        <v>0</v>
      </c>
    </row>
    <row r="19119" spans="1:7" x14ac:dyDescent="0.3">
      <c r="A19119" s="13" t="s">
        <v>132</v>
      </c>
      <c r="B19119" s="14" t="s">
        <v>1</v>
      </c>
      <c r="C19119" s="14" t="s">
        <v>41</v>
      </c>
      <c r="D19119" s="14" t="s">
        <v>133</v>
      </c>
      <c r="E19119" s="15">
        <v>45515</v>
      </c>
      <c r="F19119" s="14" t="s">
        <v>61</v>
      </c>
      <c r="G19119" s="16">
        <v>0</v>
      </c>
    </row>
    <row r="19120" spans="1:7" x14ac:dyDescent="0.3">
      <c r="A19120" s="13" t="s">
        <v>132</v>
      </c>
      <c r="B19120" s="14" t="s">
        <v>1</v>
      </c>
      <c r="C19120" s="14" t="s">
        <v>41</v>
      </c>
      <c r="D19120" s="14" t="s">
        <v>133</v>
      </c>
      <c r="E19120" s="15">
        <v>45516</v>
      </c>
      <c r="F19120" s="14" t="s">
        <v>61</v>
      </c>
      <c r="G19120" s="16">
        <v>0</v>
      </c>
    </row>
    <row r="19121" spans="1:7" x14ac:dyDescent="0.3">
      <c r="A19121" s="13" t="s">
        <v>132</v>
      </c>
      <c r="B19121" s="14" t="s">
        <v>1</v>
      </c>
      <c r="C19121" s="14" t="s">
        <v>41</v>
      </c>
      <c r="D19121" s="14" t="s">
        <v>133</v>
      </c>
      <c r="E19121" s="15">
        <v>45517</v>
      </c>
      <c r="F19121" s="14" t="s">
        <v>61</v>
      </c>
      <c r="G19121" s="16">
        <v>0</v>
      </c>
    </row>
    <row r="19122" spans="1:7" x14ac:dyDescent="0.3">
      <c r="A19122" s="13" t="s">
        <v>132</v>
      </c>
      <c r="B19122" s="14" t="s">
        <v>1</v>
      </c>
      <c r="C19122" s="14" t="s">
        <v>41</v>
      </c>
      <c r="D19122" s="14" t="s">
        <v>133</v>
      </c>
      <c r="E19122" s="15">
        <v>45518</v>
      </c>
      <c r="F19122" s="14" t="s">
        <v>61</v>
      </c>
      <c r="G19122" s="16">
        <v>0</v>
      </c>
    </row>
    <row r="19123" spans="1:7" x14ac:dyDescent="0.3">
      <c r="A19123" s="13" t="s">
        <v>132</v>
      </c>
      <c r="B19123" s="14" t="s">
        <v>1</v>
      </c>
      <c r="C19123" s="14" t="s">
        <v>41</v>
      </c>
      <c r="D19123" s="14" t="s">
        <v>133</v>
      </c>
      <c r="E19123" s="15">
        <v>45519</v>
      </c>
      <c r="F19123" s="14" t="s">
        <v>61</v>
      </c>
      <c r="G19123" s="16">
        <v>0</v>
      </c>
    </row>
    <row r="19124" spans="1:7" x14ac:dyDescent="0.3">
      <c r="A19124" s="13" t="s">
        <v>132</v>
      </c>
      <c r="B19124" s="14" t="s">
        <v>1</v>
      </c>
      <c r="C19124" s="14" t="s">
        <v>41</v>
      </c>
      <c r="D19124" s="14" t="s">
        <v>133</v>
      </c>
      <c r="E19124" s="15">
        <v>45520</v>
      </c>
      <c r="F19124" s="14" t="s">
        <v>61</v>
      </c>
      <c r="G19124" s="16">
        <v>0</v>
      </c>
    </row>
    <row r="19125" spans="1:7" x14ac:dyDescent="0.3">
      <c r="A19125" s="13" t="s">
        <v>132</v>
      </c>
      <c r="B19125" s="14" t="s">
        <v>1</v>
      </c>
      <c r="C19125" s="14" t="s">
        <v>41</v>
      </c>
      <c r="D19125" s="14" t="s">
        <v>133</v>
      </c>
      <c r="E19125" s="15">
        <v>45521</v>
      </c>
      <c r="F19125" s="14" t="s">
        <v>61</v>
      </c>
      <c r="G19125" s="16">
        <v>0</v>
      </c>
    </row>
    <row r="19126" spans="1:7" x14ac:dyDescent="0.3">
      <c r="A19126" s="13" t="s">
        <v>132</v>
      </c>
      <c r="B19126" s="14" t="s">
        <v>1</v>
      </c>
      <c r="C19126" s="14" t="s">
        <v>41</v>
      </c>
      <c r="D19126" s="14" t="s">
        <v>133</v>
      </c>
      <c r="E19126" s="15">
        <v>45522</v>
      </c>
      <c r="F19126" s="14" t="s">
        <v>61</v>
      </c>
      <c r="G19126" s="16">
        <v>0</v>
      </c>
    </row>
    <row r="19127" spans="1:7" x14ac:dyDescent="0.3">
      <c r="A19127" s="13" t="s">
        <v>132</v>
      </c>
      <c r="B19127" s="14" t="s">
        <v>1</v>
      </c>
      <c r="C19127" s="14" t="s">
        <v>41</v>
      </c>
      <c r="D19127" s="14" t="s">
        <v>133</v>
      </c>
      <c r="E19127" s="15">
        <v>45523</v>
      </c>
      <c r="F19127" s="14" t="s">
        <v>61</v>
      </c>
      <c r="G19127" s="16">
        <v>0</v>
      </c>
    </row>
    <row r="19128" spans="1:7" x14ac:dyDescent="0.3">
      <c r="A19128" s="13" t="s">
        <v>132</v>
      </c>
      <c r="B19128" s="14" t="s">
        <v>1</v>
      </c>
      <c r="C19128" s="14" t="s">
        <v>41</v>
      </c>
      <c r="D19128" s="14" t="s">
        <v>133</v>
      </c>
      <c r="E19128" s="15">
        <v>45524</v>
      </c>
      <c r="F19128" s="14" t="s">
        <v>61</v>
      </c>
      <c r="G19128" s="16">
        <v>0</v>
      </c>
    </row>
    <row r="19129" spans="1:7" x14ac:dyDescent="0.3">
      <c r="A19129" s="13" t="s">
        <v>132</v>
      </c>
      <c r="B19129" s="14" t="s">
        <v>1</v>
      </c>
      <c r="C19129" s="14" t="s">
        <v>41</v>
      </c>
      <c r="D19129" s="14" t="s">
        <v>133</v>
      </c>
      <c r="E19129" s="15">
        <v>45525</v>
      </c>
      <c r="F19129" s="14" t="s">
        <v>61</v>
      </c>
      <c r="G19129" s="16">
        <v>0</v>
      </c>
    </row>
    <row r="19130" spans="1:7" x14ac:dyDescent="0.3">
      <c r="A19130" s="13" t="s">
        <v>132</v>
      </c>
      <c r="B19130" s="14" t="s">
        <v>1</v>
      </c>
      <c r="C19130" s="14" t="s">
        <v>41</v>
      </c>
      <c r="D19130" s="14" t="s">
        <v>133</v>
      </c>
      <c r="E19130" s="15">
        <v>45526</v>
      </c>
      <c r="F19130" s="14" t="s">
        <v>61</v>
      </c>
      <c r="G19130" s="16">
        <v>0</v>
      </c>
    </row>
    <row r="19131" spans="1:7" x14ac:dyDescent="0.3">
      <c r="A19131" s="13" t="s">
        <v>132</v>
      </c>
      <c r="B19131" s="14" t="s">
        <v>1</v>
      </c>
      <c r="C19131" s="14" t="s">
        <v>41</v>
      </c>
      <c r="D19131" s="14" t="s">
        <v>133</v>
      </c>
      <c r="E19131" s="15">
        <v>45527</v>
      </c>
      <c r="F19131" s="14" t="s">
        <v>61</v>
      </c>
      <c r="G19131" s="16">
        <v>0</v>
      </c>
    </row>
    <row r="19132" spans="1:7" x14ac:dyDescent="0.3">
      <c r="A19132" s="13" t="s">
        <v>132</v>
      </c>
      <c r="B19132" s="14" t="s">
        <v>1</v>
      </c>
      <c r="C19132" s="14" t="s">
        <v>41</v>
      </c>
      <c r="D19132" s="14" t="s">
        <v>133</v>
      </c>
      <c r="E19132" s="15">
        <v>45528</v>
      </c>
      <c r="F19132" s="14" t="s">
        <v>61</v>
      </c>
      <c r="G19132" s="16">
        <v>0</v>
      </c>
    </row>
    <row r="19133" spans="1:7" x14ac:dyDescent="0.3">
      <c r="A19133" s="13" t="s">
        <v>132</v>
      </c>
      <c r="B19133" s="14" t="s">
        <v>1</v>
      </c>
      <c r="C19133" s="14" t="s">
        <v>41</v>
      </c>
      <c r="D19133" s="14" t="s">
        <v>133</v>
      </c>
      <c r="E19133" s="15">
        <v>45529</v>
      </c>
      <c r="F19133" s="14" t="s">
        <v>61</v>
      </c>
      <c r="G19133" s="16">
        <v>0</v>
      </c>
    </row>
    <row r="19134" spans="1:7" x14ac:dyDescent="0.3">
      <c r="A19134" s="13" t="s">
        <v>132</v>
      </c>
      <c r="B19134" s="14" t="s">
        <v>1</v>
      </c>
      <c r="C19134" s="14" t="s">
        <v>41</v>
      </c>
      <c r="D19134" s="14" t="s">
        <v>133</v>
      </c>
      <c r="E19134" s="15">
        <v>45530</v>
      </c>
      <c r="F19134" s="14" t="s">
        <v>61</v>
      </c>
      <c r="G19134" s="16">
        <v>0</v>
      </c>
    </row>
    <row r="19135" spans="1:7" x14ac:dyDescent="0.3">
      <c r="A19135" s="13" t="s">
        <v>132</v>
      </c>
      <c r="B19135" s="14" t="s">
        <v>1</v>
      </c>
      <c r="C19135" s="14" t="s">
        <v>41</v>
      </c>
      <c r="D19135" s="14" t="s">
        <v>133</v>
      </c>
      <c r="E19135" s="15">
        <v>45531</v>
      </c>
      <c r="F19135" s="14" t="s">
        <v>61</v>
      </c>
      <c r="G19135" s="16">
        <v>0</v>
      </c>
    </row>
    <row r="19136" spans="1:7" x14ac:dyDescent="0.3">
      <c r="A19136" s="13" t="s">
        <v>132</v>
      </c>
      <c r="B19136" s="14" t="s">
        <v>1</v>
      </c>
      <c r="C19136" s="14" t="s">
        <v>41</v>
      </c>
      <c r="D19136" s="14" t="s">
        <v>133</v>
      </c>
      <c r="E19136" s="15">
        <v>45532</v>
      </c>
      <c r="F19136" s="14" t="s">
        <v>61</v>
      </c>
      <c r="G19136" s="16">
        <v>0</v>
      </c>
    </row>
    <row r="19137" spans="1:7" x14ac:dyDescent="0.3">
      <c r="A19137" s="13" t="s">
        <v>132</v>
      </c>
      <c r="B19137" s="14" t="s">
        <v>1</v>
      </c>
      <c r="C19137" s="14" t="s">
        <v>41</v>
      </c>
      <c r="D19137" s="14" t="s">
        <v>133</v>
      </c>
      <c r="E19137" s="15">
        <v>45533</v>
      </c>
      <c r="F19137" s="14" t="s">
        <v>61</v>
      </c>
      <c r="G19137" s="16">
        <v>0</v>
      </c>
    </row>
    <row r="19138" spans="1:7" x14ac:dyDescent="0.3">
      <c r="A19138" s="13" t="s">
        <v>132</v>
      </c>
      <c r="B19138" s="14" t="s">
        <v>1</v>
      </c>
      <c r="C19138" s="14" t="s">
        <v>41</v>
      </c>
      <c r="D19138" s="14" t="s">
        <v>133</v>
      </c>
      <c r="E19138" s="15">
        <v>45534</v>
      </c>
      <c r="F19138" s="14" t="s">
        <v>61</v>
      </c>
      <c r="G19138" s="16">
        <v>0</v>
      </c>
    </row>
    <row r="19139" spans="1:7" x14ac:dyDescent="0.3">
      <c r="A19139" s="13" t="s">
        <v>132</v>
      </c>
      <c r="B19139" s="14" t="s">
        <v>1</v>
      </c>
      <c r="C19139" s="14" t="s">
        <v>41</v>
      </c>
      <c r="D19139" s="14" t="s">
        <v>133</v>
      </c>
      <c r="E19139" s="15">
        <v>45535</v>
      </c>
      <c r="F19139" s="14" t="s">
        <v>61</v>
      </c>
      <c r="G19139" s="16">
        <v>0</v>
      </c>
    </row>
    <row r="19140" spans="1:7" x14ac:dyDescent="0.3">
      <c r="A19140" s="13" t="s">
        <v>132</v>
      </c>
      <c r="B19140" s="14" t="s">
        <v>1</v>
      </c>
      <c r="C19140" s="14" t="s">
        <v>41</v>
      </c>
      <c r="D19140" s="14" t="s">
        <v>133</v>
      </c>
      <c r="E19140" s="15">
        <v>45536</v>
      </c>
      <c r="F19140" s="14" t="s">
        <v>61</v>
      </c>
      <c r="G19140" s="16">
        <v>0</v>
      </c>
    </row>
    <row r="19141" spans="1:7" x14ac:dyDescent="0.3">
      <c r="A19141" s="13" t="s">
        <v>132</v>
      </c>
      <c r="B19141" s="14" t="s">
        <v>1</v>
      </c>
      <c r="C19141" s="14" t="s">
        <v>41</v>
      </c>
      <c r="D19141" s="14" t="s">
        <v>133</v>
      </c>
      <c r="E19141" s="15">
        <v>45537</v>
      </c>
      <c r="F19141" s="14" t="s">
        <v>61</v>
      </c>
      <c r="G19141" s="16">
        <v>0</v>
      </c>
    </row>
    <row r="19142" spans="1:7" x14ac:dyDescent="0.3">
      <c r="A19142" s="13" t="s">
        <v>132</v>
      </c>
      <c r="B19142" s="14" t="s">
        <v>1</v>
      </c>
      <c r="C19142" s="14" t="s">
        <v>41</v>
      </c>
      <c r="D19142" s="14" t="s">
        <v>133</v>
      </c>
      <c r="E19142" s="15">
        <v>45538</v>
      </c>
      <c r="F19142" s="14" t="s">
        <v>61</v>
      </c>
      <c r="G19142" s="16">
        <v>0</v>
      </c>
    </row>
    <row r="19143" spans="1:7" x14ac:dyDescent="0.3">
      <c r="A19143" s="13" t="s">
        <v>132</v>
      </c>
      <c r="B19143" s="14" t="s">
        <v>1</v>
      </c>
      <c r="C19143" s="14" t="s">
        <v>41</v>
      </c>
      <c r="D19143" s="14" t="s">
        <v>133</v>
      </c>
      <c r="E19143" s="15">
        <v>45539</v>
      </c>
      <c r="F19143" s="14" t="s">
        <v>61</v>
      </c>
      <c r="G19143" s="16">
        <v>0</v>
      </c>
    </row>
    <row r="19144" spans="1:7" x14ac:dyDescent="0.3">
      <c r="A19144" s="13" t="s">
        <v>132</v>
      </c>
      <c r="B19144" s="14" t="s">
        <v>1</v>
      </c>
      <c r="C19144" s="14" t="s">
        <v>41</v>
      </c>
      <c r="D19144" s="14" t="s">
        <v>133</v>
      </c>
      <c r="E19144" s="15">
        <v>45540</v>
      </c>
      <c r="F19144" s="14" t="s">
        <v>61</v>
      </c>
      <c r="G19144" s="16">
        <v>0</v>
      </c>
    </row>
    <row r="19145" spans="1:7" x14ac:dyDescent="0.3">
      <c r="A19145" s="13" t="s">
        <v>132</v>
      </c>
      <c r="B19145" s="14" t="s">
        <v>1</v>
      </c>
      <c r="C19145" s="14" t="s">
        <v>41</v>
      </c>
      <c r="D19145" s="14" t="s">
        <v>133</v>
      </c>
      <c r="E19145" s="15">
        <v>45541</v>
      </c>
      <c r="F19145" s="14" t="s">
        <v>61</v>
      </c>
      <c r="G19145" s="16">
        <v>0</v>
      </c>
    </row>
    <row r="19146" spans="1:7" x14ac:dyDescent="0.3">
      <c r="A19146" s="13" t="s">
        <v>132</v>
      </c>
      <c r="B19146" s="14" t="s">
        <v>1</v>
      </c>
      <c r="C19146" s="14" t="s">
        <v>41</v>
      </c>
      <c r="D19146" s="14" t="s">
        <v>133</v>
      </c>
      <c r="E19146" s="15">
        <v>45542</v>
      </c>
      <c r="F19146" s="14" t="s">
        <v>61</v>
      </c>
      <c r="G19146" s="16">
        <v>0</v>
      </c>
    </row>
    <row r="19147" spans="1:7" x14ac:dyDescent="0.3">
      <c r="A19147" s="13" t="s">
        <v>132</v>
      </c>
      <c r="B19147" s="14" t="s">
        <v>1</v>
      </c>
      <c r="C19147" s="14" t="s">
        <v>41</v>
      </c>
      <c r="D19147" s="14" t="s">
        <v>133</v>
      </c>
      <c r="E19147" s="15">
        <v>45543</v>
      </c>
      <c r="F19147" s="14" t="s">
        <v>61</v>
      </c>
      <c r="G19147" s="16">
        <v>0</v>
      </c>
    </row>
    <row r="19148" spans="1:7" x14ac:dyDescent="0.3">
      <c r="A19148" s="13" t="s">
        <v>132</v>
      </c>
      <c r="B19148" s="14" t="s">
        <v>1</v>
      </c>
      <c r="C19148" s="14" t="s">
        <v>41</v>
      </c>
      <c r="D19148" s="14" t="s">
        <v>133</v>
      </c>
      <c r="E19148" s="15">
        <v>45544</v>
      </c>
      <c r="F19148" s="14" t="s">
        <v>61</v>
      </c>
      <c r="G19148" s="16">
        <v>0</v>
      </c>
    </row>
    <row r="19149" spans="1:7" x14ac:dyDescent="0.3">
      <c r="A19149" s="13" t="s">
        <v>132</v>
      </c>
      <c r="B19149" s="14" t="s">
        <v>1</v>
      </c>
      <c r="C19149" s="14" t="s">
        <v>41</v>
      </c>
      <c r="D19149" s="14" t="s">
        <v>133</v>
      </c>
      <c r="E19149" s="15">
        <v>45545</v>
      </c>
      <c r="F19149" s="14" t="s">
        <v>61</v>
      </c>
      <c r="G19149" s="16">
        <v>0</v>
      </c>
    </row>
    <row r="19150" spans="1:7" x14ac:dyDescent="0.3">
      <c r="A19150" s="13" t="s">
        <v>132</v>
      </c>
      <c r="B19150" s="14" t="s">
        <v>1</v>
      </c>
      <c r="C19150" s="14" t="s">
        <v>41</v>
      </c>
      <c r="D19150" s="14" t="s">
        <v>133</v>
      </c>
      <c r="E19150" s="15">
        <v>45546</v>
      </c>
      <c r="F19150" s="14" t="s">
        <v>61</v>
      </c>
      <c r="G19150" s="16">
        <v>0</v>
      </c>
    </row>
    <row r="19151" spans="1:7" x14ac:dyDescent="0.3">
      <c r="A19151" s="13" t="s">
        <v>132</v>
      </c>
      <c r="B19151" s="14" t="s">
        <v>1</v>
      </c>
      <c r="C19151" s="14" t="s">
        <v>41</v>
      </c>
      <c r="D19151" s="14" t="s">
        <v>133</v>
      </c>
      <c r="E19151" s="15">
        <v>45547</v>
      </c>
      <c r="F19151" s="14" t="s">
        <v>61</v>
      </c>
      <c r="G19151" s="16">
        <v>0</v>
      </c>
    </row>
    <row r="19152" spans="1:7" x14ac:dyDescent="0.3">
      <c r="A19152" s="13" t="s">
        <v>132</v>
      </c>
      <c r="B19152" s="14" t="s">
        <v>1</v>
      </c>
      <c r="C19152" s="14" t="s">
        <v>41</v>
      </c>
      <c r="D19152" s="14" t="s">
        <v>133</v>
      </c>
      <c r="E19152" s="15">
        <v>45548</v>
      </c>
      <c r="F19152" s="14" t="s">
        <v>61</v>
      </c>
      <c r="G19152" s="16">
        <v>0</v>
      </c>
    </row>
    <row r="19153" spans="1:7" x14ac:dyDescent="0.3">
      <c r="A19153" s="13" t="s">
        <v>132</v>
      </c>
      <c r="B19153" s="14" t="s">
        <v>1</v>
      </c>
      <c r="C19153" s="14" t="s">
        <v>41</v>
      </c>
      <c r="D19153" s="14" t="s">
        <v>133</v>
      </c>
      <c r="E19153" s="15">
        <v>45549</v>
      </c>
      <c r="F19153" s="14" t="s">
        <v>61</v>
      </c>
      <c r="G19153" s="16">
        <v>0</v>
      </c>
    </row>
    <row r="19154" spans="1:7" x14ac:dyDescent="0.3">
      <c r="A19154" s="13" t="s">
        <v>132</v>
      </c>
      <c r="B19154" s="14" t="s">
        <v>1</v>
      </c>
      <c r="C19154" s="14" t="s">
        <v>41</v>
      </c>
      <c r="D19154" s="14" t="s">
        <v>133</v>
      </c>
      <c r="E19154" s="15">
        <v>45550</v>
      </c>
      <c r="F19154" s="14" t="s">
        <v>61</v>
      </c>
      <c r="G19154" s="16">
        <v>0</v>
      </c>
    </row>
    <row r="19155" spans="1:7" x14ac:dyDescent="0.3">
      <c r="A19155" s="13" t="s">
        <v>132</v>
      </c>
      <c r="B19155" s="14" t="s">
        <v>1</v>
      </c>
      <c r="C19155" s="14" t="s">
        <v>41</v>
      </c>
      <c r="D19155" s="14" t="s">
        <v>133</v>
      </c>
      <c r="E19155" s="15">
        <v>45551</v>
      </c>
      <c r="F19155" s="14" t="s">
        <v>61</v>
      </c>
      <c r="G19155" s="16">
        <v>0</v>
      </c>
    </row>
    <row r="19156" spans="1:7" x14ac:dyDescent="0.3">
      <c r="A19156" s="13" t="s">
        <v>132</v>
      </c>
      <c r="B19156" s="14" t="s">
        <v>1</v>
      </c>
      <c r="C19156" s="14" t="s">
        <v>41</v>
      </c>
      <c r="D19156" s="14" t="s">
        <v>133</v>
      </c>
      <c r="E19156" s="15">
        <v>45552</v>
      </c>
      <c r="F19156" s="14" t="s">
        <v>61</v>
      </c>
      <c r="G19156" s="16">
        <v>0</v>
      </c>
    </row>
    <row r="19157" spans="1:7" x14ac:dyDescent="0.3">
      <c r="A19157" s="13" t="s">
        <v>132</v>
      </c>
      <c r="B19157" s="14" t="s">
        <v>1</v>
      </c>
      <c r="C19157" s="14" t="s">
        <v>41</v>
      </c>
      <c r="D19157" s="14" t="s">
        <v>133</v>
      </c>
      <c r="E19157" s="15">
        <v>45553</v>
      </c>
      <c r="F19157" s="14" t="s">
        <v>61</v>
      </c>
      <c r="G19157" s="16">
        <v>0</v>
      </c>
    </row>
    <row r="19158" spans="1:7" x14ac:dyDescent="0.3">
      <c r="A19158" s="13" t="s">
        <v>132</v>
      </c>
      <c r="B19158" s="14" t="s">
        <v>1</v>
      </c>
      <c r="C19158" s="14" t="s">
        <v>41</v>
      </c>
      <c r="D19158" s="14" t="s">
        <v>133</v>
      </c>
      <c r="E19158" s="15">
        <v>45554</v>
      </c>
      <c r="F19158" s="14" t="s">
        <v>61</v>
      </c>
      <c r="G19158" s="16">
        <v>0</v>
      </c>
    </row>
    <row r="19159" spans="1:7" x14ac:dyDescent="0.3">
      <c r="A19159" s="13" t="s">
        <v>132</v>
      </c>
      <c r="B19159" s="14" t="s">
        <v>1</v>
      </c>
      <c r="C19159" s="14" t="s">
        <v>41</v>
      </c>
      <c r="D19159" s="14" t="s">
        <v>133</v>
      </c>
      <c r="E19159" s="15">
        <v>45555</v>
      </c>
      <c r="F19159" s="14" t="s">
        <v>61</v>
      </c>
      <c r="G19159" s="16">
        <v>0</v>
      </c>
    </row>
    <row r="19160" spans="1:7" x14ac:dyDescent="0.3">
      <c r="A19160" s="13" t="s">
        <v>132</v>
      </c>
      <c r="B19160" s="14" t="s">
        <v>1</v>
      </c>
      <c r="C19160" s="14" t="s">
        <v>41</v>
      </c>
      <c r="D19160" s="14" t="s">
        <v>133</v>
      </c>
      <c r="E19160" s="15">
        <v>45556</v>
      </c>
      <c r="F19160" s="14" t="s">
        <v>61</v>
      </c>
      <c r="G19160" s="16">
        <v>0</v>
      </c>
    </row>
    <row r="19161" spans="1:7" x14ac:dyDescent="0.3">
      <c r="A19161" s="13" t="s">
        <v>132</v>
      </c>
      <c r="B19161" s="14" t="s">
        <v>1</v>
      </c>
      <c r="C19161" s="14" t="s">
        <v>41</v>
      </c>
      <c r="D19161" s="14" t="s">
        <v>133</v>
      </c>
      <c r="E19161" s="15">
        <v>45557</v>
      </c>
      <c r="F19161" s="14" t="s">
        <v>61</v>
      </c>
      <c r="G19161" s="16">
        <v>0</v>
      </c>
    </row>
    <row r="19162" spans="1:7" x14ac:dyDescent="0.3">
      <c r="A19162" s="13" t="s">
        <v>132</v>
      </c>
      <c r="B19162" s="14" t="s">
        <v>1</v>
      </c>
      <c r="C19162" s="14" t="s">
        <v>41</v>
      </c>
      <c r="D19162" s="14" t="s">
        <v>133</v>
      </c>
      <c r="E19162" s="15">
        <v>45558</v>
      </c>
      <c r="F19162" s="14" t="s">
        <v>61</v>
      </c>
      <c r="G19162" s="16">
        <v>0</v>
      </c>
    </row>
    <row r="19163" spans="1:7" x14ac:dyDescent="0.3">
      <c r="A19163" s="13" t="s">
        <v>132</v>
      </c>
      <c r="B19163" s="14" t="s">
        <v>1</v>
      </c>
      <c r="C19163" s="14" t="s">
        <v>41</v>
      </c>
      <c r="D19163" s="14" t="s">
        <v>133</v>
      </c>
      <c r="E19163" s="15">
        <v>45559</v>
      </c>
      <c r="F19163" s="14" t="s">
        <v>61</v>
      </c>
      <c r="G19163" s="16">
        <v>0</v>
      </c>
    </row>
    <row r="19164" spans="1:7" x14ac:dyDescent="0.3">
      <c r="A19164" s="13" t="s">
        <v>132</v>
      </c>
      <c r="B19164" s="14" t="s">
        <v>1</v>
      </c>
      <c r="C19164" s="14" t="s">
        <v>41</v>
      </c>
      <c r="D19164" s="14" t="s">
        <v>133</v>
      </c>
      <c r="E19164" s="15">
        <v>45560</v>
      </c>
      <c r="F19164" s="14" t="s">
        <v>61</v>
      </c>
      <c r="G19164" s="16">
        <v>0</v>
      </c>
    </row>
    <row r="19165" spans="1:7" x14ac:dyDescent="0.3">
      <c r="A19165" s="13" t="s">
        <v>132</v>
      </c>
      <c r="B19165" s="14" t="s">
        <v>1</v>
      </c>
      <c r="C19165" s="14" t="s">
        <v>41</v>
      </c>
      <c r="D19165" s="14" t="s">
        <v>133</v>
      </c>
      <c r="E19165" s="15">
        <v>45561</v>
      </c>
      <c r="F19165" s="14" t="s">
        <v>61</v>
      </c>
      <c r="G19165" s="16">
        <v>0</v>
      </c>
    </row>
    <row r="19166" spans="1:7" x14ac:dyDescent="0.3">
      <c r="A19166" s="13" t="s">
        <v>132</v>
      </c>
      <c r="B19166" s="14" t="s">
        <v>1</v>
      </c>
      <c r="C19166" s="14" t="s">
        <v>41</v>
      </c>
      <c r="D19166" s="14" t="s">
        <v>133</v>
      </c>
      <c r="E19166" s="15">
        <v>45562</v>
      </c>
      <c r="F19166" s="14" t="s">
        <v>61</v>
      </c>
      <c r="G19166" s="16">
        <v>0</v>
      </c>
    </row>
    <row r="19167" spans="1:7" x14ac:dyDescent="0.3">
      <c r="A19167" s="13" t="s">
        <v>132</v>
      </c>
      <c r="B19167" s="14" t="s">
        <v>1</v>
      </c>
      <c r="C19167" s="14" t="s">
        <v>41</v>
      </c>
      <c r="D19167" s="14" t="s">
        <v>133</v>
      </c>
      <c r="E19167" s="15">
        <v>45563</v>
      </c>
      <c r="F19167" s="14" t="s">
        <v>61</v>
      </c>
      <c r="G19167" s="16">
        <v>0</v>
      </c>
    </row>
    <row r="19168" spans="1:7" x14ac:dyDescent="0.3">
      <c r="A19168" s="13" t="s">
        <v>132</v>
      </c>
      <c r="B19168" s="14" t="s">
        <v>1</v>
      </c>
      <c r="C19168" s="14" t="s">
        <v>41</v>
      </c>
      <c r="D19168" s="14" t="s">
        <v>133</v>
      </c>
      <c r="E19168" s="15">
        <v>45564</v>
      </c>
      <c r="F19168" s="14" t="s">
        <v>61</v>
      </c>
      <c r="G19168" s="16">
        <v>0</v>
      </c>
    </row>
    <row r="19169" spans="1:7" x14ac:dyDescent="0.3">
      <c r="A19169" s="13" t="s">
        <v>132</v>
      </c>
      <c r="B19169" s="14" t="s">
        <v>1</v>
      </c>
      <c r="C19169" s="14" t="s">
        <v>41</v>
      </c>
      <c r="D19169" s="14" t="s">
        <v>133</v>
      </c>
      <c r="E19169" s="15">
        <v>45565</v>
      </c>
      <c r="F19169" s="14" t="s">
        <v>61</v>
      </c>
      <c r="G19169" s="16">
        <v>0.6087517103914406</v>
      </c>
    </row>
    <row r="19170" spans="1:7" x14ac:dyDescent="0.3">
      <c r="A19170" s="13" t="s">
        <v>132</v>
      </c>
      <c r="B19170" s="14" t="s">
        <v>1</v>
      </c>
      <c r="C19170" s="14" t="s">
        <v>41</v>
      </c>
      <c r="D19170" s="14" t="s">
        <v>133</v>
      </c>
      <c r="E19170" s="15">
        <v>45566</v>
      </c>
      <c r="F19170" s="14" t="s">
        <v>61</v>
      </c>
      <c r="G19170" s="16">
        <v>0.60651769747926421</v>
      </c>
    </row>
    <row r="19171" spans="1:7" x14ac:dyDescent="0.3">
      <c r="A19171" s="13" t="s">
        <v>132</v>
      </c>
      <c r="B19171" s="14" t="s">
        <v>1</v>
      </c>
      <c r="C19171" s="14" t="s">
        <v>41</v>
      </c>
      <c r="D19171" s="14" t="s">
        <v>133</v>
      </c>
      <c r="E19171" s="15">
        <v>45567</v>
      </c>
      <c r="F19171" s="14" t="s">
        <v>61</v>
      </c>
      <c r="G19171" s="16">
        <v>0.59387701822666783</v>
      </c>
    </row>
    <row r="19172" spans="1:7" x14ac:dyDescent="0.3">
      <c r="A19172" s="13" t="s">
        <v>132</v>
      </c>
      <c r="B19172" s="14" t="s">
        <v>1</v>
      </c>
      <c r="C19172" s="14" t="s">
        <v>41</v>
      </c>
      <c r="D19172" s="14" t="s">
        <v>133</v>
      </c>
      <c r="E19172" s="15">
        <v>45568</v>
      </c>
      <c r="F19172" s="14" t="s">
        <v>61</v>
      </c>
      <c r="G19172" s="16">
        <v>0.59066119642430115</v>
      </c>
    </row>
    <row r="19173" spans="1:7" x14ac:dyDescent="0.3">
      <c r="A19173" s="13" t="s">
        <v>132</v>
      </c>
      <c r="B19173" s="14" t="s">
        <v>1</v>
      </c>
      <c r="C19173" s="14" t="s">
        <v>41</v>
      </c>
      <c r="D19173" s="14" t="s">
        <v>133</v>
      </c>
      <c r="E19173" s="15">
        <v>45569</v>
      </c>
      <c r="F19173" s="14" t="s">
        <v>61</v>
      </c>
      <c r="G19173" s="16">
        <v>0.5845223060248772</v>
      </c>
    </row>
    <row r="19174" spans="1:7" x14ac:dyDescent="0.3">
      <c r="A19174" s="13" t="s">
        <v>132</v>
      </c>
      <c r="B19174" s="14" t="s">
        <v>1</v>
      </c>
      <c r="C19174" s="14" t="s">
        <v>41</v>
      </c>
      <c r="D19174" s="14" t="s">
        <v>133</v>
      </c>
      <c r="E19174" s="15">
        <v>45570</v>
      </c>
      <c r="F19174" s="14" t="s">
        <v>61</v>
      </c>
      <c r="G19174" s="16">
        <v>0.5845223060248772</v>
      </c>
    </row>
    <row r="19175" spans="1:7" x14ac:dyDescent="0.3">
      <c r="A19175" s="13" t="s">
        <v>132</v>
      </c>
      <c r="B19175" s="14" t="s">
        <v>1</v>
      </c>
      <c r="C19175" s="14" t="s">
        <v>41</v>
      </c>
      <c r="D19175" s="14" t="s">
        <v>133</v>
      </c>
      <c r="E19175" s="15">
        <v>45571</v>
      </c>
      <c r="F19175" s="14" t="s">
        <v>61</v>
      </c>
      <c r="G19175" s="16">
        <v>0.5845223060248772</v>
      </c>
    </row>
    <row r="19176" spans="1:7" x14ac:dyDescent="0.3">
      <c r="A19176" s="13" t="s">
        <v>132</v>
      </c>
      <c r="B19176" s="14" t="s">
        <v>1</v>
      </c>
      <c r="C19176" s="14" t="s">
        <v>41</v>
      </c>
      <c r="D19176" s="14" t="s">
        <v>133</v>
      </c>
      <c r="E19176" s="15">
        <v>45572</v>
      </c>
      <c r="F19176" s="14" t="s">
        <v>61</v>
      </c>
      <c r="G19176" s="16">
        <v>0.58476430432671644</v>
      </c>
    </row>
    <row r="19177" spans="1:7" x14ac:dyDescent="0.3">
      <c r="A19177" s="13" t="s">
        <v>132</v>
      </c>
      <c r="B19177" s="14" t="s">
        <v>1</v>
      </c>
      <c r="C19177" s="14" t="s">
        <v>41</v>
      </c>
      <c r="D19177" s="14" t="s">
        <v>133</v>
      </c>
      <c r="E19177" s="15">
        <v>45573</v>
      </c>
      <c r="F19177" s="14" t="s">
        <v>61</v>
      </c>
      <c r="G19177" s="16">
        <v>0.57858319338870501</v>
      </c>
    </row>
    <row r="19178" spans="1:7" x14ac:dyDescent="0.3">
      <c r="A19178" s="13" t="s">
        <v>132</v>
      </c>
      <c r="B19178" s="14" t="s">
        <v>1</v>
      </c>
      <c r="C19178" s="14" t="s">
        <v>41</v>
      </c>
      <c r="D19178" s="14" t="s">
        <v>133</v>
      </c>
      <c r="E19178" s="15">
        <v>45574</v>
      </c>
      <c r="F19178" s="14" t="s">
        <v>61</v>
      </c>
      <c r="G19178" s="16">
        <v>0.57452005070204415</v>
      </c>
    </row>
    <row r="19179" spans="1:7" x14ac:dyDescent="0.3">
      <c r="A19179" s="13" t="s">
        <v>132</v>
      </c>
      <c r="B19179" s="14" t="s">
        <v>1</v>
      </c>
      <c r="C19179" s="14" t="s">
        <v>41</v>
      </c>
      <c r="D19179" s="14" t="s">
        <v>133</v>
      </c>
      <c r="E19179" s="15">
        <v>45575</v>
      </c>
      <c r="F19179" s="14" t="s">
        <v>61</v>
      </c>
      <c r="G19179" s="16">
        <v>0.57555324209256475</v>
      </c>
    </row>
    <row r="19180" spans="1:7" x14ac:dyDescent="0.3">
      <c r="A19180" s="13" t="s">
        <v>132</v>
      </c>
      <c r="B19180" s="14" t="s">
        <v>1</v>
      </c>
      <c r="C19180" s="14" t="s">
        <v>41</v>
      </c>
      <c r="D19180" s="14" t="s">
        <v>133</v>
      </c>
      <c r="E19180" s="15">
        <v>45576</v>
      </c>
      <c r="F19180" s="14" t="s">
        <v>61</v>
      </c>
      <c r="G19180" s="16">
        <v>0.57124621938948628</v>
      </c>
    </row>
    <row r="19181" spans="1:7" x14ac:dyDescent="0.3">
      <c r="A19181" s="13" t="s">
        <v>132</v>
      </c>
      <c r="B19181" s="14" t="s">
        <v>1</v>
      </c>
      <c r="C19181" s="14" t="s">
        <v>41</v>
      </c>
      <c r="D19181" s="14" t="s">
        <v>133</v>
      </c>
      <c r="E19181" s="15">
        <v>45577</v>
      </c>
      <c r="F19181" s="14" t="s">
        <v>61</v>
      </c>
      <c r="G19181" s="16">
        <v>0.57124621938948628</v>
      </c>
    </row>
    <row r="19182" spans="1:7" x14ac:dyDescent="0.3">
      <c r="A19182" s="13" t="s">
        <v>132</v>
      </c>
      <c r="B19182" s="14" t="s">
        <v>1</v>
      </c>
      <c r="C19182" s="14" t="s">
        <v>41</v>
      </c>
      <c r="D19182" s="14" t="s">
        <v>133</v>
      </c>
      <c r="E19182" s="15">
        <v>45578</v>
      </c>
      <c r="F19182" s="14" t="s">
        <v>61</v>
      </c>
      <c r="G19182" s="16">
        <v>0.57124621938948628</v>
      </c>
    </row>
    <row r="19183" spans="1:7" x14ac:dyDescent="0.3">
      <c r="A19183" s="13" t="s">
        <v>132</v>
      </c>
      <c r="B19183" s="14" t="s">
        <v>1</v>
      </c>
      <c r="C19183" s="14" t="s">
        <v>41</v>
      </c>
      <c r="D19183" s="14" t="s">
        <v>133</v>
      </c>
      <c r="E19183" s="15">
        <v>45579</v>
      </c>
      <c r="F19183" s="14" t="s">
        <v>61</v>
      </c>
      <c r="G19183" s="16">
        <v>0.57124621938948628</v>
      </c>
    </row>
    <row r="19184" spans="1:7" x14ac:dyDescent="0.3">
      <c r="A19184" s="13" t="s">
        <v>132</v>
      </c>
      <c r="B19184" s="14" t="s">
        <v>1</v>
      </c>
      <c r="C19184" s="14" t="s">
        <v>41</v>
      </c>
      <c r="D19184" s="14" t="s">
        <v>133</v>
      </c>
      <c r="E19184" s="15">
        <v>45580</v>
      </c>
      <c r="F19184" s="14" t="s">
        <v>61</v>
      </c>
      <c r="G19184" s="16">
        <v>0.57150073140602886</v>
      </c>
    </row>
    <row r="19185" spans="1:7" x14ac:dyDescent="0.3">
      <c r="A19185" s="13" t="s">
        <v>132</v>
      </c>
      <c r="B19185" s="14" t="s">
        <v>1</v>
      </c>
      <c r="C19185" s="14" t="s">
        <v>41</v>
      </c>
      <c r="D19185" s="14" t="s">
        <v>133</v>
      </c>
      <c r="E19185" s="15">
        <v>45581</v>
      </c>
      <c r="F19185" s="14" t="s">
        <v>61</v>
      </c>
      <c r="G19185" s="16">
        <v>0.56339288399103638</v>
      </c>
    </row>
    <row r="19186" spans="1:7" x14ac:dyDescent="0.3">
      <c r="A19186" s="13" t="s">
        <v>132</v>
      </c>
      <c r="B19186" s="14" t="s">
        <v>1</v>
      </c>
      <c r="C19186" s="14" t="s">
        <v>41</v>
      </c>
      <c r="D19186" s="14" t="s">
        <v>133</v>
      </c>
      <c r="E19186" s="15">
        <v>45582</v>
      </c>
      <c r="F19186" s="14" t="s">
        <v>61</v>
      </c>
      <c r="G19186" s="16">
        <v>0.5609477339675909</v>
      </c>
    </row>
    <row r="19187" spans="1:7" x14ac:dyDescent="0.3">
      <c r="A19187" s="13" t="s">
        <v>132</v>
      </c>
      <c r="B19187" s="14" t="s">
        <v>1</v>
      </c>
      <c r="C19187" s="14" t="s">
        <v>41</v>
      </c>
      <c r="D19187" s="14" t="s">
        <v>133</v>
      </c>
      <c r="E19187" s="15">
        <v>45583</v>
      </c>
      <c r="F19187" s="14" t="s">
        <v>61</v>
      </c>
      <c r="G19187" s="16">
        <v>0.55961984880417848</v>
      </c>
    </row>
    <row r="19188" spans="1:7" x14ac:dyDescent="0.3">
      <c r="A19188" s="13" t="s">
        <v>132</v>
      </c>
      <c r="B19188" s="14" t="s">
        <v>1</v>
      </c>
      <c r="C19188" s="14" t="s">
        <v>41</v>
      </c>
      <c r="D19188" s="14" t="s">
        <v>133</v>
      </c>
      <c r="E19188" s="15">
        <v>45584</v>
      </c>
      <c r="F19188" s="14" t="s">
        <v>61</v>
      </c>
      <c r="G19188" s="16">
        <v>0.55961984880417848</v>
      </c>
    </row>
    <row r="19189" spans="1:7" x14ac:dyDescent="0.3">
      <c r="A19189" s="13" t="s">
        <v>132</v>
      </c>
      <c r="B19189" s="14" t="s">
        <v>1</v>
      </c>
      <c r="C19189" s="14" t="s">
        <v>41</v>
      </c>
      <c r="D19189" s="14" t="s">
        <v>133</v>
      </c>
      <c r="E19189" s="15">
        <v>45585</v>
      </c>
      <c r="F19189" s="14" t="s">
        <v>61</v>
      </c>
      <c r="G19189" s="16">
        <v>0.55961984880417848</v>
      </c>
    </row>
    <row r="19190" spans="1:7" x14ac:dyDescent="0.3">
      <c r="A19190" s="13" t="s">
        <v>132</v>
      </c>
      <c r="B19190" s="14" t="s">
        <v>1</v>
      </c>
      <c r="C19190" s="14" t="s">
        <v>41</v>
      </c>
      <c r="D19190" s="14" t="s">
        <v>133</v>
      </c>
      <c r="E19190" s="15">
        <v>45586</v>
      </c>
      <c r="F19190" s="14" t="s">
        <v>61</v>
      </c>
      <c r="G19190" s="16">
        <v>0.55548254304358335</v>
      </c>
    </row>
    <row r="19191" spans="1:7" x14ac:dyDescent="0.3">
      <c r="A19191" s="13" t="s">
        <v>132</v>
      </c>
      <c r="B19191" s="14" t="s">
        <v>1</v>
      </c>
      <c r="C19191" s="14" t="s">
        <v>41</v>
      </c>
      <c r="D19191" s="14" t="s">
        <v>133</v>
      </c>
      <c r="E19191" s="15">
        <v>45587</v>
      </c>
      <c r="F19191" s="14" t="s">
        <v>61</v>
      </c>
      <c r="G19191" s="16">
        <v>0.54952039714356626</v>
      </c>
    </row>
    <row r="19192" spans="1:7" x14ac:dyDescent="0.3">
      <c r="A19192" s="13" t="s">
        <v>132</v>
      </c>
      <c r="B19192" s="14" t="s">
        <v>1</v>
      </c>
      <c r="C19192" s="14" t="s">
        <v>41</v>
      </c>
      <c r="D19192" s="14" t="s">
        <v>133</v>
      </c>
      <c r="E19192" s="15">
        <v>45588</v>
      </c>
      <c r="F19192" s="14" t="s">
        <v>61</v>
      </c>
      <c r="G19192" s="16">
        <v>0.55351130146806859</v>
      </c>
    </row>
    <row r="19193" spans="1:7" x14ac:dyDescent="0.3">
      <c r="A19193" s="13" t="s">
        <v>132</v>
      </c>
      <c r="B19193" s="14" t="s">
        <v>1</v>
      </c>
      <c r="C19193" s="14" t="s">
        <v>41</v>
      </c>
      <c r="D19193" s="14" t="s">
        <v>133</v>
      </c>
      <c r="E19193" s="15">
        <v>45589</v>
      </c>
      <c r="F19193" s="14" t="s">
        <v>61</v>
      </c>
      <c r="G19193" s="16">
        <v>0.55269631125937624</v>
      </c>
    </row>
    <row r="19194" spans="1:7" x14ac:dyDescent="0.3">
      <c r="A19194" s="13" t="s">
        <v>132</v>
      </c>
      <c r="B19194" s="14" t="s">
        <v>1</v>
      </c>
      <c r="C19194" s="14" t="s">
        <v>41</v>
      </c>
      <c r="D19194" s="14" t="s">
        <v>133</v>
      </c>
      <c r="E19194" s="15">
        <v>45590</v>
      </c>
      <c r="F19194" s="14" t="s">
        <v>61</v>
      </c>
      <c r="G19194" s="16">
        <v>0.5507086236249582</v>
      </c>
    </row>
    <row r="19195" spans="1:7" x14ac:dyDescent="0.3">
      <c r="A19195" s="13" t="s">
        <v>132</v>
      </c>
      <c r="B19195" s="14" t="s">
        <v>1</v>
      </c>
      <c r="C19195" s="14" t="s">
        <v>41</v>
      </c>
      <c r="D19195" s="14" t="s">
        <v>133</v>
      </c>
      <c r="E19195" s="15">
        <v>45591</v>
      </c>
      <c r="F19195" s="14" t="s">
        <v>61</v>
      </c>
      <c r="G19195" s="16">
        <v>0.5507086236249582</v>
      </c>
    </row>
    <row r="19196" spans="1:7" x14ac:dyDescent="0.3">
      <c r="A19196" s="13" t="s">
        <v>132</v>
      </c>
      <c r="B19196" s="14" t="s">
        <v>1</v>
      </c>
      <c r="C19196" s="14" t="s">
        <v>41</v>
      </c>
      <c r="D19196" s="14" t="s">
        <v>133</v>
      </c>
      <c r="E19196" s="15">
        <v>45592</v>
      </c>
      <c r="F19196" s="14" t="s">
        <v>61</v>
      </c>
      <c r="G19196" s="16">
        <v>0.5507086236249582</v>
      </c>
    </row>
    <row r="19197" spans="1:7" x14ac:dyDescent="0.3">
      <c r="A19197" s="13" t="s">
        <v>132</v>
      </c>
      <c r="B19197" s="14" t="s">
        <v>1</v>
      </c>
      <c r="C19197" s="14" t="s">
        <v>41</v>
      </c>
      <c r="D19197" s="14" t="s">
        <v>133</v>
      </c>
      <c r="E19197" s="15">
        <v>45593</v>
      </c>
      <c r="F19197" s="14" t="s">
        <v>61</v>
      </c>
      <c r="G19197" s="16">
        <v>0.5507086236249582</v>
      </c>
    </row>
    <row r="19198" spans="1:7" x14ac:dyDescent="0.3">
      <c r="A19198" s="13" t="s">
        <v>132</v>
      </c>
      <c r="B19198" s="14" t="s">
        <v>1</v>
      </c>
      <c r="C19198" s="14" t="s">
        <v>41</v>
      </c>
      <c r="D19198" s="14" t="s">
        <v>133</v>
      </c>
      <c r="E19198" s="15">
        <v>45594</v>
      </c>
      <c r="F19198" s="14" t="s">
        <v>61</v>
      </c>
      <c r="G19198" s="16">
        <v>0.54522759843424173</v>
      </c>
    </row>
    <row r="19199" spans="1:7" x14ac:dyDescent="0.3">
      <c r="A19199" s="13" t="s">
        <v>132</v>
      </c>
      <c r="B19199" s="14" t="s">
        <v>1</v>
      </c>
      <c r="C19199" s="14" t="s">
        <v>41</v>
      </c>
      <c r="D19199" s="14" t="s">
        <v>133</v>
      </c>
      <c r="E19199" s="15">
        <v>45595</v>
      </c>
      <c r="F19199" s="14" t="s">
        <v>61</v>
      </c>
      <c r="G19199" s="16">
        <v>0.53614395099336043</v>
      </c>
    </row>
    <row r="19200" spans="1:7" x14ac:dyDescent="0.3">
      <c r="A19200" s="13" t="s">
        <v>132</v>
      </c>
      <c r="B19200" s="14" t="s">
        <v>1</v>
      </c>
      <c r="C19200" s="14" t="s">
        <v>41</v>
      </c>
      <c r="D19200" s="14" t="s">
        <v>133</v>
      </c>
      <c r="E19200" s="15">
        <v>45596</v>
      </c>
      <c r="F19200" s="14" t="s">
        <v>61</v>
      </c>
      <c r="G19200" s="16">
        <v>0.54156599381476322</v>
      </c>
    </row>
    <row r="19201" spans="1:7" x14ac:dyDescent="0.3">
      <c r="A19201" s="13" t="s">
        <v>132</v>
      </c>
      <c r="B19201" s="14" t="s">
        <v>1</v>
      </c>
      <c r="C19201" s="14" t="s">
        <v>41</v>
      </c>
      <c r="D19201" s="14" t="s">
        <v>133</v>
      </c>
      <c r="E19201" s="15">
        <v>45597</v>
      </c>
      <c r="F19201" s="14" t="s">
        <v>61</v>
      </c>
      <c r="G19201" s="16">
        <v>0.53947924374900669</v>
      </c>
    </row>
    <row r="19202" spans="1:7" x14ac:dyDescent="0.3">
      <c r="A19202" s="13" t="s">
        <v>132</v>
      </c>
      <c r="B19202" s="14" t="s">
        <v>1</v>
      </c>
      <c r="C19202" s="14" t="s">
        <v>41</v>
      </c>
      <c r="D19202" s="14" t="s">
        <v>133</v>
      </c>
      <c r="E19202" s="15">
        <v>45598</v>
      </c>
      <c r="F19202" s="14" t="s">
        <v>61</v>
      </c>
      <c r="G19202" s="16">
        <v>0.53947924374900669</v>
      </c>
    </row>
    <row r="19203" spans="1:7" x14ac:dyDescent="0.3">
      <c r="A19203" s="13" t="s">
        <v>132</v>
      </c>
      <c r="B19203" s="14" t="s">
        <v>1</v>
      </c>
      <c r="C19203" s="14" t="s">
        <v>41</v>
      </c>
      <c r="D19203" s="14" t="s">
        <v>133</v>
      </c>
      <c r="E19203" s="15">
        <v>45599</v>
      </c>
      <c r="F19203" s="14" t="s">
        <v>61</v>
      </c>
      <c r="G19203" s="16">
        <v>0.53947924374900669</v>
      </c>
    </row>
    <row r="19204" spans="1:7" x14ac:dyDescent="0.3">
      <c r="A19204" s="13" t="s">
        <v>132</v>
      </c>
      <c r="B19204" s="14" t="s">
        <v>1</v>
      </c>
      <c r="C19204" s="14" t="s">
        <v>41</v>
      </c>
      <c r="D19204" s="14" t="s">
        <v>133</v>
      </c>
      <c r="E19204" s="15">
        <v>45600</v>
      </c>
      <c r="F19204" s="14" t="s">
        <v>61</v>
      </c>
      <c r="G19204" s="16">
        <v>0.53947924374900669</v>
      </c>
    </row>
    <row r="19205" spans="1:7" x14ac:dyDescent="0.3">
      <c r="A19205" s="13" t="s">
        <v>132</v>
      </c>
      <c r="B19205" s="14" t="s">
        <v>1</v>
      </c>
      <c r="C19205" s="14" t="s">
        <v>41</v>
      </c>
      <c r="D19205" s="14" t="s">
        <v>133</v>
      </c>
      <c r="E19205" s="15">
        <v>45601</v>
      </c>
      <c r="F19205" s="14" t="s">
        <v>61</v>
      </c>
      <c r="G19205" s="16">
        <v>0.53765848554578499</v>
      </c>
    </row>
    <row r="19206" spans="1:7" x14ac:dyDescent="0.3">
      <c r="A19206" s="13" t="s">
        <v>132</v>
      </c>
      <c r="B19206" s="14" t="s">
        <v>1</v>
      </c>
      <c r="C19206" s="14" t="s">
        <v>41</v>
      </c>
      <c r="D19206" s="14" t="s">
        <v>133</v>
      </c>
      <c r="E19206" s="15">
        <v>45602</v>
      </c>
      <c r="F19206" s="14" t="s">
        <v>61</v>
      </c>
      <c r="G19206" s="16">
        <v>0.52958137701841257</v>
      </c>
    </row>
    <row r="19207" spans="1:7" x14ac:dyDescent="0.3">
      <c r="A19207" s="13" t="s">
        <v>132</v>
      </c>
      <c r="B19207" s="14" t="s">
        <v>1</v>
      </c>
      <c r="C19207" s="14" t="s">
        <v>41</v>
      </c>
      <c r="D19207" s="14" t="s">
        <v>133</v>
      </c>
      <c r="E19207" s="15">
        <v>45603</v>
      </c>
      <c r="F19207" s="14" t="s">
        <v>61</v>
      </c>
      <c r="G19207" s="16">
        <v>0.52969266422408356</v>
      </c>
    </row>
    <row r="19208" spans="1:7" x14ac:dyDescent="0.3">
      <c r="A19208" s="13" t="s">
        <v>132</v>
      </c>
      <c r="B19208" s="14" t="s">
        <v>1</v>
      </c>
      <c r="C19208" s="14" t="s">
        <v>41</v>
      </c>
      <c r="D19208" s="14" t="s">
        <v>133</v>
      </c>
      <c r="E19208" s="15">
        <v>45604</v>
      </c>
      <c r="F19208" s="14" t="s">
        <v>61</v>
      </c>
      <c r="G19208" s="16">
        <v>0.54357023878984734</v>
      </c>
    </row>
    <row r="19209" spans="1:7" x14ac:dyDescent="0.3">
      <c r="A19209" s="13" t="s">
        <v>132</v>
      </c>
      <c r="B19209" s="14" t="s">
        <v>1</v>
      </c>
      <c r="C19209" s="14" t="s">
        <v>41</v>
      </c>
      <c r="D19209" s="14" t="s">
        <v>133</v>
      </c>
      <c r="E19209" s="15">
        <v>45605</v>
      </c>
      <c r="F19209" s="14" t="s">
        <v>61</v>
      </c>
      <c r="G19209" s="16">
        <v>0.54357023878984734</v>
      </c>
    </row>
    <row r="19210" spans="1:7" x14ac:dyDescent="0.3">
      <c r="A19210" s="13" t="s">
        <v>132</v>
      </c>
      <c r="B19210" s="14" t="s">
        <v>1</v>
      </c>
      <c r="C19210" s="14" t="s">
        <v>41</v>
      </c>
      <c r="D19210" s="14" t="s">
        <v>133</v>
      </c>
      <c r="E19210" s="15">
        <v>45606</v>
      </c>
      <c r="F19210" s="14" t="s">
        <v>61</v>
      </c>
      <c r="G19210" s="16">
        <v>0.54357023878984734</v>
      </c>
    </row>
    <row r="19211" spans="1:7" x14ac:dyDescent="0.3">
      <c r="A19211" s="13" t="s">
        <v>132</v>
      </c>
      <c r="B19211" s="14" t="s">
        <v>1</v>
      </c>
      <c r="C19211" s="14" t="s">
        <v>41</v>
      </c>
      <c r="D19211" s="14" t="s">
        <v>133</v>
      </c>
      <c r="E19211" s="15">
        <v>45607</v>
      </c>
      <c r="F19211" s="14" t="s">
        <v>61</v>
      </c>
      <c r="G19211" s="16">
        <v>0.54798112075558059</v>
      </c>
    </row>
    <row r="19212" spans="1:7" x14ac:dyDescent="0.3">
      <c r="A19212" s="13" t="s">
        <v>132</v>
      </c>
      <c r="B19212" s="14" t="s">
        <v>1</v>
      </c>
      <c r="C19212" s="14" t="s">
        <v>41</v>
      </c>
      <c r="D19212" s="14" t="s">
        <v>133</v>
      </c>
      <c r="E19212" s="15">
        <v>45608</v>
      </c>
      <c r="F19212" s="14" t="s">
        <v>61</v>
      </c>
      <c r="G19212" s="16">
        <v>0.54048334881329196</v>
      </c>
    </row>
    <row r="19213" spans="1:7" x14ac:dyDescent="0.3">
      <c r="A19213" s="13" t="s">
        <v>132</v>
      </c>
      <c r="B19213" s="14" t="s">
        <v>1</v>
      </c>
      <c r="C19213" s="14" t="s">
        <v>41</v>
      </c>
      <c r="D19213" s="14" t="s">
        <v>133</v>
      </c>
      <c r="E19213" s="15">
        <v>45609</v>
      </c>
      <c r="F19213" s="14" t="s">
        <v>61</v>
      </c>
      <c r="G19213" s="16">
        <v>0.54014495185469957</v>
      </c>
    </row>
    <row r="19214" spans="1:7" x14ac:dyDescent="0.3">
      <c r="A19214" s="13" t="s">
        <v>132</v>
      </c>
      <c r="B19214" s="14" t="s">
        <v>1</v>
      </c>
      <c r="C19214" s="14" t="s">
        <v>41</v>
      </c>
      <c r="D19214" s="14" t="s">
        <v>133</v>
      </c>
      <c r="E19214" s="15">
        <v>45610</v>
      </c>
      <c r="F19214" s="14" t="s">
        <v>61</v>
      </c>
      <c r="G19214" s="16">
        <v>0.53718362220630156</v>
      </c>
    </row>
    <row r="19215" spans="1:7" x14ac:dyDescent="0.3">
      <c r="A19215" s="13" t="s">
        <v>132</v>
      </c>
      <c r="B19215" s="14" t="s">
        <v>1</v>
      </c>
      <c r="C19215" s="14" t="s">
        <v>41</v>
      </c>
      <c r="D19215" s="14" t="s">
        <v>133</v>
      </c>
      <c r="E19215" s="15">
        <v>45611</v>
      </c>
      <c r="F19215" s="14" t="s">
        <v>61</v>
      </c>
      <c r="G19215" s="16">
        <v>0.54130122305812178</v>
      </c>
    </row>
    <row r="19216" spans="1:7" x14ac:dyDescent="0.3">
      <c r="A19216" s="13" t="s">
        <v>132</v>
      </c>
      <c r="B19216" s="14" t="s">
        <v>1</v>
      </c>
      <c r="C19216" s="14" t="s">
        <v>41</v>
      </c>
      <c r="D19216" s="14" t="s">
        <v>133</v>
      </c>
      <c r="E19216" s="15">
        <v>45612</v>
      </c>
      <c r="F19216" s="14" t="s">
        <v>61</v>
      </c>
      <c r="G19216" s="16">
        <v>0.54130122305812178</v>
      </c>
    </row>
    <row r="19217" spans="1:7" x14ac:dyDescent="0.3">
      <c r="A19217" s="13" t="s">
        <v>132</v>
      </c>
      <c r="B19217" s="14" t="s">
        <v>1</v>
      </c>
      <c r="C19217" s="14" t="s">
        <v>41</v>
      </c>
      <c r="D19217" s="14" t="s">
        <v>133</v>
      </c>
      <c r="E19217" s="15">
        <v>45613</v>
      </c>
      <c r="F19217" s="14" t="s">
        <v>61</v>
      </c>
      <c r="G19217" s="16">
        <v>0.54130122305812178</v>
      </c>
    </row>
    <row r="19218" spans="1:7" x14ac:dyDescent="0.3">
      <c r="A19218" s="13" t="s">
        <v>132</v>
      </c>
      <c r="B19218" s="14" t="s">
        <v>1</v>
      </c>
      <c r="C19218" s="14" t="s">
        <v>41</v>
      </c>
      <c r="D19218" s="14" t="s">
        <v>133</v>
      </c>
      <c r="E19218" s="15">
        <v>45614</v>
      </c>
      <c r="F19218" s="14" t="s">
        <v>61</v>
      </c>
      <c r="G19218" s="16">
        <v>0.54221579675542453</v>
      </c>
    </row>
    <row r="19219" spans="1:7" x14ac:dyDescent="0.3">
      <c r="A19219" s="13" t="s">
        <v>132</v>
      </c>
      <c r="B19219" s="14" t="s">
        <v>1</v>
      </c>
      <c r="C19219" s="14" t="s">
        <v>41</v>
      </c>
      <c r="D19219" s="14" t="s">
        <v>133</v>
      </c>
      <c r="E19219" s="15">
        <v>45615</v>
      </c>
      <c r="F19219" s="14" t="s">
        <v>61</v>
      </c>
      <c r="G19219" s="16">
        <v>0.53646246555967869</v>
      </c>
    </row>
    <row r="19220" spans="1:7" x14ac:dyDescent="0.3">
      <c r="A19220" s="13" t="s">
        <v>132</v>
      </c>
      <c r="B19220" s="14" t="s">
        <v>1</v>
      </c>
      <c r="C19220" s="14" t="s">
        <v>41</v>
      </c>
      <c r="D19220" s="14" t="s">
        <v>133</v>
      </c>
      <c r="E19220" s="15">
        <v>45616</v>
      </c>
      <c r="F19220" s="14" t="s">
        <v>61</v>
      </c>
      <c r="G19220" s="16">
        <v>0.53538722021984764</v>
      </c>
    </row>
    <row r="19221" spans="1:7" x14ac:dyDescent="0.3">
      <c r="A19221" s="13" t="s">
        <v>132</v>
      </c>
      <c r="B19221" s="14" t="s">
        <v>1</v>
      </c>
      <c r="C19221" s="14" t="s">
        <v>41</v>
      </c>
      <c r="D19221" s="14" t="s">
        <v>133</v>
      </c>
      <c r="E19221" s="15">
        <v>45617</v>
      </c>
      <c r="F19221" s="14" t="s">
        <v>61</v>
      </c>
      <c r="G19221" s="16">
        <v>0.53996989538402329</v>
      </c>
    </row>
    <row r="19222" spans="1:7" x14ac:dyDescent="0.3">
      <c r="A19222" s="13" t="s">
        <v>132</v>
      </c>
      <c r="B19222" s="14" t="s">
        <v>1</v>
      </c>
      <c r="C19222" s="14" t="s">
        <v>41</v>
      </c>
      <c r="D19222" s="14" t="s">
        <v>133</v>
      </c>
      <c r="E19222" s="15">
        <v>45618</v>
      </c>
      <c r="F19222" s="14" t="s">
        <v>61</v>
      </c>
      <c r="G19222" s="16">
        <v>0.54007432682597944</v>
      </c>
    </row>
    <row r="19223" spans="1:7" x14ac:dyDescent="0.3">
      <c r="A19223" s="13" t="s">
        <v>132</v>
      </c>
      <c r="B19223" s="14" t="s">
        <v>1</v>
      </c>
      <c r="C19223" s="14" t="s">
        <v>41</v>
      </c>
      <c r="D19223" s="14" t="s">
        <v>133</v>
      </c>
      <c r="E19223" s="15">
        <v>45619</v>
      </c>
      <c r="F19223" s="14" t="s">
        <v>61</v>
      </c>
      <c r="G19223" s="16">
        <v>0.54007432682597944</v>
      </c>
    </row>
    <row r="19224" spans="1:7" x14ac:dyDescent="0.3">
      <c r="A19224" s="13" t="s">
        <v>132</v>
      </c>
      <c r="B19224" s="14" t="s">
        <v>1</v>
      </c>
      <c r="C19224" s="14" t="s">
        <v>41</v>
      </c>
      <c r="D19224" s="14" t="s">
        <v>133</v>
      </c>
      <c r="E19224" s="15">
        <v>45620</v>
      </c>
      <c r="F19224" s="14" t="s">
        <v>61</v>
      </c>
      <c r="G19224" s="16">
        <v>0.54007432682597944</v>
      </c>
    </row>
    <row r="19225" spans="1:7" x14ac:dyDescent="0.3">
      <c r="A19225" s="13" t="s">
        <v>132</v>
      </c>
      <c r="B19225" s="14" t="s">
        <v>1</v>
      </c>
      <c r="C19225" s="14" t="s">
        <v>41</v>
      </c>
      <c r="D19225" s="14" t="s">
        <v>133</v>
      </c>
      <c r="E19225" s="15">
        <v>45621</v>
      </c>
      <c r="F19225" s="14" t="s">
        <v>61</v>
      </c>
      <c r="G19225" s="16">
        <v>0.53618277387308755</v>
      </c>
    </row>
    <row r="19226" spans="1:7" x14ac:dyDescent="0.3">
      <c r="A19226" s="13" t="s">
        <v>132</v>
      </c>
      <c r="B19226" s="14" t="s">
        <v>1</v>
      </c>
      <c r="C19226" s="14" t="s">
        <v>41</v>
      </c>
      <c r="D19226" s="14" t="s">
        <v>133</v>
      </c>
      <c r="E19226" s="15">
        <v>45622</v>
      </c>
      <c r="F19226" s="14" t="s">
        <v>61</v>
      </c>
      <c r="G19226" s="16">
        <v>0.53432541297277758</v>
      </c>
    </row>
    <row r="19227" spans="1:7" x14ac:dyDescent="0.3">
      <c r="A19227" s="13" t="s">
        <v>132</v>
      </c>
      <c r="B19227" s="14" t="s">
        <v>1</v>
      </c>
      <c r="C19227" s="14" t="s">
        <v>41</v>
      </c>
      <c r="D19227" s="14" t="s">
        <v>133</v>
      </c>
      <c r="E19227" s="15">
        <v>45623</v>
      </c>
      <c r="F19227" s="14" t="s">
        <v>61</v>
      </c>
      <c r="G19227" s="16">
        <v>0.53530156317941657</v>
      </c>
    </row>
    <row r="19228" spans="1:7" x14ac:dyDescent="0.3">
      <c r="A19228" s="13" t="s">
        <v>132</v>
      </c>
      <c r="B19228" s="14" t="s">
        <v>1</v>
      </c>
      <c r="C19228" s="14" t="s">
        <v>41</v>
      </c>
      <c r="D19228" s="14" t="s">
        <v>133</v>
      </c>
      <c r="E19228" s="15">
        <v>45624</v>
      </c>
      <c r="F19228" s="14" t="s">
        <v>61</v>
      </c>
      <c r="G19228" s="16">
        <v>0.53240273810250061</v>
      </c>
    </row>
    <row r="19229" spans="1:7" x14ac:dyDescent="0.3">
      <c r="A19229" s="13" t="s">
        <v>132</v>
      </c>
      <c r="B19229" s="14" t="s">
        <v>1</v>
      </c>
      <c r="C19229" s="14" t="s">
        <v>41</v>
      </c>
      <c r="D19229" s="14" t="s">
        <v>133</v>
      </c>
      <c r="E19229" s="15">
        <v>45625</v>
      </c>
      <c r="F19229" s="14" t="s">
        <v>61</v>
      </c>
      <c r="G19229" s="16">
        <v>0.54049770503392058</v>
      </c>
    </row>
    <row r="19230" spans="1:7" x14ac:dyDescent="0.3">
      <c r="A19230" s="13" t="s">
        <v>132</v>
      </c>
      <c r="B19230" s="14" t="s">
        <v>1</v>
      </c>
      <c r="C19230" s="14" t="s">
        <v>41</v>
      </c>
      <c r="D19230" s="14" t="s">
        <v>133</v>
      </c>
      <c r="E19230" s="15">
        <v>45626</v>
      </c>
      <c r="F19230" s="14" t="s">
        <v>61</v>
      </c>
      <c r="G19230" s="16">
        <v>0.54049770503392058</v>
      </c>
    </row>
    <row r="19231" spans="1:7" x14ac:dyDescent="0.3">
      <c r="A19231" s="13" t="s">
        <v>132</v>
      </c>
      <c r="B19231" s="14" t="s">
        <v>1</v>
      </c>
      <c r="C19231" s="14" t="s">
        <v>41</v>
      </c>
      <c r="D19231" s="14" t="s">
        <v>133</v>
      </c>
      <c r="E19231" s="15">
        <v>45627</v>
      </c>
      <c r="F19231" s="14" t="s">
        <v>61</v>
      </c>
      <c r="G19231" s="16">
        <v>0.54049770503392058</v>
      </c>
    </row>
    <row r="19232" spans="1:7" x14ac:dyDescent="0.3">
      <c r="A19232" s="13" t="s">
        <v>132</v>
      </c>
      <c r="B19232" s="14" t="s">
        <v>1</v>
      </c>
      <c r="C19232" s="14" t="s">
        <v>41</v>
      </c>
      <c r="D19232" s="14" t="s">
        <v>133</v>
      </c>
      <c r="E19232" s="15">
        <v>45628</v>
      </c>
      <c r="F19232" s="14" t="s">
        <v>61</v>
      </c>
      <c r="G19232" s="16">
        <v>0.54307515531432393</v>
      </c>
    </row>
    <row r="19233" spans="1:7" x14ac:dyDescent="0.3">
      <c r="A19233" s="13" t="s">
        <v>132</v>
      </c>
      <c r="B19233" s="14" t="s">
        <v>1</v>
      </c>
      <c r="C19233" s="14" t="s">
        <v>41</v>
      </c>
      <c r="D19233" s="14" t="s">
        <v>133</v>
      </c>
      <c r="E19233" s="15">
        <v>45629</v>
      </c>
      <c r="F19233" s="14" t="s">
        <v>61</v>
      </c>
      <c r="G19233" s="16">
        <v>0.54352023894033319</v>
      </c>
    </row>
    <row r="19234" spans="1:7" x14ac:dyDescent="0.3">
      <c r="A19234" s="13" t="s">
        <v>132</v>
      </c>
      <c r="B19234" s="14" t="s">
        <v>1</v>
      </c>
      <c r="C19234" s="14" t="s">
        <v>41</v>
      </c>
      <c r="D19234" s="14" t="s">
        <v>133</v>
      </c>
      <c r="E19234" s="15">
        <v>45630</v>
      </c>
      <c r="F19234" s="14" t="s">
        <v>61</v>
      </c>
      <c r="G19234" s="16">
        <v>0.53763425584133095</v>
      </c>
    </row>
    <row r="19235" spans="1:7" x14ac:dyDescent="0.3">
      <c r="A19235" s="13" t="s">
        <v>132</v>
      </c>
      <c r="B19235" s="14" t="s">
        <v>1</v>
      </c>
      <c r="C19235" s="14" t="s">
        <v>41</v>
      </c>
      <c r="D19235" s="14" t="s">
        <v>133</v>
      </c>
      <c r="E19235" s="15">
        <v>45631</v>
      </c>
      <c r="F19235" s="14" t="s">
        <v>61</v>
      </c>
      <c r="G19235" s="16">
        <v>0.53351079640684684</v>
      </c>
    </row>
    <row r="19236" spans="1:7" x14ac:dyDescent="0.3">
      <c r="A19236" s="13" t="s">
        <v>132</v>
      </c>
      <c r="B19236" s="14" t="s">
        <v>1</v>
      </c>
      <c r="C19236" s="14" t="s">
        <v>41</v>
      </c>
      <c r="D19236" s="14" t="s">
        <v>133</v>
      </c>
      <c r="E19236" s="15">
        <v>45632</v>
      </c>
      <c r="F19236" s="14" t="s">
        <v>61</v>
      </c>
      <c r="G19236" s="16">
        <v>0.53257506784306496</v>
      </c>
    </row>
    <row r="19237" spans="1:7" x14ac:dyDescent="0.3">
      <c r="A19237" s="13" t="s">
        <v>132</v>
      </c>
      <c r="B19237" s="14" t="s">
        <v>1</v>
      </c>
      <c r="C19237" s="14" t="s">
        <v>41</v>
      </c>
      <c r="D19237" s="14" t="s">
        <v>133</v>
      </c>
      <c r="E19237" s="15">
        <v>45633</v>
      </c>
      <c r="F19237" s="14" t="s">
        <v>61</v>
      </c>
      <c r="G19237" s="16">
        <v>0.53257506784306496</v>
      </c>
    </row>
    <row r="19238" spans="1:7" x14ac:dyDescent="0.3">
      <c r="A19238" s="13" t="s">
        <v>132</v>
      </c>
      <c r="B19238" s="14" t="s">
        <v>1</v>
      </c>
      <c r="C19238" s="14" t="s">
        <v>41</v>
      </c>
      <c r="D19238" s="14" t="s">
        <v>133</v>
      </c>
      <c r="E19238" s="15">
        <v>45634</v>
      </c>
      <c r="F19238" s="14" t="s">
        <v>61</v>
      </c>
      <c r="G19238" s="16">
        <v>0.53257506784306496</v>
      </c>
    </row>
    <row r="19239" spans="1:7" x14ac:dyDescent="0.3">
      <c r="A19239" s="13" t="s">
        <v>132</v>
      </c>
      <c r="B19239" s="14" t="s">
        <v>1</v>
      </c>
      <c r="C19239" s="14" t="s">
        <v>41</v>
      </c>
      <c r="D19239" s="14" t="s">
        <v>133</v>
      </c>
      <c r="E19239" s="15">
        <v>45635</v>
      </c>
      <c r="F19239" s="14" t="s">
        <v>61</v>
      </c>
      <c r="G19239" s="16">
        <v>0.52705028418319821</v>
      </c>
    </row>
    <row r="19240" spans="1:7" x14ac:dyDescent="0.3">
      <c r="A19240" s="13" t="s">
        <v>132</v>
      </c>
      <c r="B19240" s="14" t="s">
        <v>1</v>
      </c>
      <c r="C19240" s="14" t="s">
        <v>41</v>
      </c>
      <c r="D19240" s="14" t="s">
        <v>133</v>
      </c>
      <c r="E19240" s="15">
        <v>45636</v>
      </c>
      <c r="F19240" s="14" t="s">
        <v>61</v>
      </c>
      <c r="G19240" s="16">
        <v>0.51973430155835787</v>
      </c>
    </row>
    <row r="19241" spans="1:7" x14ac:dyDescent="0.3">
      <c r="A19241" s="13" t="s">
        <v>132</v>
      </c>
      <c r="B19241" s="14" t="s">
        <v>1</v>
      </c>
      <c r="C19241" s="14" t="s">
        <v>41</v>
      </c>
      <c r="D19241" s="14" t="s">
        <v>133</v>
      </c>
      <c r="E19241" s="15">
        <v>45637</v>
      </c>
      <c r="F19241" s="14" t="s">
        <v>61</v>
      </c>
      <c r="G19241" s="16">
        <v>0.51752535172856484</v>
      </c>
    </row>
    <row r="19242" spans="1:7" x14ac:dyDescent="0.3">
      <c r="A19242" s="13" t="s">
        <v>132</v>
      </c>
      <c r="B19242" s="14" t="s">
        <v>1</v>
      </c>
      <c r="C19242" s="14" t="s">
        <v>41</v>
      </c>
      <c r="D19242" s="14" t="s">
        <v>133</v>
      </c>
      <c r="E19242" s="15">
        <v>45638</v>
      </c>
      <c r="F19242" s="14" t="s">
        <v>61</v>
      </c>
      <c r="G19242" s="16">
        <v>0.51638530522703863</v>
      </c>
    </row>
    <row r="19243" spans="1:7" x14ac:dyDescent="0.3">
      <c r="A19243" s="13" t="s">
        <v>132</v>
      </c>
      <c r="B19243" s="14" t="s">
        <v>1</v>
      </c>
      <c r="C19243" s="14" t="s">
        <v>41</v>
      </c>
      <c r="D19243" s="14" t="s">
        <v>133</v>
      </c>
      <c r="E19243" s="15">
        <v>45639</v>
      </c>
      <c r="F19243" s="14" t="s">
        <v>61</v>
      </c>
      <c r="G19243" s="16">
        <v>0.5091481075543417</v>
      </c>
    </row>
    <row r="19244" spans="1:7" x14ac:dyDescent="0.3">
      <c r="A19244" s="13" t="s">
        <v>132</v>
      </c>
      <c r="B19244" s="14" t="s">
        <v>1</v>
      </c>
      <c r="C19244" s="14" t="s">
        <v>41</v>
      </c>
      <c r="D19244" s="14" t="s">
        <v>133</v>
      </c>
      <c r="E19244" s="15">
        <v>45640</v>
      </c>
      <c r="F19244" s="14" t="s">
        <v>61</v>
      </c>
      <c r="G19244" s="16">
        <v>0.5091481075543417</v>
      </c>
    </row>
    <row r="19245" spans="1:7" x14ac:dyDescent="0.3">
      <c r="A19245" s="13" t="s">
        <v>132</v>
      </c>
      <c r="B19245" s="14" t="s">
        <v>1</v>
      </c>
      <c r="C19245" s="14" t="s">
        <v>41</v>
      </c>
      <c r="D19245" s="14" t="s">
        <v>133</v>
      </c>
      <c r="E19245" s="15">
        <v>45641</v>
      </c>
      <c r="F19245" s="14" t="s">
        <v>61</v>
      </c>
      <c r="G19245" s="16">
        <v>0.5091481075543417</v>
      </c>
    </row>
    <row r="19246" spans="1:7" x14ac:dyDescent="0.3">
      <c r="A19246" s="13" t="s">
        <v>132</v>
      </c>
      <c r="B19246" s="14" t="s">
        <v>1</v>
      </c>
      <c r="C19246" s="14" t="s">
        <v>41</v>
      </c>
      <c r="D19246" s="14" t="s">
        <v>133</v>
      </c>
      <c r="E19246" s="15">
        <v>45642</v>
      </c>
      <c r="F19246" s="14" t="s">
        <v>61</v>
      </c>
      <c r="G19246" s="16">
        <v>0.50487978830337799</v>
      </c>
    </row>
    <row r="19247" spans="1:7" x14ac:dyDescent="0.3">
      <c r="A19247" s="13" t="s">
        <v>132</v>
      </c>
      <c r="B19247" s="14" t="s">
        <v>1</v>
      </c>
      <c r="C19247" s="14" t="s">
        <v>41</v>
      </c>
      <c r="D19247" s="14" t="s">
        <v>133</v>
      </c>
      <c r="E19247" s="15">
        <v>45643</v>
      </c>
      <c r="F19247" s="14" t="s">
        <v>61</v>
      </c>
      <c r="G19247" s="16">
        <v>0.50194293377610422</v>
      </c>
    </row>
    <row r="19248" spans="1:7" x14ac:dyDescent="0.3">
      <c r="A19248" s="13" t="s">
        <v>132</v>
      </c>
      <c r="B19248" s="14" t="s">
        <v>1</v>
      </c>
      <c r="C19248" s="14" t="s">
        <v>41</v>
      </c>
      <c r="D19248" s="14" t="s">
        <v>133</v>
      </c>
      <c r="E19248" s="15">
        <v>45644</v>
      </c>
      <c r="F19248" s="14" t="s">
        <v>61</v>
      </c>
      <c r="G19248" s="16">
        <v>0.502331214084763</v>
      </c>
    </row>
    <row r="19249" spans="1:7" x14ac:dyDescent="0.3">
      <c r="A19249" s="13" t="s">
        <v>132</v>
      </c>
      <c r="B19249" s="14" t="s">
        <v>1</v>
      </c>
      <c r="C19249" s="14" t="s">
        <v>41</v>
      </c>
      <c r="D19249" s="14" t="s">
        <v>133</v>
      </c>
      <c r="E19249" s="15">
        <v>45645</v>
      </c>
      <c r="F19249" s="14" t="s">
        <v>61</v>
      </c>
      <c r="G19249" s="16">
        <v>0.49140124901410681</v>
      </c>
    </row>
    <row r="19250" spans="1:7" x14ac:dyDescent="0.3">
      <c r="A19250" s="13" t="s">
        <v>132</v>
      </c>
      <c r="B19250" s="14" t="s">
        <v>1</v>
      </c>
      <c r="C19250" s="14" t="s">
        <v>41</v>
      </c>
      <c r="D19250" s="14" t="s">
        <v>133</v>
      </c>
      <c r="E19250" s="15">
        <v>45646</v>
      </c>
      <c r="F19250" s="14" t="s">
        <v>61</v>
      </c>
      <c r="G19250" s="16">
        <v>0.48957327182972232</v>
      </c>
    </row>
    <row r="19251" spans="1:7" x14ac:dyDescent="0.3">
      <c r="A19251" s="13" t="s">
        <v>132</v>
      </c>
      <c r="B19251" s="14" t="s">
        <v>1</v>
      </c>
      <c r="C19251" s="14" t="s">
        <v>41</v>
      </c>
      <c r="D19251" s="14" t="s">
        <v>133</v>
      </c>
      <c r="E19251" s="15">
        <v>45647</v>
      </c>
      <c r="F19251" s="14" t="s">
        <v>61</v>
      </c>
      <c r="G19251" s="16">
        <v>0.48957327182972232</v>
      </c>
    </row>
    <row r="19252" spans="1:7" x14ac:dyDescent="0.3">
      <c r="A19252" s="13" t="s">
        <v>132</v>
      </c>
      <c r="B19252" s="14" t="s">
        <v>1</v>
      </c>
      <c r="C19252" s="14" t="s">
        <v>41</v>
      </c>
      <c r="D19252" s="14" t="s">
        <v>133</v>
      </c>
      <c r="E19252" s="15">
        <v>45648</v>
      </c>
      <c r="F19252" s="14" t="s">
        <v>61</v>
      </c>
      <c r="G19252" s="16">
        <v>0.48957327182972232</v>
      </c>
    </row>
    <row r="19253" spans="1:7" x14ac:dyDescent="0.3">
      <c r="A19253" s="13" t="s">
        <v>132</v>
      </c>
      <c r="B19253" s="14" t="s">
        <v>1</v>
      </c>
      <c r="C19253" s="14" t="s">
        <v>41</v>
      </c>
      <c r="D19253" s="14" t="s">
        <v>133</v>
      </c>
      <c r="E19253" s="15">
        <v>45649</v>
      </c>
      <c r="F19253" s="14" t="s">
        <v>61</v>
      </c>
      <c r="G19253" s="16">
        <v>0.4863157356199605</v>
      </c>
    </row>
    <row r="19254" spans="1:7" x14ac:dyDescent="0.3">
      <c r="A19254" s="13" t="s">
        <v>132</v>
      </c>
      <c r="B19254" s="14" t="s">
        <v>1</v>
      </c>
      <c r="C19254" s="14" t="s">
        <v>41</v>
      </c>
      <c r="D19254" s="14" t="s">
        <v>133</v>
      </c>
      <c r="E19254" s="15">
        <v>45650</v>
      </c>
      <c r="F19254" s="14" t="s">
        <v>61</v>
      </c>
      <c r="G19254" s="16">
        <v>0.48071094325079761</v>
      </c>
    </row>
    <row r="19255" spans="1:7" x14ac:dyDescent="0.3">
      <c r="A19255" s="13" t="s">
        <v>132</v>
      </c>
      <c r="B19255" s="14" t="s">
        <v>1</v>
      </c>
      <c r="C19255" s="14" t="s">
        <v>41</v>
      </c>
      <c r="D19255" s="14" t="s">
        <v>133</v>
      </c>
      <c r="E19255" s="15">
        <v>45651</v>
      </c>
      <c r="F19255" s="14" t="s">
        <v>61</v>
      </c>
      <c r="G19255" s="16">
        <v>0.48071094325079761</v>
      </c>
    </row>
    <row r="19256" spans="1:7" x14ac:dyDescent="0.3">
      <c r="A19256" s="13" t="s">
        <v>132</v>
      </c>
      <c r="B19256" s="14" t="s">
        <v>1</v>
      </c>
      <c r="C19256" s="14" t="s">
        <v>41</v>
      </c>
      <c r="D19256" s="14" t="s">
        <v>133</v>
      </c>
      <c r="E19256" s="15">
        <v>45652</v>
      </c>
      <c r="F19256" s="14" t="s">
        <v>61</v>
      </c>
      <c r="G19256" s="16">
        <v>0.48071094325079761</v>
      </c>
    </row>
    <row r="19257" spans="1:7" x14ac:dyDescent="0.3">
      <c r="A19257" s="13" t="s">
        <v>132</v>
      </c>
      <c r="B19257" s="14" t="s">
        <v>1</v>
      </c>
      <c r="C19257" s="14" t="s">
        <v>41</v>
      </c>
      <c r="D19257" s="14" t="s">
        <v>133</v>
      </c>
      <c r="E19257" s="15">
        <v>45653</v>
      </c>
      <c r="F19257" s="14" t="s">
        <v>61</v>
      </c>
      <c r="G19257" s="16">
        <v>0.48071094325079761</v>
      </c>
    </row>
    <row r="19258" spans="1:7" x14ac:dyDescent="0.3">
      <c r="A19258" s="13" t="s">
        <v>132</v>
      </c>
      <c r="B19258" s="14" t="s">
        <v>1</v>
      </c>
      <c r="C19258" s="14" t="s">
        <v>41</v>
      </c>
      <c r="D19258" s="14" t="s">
        <v>133</v>
      </c>
      <c r="E19258" s="15">
        <v>45654</v>
      </c>
      <c r="F19258" s="14" t="s">
        <v>61</v>
      </c>
      <c r="G19258" s="16">
        <v>0.48071094325079761</v>
      </c>
    </row>
    <row r="19259" spans="1:7" x14ac:dyDescent="0.3">
      <c r="A19259" s="13" t="s">
        <v>132</v>
      </c>
      <c r="B19259" s="14" t="s">
        <v>1</v>
      </c>
      <c r="C19259" s="14" t="s">
        <v>41</v>
      </c>
      <c r="D19259" s="14" t="s">
        <v>133</v>
      </c>
      <c r="E19259" s="15">
        <v>45655</v>
      </c>
      <c r="F19259" s="14" t="s">
        <v>61</v>
      </c>
      <c r="G19259" s="16">
        <v>0.48071094325079761</v>
      </c>
    </row>
    <row r="19260" spans="1:7" x14ac:dyDescent="0.3">
      <c r="A19260" s="13" t="s">
        <v>132</v>
      </c>
      <c r="B19260" s="14" t="s">
        <v>1</v>
      </c>
      <c r="C19260" s="14" t="s">
        <v>41</v>
      </c>
      <c r="D19260" s="14" t="s">
        <v>133</v>
      </c>
      <c r="E19260" s="15">
        <v>45656</v>
      </c>
      <c r="F19260" s="14" t="s">
        <v>61</v>
      </c>
      <c r="G19260" s="16">
        <v>0.47934678026121702</v>
      </c>
    </row>
    <row r="19261" spans="1:7" x14ac:dyDescent="0.3">
      <c r="A19261" s="13" t="s">
        <v>132</v>
      </c>
      <c r="B19261" s="14" t="s">
        <v>1</v>
      </c>
      <c r="C19261" s="14" t="s">
        <v>41</v>
      </c>
      <c r="D19261" s="14" t="s">
        <v>133</v>
      </c>
      <c r="E19261" s="15">
        <v>45657</v>
      </c>
      <c r="F19261" s="14" t="s">
        <v>61</v>
      </c>
      <c r="G19261" s="16">
        <v>0.47934678026121702</v>
      </c>
    </row>
    <row r="19262" spans="1:7" x14ac:dyDescent="0.3">
      <c r="A19262" s="13" t="s">
        <v>132</v>
      </c>
      <c r="B19262" s="14" t="s">
        <v>1</v>
      </c>
      <c r="C19262" s="14" t="s">
        <v>41</v>
      </c>
      <c r="D19262" s="14" t="s">
        <v>133</v>
      </c>
      <c r="E19262" s="15">
        <v>45658</v>
      </c>
      <c r="F19262" s="14" t="s">
        <v>61</v>
      </c>
      <c r="G19262" s="16">
        <v>0.47934678026121702</v>
      </c>
    </row>
    <row r="19263" spans="1:7" x14ac:dyDescent="0.3">
      <c r="A19263" s="13" t="s">
        <v>132</v>
      </c>
      <c r="B19263" s="14" t="s">
        <v>1</v>
      </c>
      <c r="C19263" s="14" t="s">
        <v>41</v>
      </c>
      <c r="D19263" s="14" t="s">
        <v>133</v>
      </c>
      <c r="E19263" s="15">
        <v>45659</v>
      </c>
      <c r="F19263" s="14" t="s">
        <v>61</v>
      </c>
      <c r="G19263" s="16">
        <v>0.47934678026121702</v>
      </c>
    </row>
    <row r="19264" spans="1:7" x14ac:dyDescent="0.3">
      <c r="A19264" s="13" t="s">
        <v>132</v>
      </c>
      <c r="B19264" s="14" t="s">
        <v>1</v>
      </c>
      <c r="C19264" s="14" t="s">
        <v>41</v>
      </c>
      <c r="D19264" s="14" t="s">
        <v>133</v>
      </c>
      <c r="E19264" s="15">
        <v>45660</v>
      </c>
      <c r="F19264" s="14" t="s">
        <v>61</v>
      </c>
      <c r="G19264" s="16">
        <v>0.47934678026121702</v>
      </c>
    </row>
    <row r="19265" spans="1:7" x14ac:dyDescent="0.3">
      <c r="A19265" s="13" t="s">
        <v>132</v>
      </c>
      <c r="B19265" s="14" t="s">
        <v>1</v>
      </c>
      <c r="C19265" s="14" t="s">
        <v>41</v>
      </c>
      <c r="D19265" s="14" t="s">
        <v>133</v>
      </c>
      <c r="E19265" s="15">
        <v>45661</v>
      </c>
      <c r="F19265" s="14" t="s">
        <v>61</v>
      </c>
      <c r="G19265" s="16">
        <v>0.47934678026121702</v>
      </c>
    </row>
    <row r="19266" spans="1:7" x14ac:dyDescent="0.3">
      <c r="A19266" s="13" t="s">
        <v>132</v>
      </c>
      <c r="B19266" s="14" t="s">
        <v>1</v>
      </c>
      <c r="C19266" s="14" t="s">
        <v>41</v>
      </c>
      <c r="D19266" s="14" t="s">
        <v>133</v>
      </c>
      <c r="E19266" s="15">
        <v>45662</v>
      </c>
      <c r="F19266" s="14" t="s">
        <v>61</v>
      </c>
      <c r="G19266" s="16">
        <v>0.47934678026121702</v>
      </c>
    </row>
    <row r="19267" spans="1:7" x14ac:dyDescent="0.3">
      <c r="A19267" s="13" t="s">
        <v>132</v>
      </c>
      <c r="B19267" s="14" t="s">
        <v>1</v>
      </c>
      <c r="C19267" s="14" t="s">
        <v>41</v>
      </c>
      <c r="D19267" s="14" t="s">
        <v>133</v>
      </c>
      <c r="E19267" s="15">
        <v>45663</v>
      </c>
      <c r="F19267" s="14" t="s">
        <v>61</v>
      </c>
      <c r="G19267" s="16">
        <v>0.57193403068922899</v>
      </c>
    </row>
    <row r="19268" spans="1:7" x14ac:dyDescent="0.3">
      <c r="A19268" s="13" t="s">
        <v>132</v>
      </c>
      <c r="B19268" s="14" t="s">
        <v>1</v>
      </c>
      <c r="C19268" s="14" t="s">
        <v>41</v>
      </c>
      <c r="D19268" s="14" t="s">
        <v>133</v>
      </c>
      <c r="E19268" s="15">
        <v>45664</v>
      </c>
      <c r="F19268" s="14" t="s">
        <v>61</v>
      </c>
      <c r="G19268" s="16">
        <v>0.55962815345969896</v>
      </c>
    </row>
    <row r="19269" spans="1:7" x14ac:dyDescent="0.3">
      <c r="A19269" s="13" t="s">
        <v>132</v>
      </c>
      <c r="B19269" s="14" t="s">
        <v>1</v>
      </c>
      <c r="C19269" s="14" t="s">
        <v>41</v>
      </c>
      <c r="D19269" s="14" t="s">
        <v>133</v>
      </c>
      <c r="E19269" s="15">
        <v>45665</v>
      </c>
      <c r="F19269" s="14" t="s">
        <v>61</v>
      </c>
      <c r="G19269" s="16">
        <v>0.55770138711058759</v>
      </c>
    </row>
    <row r="19270" spans="1:7" x14ac:dyDescent="0.3">
      <c r="A19270" s="13" t="s">
        <v>132</v>
      </c>
      <c r="B19270" s="14" t="s">
        <v>1</v>
      </c>
      <c r="C19270" s="14" t="s">
        <v>41</v>
      </c>
      <c r="D19270" s="14" t="s">
        <v>133</v>
      </c>
      <c r="E19270" s="15">
        <v>45666</v>
      </c>
      <c r="F19270" s="14" t="s">
        <v>61</v>
      </c>
      <c r="G19270" s="16">
        <v>0.55738522434908078</v>
      </c>
    </row>
    <row r="19271" spans="1:7" x14ac:dyDescent="0.3">
      <c r="A19271" s="13" t="s">
        <v>132</v>
      </c>
      <c r="B19271" s="14" t="s">
        <v>1</v>
      </c>
      <c r="C19271" s="14" t="s">
        <v>41</v>
      </c>
      <c r="D19271" s="14" t="s">
        <v>133</v>
      </c>
      <c r="E19271" s="15">
        <v>45667</v>
      </c>
      <c r="F19271" s="14" t="s">
        <v>61</v>
      </c>
      <c r="G19271" s="16">
        <v>0.55987294797385267</v>
      </c>
    </row>
    <row r="19272" spans="1:7" x14ac:dyDescent="0.3">
      <c r="A19272" s="13" t="s">
        <v>132</v>
      </c>
      <c r="B19272" s="14" t="s">
        <v>1</v>
      </c>
      <c r="C19272" s="14" t="s">
        <v>41</v>
      </c>
      <c r="D19272" s="14" t="s">
        <v>133</v>
      </c>
      <c r="E19272" s="15">
        <v>45668</v>
      </c>
      <c r="F19272" s="14" t="s">
        <v>61</v>
      </c>
      <c r="G19272" s="16">
        <v>0.55987294797385267</v>
      </c>
    </row>
    <row r="19273" spans="1:7" x14ac:dyDescent="0.3">
      <c r="A19273" s="13" t="s">
        <v>132</v>
      </c>
      <c r="B19273" s="14" t="s">
        <v>1</v>
      </c>
      <c r="C19273" s="14" t="s">
        <v>41</v>
      </c>
      <c r="D19273" s="14" t="s">
        <v>133</v>
      </c>
      <c r="E19273" s="15">
        <v>45669</v>
      </c>
      <c r="F19273" s="14" t="s">
        <v>61</v>
      </c>
      <c r="G19273" s="16">
        <v>0.55987294797385267</v>
      </c>
    </row>
    <row r="19274" spans="1:7" x14ac:dyDescent="0.3">
      <c r="A19274" s="13" t="s">
        <v>132</v>
      </c>
      <c r="B19274" s="14" t="s">
        <v>1</v>
      </c>
      <c r="C19274" s="14" t="s">
        <v>41</v>
      </c>
      <c r="D19274" s="14" t="s">
        <v>133</v>
      </c>
      <c r="E19274" s="15">
        <v>45670</v>
      </c>
      <c r="F19274" s="14" t="s">
        <v>61</v>
      </c>
      <c r="G19274" s="16">
        <v>0.55987294797385267</v>
      </c>
    </row>
    <row r="19275" spans="1:7" x14ac:dyDescent="0.3">
      <c r="A19275" s="13" t="s">
        <v>132</v>
      </c>
      <c r="B19275" s="14" t="s">
        <v>1</v>
      </c>
      <c r="C19275" s="14" t="s">
        <v>41</v>
      </c>
      <c r="D19275" s="14" t="s">
        <v>133</v>
      </c>
      <c r="E19275" s="15">
        <v>45671</v>
      </c>
      <c r="F19275" s="14" t="s">
        <v>61</v>
      </c>
      <c r="G19275" s="16">
        <v>0.55343406993669397</v>
      </c>
    </row>
    <row r="19276" spans="1:7" x14ac:dyDescent="0.3">
      <c r="A19276" s="13" t="s">
        <v>132</v>
      </c>
      <c r="B19276" s="14" t="s">
        <v>1</v>
      </c>
      <c r="C19276" s="14" t="s">
        <v>41</v>
      </c>
      <c r="D19276" s="14" t="s">
        <v>133</v>
      </c>
      <c r="E19276" s="15">
        <v>45672</v>
      </c>
      <c r="F19276" s="14" t="s">
        <v>61</v>
      </c>
      <c r="G19276" s="16">
        <v>0.55175961680503427</v>
      </c>
    </row>
    <row r="19277" spans="1:7" x14ac:dyDescent="0.3">
      <c r="A19277" s="13" t="s">
        <v>132</v>
      </c>
      <c r="B19277" s="14" t="s">
        <v>1</v>
      </c>
      <c r="C19277" s="14" t="s">
        <v>41</v>
      </c>
      <c r="D19277" s="14" t="s">
        <v>133</v>
      </c>
      <c r="E19277" s="15">
        <v>45673</v>
      </c>
      <c r="F19277" s="14" t="s">
        <v>61</v>
      </c>
      <c r="G19277" s="16">
        <v>0.55392831837850909</v>
      </c>
    </row>
    <row r="19278" spans="1:7" x14ac:dyDescent="0.3">
      <c r="A19278" s="13" t="s">
        <v>132</v>
      </c>
      <c r="B19278" s="14" t="s">
        <v>1</v>
      </c>
      <c r="C19278" s="14" t="s">
        <v>41</v>
      </c>
      <c r="D19278" s="14" t="s">
        <v>133</v>
      </c>
      <c r="E19278" s="15">
        <v>45674</v>
      </c>
      <c r="F19278" s="14" t="s">
        <v>61</v>
      </c>
      <c r="G19278" s="16">
        <v>0.54935920235840141</v>
      </c>
    </row>
    <row r="19279" spans="1:7" x14ac:dyDescent="0.3">
      <c r="A19279" s="13" t="s">
        <v>132</v>
      </c>
      <c r="B19279" s="14" t="s">
        <v>1</v>
      </c>
      <c r="C19279" s="14" t="s">
        <v>41</v>
      </c>
      <c r="D19279" s="14" t="s">
        <v>133</v>
      </c>
      <c r="E19279" s="15">
        <v>45675</v>
      </c>
      <c r="F19279" s="14" t="s">
        <v>61</v>
      </c>
      <c r="G19279" s="16">
        <v>0.54935920235840141</v>
      </c>
    </row>
    <row r="19280" spans="1:7" x14ac:dyDescent="0.3">
      <c r="A19280" s="13" t="s">
        <v>132</v>
      </c>
      <c r="B19280" s="14" t="s">
        <v>1</v>
      </c>
      <c r="C19280" s="14" t="s">
        <v>41</v>
      </c>
      <c r="D19280" s="14" t="s">
        <v>133</v>
      </c>
      <c r="E19280" s="15">
        <v>45676</v>
      </c>
      <c r="F19280" s="14" t="s">
        <v>61</v>
      </c>
      <c r="G19280" s="16">
        <v>0.54935920235840141</v>
      </c>
    </row>
    <row r="19281" spans="1:7" x14ac:dyDescent="0.3">
      <c r="A19281" s="13" t="s">
        <v>132</v>
      </c>
      <c r="B19281" s="14" t="s">
        <v>1</v>
      </c>
      <c r="C19281" s="14" t="s">
        <v>41</v>
      </c>
      <c r="D19281" s="14" t="s">
        <v>133</v>
      </c>
      <c r="E19281" s="15">
        <v>45677</v>
      </c>
      <c r="F19281" s="14" t="s">
        <v>61</v>
      </c>
      <c r="G19281" s="16">
        <v>0.54208744381369645</v>
      </c>
    </row>
    <row r="19282" spans="1:7" x14ac:dyDescent="0.3">
      <c r="A19282" s="13" t="s">
        <v>132</v>
      </c>
      <c r="B19282" s="14" t="s">
        <v>1</v>
      </c>
      <c r="C19282" s="14" t="s">
        <v>41</v>
      </c>
      <c r="D19282" s="14" t="s">
        <v>133</v>
      </c>
      <c r="E19282" s="15">
        <v>45678</v>
      </c>
      <c r="F19282" s="14" t="s">
        <v>61</v>
      </c>
      <c r="G19282" s="16">
        <v>0.53581055755863372</v>
      </c>
    </row>
    <row r="19283" spans="1:7" x14ac:dyDescent="0.3">
      <c r="A19283" s="13" t="s">
        <v>132</v>
      </c>
      <c r="B19283" s="14" t="s">
        <v>1</v>
      </c>
      <c r="C19283" s="14" t="s">
        <v>41</v>
      </c>
      <c r="D19283" s="14" t="s">
        <v>133</v>
      </c>
      <c r="E19283" s="15">
        <v>45679</v>
      </c>
      <c r="F19283" s="14" t="s">
        <v>61</v>
      </c>
      <c r="G19283" s="16">
        <v>0.53147807508121825</v>
      </c>
    </row>
    <row r="19284" spans="1:7" x14ac:dyDescent="0.3">
      <c r="A19284" s="13" t="s">
        <v>132</v>
      </c>
      <c r="B19284" s="14" t="s">
        <v>1</v>
      </c>
      <c r="C19284" s="14" t="s">
        <v>41</v>
      </c>
      <c r="D19284" s="14" t="s">
        <v>133</v>
      </c>
      <c r="E19284" s="15">
        <v>45680</v>
      </c>
      <c r="F19284" s="14" t="s">
        <v>61</v>
      </c>
      <c r="G19284" s="16">
        <v>0.53070014659505482</v>
      </c>
    </row>
    <row r="19285" spans="1:7" x14ac:dyDescent="0.3">
      <c r="A19285" s="13" t="s">
        <v>132</v>
      </c>
      <c r="B19285" s="14" t="s">
        <v>1</v>
      </c>
      <c r="C19285" s="14" t="s">
        <v>41</v>
      </c>
      <c r="D19285" s="14" t="s">
        <v>133</v>
      </c>
      <c r="E19285" s="15">
        <v>45681</v>
      </c>
      <c r="F19285" s="14" t="s">
        <v>61</v>
      </c>
      <c r="G19285" s="16">
        <v>0.52491086915198459</v>
      </c>
    </row>
    <row r="19286" spans="1:7" x14ac:dyDescent="0.3">
      <c r="A19286" s="13" t="s">
        <v>132</v>
      </c>
      <c r="B19286" s="14" t="s">
        <v>1</v>
      </c>
      <c r="C19286" s="14" t="s">
        <v>41</v>
      </c>
      <c r="D19286" s="14" t="s">
        <v>133</v>
      </c>
      <c r="E19286" s="15">
        <v>45682</v>
      </c>
      <c r="F19286" s="14" t="s">
        <v>61</v>
      </c>
      <c r="G19286" s="16">
        <v>0.52491086915198459</v>
      </c>
    </row>
    <row r="19287" spans="1:7" x14ac:dyDescent="0.3">
      <c r="A19287" s="13" t="s">
        <v>132</v>
      </c>
      <c r="B19287" s="14" t="s">
        <v>1</v>
      </c>
      <c r="C19287" s="14" t="s">
        <v>41</v>
      </c>
      <c r="D19287" s="14" t="s">
        <v>133</v>
      </c>
      <c r="E19287" s="15">
        <v>45683</v>
      </c>
      <c r="F19287" s="14" t="s">
        <v>61</v>
      </c>
      <c r="G19287" s="16">
        <v>0.52491086915198459</v>
      </c>
    </row>
    <row r="19288" spans="1:7" x14ac:dyDescent="0.3">
      <c r="A19288" s="13" t="s">
        <v>132</v>
      </c>
      <c r="B19288" s="14" t="s">
        <v>1</v>
      </c>
      <c r="C19288" s="14" t="s">
        <v>41</v>
      </c>
      <c r="D19288" s="14" t="s">
        <v>133</v>
      </c>
      <c r="E19288" s="15">
        <v>45684</v>
      </c>
      <c r="F19288" s="14" t="s">
        <v>61</v>
      </c>
      <c r="G19288" s="16">
        <v>0.53093779838913868</v>
      </c>
    </row>
    <row r="19289" spans="1:7" x14ac:dyDescent="0.3">
      <c r="A19289" s="13" t="s">
        <v>132</v>
      </c>
      <c r="B19289" s="14" t="s">
        <v>1</v>
      </c>
      <c r="C19289" s="14" t="s">
        <v>41</v>
      </c>
      <c r="D19289" s="14" t="s">
        <v>133</v>
      </c>
      <c r="E19289" s="15">
        <v>45685</v>
      </c>
      <c r="F19289" s="14" t="s">
        <v>61</v>
      </c>
      <c r="G19289" s="16">
        <v>0.5245364871090048</v>
      </c>
    </row>
    <row r="19290" spans="1:7" x14ac:dyDescent="0.3">
      <c r="A19290" s="13" t="s">
        <v>132</v>
      </c>
      <c r="B19290" s="14" t="s">
        <v>1</v>
      </c>
      <c r="C19290" s="14" t="s">
        <v>41</v>
      </c>
      <c r="D19290" s="14" t="s">
        <v>133</v>
      </c>
      <c r="E19290" s="15">
        <v>45686</v>
      </c>
      <c r="F19290" s="14" t="s">
        <v>61</v>
      </c>
      <c r="G19290" s="16">
        <v>0.52404469660042463</v>
      </c>
    </row>
    <row r="19291" spans="1:7" x14ac:dyDescent="0.3">
      <c r="A19291" s="13" t="s">
        <v>132</v>
      </c>
      <c r="B19291" s="14" t="s">
        <v>1</v>
      </c>
      <c r="C19291" s="14" t="s">
        <v>41</v>
      </c>
      <c r="D19291" s="14" t="s">
        <v>133</v>
      </c>
      <c r="E19291" s="15">
        <v>45687</v>
      </c>
      <c r="F19291" s="14" t="s">
        <v>61</v>
      </c>
      <c r="G19291" s="16">
        <v>0.52675547593436967</v>
      </c>
    </row>
    <row r="19292" spans="1:7" x14ac:dyDescent="0.3">
      <c r="A19292" s="13" t="s">
        <v>132</v>
      </c>
      <c r="B19292" s="14" t="s">
        <v>1</v>
      </c>
      <c r="C19292" s="14" t="s">
        <v>41</v>
      </c>
      <c r="D19292" s="14" t="s">
        <v>133</v>
      </c>
      <c r="E19292" s="15">
        <v>45688</v>
      </c>
      <c r="F19292" s="14" t="s">
        <v>61</v>
      </c>
      <c r="G19292" s="16">
        <v>0.53606832100882962</v>
      </c>
    </row>
    <row r="19293" spans="1:7" x14ac:dyDescent="0.3">
      <c r="A19293" s="13" t="s">
        <v>132</v>
      </c>
      <c r="B19293" s="14" t="s">
        <v>1</v>
      </c>
      <c r="C19293" s="14" t="s">
        <v>41</v>
      </c>
      <c r="D19293" s="14" t="s">
        <v>133</v>
      </c>
      <c r="E19293" s="15">
        <v>45689</v>
      </c>
      <c r="F19293" s="14" t="s">
        <v>61</v>
      </c>
      <c r="G19293" s="16">
        <v>0.53606832100882962</v>
      </c>
    </row>
    <row r="19294" spans="1:7" x14ac:dyDescent="0.3">
      <c r="A19294" s="13" t="s">
        <v>132</v>
      </c>
      <c r="B19294" s="14" t="s">
        <v>1</v>
      </c>
      <c r="C19294" s="14" t="s">
        <v>41</v>
      </c>
      <c r="D19294" s="14" t="s">
        <v>133</v>
      </c>
      <c r="E19294" s="15">
        <v>45690</v>
      </c>
      <c r="F19294" s="14" t="s">
        <v>61</v>
      </c>
      <c r="G19294" s="16">
        <v>0.53606832100882962</v>
      </c>
    </row>
    <row r="19295" spans="1:7" x14ac:dyDescent="0.3">
      <c r="A19295" s="13" t="s">
        <v>132</v>
      </c>
      <c r="B19295" s="14" t="s">
        <v>1</v>
      </c>
      <c r="C19295" s="14" t="s">
        <v>41</v>
      </c>
      <c r="D19295" s="14" t="s">
        <v>133</v>
      </c>
      <c r="E19295" s="15">
        <v>45691</v>
      </c>
      <c r="F19295" s="14" t="s">
        <v>61</v>
      </c>
      <c r="G19295" s="16">
        <v>0.53606832100882962</v>
      </c>
    </row>
    <row r="19296" spans="1:7" x14ac:dyDescent="0.3">
      <c r="A19296" s="13" t="s">
        <v>132</v>
      </c>
      <c r="B19296" s="14" t="s">
        <v>1</v>
      </c>
      <c r="C19296" s="14" t="s">
        <v>41</v>
      </c>
      <c r="D19296" s="14" t="s">
        <v>133</v>
      </c>
      <c r="E19296" s="15">
        <v>45692</v>
      </c>
      <c r="F19296" s="14" t="s">
        <v>61</v>
      </c>
      <c r="G19296" s="16">
        <v>0.53625379965652298</v>
      </c>
    </row>
    <row r="19297" spans="1:7" x14ac:dyDescent="0.3">
      <c r="A19297" s="13" t="s">
        <v>132</v>
      </c>
      <c r="B19297" s="14" t="s">
        <v>1</v>
      </c>
      <c r="C19297" s="14" t="s">
        <v>41</v>
      </c>
      <c r="D19297" s="14" t="s">
        <v>133</v>
      </c>
      <c r="E19297" s="15">
        <v>45693</v>
      </c>
      <c r="F19297" s="14" t="s">
        <v>61</v>
      </c>
      <c r="G19297" s="16">
        <v>0.53493357676855813</v>
      </c>
    </row>
    <row r="19298" spans="1:7" x14ac:dyDescent="0.3">
      <c r="A19298" s="13" t="s">
        <v>132</v>
      </c>
      <c r="B19298" s="14" t="s">
        <v>1</v>
      </c>
      <c r="C19298" s="14" t="s">
        <v>41</v>
      </c>
      <c r="D19298" s="14" t="s">
        <v>133</v>
      </c>
      <c r="E19298" s="15">
        <v>45694</v>
      </c>
      <c r="F19298" s="14" t="s">
        <v>61</v>
      </c>
      <c r="G19298" s="16">
        <v>0.53779960258631843</v>
      </c>
    </row>
    <row r="19299" spans="1:7" x14ac:dyDescent="0.3">
      <c r="A19299" s="13" t="s">
        <v>132</v>
      </c>
      <c r="B19299" s="14" t="s">
        <v>1</v>
      </c>
      <c r="C19299" s="14" t="s">
        <v>41</v>
      </c>
      <c r="D19299" s="14" t="s">
        <v>133</v>
      </c>
      <c r="E19299" s="15">
        <v>45695</v>
      </c>
      <c r="F19299" s="14" t="s">
        <v>61</v>
      </c>
      <c r="G19299" s="16">
        <v>0.53885592640971469</v>
      </c>
    </row>
    <row r="19300" spans="1:7" x14ac:dyDescent="0.3">
      <c r="A19300" s="13" t="s">
        <v>132</v>
      </c>
      <c r="B19300" s="14" t="s">
        <v>1</v>
      </c>
      <c r="C19300" s="14" t="s">
        <v>41</v>
      </c>
      <c r="D19300" s="14" t="s">
        <v>133</v>
      </c>
      <c r="E19300" s="15">
        <v>45696</v>
      </c>
      <c r="F19300" s="14" t="s">
        <v>61</v>
      </c>
      <c r="G19300" s="16">
        <v>0.53885592640971469</v>
      </c>
    </row>
    <row r="19301" spans="1:7" x14ac:dyDescent="0.3">
      <c r="A19301" s="13" t="s">
        <v>132</v>
      </c>
      <c r="B19301" s="14" t="s">
        <v>1</v>
      </c>
      <c r="C19301" s="14" t="s">
        <v>41</v>
      </c>
      <c r="D19301" s="14" t="s">
        <v>133</v>
      </c>
      <c r="E19301" s="15">
        <v>45697</v>
      </c>
      <c r="F19301" s="14" t="s">
        <v>61</v>
      </c>
      <c r="G19301" s="16">
        <v>0.53885592640971469</v>
      </c>
    </row>
    <row r="19302" spans="1:7" x14ac:dyDescent="0.3">
      <c r="A19302" s="13" t="s">
        <v>132</v>
      </c>
      <c r="B19302" s="14" t="s">
        <v>1</v>
      </c>
      <c r="C19302" s="14" t="s">
        <v>41</v>
      </c>
      <c r="D19302" s="14" t="s">
        <v>133</v>
      </c>
      <c r="E19302" s="15">
        <v>45698</v>
      </c>
      <c r="F19302" s="14" t="s">
        <v>61</v>
      </c>
      <c r="G19302" s="16">
        <v>0.5356840207756699</v>
      </c>
    </row>
    <row r="19303" spans="1:7" x14ac:dyDescent="0.3">
      <c r="A19303" s="13" t="s">
        <v>132</v>
      </c>
      <c r="B19303" s="14" t="s">
        <v>1</v>
      </c>
      <c r="C19303" s="14" t="s">
        <v>41</v>
      </c>
      <c r="D19303" s="14" t="s">
        <v>133</v>
      </c>
      <c r="E19303" s="15">
        <v>45699</v>
      </c>
      <c r="F19303" s="14" t="s">
        <v>61</v>
      </c>
      <c r="G19303" s="16">
        <v>0.5356840207756699</v>
      </c>
    </row>
    <row r="19304" spans="1:7" x14ac:dyDescent="0.3">
      <c r="A19304" s="13" t="s">
        <v>132</v>
      </c>
      <c r="B19304" s="14" t="s">
        <v>1</v>
      </c>
      <c r="C19304" s="14" t="s">
        <v>41</v>
      </c>
      <c r="D19304" s="14" t="s">
        <v>133</v>
      </c>
      <c r="E19304" s="15">
        <v>45700</v>
      </c>
      <c r="F19304" s="14" t="s">
        <v>61</v>
      </c>
      <c r="G19304" s="16">
        <v>0.51753592256870684</v>
      </c>
    </row>
    <row r="19305" spans="1:7" x14ac:dyDescent="0.3">
      <c r="A19305" s="13" t="s">
        <v>132</v>
      </c>
      <c r="B19305" s="14" t="s">
        <v>1</v>
      </c>
      <c r="C19305" s="14" t="s">
        <v>41</v>
      </c>
      <c r="D19305" s="14" t="s">
        <v>133</v>
      </c>
      <c r="E19305" s="15">
        <v>45701</v>
      </c>
      <c r="F19305" s="14" t="s">
        <v>61</v>
      </c>
      <c r="G19305" s="16">
        <v>0.51567886296027965</v>
      </c>
    </row>
    <row r="19306" spans="1:7" x14ac:dyDescent="0.3">
      <c r="A19306" s="13" t="s">
        <v>132</v>
      </c>
      <c r="B19306" s="14" t="s">
        <v>1</v>
      </c>
      <c r="C19306" s="14" t="s">
        <v>41</v>
      </c>
      <c r="D19306" s="14" t="s">
        <v>133</v>
      </c>
      <c r="E19306" s="15">
        <v>45702</v>
      </c>
      <c r="F19306" s="14" t="s">
        <v>61</v>
      </c>
      <c r="G19306" s="16">
        <v>0.51506528319936851</v>
      </c>
    </row>
    <row r="19307" spans="1:7" x14ac:dyDescent="0.3">
      <c r="A19307" s="13" t="s">
        <v>132</v>
      </c>
      <c r="B19307" s="14" t="s">
        <v>1</v>
      </c>
      <c r="C19307" s="14" t="s">
        <v>41</v>
      </c>
      <c r="D19307" s="14" t="s">
        <v>133</v>
      </c>
      <c r="E19307" s="15">
        <v>45703</v>
      </c>
      <c r="F19307" s="14" t="s">
        <v>61</v>
      </c>
      <c r="G19307" s="16">
        <v>0.51506528319936851</v>
      </c>
    </row>
    <row r="19308" spans="1:7" x14ac:dyDescent="0.3">
      <c r="A19308" s="13" t="s">
        <v>132</v>
      </c>
      <c r="B19308" s="14" t="s">
        <v>1</v>
      </c>
      <c r="C19308" s="14" t="s">
        <v>41</v>
      </c>
      <c r="D19308" s="14" t="s">
        <v>133</v>
      </c>
      <c r="E19308" s="15">
        <v>45704</v>
      </c>
      <c r="F19308" s="14" t="s">
        <v>61</v>
      </c>
      <c r="G19308" s="16">
        <v>0.51506528319936851</v>
      </c>
    </row>
    <row r="19309" spans="1:7" x14ac:dyDescent="0.3">
      <c r="A19309" s="13" t="s">
        <v>132</v>
      </c>
      <c r="B19309" s="14" t="s">
        <v>1</v>
      </c>
      <c r="C19309" s="14" t="s">
        <v>41</v>
      </c>
      <c r="D19309" s="14" t="s">
        <v>133</v>
      </c>
      <c r="E19309" s="15">
        <v>45705</v>
      </c>
      <c r="F19309" s="14" t="s">
        <v>61</v>
      </c>
      <c r="G19309" s="16">
        <v>0.51630315619825162</v>
      </c>
    </row>
    <row r="19310" spans="1:7" x14ac:dyDescent="0.3">
      <c r="A19310" s="13" t="s">
        <v>132</v>
      </c>
      <c r="B19310" s="14" t="s">
        <v>1</v>
      </c>
      <c r="C19310" s="14" t="s">
        <v>41</v>
      </c>
      <c r="D19310" s="14" t="s">
        <v>133</v>
      </c>
      <c r="E19310" s="15">
        <v>45706</v>
      </c>
      <c r="F19310" s="14" t="s">
        <v>61</v>
      </c>
      <c r="G19310" s="16">
        <v>0.51012845976003218</v>
      </c>
    </row>
    <row r="19311" spans="1:7" x14ac:dyDescent="0.3">
      <c r="A19311" s="13" t="s">
        <v>132</v>
      </c>
      <c r="B19311" s="14" t="s">
        <v>1</v>
      </c>
      <c r="C19311" s="14" t="s">
        <v>41</v>
      </c>
      <c r="D19311" s="14" t="s">
        <v>133</v>
      </c>
      <c r="E19311" s="15">
        <v>45707</v>
      </c>
      <c r="F19311" s="14" t="s">
        <v>61</v>
      </c>
      <c r="G19311" s="16">
        <v>0.51129156116705865</v>
      </c>
    </row>
    <row r="19312" spans="1:7" x14ac:dyDescent="0.3">
      <c r="A19312" s="13" t="s">
        <v>132</v>
      </c>
      <c r="B19312" s="14" t="s">
        <v>1</v>
      </c>
      <c r="C19312" s="14" t="s">
        <v>41</v>
      </c>
      <c r="D19312" s="14" t="s">
        <v>133</v>
      </c>
      <c r="E19312" s="15">
        <v>45708</v>
      </c>
      <c r="F19312" s="14" t="s">
        <v>61</v>
      </c>
      <c r="G19312" s="16">
        <v>0.52409449699648369</v>
      </c>
    </row>
    <row r="19313" spans="1:7" x14ac:dyDescent="0.3">
      <c r="A19313" s="13" t="s">
        <v>132</v>
      </c>
      <c r="B19313" s="14" t="s">
        <v>1</v>
      </c>
      <c r="C19313" s="14" t="s">
        <v>41</v>
      </c>
      <c r="D19313" s="14" t="s">
        <v>133</v>
      </c>
      <c r="E19313" s="15">
        <v>45709</v>
      </c>
      <c r="F19313" s="14" t="s">
        <v>61</v>
      </c>
      <c r="G19313" s="16">
        <v>0.52528955119974596</v>
      </c>
    </row>
    <row r="19314" spans="1:7" x14ac:dyDescent="0.3">
      <c r="A19314" s="13" t="s">
        <v>132</v>
      </c>
      <c r="B19314" s="14" t="s">
        <v>1</v>
      </c>
      <c r="C19314" s="14" t="s">
        <v>41</v>
      </c>
      <c r="D19314" s="14" t="s">
        <v>133</v>
      </c>
      <c r="E19314" s="15">
        <v>45710</v>
      </c>
      <c r="F19314" s="14" t="s">
        <v>61</v>
      </c>
      <c r="G19314" s="16">
        <v>0.52528955119974596</v>
      </c>
    </row>
    <row r="19315" spans="1:7" x14ac:dyDescent="0.3">
      <c r="A19315" s="13" t="s">
        <v>132</v>
      </c>
      <c r="B19315" s="14" t="s">
        <v>1</v>
      </c>
      <c r="C19315" s="14" t="s">
        <v>41</v>
      </c>
      <c r="D19315" s="14" t="s">
        <v>133</v>
      </c>
      <c r="E19315" s="15">
        <v>45711</v>
      </c>
      <c r="F19315" s="14" t="s">
        <v>61</v>
      </c>
      <c r="G19315" s="16">
        <v>0.52528955119974596</v>
      </c>
    </row>
    <row r="19316" spans="1:7" x14ac:dyDescent="0.3">
      <c r="A19316" s="13" t="s">
        <v>132</v>
      </c>
      <c r="B19316" s="14" t="s">
        <v>1</v>
      </c>
      <c r="C19316" s="14" t="s">
        <v>41</v>
      </c>
      <c r="D19316" s="14" t="s">
        <v>133</v>
      </c>
      <c r="E19316" s="15">
        <v>45712</v>
      </c>
      <c r="F19316" s="14" t="s">
        <v>61</v>
      </c>
      <c r="G19316" s="16">
        <v>0.52528955119974596</v>
      </c>
    </row>
    <row r="19317" spans="1:7" x14ac:dyDescent="0.3">
      <c r="A19317" s="13" t="s">
        <v>132</v>
      </c>
      <c r="B19317" s="14" t="s">
        <v>1</v>
      </c>
      <c r="C19317" s="14" t="s">
        <v>41</v>
      </c>
      <c r="D19317" s="14" t="s">
        <v>133</v>
      </c>
      <c r="E19317" s="15">
        <v>45713</v>
      </c>
      <c r="F19317" s="14" t="s">
        <v>61</v>
      </c>
      <c r="G19317" s="16">
        <v>0.52141331965544346</v>
      </c>
    </row>
    <row r="19318" spans="1:7" x14ac:dyDescent="0.3">
      <c r="A19318" s="13" t="s">
        <v>132</v>
      </c>
      <c r="B19318" s="14" t="s">
        <v>1</v>
      </c>
      <c r="C19318" s="14" t="s">
        <v>41</v>
      </c>
      <c r="D19318" s="14" t="s">
        <v>133</v>
      </c>
      <c r="E19318" s="15">
        <v>45714</v>
      </c>
      <c r="F19318" s="14" t="s">
        <v>61</v>
      </c>
      <c r="G19318" s="16">
        <v>0.51429557536141302</v>
      </c>
    </row>
    <row r="19319" spans="1:7" x14ac:dyDescent="0.3">
      <c r="A19319" s="13" t="s">
        <v>132</v>
      </c>
      <c r="B19319" s="14" t="s">
        <v>1</v>
      </c>
      <c r="C19319" s="14" t="s">
        <v>41</v>
      </c>
      <c r="D19319" s="14" t="s">
        <v>133</v>
      </c>
      <c r="E19319" s="15">
        <v>45715</v>
      </c>
      <c r="F19319" s="14" t="s">
        <v>61</v>
      </c>
      <c r="G19319" s="16">
        <v>0.51400255769889203</v>
      </c>
    </row>
    <row r="19320" spans="1:7" x14ac:dyDescent="0.3">
      <c r="A19320" s="13" t="s">
        <v>132</v>
      </c>
      <c r="B19320" s="14" t="s">
        <v>1</v>
      </c>
      <c r="C19320" s="14" t="s">
        <v>41</v>
      </c>
      <c r="D19320" s="14" t="s">
        <v>133</v>
      </c>
      <c r="E19320" s="15">
        <v>45716</v>
      </c>
      <c r="F19320" s="14" t="s">
        <v>61</v>
      </c>
      <c r="G19320" s="16">
        <v>0.51875751365026535</v>
      </c>
    </row>
    <row r="19321" spans="1:7" x14ac:dyDescent="0.3">
      <c r="A19321" s="13" t="s">
        <v>132</v>
      </c>
      <c r="B19321" s="14" t="s">
        <v>1</v>
      </c>
      <c r="C19321" s="14" t="s">
        <v>41</v>
      </c>
      <c r="D19321" s="14" t="s">
        <v>133</v>
      </c>
      <c r="E19321" s="15">
        <v>45717</v>
      </c>
      <c r="F19321" s="14" t="s">
        <v>61</v>
      </c>
      <c r="G19321" s="16">
        <v>0.51875751365026535</v>
      </c>
    </row>
    <row r="19322" spans="1:7" x14ac:dyDescent="0.3">
      <c r="A19322" s="13" t="s">
        <v>132</v>
      </c>
      <c r="B19322" s="14" t="s">
        <v>1</v>
      </c>
      <c r="C19322" s="14" t="s">
        <v>41</v>
      </c>
      <c r="D19322" s="14" t="s">
        <v>133</v>
      </c>
      <c r="E19322" s="15">
        <v>45718</v>
      </c>
      <c r="F19322" s="14" t="s">
        <v>61</v>
      </c>
      <c r="G19322" s="16">
        <v>0.51875751365026535</v>
      </c>
    </row>
    <row r="19323" spans="1:7" x14ac:dyDescent="0.3">
      <c r="A19323" s="13" t="s">
        <v>132</v>
      </c>
      <c r="B19323" s="14" t="s">
        <v>1</v>
      </c>
      <c r="C19323" s="14" t="s">
        <v>41</v>
      </c>
      <c r="D19323" s="14" t="s">
        <v>133</v>
      </c>
      <c r="E19323" s="15">
        <v>45719</v>
      </c>
      <c r="F19323" s="14" t="s">
        <v>61</v>
      </c>
      <c r="G19323" s="16">
        <v>0.51498119552231281</v>
      </c>
    </row>
    <row r="19324" spans="1:7" x14ac:dyDescent="0.3">
      <c r="A19324" s="13" t="s">
        <v>132</v>
      </c>
      <c r="B19324" s="14" t="s">
        <v>1</v>
      </c>
      <c r="C19324" s="14" t="s">
        <v>41</v>
      </c>
      <c r="D19324" s="14" t="s">
        <v>133</v>
      </c>
      <c r="E19324" s="15">
        <v>45720</v>
      </c>
      <c r="F19324" s="14" t="s">
        <v>61</v>
      </c>
      <c r="G19324" s="16">
        <v>0.50339517122480038</v>
      </c>
    </row>
    <row r="19325" spans="1:7" x14ac:dyDescent="0.3">
      <c r="A19325" s="13" t="s">
        <v>132</v>
      </c>
      <c r="B19325" s="14" t="s">
        <v>1</v>
      </c>
      <c r="C19325" s="14" t="s">
        <v>41</v>
      </c>
      <c r="D19325" s="14" t="s">
        <v>133</v>
      </c>
      <c r="E19325" s="15">
        <v>45721</v>
      </c>
      <c r="F19325" s="14" t="s">
        <v>61</v>
      </c>
      <c r="G19325" s="16">
        <v>0.49680950659483031</v>
      </c>
    </row>
    <row r="19326" spans="1:7" x14ac:dyDescent="0.3">
      <c r="A19326" s="13" t="s">
        <v>132</v>
      </c>
      <c r="B19326" s="14" t="s">
        <v>1</v>
      </c>
      <c r="C19326" s="14" t="s">
        <v>41</v>
      </c>
      <c r="D19326" s="14" t="s">
        <v>133</v>
      </c>
      <c r="E19326" s="15">
        <v>45722</v>
      </c>
      <c r="F19326" s="14" t="s">
        <v>61</v>
      </c>
      <c r="G19326" s="16">
        <v>0.49806661435906624</v>
      </c>
    </row>
    <row r="19327" spans="1:7" x14ac:dyDescent="0.3">
      <c r="A19327" s="13" t="s">
        <v>132</v>
      </c>
      <c r="B19327" s="14" t="s">
        <v>1</v>
      </c>
      <c r="C19327" s="14" t="s">
        <v>41</v>
      </c>
      <c r="D19327" s="14" t="s">
        <v>133</v>
      </c>
      <c r="E19327" s="15">
        <v>45723</v>
      </c>
      <c r="F19327" s="14" t="s">
        <v>61</v>
      </c>
      <c r="G19327" s="16">
        <v>0.4948792188431172</v>
      </c>
    </row>
    <row r="19328" spans="1:7" x14ac:dyDescent="0.3">
      <c r="A19328" s="13" t="s">
        <v>132</v>
      </c>
      <c r="B19328" s="14" t="s">
        <v>1</v>
      </c>
      <c r="C19328" s="14" t="s">
        <v>41</v>
      </c>
      <c r="D19328" s="14" t="s">
        <v>133</v>
      </c>
      <c r="E19328" s="15">
        <v>45724</v>
      </c>
      <c r="F19328" s="14" t="s">
        <v>61</v>
      </c>
      <c r="G19328" s="16">
        <v>0.4948792188431172</v>
      </c>
    </row>
    <row r="19329" spans="1:7" x14ac:dyDescent="0.3">
      <c r="A19329" s="13" t="s">
        <v>132</v>
      </c>
      <c r="B19329" s="14" t="s">
        <v>1</v>
      </c>
      <c r="C19329" s="14" t="s">
        <v>41</v>
      </c>
      <c r="D19329" s="14" t="s">
        <v>133</v>
      </c>
      <c r="E19329" s="15">
        <v>45725</v>
      </c>
      <c r="F19329" s="14" t="s">
        <v>61</v>
      </c>
      <c r="G19329" s="16">
        <v>0.4948792188431172</v>
      </c>
    </row>
    <row r="19330" spans="1:7" x14ac:dyDescent="0.3">
      <c r="A19330" s="13" t="s">
        <v>132</v>
      </c>
      <c r="B19330" s="14" t="s">
        <v>1</v>
      </c>
      <c r="C19330" s="14" t="s">
        <v>41</v>
      </c>
      <c r="D19330" s="14" t="s">
        <v>133</v>
      </c>
      <c r="E19330" s="15">
        <v>45726</v>
      </c>
      <c r="F19330" s="14" t="s">
        <v>61</v>
      </c>
      <c r="G19330" s="16">
        <v>0.49537729715978929</v>
      </c>
    </row>
    <row r="19331" spans="1:7" x14ac:dyDescent="0.3">
      <c r="A19331" s="13" t="s">
        <v>132</v>
      </c>
      <c r="B19331" s="14" t="s">
        <v>1</v>
      </c>
      <c r="C19331" s="14" t="s">
        <v>41</v>
      </c>
      <c r="D19331" s="14" t="s">
        <v>133</v>
      </c>
      <c r="E19331" s="15">
        <v>45727</v>
      </c>
      <c r="F19331" s="14" t="s">
        <v>61</v>
      </c>
      <c r="G19331" s="16">
        <v>0.48387908257936413</v>
      </c>
    </row>
    <row r="19332" spans="1:7" x14ac:dyDescent="0.3">
      <c r="A19332" s="13" t="s">
        <v>132</v>
      </c>
      <c r="B19332" s="14" t="s">
        <v>1</v>
      </c>
      <c r="C19332" s="14" t="s">
        <v>41</v>
      </c>
      <c r="D19332" s="14" t="s">
        <v>133</v>
      </c>
      <c r="E19332" s="15">
        <v>45728</v>
      </c>
      <c r="F19332" s="14" t="s">
        <v>61</v>
      </c>
      <c r="G19332" s="16">
        <v>0.48174831334824608</v>
      </c>
    </row>
    <row r="19333" spans="1:7" x14ac:dyDescent="0.3">
      <c r="A19333" s="13" t="s">
        <v>132</v>
      </c>
      <c r="B19333" s="14" t="s">
        <v>1</v>
      </c>
      <c r="C19333" s="14" t="s">
        <v>41</v>
      </c>
      <c r="D19333" s="14" t="s">
        <v>133</v>
      </c>
      <c r="E19333" s="15">
        <v>45729</v>
      </c>
      <c r="F19333" s="14" t="s">
        <v>61</v>
      </c>
      <c r="G19333" s="16">
        <v>0.48282177142144367</v>
      </c>
    </row>
    <row r="19334" spans="1:7" x14ac:dyDescent="0.3">
      <c r="A19334" s="13" t="s">
        <v>132</v>
      </c>
      <c r="B19334" s="14" t="s">
        <v>1</v>
      </c>
      <c r="C19334" s="14" t="s">
        <v>41</v>
      </c>
      <c r="D19334" s="14" t="s">
        <v>133</v>
      </c>
      <c r="E19334" s="15">
        <v>45730</v>
      </c>
      <c r="F19334" s="14" t="s">
        <v>61</v>
      </c>
      <c r="G19334" s="16">
        <v>0.47690124511175053</v>
      </c>
    </row>
    <row r="19335" spans="1:7" x14ac:dyDescent="0.3">
      <c r="A19335" s="13" t="s">
        <v>132</v>
      </c>
      <c r="B19335" s="14" t="s">
        <v>1</v>
      </c>
      <c r="C19335" s="14" t="s">
        <v>41</v>
      </c>
      <c r="D19335" s="14" t="s">
        <v>133</v>
      </c>
      <c r="E19335" s="15">
        <v>45731</v>
      </c>
      <c r="F19335" s="14" t="s">
        <v>61</v>
      </c>
      <c r="G19335" s="16">
        <v>0.47690124511175053</v>
      </c>
    </row>
    <row r="19336" spans="1:7" x14ac:dyDescent="0.3">
      <c r="A19336" s="13" t="s">
        <v>132</v>
      </c>
      <c r="B19336" s="14" t="s">
        <v>1</v>
      </c>
      <c r="C19336" s="14" t="s">
        <v>41</v>
      </c>
      <c r="D19336" s="14" t="s">
        <v>133</v>
      </c>
      <c r="E19336" s="15">
        <v>45732</v>
      </c>
      <c r="F19336" s="14" t="s">
        <v>61</v>
      </c>
      <c r="G19336" s="16">
        <v>0.47690124511175053</v>
      </c>
    </row>
    <row r="19337" spans="1:7" x14ac:dyDescent="0.3">
      <c r="A19337" s="13" t="s">
        <v>132</v>
      </c>
      <c r="B19337" s="14" t="s">
        <v>1</v>
      </c>
      <c r="C19337" s="14" t="s">
        <v>41</v>
      </c>
      <c r="D19337" s="14" t="s">
        <v>133</v>
      </c>
      <c r="E19337" s="15">
        <v>45733</v>
      </c>
      <c r="F19337" s="14" t="s">
        <v>61</v>
      </c>
      <c r="G19337" s="16">
        <v>0.47690124511175053</v>
      </c>
    </row>
    <row r="19338" spans="1:7" x14ac:dyDescent="0.3">
      <c r="A19338" s="13" t="s">
        <v>132</v>
      </c>
      <c r="B19338" s="14" t="s">
        <v>1</v>
      </c>
      <c r="C19338" s="14" t="s">
        <v>41</v>
      </c>
      <c r="D19338" s="14" t="s">
        <v>133</v>
      </c>
      <c r="E19338" s="15">
        <v>45734</v>
      </c>
      <c r="F19338" s="14" t="s">
        <v>61</v>
      </c>
      <c r="G19338" s="16">
        <v>0.47016187188296255</v>
      </c>
    </row>
    <row r="19339" spans="1:7" x14ac:dyDescent="0.3">
      <c r="A19339" s="13" t="s">
        <v>132</v>
      </c>
      <c r="B19339" s="14" t="s">
        <v>1</v>
      </c>
      <c r="C19339" s="14" t="s">
        <v>41</v>
      </c>
      <c r="D19339" s="14" t="s">
        <v>133</v>
      </c>
      <c r="E19339" s="15">
        <v>45735</v>
      </c>
      <c r="F19339" s="14" t="s">
        <v>61</v>
      </c>
      <c r="G19339" s="16">
        <v>0.46940267619470838</v>
      </c>
    </row>
    <row r="19340" spans="1:7" x14ac:dyDescent="0.3">
      <c r="A19340" s="13" t="s">
        <v>132</v>
      </c>
      <c r="B19340" s="14" t="s">
        <v>1</v>
      </c>
      <c r="C19340" s="14" t="s">
        <v>41</v>
      </c>
      <c r="D19340" s="14" t="s">
        <v>133</v>
      </c>
      <c r="E19340" s="15">
        <v>45736</v>
      </c>
      <c r="F19340" s="14" t="s">
        <v>61</v>
      </c>
      <c r="G19340" s="16">
        <v>0.46940267619470838</v>
      </c>
    </row>
    <row r="19341" spans="1:7" x14ac:dyDescent="0.3">
      <c r="A19341" s="13" t="s">
        <v>132</v>
      </c>
      <c r="B19341" s="14" t="s">
        <v>1</v>
      </c>
      <c r="C19341" s="14" t="s">
        <v>41</v>
      </c>
      <c r="D19341" s="14" t="s">
        <v>133</v>
      </c>
      <c r="E19341" s="15">
        <v>45737</v>
      </c>
      <c r="F19341" s="14" t="s">
        <v>61</v>
      </c>
      <c r="G19341" s="16">
        <v>0.46918445013011645</v>
      </c>
    </row>
    <row r="19342" spans="1:7" x14ac:dyDescent="0.3">
      <c r="A19342" s="13" t="s">
        <v>132</v>
      </c>
      <c r="B19342" s="14" t="s">
        <v>1</v>
      </c>
      <c r="C19342" s="14" t="s">
        <v>41</v>
      </c>
      <c r="D19342" s="14" t="s">
        <v>133</v>
      </c>
      <c r="E19342" s="15">
        <v>45738</v>
      </c>
      <c r="F19342" s="14" t="s">
        <v>61</v>
      </c>
      <c r="G19342" s="16">
        <v>0.46918445013011645</v>
      </c>
    </row>
    <row r="19343" spans="1:7" x14ac:dyDescent="0.3">
      <c r="A19343" s="13" t="s">
        <v>132</v>
      </c>
      <c r="B19343" s="14" t="s">
        <v>1</v>
      </c>
      <c r="C19343" s="14" t="s">
        <v>41</v>
      </c>
      <c r="D19343" s="14" t="s">
        <v>133</v>
      </c>
      <c r="E19343" s="15">
        <v>45739</v>
      </c>
      <c r="F19343" s="14" t="s">
        <v>61</v>
      </c>
      <c r="G19343" s="16">
        <v>0.46918445013011645</v>
      </c>
    </row>
    <row r="19344" spans="1:7" x14ac:dyDescent="0.3">
      <c r="A19344" s="13" t="s">
        <v>132</v>
      </c>
      <c r="B19344" s="14" t="s">
        <v>1</v>
      </c>
      <c r="C19344" s="14" t="s">
        <v>41</v>
      </c>
      <c r="D19344" s="14" t="s">
        <v>133</v>
      </c>
      <c r="E19344" s="15">
        <v>45740</v>
      </c>
      <c r="F19344" s="14" t="s">
        <v>61</v>
      </c>
      <c r="G19344" s="16">
        <v>0.46130959953336942</v>
      </c>
    </row>
    <row r="19345" spans="1:7" x14ac:dyDescent="0.3">
      <c r="A19345" s="13" t="s">
        <v>132</v>
      </c>
      <c r="B19345" s="14" t="s">
        <v>1</v>
      </c>
      <c r="C19345" s="14" t="s">
        <v>41</v>
      </c>
      <c r="D19345" s="14" t="s">
        <v>133</v>
      </c>
      <c r="E19345" s="15">
        <v>45741</v>
      </c>
      <c r="F19345" s="14" t="s">
        <v>61</v>
      </c>
      <c r="G19345" s="16">
        <v>0.45804728892114305</v>
      </c>
    </row>
    <row r="19346" spans="1:7" x14ac:dyDescent="0.3">
      <c r="A19346" s="13" t="s">
        <v>132</v>
      </c>
      <c r="B19346" s="14" t="s">
        <v>1</v>
      </c>
      <c r="C19346" s="14" t="s">
        <v>41</v>
      </c>
      <c r="D19346" s="14" t="s">
        <v>133</v>
      </c>
      <c r="E19346" s="15">
        <v>45742</v>
      </c>
      <c r="F19346" s="14" t="s">
        <v>61</v>
      </c>
      <c r="G19346" s="16">
        <v>0.45540879699982301</v>
      </c>
    </row>
    <row r="19347" spans="1:7" x14ac:dyDescent="0.3">
      <c r="A19347" s="13" t="s">
        <v>132</v>
      </c>
      <c r="B19347" s="14" t="s">
        <v>1</v>
      </c>
      <c r="C19347" s="14" t="s">
        <v>41</v>
      </c>
      <c r="D19347" s="14" t="s">
        <v>133</v>
      </c>
      <c r="E19347" s="15">
        <v>45743</v>
      </c>
      <c r="F19347" s="14" t="s">
        <v>61</v>
      </c>
      <c r="G19347" s="16">
        <v>0.45067495953196213</v>
      </c>
    </row>
    <row r="19348" spans="1:7" x14ac:dyDescent="0.3">
      <c r="A19348" s="13" t="s">
        <v>132</v>
      </c>
      <c r="B19348" s="14" t="s">
        <v>1</v>
      </c>
      <c r="C19348" s="14" t="s">
        <v>41</v>
      </c>
      <c r="D19348" s="14" t="s">
        <v>133</v>
      </c>
      <c r="E19348" s="15">
        <v>45744</v>
      </c>
      <c r="F19348" s="14" t="s">
        <v>61</v>
      </c>
      <c r="G19348" s="16">
        <v>0.45111898616175927</v>
      </c>
    </row>
    <row r="19349" spans="1:7" x14ac:dyDescent="0.3">
      <c r="A19349" s="13" t="s">
        <v>132</v>
      </c>
      <c r="B19349" s="14" t="s">
        <v>1</v>
      </c>
      <c r="C19349" s="14" t="s">
        <v>41</v>
      </c>
      <c r="D19349" s="14" t="s">
        <v>133</v>
      </c>
      <c r="E19349" s="15">
        <v>45745</v>
      </c>
      <c r="F19349" s="14" t="s">
        <v>61</v>
      </c>
      <c r="G19349" s="16">
        <v>0.45111898616175927</v>
      </c>
    </row>
    <row r="19350" spans="1:7" x14ac:dyDescent="0.3">
      <c r="A19350" s="13" t="s">
        <v>132</v>
      </c>
      <c r="B19350" s="14" t="s">
        <v>1</v>
      </c>
      <c r="C19350" s="14" t="s">
        <v>41</v>
      </c>
      <c r="D19350" s="14" t="s">
        <v>133</v>
      </c>
      <c r="E19350" s="15">
        <v>45746</v>
      </c>
      <c r="F19350" s="14" t="s">
        <v>61</v>
      </c>
      <c r="G19350" s="16">
        <v>0.45111898616175927</v>
      </c>
    </row>
    <row r="19351" spans="1:7" x14ac:dyDescent="0.3">
      <c r="A19351" s="13" t="s">
        <v>132</v>
      </c>
      <c r="B19351" s="14" t="s">
        <v>1</v>
      </c>
      <c r="C19351" s="14" t="s">
        <v>41</v>
      </c>
      <c r="D19351" s="14" t="s">
        <v>133</v>
      </c>
      <c r="E19351" s="15">
        <v>45747</v>
      </c>
      <c r="F19351" s="14" t="s">
        <v>61</v>
      </c>
      <c r="G19351" s="16">
        <v>1.3133928804747645</v>
      </c>
    </row>
    <row r="19352" spans="1:7" x14ac:dyDescent="0.3">
      <c r="A19352" s="13" t="s">
        <v>134</v>
      </c>
      <c r="B19352" s="14" t="s">
        <v>1</v>
      </c>
      <c r="C19352" s="14" t="s">
        <v>51</v>
      </c>
      <c r="D19352" s="14" t="s">
        <v>135</v>
      </c>
      <c r="E19352" s="15">
        <v>45383</v>
      </c>
      <c r="F19352" s="14" t="s">
        <v>28</v>
      </c>
      <c r="G19352" s="16">
        <v>0</v>
      </c>
    </row>
    <row r="19353" spans="1:7" x14ac:dyDescent="0.3">
      <c r="A19353" s="13" t="s">
        <v>134</v>
      </c>
      <c r="B19353" s="14" t="s">
        <v>1</v>
      </c>
      <c r="C19353" s="14" t="s">
        <v>51</v>
      </c>
      <c r="D19353" s="14" t="s">
        <v>135</v>
      </c>
      <c r="E19353" s="15">
        <v>45384</v>
      </c>
      <c r="F19353" s="14" t="s">
        <v>28</v>
      </c>
      <c r="G19353" s="16">
        <v>0</v>
      </c>
    </row>
    <row r="19354" spans="1:7" x14ac:dyDescent="0.3">
      <c r="A19354" s="13" t="s">
        <v>134</v>
      </c>
      <c r="B19354" s="14" t="s">
        <v>1</v>
      </c>
      <c r="C19354" s="14" t="s">
        <v>51</v>
      </c>
      <c r="D19354" s="14" t="s">
        <v>135</v>
      </c>
      <c r="E19354" s="15">
        <v>45385</v>
      </c>
      <c r="F19354" s="14" t="s">
        <v>28</v>
      </c>
      <c r="G19354" s="16">
        <v>0</v>
      </c>
    </row>
    <row r="19355" spans="1:7" x14ac:dyDescent="0.3">
      <c r="A19355" s="13" t="s">
        <v>134</v>
      </c>
      <c r="B19355" s="14" t="s">
        <v>1</v>
      </c>
      <c r="C19355" s="14" t="s">
        <v>51</v>
      </c>
      <c r="D19355" s="14" t="s">
        <v>135</v>
      </c>
      <c r="E19355" s="15">
        <v>45386</v>
      </c>
      <c r="F19355" s="14" t="s">
        <v>28</v>
      </c>
      <c r="G19355" s="16">
        <v>0</v>
      </c>
    </row>
    <row r="19356" spans="1:7" x14ac:dyDescent="0.3">
      <c r="A19356" s="13" t="s">
        <v>134</v>
      </c>
      <c r="B19356" s="14" t="s">
        <v>1</v>
      </c>
      <c r="C19356" s="14" t="s">
        <v>51</v>
      </c>
      <c r="D19356" s="14" t="s">
        <v>135</v>
      </c>
      <c r="E19356" s="15">
        <v>45387</v>
      </c>
      <c r="F19356" s="14" t="s">
        <v>28</v>
      </c>
      <c r="G19356" s="16">
        <v>0</v>
      </c>
    </row>
    <row r="19357" spans="1:7" x14ac:dyDescent="0.3">
      <c r="A19357" s="13" t="s">
        <v>134</v>
      </c>
      <c r="B19357" s="14" t="s">
        <v>1</v>
      </c>
      <c r="C19357" s="14" t="s">
        <v>51</v>
      </c>
      <c r="D19357" s="14" t="s">
        <v>135</v>
      </c>
      <c r="E19357" s="15">
        <v>45388</v>
      </c>
      <c r="F19357" s="14" t="s">
        <v>28</v>
      </c>
      <c r="G19357" s="16">
        <v>0</v>
      </c>
    </row>
    <row r="19358" spans="1:7" x14ac:dyDescent="0.3">
      <c r="A19358" s="13" t="s">
        <v>134</v>
      </c>
      <c r="B19358" s="14" t="s">
        <v>1</v>
      </c>
      <c r="C19358" s="14" t="s">
        <v>51</v>
      </c>
      <c r="D19358" s="14" t="s">
        <v>135</v>
      </c>
      <c r="E19358" s="15">
        <v>45389</v>
      </c>
      <c r="F19358" s="14" t="s">
        <v>28</v>
      </c>
      <c r="G19358" s="16">
        <v>0</v>
      </c>
    </row>
    <row r="19359" spans="1:7" x14ac:dyDescent="0.3">
      <c r="A19359" s="13" t="s">
        <v>134</v>
      </c>
      <c r="B19359" s="14" t="s">
        <v>1</v>
      </c>
      <c r="C19359" s="14" t="s">
        <v>51</v>
      </c>
      <c r="D19359" s="14" t="s">
        <v>135</v>
      </c>
      <c r="E19359" s="15">
        <v>45390</v>
      </c>
      <c r="F19359" s="14" t="s">
        <v>28</v>
      </c>
      <c r="G19359" s="16">
        <v>0</v>
      </c>
    </row>
    <row r="19360" spans="1:7" x14ac:dyDescent="0.3">
      <c r="A19360" s="13" t="s">
        <v>134</v>
      </c>
      <c r="B19360" s="14" t="s">
        <v>1</v>
      </c>
      <c r="C19360" s="14" t="s">
        <v>51</v>
      </c>
      <c r="D19360" s="14" t="s">
        <v>135</v>
      </c>
      <c r="E19360" s="15">
        <v>45391</v>
      </c>
      <c r="F19360" s="14" t="s">
        <v>28</v>
      </c>
      <c r="G19360" s="16">
        <v>0</v>
      </c>
    </row>
    <row r="19361" spans="1:7" x14ac:dyDescent="0.3">
      <c r="A19361" s="13" t="s">
        <v>134</v>
      </c>
      <c r="B19361" s="14" t="s">
        <v>1</v>
      </c>
      <c r="C19361" s="14" t="s">
        <v>51</v>
      </c>
      <c r="D19361" s="14" t="s">
        <v>135</v>
      </c>
      <c r="E19361" s="15">
        <v>45392</v>
      </c>
      <c r="F19361" s="14" t="s">
        <v>28</v>
      </c>
      <c r="G19361" s="16">
        <v>0</v>
      </c>
    </row>
    <row r="19362" spans="1:7" x14ac:dyDescent="0.3">
      <c r="A19362" s="13" t="s">
        <v>134</v>
      </c>
      <c r="B19362" s="14" t="s">
        <v>1</v>
      </c>
      <c r="C19362" s="14" t="s">
        <v>51</v>
      </c>
      <c r="D19362" s="14" t="s">
        <v>135</v>
      </c>
      <c r="E19362" s="15">
        <v>45393</v>
      </c>
      <c r="F19362" s="14" t="s">
        <v>28</v>
      </c>
      <c r="G19362" s="16">
        <v>0</v>
      </c>
    </row>
    <row r="19363" spans="1:7" x14ac:dyDescent="0.3">
      <c r="A19363" s="13" t="s">
        <v>134</v>
      </c>
      <c r="B19363" s="14" t="s">
        <v>1</v>
      </c>
      <c r="C19363" s="14" t="s">
        <v>51</v>
      </c>
      <c r="D19363" s="14" t="s">
        <v>135</v>
      </c>
      <c r="E19363" s="15">
        <v>45394</v>
      </c>
      <c r="F19363" s="14" t="s">
        <v>28</v>
      </c>
      <c r="G19363" s="16">
        <v>0</v>
      </c>
    </row>
    <row r="19364" spans="1:7" x14ac:dyDescent="0.3">
      <c r="A19364" s="13" t="s">
        <v>134</v>
      </c>
      <c r="B19364" s="14" t="s">
        <v>1</v>
      </c>
      <c r="C19364" s="14" t="s">
        <v>51</v>
      </c>
      <c r="D19364" s="14" t="s">
        <v>135</v>
      </c>
      <c r="E19364" s="15">
        <v>45395</v>
      </c>
      <c r="F19364" s="14" t="s">
        <v>28</v>
      </c>
      <c r="G19364" s="16">
        <v>0</v>
      </c>
    </row>
    <row r="19365" spans="1:7" x14ac:dyDescent="0.3">
      <c r="A19365" s="13" t="s">
        <v>134</v>
      </c>
      <c r="B19365" s="14" t="s">
        <v>1</v>
      </c>
      <c r="C19365" s="14" t="s">
        <v>51</v>
      </c>
      <c r="D19365" s="14" t="s">
        <v>135</v>
      </c>
      <c r="E19365" s="15">
        <v>45396</v>
      </c>
      <c r="F19365" s="14" t="s">
        <v>28</v>
      </c>
      <c r="G19365" s="16">
        <v>0</v>
      </c>
    </row>
    <row r="19366" spans="1:7" x14ac:dyDescent="0.3">
      <c r="A19366" s="13" t="s">
        <v>134</v>
      </c>
      <c r="B19366" s="14" t="s">
        <v>1</v>
      </c>
      <c r="C19366" s="14" t="s">
        <v>51</v>
      </c>
      <c r="D19366" s="14" t="s">
        <v>135</v>
      </c>
      <c r="E19366" s="15">
        <v>45397</v>
      </c>
      <c r="F19366" s="14" t="s">
        <v>28</v>
      </c>
      <c r="G19366" s="16">
        <v>0</v>
      </c>
    </row>
    <row r="19367" spans="1:7" x14ac:dyDescent="0.3">
      <c r="A19367" s="13" t="s">
        <v>134</v>
      </c>
      <c r="B19367" s="14" t="s">
        <v>1</v>
      </c>
      <c r="C19367" s="14" t="s">
        <v>51</v>
      </c>
      <c r="D19367" s="14" t="s">
        <v>135</v>
      </c>
      <c r="E19367" s="15">
        <v>45398</v>
      </c>
      <c r="F19367" s="14" t="s">
        <v>28</v>
      </c>
      <c r="G19367" s="16">
        <v>0</v>
      </c>
    </row>
    <row r="19368" spans="1:7" x14ac:dyDescent="0.3">
      <c r="A19368" s="13" t="s">
        <v>134</v>
      </c>
      <c r="B19368" s="14" t="s">
        <v>1</v>
      </c>
      <c r="C19368" s="14" t="s">
        <v>51</v>
      </c>
      <c r="D19368" s="14" t="s">
        <v>135</v>
      </c>
      <c r="E19368" s="15">
        <v>45399</v>
      </c>
      <c r="F19368" s="14" t="s">
        <v>28</v>
      </c>
      <c r="G19368" s="16">
        <v>0</v>
      </c>
    </row>
    <row r="19369" spans="1:7" x14ac:dyDescent="0.3">
      <c r="A19369" s="13" t="s">
        <v>134</v>
      </c>
      <c r="B19369" s="14" t="s">
        <v>1</v>
      </c>
      <c r="C19369" s="14" t="s">
        <v>51</v>
      </c>
      <c r="D19369" s="14" t="s">
        <v>135</v>
      </c>
      <c r="E19369" s="15">
        <v>45400</v>
      </c>
      <c r="F19369" s="14" t="s">
        <v>28</v>
      </c>
      <c r="G19369" s="16">
        <v>0</v>
      </c>
    </row>
    <row r="19370" spans="1:7" x14ac:dyDescent="0.3">
      <c r="A19370" s="13" t="s">
        <v>134</v>
      </c>
      <c r="B19370" s="14" t="s">
        <v>1</v>
      </c>
      <c r="C19370" s="14" t="s">
        <v>51</v>
      </c>
      <c r="D19370" s="14" t="s">
        <v>135</v>
      </c>
      <c r="E19370" s="15">
        <v>45401</v>
      </c>
      <c r="F19370" s="14" t="s">
        <v>28</v>
      </c>
      <c r="G19370" s="16">
        <v>0</v>
      </c>
    </row>
    <row r="19371" spans="1:7" x14ac:dyDescent="0.3">
      <c r="A19371" s="13" t="s">
        <v>134</v>
      </c>
      <c r="B19371" s="14" t="s">
        <v>1</v>
      </c>
      <c r="C19371" s="14" t="s">
        <v>51</v>
      </c>
      <c r="D19371" s="14" t="s">
        <v>135</v>
      </c>
      <c r="E19371" s="15">
        <v>45402</v>
      </c>
      <c r="F19371" s="14" t="s">
        <v>28</v>
      </c>
      <c r="G19371" s="16">
        <v>0</v>
      </c>
    </row>
    <row r="19372" spans="1:7" x14ac:dyDescent="0.3">
      <c r="A19372" s="13" t="s">
        <v>134</v>
      </c>
      <c r="B19372" s="14" t="s">
        <v>1</v>
      </c>
      <c r="C19372" s="14" t="s">
        <v>51</v>
      </c>
      <c r="D19372" s="14" t="s">
        <v>135</v>
      </c>
      <c r="E19372" s="15">
        <v>45403</v>
      </c>
      <c r="F19372" s="14" t="s">
        <v>28</v>
      </c>
      <c r="G19372" s="16">
        <v>0</v>
      </c>
    </row>
    <row r="19373" spans="1:7" x14ac:dyDescent="0.3">
      <c r="A19373" s="13" t="s">
        <v>134</v>
      </c>
      <c r="B19373" s="14" t="s">
        <v>1</v>
      </c>
      <c r="C19373" s="14" t="s">
        <v>51</v>
      </c>
      <c r="D19373" s="14" t="s">
        <v>135</v>
      </c>
      <c r="E19373" s="15">
        <v>45404</v>
      </c>
      <c r="F19373" s="14" t="s">
        <v>28</v>
      </c>
      <c r="G19373" s="16">
        <v>0</v>
      </c>
    </row>
    <row r="19374" spans="1:7" x14ac:dyDescent="0.3">
      <c r="A19374" s="13" t="s">
        <v>134</v>
      </c>
      <c r="B19374" s="14" t="s">
        <v>1</v>
      </c>
      <c r="C19374" s="14" t="s">
        <v>51</v>
      </c>
      <c r="D19374" s="14" t="s">
        <v>135</v>
      </c>
      <c r="E19374" s="15">
        <v>45405</v>
      </c>
      <c r="F19374" s="14" t="s">
        <v>28</v>
      </c>
      <c r="G19374" s="16">
        <v>0</v>
      </c>
    </row>
    <row r="19375" spans="1:7" x14ac:dyDescent="0.3">
      <c r="A19375" s="13" t="s">
        <v>134</v>
      </c>
      <c r="B19375" s="14" t="s">
        <v>1</v>
      </c>
      <c r="C19375" s="14" t="s">
        <v>51</v>
      </c>
      <c r="D19375" s="14" t="s">
        <v>135</v>
      </c>
      <c r="E19375" s="15">
        <v>45406</v>
      </c>
      <c r="F19375" s="14" t="s">
        <v>28</v>
      </c>
      <c r="G19375" s="16">
        <v>0</v>
      </c>
    </row>
    <row r="19376" spans="1:7" x14ac:dyDescent="0.3">
      <c r="A19376" s="13" t="s">
        <v>134</v>
      </c>
      <c r="B19376" s="14" t="s">
        <v>1</v>
      </c>
      <c r="C19376" s="14" t="s">
        <v>51</v>
      </c>
      <c r="D19376" s="14" t="s">
        <v>135</v>
      </c>
      <c r="E19376" s="15">
        <v>45407</v>
      </c>
      <c r="F19376" s="14" t="s">
        <v>28</v>
      </c>
      <c r="G19376" s="16">
        <v>0</v>
      </c>
    </row>
    <row r="19377" spans="1:7" x14ac:dyDescent="0.3">
      <c r="A19377" s="13" t="s">
        <v>134</v>
      </c>
      <c r="B19377" s="14" t="s">
        <v>1</v>
      </c>
      <c r="C19377" s="14" t="s">
        <v>51</v>
      </c>
      <c r="D19377" s="14" t="s">
        <v>135</v>
      </c>
      <c r="E19377" s="15">
        <v>45408</v>
      </c>
      <c r="F19377" s="14" t="s">
        <v>28</v>
      </c>
      <c r="G19377" s="16">
        <v>0</v>
      </c>
    </row>
    <row r="19378" spans="1:7" x14ac:dyDescent="0.3">
      <c r="A19378" s="13" t="s">
        <v>134</v>
      </c>
      <c r="B19378" s="14" t="s">
        <v>1</v>
      </c>
      <c r="C19378" s="14" t="s">
        <v>51</v>
      </c>
      <c r="D19378" s="14" t="s">
        <v>135</v>
      </c>
      <c r="E19378" s="15">
        <v>45409</v>
      </c>
      <c r="F19378" s="14" t="s">
        <v>28</v>
      </c>
      <c r="G19378" s="16">
        <v>0</v>
      </c>
    </row>
    <row r="19379" spans="1:7" x14ac:dyDescent="0.3">
      <c r="A19379" s="13" t="s">
        <v>134</v>
      </c>
      <c r="B19379" s="14" t="s">
        <v>1</v>
      </c>
      <c r="C19379" s="14" t="s">
        <v>51</v>
      </c>
      <c r="D19379" s="14" t="s">
        <v>135</v>
      </c>
      <c r="E19379" s="15">
        <v>45410</v>
      </c>
      <c r="F19379" s="14" t="s">
        <v>28</v>
      </c>
      <c r="G19379" s="16">
        <v>0</v>
      </c>
    </row>
    <row r="19380" spans="1:7" x14ac:dyDescent="0.3">
      <c r="A19380" s="13" t="s">
        <v>134</v>
      </c>
      <c r="B19380" s="14" t="s">
        <v>1</v>
      </c>
      <c r="C19380" s="14" t="s">
        <v>51</v>
      </c>
      <c r="D19380" s="14" t="s">
        <v>135</v>
      </c>
      <c r="E19380" s="15">
        <v>45411</v>
      </c>
      <c r="F19380" s="14" t="s">
        <v>28</v>
      </c>
      <c r="G19380" s="16">
        <v>0</v>
      </c>
    </row>
    <row r="19381" spans="1:7" x14ac:dyDescent="0.3">
      <c r="A19381" s="13" t="s">
        <v>134</v>
      </c>
      <c r="B19381" s="14" t="s">
        <v>1</v>
      </c>
      <c r="C19381" s="14" t="s">
        <v>51</v>
      </c>
      <c r="D19381" s="14" t="s">
        <v>135</v>
      </c>
      <c r="E19381" s="15">
        <v>45412</v>
      </c>
      <c r="F19381" s="14" t="s">
        <v>28</v>
      </c>
      <c r="G19381" s="16">
        <v>0</v>
      </c>
    </row>
    <row r="19382" spans="1:7" x14ac:dyDescent="0.3">
      <c r="A19382" s="13" t="s">
        <v>134</v>
      </c>
      <c r="B19382" s="14" t="s">
        <v>1</v>
      </c>
      <c r="C19382" s="14" t="s">
        <v>51</v>
      </c>
      <c r="D19382" s="14" t="s">
        <v>135</v>
      </c>
      <c r="E19382" s="15">
        <v>45413</v>
      </c>
      <c r="F19382" s="14" t="s">
        <v>28</v>
      </c>
      <c r="G19382" s="16">
        <v>0</v>
      </c>
    </row>
    <row r="19383" spans="1:7" x14ac:dyDescent="0.3">
      <c r="A19383" s="13" t="s">
        <v>134</v>
      </c>
      <c r="B19383" s="14" t="s">
        <v>1</v>
      </c>
      <c r="C19383" s="14" t="s">
        <v>51</v>
      </c>
      <c r="D19383" s="14" t="s">
        <v>135</v>
      </c>
      <c r="E19383" s="15">
        <v>45414</v>
      </c>
      <c r="F19383" s="14" t="s">
        <v>28</v>
      </c>
      <c r="G19383" s="16">
        <v>0</v>
      </c>
    </row>
    <row r="19384" spans="1:7" x14ac:dyDescent="0.3">
      <c r="A19384" s="13" t="s">
        <v>134</v>
      </c>
      <c r="B19384" s="14" t="s">
        <v>1</v>
      </c>
      <c r="C19384" s="14" t="s">
        <v>51</v>
      </c>
      <c r="D19384" s="14" t="s">
        <v>135</v>
      </c>
      <c r="E19384" s="15">
        <v>45415</v>
      </c>
      <c r="F19384" s="14" t="s">
        <v>28</v>
      </c>
      <c r="G19384" s="16">
        <v>0</v>
      </c>
    </row>
    <row r="19385" spans="1:7" x14ac:dyDescent="0.3">
      <c r="A19385" s="13" t="s">
        <v>134</v>
      </c>
      <c r="B19385" s="14" t="s">
        <v>1</v>
      </c>
      <c r="C19385" s="14" t="s">
        <v>51</v>
      </c>
      <c r="D19385" s="14" t="s">
        <v>135</v>
      </c>
      <c r="E19385" s="15">
        <v>45416</v>
      </c>
      <c r="F19385" s="14" t="s">
        <v>28</v>
      </c>
      <c r="G19385" s="16">
        <v>0</v>
      </c>
    </row>
    <row r="19386" spans="1:7" x14ac:dyDescent="0.3">
      <c r="A19386" s="13" t="s">
        <v>134</v>
      </c>
      <c r="B19386" s="14" t="s">
        <v>1</v>
      </c>
      <c r="C19386" s="14" t="s">
        <v>51</v>
      </c>
      <c r="D19386" s="14" t="s">
        <v>135</v>
      </c>
      <c r="E19386" s="15">
        <v>45417</v>
      </c>
      <c r="F19386" s="14" t="s">
        <v>28</v>
      </c>
      <c r="G19386" s="16">
        <v>0</v>
      </c>
    </row>
    <row r="19387" spans="1:7" x14ac:dyDescent="0.3">
      <c r="A19387" s="13" t="s">
        <v>134</v>
      </c>
      <c r="B19387" s="14" t="s">
        <v>1</v>
      </c>
      <c r="C19387" s="14" t="s">
        <v>51</v>
      </c>
      <c r="D19387" s="14" t="s">
        <v>135</v>
      </c>
      <c r="E19387" s="15">
        <v>45418</v>
      </c>
      <c r="F19387" s="14" t="s">
        <v>28</v>
      </c>
      <c r="G19387" s="16">
        <v>0</v>
      </c>
    </row>
    <row r="19388" spans="1:7" x14ac:dyDescent="0.3">
      <c r="A19388" s="13" t="s">
        <v>134</v>
      </c>
      <c r="B19388" s="14" t="s">
        <v>1</v>
      </c>
      <c r="C19388" s="14" t="s">
        <v>51</v>
      </c>
      <c r="D19388" s="14" t="s">
        <v>135</v>
      </c>
      <c r="E19388" s="15">
        <v>45419</v>
      </c>
      <c r="F19388" s="14" t="s">
        <v>28</v>
      </c>
      <c r="G19388" s="16">
        <v>0</v>
      </c>
    </row>
    <row r="19389" spans="1:7" x14ac:dyDescent="0.3">
      <c r="A19389" s="13" t="s">
        <v>134</v>
      </c>
      <c r="B19389" s="14" t="s">
        <v>1</v>
      </c>
      <c r="C19389" s="14" t="s">
        <v>51</v>
      </c>
      <c r="D19389" s="14" t="s">
        <v>135</v>
      </c>
      <c r="E19389" s="15">
        <v>45420</v>
      </c>
      <c r="F19389" s="14" t="s">
        <v>28</v>
      </c>
      <c r="G19389" s="16">
        <v>0</v>
      </c>
    </row>
    <row r="19390" spans="1:7" x14ac:dyDescent="0.3">
      <c r="A19390" s="13" t="s">
        <v>134</v>
      </c>
      <c r="B19390" s="14" t="s">
        <v>1</v>
      </c>
      <c r="C19390" s="14" t="s">
        <v>51</v>
      </c>
      <c r="D19390" s="14" t="s">
        <v>135</v>
      </c>
      <c r="E19390" s="15">
        <v>45421</v>
      </c>
      <c r="F19390" s="14" t="s">
        <v>28</v>
      </c>
      <c r="G19390" s="16">
        <v>0</v>
      </c>
    </row>
    <row r="19391" spans="1:7" x14ac:dyDescent="0.3">
      <c r="A19391" s="13" t="s">
        <v>134</v>
      </c>
      <c r="B19391" s="14" t="s">
        <v>1</v>
      </c>
      <c r="C19391" s="14" t="s">
        <v>51</v>
      </c>
      <c r="D19391" s="14" t="s">
        <v>135</v>
      </c>
      <c r="E19391" s="15">
        <v>45422</v>
      </c>
      <c r="F19391" s="14" t="s">
        <v>28</v>
      </c>
      <c r="G19391" s="16">
        <v>0</v>
      </c>
    </row>
    <row r="19392" spans="1:7" x14ac:dyDescent="0.3">
      <c r="A19392" s="13" t="s">
        <v>134</v>
      </c>
      <c r="B19392" s="14" t="s">
        <v>1</v>
      </c>
      <c r="C19392" s="14" t="s">
        <v>51</v>
      </c>
      <c r="D19392" s="14" t="s">
        <v>135</v>
      </c>
      <c r="E19392" s="15">
        <v>45423</v>
      </c>
      <c r="F19392" s="14" t="s">
        <v>28</v>
      </c>
      <c r="G19392" s="16">
        <v>0</v>
      </c>
    </row>
    <row r="19393" spans="1:7" x14ac:dyDescent="0.3">
      <c r="A19393" s="13" t="s">
        <v>134</v>
      </c>
      <c r="B19393" s="14" t="s">
        <v>1</v>
      </c>
      <c r="C19393" s="14" t="s">
        <v>51</v>
      </c>
      <c r="D19393" s="14" t="s">
        <v>135</v>
      </c>
      <c r="E19393" s="15">
        <v>45424</v>
      </c>
      <c r="F19393" s="14" t="s">
        <v>28</v>
      </c>
      <c r="G19393" s="16">
        <v>0</v>
      </c>
    </row>
    <row r="19394" spans="1:7" x14ac:dyDescent="0.3">
      <c r="A19394" s="13" t="s">
        <v>134</v>
      </c>
      <c r="B19394" s="14" t="s">
        <v>1</v>
      </c>
      <c r="C19394" s="14" t="s">
        <v>51</v>
      </c>
      <c r="D19394" s="14" t="s">
        <v>135</v>
      </c>
      <c r="E19394" s="15">
        <v>45425</v>
      </c>
      <c r="F19394" s="14" t="s">
        <v>28</v>
      </c>
      <c r="G19394" s="16">
        <v>0</v>
      </c>
    </row>
    <row r="19395" spans="1:7" x14ac:dyDescent="0.3">
      <c r="A19395" s="13" t="s">
        <v>134</v>
      </c>
      <c r="B19395" s="14" t="s">
        <v>1</v>
      </c>
      <c r="C19395" s="14" t="s">
        <v>51</v>
      </c>
      <c r="D19395" s="14" t="s">
        <v>135</v>
      </c>
      <c r="E19395" s="15">
        <v>45426</v>
      </c>
      <c r="F19395" s="14" t="s">
        <v>28</v>
      </c>
      <c r="G19395" s="16">
        <v>0</v>
      </c>
    </row>
    <row r="19396" spans="1:7" x14ac:dyDescent="0.3">
      <c r="A19396" s="13" t="s">
        <v>134</v>
      </c>
      <c r="B19396" s="14" t="s">
        <v>1</v>
      </c>
      <c r="C19396" s="14" t="s">
        <v>51</v>
      </c>
      <c r="D19396" s="14" t="s">
        <v>135</v>
      </c>
      <c r="E19396" s="15">
        <v>45427</v>
      </c>
      <c r="F19396" s="14" t="s">
        <v>28</v>
      </c>
      <c r="G19396" s="16">
        <v>0</v>
      </c>
    </row>
    <row r="19397" spans="1:7" x14ac:dyDescent="0.3">
      <c r="A19397" s="13" t="s">
        <v>134</v>
      </c>
      <c r="B19397" s="14" t="s">
        <v>1</v>
      </c>
      <c r="C19397" s="14" t="s">
        <v>51</v>
      </c>
      <c r="D19397" s="14" t="s">
        <v>135</v>
      </c>
      <c r="E19397" s="15">
        <v>45428</v>
      </c>
      <c r="F19397" s="14" t="s">
        <v>28</v>
      </c>
      <c r="G19397" s="16">
        <v>0</v>
      </c>
    </row>
    <row r="19398" spans="1:7" x14ac:dyDescent="0.3">
      <c r="A19398" s="13" t="s">
        <v>134</v>
      </c>
      <c r="B19398" s="14" t="s">
        <v>1</v>
      </c>
      <c r="C19398" s="14" t="s">
        <v>51</v>
      </c>
      <c r="D19398" s="14" t="s">
        <v>135</v>
      </c>
      <c r="E19398" s="15">
        <v>45429</v>
      </c>
      <c r="F19398" s="14" t="s">
        <v>28</v>
      </c>
      <c r="G19398" s="16">
        <v>0</v>
      </c>
    </row>
    <row r="19399" spans="1:7" x14ac:dyDescent="0.3">
      <c r="A19399" s="13" t="s">
        <v>134</v>
      </c>
      <c r="B19399" s="14" t="s">
        <v>1</v>
      </c>
      <c r="C19399" s="14" t="s">
        <v>51</v>
      </c>
      <c r="D19399" s="14" t="s">
        <v>135</v>
      </c>
      <c r="E19399" s="15">
        <v>45430</v>
      </c>
      <c r="F19399" s="14" t="s">
        <v>28</v>
      </c>
      <c r="G19399" s="16">
        <v>0</v>
      </c>
    </row>
    <row r="19400" spans="1:7" x14ac:dyDescent="0.3">
      <c r="A19400" s="13" t="s">
        <v>134</v>
      </c>
      <c r="B19400" s="14" t="s">
        <v>1</v>
      </c>
      <c r="C19400" s="14" t="s">
        <v>51</v>
      </c>
      <c r="D19400" s="14" t="s">
        <v>135</v>
      </c>
      <c r="E19400" s="15">
        <v>45431</v>
      </c>
      <c r="F19400" s="14" t="s">
        <v>28</v>
      </c>
      <c r="G19400" s="16">
        <v>0</v>
      </c>
    </row>
    <row r="19401" spans="1:7" x14ac:dyDescent="0.3">
      <c r="A19401" s="13" t="s">
        <v>134</v>
      </c>
      <c r="B19401" s="14" t="s">
        <v>1</v>
      </c>
      <c r="C19401" s="14" t="s">
        <v>51</v>
      </c>
      <c r="D19401" s="14" t="s">
        <v>135</v>
      </c>
      <c r="E19401" s="15">
        <v>45432</v>
      </c>
      <c r="F19401" s="14" t="s">
        <v>28</v>
      </c>
      <c r="G19401" s="16">
        <v>0</v>
      </c>
    </row>
    <row r="19402" spans="1:7" x14ac:dyDescent="0.3">
      <c r="A19402" s="13" t="s">
        <v>134</v>
      </c>
      <c r="B19402" s="14" t="s">
        <v>1</v>
      </c>
      <c r="C19402" s="14" t="s">
        <v>51</v>
      </c>
      <c r="D19402" s="14" t="s">
        <v>135</v>
      </c>
      <c r="E19402" s="15">
        <v>45433</v>
      </c>
      <c r="F19402" s="14" t="s">
        <v>28</v>
      </c>
      <c r="G19402" s="16">
        <v>0</v>
      </c>
    </row>
    <row r="19403" spans="1:7" x14ac:dyDescent="0.3">
      <c r="A19403" s="13" t="s">
        <v>134</v>
      </c>
      <c r="B19403" s="14" t="s">
        <v>1</v>
      </c>
      <c r="C19403" s="14" t="s">
        <v>51</v>
      </c>
      <c r="D19403" s="14" t="s">
        <v>135</v>
      </c>
      <c r="E19403" s="15">
        <v>45434</v>
      </c>
      <c r="F19403" s="14" t="s">
        <v>28</v>
      </c>
      <c r="G19403" s="16">
        <v>0</v>
      </c>
    </row>
    <row r="19404" spans="1:7" x14ac:dyDescent="0.3">
      <c r="A19404" s="13" t="s">
        <v>134</v>
      </c>
      <c r="B19404" s="14" t="s">
        <v>1</v>
      </c>
      <c r="C19404" s="14" t="s">
        <v>51</v>
      </c>
      <c r="D19404" s="14" t="s">
        <v>135</v>
      </c>
      <c r="E19404" s="15">
        <v>45435</v>
      </c>
      <c r="F19404" s="14" t="s">
        <v>28</v>
      </c>
      <c r="G19404" s="16">
        <v>0</v>
      </c>
    </row>
    <row r="19405" spans="1:7" x14ac:dyDescent="0.3">
      <c r="A19405" s="13" t="s">
        <v>134</v>
      </c>
      <c r="B19405" s="14" t="s">
        <v>1</v>
      </c>
      <c r="C19405" s="14" t="s">
        <v>51</v>
      </c>
      <c r="D19405" s="14" t="s">
        <v>135</v>
      </c>
      <c r="E19405" s="15">
        <v>45436</v>
      </c>
      <c r="F19405" s="14" t="s">
        <v>28</v>
      </c>
      <c r="G19405" s="16">
        <v>0</v>
      </c>
    </row>
    <row r="19406" spans="1:7" x14ac:dyDescent="0.3">
      <c r="A19406" s="13" t="s">
        <v>134</v>
      </c>
      <c r="B19406" s="14" t="s">
        <v>1</v>
      </c>
      <c r="C19406" s="14" t="s">
        <v>51</v>
      </c>
      <c r="D19406" s="14" t="s">
        <v>135</v>
      </c>
      <c r="E19406" s="15">
        <v>45437</v>
      </c>
      <c r="F19406" s="14" t="s">
        <v>28</v>
      </c>
      <c r="G19406" s="16">
        <v>0</v>
      </c>
    </row>
    <row r="19407" spans="1:7" x14ac:dyDescent="0.3">
      <c r="A19407" s="13" t="s">
        <v>134</v>
      </c>
      <c r="B19407" s="14" t="s">
        <v>1</v>
      </c>
      <c r="C19407" s="14" t="s">
        <v>51</v>
      </c>
      <c r="D19407" s="14" t="s">
        <v>135</v>
      </c>
      <c r="E19407" s="15">
        <v>45438</v>
      </c>
      <c r="F19407" s="14" t="s">
        <v>28</v>
      </c>
      <c r="G19407" s="16">
        <v>0</v>
      </c>
    </row>
    <row r="19408" spans="1:7" x14ac:dyDescent="0.3">
      <c r="A19408" s="13" t="s">
        <v>134</v>
      </c>
      <c r="B19408" s="14" t="s">
        <v>1</v>
      </c>
      <c r="C19408" s="14" t="s">
        <v>51</v>
      </c>
      <c r="D19408" s="14" t="s">
        <v>135</v>
      </c>
      <c r="E19408" s="15">
        <v>45439</v>
      </c>
      <c r="F19408" s="14" t="s">
        <v>28</v>
      </c>
      <c r="G19408" s="16">
        <v>0</v>
      </c>
    </row>
    <row r="19409" spans="1:7" x14ac:dyDescent="0.3">
      <c r="A19409" s="13" t="s">
        <v>134</v>
      </c>
      <c r="B19409" s="14" t="s">
        <v>1</v>
      </c>
      <c r="C19409" s="14" t="s">
        <v>51</v>
      </c>
      <c r="D19409" s="14" t="s">
        <v>135</v>
      </c>
      <c r="E19409" s="15">
        <v>45440</v>
      </c>
      <c r="F19409" s="14" t="s">
        <v>28</v>
      </c>
      <c r="G19409" s="16">
        <v>0</v>
      </c>
    </row>
    <row r="19410" spans="1:7" x14ac:dyDescent="0.3">
      <c r="A19410" s="13" t="s">
        <v>134</v>
      </c>
      <c r="B19410" s="14" t="s">
        <v>1</v>
      </c>
      <c r="C19410" s="14" t="s">
        <v>51</v>
      </c>
      <c r="D19410" s="14" t="s">
        <v>135</v>
      </c>
      <c r="E19410" s="15">
        <v>45441</v>
      </c>
      <c r="F19410" s="14" t="s">
        <v>28</v>
      </c>
      <c r="G19410" s="16">
        <v>0</v>
      </c>
    </row>
    <row r="19411" spans="1:7" x14ac:dyDescent="0.3">
      <c r="A19411" s="13" t="s">
        <v>134</v>
      </c>
      <c r="B19411" s="14" t="s">
        <v>1</v>
      </c>
      <c r="C19411" s="14" t="s">
        <v>51</v>
      </c>
      <c r="D19411" s="14" t="s">
        <v>135</v>
      </c>
      <c r="E19411" s="15">
        <v>45442</v>
      </c>
      <c r="F19411" s="14" t="s">
        <v>28</v>
      </c>
      <c r="G19411" s="16">
        <v>0</v>
      </c>
    </row>
    <row r="19412" spans="1:7" x14ac:dyDescent="0.3">
      <c r="A19412" s="13" t="s">
        <v>134</v>
      </c>
      <c r="B19412" s="14" t="s">
        <v>1</v>
      </c>
      <c r="C19412" s="14" t="s">
        <v>51</v>
      </c>
      <c r="D19412" s="14" t="s">
        <v>135</v>
      </c>
      <c r="E19412" s="15">
        <v>45443</v>
      </c>
      <c r="F19412" s="14" t="s">
        <v>28</v>
      </c>
      <c r="G19412" s="16">
        <v>0</v>
      </c>
    </row>
    <row r="19413" spans="1:7" x14ac:dyDescent="0.3">
      <c r="A19413" s="13" t="s">
        <v>134</v>
      </c>
      <c r="B19413" s="14" t="s">
        <v>1</v>
      </c>
      <c r="C19413" s="14" t="s">
        <v>51</v>
      </c>
      <c r="D19413" s="14" t="s">
        <v>135</v>
      </c>
      <c r="E19413" s="15">
        <v>45444</v>
      </c>
      <c r="F19413" s="14" t="s">
        <v>28</v>
      </c>
      <c r="G19413" s="16">
        <v>0</v>
      </c>
    </row>
    <row r="19414" spans="1:7" x14ac:dyDescent="0.3">
      <c r="A19414" s="13" t="s">
        <v>134</v>
      </c>
      <c r="B19414" s="14" t="s">
        <v>1</v>
      </c>
      <c r="C19414" s="14" t="s">
        <v>51</v>
      </c>
      <c r="D19414" s="14" t="s">
        <v>135</v>
      </c>
      <c r="E19414" s="15">
        <v>45445</v>
      </c>
      <c r="F19414" s="14" t="s">
        <v>28</v>
      </c>
      <c r="G19414" s="16">
        <v>0</v>
      </c>
    </row>
    <row r="19415" spans="1:7" x14ac:dyDescent="0.3">
      <c r="A19415" s="13" t="s">
        <v>134</v>
      </c>
      <c r="B19415" s="14" t="s">
        <v>1</v>
      </c>
      <c r="C19415" s="14" t="s">
        <v>51</v>
      </c>
      <c r="D19415" s="14" t="s">
        <v>135</v>
      </c>
      <c r="E19415" s="15">
        <v>45446</v>
      </c>
      <c r="F19415" s="14" t="s">
        <v>28</v>
      </c>
      <c r="G19415" s="16">
        <v>0</v>
      </c>
    </row>
    <row r="19416" spans="1:7" x14ac:dyDescent="0.3">
      <c r="A19416" s="13" t="s">
        <v>134</v>
      </c>
      <c r="B19416" s="14" t="s">
        <v>1</v>
      </c>
      <c r="C19416" s="14" t="s">
        <v>51</v>
      </c>
      <c r="D19416" s="14" t="s">
        <v>135</v>
      </c>
      <c r="E19416" s="15">
        <v>45447</v>
      </c>
      <c r="F19416" s="14" t="s">
        <v>28</v>
      </c>
      <c r="G19416" s="16">
        <v>0</v>
      </c>
    </row>
    <row r="19417" spans="1:7" x14ac:dyDescent="0.3">
      <c r="A19417" s="13" t="s">
        <v>134</v>
      </c>
      <c r="B19417" s="14" t="s">
        <v>1</v>
      </c>
      <c r="C19417" s="14" t="s">
        <v>51</v>
      </c>
      <c r="D19417" s="14" t="s">
        <v>135</v>
      </c>
      <c r="E19417" s="15">
        <v>45448</v>
      </c>
      <c r="F19417" s="14" t="s">
        <v>28</v>
      </c>
      <c r="G19417" s="16">
        <v>0</v>
      </c>
    </row>
    <row r="19418" spans="1:7" x14ac:dyDescent="0.3">
      <c r="A19418" s="13" t="s">
        <v>134</v>
      </c>
      <c r="B19418" s="14" t="s">
        <v>1</v>
      </c>
      <c r="C19418" s="14" t="s">
        <v>51</v>
      </c>
      <c r="D19418" s="14" t="s">
        <v>135</v>
      </c>
      <c r="E19418" s="15">
        <v>45449</v>
      </c>
      <c r="F19418" s="14" t="s">
        <v>28</v>
      </c>
      <c r="G19418" s="16">
        <v>0</v>
      </c>
    </row>
    <row r="19419" spans="1:7" x14ac:dyDescent="0.3">
      <c r="A19419" s="13" t="s">
        <v>134</v>
      </c>
      <c r="B19419" s="14" t="s">
        <v>1</v>
      </c>
      <c r="C19419" s="14" t="s">
        <v>51</v>
      </c>
      <c r="D19419" s="14" t="s">
        <v>135</v>
      </c>
      <c r="E19419" s="15">
        <v>45450</v>
      </c>
      <c r="F19419" s="14" t="s">
        <v>28</v>
      </c>
      <c r="G19419" s="16">
        <v>0</v>
      </c>
    </row>
    <row r="19420" spans="1:7" x14ac:dyDescent="0.3">
      <c r="A19420" s="13" t="s">
        <v>134</v>
      </c>
      <c r="B19420" s="14" t="s">
        <v>1</v>
      </c>
      <c r="C19420" s="14" t="s">
        <v>51</v>
      </c>
      <c r="D19420" s="14" t="s">
        <v>135</v>
      </c>
      <c r="E19420" s="15">
        <v>45451</v>
      </c>
      <c r="F19420" s="14" t="s">
        <v>28</v>
      </c>
      <c r="G19420" s="16">
        <v>0</v>
      </c>
    </row>
    <row r="19421" spans="1:7" x14ac:dyDescent="0.3">
      <c r="A19421" s="13" t="s">
        <v>134</v>
      </c>
      <c r="B19421" s="14" t="s">
        <v>1</v>
      </c>
      <c r="C19421" s="14" t="s">
        <v>51</v>
      </c>
      <c r="D19421" s="14" t="s">
        <v>135</v>
      </c>
      <c r="E19421" s="15">
        <v>45452</v>
      </c>
      <c r="F19421" s="14" t="s">
        <v>28</v>
      </c>
      <c r="G19421" s="16">
        <v>0</v>
      </c>
    </row>
    <row r="19422" spans="1:7" x14ac:dyDescent="0.3">
      <c r="A19422" s="13" t="s">
        <v>134</v>
      </c>
      <c r="B19422" s="14" t="s">
        <v>1</v>
      </c>
      <c r="C19422" s="14" t="s">
        <v>51</v>
      </c>
      <c r="D19422" s="14" t="s">
        <v>135</v>
      </c>
      <c r="E19422" s="15">
        <v>45453</v>
      </c>
      <c r="F19422" s="14" t="s">
        <v>28</v>
      </c>
      <c r="G19422" s="16">
        <v>0</v>
      </c>
    </row>
    <row r="19423" spans="1:7" x14ac:dyDescent="0.3">
      <c r="A19423" s="13" t="s">
        <v>134</v>
      </c>
      <c r="B19423" s="14" t="s">
        <v>1</v>
      </c>
      <c r="C19423" s="14" t="s">
        <v>51</v>
      </c>
      <c r="D19423" s="14" t="s">
        <v>135</v>
      </c>
      <c r="E19423" s="15">
        <v>45454</v>
      </c>
      <c r="F19423" s="14" t="s">
        <v>28</v>
      </c>
      <c r="G19423" s="16">
        <v>0</v>
      </c>
    </row>
    <row r="19424" spans="1:7" x14ac:dyDescent="0.3">
      <c r="A19424" s="13" t="s">
        <v>134</v>
      </c>
      <c r="B19424" s="14" t="s">
        <v>1</v>
      </c>
      <c r="C19424" s="14" t="s">
        <v>51</v>
      </c>
      <c r="D19424" s="14" t="s">
        <v>135</v>
      </c>
      <c r="E19424" s="15">
        <v>45455</v>
      </c>
      <c r="F19424" s="14" t="s">
        <v>28</v>
      </c>
      <c r="G19424" s="16">
        <v>0</v>
      </c>
    </row>
    <row r="19425" spans="1:7" x14ac:dyDescent="0.3">
      <c r="A19425" s="13" t="s">
        <v>134</v>
      </c>
      <c r="B19425" s="14" t="s">
        <v>1</v>
      </c>
      <c r="C19425" s="14" t="s">
        <v>51</v>
      </c>
      <c r="D19425" s="14" t="s">
        <v>135</v>
      </c>
      <c r="E19425" s="15">
        <v>45456</v>
      </c>
      <c r="F19425" s="14" t="s">
        <v>28</v>
      </c>
      <c r="G19425" s="16">
        <v>0</v>
      </c>
    </row>
    <row r="19426" spans="1:7" x14ac:dyDescent="0.3">
      <c r="A19426" s="13" t="s">
        <v>134</v>
      </c>
      <c r="B19426" s="14" t="s">
        <v>1</v>
      </c>
      <c r="C19426" s="14" t="s">
        <v>51</v>
      </c>
      <c r="D19426" s="14" t="s">
        <v>135</v>
      </c>
      <c r="E19426" s="15">
        <v>45457</v>
      </c>
      <c r="F19426" s="14" t="s">
        <v>28</v>
      </c>
      <c r="G19426" s="16">
        <v>0</v>
      </c>
    </row>
    <row r="19427" spans="1:7" x14ac:dyDescent="0.3">
      <c r="A19427" s="13" t="s">
        <v>134</v>
      </c>
      <c r="B19427" s="14" t="s">
        <v>1</v>
      </c>
      <c r="C19427" s="14" t="s">
        <v>51</v>
      </c>
      <c r="D19427" s="14" t="s">
        <v>135</v>
      </c>
      <c r="E19427" s="15">
        <v>45458</v>
      </c>
      <c r="F19427" s="14" t="s">
        <v>28</v>
      </c>
      <c r="G19427" s="16">
        <v>0</v>
      </c>
    </row>
    <row r="19428" spans="1:7" x14ac:dyDescent="0.3">
      <c r="A19428" s="13" t="s">
        <v>134</v>
      </c>
      <c r="B19428" s="14" t="s">
        <v>1</v>
      </c>
      <c r="C19428" s="14" t="s">
        <v>51</v>
      </c>
      <c r="D19428" s="14" t="s">
        <v>135</v>
      </c>
      <c r="E19428" s="15">
        <v>45459</v>
      </c>
      <c r="F19428" s="14" t="s">
        <v>28</v>
      </c>
      <c r="G19428" s="16">
        <v>0</v>
      </c>
    </row>
    <row r="19429" spans="1:7" x14ac:dyDescent="0.3">
      <c r="A19429" s="13" t="s">
        <v>134</v>
      </c>
      <c r="B19429" s="14" t="s">
        <v>1</v>
      </c>
      <c r="C19429" s="14" t="s">
        <v>51</v>
      </c>
      <c r="D19429" s="14" t="s">
        <v>135</v>
      </c>
      <c r="E19429" s="15">
        <v>45460</v>
      </c>
      <c r="F19429" s="14" t="s">
        <v>28</v>
      </c>
      <c r="G19429" s="16">
        <v>0</v>
      </c>
    </row>
    <row r="19430" spans="1:7" x14ac:dyDescent="0.3">
      <c r="A19430" s="13" t="s">
        <v>134</v>
      </c>
      <c r="B19430" s="14" t="s">
        <v>1</v>
      </c>
      <c r="C19430" s="14" t="s">
        <v>51</v>
      </c>
      <c r="D19430" s="14" t="s">
        <v>135</v>
      </c>
      <c r="E19430" s="15">
        <v>45461</v>
      </c>
      <c r="F19430" s="14" t="s">
        <v>28</v>
      </c>
      <c r="G19430" s="16">
        <v>0</v>
      </c>
    </row>
    <row r="19431" spans="1:7" x14ac:dyDescent="0.3">
      <c r="A19431" s="13" t="s">
        <v>134</v>
      </c>
      <c r="B19431" s="14" t="s">
        <v>1</v>
      </c>
      <c r="C19431" s="14" t="s">
        <v>51</v>
      </c>
      <c r="D19431" s="14" t="s">
        <v>135</v>
      </c>
      <c r="E19431" s="15">
        <v>45462</v>
      </c>
      <c r="F19431" s="14" t="s">
        <v>28</v>
      </c>
      <c r="G19431" s="16">
        <v>0</v>
      </c>
    </row>
    <row r="19432" spans="1:7" x14ac:dyDescent="0.3">
      <c r="A19432" s="13" t="s">
        <v>134</v>
      </c>
      <c r="B19432" s="14" t="s">
        <v>1</v>
      </c>
      <c r="C19432" s="14" t="s">
        <v>51</v>
      </c>
      <c r="D19432" s="14" t="s">
        <v>135</v>
      </c>
      <c r="E19432" s="15">
        <v>45463</v>
      </c>
      <c r="F19432" s="14" t="s">
        <v>28</v>
      </c>
      <c r="G19432" s="16">
        <v>0</v>
      </c>
    </row>
    <row r="19433" spans="1:7" x14ac:dyDescent="0.3">
      <c r="A19433" s="13" t="s">
        <v>134</v>
      </c>
      <c r="B19433" s="14" t="s">
        <v>1</v>
      </c>
      <c r="C19433" s="14" t="s">
        <v>51</v>
      </c>
      <c r="D19433" s="14" t="s">
        <v>135</v>
      </c>
      <c r="E19433" s="15">
        <v>45464</v>
      </c>
      <c r="F19433" s="14" t="s">
        <v>28</v>
      </c>
      <c r="G19433" s="16">
        <v>0</v>
      </c>
    </row>
    <row r="19434" spans="1:7" x14ac:dyDescent="0.3">
      <c r="A19434" s="13" t="s">
        <v>134</v>
      </c>
      <c r="B19434" s="14" t="s">
        <v>1</v>
      </c>
      <c r="C19434" s="14" t="s">
        <v>51</v>
      </c>
      <c r="D19434" s="14" t="s">
        <v>135</v>
      </c>
      <c r="E19434" s="15">
        <v>45465</v>
      </c>
      <c r="F19434" s="14" t="s">
        <v>28</v>
      </c>
      <c r="G19434" s="16">
        <v>0</v>
      </c>
    </row>
    <row r="19435" spans="1:7" x14ac:dyDescent="0.3">
      <c r="A19435" s="13" t="s">
        <v>134</v>
      </c>
      <c r="B19435" s="14" t="s">
        <v>1</v>
      </c>
      <c r="C19435" s="14" t="s">
        <v>51</v>
      </c>
      <c r="D19435" s="14" t="s">
        <v>135</v>
      </c>
      <c r="E19435" s="15">
        <v>45466</v>
      </c>
      <c r="F19435" s="14" t="s">
        <v>28</v>
      </c>
      <c r="G19435" s="16">
        <v>0</v>
      </c>
    </row>
    <row r="19436" spans="1:7" x14ac:dyDescent="0.3">
      <c r="A19436" s="13" t="s">
        <v>134</v>
      </c>
      <c r="B19436" s="14" t="s">
        <v>1</v>
      </c>
      <c r="C19436" s="14" t="s">
        <v>51</v>
      </c>
      <c r="D19436" s="14" t="s">
        <v>135</v>
      </c>
      <c r="E19436" s="15">
        <v>45467</v>
      </c>
      <c r="F19436" s="14" t="s">
        <v>28</v>
      </c>
      <c r="G19436" s="16">
        <v>0</v>
      </c>
    </row>
    <row r="19437" spans="1:7" x14ac:dyDescent="0.3">
      <c r="A19437" s="13" t="s">
        <v>134</v>
      </c>
      <c r="B19437" s="14" t="s">
        <v>1</v>
      </c>
      <c r="C19437" s="14" t="s">
        <v>51</v>
      </c>
      <c r="D19437" s="14" t="s">
        <v>135</v>
      </c>
      <c r="E19437" s="15">
        <v>45468</v>
      </c>
      <c r="F19437" s="14" t="s">
        <v>28</v>
      </c>
      <c r="G19437" s="16">
        <v>0</v>
      </c>
    </row>
    <row r="19438" spans="1:7" x14ac:dyDescent="0.3">
      <c r="A19438" s="13" t="s">
        <v>134</v>
      </c>
      <c r="B19438" s="14" t="s">
        <v>1</v>
      </c>
      <c r="C19438" s="14" t="s">
        <v>51</v>
      </c>
      <c r="D19438" s="14" t="s">
        <v>135</v>
      </c>
      <c r="E19438" s="15">
        <v>45469</v>
      </c>
      <c r="F19438" s="14" t="s">
        <v>28</v>
      </c>
      <c r="G19438" s="16">
        <v>0</v>
      </c>
    </row>
    <row r="19439" spans="1:7" x14ac:dyDescent="0.3">
      <c r="A19439" s="13" t="s">
        <v>134</v>
      </c>
      <c r="B19439" s="14" t="s">
        <v>1</v>
      </c>
      <c r="C19439" s="14" t="s">
        <v>51</v>
      </c>
      <c r="D19439" s="14" t="s">
        <v>135</v>
      </c>
      <c r="E19439" s="15">
        <v>45470</v>
      </c>
      <c r="F19439" s="14" t="s">
        <v>28</v>
      </c>
      <c r="G19439" s="16">
        <v>0</v>
      </c>
    </row>
    <row r="19440" spans="1:7" x14ac:dyDescent="0.3">
      <c r="A19440" s="13" t="s">
        <v>134</v>
      </c>
      <c r="B19440" s="14" t="s">
        <v>1</v>
      </c>
      <c r="C19440" s="14" t="s">
        <v>51</v>
      </c>
      <c r="D19440" s="14" t="s">
        <v>135</v>
      </c>
      <c r="E19440" s="15">
        <v>45471</v>
      </c>
      <c r="F19440" s="14" t="s">
        <v>28</v>
      </c>
      <c r="G19440" s="16">
        <v>0</v>
      </c>
    </row>
    <row r="19441" spans="1:7" x14ac:dyDescent="0.3">
      <c r="A19441" s="13" t="s">
        <v>134</v>
      </c>
      <c r="B19441" s="14" t="s">
        <v>1</v>
      </c>
      <c r="C19441" s="14" t="s">
        <v>51</v>
      </c>
      <c r="D19441" s="14" t="s">
        <v>135</v>
      </c>
      <c r="E19441" s="15">
        <v>45472</v>
      </c>
      <c r="F19441" s="14" t="s">
        <v>28</v>
      </c>
      <c r="G19441" s="16">
        <v>0</v>
      </c>
    </row>
    <row r="19442" spans="1:7" x14ac:dyDescent="0.3">
      <c r="A19442" s="13" t="s">
        <v>134</v>
      </c>
      <c r="B19442" s="14" t="s">
        <v>1</v>
      </c>
      <c r="C19442" s="14" t="s">
        <v>51</v>
      </c>
      <c r="D19442" s="14" t="s">
        <v>135</v>
      </c>
      <c r="E19442" s="15">
        <v>45473</v>
      </c>
      <c r="F19442" s="14" t="s">
        <v>28</v>
      </c>
      <c r="G19442" s="16">
        <v>0</v>
      </c>
    </row>
    <row r="19443" spans="1:7" x14ac:dyDescent="0.3">
      <c r="A19443" s="13" t="s">
        <v>134</v>
      </c>
      <c r="B19443" s="14" t="s">
        <v>1</v>
      </c>
      <c r="C19443" s="14" t="s">
        <v>51</v>
      </c>
      <c r="D19443" s="14" t="s">
        <v>135</v>
      </c>
      <c r="E19443" s="15">
        <v>45474</v>
      </c>
      <c r="F19443" s="14" t="s">
        <v>28</v>
      </c>
      <c r="G19443" s="16">
        <v>0</v>
      </c>
    </row>
    <row r="19444" spans="1:7" x14ac:dyDescent="0.3">
      <c r="A19444" s="13" t="s">
        <v>134</v>
      </c>
      <c r="B19444" s="14" t="s">
        <v>1</v>
      </c>
      <c r="C19444" s="14" t="s">
        <v>51</v>
      </c>
      <c r="D19444" s="14" t="s">
        <v>135</v>
      </c>
      <c r="E19444" s="15">
        <v>45475</v>
      </c>
      <c r="F19444" s="14" t="s">
        <v>28</v>
      </c>
      <c r="G19444" s="16">
        <v>0</v>
      </c>
    </row>
    <row r="19445" spans="1:7" x14ac:dyDescent="0.3">
      <c r="A19445" s="13" t="s">
        <v>134</v>
      </c>
      <c r="B19445" s="14" t="s">
        <v>1</v>
      </c>
      <c r="C19445" s="14" t="s">
        <v>51</v>
      </c>
      <c r="D19445" s="14" t="s">
        <v>135</v>
      </c>
      <c r="E19445" s="15">
        <v>45476</v>
      </c>
      <c r="F19445" s="14" t="s">
        <v>28</v>
      </c>
      <c r="G19445" s="16">
        <v>0</v>
      </c>
    </row>
    <row r="19446" spans="1:7" x14ac:dyDescent="0.3">
      <c r="A19446" s="13" t="s">
        <v>134</v>
      </c>
      <c r="B19446" s="14" t="s">
        <v>1</v>
      </c>
      <c r="C19446" s="14" t="s">
        <v>51</v>
      </c>
      <c r="D19446" s="14" t="s">
        <v>135</v>
      </c>
      <c r="E19446" s="15">
        <v>45477</v>
      </c>
      <c r="F19446" s="14" t="s">
        <v>28</v>
      </c>
      <c r="G19446" s="16">
        <v>0</v>
      </c>
    </row>
    <row r="19447" spans="1:7" x14ac:dyDescent="0.3">
      <c r="A19447" s="13" t="s">
        <v>134</v>
      </c>
      <c r="B19447" s="14" t="s">
        <v>1</v>
      </c>
      <c r="C19447" s="14" t="s">
        <v>51</v>
      </c>
      <c r="D19447" s="14" t="s">
        <v>135</v>
      </c>
      <c r="E19447" s="15">
        <v>45478</v>
      </c>
      <c r="F19447" s="14" t="s">
        <v>28</v>
      </c>
      <c r="G19447" s="16">
        <v>0</v>
      </c>
    </row>
    <row r="19448" spans="1:7" x14ac:dyDescent="0.3">
      <c r="A19448" s="13" t="s">
        <v>134</v>
      </c>
      <c r="B19448" s="14" t="s">
        <v>1</v>
      </c>
      <c r="C19448" s="14" t="s">
        <v>51</v>
      </c>
      <c r="D19448" s="14" t="s">
        <v>135</v>
      </c>
      <c r="E19448" s="15">
        <v>45479</v>
      </c>
      <c r="F19448" s="14" t="s">
        <v>28</v>
      </c>
      <c r="G19448" s="16">
        <v>0</v>
      </c>
    </row>
    <row r="19449" spans="1:7" x14ac:dyDescent="0.3">
      <c r="A19449" s="13" t="s">
        <v>134</v>
      </c>
      <c r="B19449" s="14" t="s">
        <v>1</v>
      </c>
      <c r="C19449" s="14" t="s">
        <v>51</v>
      </c>
      <c r="D19449" s="14" t="s">
        <v>135</v>
      </c>
      <c r="E19449" s="15">
        <v>45480</v>
      </c>
      <c r="F19449" s="14" t="s">
        <v>28</v>
      </c>
      <c r="G19449" s="16">
        <v>0</v>
      </c>
    </row>
    <row r="19450" spans="1:7" x14ac:dyDescent="0.3">
      <c r="A19450" s="13" t="s">
        <v>134</v>
      </c>
      <c r="B19450" s="14" t="s">
        <v>1</v>
      </c>
      <c r="C19450" s="14" t="s">
        <v>51</v>
      </c>
      <c r="D19450" s="14" t="s">
        <v>135</v>
      </c>
      <c r="E19450" s="15">
        <v>45481</v>
      </c>
      <c r="F19450" s="14" t="s">
        <v>28</v>
      </c>
      <c r="G19450" s="16">
        <v>0</v>
      </c>
    </row>
    <row r="19451" spans="1:7" x14ac:dyDescent="0.3">
      <c r="A19451" s="13" t="s">
        <v>134</v>
      </c>
      <c r="B19451" s="14" t="s">
        <v>1</v>
      </c>
      <c r="C19451" s="14" t="s">
        <v>51</v>
      </c>
      <c r="D19451" s="14" t="s">
        <v>135</v>
      </c>
      <c r="E19451" s="15">
        <v>45482</v>
      </c>
      <c r="F19451" s="14" t="s">
        <v>28</v>
      </c>
      <c r="G19451" s="16">
        <v>0</v>
      </c>
    </row>
    <row r="19452" spans="1:7" x14ac:dyDescent="0.3">
      <c r="A19452" s="13" t="s">
        <v>134</v>
      </c>
      <c r="B19452" s="14" t="s">
        <v>1</v>
      </c>
      <c r="C19452" s="14" t="s">
        <v>51</v>
      </c>
      <c r="D19452" s="14" t="s">
        <v>135</v>
      </c>
      <c r="E19452" s="15">
        <v>45483</v>
      </c>
      <c r="F19452" s="14" t="s">
        <v>28</v>
      </c>
      <c r="G19452" s="16">
        <v>0</v>
      </c>
    </row>
    <row r="19453" spans="1:7" x14ac:dyDescent="0.3">
      <c r="A19453" s="13" t="s">
        <v>134</v>
      </c>
      <c r="B19453" s="14" t="s">
        <v>1</v>
      </c>
      <c r="C19453" s="14" t="s">
        <v>51</v>
      </c>
      <c r="D19453" s="14" t="s">
        <v>135</v>
      </c>
      <c r="E19453" s="15">
        <v>45484</v>
      </c>
      <c r="F19453" s="14" t="s">
        <v>28</v>
      </c>
      <c r="G19453" s="16">
        <v>0</v>
      </c>
    </row>
    <row r="19454" spans="1:7" x14ac:dyDescent="0.3">
      <c r="A19454" s="13" t="s">
        <v>134</v>
      </c>
      <c r="B19454" s="14" t="s">
        <v>1</v>
      </c>
      <c r="C19454" s="14" t="s">
        <v>51</v>
      </c>
      <c r="D19454" s="14" t="s">
        <v>135</v>
      </c>
      <c r="E19454" s="15">
        <v>45485</v>
      </c>
      <c r="F19454" s="14" t="s">
        <v>28</v>
      </c>
      <c r="G19454" s="16">
        <v>0</v>
      </c>
    </row>
    <row r="19455" spans="1:7" x14ac:dyDescent="0.3">
      <c r="A19455" s="13" t="s">
        <v>134</v>
      </c>
      <c r="B19455" s="14" t="s">
        <v>1</v>
      </c>
      <c r="C19455" s="14" t="s">
        <v>51</v>
      </c>
      <c r="D19455" s="14" t="s">
        <v>135</v>
      </c>
      <c r="E19455" s="15">
        <v>45486</v>
      </c>
      <c r="F19455" s="14" t="s">
        <v>28</v>
      </c>
      <c r="G19455" s="16">
        <v>0</v>
      </c>
    </row>
    <row r="19456" spans="1:7" x14ac:dyDescent="0.3">
      <c r="A19456" s="13" t="s">
        <v>134</v>
      </c>
      <c r="B19456" s="14" t="s">
        <v>1</v>
      </c>
      <c r="C19456" s="14" t="s">
        <v>51</v>
      </c>
      <c r="D19456" s="14" t="s">
        <v>135</v>
      </c>
      <c r="E19456" s="15">
        <v>45487</v>
      </c>
      <c r="F19456" s="14" t="s">
        <v>28</v>
      </c>
      <c r="G19456" s="16">
        <v>0</v>
      </c>
    </row>
    <row r="19457" spans="1:7" x14ac:dyDescent="0.3">
      <c r="A19457" s="13" t="s">
        <v>134</v>
      </c>
      <c r="B19457" s="14" t="s">
        <v>1</v>
      </c>
      <c r="C19457" s="14" t="s">
        <v>51</v>
      </c>
      <c r="D19457" s="14" t="s">
        <v>135</v>
      </c>
      <c r="E19457" s="15">
        <v>45488</v>
      </c>
      <c r="F19457" s="14" t="s">
        <v>28</v>
      </c>
      <c r="G19457" s="16">
        <v>0</v>
      </c>
    </row>
    <row r="19458" spans="1:7" x14ac:dyDescent="0.3">
      <c r="A19458" s="13" t="s">
        <v>134</v>
      </c>
      <c r="B19458" s="14" t="s">
        <v>1</v>
      </c>
      <c r="C19458" s="14" t="s">
        <v>51</v>
      </c>
      <c r="D19458" s="14" t="s">
        <v>135</v>
      </c>
      <c r="E19458" s="15">
        <v>45489</v>
      </c>
      <c r="F19458" s="14" t="s">
        <v>28</v>
      </c>
      <c r="G19458" s="16">
        <v>0</v>
      </c>
    </row>
    <row r="19459" spans="1:7" x14ac:dyDescent="0.3">
      <c r="A19459" s="13" t="s">
        <v>134</v>
      </c>
      <c r="B19459" s="14" t="s">
        <v>1</v>
      </c>
      <c r="C19459" s="14" t="s">
        <v>51</v>
      </c>
      <c r="D19459" s="14" t="s">
        <v>135</v>
      </c>
      <c r="E19459" s="15">
        <v>45490</v>
      </c>
      <c r="F19459" s="14" t="s">
        <v>28</v>
      </c>
      <c r="G19459" s="16">
        <v>0</v>
      </c>
    </row>
    <row r="19460" spans="1:7" x14ac:dyDescent="0.3">
      <c r="A19460" s="13" t="s">
        <v>134</v>
      </c>
      <c r="B19460" s="14" t="s">
        <v>1</v>
      </c>
      <c r="C19460" s="14" t="s">
        <v>51</v>
      </c>
      <c r="D19460" s="14" t="s">
        <v>135</v>
      </c>
      <c r="E19460" s="15">
        <v>45491</v>
      </c>
      <c r="F19460" s="14" t="s">
        <v>28</v>
      </c>
      <c r="G19460" s="16">
        <v>0</v>
      </c>
    </row>
    <row r="19461" spans="1:7" x14ac:dyDescent="0.3">
      <c r="A19461" s="13" t="s">
        <v>134</v>
      </c>
      <c r="B19461" s="14" t="s">
        <v>1</v>
      </c>
      <c r="C19461" s="14" t="s">
        <v>51</v>
      </c>
      <c r="D19461" s="14" t="s">
        <v>135</v>
      </c>
      <c r="E19461" s="15">
        <v>45492</v>
      </c>
      <c r="F19461" s="14" t="s">
        <v>28</v>
      </c>
      <c r="G19461" s="16">
        <v>0</v>
      </c>
    </row>
    <row r="19462" spans="1:7" x14ac:dyDescent="0.3">
      <c r="A19462" s="13" t="s">
        <v>134</v>
      </c>
      <c r="B19462" s="14" t="s">
        <v>1</v>
      </c>
      <c r="C19462" s="14" t="s">
        <v>51</v>
      </c>
      <c r="D19462" s="14" t="s">
        <v>135</v>
      </c>
      <c r="E19462" s="15">
        <v>45493</v>
      </c>
      <c r="F19462" s="14" t="s">
        <v>28</v>
      </c>
      <c r="G19462" s="16">
        <v>0</v>
      </c>
    </row>
    <row r="19463" spans="1:7" x14ac:dyDescent="0.3">
      <c r="A19463" s="13" t="s">
        <v>134</v>
      </c>
      <c r="B19463" s="14" t="s">
        <v>1</v>
      </c>
      <c r="C19463" s="14" t="s">
        <v>51</v>
      </c>
      <c r="D19463" s="14" t="s">
        <v>135</v>
      </c>
      <c r="E19463" s="15">
        <v>45494</v>
      </c>
      <c r="F19463" s="14" t="s">
        <v>28</v>
      </c>
      <c r="G19463" s="16">
        <v>0</v>
      </c>
    </row>
    <row r="19464" spans="1:7" x14ac:dyDescent="0.3">
      <c r="A19464" s="13" t="s">
        <v>134</v>
      </c>
      <c r="B19464" s="14" t="s">
        <v>1</v>
      </c>
      <c r="C19464" s="14" t="s">
        <v>51</v>
      </c>
      <c r="D19464" s="14" t="s">
        <v>135</v>
      </c>
      <c r="E19464" s="15">
        <v>45495</v>
      </c>
      <c r="F19464" s="14" t="s">
        <v>28</v>
      </c>
      <c r="G19464" s="16">
        <v>0</v>
      </c>
    </row>
    <row r="19465" spans="1:7" x14ac:dyDescent="0.3">
      <c r="A19465" s="13" t="s">
        <v>134</v>
      </c>
      <c r="B19465" s="14" t="s">
        <v>1</v>
      </c>
      <c r="C19465" s="14" t="s">
        <v>51</v>
      </c>
      <c r="D19465" s="14" t="s">
        <v>135</v>
      </c>
      <c r="E19465" s="15">
        <v>45496</v>
      </c>
      <c r="F19465" s="14" t="s">
        <v>28</v>
      </c>
      <c r="G19465" s="16">
        <v>0</v>
      </c>
    </row>
    <row r="19466" spans="1:7" x14ac:dyDescent="0.3">
      <c r="A19466" s="13" t="s">
        <v>134</v>
      </c>
      <c r="B19466" s="14" t="s">
        <v>1</v>
      </c>
      <c r="C19466" s="14" t="s">
        <v>51</v>
      </c>
      <c r="D19466" s="14" t="s">
        <v>135</v>
      </c>
      <c r="E19466" s="15">
        <v>45497</v>
      </c>
      <c r="F19466" s="14" t="s">
        <v>28</v>
      </c>
      <c r="G19466" s="16">
        <v>0</v>
      </c>
    </row>
    <row r="19467" spans="1:7" x14ac:dyDescent="0.3">
      <c r="A19467" s="13" t="s">
        <v>134</v>
      </c>
      <c r="B19467" s="14" t="s">
        <v>1</v>
      </c>
      <c r="C19467" s="14" t="s">
        <v>51</v>
      </c>
      <c r="D19467" s="14" t="s">
        <v>135</v>
      </c>
      <c r="E19467" s="15">
        <v>45498</v>
      </c>
      <c r="F19467" s="14" t="s">
        <v>28</v>
      </c>
      <c r="G19467" s="16">
        <v>0</v>
      </c>
    </row>
    <row r="19468" spans="1:7" x14ac:dyDescent="0.3">
      <c r="A19468" s="13" t="s">
        <v>134</v>
      </c>
      <c r="B19468" s="14" t="s">
        <v>1</v>
      </c>
      <c r="C19468" s="14" t="s">
        <v>51</v>
      </c>
      <c r="D19468" s="14" t="s">
        <v>135</v>
      </c>
      <c r="E19468" s="15">
        <v>45499</v>
      </c>
      <c r="F19468" s="14" t="s">
        <v>28</v>
      </c>
      <c r="G19468" s="16">
        <v>0</v>
      </c>
    </row>
    <row r="19469" spans="1:7" x14ac:dyDescent="0.3">
      <c r="A19469" s="13" t="s">
        <v>134</v>
      </c>
      <c r="B19469" s="14" t="s">
        <v>1</v>
      </c>
      <c r="C19469" s="14" t="s">
        <v>51</v>
      </c>
      <c r="D19469" s="14" t="s">
        <v>135</v>
      </c>
      <c r="E19469" s="15">
        <v>45500</v>
      </c>
      <c r="F19469" s="14" t="s">
        <v>28</v>
      </c>
      <c r="G19469" s="16">
        <v>0</v>
      </c>
    </row>
    <row r="19470" spans="1:7" x14ac:dyDescent="0.3">
      <c r="A19470" s="13" t="s">
        <v>134</v>
      </c>
      <c r="B19470" s="14" t="s">
        <v>1</v>
      </c>
      <c r="C19470" s="14" t="s">
        <v>51</v>
      </c>
      <c r="D19470" s="14" t="s">
        <v>135</v>
      </c>
      <c r="E19470" s="15">
        <v>45501</v>
      </c>
      <c r="F19470" s="14" t="s">
        <v>28</v>
      </c>
      <c r="G19470" s="16">
        <v>0</v>
      </c>
    </row>
    <row r="19471" spans="1:7" x14ac:dyDescent="0.3">
      <c r="A19471" s="13" t="s">
        <v>134</v>
      </c>
      <c r="B19471" s="14" t="s">
        <v>1</v>
      </c>
      <c r="C19471" s="14" t="s">
        <v>51</v>
      </c>
      <c r="D19471" s="14" t="s">
        <v>135</v>
      </c>
      <c r="E19471" s="15">
        <v>45502</v>
      </c>
      <c r="F19471" s="14" t="s">
        <v>28</v>
      </c>
      <c r="G19471" s="16">
        <v>0</v>
      </c>
    </row>
    <row r="19472" spans="1:7" x14ac:dyDescent="0.3">
      <c r="A19472" s="13" t="s">
        <v>134</v>
      </c>
      <c r="B19472" s="14" t="s">
        <v>1</v>
      </c>
      <c r="C19472" s="14" t="s">
        <v>51</v>
      </c>
      <c r="D19472" s="14" t="s">
        <v>135</v>
      </c>
      <c r="E19472" s="15">
        <v>45503</v>
      </c>
      <c r="F19472" s="14" t="s">
        <v>28</v>
      </c>
      <c r="G19472" s="16">
        <v>0</v>
      </c>
    </row>
    <row r="19473" spans="1:7" x14ac:dyDescent="0.3">
      <c r="A19473" s="13" t="s">
        <v>134</v>
      </c>
      <c r="B19473" s="14" t="s">
        <v>1</v>
      </c>
      <c r="C19473" s="14" t="s">
        <v>51</v>
      </c>
      <c r="D19473" s="14" t="s">
        <v>135</v>
      </c>
      <c r="E19473" s="15">
        <v>45504</v>
      </c>
      <c r="F19473" s="14" t="s">
        <v>28</v>
      </c>
      <c r="G19473" s="16">
        <v>0</v>
      </c>
    </row>
    <row r="19474" spans="1:7" x14ac:dyDescent="0.3">
      <c r="A19474" s="13" t="s">
        <v>134</v>
      </c>
      <c r="B19474" s="14" t="s">
        <v>1</v>
      </c>
      <c r="C19474" s="14" t="s">
        <v>51</v>
      </c>
      <c r="D19474" s="14" t="s">
        <v>135</v>
      </c>
      <c r="E19474" s="15">
        <v>45505</v>
      </c>
      <c r="F19474" s="14" t="s">
        <v>28</v>
      </c>
      <c r="G19474" s="16">
        <v>0</v>
      </c>
    </row>
    <row r="19475" spans="1:7" x14ac:dyDescent="0.3">
      <c r="A19475" s="13" t="s">
        <v>134</v>
      </c>
      <c r="B19475" s="14" t="s">
        <v>1</v>
      </c>
      <c r="C19475" s="14" t="s">
        <v>51</v>
      </c>
      <c r="D19475" s="14" t="s">
        <v>135</v>
      </c>
      <c r="E19475" s="15">
        <v>45506</v>
      </c>
      <c r="F19475" s="14" t="s">
        <v>28</v>
      </c>
      <c r="G19475" s="16">
        <v>0</v>
      </c>
    </row>
    <row r="19476" spans="1:7" x14ac:dyDescent="0.3">
      <c r="A19476" s="13" t="s">
        <v>134</v>
      </c>
      <c r="B19476" s="14" t="s">
        <v>1</v>
      </c>
      <c r="C19476" s="14" t="s">
        <v>51</v>
      </c>
      <c r="D19476" s="14" t="s">
        <v>135</v>
      </c>
      <c r="E19476" s="15">
        <v>45507</v>
      </c>
      <c r="F19476" s="14" t="s">
        <v>28</v>
      </c>
      <c r="G19476" s="16">
        <v>0</v>
      </c>
    </row>
    <row r="19477" spans="1:7" x14ac:dyDescent="0.3">
      <c r="A19477" s="13" t="s">
        <v>134</v>
      </c>
      <c r="B19477" s="14" t="s">
        <v>1</v>
      </c>
      <c r="C19477" s="14" t="s">
        <v>51</v>
      </c>
      <c r="D19477" s="14" t="s">
        <v>135</v>
      </c>
      <c r="E19477" s="15">
        <v>45508</v>
      </c>
      <c r="F19477" s="14" t="s">
        <v>28</v>
      </c>
      <c r="G19477" s="16">
        <v>0</v>
      </c>
    </row>
    <row r="19478" spans="1:7" x14ac:dyDescent="0.3">
      <c r="A19478" s="13" t="s">
        <v>134</v>
      </c>
      <c r="B19478" s="14" t="s">
        <v>1</v>
      </c>
      <c r="C19478" s="14" t="s">
        <v>51</v>
      </c>
      <c r="D19478" s="14" t="s">
        <v>135</v>
      </c>
      <c r="E19478" s="15">
        <v>45509</v>
      </c>
      <c r="F19478" s="14" t="s">
        <v>28</v>
      </c>
      <c r="G19478" s="16">
        <v>0</v>
      </c>
    </row>
    <row r="19479" spans="1:7" x14ac:dyDescent="0.3">
      <c r="A19479" s="13" t="s">
        <v>134</v>
      </c>
      <c r="B19479" s="14" t="s">
        <v>1</v>
      </c>
      <c r="C19479" s="14" t="s">
        <v>51</v>
      </c>
      <c r="D19479" s="14" t="s">
        <v>135</v>
      </c>
      <c r="E19479" s="15">
        <v>45510</v>
      </c>
      <c r="F19479" s="14" t="s">
        <v>28</v>
      </c>
      <c r="G19479" s="16">
        <v>0</v>
      </c>
    </row>
    <row r="19480" spans="1:7" x14ac:dyDescent="0.3">
      <c r="A19480" s="13" t="s">
        <v>134</v>
      </c>
      <c r="B19480" s="14" t="s">
        <v>1</v>
      </c>
      <c r="C19480" s="14" t="s">
        <v>51</v>
      </c>
      <c r="D19480" s="14" t="s">
        <v>135</v>
      </c>
      <c r="E19480" s="15">
        <v>45511</v>
      </c>
      <c r="F19480" s="14" t="s">
        <v>28</v>
      </c>
      <c r="G19480" s="16">
        <v>0</v>
      </c>
    </row>
    <row r="19481" spans="1:7" x14ac:dyDescent="0.3">
      <c r="A19481" s="13" t="s">
        <v>134</v>
      </c>
      <c r="B19481" s="14" t="s">
        <v>1</v>
      </c>
      <c r="C19481" s="14" t="s">
        <v>51</v>
      </c>
      <c r="D19481" s="14" t="s">
        <v>135</v>
      </c>
      <c r="E19481" s="15">
        <v>45512</v>
      </c>
      <c r="F19481" s="14" t="s">
        <v>28</v>
      </c>
      <c r="G19481" s="16">
        <v>0</v>
      </c>
    </row>
    <row r="19482" spans="1:7" x14ac:dyDescent="0.3">
      <c r="A19482" s="13" t="s">
        <v>134</v>
      </c>
      <c r="B19482" s="14" t="s">
        <v>1</v>
      </c>
      <c r="C19482" s="14" t="s">
        <v>51</v>
      </c>
      <c r="D19482" s="14" t="s">
        <v>135</v>
      </c>
      <c r="E19482" s="15">
        <v>45513</v>
      </c>
      <c r="F19482" s="14" t="s">
        <v>28</v>
      </c>
      <c r="G19482" s="16">
        <v>0</v>
      </c>
    </row>
    <row r="19483" spans="1:7" x14ac:dyDescent="0.3">
      <c r="A19483" s="13" t="s">
        <v>134</v>
      </c>
      <c r="B19483" s="14" t="s">
        <v>1</v>
      </c>
      <c r="C19483" s="14" t="s">
        <v>51</v>
      </c>
      <c r="D19483" s="14" t="s">
        <v>135</v>
      </c>
      <c r="E19483" s="15">
        <v>45514</v>
      </c>
      <c r="F19483" s="14" t="s">
        <v>28</v>
      </c>
      <c r="G19483" s="16">
        <v>0</v>
      </c>
    </row>
    <row r="19484" spans="1:7" x14ac:dyDescent="0.3">
      <c r="A19484" s="13" t="s">
        <v>134</v>
      </c>
      <c r="B19484" s="14" t="s">
        <v>1</v>
      </c>
      <c r="C19484" s="14" t="s">
        <v>51</v>
      </c>
      <c r="D19484" s="14" t="s">
        <v>135</v>
      </c>
      <c r="E19484" s="15">
        <v>45515</v>
      </c>
      <c r="F19484" s="14" t="s">
        <v>28</v>
      </c>
      <c r="G19484" s="16">
        <v>0</v>
      </c>
    </row>
    <row r="19485" spans="1:7" x14ac:dyDescent="0.3">
      <c r="A19485" s="13" t="s">
        <v>134</v>
      </c>
      <c r="B19485" s="14" t="s">
        <v>1</v>
      </c>
      <c r="C19485" s="14" t="s">
        <v>51</v>
      </c>
      <c r="D19485" s="14" t="s">
        <v>135</v>
      </c>
      <c r="E19485" s="15">
        <v>45516</v>
      </c>
      <c r="F19485" s="14" t="s">
        <v>28</v>
      </c>
      <c r="G19485" s="16">
        <v>0</v>
      </c>
    </row>
    <row r="19486" spans="1:7" x14ac:dyDescent="0.3">
      <c r="A19486" s="13" t="s">
        <v>134</v>
      </c>
      <c r="B19486" s="14" t="s">
        <v>1</v>
      </c>
      <c r="C19486" s="14" t="s">
        <v>51</v>
      </c>
      <c r="D19486" s="14" t="s">
        <v>135</v>
      </c>
      <c r="E19486" s="15">
        <v>45517</v>
      </c>
      <c r="F19486" s="14" t="s">
        <v>28</v>
      </c>
      <c r="G19486" s="16">
        <v>0</v>
      </c>
    </row>
    <row r="19487" spans="1:7" x14ac:dyDescent="0.3">
      <c r="A19487" s="13" t="s">
        <v>134</v>
      </c>
      <c r="B19487" s="14" t="s">
        <v>1</v>
      </c>
      <c r="C19487" s="14" t="s">
        <v>51</v>
      </c>
      <c r="D19487" s="14" t="s">
        <v>135</v>
      </c>
      <c r="E19487" s="15">
        <v>45518</v>
      </c>
      <c r="F19487" s="14" t="s">
        <v>28</v>
      </c>
      <c r="G19487" s="16">
        <v>0</v>
      </c>
    </row>
    <row r="19488" spans="1:7" x14ac:dyDescent="0.3">
      <c r="A19488" s="13" t="s">
        <v>134</v>
      </c>
      <c r="B19488" s="14" t="s">
        <v>1</v>
      </c>
      <c r="C19488" s="14" t="s">
        <v>51</v>
      </c>
      <c r="D19488" s="14" t="s">
        <v>135</v>
      </c>
      <c r="E19488" s="15">
        <v>45519</v>
      </c>
      <c r="F19488" s="14" t="s">
        <v>28</v>
      </c>
      <c r="G19488" s="16">
        <v>0</v>
      </c>
    </row>
    <row r="19489" spans="1:7" x14ac:dyDescent="0.3">
      <c r="A19489" s="13" t="s">
        <v>134</v>
      </c>
      <c r="B19489" s="14" t="s">
        <v>1</v>
      </c>
      <c r="C19489" s="14" t="s">
        <v>51</v>
      </c>
      <c r="D19489" s="14" t="s">
        <v>135</v>
      </c>
      <c r="E19489" s="15">
        <v>45520</v>
      </c>
      <c r="F19489" s="14" t="s">
        <v>28</v>
      </c>
      <c r="G19489" s="16">
        <v>0</v>
      </c>
    </row>
    <row r="19490" spans="1:7" x14ac:dyDescent="0.3">
      <c r="A19490" s="13" t="s">
        <v>134</v>
      </c>
      <c r="B19490" s="14" t="s">
        <v>1</v>
      </c>
      <c r="C19490" s="14" t="s">
        <v>51</v>
      </c>
      <c r="D19490" s="14" t="s">
        <v>135</v>
      </c>
      <c r="E19490" s="15">
        <v>45521</v>
      </c>
      <c r="F19490" s="14" t="s">
        <v>28</v>
      </c>
      <c r="G19490" s="16">
        <v>0</v>
      </c>
    </row>
    <row r="19491" spans="1:7" x14ac:dyDescent="0.3">
      <c r="A19491" s="13" t="s">
        <v>134</v>
      </c>
      <c r="B19491" s="14" t="s">
        <v>1</v>
      </c>
      <c r="C19491" s="14" t="s">
        <v>51</v>
      </c>
      <c r="D19491" s="14" t="s">
        <v>135</v>
      </c>
      <c r="E19491" s="15">
        <v>45522</v>
      </c>
      <c r="F19491" s="14" t="s">
        <v>28</v>
      </c>
      <c r="G19491" s="16">
        <v>0</v>
      </c>
    </row>
    <row r="19492" spans="1:7" x14ac:dyDescent="0.3">
      <c r="A19492" s="13" t="s">
        <v>134</v>
      </c>
      <c r="B19492" s="14" t="s">
        <v>1</v>
      </c>
      <c r="C19492" s="14" t="s">
        <v>51</v>
      </c>
      <c r="D19492" s="14" t="s">
        <v>135</v>
      </c>
      <c r="E19492" s="15">
        <v>45523</v>
      </c>
      <c r="F19492" s="14" t="s">
        <v>28</v>
      </c>
      <c r="G19492" s="16">
        <v>0</v>
      </c>
    </row>
    <row r="19493" spans="1:7" x14ac:dyDescent="0.3">
      <c r="A19493" s="13" t="s">
        <v>134</v>
      </c>
      <c r="B19493" s="14" t="s">
        <v>1</v>
      </c>
      <c r="C19493" s="14" t="s">
        <v>51</v>
      </c>
      <c r="D19493" s="14" t="s">
        <v>135</v>
      </c>
      <c r="E19493" s="15">
        <v>45524</v>
      </c>
      <c r="F19493" s="14" t="s">
        <v>28</v>
      </c>
      <c r="G19493" s="16">
        <v>0</v>
      </c>
    </row>
    <row r="19494" spans="1:7" x14ac:dyDescent="0.3">
      <c r="A19494" s="13" t="s">
        <v>134</v>
      </c>
      <c r="B19494" s="14" t="s">
        <v>1</v>
      </c>
      <c r="C19494" s="14" t="s">
        <v>51</v>
      </c>
      <c r="D19494" s="14" t="s">
        <v>135</v>
      </c>
      <c r="E19494" s="15">
        <v>45525</v>
      </c>
      <c r="F19494" s="14" t="s">
        <v>28</v>
      </c>
      <c r="G19494" s="16">
        <v>0</v>
      </c>
    </row>
    <row r="19495" spans="1:7" x14ac:dyDescent="0.3">
      <c r="A19495" s="13" t="s">
        <v>134</v>
      </c>
      <c r="B19495" s="14" t="s">
        <v>1</v>
      </c>
      <c r="C19495" s="14" t="s">
        <v>51</v>
      </c>
      <c r="D19495" s="14" t="s">
        <v>135</v>
      </c>
      <c r="E19495" s="15">
        <v>45526</v>
      </c>
      <c r="F19495" s="14" t="s">
        <v>28</v>
      </c>
      <c r="G19495" s="16">
        <v>0</v>
      </c>
    </row>
    <row r="19496" spans="1:7" x14ac:dyDescent="0.3">
      <c r="A19496" s="13" t="s">
        <v>134</v>
      </c>
      <c r="B19496" s="14" t="s">
        <v>1</v>
      </c>
      <c r="C19496" s="14" t="s">
        <v>51</v>
      </c>
      <c r="D19496" s="14" t="s">
        <v>135</v>
      </c>
      <c r="E19496" s="15">
        <v>45527</v>
      </c>
      <c r="F19496" s="14" t="s">
        <v>28</v>
      </c>
      <c r="G19496" s="16">
        <v>0</v>
      </c>
    </row>
    <row r="19497" spans="1:7" x14ac:dyDescent="0.3">
      <c r="A19497" s="13" t="s">
        <v>134</v>
      </c>
      <c r="B19497" s="14" t="s">
        <v>1</v>
      </c>
      <c r="C19497" s="14" t="s">
        <v>51</v>
      </c>
      <c r="D19497" s="14" t="s">
        <v>135</v>
      </c>
      <c r="E19497" s="15">
        <v>45528</v>
      </c>
      <c r="F19497" s="14" t="s">
        <v>28</v>
      </c>
      <c r="G19497" s="16">
        <v>0</v>
      </c>
    </row>
    <row r="19498" spans="1:7" x14ac:dyDescent="0.3">
      <c r="A19498" s="13" t="s">
        <v>134</v>
      </c>
      <c r="B19498" s="14" t="s">
        <v>1</v>
      </c>
      <c r="C19498" s="14" t="s">
        <v>51</v>
      </c>
      <c r="D19498" s="14" t="s">
        <v>135</v>
      </c>
      <c r="E19498" s="15">
        <v>45529</v>
      </c>
      <c r="F19498" s="14" t="s">
        <v>28</v>
      </c>
      <c r="G19498" s="16">
        <v>0</v>
      </c>
    </row>
    <row r="19499" spans="1:7" x14ac:dyDescent="0.3">
      <c r="A19499" s="13" t="s">
        <v>134</v>
      </c>
      <c r="B19499" s="14" t="s">
        <v>1</v>
      </c>
      <c r="C19499" s="14" t="s">
        <v>51</v>
      </c>
      <c r="D19499" s="14" t="s">
        <v>135</v>
      </c>
      <c r="E19499" s="15">
        <v>45530</v>
      </c>
      <c r="F19499" s="14" t="s">
        <v>28</v>
      </c>
      <c r="G19499" s="16">
        <v>0</v>
      </c>
    </row>
    <row r="19500" spans="1:7" x14ac:dyDescent="0.3">
      <c r="A19500" s="13" t="s">
        <v>134</v>
      </c>
      <c r="B19500" s="14" t="s">
        <v>1</v>
      </c>
      <c r="C19500" s="14" t="s">
        <v>51</v>
      </c>
      <c r="D19500" s="14" t="s">
        <v>135</v>
      </c>
      <c r="E19500" s="15">
        <v>45531</v>
      </c>
      <c r="F19500" s="14" t="s">
        <v>28</v>
      </c>
      <c r="G19500" s="16">
        <v>0</v>
      </c>
    </row>
    <row r="19501" spans="1:7" x14ac:dyDescent="0.3">
      <c r="A19501" s="13" t="s">
        <v>134</v>
      </c>
      <c r="B19501" s="14" t="s">
        <v>1</v>
      </c>
      <c r="C19501" s="14" t="s">
        <v>51</v>
      </c>
      <c r="D19501" s="14" t="s">
        <v>135</v>
      </c>
      <c r="E19501" s="15">
        <v>45532</v>
      </c>
      <c r="F19501" s="14" t="s">
        <v>28</v>
      </c>
      <c r="G19501" s="16">
        <v>0</v>
      </c>
    </row>
    <row r="19502" spans="1:7" x14ac:dyDescent="0.3">
      <c r="A19502" s="13" t="s">
        <v>134</v>
      </c>
      <c r="B19502" s="14" t="s">
        <v>1</v>
      </c>
      <c r="C19502" s="14" t="s">
        <v>51</v>
      </c>
      <c r="D19502" s="14" t="s">
        <v>135</v>
      </c>
      <c r="E19502" s="15">
        <v>45533</v>
      </c>
      <c r="F19502" s="14" t="s">
        <v>28</v>
      </c>
      <c r="G19502" s="16">
        <v>0</v>
      </c>
    </row>
    <row r="19503" spans="1:7" x14ac:dyDescent="0.3">
      <c r="A19503" s="13" t="s">
        <v>134</v>
      </c>
      <c r="B19503" s="14" t="s">
        <v>1</v>
      </c>
      <c r="C19503" s="14" t="s">
        <v>51</v>
      </c>
      <c r="D19503" s="14" t="s">
        <v>135</v>
      </c>
      <c r="E19503" s="15">
        <v>45534</v>
      </c>
      <c r="F19503" s="14" t="s">
        <v>28</v>
      </c>
      <c r="G19503" s="16">
        <v>0</v>
      </c>
    </row>
    <row r="19504" spans="1:7" x14ac:dyDescent="0.3">
      <c r="A19504" s="13" t="s">
        <v>134</v>
      </c>
      <c r="B19504" s="14" t="s">
        <v>1</v>
      </c>
      <c r="C19504" s="14" t="s">
        <v>51</v>
      </c>
      <c r="D19504" s="14" t="s">
        <v>135</v>
      </c>
      <c r="E19504" s="15">
        <v>45535</v>
      </c>
      <c r="F19504" s="14" t="s">
        <v>28</v>
      </c>
      <c r="G19504" s="16">
        <v>0</v>
      </c>
    </row>
    <row r="19505" spans="1:7" x14ac:dyDescent="0.3">
      <c r="A19505" s="13" t="s">
        <v>134</v>
      </c>
      <c r="B19505" s="14" t="s">
        <v>1</v>
      </c>
      <c r="C19505" s="14" t="s">
        <v>51</v>
      </c>
      <c r="D19505" s="14" t="s">
        <v>135</v>
      </c>
      <c r="E19505" s="15">
        <v>45536</v>
      </c>
      <c r="F19505" s="14" t="s">
        <v>28</v>
      </c>
      <c r="G19505" s="16">
        <v>0</v>
      </c>
    </row>
    <row r="19506" spans="1:7" x14ac:dyDescent="0.3">
      <c r="A19506" s="13" t="s">
        <v>134</v>
      </c>
      <c r="B19506" s="14" t="s">
        <v>1</v>
      </c>
      <c r="C19506" s="14" t="s">
        <v>51</v>
      </c>
      <c r="D19506" s="14" t="s">
        <v>135</v>
      </c>
      <c r="E19506" s="15">
        <v>45537</v>
      </c>
      <c r="F19506" s="14" t="s">
        <v>28</v>
      </c>
      <c r="G19506" s="16">
        <v>4.9936882124710143E-3</v>
      </c>
    </row>
    <row r="19507" spans="1:7" x14ac:dyDescent="0.3">
      <c r="A19507" s="13" t="s">
        <v>134</v>
      </c>
      <c r="B19507" s="14" t="s">
        <v>1</v>
      </c>
      <c r="C19507" s="14" t="s">
        <v>51</v>
      </c>
      <c r="D19507" s="14" t="s">
        <v>135</v>
      </c>
      <c r="E19507" s="15">
        <v>45538</v>
      </c>
      <c r="F19507" s="14" t="s">
        <v>28</v>
      </c>
      <c r="G19507" s="16">
        <v>3.65193779149751E-3</v>
      </c>
    </row>
    <row r="19508" spans="1:7" x14ac:dyDescent="0.3">
      <c r="A19508" s="13" t="s">
        <v>134</v>
      </c>
      <c r="B19508" s="14" t="s">
        <v>1</v>
      </c>
      <c r="C19508" s="14" t="s">
        <v>51</v>
      </c>
      <c r="D19508" s="14" t="s">
        <v>135</v>
      </c>
      <c r="E19508" s="15">
        <v>45539</v>
      </c>
      <c r="F19508" s="14" t="s">
        <v>28</v>
      </c>
      <c r="G19508" s="16">
        <v>1.1429697082832464E-2</v>
      </c>
    </row>
    <row r="19509" spans="1:7" x14ac:dyDescent="0.3">
      <c r="A19509" s="13" t="s">
        <v>134</v>
      </c>
      <c r="B19509" s="14" t="s">
        <v>1</v>
      </c>
      <c r="C19509" s="14" t="s">
        <v>51</v>
      </c>
      <c r="D19509" s="14" t="s">
        <v>135</v>
      </c>
      <c r="E19509" s="15">
        <v>45540</v>
      </c>
      <c r="F19509" s="14" t="s">
        <v>28</v>
      </c>
      <c r="G19509" s="16">
        <v>1.2662416529560738E-2</v>
      </c>
    </row>
    <row r="19510" spans="1:7" x14ac:dyDescent="0.3">
      <c r="A19510" s="13" t="s">
        <v>134</v>
      </c>
      <c r="B19510" s="14" t="s">
        <v>1</v>
      </c>
      <c r="C19510" s="14" t="s">
        <v>51</v>
      </c>
      <c r="D19510" s="14" t="s">
        <v>135</v>
      </c>
      <c r="E19510" s="15">
        <v>45541</v>
      </c>
      <c r="F19510" s="14" t="s">
        <v>28</v>
      </c>
      <c r="G19510" s="16">
        <v>1.3953286772975375E-2</v>
      </c>
    </row>
    <row r="19511" spans="1:7" x14ac:dyDescent="0.3">
      <c r="A19511" s="13" t="s">
        <v>134</v>
      </c>
      <c r="B19511" s="14" t="s">
        <v>1</v>
      </c>
      <c r="C19511" s="14" t="s">
        <v>51</v>
      </c>
      <c r="D19511" s="14" t="s">
        <v>135</v>
      </c>
      <c r="E19511" s="15">
        <v>45542</v>
      </c>
      <c r="F19511" s="14" t="s">
        <v>28</v>
      </c>
      <c r="G19511" s="16">
        <v>1.3953286772975375E-2</v>
      </c>
    </row>
    <row r="19512" spans="1:7" x14ac:dyDescent="0.3">
      <c r="A19512" s="13" t="s">
        <v>134</v>
      </c>
      <c r="B19512" s="14" t="s">
        <v>1</v>
      </c>
      <c r="C19512" s="14" t="s">
        <v>51</v>
      </c>
      <c r="D19512" s="14" t="s">
        <v>135</v>
      </c>
      <c r="E19512" s="15">
        <v>45543</v>
      </c>
      <c r="F19512" s="14" t="s">
        <v>28</v>
      </c>
      <c r="G19512" s="16">
        <v>1.3953286772975375E-2</v>
      </c>
    </row>
    <row r="19513" spans="1:7" x14ac:dyDescent="0.3">
      <c r="A19513" s="13" t="s">
        <v>134</v>
      </c>
      <c r="B19513" s="14" t="s">
        <v>1</v>
      </c>
      <c r="C19513" s="14" t="s">
        <v>51</v>
      </c>
      <c r="D19513" s="14" t="s">
        <v>135</v>
      </c>
      <c r="E19513" s="15">
        <v>45544</v>
      </c>
      <c r="F19513" s="14" t="s">
        <v>28</v>
      </c>
      <c r="G19513" s="16">
        <v>1.2644071726771617E-2</v>
      </c>
    </row>
    <row r="19514" spans="1:7" x14ac:dyDescent="0.3">
      <c r="A19514" s="13" t="s">
        <v>134</v>
      </c>
      <c r="B19514" s="14" t="s">
        <v>1</v>
      </c>
      <c r="C19514" s="14" t="s">
        <v>51</v>
      </c>
      <c r="D19514" s="14" t="s">
        <v>135</v>
      </c>
      <c r="E19514" s="15">
        <v>45545</v>
      </c>
      <c r="F19514" s="14" t="s">
        <v>28</v>
      </c>
      <c r="G19514" s="16">
        <v>8.6865275609705975E-3</v>
      </c>
    </row>
    <row r="19515" spans="1:7" x14ac:dyDescent="0.3">
      <c r="A19515" s="13" t="s">
        <v>134</v>
      </c>
      <c r="B19515" s="14" t="s">
        <v>1</v>
      </c>
      <c r="C19515" s="14" t="s">
        <v>51</v>
      </c>
      <c r="D19515" s="14" t="s">
        <v>135</v>
      </c>
      <c r="E19515" s="15">
        <v>45546</v>
      </c>
      <c r="F19515" s="14" t="s">
        <v>28</v>
      </c>
      <c r="G19515" s="16">
        <v>7.3433269326465518E-3</v>
      </c>
    </row>
    <row r="19516" spans="1:7" x14ac:dyDescent="0.3">
      <c r="A19516" s="13" t="s">
        <v>134</v>
      </c>
      <c r="B19516" s="14" t="s">
        <v>1</v>
      </c>
      <c r="C19516" s="14" t="s">
        <v>51</v>
      </c>
      <c r="D19516" s="14" t="s">
        <v>135</v>
      </c>
      <c r="E19516" s="15">
        <v>45547</v>
      </c>
      <c r="F19516" s="14" t="s">
        <v>28</v>
      </c>
      <c r="G19516" s="16">
        <v>5.994193727589265E-3</v>
      </c>
    </row>
    <row r="19517" spans="1:7" x14ac:dyDescent="0.3">
      <c r="A19517" s="13" t="s">
        <v>134</v>
      </c>
      <c r="B19517" s="14" t="s">
        <v>1</v>
      </c>
      <c r="C19517" s="14" t="s">
        <v>51</v>
      </c>
      <c r="D19517" s="14" t="s">
        <v>135</v>
      </c>
      <c r="E19517" s="15">
        <v>45548</v>
      </c>
      <c r="F19517" s="14" t="s">
        <v>28</v>
      </c>
      <c r="G19517" s="16">
        <v>4.6444145449520127E-3</v>
      </c>
    </row>
    <row r="19518" spans="1:7" x14ac:dyDescent="0.3">
      <c r="A19518" s="13" t="s">
        <v>134</v>
      </c>
      <c r="B19518" s="14" t="s">
        <v>1</v>
      </c>
      <c r="C19518" s="14" t="s">
        <v>51</v>
      </c>
      <c r="D19518" s="14" t="s">
        <v>135</v>
      </c>
      <c r="E19518" s="15">
        <v>45549</v>
      </c>
      <c r="F19518" s="14" t="s">
        <v>28</v>
      </c>
      <c r="G19518" s="16">
        <v>4.6444145449520127E-3</v>
      </c>
    </row>
    <row r="19519" spans="1:7" x14ac:dyDescent="0.3">
      <c r="A19519" s="13" t="s">
        <v>134</v>
      </c>
      <c r="B19519" s="14" t="s">
        <v>1</v>
      </c>
      <c r="C19519" s="14" t="s">
        <v>51</v>
      </c>
      <c r="D19519" s="14" t="s">
        <v>135</v>
      </c>
      <c r="E19519" s="15">
        <v>45550</v>
      </c>
      <c r="F19519" s="14" t="s">
        <v>28</v>
      </c>
      <c r="G19519" s="16">
        <v>4.6444145449520127E-3</v>
      </c>
    </row>
    <row r="19520" spans="1:7" x14ac:dyDescent="0.3">
      <c r="A19520" s="13" t="s">
        <v>134</v>
      </c>
      <c r="B19520" s="14" t="s">
        <v>1</v>
      </c>
      <c r="C19520" s="14" t="s">
        <v>51</v>
      </c>
      <c r="D19520" s="14" t="s">
        <v>135</v>
      </c>
      <c r="E19520" s="15">
        <v>45551</v>
      </c>
      <c r="F19520" s="14" t="s">
        <v>28</v>
      </c>
      <c r="G19520" s="16">
        <v>1.1074047034593503E-2</v>
      </c>
    </row>
    <row r="19521" spans="1:7" x14ac:dyDescent="0.3">
      <c r="A19521" s="13" t="s">
        <v>134</v>
      </c>
      <c r="B19521" s="14" t="s">
        <v>1</v>
      </c>
      <c r="C19521" s="14" t="s">
        <v>51</v>
      </c>
      <c r="D19521" s="14" t="s">
        <v>135</v>
      </c>
      <c r="E19521" s="15">
        <v>45552</v>
      </c>
      <c r="F19521" s="14" t="s">
        <v>28</v>
      </c>
      <c r="G19521" s="16">
        <v>8.4634486063060975E-3</v>
      </c>
    </row>
    <row r="19522" spans="1:7" x14ac:dyDescent="0.3">
      <c r="A19522" s="13" t="s">
        <v>134</v>
      </c>
      <c r="B19522" s="14" t="s">
        <v>1</v>
      </c>
      <c r="C19522" s="14" t="s">
        <v>51</v>
      </c>
      <c r="D19522" s="14" t="s">
        <v>135</v>
      </c>
      <c r="E19522" s="15">
        <v>45553</v>
      </c>
      <c r="F19522" s="14" t="s">
        <v>28</v>
      </c>
      <c r="G19522" s="16">
        <v>7.1213411902413199E-3</v>
      </c>
    </row>
    <row r="19523" spans="1:7" x14ac:dyDescent="0.3">
      <c r="A19523" s="13" t="s">
        <v>134</v>
      </c>
      <c r="B19523" s="14" t="s">
        <v>1</v>
      </c>
      <c r="C19523" s="14" t="s">
        <v>51</v>
      </c>
      <c r="D19523" s="14" t="s">
        <v>135</v>
      </c>
      <c r="E19523" s="15">
        <v>45554</v>
      </c>
      <c r="F19523" s="14" t="s">
        <v>28</v>
      </c>
      <c r="G19523" s="16">
        <v>5.7759799350552933E-3</v>
      </c>
    </row>
    <row r="19524" spans="1:7" x14ac:dyDescent="0.3">
      <c r="A19524" s="13" t="s">
        <v>134</v>
      </c>
      <c r="B19524" s="14" t="s">
        <v>1</v>
      </c>
      <c r="C19524" s="14" t="s">
        <v>51</v>
      </c>
      <c r="D19524" s="14" t="s">
        <v>135</v>
      </c>
      <c r="E19524" s="15">
        <v>45555</v>
      </c>
      <c r="F19524" s="14" t="s">
        <v>28</v>
      </c>
      <c r="G19524" s="16">
        <v>4.4436636447482813E-3</v>
      </c>
    </row>
    <row r="19525" spans="1:7" x14ac:dyDescent="0.3">
      <c r="A19525" s="13" t="s">
        <v>134</v>
      </c>
      <c r="B19525" s="14" t="s">
        <v>1</v>
      </c>
      <c r="C19525" s="14" t="s">
        <v>51</v>
      </c>
      <c r="D19525" s="14" t="s">
        <v>135</v>
      </c>
      <c r="E19525" s="15">
        <v>45556</v>
      </c>
      <c r="F19525" s="14" t="s">
        <v>28</v>
      </c>
      <c r="G19525" s="16">
        <v>4.4436636447482813E-3</v>
      </c>
    </row>
    <row r="19526" spans="1:7" x14ac:dyDescent="0.3">
      <c r="A19526" s="13" t="s">
        <v>134</v>
      </c>
      <c r="B19526" s="14" t="s">
        <v>1</v>
      </c>
      <c r="C19526" s="14" t="s">
        <v>51</v>
      </c>
      <c r="D19526" s="14" t="s">
        <v>135</v>
      </c>
      <c r="E19526" s="15">
        <v>45557</v>
      </c>
      <c r="F19526" s="14" t="s">
        <v>28</v>
      </c>
      <c r="G19526" s="16">
        <v>4.4436636447482813E-3</v>
      </c>
    </row>
    <row r="19527" spans="1:7" x14ac:dyDescent="0.3">
      <c r="A19527" s="13" t="s">
        <v>134</v>
      </c>
      <c r="B19527" s="14" t="s">
        <v>1</v>
      </c>
      <c r="C19527" s="14" t="s">
        <v>51</v>
      </c>
      <c r="D19527" s="14" t="s">
        <v>135</v>
      </c>
      <c r="E19527" s="15">
        <v>45558</v>
      </c>
      <c r="F19527" s="14" t="s">
        <v>28</v>
      </c>
      <c r="G19527" s="16">
        <v>3.1208487207437133E-3</v>
      </c>
    </row>
    <row r="19528" spans="1:7" x14ac:dyDescent="0.3">
      <c r="A19528" s="13" t="s">
        <v>134</v>
      </c>
      <c r="B19528" s="14" t="s">
        <v>1</v>
      </c>
      <c r="C19528" s="14" t="s">
        <v>51</v>
      </c>
      <c r="D19528" s="14" t="s">
        <v>135</v>
      </c>
      <c r="E19528" s="15">
        <v>45559</v>
      </c>
      <c r="F19528" s="14" t="s">
        <v>28</v>
      </c>
      <c r="G19528" s="16">
        <v>3.0697623967642384E-3</v>
      </c>
    </row>
    <row r="19529" spans="1:7" x14ac:dyDescent="0.3">
      <c r="A19529" s="13" t="s">
        <v>134</v>
      </c>
      <c r="B19529" s="14" t="s">
        <v>1</v>
      </c>
      <c r="C19529" s="14" t="s">
        <v>51</v>
      </c>
      <c r="D19529" s="14" t="s">
        <v>135</v>
      </c>
      <c r="E19529" s="15">
        <v>45560</v>
      </c>
      <c r="F19529" s="14" t="s">
        <v>28</v>
      </c>
      <c r="G19529" s="16">
        <v>1.7602921932403067E-3</v>
      </c>
    </row>
    <row r="19530" spans="1:7" x14ac:dyDescent="0.3">
      <c r="A19530" s="13" t="s">
        <v>134</v>
      </c>
      <c r="B19530" s="14" t="s">
        <v>1</v>
      </c>
      <c r="C19530" s="14" t="s">
        <v>51</v>
      </c>
      <c r="D19530" s="14" t="s">
        <v>135</v>
      </c>
      <c r="E19530" s="15">
        <v>45561</v>
      </c>
      <c r="F19530" s="14" t="s">
        <v>28</v>
      </c>
      <c r="G19530" s="16">
        <v>4.3396483298644459E-4</v>
      </c>
    </row>
    <row r="19531" spans="1:7" x14ac:dyDescent="0.3">
      <c r="A19531" s="13" t="s">
        <v>134</v>
      </c>
      <c r="B19531" s="14" t="s">
        <v>1</v>
      </c>
      <c r="C19531" s="14" t="s">
        <v>51</v>
      </c>
      <c r="D19531" s="14" t="s">
        <v>135</v>
      </c>
      <c r="E19531" s="15">
        <v>45562</v>
      </c>
      <c r="F19531" s="14" t="s">
        <v>28</v>
      </c>
      <c r="G19531" s="16">
        <v>4.2410294846600876E-3</v>
      </c>
    </row>
    <row r="19532" spans="1:7" x14ac:dyDescent="0.3">
      <c r="A19532" s="13" t="s">
        <v>134</v>
      </c>
      <c r="B19532" s="14" t="s">
        <v>1</v>
      </c>
      <c r="C19532" s="14" t="s">
        <v>51</v>
      </c>
      <c r="D19532" s="14" t="s">
        <v>135</v>
      </c>
      <c r="E19532" s="15">
        <v>45563</v>
      </c>
      <c r="F19532" s="14" t="s">
        <v>28</v>
      </c>
      <c r="G19532" s="16">
        <v>4.2410294846600876E-3</v>
      </c>
    </row>
    <row r="19533" spans="1:7" x14ac:dyDescent="0.3">
      <c r="A19533" s="13" t="s">
        <v>134</v>
      </c>
      <c r="B19533" s="14" t="s">
        <v>1</v>
      </c>
      <c r="C19533" s="14" t="s">
        <v>51</v>
      </c>
      <c r="D19533" s="14" t="s">
        <v>135</v>
      </c>
      <c r="E19533" s="15">
        <v>45564</v>
      </c>
      <c r="F19533" s="14" t="s">
        <v>28</v>
      </c>
      <c r="G19533" s="16">
        <v>4.2410294846600876E-3</v>
      </c>
    </row>
    <row r="19534" spans="1:7" x14ac:dyDescent="0.3">
      <c r="A19534" s="13" t="s">
        <v>134</v>
      </c>
      <c r="B19534" s="14" t="s">
        <v>1</v>
      </c>
      <c r="C19534" s="14" t="s">
        <v>51</v>
      </c>
      <c r="D19534" s="14" t="s">
        <v>135</v>
      </c>
      <c r="E19534" s="15">
        <v>45565</v>
      </c>
      <c r="F19534" s="14" t="s">
        <v>28</v>
      </c>
      <c r="G19534" s="16">
        <v>8.0745717914811211E-3</v>
      </c>
    </row>
    <row r="19535" spans="1:7" x14ac:dyDescent="0.3">
      <c r="A19535" s="13" t="s">
        <v>134</v>
      </c>
      <c r="B19535" s="14" t="s">
        <v>1</v>
      </c>
      <c r="C19535" s="14" t="s">
        <v>51</v>
      </c>
      <c r="D19535" s="14" t="s">
        <v>135</v>
      </c>
      <c r="E19535" s="15">
        <v>45566</v>
      </c>
      <c r="F19535" s="14" t="s">
        <v>28</v>
      </c>
      <c r="G19535" s="16">
        <v>1.6201622234832203E-3</v>
      </c>
    </row>
    <row r="19536" spans="1:7" x14ac:dyDescent="0.3">
      <c r="A19536" s="13" t="s">
        <v>134</v>
      </c>
      <c r="B19536" s="14" t="s">
        <v>1</v>
      </c>
      <c r="C19536" s="14" t="s">
        <v>51</v>
      </c>
      <c r="D19536" s="14" t="s">
        <v>135</v>
      </c>
      <c r="E19536" s="15">
        <v>45567</v>
      </c>
      <c r="F19536" s="14" t="s">
        <v>28</v>
      </c>
      <c r="G19536" s="16">
        <v>1.5900735599398137E-3</v>
      </c>
    </row>
    <row r="19537" spans="1:7" x14ac:dyDescent="0.3">
      <c r="A19537" s="13" t="s">
        <v>134</v>
      </c>
      <c r="B19537" s="14" t="s">
        <v>1</v>
      </c>
      <c r="C19537" s="14" t="s">
        <v>51</v>
      </c>
      <c r="D19537" s="14" t="s">
        <v>135</v>
      </c>
      <c r="E19537" s="15">
        <v>45568</v>
      </c>
      <c r="F19537" s="14" t="s">
        <v>28</v>
      </c>
      <c r="G19537" s="16">
        <v>2.6489835401070629E-4</v>
      </c>
    </row>
    <row r="19538" spans="1:7" x14ac:dyDescent="0.3">
      <c r="A19538" s="13" t="s">
        <v>134</v>
      </c>
      <c r="B19538" s="14" t="s">
        <v>1</v>
      </c>
      <c r="C19538" s="14" t="s">
        <v>51</v>
      </c>
      <c r="D19538" s="14" t="s">
        <v>135</v>
      </c>
      <c r="E19538" s="15">
        <v>45569</v>
      </c>
      <c r="F19538" s="14" t="s">
        <v>28</v>
      </c>
      <c r="G19538" s="16">
        <v>0</v>
      </c>
    </row>
    <row r="19539" spans="1:7" x14ac:dyDescent="0.3">
      <c r="A19539" s="13" t="s">
        <v>134</v>
      </c>
      <c r="B19539" s="14" t="s">
        <v>1</v>
      </c>
      <c r="C19539" s="14" t="s">
        <v>51</v>
      </c>
      <c r="D19539" s="14" t="s">
        <v>135</v>
      </c>
      <c r="E19539" s="15">
        <v>45570</v>
      </c>
      <c r="F19539" s="14" t="s">
        <v>28</v>
      </c>
      <c r="G19539" s="16">
        <v>0</v>
      </c>
    </row>
    <row r="19540" spans="1:7" x14ac:dyDescent="0.3">
      <c r="A19540" s="13" t="s">
        <v>134</v>
      </c>
      <c r="B19540" s="14" t="s">
        <v>1</v>
      </c>
      <c r="C19540" s="14" t="s">
        <v>51</v>
      </c>
      <c r="D19540" s="14" t="s">
        <v>135</v>
      </c>
      <c r="E19540" s="15">
        <v>45571</v>
      </c>
      <c r="F19540" s="14" t="s">
        <v>28</v>
      </c>
      <c r="G19540" s="16">
        <v>0</v>
      </c>
    </row>
    <row r="19541" spans="1:7" x14ac:dyDescent="0.3">
      <c r="A19541" s="13" t="s">
        <v>134</v>
      </c>
      <c r="B19541" s="14" t="s">
        <v>1</v>
      </c>
      <c r="C19541" s="14" t="s">
        <v>51</v>
      </c>
      <c r="D19541" s="14" t="s">
        <v>135</v>
      </c>
      <c r="E19541" s="15">
        <v>45572</v>
      </c>
      <c r="F19541" s="14" t="s">
        <v>28</v>
      </c>
      <c r="G19541" s="16">
        <v>0</v>
      </c>
    </row>
    <row r="19542" spans="1:7" x14ac:dyDescent="0.3">
      <c r="A19542" s="13" t="s">
        <v>134</v>
      </c>
      <c r="B19542" s="14" t="s">
        <v>1</v>
      </c>
      <c r="C19542" s="14" t="s">
        <v>51</v>
      </c>
      <c r="D19542" s="14" t="s">
        <v>135</v>
      </c>
      <c r="E19542" s="15">
        <v>45573</v>
      </c>
      <c r="F19542" s="14" t="s">
        <v>28</v>
      </c>
      <c r="G19542" s="16">
        <v>0</v>
      </c>
    </row>
    <row r="19543" spans="1:7" x14ac:dyDescent="0.3">
      <c r="A19543" s="13" t="s">
        <v>134</v>
      </c>
      <c r="B19543" s="14" t="s">
        <v>1</v>
      </c>
      <c r="C19543" s="14" t="s">
        <v>51</v>
      </c>
      <c r="D19543" s="14" t="s">
        <v>135</v>
      </c>
      <c r="E19543" s="15">
        <v>45574</v>
      </c>
      <c r="F19543" s="14" t="s">
        <v>28</v>
      </c>
      <c r="G19543" s="16">
        <v>0</v>
      </c>
    </row>
    <row r="19544" spans="1:7" x14ac:dyDescent="0.3">
      <c r="A19544" s="13" t="s">
        <v>134</v>
      </c>
      <c r="B19544" s="14" t="s">
        <v>1</v>
      </c>
      <c r="C19544" s="14" t="s">
        <v>51</v>
      </c>
      <c r="D19544" s="14" t="s">
        <v>135</v>
      </c>
      <c r="E19544" s="15">
        <v>45575</v>
      </c>
      <c r="F19544" s="14" t="s">
        <v>28</v>
      </c>
      <c r="G19544" s="16">
        <v>0</v>
      </c>
    </row>
    <row r="19545" spans="1:7" x14ac:dyDescent="0.3">
      <c r="A19545" s="13" t="s">
        <v>134</v>
      </c>
      <c r="B19545" s="14" t="s">
        <v>1</v>
      </c>
      <c r="C19545" s="14" t="s">
        <v>51</v>
      </c>
      <c r="D19545" s="14" t="s">
        <v>135</v>
      </c>
      <c r="E19545" s="15">
        <v>45576</v>
      </c>
      <c r="F19545" s="14" t="s">
        <v>28</v>
      </c>
      <c r="G19545" s="16">
        <v>0</v>
      </c>
    </row>
    <row r="19546" spans="1:7" x14ac:dyDescent="0.3">
      <c r="A19546" s="13" t="s">
        <v>134</v>
      </c>
      <c r="B19546" s="14" t="s">
        <v>1</v>
      </c>
      <c r="C19546" s="14" t="s">
        <v>51</v>
      </c>
      <c r="D19546" s="14" t="s">
        <v>135</v>
      </c>
      <c r="E19546" s="15">
        <v>45577</v>
      </c>
      <c r="F19546" s="14" t="s">
        <v>28</v>
      </c>
      <c r="G19546" s="16">
        <v>0</v>
      </c>
    </row>
    <row r="19547" spans="1:7" x14ac:dyDescent="0.3">
      <c r="A19547" s="13" t="s">
        <v>134</v>
      </c>
      <c r="B19547" s="14" t="s">
        <v>1</v>
      </c>
      <c r="C19547" s="14" t="s">
        <v>51</v>
      </c>
      <c r="D19547" s="14" t="s">
        <v>135</v>
      </c>
      <c r="E19547" s="15">
        <v>45578</v>
      </c>
      <c r="F19547" s="14" t="s">
        <v>28</v>
      </c>
      <c r="G19547" s="16">
        <v>0</v>
      </c>
    </row>
    <row r="19548" spans="1:7" x14ac:dyDescent="0.3">
      <c r="A19548" s="13" t="s">
        <v>134</v>
      </c>
      <c r="B19548" s="14" t="s">
        <v>1</v>
      </c>
      <c r="C19548" s="14" t="s">
        <v>51</v>
      </c>
      <c r="D19548" s="14" t="s">
        <v>135</v>
      </c>
      <c r="E19548" s="15">
        <v>45579</v>
      </c>
      <c r="F19548" s="14" t="s">
        <v>28</v>
      </c>
      <c r="G19548" s="16">
        <v>0</v>
      </c>
    </row>
    <row r="19549" spans="1:7" x14ac:dyDescent="0.3">
      <c r="A19549" s="13" t="s">
        <v>134</v>
      </c>
      <c r="B19549" s="14" t="s">
        <v>1</v>
      </c>
      <c r="C19549" s="14" t="s">
        <v>51</v>
      </c>
      <c r="D19549" s="14" t="s">
        <v>135</v>
      </c>
      <c r="E19549" s="15">
        <v>45580</v>
      </c>
      <c r="F19549" s="14" t="s">
        <v>28</v>
      </c>
      <c r="G19549" s="16">
        <v>0</v>
      </c>
    </row>
    <row r="19550" spans="1:7" x14ac:dyDescent="0.3">
      <c r="A19550" s="13" t="s">
        <v>134</v>
      </c>
      <c r="B19550" s="14" t="s">
        <v>1</v>
      </c>
      <c r="C19550" s="14" t="s">
        <v>51</v>
      </c>
      <c r="D19550" s="14" t="s">
        <v>135</v>
      </c>
      <c r="E19550" s="15">
        <v>45581</v>
      </c>
      <c r="F19550" s="14" t="s">
        <v>28</v>
      </c>
      <c r="G19550" s="16">
        <v>0</v>
      </c>
    </row>
    <row r="19551" spans="1:7" x14ac:dyDescent="0.3">
      <c r="A19551" s="13" t="s">
        <v>134</v>
      </c>
      <c r="B19551" s="14" t="s">
        <v>1</v>
      </c>
      <c r="C19551" s="14" t="s">
        <v>51</v>
      </c>
      <c r="D19551" s="14" t="s">
        <v>135</v>
      </c>
      <c r="E19551" s="15">
        <v>45582</v>
      </c>
      <c r="F19551" s="14" t="s">
        <v>28</v>
      </c>
      <c r="G19551" s="16">
        <v>0</v>
      </c>
    </row>
    <row r="19552" spans="1:7" x14ac:dyDescent="0.3">
      <c r="A19552" s="13" t="s">
        <v>134</v>
      </c>
      <c r="B19552" s="14" t="s">
        <v>1</v>
      </c>
      <c r="C19552" s="14" t="s">
        <v>51</v>
      </c>
      <c r="D19552" s="14" t="s">
        <v>135</v>
      </c>
      <c r="E19552" s="15">
        <v>45583</v>
      </c>
      <c r="F19552" s="14" t="s">
        <v>28</v>
      </c>
      <c r="G19552" s="16">
        <v>0</v>
      </c>
    </row>
    <row r="19553" spans="1:7" x14ac:dyDescent="0.3">
      <c r="A19553" s="13" t="s">
        <v>134</v>
      </c>
      <c r="B19553" s="14" t="s">
        <v>1</v>
      </c>
      <c r="C19553" s="14" t="s">
        <v>51</v>
      </c>
      <c r="D19553" s="14" t="s">
        <v>135</v>
      </c>
      <c r="E19553" s="15">
        <v>45584</v>
      </c>
      <c r="F19553" s="14" t="s">
        <v>28</v>
      </c>
      <c r="G19553" s="16">
        <v>0</v>
      </c>
    </row>
    <row r="19554" spans="1:7" x14ac:dyDescent="0.3">
      <c r="A19554" s="13" t="s">
        <v>134</v>
      </c>
      <c r="B19554" s="14" t="s">
        <v>1</v>
      </c>
      <c r="C19554" s="14" t="s">
        <v>51</v>
      </c>
      <c r="D19554" s="14" t="s">
        <v>135</v>
      </c>
      <c r="E19554" s="15">
        <v>45585</v>
      </c>
      <c r="F19554" s="14" t="s">
        <v>28</v>
      </c>
      <c r="G19554" s="16">
        <v>0</v>
      </c>
    </row>
    <row r="19555" spans="1:7" x14ac:dyDescent="0.3">
      <c r="A19555" s="13" t="s">
        <v>134</v>
      </c>
      <c r="B19555" s="14" t="s">
        <v>1</v>
      </c>
      <c r="C19555" s="14" t="s">
        <v>51</v>
      </c>
      <c r="D19555" s="14" t="s">
        <v>135</v>
      </c>
      <c r="E19555" s="15">
        <v>45586</v>
      </c>
      <c r="F19555" s="14" t="s">
        <v>28</v>
      </c>
      <c r="G19555" s="16">
        <v>0</v>
      </c>
    </row>
    <row r="19556" spans="1:7" x14ac:dyDescent="0.3">
      <c r="A19556" s="13" t="s">
        <v>134</v>
      </c>
      <c r="B19556" s="14" t="s">
        <v>1</v>
      </c>
      <c r="C19556" s="14" t="s">
        <v>51</v>
      </c>
      <c r="D19556" s="14" t="s">
        <v>135</v>
      </c>
      <c r="E19556" s="15">
        <v>45587</v>
      </c>
      <c r="F19556" s="14" t="s">
        <v>28</v>
      </c>
      <c r="G19556" s="16">
        <v>0</v>
      </c>
    </row>
    <row r="19557" spans="1:7" x14ac:dyDescent="0.3">
      <c r="A19557" s="13" t="s">
        <v>134</v>
      </c>
      <c r="B19557" s="14" t="s">
        <v>1</v>
      </c>
      <c r="C19557" s="14" t="s">
        <v>51</v>
      </c>
      <c r="D19557" s="14" t="s">
        <v>135</v>
      </c>
      <c r="E19557" s="15">
        <v>45588</v>
      </c>
      <c r="F19557" s="14" t="s">
        <v>28</v>
      </c>
      <c r="G19557" s="16">
        <v>0</v>
      </c>
    </row>
    <row r="19558" spans="1:7" x14ac:dyDescent="0.3">
      <c r="A19558" s="13" t="s">
        <v>134</v>
      </c>
      <c r="B19558" s="14" t="s">
        <v>1</v>
      </c>
      <c r="C19558" s="14" t="s">
        <v>51</v>
      </c>
      <c r="D19558" s="14" t="s">
        <v>135</v>
      </c>
      <c r="E19558" s="15">
        <v>45589</v>
      </c>
      <c r="F19558" s="14" t="s">
        <v>28</v>
      </c>
      <c r="G19558" s="16">
        <v>0</v>
      </c>
    </row>
    <row r="19559" spans="1:7" x14ac:dyDescent="0.3">
      <c r="A19559" s="13" t="s">
        <v>134</v>
      </c>
      <c r="B19559" s="14" t="s">
        <v>1</v>
      </c>
      <c r="C19559" s="14" t="s">
        <v>51</v>
      </c>
      <c r="D19559" s="14" t="s">
        <v>135</v>
      </c>
      <c r="E19559" s="15">
        <v>45590</v>
      </c>
      <c r="F19559" s="14" t="s">
        <v>28</v>
      </c>
      <c r="G19559" s="16">
        <v>0</v>
      </c>
    </row>
    <row r="19560" spans="1:7" x14ac:dyDescent="0.3">
      <c r="A19560" s="13" t="s">
        <v>134</v>
      </c>
      <c r="B19560" s="14" t="s">
        <v>1</v>
      </c>
      <c r="C19560" s="14" t="s">
        <v>51</v>
      </c>
      <c r="D19560" s="14" t="s">
        <v>135</v>
      </c>
      <c r="E19560" s="15">
        <v>45591</v>
      </c>
      <c r="F19560" s="14" t="s">
        <v>28</v>
      </c>
      <c r="G19560" s="16">
        <v>0</v>
      </c>
    </row>
    <row r="19561" spans="1:7" x14ac:dyDescent="0.3">
      <c r="A19561" s="13" t="s">
        <v>134</v>
      </c>
      <c r="B19561" s="14" t="s">
        <v>1</v>
      </c>
      <c r="C19561" s="14" t="s">
        <v>51</v>
      </c>
      <c r="D19561" s="14" t="s">
        <v>135</v>
      </c>
      <c r="E19561" s="15">
        <v>45592</v>
      </c>
      <c r="F19561" s="14" t="s">
        <v>28</v>
      </c>
      <c r="G19561" s="16">
        <v>0</v>
      </c>
    </row>
    <row r="19562" spans="1:7" x14ac:dyDescent="0.3">
      <c r="A19562" s="13" t="s">
        <v>134</v>
      </c>
      <c r="B19562" s="14" t="s">
        <v>1</v>
      </c>
      <c r="C19562" s="14" t="s">
        <v>51</v>
      </c>
      <c r="D19562" s="14" t="s">
        <v>135</v>
      </c>
      <c r="E19562" s="15">
        <v>45593</v>
      </c>
      <c r="F19562" s="14" t="s">
        <v>28</v>
      </c>
      <c r="G19562" s="16">
        <v>0</v>
      </c>
    </row>
    <row r="19563" spans="1:7" x14ac:dyDescent="0.3">
      <c r="A19563" s="13" t="s">
        <v>134</v>
      </c>
      <c r="B19563" s="14" t="s">
        <v>1</v>
      </c>
      <c r="C19563" s="14" t="s">
        <v>51</v>
      </c>
      <c r="D19563" s="14" t="s">
        <v>135</v>
      </c>
      <c r="E19563" s="15">
        <v>45594</v>
      </c>
      <c r="F19563" s="14" t="s">
        <v>28</v>
      </c>
      <c r="G19563" s="16">
        <v>0</v>
      </c>
    </row>
    <row r="19564" spans="1:7" x14ac:dyDescent="0.3">
      <c r="A19564" s="13" t="s">
        <v>134</v>
      </c>
      <c r="B19564" s="14" t="s">
        <v>1</v>
      </c>
      <c r="C19564" s="14" t="s">
        <v>51</v>
      </c>
      <c r="D19564" s="14" t="s">
        <v>135</v>
      </c>
      <c r="E19564" s="15">
        <v>45595</v>
      </c>
      <c r="F19564" s="14" t="s">
        <v>28</v>
      </c>
      <c r="G19564" s="16">
        <v>0</v>
      </c>
    </row>
    <row r="19565" spans="1:7" x14ac:dyDescent="0.3">
      <c r="A19565" s="13" t="s">
        <v>134</v>
      </c>
      <c r="B19565" s="14" t="s">
        <v>1</v>
      </c>
      <c r="C19565" s="14" t="s">
        <v>51</v>
      </c>
      <c r="D19565" s="14" t="s">
        <v>135</v>
      </c>
      <c r="E19565" s="15">
        <v>45596</v>
      </c>
      <c r="F19565" s="14" t="s">
        <v>28</v>
      </c>
      <c r="G19565" s="16">
        <v>0</v>
      </c>
    </row>
    <row r="19566" spans="1:7" x14ac:dyDescent="0.3">
      <c r="A19566" s="13" t="s">
        <v>134</v>
      </c>
      <c r="B19566" s="14" t="s">
        <v>1</v>
      </c>
      <c r="C19566" s="14" t="s">
        <v>51</v>
      </c>
      <c r="D19566" s="14" t="s">
        <v>135</v>
      </c>
      <c r="E19566" s="15">
        <v>45597</v>
      </c>
      <c r="F19566" s="14" t="s">
        <v>28</v>
      </c>
      <c r="G19566" s="16">
        <v>0</v>
      </c>
    </row>
    <row r="19567" spans="1:7" x14ac:dyDescent="0.3">
      <c r="A19567" s="13" t="s">
        <v>134</v>
      </c>
      <c r="B19567" s="14" t="s">
        <v>1</v>
      </c>
      <c r="C19567" s="14" t="s">
        <v>51</v>
      </c>
      <c r="D19567" s="14" t="s">
        <v>135</v>
      </c>
      <c r="E19567" s="15">
        <v>45598</v>
      </c>
      <c r="F19567" s="14" t="s">
        <v>28</v>
      </c>
      <c r="G19567" s="16">
        <v>0</v>
      </c>
    </row>
    <row r="19568" spans="1:7" x14ac:dyDescent="0.3">
      <c r="A19568" s="13" t="s">
        <v>134</v>
      </c>
      <c r="B19568" s="14" t="s">
        <v>1</v>
      </c>
      <c r="C19568" s="14" t="s">
        <v>51</v>
      </c>
      <c r="D19568" s="14" t="s">
        <v>135</v>
      </c>
      <c r="E19568" s="15">
        <v>45599</v>
      </c>
      <c r="F19568" s="14" t="s">
        <v>28</v>
      </c>
      <c r="G19568" s="16">
        <v>0</v>
      </c>
    </row>
    <row r="19569" spans="1:7" x14ac:dyDescent="0.3">
      <c r="A19569" s="13" t="s">
        <v>134</v>
      </c>
      <c r="B19569" s="14" t="s">
        <v>1</v>
      </c>
      <c r="C19569" s="14" t="s">
        <v>51</v>
      </c>
      <c r="D19569" s="14" t="s">
        <v>135</v>
      </c>
      <c r="E19569" s="15">
        <v>45600</v>
      </c>
      <c r="F19569" s="14" t="s">
        <v>28</v>
      </c>
      <c r="G19569" s="16">
        <v>0</v>
      </c>
    </row>
    <row r="19570" spans="1:7" x14ac:dyDescent="0.3">
      <c r="A19570" s="13" t="s">
        <v>134</v>
      </c>
      <c r="B19570" s="14" t="s">
        <v>1</v>
      </c>
      <c r="C19570" s="14" t="s">
        <v>51</v>
      </c>
      <c r="D19570" s="14" t="s">
        <v>135</v>
      </c>
      <c r="E19570" s="15">
        <v>45601</v>
      </c>
      <c r="F19570" s="14" t="s">
        <v>28</v>
      </c>
      <c r="G19570" s="16">
        <v>0</v>
      </c>
    </row>
    <row r="19571" spans="1:7" x14ac:dyDescent="0.3">
      <c r="A19571" s="13" t="s">
        <v>134</v>
      </c>
      <c r="B19571" s="14" t="s">
        <v>1</v>
      </c>
      <c r="C19571" s="14" t="s">
        <v>51</v>
      </c>
      <c r="D19571" s="14" t="s">
        <v>135</v>
      </c>
      <c r="E19571" s="15">
        <v>45602</v>
      </c>
      <c r="F19571" s="14" t="s">
        <v>28</v>
      </c>
      <c r="G19571" s="16">
        <v>0</v>
      </c>
    </row>
    <row r="19572" spans="1:7" x14ac:dyDescent="0.3">
      <c r="A19572" s="13" t="s">
        <v>134</v>
      </c>
      <c r="B19572" s="14" t="s">
        <v>1</v>
      </c>
      <c r="C19572" s="14" t="s">
        <v>51</v>
      </c>
      <c r="D19572" s="14" t="s">
        <v>135</v>
      </c>
      <c r="E19572" s="15">
        <v>45603</v>
      </c>
      <c r="F19572" s="14" t="s">
        <v>28</v>
      </c>
      <c r="G19572" s="16">
        <v>0</v>
      </c>
    </row>
    <row r="19573" spans="1:7" x14ac:dyDescent="0.3">
      <c r="A19573" s="13" t="s">
        <v>134</v>
      </c>
      <c r="B19573" s="14" t="s">
        <v>1</v>
      </c>
      <c r="C19573" s="14" t="s">
        <v>51</v>
      </c>
      <c r="D19573" s="14" t="s">
        <v>135</v>
      </c>
      <c r="E19573" s="15">
        <v>45604</v>
      </c>
      <c r="F19573" s="14" t="s">
        <v>28</v>
      </c>
      <c r="G19573" s="16">
        <v>0</v>
      </c>
    </row>
    <row r="19574" spans="1:7" x14ac:dyDescent="0.3">
      <c r="A19574" s="13" t="s">
        <v>134</v>
      </c>
      <c r="B19574" s="14" t="s">
        <v>1</v>
      </c>
      <c r="C19574" s="14" t="s">
        <v>51</v>
      </c>
      <c r="D19574" s="14" t="s">
        <v>135</v>
      </c>
      <c r="E19574" s="15">
        <v>45605</v>
      </c>
      <c r="F19574" s="14" t="s">
        <v>28</v>
      </c>
      <c r="G19574" s="16">
        <v>0</v>
      </c>
    </row>
    <row r="19575" spans="1:7" x14ac:dyDescent="0.3">
      <c r="A19575" s="13" t="s">
        <v>134</v>
      </c>
      <c r="B19575" s="14" t="s">
        <v>1</v>
      </c>
      <c r="C19575" s="14" t="s">
        <v>51</v>
      </c>
      <c r="D19575" s="14" t="s">
        <v>135</v>
      </c>
      <c r="E19575" s="15">
        <v>45606</v>
      </c>
      <c r="F19575" s="14" t="s">
        <v>28</v>
      </c>
      <c r="G19575" s="16">
        <v>0</v>
      </c>
    </row>
    <row r="19576" spans="1:7" x14ac:dyDescent="0.3">
      <c r="A19576" s="13" t="s">
        <v>134</v>
      </c>
      <c r="B19576" s="14" t="s">
        <v>1</v>
      </c>
      <c r="C19576" s="14" t="s">
        <v>51</v>
      </c>
      <c r="D19576" s="14" t="s">
        <v>135</v>
      </c>
      <c r="E19576" s="15">
        <v>45607</v>
      </c>
      <c r="F19576" s="14" t="s">
        <v>28</v>
      </c>
      <c r="G19576" s="16">
        <v>0</v>
      </c>
    </row>
    <row r="19577" spans="1:7" x14ac:dyDescent="0.3">
      <c r="A19577" s="13" t="s">
        <v>134</v>
      </c>
      <c r="B19577" s="14" t="s">
        <v>1</v>
      </c>
      <c r="C19577" s="14" t="s">
        <v>51</v>
      </c>
      <c r="D19577" s="14" t="s">
        <v>135</v>
      </c>
      <c r="E19577" s="15">
        <v>45608</v>
      </c>
      <c r="F19577" s="14" t="s">
        <v>28</v>
      </c>
      <c r="G19577" s="16">
        <v>0</v>
      </c>
    </row>
    <row r="19578" spans="1:7" x14ac:dyDescent="0.3">
      <c r="A19578" s="13" t="s">
        <v>134</v>
      </c>
      <c r="B19578" s="14" t="s">
        <v>1</v>
      </c>
      <c r="C19578" s="14" t="s">
        <v>51</v>
      </c>
      <c r="D19578" s="14" t="s">
        <v>135</v>
      </c>
      <c r="E19578" s="15">
        <v>45609</v>
      </c>
      <c r="F19578" s="14" t="s">
        <v>28</v>
      </c>
      <c r="G19578" s="16">
        <v>0</v>
      </c>
    </row>
    <row r="19579" spans="1:7" x14ac:dyDescent="0.3">
      <c r="A19579" s="13" t="s">
        <v>134</v>
      </c>
      <c r="B19579" s="14" t="s">
        <v>1</v>
      </c>
      <c r="C19579" s="14" t="s">
        <v>51</v>
      </c>
      <c r="D19579" s="14" t="s">
        <v>135</v>
      </c>
      <c r="E19579" s="15">
        <v>45610</v>
      </c>
      <c r="F19579" s="14" t="s">
        <v>28</v>
      </c>
      <c r="G19579" s="16">
        <v>0</v>
      </c>
    </row>
    <row r="19580" spans="1:7" x14ac:dyDescent="0.3">
      <c r="A19580" s="13" t="s">
        <v>134</v>
      </c>
      <c r="B19580" s="14" t="s">
        <v>1</v>
      </c>
      <c r="C19580" s="14" t="s">
        <v>51</v>
      </c>
      <c r="D19580" s="14" t="s">
        <v>135</v>
      </c>
      <c r="E19580" s="15">
        <v>45611</v>
      </c>
      <c r="F19580" s="14" t="s">
        <v>28</v>
      </c>
      <c r="G19580" s="16">
        <v>0</v>
      </c>
    </row>
    <row r="19581" spans="1:7" x14ac:dyDescent="0.3">
      <c r="A19581" s="13" t="s">
        <v>134</v>
      </c>
      <c r="B19581" s="14" t="s">
        <v>1</v>
      </c>
      <c r="C19581" s="14" t="s">
        <v>51</v>
      </c>
      <c r="D19581" s="14" t="s">
        <v>135</v>
      </c>
      <c r="E19581" s="15">
        <v>45612</v>
      </c>
      <c r="F19581" s="14" t="s">
        <v>28</v>
      </c>
      <c r="G19581" s="16">
        <v>0</v>
      </c>
    </row>
    <row r="19582" spans="1:7" x14ac:dyDescent="0.3">
      <c r="A19582" s="13" t="s">
        <v>134</v>
      </c>
      <c r="B19582" s="14" t="s">
        <v>1</v>
      </c>
      <c r="C19582" s="14" t="s">
        <v>51</v>
      </c>
      <c r="D19582" s="14" t="s">
        <v>135</v>
      </c>
      <c r="E19582" s="15">
        <v>45613</v>
      </c>
      <c r="F19582" s="14" t="s">
        <v>28</v>
      </c>
      <c r="G19582" s="16">
        <v>0</v>
      </c>
    </row>
    <row r="19583" spans="1:7" x14ac:dyDescent="0.3">
      <c r="A19583" s="13" t="s">
        <v>134</v>
      </c>
      <c r="B19583" s="14" t="s">
        <v>1</v>
      </c>
      <c r="C19583" s="14" t="s">
        <v>51</v>
      </c>
      <c r="D19583" s="14" t="s">
        <v>135</v>
      </c>
      <c r="E19583" s="15">
        <v>45614</v>
      </c>
      <c r="F19583" s="14" t="s">
        <v>28</v>
      </c>
      <c r="G19583" s="16">
        <v>0</v>
      </c>
    </row>
    <row r="19584" spans="1:7" x14ac:dyDescent="0.3">
      <c r="A19584" s="13" t="s">
        <v>134</v>
      </c>
      <c r="B19584" s="14" t="s">
        <v>1</v>
      </c>
      <c r="C19584" s="14" t="s">
        <v>51</v>
      </c>
      <c r="D19584" s="14" t="s">
        <v>135</v>
      </c>
      <c r="E19584" s="15">
        <v>45615</v>
      </c>
      <c r="F19584" s="14" t="s">
        <v>28</v>
      </c>
      <c r="G19584" s="16">
        <v>3.6570651438186184E-2</v>
      </c>
    </row>
    <row r="19585" spans="1:7" x14ac:dyDescent="0.3">
      <c r="A19585" s="13" t="s">
        <v>134</v>
      </c>
      <c r="B19585" s="14" t="s">
        <v>1</v>
      </c>
      <c r="C19585" s="14" t="s">
        <v>51</v>
      </c>
      <c r="D19585" s="14" t="s">
        <v>135</v>
      </c>
      <c r="E19585" s="15">
        <v>45616</v>
      </c>
      <c r="F19585" s="14" t="s">
        <v>28</v>
      </c>
      <c r="G19585" s="16">
        <v>3.5334372652921921E-2</v>
      </c>
    </row>
    <row r="19586" spans="1:7" x14ac:dyDescent="0.3">
      <c r="A19586" s="13" t="s">
        <v>134</v>
      </c>
      <c r="B19586" s="14" t="s">
        <v>1</v>
      </c>
      <c r="C19586" s="14" t="s">
        <v>51</v>
      </c>
      <c r="D19586" s="14" t="s">
        <v>135</v>
      </c>
      <c r="E19586" s="15">
        <v>45617</v>
      </c>
      <c r="F19586" s="14" t="s">
        <v>28</v>
      </c>
      <c r="G19586" s="16">
        <v>3.4052004889500984E-2</v>
      </c>
    </row>
    <row r="19587" spans="1:7" x14ac:dyDescent="0.3">
      <c r="A19587" s="13" t="s">
        <v>134</v>
      </c>
      <c r="B19587" s="14" t="s">
        <v>1</v>
      </c>
      <c r="C19587" s="14" t="s">
        <v>51</v>
      </c>
      <c r="D19587" s="14" t="s">
        <v>135</v>
      </c>
      <c r="E19587" s="15">
        <v>45618</v>
      </c>
      <c r="F19587" s="14" t="s">
        <v>28</v>
      </c>
      <c r="G19587" s="16">
        <v>3.2667195146868354E-2</v>
      </c>
    </row>
    <row r="19588" spans="1:7" x14ac:dyDescent="0.3">
      <c r="A19588" s="13" t="s">
        <v>134</v>
      </c>
      <c r="B19588" s="14" t="s">
        <v>1</v>
      </c>
      <c r="C19588" s="14" t="s">
        <v>51</v>
      </c>
      <c r="D19588" s="14" t="s">
        <v>135</v>
      </c>
      <c r="E19588" s="15">
        <v>45619</v>
      </c>
      <c r="F19588" s="14" t="s">
        <v>28</v>
      </c>
      <c r="G19588" s="16">
        <v>3.2667195146868354E-2</v>
      </c>
    </row>
    <row r="19589" spans="1:7" x14ac:dyDescent="0.3">
      <c r="A19589" s="13" t="s">
        <v>134</v>
      </c>
      <c r="B19589" s="14" t="s">
        <v>1</v>
      </c>
      <c r="C19589" s="14" t="s">
        <v>51</v>
      </c>
      <c r="D19589" s="14" t="s">
        <v>135</v>
      </c>
      <c r="E19589" s="15">
        <v>45620</v>
      </c>
      <c r="F19589" s="14" t="s">
        <v>28</v>
      </c>
      <c r="G19589" s="16">
        <v>3.2667195146868354E-2</v>
      </c>
    </row>
    <row r="19590" spans="1:7" x14ac:dyDescent="0.3">
      <c r="A19590" s="13" t="s">
        <v>134</v>
      </c>
      <c r="B19590" s="14" t="s">
        <v>1</v>
      </c>
      <c r="C19590" s="14" t="s">
        <v>51</v>
      </c>
      <c r="D19590" s="14" t="s">
        <v>135</v>
      </c>
      <c r="E19590" s="15">
        <v>45621</v>
      </c>
      <c r="F19590" s="14" t="s">
        <v>28</v>
      </c>
      <c r="G19590" s="16">
        <v>2.9925371051787625E-2</v>
      </c>
    </row>
    <row r="19591" spans="1:7" x14ac:dyDescent="0.3">
      <c r="A19591" s="13" t="s">
        <v>134</v>
      </c>
      <c r="B19591" s="14" t="s">
        <v>1</v>
      </c>
      <c r="C19591" s="14" t="s">
        <v>51</v>
      </c>
      <c r="D19591" s="14" t="s">
        <v>135</v>
      </c>
      <c r="E19591" s="15">
        <v>45622</v>
      </c>
      <c r="F19591" s="14" t="s">
        <v>28</v>
      </c>
      <c r="G19591" s="16">
        <v>2.7216298054559208E-2</v>
      </c>
    </row>
    <row r="19592" spans="1:7" x14ac:dyDescent="0.3">
      <c r="A19592" s="13" t="s">
        <v>134</v>
      </c>
      <c r="B19592" s="14" t="s">
        <v>1</v>
      </c>
      <c r="C19592" s="14" t="s">
        <v>51</v>
      </c>
      <c r="D19592" s="14" t="s">
        <v>135</v>
      </c>
      <c r="E19592" s="15">
        <v>45623</v>
      </c>
      <c r="F19592" s="14" t="s">
        <v>28</v>
      </c>
      <c r="G19592" s="16">
        <v>2.5712838894538737E-2</v>
      </c>
    </row>
    <row r="19593" spans="1:7" x14ac:dyDescent="0.3">
      <c r="A19593" s="13" t="s">
        <v>134</v>
      </c>
      <c r="B19593" s="14" t="s">
        <v>1</v>
      </c>
      <c r="C19593" s="14" t="s">
        <v>51</v>
      </c>
      <c r="D19593" s="14" t="s">
        <v>135</v>
      </c>
      <c r="E19593" s="15">
        <v>45624</v>
      </c>
      <c r="F19593" s="14" t="s">
        <v>28</v>
      </c>
      <c r="G19593" s="16">
        <v>2.3027405501850645E-2</v>
      </c>
    </row>
    <row r="19594" spans="1:7" x14ac:dyDescent="0.3">
      <c r="A19594" s="13" t="s">
        <v>134</v>
      </c>
      <c r="B19594" s="14" t="s">
        <v>1</v>
      </c>
      <c r="C19594" s="14" t="s">
        <v>51</v>
      </c>
      <c r="D19594" s="14" t="s">
        <v>135</v>
      </c>
      <c r="E19594" s="15">
        <v>45625</v>
      </c>
      <c r="F19594" s="14" t="s">
        <v>28</v>
      </c>
      <c r="G19594" s="16">
        <v>3.7660601307187513E-2</v>
      </c>
    </row>
    <row r="19595" spans="1:7" x14ac:dyDescent="0.3">
      <c r="A19595" s="13" t="s">
        <v>134</v>
      </c>
      <c r="B19595" s="14" t="s">
        <v>1</v>
      </c>
      <c r="C19595" s="14" t="s">
        <v>51</v>
      </c>
      <c r="D19595" s="14" t="s">
        <v>135</v>
      </c>
      <c r="E19595" s="15">
        <v>45626</v>
      </c>
      <c r="F19595" s="14" t="s">
        <v>28</v>
      </c>
      <c r="G19595" s="16">
        <v>3.7660601307187513E-2</v>
      </c>
    </row>
    <row r="19596" spans="1:7" x14ac:dyDescent="0.3">
      <c r="A19596" s="13" t="s">
        <v>134</v>
      </c>
      <c r="B19596" s="14" t="s">
        <v>1</v>
      </c>
      <c r="C19596" s="14" t="s">
        <v>51</v>
      </c>
      <c r="D19596" s="14" t="s">
        <v>135</v>
      </c>
      <c r="E19596" s="15">
        <v>45627</v>
      </c>
      <c r="F19596" s="14" t="s">
        <v>28</v>
      </c>
      <c r="G19596" s="16">
        <v>3.7660601307187513E-2</v>
      </c>
    </row>
    <row r="19597" spans="1:7" x14ac:dyDescent="0.3">
      <c r="A19597" s="13" t="s">
        <v>134</v>
      </c>
      <c r="B19597" s="14" t="s">
        <v>1</v>
      </c>
      <c r="C19597" s="14" t="s">
        <v>51</v>
      </c>
      <c r="D19597" s="14" t="s">
        <v>135</v>
      </c>
      <c r="E19597" s="15">
        <v>45628</v>
      </c>
      <c r="F19597" s="14" t="s">
        <v>28</v>
      </c>
      <c r="G19597" s="16">
        <v>4.5847912215946945E-2</v>
      </c>
    </row>
    <row r="19598" spans="1:7" x14ac:dyDescent="0.3">
      <c r="A19598" s="13" t="s">
        <v>134</v>
      </c>
      <c r="B19598" s="14" t="s">
        <v>1</v>
      </c>
      <c r="C19598" s="14" t="s">
        <v>51</v>
      </c>
      <c r="D19598" s="14" t="s">
        <v>135</v>
      </c>
      <c r="E19598" s="15">
        <v>45629</v>
      </c>
      <c r="F19598" s="14" t="s">
        <v>28</v>
      </c>
      <c r="G19598" s="16">
        <v>4.5822106284051776E-2</v>
      </c>
    </row>
    <row r="19599" spans="1:7" x14ac:dyDescent="0.3">
      <c r="A19599" s="13" t="s">
        <v>134</v>
      </c>
      <c r="B19599" s="14" t="s">
        <v>1</v>
      </c>
      <c r="C19599" s="14" t="s">
        <v>51</v>
      </c>
      <c r="D19599" s="14" t="s">
        <v>135</v>
      </c>
      <c r="E19599" s="15">
        <v>45630</v>
      </c>
      <c r="F19599" s="14" t="s">
        <v>28</v>
      </c>
      <c r="G19599" s="16">
        <v>4.4415027276049256E-2</v>
      </c>
    </row>
    <row r="19600" spans="1:7" x14ac:dyDescent="0.3">
      <c r="A19600" s="13" t="s">
        <v>134</v>
      </c>
      <c r="B19600" s="14" t="s">
        <v>1</v>
      </c>
      <c r="C19600" s="14" t="s">
        <v>51</v>
      </c>
      <c r="D19600" s="14" t="s">
        <v>135</v>
      </c>
      <c r="E19600" s="15">
        <v>45631</v>
      </c>
      <c r="F19600" s="14" t="s">
        <v>28</v>
      </c>
      <c r="G19600" s="16">
        <v>4.153628610024758E-2</v>
      </c>
    </row>
    <row r="19601" spans="1:7" x14ac:dyDescent="0.3">
      <c r="A19601" s="13" t="s">
        <v>134</v>
      </c>
      <c r="B19601" s="14" t="s">
        <v>1</v>
      </c>
      <c r="C19601" s="14" t="s">
        <v>51</v>
      </c>
      <c r="D19601" s="14" t="s">
        <v>135</v>
      </c>
      <c r="E19601" s="15">
        <v>45632</v>
      </c>
      <c r="F19601" s="14" t="s">
        <v>28</v>
      </c>
      <c r="G19601" s="16">
        <v>3.8901099160940131E-2</v>
      </c>
    </row>
    <row r="19602" spans="1:7" x14ac:dyDescent="0.3">
      <c r="A19602" s="13" t="s">
        <v>134</v>
      </c>
      <c r="B19602" s="14" t="s">
        <v>1</v>
      </c>
      <c r="C19602" s="14" t="s">
        <v>51</v>
      </c>
      <c r="D19602" s="14" t="s">
        <v>135</v>
      </c>
      <c r="E19602" s="15">
        <v>45633</v>
      </c>
      <c r="F19602" s="14" t="s">
        <v>28</v>
      </c>
      <c r="G19602" s="16">
        <v>3.8901099160940131E-2</v>
      </c>
    </row>
    <row r="19603" spans="1:7" x14ac:dyDescent="0.3">
      <c r="A19603" s="13" t="s">
        <v>134</v>
      </c>
      <c r="B19603" s="14" t="s">
        <v>1</v>
      </c>
      <c r="C19603" s="14" t="s">
        <v>51</v>
      </c>
      <c r="D19603" s="14" t="s">
        <v>135</v>
      </c>
      <c r="E19603" s="15">
        <v>45634</v>
      </c>
      <c r="F19603" s="14" t="s">
        <v>28</v>
      </c>
      <c r="G19603" s="16">
        <v>3.8901099160940131E-2</v>
      </c>
    </row>
    <row r="19604" spans="1:7" x14ac:dyDescent="0.3">
      <c r="A19604" s="13" t="s">
        <v>134</v>
      </c>
      <c r="B19604" s="14" t="s">
        <v>1</v>
      </c>
      <c r="C19604" s="14" t="s">
        <v>51</v>
      </c>
      <c r="D19604" s="14" t="s">
        <v>135</v>
      </c>
      <c r="E19604" s="15">
        <v>45635</v>
      </c>
      <c r="F19604" s="14" t="s">
        <v>28</v>
      </c>
      <c r="G19604" s="16">
        <v>6.8322076139659946E-2</v>
      </c>
    </row>
    <row r="19605" spans="1:7" x14ac:dyDescent="0.3">
      <c r="A19605" s="13" t="s">
        <v>134</v>
      </c>
      <c r="B19605" s="14" t="s">
        <v>1</v>
      </c>
      <c r="C19605" s="14" t="s">
        <v>51</v>
      </c>
      <c r="D19605" s="14" t="s">
        <v>135</v>
      </c>
      <c r="E19605" s="15">
        <v>45636</v>
      </c>
      <c r="F19605" s="14" t="s">
        <v>28</v>
      </c>
      <c r="G19605" s="16">
        <v>6.0302179138774586E-2</v>
      </c>
    </row>
    <row r="19606" spans="1:7" x14ac:dyDescent="0.3">
      <c r="A19606" s="13" t="s">
        <v>134</v>
      </c>
      <c r="B19606" s="14" t="s">
        <v>1</v>
      </c>
      <c r="C19606" s="14" t="s">
        <v>51</v>
      </c>
      <c r="D19606" s="14" t="s">
        <v>135</v>
      </c>
      <c r="E19606" s="15">
        <v>45637</v>
      </c>
      <c r="F19606" s="14" t="s">
        <v>28</v>
      </c>
      <c r="G19606" s="16">
        <v>6.0378513819788669E-2</v>
      </c>
    </row>
    <row r="19607" spans="1:7" x14ac:dyDescent="0.3">
      <c r="A19607" s="13" t="s">
        <v>134</v>
      </c>
      <c r="B19607" s="14" t="s">
        <v>1</v>
      </c>
      <c r="C19607" s="14" t="s">
        <v>51</v>
      </c>
      <c r="D19607" s="14" t="s">
        <v>135</v>
      </c>
      <c r="E19607" s="15">
        <v>45638</v>
      </c>
      <c r="F19607" s="14" t="s">
        <v>28</v>
      </c>
      <c r="G19607" s="16">
        <v>5.7765603592691298E-2</v>
      </c>
    </row>
    <row r="19608" spans="1:7" x14ac:dyDescent="0.3">
      <c r="A19608" s="13" t="s">
        <v>134</v>
      </c>
      <c r="B19608" s="14" t="s">
        <v>1</v>
      </c>
      <c r="C19608" s="14" t="s">
        <v>51</v>
      </c>
      <c r="D19608" s="14" t="s">
        <v>135</v>
      </c>
      <c r="E19608" s="15">
        <v>45639</v>
      </c>
      <c r="F19608" s="14" t="s">
        <v>28</v>
      </c>
      <c r="G19608" s="16">
        <v>5.5089030534363301E-2</v>
      </c>
    </row>
    <row r="19609" spans="1:7" x14ac:dyDescent="0.3">
      <c r="A19609" s="13" t="s">
        <v>134</v>
      </c>
      <c r="B19609" s="14" t="s">
        <v>1</v>
      </c>
      <c r="C19609" s="14" t="s">
        <v>51</v>
      </c>
      <c r="D19609" s="14" t="s">
        <v>135</v>
      </c>
      <c r="E19609" s="15">
        <v>45640</v>
      </c>
      <c r="F19609" s="14" t="s">
        <v>28</v>
      </c>
      <c r="G19609" s="16">
        <v>5.5089030534363301E-2</v>
      </c>
    </row>
    <row r="19610" spans="1:7" x14ac:dyDescent="0.3">
      <c r="A19610" s="13" t="s">
        <v>134</v>
      </c>
      <c r="B19610" s="14" t="s">
        <v>1</v>
      </c>
      <c r="C19610" s="14" t="s">
        <v>51</v>
      </c>
      <c r="D19610" s="14" t="s">
        <v>135</v>
      </c>
      <c r="E19610" s="15">
        <v>45641</v>
      </c>
      <c r="F19610" s="14" t="s">
        <v>28</v>
      </c>
      <c r="G19610" s="16">
        <v>5.5089030534363301E-2</v>
      </c>
    </row>
    <row r="19611" spans="1:7" x14ac:dyDescent="0.3">
      <c r="A19611" s="13" t="s">
        <v>134</v>
      </c>
      <c r="B19611" s="14" t="s">
        <v>1</v>
      </c>
      <c r="C19611" s="14" t="s">
        <v>51</v>
      </c>
      <c r="D19611" s="14" t="s">
        <v>135</v>
      </c>
      <c r="E19611" s="15">
        <v>45642</v>
      </c>
      <c r="F19611" s="14" t="s">
        <v>28</v>
      </c>
      <c r="G19611" s="16">
        <v>5.1072922751700951E-2</v>
      </c>
    </row>
    <row r="19612" spans="1:7" x14ac:dyDescent="0.3">
      <c r="A19612" s="13" t="s">
        <v>134</v>
      </c>
      <c r="B19612" s="14" t="s">
        <v>1</v>
      </c>
      <c r="C19612" s="14" t="s">
        <v>51</v>
      </c>
      <c r="D19612" s="14" t="s">
        <v>135</v>
      </c>
      <c r="E19612" s="15">
        <v>45643</v>
      </c>
      <c r="F19612" s="14" t="s">
        <v>28</v>
      </c>
      <c r="G19612" s="16">
        <v>4.698038370617226E-2</v>
      </c>
    </row>
    <row r="19613" spans="1:7" x14ac:dyDescent="0.3">
      <c r="A19613" s="13" t="s">
        <v>134</v>
      </c>
      <c r="B19613" s="14" t="s">
        <v>1</v>
      </c>
      <c r="C19613" s="14" t="s">
        <v>51</v>
      </c>
      <c r="D19613" s="14" t="s">
        <v>135</v>
      </c>
      <c r="E19613" s="15">
        <v>45644</v>
      </c>
      <c r="F19613" s="14" t="s">
        <v>28</v>
      </c>
      <c r="G19613" s="16">
        <v>4.4687593397271831E-2</v>
      </c>
    </row>
    <row r="19614" spans="1:7" x14ac:dyDescent="0.3">
      <c r="A19614" s="13" t="s">
        <v>134</v>
      </c>
      <c r="B19614" s="14" t="s">
        <v>1</v>
      </c>
      <c r="C19614" s="14" t="s">
        <v>51</v>
      </c>
      <c r="D19614" s="14" t="s">
        <v>135</v>
      </c>
      <c r="E19614" s="15">
        <v>45645</v>
      </c>
      <c r="F19614" s="14" t="s">
        <v>28</v>
      </c>
      <c r="G19614" s="16">
        <v>4.3211743220696701E-2</v>
      </c>
    </row>
    <row r="19615" spans="1:7" x14ac:dyDescent="0.3">
      <c r="A19615" s="13" t="s">
        <v>134</v>
      </c>
      <c r="B19615" s="14" t="s">
        <v>1</v>
      </c>
      <c r="C19615" s="14" t="s">
        <v>51</v>
      </c>
      <c r="D19615" s="14" t="s">
        <v>135</v>
      </c>
      <c r="E19615" s="15">
        <v>45646</v>
      </c>
      <c r="F19615" s="14" t="s">
        <v>28</v>
      </c>
      <c r="G19615" s="16">
        <v>4.4352685073377189E-2</v>
      </c>
    </row>
    <row r="19616" spans="1:7" x14ac:dyDescent="0.3">
      <c r="A19616" s="13" t="s">
        <v>134</v>
      </c>
      <c r="B19616" s="14" t="s">
        <v>1</v>
      </c>
      <c r="C19616" s="14" t="s">
        <v>51</v>
      </c>
      <c r="D19616" s="14" t="s">
        <v>135</v>
      </c>
      <c r="E19616" s="15">
        <v>45647</v>
      </c>
      <c r="F19616" s="14" t="s">
        <v>28</v>
      </c>
      <c r="G19616" s="16">
        <v>4.4352685073377189E-2</v>
      </c>
    </row>
    <row r="19617" spans="1:7" x14ac:dyDescent="0.3">
      <c r="A19617" s="13" t="s">
        <v>134</v>
      </c>
      <c r="B19617" s="14" t="s">
        <v>1</v>
      </c>
      <c r="C19617" s="14" t="s">
        <v>51</v>
      </c>
      <c r="D19617" s="14" t="s">
        <v>135</v>
      </c>
      <c r="E19617" s="15">
        <v>45648</v>
      </c>
      <c r="F19617" s="14" t="s">
        <v>28</v>
      </c>
      <c r="G19617" s="16">
        <v>4.4352685073377189E-2</v>
      </c>
    </row>
    <row r="19618" spans="1:7" x14ac:dyDescent="0.3">
      <c r="A19618" s="13" t="s">
        <v>134</v>
      </c>
      <c r="B19618" s="14" t="s">
        <v>1</v>
      </c>
      <c r="C19618" s="14" t="s">
        <v>51</v>
      </c>
      <c r="D19618" s="14" t="s">
        <v>135</v>
      </c>
      <c r="E19618" s="15">
        <v>45649</v>
      </c>
      <c r="F19618" s="14" t="s">
        <v>28</v>
      </c>
      <c r="G19618" s="16">
        <v>4.8463783899488806E-2</v>
      </c>
    </row>
    <row r="19619" spans="1:7" x14ac:dyDescent="0.3">
      <c r="A19619" s="13" t="s">
        <v>134</v>
      </c>
      <c r="B19619" s="14" t="s">
        <v>1</v>
      </c>
      <c r="C19619" s="14" t="s">
        <v>51</v>
      </c>
      <c r="D19619" s="14" t="s">
        <v>135</v>
      </c>
      <c r="E19619" s="15">
        <v>45650</v>
      </c>
      <c r="F19619" s="14" t="s">
        <v>28</v>
      </c>
      <c r="G19619" s="16">
        <v>4.4394415188798546E-2</v>
      </c>
    </row>
    <row r="19620" spans="1:7" x14ac:dyDescent="0.3">
      <c r="A19620" s="13" t="s">
        <v>134</v>
      </c>
      <c r="B19620" s="14" t="s">
        <v>1</v>
      </c>
      <c r="C19620" s="14" t="s">
        <v>51</v>
      </c>
      <c r="D19620" s="14" t="s">
        <v>135</v>
      </c>
      <c r="E19620" s="15">
        <v>45651</v>
      </c>
      <c r="F19620" s="14" t="s">
        <v>28</v>
      </c>
      <c r="G19620" s="16">
        <v>4.4394415188798546E-2</v>
      </c>
    </row>
    <row r="19621" spans="1:7" x14ac:dyDescent="0.3">
      <c r="A19621" s="13" t="s">
        <v>134</v>
      </c>
      <c r="B19621" s="14" t="s">
        <v>1</v>
      </c>
      <c r="C19621" s="14" t="s">
        <v>51</v>
      </c>
      <c r="D19621" s="14" t="s">
        <v>135</v>
      </c>
      <c r="E19621" s="15">
        <v>45652</v>
      </c>
      <c r="F19621" s="14" t="s">
        <v>28</v>
      </c>
      <c r="G19621" s="16">
        <v>4.4394415188798546E-2</v>
      </c>
    </row>
    <row r="19622" spans="1:7" x14ac:dyDescent="0.3">
      <c r="A19622" s="13" t="s">
        <v>134</v>
      </c>
      <c r="B19622" s="14" t="s">
        <v>1</v>
      </c>
      <c r="C19622" s="14" t="s">
        <v>51</v>
      </c>
      <c r="D19622" s="14" t="s">
        <v>135</v>
      </c>
      <c r="E19622" s="15">
        <v>45653</v>
      </c>
      <c r="F19622" s="14" t="s">
        <v>28</v>
      </c>
      <c r="G19622" s="16">
        <v>4.4394415188798546E-2</v>
      </c>
    </row>
    <row r="19623" spans="1:7" x14ac:dyDescent="0.3">
      <c r="A19623" s="13" t="s">
        <v>134</v>
      </c>
      <c r="B19623" s="14" t="s">
        <v>1</v>
      </c>
      <c r="C19623" s="14" t="s">
        <v>51</v>
      </c>
      <c r="D19623" s="14" t="s">
        <v>135</v>
      </c>
      <c r="E19623" s="15">
        <v>45654</v>
      </c>
      <c r="F19623" s="14" t="s">
        <v>28</v>
      </c>
      <c r="G19623" s="16">
        <v>4.4394415188798546E-2</v>
      </c>
    </row>
    <row r="19624" spans="1:7" x14ac:dyDescent="0.3">
      <c r="A19624" s="13" t="s">
        <v>134</v>
      </c>
      <c r="B19624" s="14" t="s">
        <v>1</v>
      </c>
      <c r="C19624" s="14" t="s">
        <v>51</v>
      </c>
      <c r="D19624" s="14" t="s">
        <v>135</v>
      </c>
      <c r="E19624" s="15">
        <v>45655</v>
      </c>
      <c r="F19624" s="14" t="s">
        <v>28</v>
      </c>
      <c r="G19624" s="16">
        <v>4.4394415188798546E-2</v>
      </c>
    </row>
    <row r="19625" spans="1:7" x14ac:dyDescent="0.3">
      <c r="A19625" s="13" t="s">
        <v>134</v>
      </c>
      <c r="B19625" s="14" t="s">
        <v>1</v>
      </c>
      <c r="C19625" s="14" t="s">
        <v>51</v>
      </c>
      <c r="D19625" s="14" t="s">
        <v>135</v>
      </c>
      <c r="E19625" s="15">
        <v>45656</v>
      </c>
      <c r="F19625" s="14" t="s">
        <v>28</v>
      </c>
      <c r="G19625" s="16">
        <v>4.3037382154043957E-2</v>
      </c>
    </row>
    <row r="19626" spans="1:7" x14ac:dyDescent="0.3">
      <c r="A19626" s="13" t="s">
        <v>134</v>
      </c>
      <c r="B19626" s="14" t="s">
        <v>1</v>
      </c>
      <c r="C19626" s="14" t="s">
        <v>51</v>
      </c>
      <c r="D19626" s="14" t="s">
        <v>135</v>
      </c>
      <c r="E19626" s="15">
        <v>45657</v>
      </c>
      <c r="F19626" s="14" t="s">
        <v>28</v>
      </c>
      <c r="G19626" s="16">
        <v>3.3615301339045764E-2</v>
      </c>
    </row>
    <row r="19627" spans="1:7" x14ac:dyDescent="0.3">
      <c r="A19627" s="13" t="s">
        <v>134</v>
      </c>
      <c r="B19627" s="14" t="s">
        <v>1</v>
      </c>
      <c r="C19627" s="14" t="s">
        <v>51</v>
      </c>
      <c r="D19627" s="14" t="s">
        <v>135</v>
      </c>
      <c r="E19627" s="15">
        <v>45658</v>
      </c>
      <c r="F19627" s="14" t="s">
        <v>28</v>
      </c>
      <c r="G19627" s="16">
        <v>3.3615301339045764E-2</v>
      </c>
    </row>
    <row r="19628" spans="1:7" x14ac:dyDescent="0.3">
      <c r="A19628" s="13" t="s">
        <v>134</v>
      </c>
      <c r="B19628" s="14" t="s">
        <v>1</v>
      </c>
      <c r="C19628" s="14" t="s">
        <v>51</v>
      </c>
      <c r="D19628" s="14" t="s">
        <v>135</v>
      </c>
      <c r="E19628" s="15">
        <v>45659</v>
      </c>
      <c r="F19628" s="14" t="s">
        <v>28</v>
      </c>
      <c r="G19628" s="16">
        <v>3.3615301339045764E-2</v>
      </c>
    </row>
    <row r="19629" spans="1:7" x14ac:dyDescent="0.3">
      <c r="A19629" s="13" t="s">
        <v>134</v>
      </c>
      <c r="B19629" s="14" t="s">
        <v>1</v>
      </c>
      <c r="C19629" s="14" t="s">
        <v>51</v>
      </c>
      <c r="D19629" s="14" t="s">
        <v>135</v>
      </c>
      <c r="E19629" s="15">
        <v>45660</v>
      </c>
      <c r="F19629" s="14" t="s">
        <v>28</v>
      </c>
      <c r="G19629" s="16">
        <v>3.2317334880827678E-2</v>
      </c>
    </row>
    <row r="19630" spans="1:7" x14ac:dyDescent="0.3">
      <c r="A19630" s="13" t="s">
        <v>134</v>
      </c>
      <c r="B19630" s="14" t="s">
        <v>1</v>
      </c>
      <c r="C19630" s="14" t="s">
        <v>51</v>
      </c>
      <c r="D19630" s="14" t="s">
        <v>135</v>
      </c>
      <c r="E19630" s="15">
        <v>45661</v>
      </c>
      <c r="F19630" s="14" t="s">
        <v>28</v>
      </c>
      <c r="G19630" s="16">
        <v>3.2317334880827678E-2</v>
      </c>
    </row>
    <row r="19631" spans="1:7" x14ac:dyDescent="0.3">
      <c r="A19631" s="13" t="s">
        <v>134</v>
      </c>
      <c r="B19631" s="14" t="s">
        <v>1</v>
      </c>
      <c r="C19631" s="14" t="s">
        <v>51</v>
      </c>
      <c r="D19631" s="14" t="s">
        <v>135</v>
      </c>
      <c r="E19631" s="15">
        <v>45662</v>
      </c>
      <c r="F19631" s="14" t="s">
        <v>28</v>
      </c>
      <c r="G19631" s="16">
        <v>3.2317334880827678E-2</v>
      </c>
    </row>
    <row r="19632" spans="1:7" x14ac:dyDescent="0.3">
      <c r="A19632" s="13" t="s">
        <v>134</v>
      </c>
      <c r="B19632" s="14" t="s">
        <v>1</v>
      </c>
      <c r="C19632" s="14" t="s">
        <v>51</v>
      </c>
      <c r="D19632" s="14" t="s">
        <v>135</v>
      </c>
      <c r="E19632" s="15">
        <v>45663</v>
      </c>
      <c r="F19632" s="14" t="s">
        <v>28</v>
      </c>
      <c r="G19632" s="16">
        <v>2.9405540167070691E-2</v>
      </c>
    </row>
    <row r="19633" spans="1:7" x14ac:dyDescent="0.3">
      <c r="A19633" s="13" t="s">
        <v>134</v>
      </c>
      <c r="B19633" s="14" t="s">
        <v>1</v>
      </c>
      <c r="C19633" s="14" t="s">
        <v>51</v>
      </c>
      <c r="D19633" s="14" t="s">
        <v>135</v>
      </c>
      <c r="E19633" s="15">
        <v>45664</v>
      </c>
      <c r="F19633" s="14" t="s">
        <v>28</v>
      </c>
      <c r="G19633" s="16">
        <v>2.6658035483610808E-2</v>
      </c>
    </row>
    <row r="19634" spans="1:7" x14ac:dyDescent="0.3">
      <c r="A19634" s="13" t="s">
        <v>134</v>
      </c>
      <c r="B19634" s="14" t="s">
        <v>1</v>
      </c>
      <c r="C19634" s="14" t="s">
        <v>51</v>
      </c>
      <c r="D19634" s="14" t="s">
        <v>135</v>
      </c>
      <c r="E19634" s="15">
        <v>45665</v>
      </c>
      <c r="F19634" s="14" t="s">
        <v>28</v>
      </c>
      <c r="G19634" s="16">
        <v>2.5324032101021743E-2</v>
      </c>
    </row>
    <row r="19635" spans="1:7" x14ac:dyDescent="0.3">
      <c r="A19635" s="13" t="s">
        <v>134</v>
      </c>
      <c r="B19635" s="14" t="s">
        <v>1</v>
      </c>
      <c r="C19635" s="14" t="s">
        <v>51</v>
      </c>
      <c r="D19635" s="14" t="s">
        <v>135</v>
      </c>
      <c r="E19635" s="15">
        <v>45666</v>
      </c>
      <c r="F19635" s="14" t="s">
        <v>28</v>
      </c>
      <c r="G19635" s="16">
        <v>2.3914428731428756E-2</v>
      </c>
    </row>
    <row r="19636" spans="1:7" x14ac:dyDescent="0.3">
      <c r="A19636" s="13" t="s">
        <v>134</v>
      </c>
      <c r="B19636" s="14" t="s">
        <v>1</v>
      </c>
      <c r="C19636" s="14" t="s">
        <v>51</v>
      </c>
      <c r="D19636" s="14" t="s">
        <v>135</v>
      </c>
      <c r="E19636" s="15">
        <v>45667</v>
      </c>
      <c r="F19636" s="14" t="s">
        <v>28</v>
      </c>
      <c r="G19636" s="16">
        <v>4.4518628801643631E-2</v>
      </c>
    </row>
    <row r="19637" spans="1:7" x14ac:dyDescent="0.3">
      <c r="A19637" s="13" t="s">
        <v>134</v>
      </c>
      <c r="B19637" s="14" t="s">
        <v>1</v>
      </c>
      <c r="C19637" s="14" t="s">
        <v>51</v>
      </c>
      <c r="D19637" s="14" t="s">
        <v>135</v>
      </c>
      <c r="E19637" s="15">
        <v>45668</v>
      </c>
      <c r="F19637" s="14" t="s">
        <v>28</v>
      </c>
      <c r="G19637" s="16">
        <v>4.4518628801643631E-2</v>
      </c>
    </row>
    <row r="19638" spans="1:7" x14ac:dyDescent="0.3">
      <c r="A19638" s="13" t="s">
        <v>134</v>
      </c>
      <c r="B19638" s="14" t="s">
        <v>1</v>
      </c>
      <c r="C19638" s="14" t="s">
        <v>51</v>
      </c>
      <c r="D19638" s="14" t="s">
        <v>135</v>
      </c>
      <c r="E19638" s="15">
        <v>45669</v>
      </c>
      <c r="F19638" s="14" t="s">
        <v>28</v>
      </c>
      <c r="G19638" s="16">
        <v>4.4518628801643631E-2</v>
      </c>
    </row>
    <row r="19639" spans="1:7" x14ac:dyDescent="0.3">
      <c r="A19639" s="13" t="s">
        <v>134</v>
      </c>
      <c r="B19639" s="14" t="s">
        <v>1</v>
      </c>
      <c r="C19639" s="14" t="s">
        <v>51</v>
      </c>
      <c r="D19639" s="14" t="s">
        <v>135</v>
      </c>
      <c r="E19639" s="15">
        <v>45670</v>
      </c>
      <c r="F19639" s="14" t="s">
        <v>28</v>
      </c>
      <c r="G19639" s="16">
        <v>4.3050745747169328E-2</v>
      </c>
    </row>
    <row r="19640" spans="1:7" x14ac:dyDescent="0.3">
      <c r="A19640" s="13" t="s">
        <v>134</v>
      </c>
      <c r="B19640" s="14" t="s">
        <v>1</v>
      </c>
      <c r="C19640" s="14" t="s">
        <v>51</v>
      </c>
      <c r="D19640" s="14" t="s">
        <v>135</v>
      </c>
      <c r="E19640" s="15">
        <v>45671</v>
      </c>
      <c r="F19640" s="14" t="s">
        <v>28</v>
      </c>
      <c r="G19640" s="16">
        <v>3.8817474251438618E-2</v>
      </c>
    </row>
    <row r="19641" spans="1:7" x14ac:dyDescent="0.3">
      <c r="A19641" s="13" t="s">
        <v>134</v>
      </c>
      <c r="B19641" s="14" t="s">
        <v>1</v>
      </c>
      <c r="C19641" s="14" t="s">
        <v>51</v>
      </c>
      <c r="D19641" s="14" t="s">
        <v>135</v>
      </c>
      <c r="E19641" s="15">
        <v>45672</v>
      </c>
      <c r="F19641" s="14" t="s">
        <v>28</v>
      </c>
      <c r="G19641" s="16">
        <v>3.7428143303185543E-2</v>
      </c>
    </row>
    <row r="19642" spans="1:7" x14ac:dyDescent="0.3">
      <c r="A19642" s="13" t="s">
        <v>134</v>
      </c>
      <c r="B19642" s="14" t="s">
        <v>1</v>
      </c>
      <c r="C19642" s="14" t="s">
        <v>51</v>
      </c>
      <c r="D19642" s="14" t="s">
        <v>135</v>
      </c>
      <c r="E19642" s="15">
        <v>45673</v>
      </c>
      <c r="F19642" s="14" t="s">
        <v>28</v>
      </c>
      <c r="G19642" s="16">
        <v>3.600352409264284E-2</v>
      </c>
    </row>
    <row r="19643" spans="1:7" x14ac:dyDescent="0.3">
      <c r="A19643" s="13" t="s">
        <v>134</v>
      </c>
      <c r="B19643" s="14" t="s">
        <v>1</v>
      </c>
      <c r="C19643" s="14" t="s">
        <v>51</v>
      </c>
      <c r="D19643" s="14" t="s">
        <v>135</v>
      </c>
      <c r="E19643" s="15">
        <v>45674</v>
      </c>
      <c r="F19643" s="14" t="s">
        <v>28</v>
      </c>
      <c r="G19643" s="16">
        <v>3.4686926070392463E-2</v>
      </c>
    </row>
    <row r="19644" spans="1:7" x14ac:dyDescent="0.3">
      <c r="A19644" s="13" t="s">
        <v>134</v>
      </c>
      <c r="B19644" s="14" t="s">
        <v>1</v>
      </c>
      <c r="C19644" s="14" t="s">
        <v>51</v>
      </c>
      <c r="D19644" s="14" t="s">
        <v>135</v>
      </c>
      <c r="E19644" s="15">
        <v>45675</v>
      </c>
      <c r="F19644" s="14" t="s">
        <v>28</v>
      </c>
      <c r="G19644" s="16">
        <v>3.4686926070392463E-2</v>
      </c>
    </row>
    <row r="19645" spans="1:7" x14ac:dyDescent="0.3">
      <c r="A19645" s="13" t="s">
        <v>134</v>
      </c>
      <c r="B19645" s="14" t="s">
        <v>1</v>
      </c>
      <c r="C19645" s="14" t="s">
        <v>51</v>
      </c>
      <c r="D19645" s="14" t="s">
        <v>135</v>
      </c>
      <c r="E19645" s="15">
        <v>45676</v>
      </c>
      <c r="F19645" s="14" t="s">
        <v>28</v>
      </c>
      <c r="G19645" s="16">
        <v>3.4686926070392463E-2</v>
      </c>
    </row>
    <row r="19646" spans="1:7" x14ac:dyDescent="0.3">
      <c r="A19646" s="13" t="s">
        <v>134</v>
      </c>
      <c r="B19646" s="14" t="s">
        <v>1</v>
      </c>
      <c r="C19646" s="14" t="s">
        <v>51</v>
      </c>
      <c r="D19646" s="14" t="s">
        <v>135</v>
      </c>
      <c r="E19646" s="15">
        <v>45677</v>
      </c>
      <c r="F19646" s="14" t="s">
        <v>28</v>
      </c>
      <c r="G19646" s="16">
        <v>3.8376652706115247E-2</v>
      </c>
    </row>
    <row r="19647" spans="1:7" x14ac:dyDescent="0.3">
      <c r="A19647" s="13" t="s">
        <v>134</v>
      </c>
      <c r="B19647" s="14" t="s">
        <v>1</v>
      </c>
      <c r="C19647" s="14" t="s">
        <v>51</v>
      </c>
      <c r="D19647" s="14" t="s">
        <v>135</v>
      </c>
      <c r="E19647" s="15">
        <v>45678</v>
      </c>
      <c r="F19647" s="14" t="s">
        <v>28</v>
      </c>
      <c r="G19647" s="16">
        <v>3.4163628981964109E-2</v>
      </c>
    </row>
    <row r="19648" spans="1:7" x14ac:dyDescent="0.3">
      <c r="A19648" s="13" t="s">
        <v>134</v>
      </c>
      <c r="B19648" s="14" t="s">
        <v>1</v>
      </c>
      <c r="C19648" s="14" t="s">
        <v>51</v>
      </c>
      <c r="D19648" s="14" t="s">
        <v>135</v>
      </c>
      <c r="E19648" s="15">
        <v>45679</v>
      </c>
      <c r="F19648" s="14" t="s">
        <v>28</v>
      </c>
      <c r="G19648" s="16">
        <v>3.2862993079409382E-2</v>
      </c>
    </row>
    <row r="19649" spans="1:7" x14ac:dyDescent="0.3">
      <c r="A19649" s="13" t="s">
        <v>134</v>
      </c>
      <c r="B19649" s="14" t="s">
        <v>1</v>
      </c>
      <c r="C19649" s="14" t="s">
        <v>51</v>
      </c>
      <c r="D19649" s="14" t="s">
        <v>135</v>
      </c>
      <c r="E19649" s="15">
        <v>45680</v>
      </c>
      <c r="F19649" s="14" t="s">
        <v>28</v>
      </c>
      <c r="G19649" s="16">
        <v>3.01160687442623E-2</v>
      </c>
    </row>
    <row r="19650" spans="1:7" x14ac:dyDescent="0.3">
      <c r="A19650" s="13" t="s">
        <v>134</v>
      </c>
      <c r="B19650" s="14" t="s">
        <v>1</v>
      </c>
      <c r="C19650" s="14" t="s">
        <v>51</v>
      </c>
      <c r="D19650" s="14" t="s">
        <v>135</v>
      </c>
      <c r="E19650" s="15">
        <v>45681</v>
      </c>
      <c r="F19650" s="14" t="s">
        <v>28</v>
      </c>
      <c r="G19650" s="16">
        <v>2.71772998935935E-2</v>
      </c>
    </row>
    <row r="19651" spans="1:7" x14ac:dyDescent="0.3">
      <c r="A19651" s="13" t="s">
        <v>134</v>
      </c>
      <c r="B19651" s="14" t="s">
        <v>1</v>
      </c>
      <c r="C19651" s="14" t="s">
        <v>51</v>
      </c>
      <c r="D19651" s="14" t="s">
        <v>135</v>
      </c>
      <c r="E19651" s="15">
        <v>45682</v>
      </c>
      <c r="F19651" s="14" t="s">
        <v>28</v>
      </c>
      <c r="G19651" s="16">
        <v>2.71772998935935E-2</v>
      </c>
    </row>
    <row r="19652" spans="1:7" x14ac:dyDescent="0.3">
      <c r="A19652" s="13" t="s">
        <v>134</v>
      </c>
      <c r="B19652" s="14" t="s">
        <v>1</v>
      </c>
      <c r="C19652" s="14" t="s">
        <v>51</v>
      </c>
      <c r="D19652" s="14" t="s">
        <v>135</v>
      </c>
      <c r="E19652" s="15">
        <v>45683</v>
      </c>
      <c r="F19652" s="14" t="s">
        <v>28</v>
      </c>
      <c r="G19652" s="16">
        <v>2.71772998935935E-2</v>
      </c>
    </row>
    <row r="19653" spans="1:7" x14ac:dyDescent="0.3">
      <c r="A19653" s="13" t="s">
        <v>134</v>
      </c>
      <c r="B19653" s="14" t="s">
        <v>1</v>
      </c>
      <c r="C19653" s="14" t="s">
        <v>51</v>
      </c>
      <c r="D19653" s="14" t="s">
        <v>135</v>
      </c>
      <c r="E19653" s="15">
        <v>45684</v>
      </c>
      <c r="F19653" s="14" t="s">
        <v>28</v>
      </c>
      <c r="G19653" s="16">
        <v>2.4420562401998074E-2</v>
      </c>
    </row>
    <row r="19654" spans="1:7" x14ac:dyDescent="0.3">
      <c r="A19654" s="13" t="s">
        <v>134</v>
      </c>
      <c r="B19654" s="14" t="s">
        <v>1</v>
      </c>
      <c r="C19654" s="14" t="s">
        <v>51</v>
      </c>
      <c r="D19654" s="14" t="s">
        <v>135</v>
      </c>
      <c r="E19654" s="15">
        <v>45685</v>
      </c>
      <c r="F19654" s="14" t="s">
        <v>28</v>
      </c>
      <c r="G19654" s="16">
        <v>1.6401891347411841E-2</v>
      </c>
    </row>
    <row r="19655" spans="1:7" x14ac:dyDescent="0.3">
      <c r="A19655" s="13" t="s">
        <v>134</v>
      </c>
      <c r="B19655" s="14" t="s">
        <v>1</v>
      </c>
      <c r="C19655" s="14" t="s">
        <v>51</v>
      </c>
      <c r="D19655" s="14" t="s">
        <v>135</v>
      </c>
      <c r="E19655" s="15">
        <v>45686</v>
      </c>
      <c r="F19655" s="14" t="s">
        <v>28</v>
      </c>
      <c r="G19655" s="16">
        <v>1.3643454750650204E-2</v>
      </c>
    </row>
    <row r="19656" spans="1:7" x14ac:dyDescent="0.3">
      <c r="A19656" s="13" t="s">
        <v>134</v>
      </c>
      <c r="B19656" s="14" t="s">
        <v>1</v>
      </c>
      <c r="C19656" s="14" t="s">
        <v>51</v>
      </c>
      <c r="D19656" s="14" t="s">
        <v>135</v>
      </c>
      <c r="E19656" s="15">
        <v>45687</v>
      </c>
      <c r="F19656" s="14" t="s">
        <v>28</v>
      </c>
      <c r="G19656" s="16">
        <v>1.0941647077190971E-2</v>
      </c>
    </row>
    <row r="19657" spans="1:7" x14ac:dyDescent="0.3">
      <c r="A19657" s="13" t="s">
        <v>134</v>
      </c>
      <c r="B19657" s="14" t="s">
        <v>1</v>
      </c>
      <c r="C19657" s="14" t="s">
        <v>51</v>
      </c>
      <c r="D19657" s="14" t="s">
        <v>135</v>
      </c>
      <c r="E19657" s="15">
        <v>45688</v>
      </c>
      <c r="F19657" s="14" t="s">
        <v>28</v>
      </c>
      <c r="G19657" s="16">
        <v>9.5898031865637463E-3</v>
      </c>
    </row>
    <row r="19658" spans="1:7" x14ac:dyDescent="0.3">
      <c r="A19658" s="13" t="s">
        <v>134</v>
      </c>
      <c r="B19658" s="14" t="s">
        <v>1</v>
      </c>
      <c r="C19658" s="14" t="s">
        <v>51</v>
      </c>
      <c r="D19658" s="14" t="s">
        <v>135</v>
      </c>
      <c r="E19658" s="15">
        <v>45689</v>
      </c>
      <c r="F19658" s="14" t="s">
        <v>28</v>
      </c>
      <c r="G19658" s="16">
        <v>9.5898031865637463E-3</v>
      </c>
    </row>
    <row r="19659" spans="1:7" x14ac:dyDescent="0.3">
      <c r="A19659" s="13" t="s">
        <v>134</v>
      </c>
      <c r="B19659" s="14" t="s">
        <v>1</v>
      </c>
      <c r="C19659" s="14" t="s">
        <v>51</v>
      </c>
      <c r="D19659" s="14" t="s">
        <v>135</v>
      </c>
      <c r="E19659" s="15">
        <v>45690</v>
      </c>
      <c r="F19659" s="14" t="s">
        <v>28</v>
      </c>
      <c r="G19659" s="16">
        <v>9.5898031865637463E-3</v>
      </c>
    </row>
    <row r="19660" spans="1:7" x14ac:dyDescent="0.3">
      <c r="A19660" s="13" t="s">
        <v>134</v>
      </c>
      <c r="B19660" s="14" t="s">
        <v>1</v>
      </c>
      <c r="C19660" s="14" t="s">
        <v>51</v>
      </c>
      <c r="D19660" s="14" t="s">
        <v>135</v>
      </c>
      <c r="E19660" s="15">
        <v>45691</v>
      </c>
      <c r="F19660" s="14" t="s">
        <v>28</v>
      </c>
      <c r="G19660" s="16">
        <v>9.5898031865637463E-3</v>
      </c>
    </row>
    <row r="19661" spans="1:7" x14ac:dyDescent="0.3">
      <c r="A19661" s="13" t="s">
        <v>134</v>
      </c>
      <c r="B19661" s="14" t="s">
        <v>1</v>
      </c>
      <c r="C19661" s="14" t="s">
        <v>51</v>
      </c>
      <c r="D19661" s="14" t="s">
        <v>135</v>
      </c>
      <c r="E19661" s="15">
        <v>45692</v>
      </c>
      <c r="F19661" s="14" t="s">
        <v>28</v>
      </c>
      <c r="G19661" s="16">
        <v>6.8015650007614116E-3</v>
      </c>
    </row>
    <row r="19662" spans="1:7" x14ac:dyDescent="0.3">
      <c r="A19662" s="13" t="s">
        <v>134</v>
      </c>
      <c r="B19662" s="14" t="s">
        <v>1</v>
      </c>
      <c r="C19662" s="14" t="s">
        <v>51</v>
      </c>
      <c r="D19662" s="14" t="s">
        <v>135</v>
      </c>
      <c r="E19662" s="15">
        <v>45693</v>
      </c>
      <c r="F19662" s="14" t="s">
        <v>28</v>
      </c>
      <c r="G19662" s="16">
        <v>0</v>
      </c>
    </row>
    <row r="19663" spans="1:7" x14ac:dyDescent="0.3">
      <c r="A19663" s="13" t="s">
        <v>134</v>
      </c>
      <c r="B19663" s="14" t="s">
        <v>1</v>
      </c>
      <c r="C19663" s="14" t="s">
        <v>51</v>
      </c>
      <c r="D19663" s="14" t="s">
        <v>135</v>
      </c>
      <c r="E19663" s="15">
        <v>45694</v>
      </c>
      <c r="F19663" s="14" t="s">
        <v>28</v>
      </c>
      <c r="G19663" s="16">
        <v>0</v>
      </c>
    </row>
    <row r="19664" spans="1:7" x14ac:dyDescent="0.3">
      <c r="A19664" s="13" t="s">
        <v>134</v>
      </c>
      <c r="B19664" s="14" t="s">
        <v>1</v>
      </c>
      <c r="C19664" s="14" t="s">
        <v>51</v>
      </c>
      <c r="D19664" s="14" t="s">
        <v>135</v>
      </c>
      <c r="E19664" s="15">
        <v>45695</v>
      </c>
      <c r="F19664" s="14" t="s">
        <v>28</v>
      </c>
      <c r="G19664" s="16">
        <v>0</v>
      </c>
    </row>
    <row r="19665" spans="1:7" x14ac:dyDescent="0.3">
      <c r="A19665" s="13" t="s">
        <v>134</v>
      </c>
      <c r="B19665" s="14" t="s">
        <v>1</v>
      </c>
      <c r="C19665" s="14" t="s">
        <v>51</v>
      </c>
      <c r="D19665" s="14" t="s">
        <v>135</v>
      </c>
      <c r="E19665" s="15">
        <v>45696</v>
      </c>
      <c r="F19665" s="14" t="s">
        <v>28</v>
      </c>
      <c r="G19665" s="16">
        <v>0</v>
      </c>
    </row>
    <row r="19666" spans="1:7" x14ac:dyDescent="0.3">
      <c r="A19666" s="13" t="s">
        <v>134</v>
      </c>
      <c r="B19666" s="14" t="s">
        <v>1</v>
      </c>
      <c r="C19666" s="14" t="s">
        <v>51</v>
      </c>
      <c r="D19666" s="14" t="s">
        <v>135</v>
      </c>
      <c r="E19666" s="15">
        <v>45697</v>
      </c>
      <c r="F19666" s="14" t="s">
        <v>28</v>
      </c>
      <c r="G19666" s="16">
        <v>0</v>
      </c>
    </row>
    <row r="19667" spans="1:7" x14ac:dyDescent="0.3">
      <c r="A19667" s="13" t="s">
        <v>134</v>
      </c>
      <c r="B19667" s="14" t="s">
        <v>1</v>
      </c>
      <c r="C19667" s="14" t="s">
        <v>51</v>
      </c>
      <c r="D19667" s="14" t="s">
        <v>135</v>
      </c>
      <c r="E19667" s="15">
        <v>45698</v>
      </c>
      <c r="F19667" s="14" t="s">
        <v>28</v>
      </c>
      <c r="G19667" s="16">
        <v>0</v>
      </c>
    </row>
    <row r="19668" spans="1:7" x14ac:dyDescent="0.3">
      <c r="A19668" s="13" t="s">
        <v>134</v>
      </c>
      <c r="B19668" s="14" t="s">
        <v>1</v>
      </c>
      <c r="C19668" s="14" t="s">
        <v>51</v>
      </c>
      <c r="D19668" s="14" t="s">
        <v>135</v>
      </c>
      <c r="E19668" s="15">
        <v>45699</v>
      </c>
      <c r="F19668" s="14" t="s">
        <v>28</v>
      </c>
      <c r="G19668" s="16">
        <v>0</v>
      </c>
    </row>
    <row r="19669" spans="1:7" x14ac:dyDescent="0.3">
      <c r="A19669" s="13" t="s">
        <v>134</v>
      </c>
      <c r="B19669" s="14" t="s">
        <v>1</v>
      </c>
      <c r="C19669" s="14" t="s">
        <v>51</v>
      </c>
      <c r="D19669" s="14" t="s">
        <v>135</v>
      </c>
      <c r="E19669" s="15">
        <v>45700</v>
      </c>
      <c r="F19669" s="14" t="s">
        <v>28</v>
      </c>
      <c r="G19669" s="16">
        <v>0</v>
      </c>
    </row>
    <row r="19670" spans="1:7" x14ac:dyDescent="0.3">
      <c r="A19670" s="13" t="s">
        <v>134</v>
      </c>
      <c r="B19670" s="14" t="s">
        <v>1</v>
      </c>
      <c r="C19670" s="14" t="s">
        <v>51</v>
      </c>
      <c r="D19670" s="14" t="s">
        <v>135</v>
      </c>
      <c r="E19670" s="15">
        <v>45701</v>
      </c>
      <c r="F19670" s="14" t="s">
        <v>28</v>
      </c>
      <c r="G19670" s="16">
        <v>0</v>
      </c>
    </row>
    <row r="19671" spans="1:7" x14ac:dyDescent="0.3">
      <c r="A19671" s="13" t="s">
        <v>134</v>
      </c>
      <c r="B19671" s="14" t="s">
        <v>1</v>
      </c>
      <c r="C19671" s="14" t="s">
        <v>51</v>
      </c>
      <c r="D19671" s="14" t="s">
        <v>135</v>
      </c>
      <c r="E19671" s="15">
        <v>45702</v>
      </c>
      <c r="F19671" s="14" t="s">
        <v>28</v>
      </c>
      <c r="G19671" s="16">
        <v>0</v>
      </c>
    </row>
    <row r="19672" spans="1:7" x14ac:dyDescent="0.3">
      <c r="A19672" s="13" t="s">
        <v>134</v>
      </c>
      <c r="B19672" s="14" t="s">
        <v>1</v>
      </c>
      <c r="C19672" s="14" t="s">
        <v>51</v>
      </c>
      <c r="D19672" s="14" t="s">
        <v>135</v>
      </c>
      <c r="E19672" s="15">
        <v>45703</v>
      </c>
      <c r="F19672" s="14" t="s">
        <v>28</v>
      </c>
      <c r="G19672" s="16">
        <v>0</v>
      </c>
    </row>
    <row r="19673" spans="1:7" x14ac:dyDescent="0.3">
      <c r="A19673" s="13" t="s">
        <v>134</v>
      </c>
      <c r="B19673" s="14" t="s">
        <v>1</v>
      </c>
      <c r="C19673" s="14" t="s">
        <v>51</v>
      </c>
      <c r="D19673" s="14" t="s">
        <v>135</v>
      </c>
      <c r="E19673" s="15">
        <v>45704</v>
      </c>
      <c r="F19673" s="14" t="s">
        <v>28</v>
      </c>
      <c r="G19673" s="16">
        <v>0</v>
      </c>
    </row>
    <row r="19674" spans="1:7" x14ac:dyDescent="0.3">
      <c r="A19674" s="13" t="s">
        <v>134</v>
      </c>
      <c r="B19674" s="14" t="s">
        <v>1</v>
      </c>
      <c r="C19674" s="14" t="s">
        <v>51</v>
      </c>
      <c r="D19674" s="14" t="s">
        <v>135</v>
      </c>
      <c r="E19674" s="15">
        <v>45705</v>
      </c>
      <c r="F19674" s="14" t="s">
        <v>28</v>
      </c>
      <c r="G19674" s="16">
        <v>0</v>
      </c>
    </row>
    <row r="19675" spans="1:7" x14ac:dyDescent="0.3">
      <c r="A19675" s="13" t="s">
        <v>134</v>
      </c>
      <c r="B19675" s="14" t="s">
        <v>1</v>
      </c>
      <c r="C19675" s="14" t="s">
        <v>51</v>
      </c>
      <c r="D19675" s="14" t="s">
        <v>135</v>
      </c>
      <c r="E19675" s="15">
        <v>45706</v>
      </c>
      <c r="F19675" s="14" t="s">
        <v>28</v>
      </c>
      <c r="G19675" s="16">
        <v>0</v>
      </c>
    </row>
    <row r="19676" spans="1:7" x14ac:dyDescent="0.3">
      <c r="A19676" s="13" t="s">
        <v>134</v>
      </c>
      <c r="B19676" s="14" t="s">
        <v>1</v>
      </c>
      <c r="C19676" s="14" t="s">
        <v>51</v>
      </c>
      <c r="D19676" s="14" t="s">
        <v>135</v>
      </c>
      <c r="E19676" s="15">
        <v>45707</v>
      </c>
      <c r="F19676" s="14" t="s">
        <v>28</v>
      </c>
      <c r="G19676" s="16">
        <v>0</v>
      </c>
    </row>
    <row r="19677" spans="1:7" x14ac:dyDescent="0.3">
      <c r="A19677" s="13" t="s">
        <v>134</v>
      </c>
      <c r="B19677" s="14" t="s">
        <v>1</v>
      </c>
      <c r="C19677" s="14" t="s">
        <v>51</v>
      </c>
      <c r="D19677" s="14" t="s">
        <v>135</v>
      </c>
      <c r="E19677" s="15">
        <v>45708</v>
      </c>
      <c r="F19677" s="14" t="s">
        <v>28</v>
      </c>
      <c r="G19677" s="16">
        <v>0</v>
      </c>
    </row>
    <row r="19678" spans="1:7" x14ac:dyDescent="0.3">
      <c r="A19678" s="13" t="s">
        <v>134</v>
      </c>
      <c r="B19678" s="14" t="s">
        <v>1</v>
      </c>
      <c r="C19678" s="14" t="s">
        <v>51</v>
      </c>
      <c r="D19678" s="14" t="s">
        <v>135</v>
      </c>
      <c r="E19678" s="15">
        <v>45709</v>
      </c>
      <c r="F19678" s="14" t="s">
        <v>28</v>
      </c>
      <c r="G19678" s="16">
        <v>0</v>
      </c>
    </row>
    <row r="19679" spans="1:7" x14ac:dyDescent="0.3">
      <c r="A19679" s="13" t="s">
        <v>134</v>
      </c>
      <c r="B19679" s="14" t="s">
        <v>1</v>
      </c>
      <c r="C19679" s="14" t="s">
        <v>51</v>
      </c>
      <c r="D19679" s="14" t="s">
        <v>135</v>
      </c>
      <c r="E19679" s="15">
        <v>45710</v>
      </c>
      <c r="F19679" s="14" t="s">
        <v>28</v>
      </c>
      <c r="G19679" s="16">
        <v>0</v>
      </c>
    </row>
    <row r="19680" spans="1:7" x14ac:dyDescent="0.3">
      <c r="A19680" s="13" t="s">
        <v>134</v>
      </c>
      <c r="B19680" s="14" t="s">
        <v>1</v>
      </c>
      <c r="C19680" s="14" t="s">
        <v>51</v>
      </c>
      <c r="D19680" s="14" t="s">
        <v>135</v>
      </c>
      <c r="E19680" s="15">
        <v>45711</v>
      </c>
      <c r="F19680" s="14" t="s">
        <v>28</v>
      </c>
      <c r="G19680" s="16">
        <v>0</v>
      </c>
    </row>
    <row r="19681" spans="1:7" x14ac:dyDescent="0.3">
      <c r="A19681" s="13" t="s">
        <v>134</v>
      </c>
      <c r="B19681" s="14" t="s">
        <v>1</v>
      </c>
      <c r="C19681" s="14" t="s">
        <v>51</v>
      </c>
      <c r="D19681" s="14" t="s">
        <v>135</v>
      </c>
      <c r="E19681" s="15">
        <v>45712</v>
      </c>
      <c r="F19681" s="14" t="s">
        <v>28</v>
      </c>
      <c r="G19681" s="16">
        <v>0</v>
      </c>
    </row>
    <row r="19682" spans="1:7" x14ac:dyDescent="0.3">
      <c r="A19682" s="13" t="s">
        <v>134</v>
      </c>
      <c r="B19682" s="14" t="s">
        <v>1</v>
      </c>
      <c r="C19682" s="14" t="s">
        <v>51</v>
      </c>
      <c r="D19682" s="14" t="s">
        <v>135</v>
      </c>
      <c r="E19682" s="15">
        <v>45713</v>
      </c>
      <c r="F19682" s="14" t="s">
        <v>28</v>
      </c>
      <c r="G19682" s="16">
        <v>0</v>
      </c>
    </row>
    <row r="19683" spans="1:7" x14ac:dyDescent="0.3">
      <c r="A19683" s="13" t="s">
        <v>134</v>
      </c>
      <c r="B19683" s="14" t="s">
        <v>1</v>
      </c>
      <c r="C19683" s="14" t="s">
        <v>51</v>
      </c>
      <c r="D19683" s="14" t="s">
        <v>135</v>
      </c>
      <c r="E19683" s="15">
        <v>45714</v>
      </c>
      <c r="F19683" s="14" t="s">
        <v>28</v>
      </c>
      <c r="G19683" s="16">
        <v>0</v>
      </c>
    </row>
    <row r="19684" spans="1:7" x14ac:dyDescent="0.3">
      <c r="A19684" s="13" t="s">
        <v>134</v>
      </c>
      <c r="B19684" s="14" t="s">
        <v>1</v>
      </c>
      <c r="C19684" s="14" t="s">
        <v>51</v>
      </c>
      <c r="D19684" s="14" t="s">
        <v>135</v>
      </c>
      <c r="E19684" s="15">
        <v>45715</v>
      </c>
      <c r="F19684" s="14" t="s">
        <v>28</v>
      </c>
      <c r="G19684" s="16">
        <v>0</v>
      </c>
    </row>
    <row r="19685" spans="1:7" x14ac:dyDescent="0.3">
      <c r="A19685" s="13" t="s">
        <v>134</v>
      </c>
      <c r="B19685" s="14" t="s">
        <v>1</v>
      </c>
      <c r="C19685" s="14" t="s">
        <v>51</v>
      </c>
      <c r="D19685" s="14" t="s">
        <v>135</v>
      </c>
      <c r="E19685" s="15">
        <v>45716</v>
      </c>
      <c r="F19685" s="14" t="s">
        <v>28</v>
      </c>
      <c r="G19685" s="16">
        <v>0</v>
      </c>
    </row>
    <row r="19686" spans="1:7" x14ac:dyDescent="0.3">
      <c r="A19686" s="13" t="s">
        <v>134</v>
      </c>
      <c r="B19686" s="14" t="s">
        <v>1</v>
      </c>
      <c r="C19686" s="14" t="s">
        <v>51</v>
      </c>
      <c r="D19686" s="14" t="s">
        <v>135</v>
      </c>
      <c r="E19686" s="15">
        <v>45717</v>
      </c>
      <c r="F19686" s="14" t="s">
        <v>28</v>
      </c>
      <c r="G19686" s="16">
        <v>0</v>
      </c>
    </row>
    <row r="19687" spans="1:7" x14ac:dyDescent="0.3">
      <c r="A19687" s="13" t="s">
        <v>134</v>
      </c>
      <c r="B19687" s="14" t="s">
        <v>1</v>
      </c>
      <c r="C19687" s="14" t="s">
        <v>51</v>
      </c>
      <c r="D19687" s="14" t="s">
        <v>135</v>
      </c>
      <c r="E19687" s="15">
        <v>45718</v>
      </c>
      <c r="F19687" s="14" t="s">
        <v>28</v>
      </c>
      <c r="G19687" s="16">
        <v>0</v>
      </c>
    </row>
    <row r="19688" spans="1:7" x14ac:dyDescent="0.3">
      <c r="A19688" s="13" t="s">
        <v>134</v>
      </c>
      <c r="B19688" s="14" t="s">
        <v>1</v>
      </c>
      <c r="C19688" s="14" t="s">
        <v>51</v>
      </c>
      <c r="D19688" s="14" t="s">
        <v>135</v>
      </c>
      <c r="E19688" s="15">
        <v>45719</v>
      </c>
      <c r="F19688" s="14" t="s">
        <v>28</v>
      </c>
      <c r="G19688" s="16">
        <v>7.0556656399032474E-4</v>
      </c>
    </row>
    <row r="19689" spans="1:7" x14ac:dyDescent="0.3">
      <c r="A19689" s="13" t="s">
        <v>134</v>
      </c>
      <c r="B19689" s="14" t="s">
        <v>1</v>
      </c>
      <c r="C19689" s="14" t="s">
        <v>51</v>
      </c>
      <c r="D19689" s="14" t="s">
        <v>135</v>
      </c>
      <c r="E19689" s="15">
        <v>45720</v>
      </c>
      <c r="F19689" s="14" t="s">
        <v>28</v>
      </c>
      <c r="G19689" s="16">
        <v>2.0028092109655345E-3</v>
      </c>
    </row>
    <row r="19690" spans="1:7" x14ac:dyDescent="0.3">
      <c r="A19690" s="13" t="s">
        <v>134</v>
      </c>
      <c r="B19690" s="14" t="s">
        <v>1</v>
      </c>
      <c r="C19690" s="14" t="s">
        <v>51</v>
      </c>
      <c r="D19690" s="14" t="s">
        <v>135</v>
      </c>
      <c r="E19690" s="15">
        <v>45721</v>
      </c>
      <c r="F19690" s="14" t="s">
        <v>28</v>
      </c>
      <c r="G19690" s="16">
        <v>6.2620682329808468E-4</v>
      </c>
    </row>
    <row r="19691" spans="1:7" x14ac:dyDescent="0.3">
      <c r="A19691" s="13" t="s">
        <v>134</v>
      </c>
      <c r="B19691" s="14" t="s">
        <v>1</v>
      </c>
      <c r="C19691" s="14" t="s">
        <v>51</v>
      </c>
      <c r="D19691" s="14" t="s">
        <v>135</v>
      </c>
      <c r="E19691" s="15">
        <v>45722</v>
      </c>
      <c r="F19691" s="14" t="s">
        <v>28</v>
      </c>
      <c r="G19691" s="16">
        <v>0</v>
      </c>
    </row>
    <row r="19692" spans="1:7" x14ac:dyDescent="0.3">
      <c r="A19692" s="13" t="s">
        <v>134</v>
      </c>
      <c r="B19692" s="14" t="s">
        <v>1</v>
      </c>
      <c r="C19692" s="14" t="s">
        <v>51</v>
      </c>
      <c r="D19692" s="14" t="s">
        <v>135</v>
      </c>
      <c r="E19692" s="15">
        <v>45723</v>
      </c>
      <c r="F19692" s="14" t="s">
        <v>28</v>
      </c>
      <c r="G19692" s="16">
        <v>1.2530141002519334E-2</v>
      </c>
    </row>
    <row r="19693" spans="1:7" x14ac:dyDescent="0.3">
      <c r="A19693" s="13" t="s">
        <v>134</v>
      </c>
      <c r="B19693" s="14" t="s">
        <v>1</v>
      </c>
      <c r="C19693" s="14" t="s">
        <v>51</v>
      </c>
      <c r="D19693" s="14" t="s">
        <v>135</v>
      </c>
      <c r="E19693" s="15">
        <v>45724</v>
      </c>
      <c r="F19693" s="14" t="s">
        <v>28</v>
      </c>
      <c r="G19693" s="16">
        <v>1.2530141002519334E-2</v>
      </c>
    </row>
    <row r="19694" spans="1:7" x14ac:dyDescent="0.3">
      <c r="A19694" s="13" t="s">
        <v>134</v>
      </c>
      <c r="B19694" s="14" t="s">
        <v>1</v>
      </c>
      <c r="C19694" s="14" t="s">
        <v>51</v>
      </c>
      <c r="D19694" s="14" t="s">
        <v>135</v>
      </c>
      <c r="E19694" s="15">
        <v>45725</v>
      </c>
      <c r="F19694" s="14" t="s">
        <v>28</v>
      </c>
      <c r="G19694" s="16">
        <v>1.2530141002519334E-2</v>
      </c>
    </row>
    <row r="19695" spans="1:7" x14ac:dyDescent="0.3">
      <c r="A19695" s="13" t="s">
        <v>134</v>
      </c>
      <c r="B19695" s="14" t="s">
        <v>1</v>
      </c>
      <c r="C19695" s="14" t="s">
        <v>51</v>
      </c>
      <c r="D19695" s="14" t="s">
        <v>135</v>
      </c>
      <c r="E19695" s="15">
        <v>45726</v>
      </c>
      <c r="F19695" s="14" t="s">
        <v>28</v>
      </c>
      <c r="G19695" s="16">
        <v>1.118988800624757E-2</v>
      </c>
    </row>
    <row r="19696" spans="1:7" x14ac:dyDescent="0.3">
      <c r="A19696" s="13" t="s">
        <v>134</v>
      </c>
      <c r="B19696" s="14" t="s">
        <v>1</v>
      </c>
      <c r="C19696" s="14" t="s">
        <v>51</v>
      </c>
      <c r="D19696" s="14" t="s">
        <v>135</v>
      </c>
      <c r="E19696" s="15">
        <v>45727</v>
      </c>
      <c r="F19696" s="14" t="s">
        <v>28</v>
      </c>
      <c r="G19696" s="16">
        <v>7.134271013069602E-3</v>
      </c>
    </row>
    <row r="19697" spans="1:7" x14ac:dyDescent="0.3">
      <c r="A19697" s="13" t="s">
        <v>134</v>
      </c>
      <c r="B19697" s="14" t="s">
        <v>1</v>
      </c>
      <c r="C19697" s="14" t="s">
        <v>51</v>
      </c>
      <c r="D19697" s="14" t="s">
        <v>135</v>
      </c>
      <c r="E19697" s="15">
        <v>45728</v>
      </c>
      <c r="F19697" s="14" t="s">
        <v>28</v>
      </c>
      <c r="G19697" s="16">
        <v>5.7783933627054765E-3</v>
      </c>
    </row>
    <row r="19698" spans="1:7" x14ac:dyDescent="0.3">
      <c r="A19698" s="13" t="s">
        <v>134</v>
      </c>
      <c r="B19698" s="14" t="s">
        <v>1</v>
      </c>
      <c r="C19698" s="14" t="s">
        <v>51</v>
      </c>
      <c r="D19698" s="14" t="s">
        <v>135</v>
      </c>
      <c r="E19698" s="15">
        <v>45729</v>
      </c>
      <c r="F19698" s="14" t="s">
        <v>28</v>
      </c>
      <c r="G19698" s="16">
        <v>4.4204401874669546E-3</v>
      </c>
    </row>
    <row r="19699" spans="1:7" x14ac:dyDescent="0.3">
      <c r="A19699" s="13" t="s">
        <v>134</v>
      </c>
      <c r="B19699" s="14" t="s">
        <v>1</v>
      </c>
      <c r="C19699" s="14" t="s">
        <v>51</v>
      </c>
      <c r="D19699" s="14" t="s">
        <v>135</v>
      </c>
      <c r="E19699" s="15">
        <v>45730</v>
      </c>
      <c r="F19699" s="14" t="s">
        <v>28</v>
      </c>
      <c r="G19699" s="16">
        <v>3.0440214613889744E-3</v>
      </c>
    </row>
    <row r="19700" spans="1:7" x14ac:dyDescent="0.3">
      <c r="A19700" s="13" t="s">
        <v>134</v>
      </c>
      <c r="B19700" s="14" t="s">
        <v>1</v>
      </c>
      <c r="C19700" s="14" t="s">
        <v>51</v>
      </c>
      <c r="D19700" s="14" t="s">
        <v>135</v>
      </c>
      <c r="E19700" s="15">
        <v>45731</v>
      </c>
      <c r="F19700" s="14" t="s">
        <v>28</v>
      </c>
      <c r="G19700" s="16">
        <v>3.0440214613889744E-3</v>
      </c>
    </row>
    <row r="19701" spans="1:7" x14ac:dyDescent="0.3">
      <c r="A19701" s="13" t="s">
        <v>134</v>
      </c>
      <c r="B19701" s="14" t="s">
        <v>1</v>
      </c>
      <c r="C19701" s="14" t="s">
        <v>51</v>
      </c>
      <c r="D19701" s="14" t="s">
        <v>135</v>
      </c>
      <c r="E19701" s="15">
        <v>45732</v>
      </c>
      <c r="F19701" s="14" t="s">
        <v>28</v>
      </c>
      <c r="G19701" s="16">
        <v>3.0440214613889744E-3</v>
      </c>
    </row>
    <row r="19702" spans="1:7" x14ac:dyDescent="0.3">
      <c r="A19702" s="13" t="s">
        <v>134</v>
      </c>
      <c r="B19702" s="14" t="s">
        <v>1</v>
      </c>
      <c r="C19702" s="14" t="s">
        <v>51</v>
      </c>
      <c r="D19702" s="14" t="s">
        <v>135</v>
      </c>
      <c r="E19702" s="15">
        <v>45733</v>
      </c>
      <c r="F19702" s="14" t="s">
        <v>28</v>
      </c>
      <c r="G19702" s="16">
        <v>3.0440214613889744E-3</v>
      </c>
    </row>
    <row r="19703" spans="1:7" x14ac:dyDescent="0.3">
      <c r="A19703" s="13" t="s">
        <v>134</v>
      </c>
      <c r="B19703" s="14" t="s">
        <v>1</v>
      </c>
      <c r="C19703" s="14" t="s">
        <v>51</v>
      </c>
      <c r="D19703" s="14" t="s">
        <v>135</v>
      </c>
      <c r="E19703" s="15">
        <v>45734</v>
      </c>
      <c r="F19703" s="14" t="s">
        <v>28</v>
      </c>
      <c r="G19703" s="16">
        <v>1.0984741392581982E-2</v>
      </c>
    </row>
    <row r="19704" spans="1:7" x14ac:dyDescent="0.3">
      <c r="A19704" s="13" t="s">
        <v>134</v>
      </c>
      <c r="B19704" s="14" t="s">
        <v>1</v>
      </c>
      <c r="C19704" s="14" t="s">
        <v>51</v>
      </c>
      <c r="D19704" s="14" t="s">
        <v>135</v>
      </c>
      <c r="E19704" s="15">
        <v>45735</v>
      </c>
      <c r="F19704" s="14" t="s">
        <v>28</v>
      </c>
      <c r="G19704" s="16">
        <v>8.2880817394327278E-3</v>
      </c>
    </row>
    <row r="19705" spans="1:7" x14ac:dyDescent="0.3">
      <c r="A19705" s="13" t="s">
        <v>134</v>
      </c>
      <c r="B19705" s="14" t="s">
        <v>1</v>
      </c>
      <c r="C19705" s="14" t="s">
        <v>51</v>
      </c>
      <c r="D19705" s="14" t="s">
        <v>135</v>
      </c>
      <c r="E19705" s="15">
        <v>45736</v>
      </c>
      <c r="F19705" s="14" t="s">
        <v>28</v>
      </c>
      <c r="G19705" s="16">
        <v>6.9448130725139482E-3</v>
      </c>
    </row>
    <row r="19706" spans="1:7" x14ac:dyDescent="0.3">
      <c r="A19706" s="13" t="s">
        <v>134</v>
      </c>
      <c r="B19706" s="14" t="s">
        <v>1</v>
      </c>
      <c r="C19706" s="14" t="s">
        <v>51</v>
      </c>
      <c r="D19706" s="14" t="s">
        <v>135</v>
      </c>
      <c r="E19706" s="15">
        <v>45737</v>
      </c>
      <c r="F19706" s="14" t="s">
        <v>28</v>
      </c>
      <c r="G19706" s="16">
        <v>5.5770584785374373E-3</v>
      </c>
    </row>
    <row r="19707" spans="1:7" x14ac:dyDescent="0.3">
      <c r="A19707" s="13" t="s">
        <v>134</v>
      </c>
      <c r="B19707" s="14" t="s">
        <v>1</v>
      </c>
      <c r="C19707" s="14" t="s">
        <v>51</v>
      </c>
      <c r="D19707" s="14" t="s">
        <v>135</v>
      </c>
      <c r="E19707" s="15">
        <v>45738</v>
      </c>
      <c r="F19707" s="14" t="s">
        <v>28</v>
      </c>
      <c r="G19707" s="16">
        <v>5.5770584785374373E-3</v>
      </c>
    </row>
    <row r="19708" spans="1:7" x14ac:dyDescent="0.3">
      <c r="A19708" s="13" t="s">
        <v>134</v>
      </c>
      <c r="B19708" s="14" t="s">
        <v>1</v>
      </c>
      <c r="C19708" s="14" t="s">
        <v>51</v>
      </c>
      <c r="D19708" s="14" t="s">
        <v>135</v>
      </c>
      <c r="E19708" s="15">
        <v>45739</v>
      </c>
      <c r="F19708" s="14" t="s">
        <v>28</v>
      </c>
      <c r="G19708" s="16">
        <v>5.5770584785374373E-3</v>
      </c>
    </row>
    <row r="19709" spans="1:7" x14ac:dyDescent="0.3">
      <c r="A19709" s="13" t="s">
        <v>134</v>
      </c>
      <c r="B19709" s="14" t="s">
        <v>1</v>
      </c>
      <c r="C19709" s="14" t="s">
        <v>51</v>
      </c>
      <c r="D19709" s="14" t="s">
        <v>135</v>
      </c>
      <c r="E19709" s="15">
        <v>45740</v>
      </c>
      <c r="F19709" s="14" t="s">
        <v>28</v>
      </c>
      <c r="G19709" s="16">
        <v>1.4921679038505734E-2</v>
      </c>
    </row>
    <row r="19710" spans="1:7" x14ac:dyDescent="0.3">
      <c r="A19710" s="13" t="s">
        <v>134</v>
      </c>
      <c r="B19710" s="14" t="s">
        <v>1</v>
      </c>
      <c r="C19710" s="14" t="s">
        <v>51</v>
      </c>
      <c r="D19710" s="14" t="s">
        <v>135</v>
      </c>
      <c r="E19710" s="15">
        <v>45741</v>
      </c>
      <c r="F19710" s="14" t="s">
        <v>28</v>
      </c>
      <c r="G19710" s="16">
        <v>2.152621695824956E-2</v>
      </c>
    </row>
    <row r="19711" spans="1:7" x14ac:dyDescent="0.3">
      <c r="A19711" s="13" t="s">
        <v>134</v>
      </c>
      <c r="B19711" s="14" t="s">
        <v>1</v>
      </c>
      <c r="C19711" s="14" t="s">
        <v>51</v>
      </c>
      <c r="D19711" s="14" t="s">
        <v>135</v>
      </c>
      <c r="E19711" s="15">
        <v>45742</v>
      </c>
      <c r="F19711" s="14" t="s">
        <v>28</v>
      </c>
      <c r="G19711" s="16">
        <v>2.0224669671585958E-2</v>
      </c>
    </row>
    <row r="19712" spans="1:7" x14ac:dyDescent="0.3">
      <c r="A19712" s="13" t="s">
        <v>134</v>
      </c>
      <c r="B19712" s="14" t="s">
        <v>1</v>
      </c>
      <c r="C19712" s="14" t="s">
        <v>51</v>
      </c>
      <c r="D19712" s="14" t="s">
        <v>135</v>
      </c>
      <c r="E19712" s="15">
        <v>45743</v>
      </c>
      <c r="F19712" s="14" t="s">
        <v>28</v>
      </c>
      <c r="G19712" s="16">
        <v>1.8841926518485888E-2</v>
      </c>
    </row>
    <row r="19713" spans="1:7" x14ac:dyDescent="0.3">
      <c r="A19713" s="13" t="s">
        <v>134</v>
      </c>
      <c r="B19713" s="14" t="s">
        <v>1</v>
      </c>
      <c r="C19713" s="14" t="s">
        <v>51</v>
      </c>
      <c r="D19713" s="14" t="s">
        <v>135</v>
      </c>
      <c r="E19713" s="15">
        <v>45744</v>
      </c>
      <c r="F19713" s="14" t="s">
        <v>28</v>
      </c>
      <c r="G19713" s="16">
        <v>1.750716023923456E-2</v>
      </c>
    </row>
    <row r="19714" spans="1:7" x14ac:dyDescent="0.3">
      <c r="A19714" s="13" t="s">
        <v>134</v>
      </c>
      <c r="B19714" s="14" t="s">
        <v>1</v>
      </c>
      <c r="C19714" s="14" t="s">
        <v>51</v>
      </c>
      <c r="D19714" s="14" t="s">
        <v>135</v>
      </c>
      <c r="E19714" s="15">
        <v>45745</v>
      </c>
      <c r="F19714" s="14" t="s">
        <v>28</v>
      </c>
      <c r="G19714" s="16">
        <v>1.750716023923456E-2</v>
      </c>
    </row>
    <row r="19715" spans="1:7" x14ac:dyDescent="0.3">
      <c r="A19715" s="13" t="s">
        <v>134</v>
      </c>
      <c r="B19715" s="14" t="s">
        <v>1</v>
      </c>
      <c r="C19715" s="14" t="s">
        <v>51</v>
      </c>
      <c r="D19715" s="14" t="s">
        <v>135</v>
      </c>
      <c r="E19715" s="15">
        <v>45746</v>
      </c>
      <c r="F19715" s="14" t="s">
        <v>28</v>
      </c>
      <c r="G19715" s="16">
        <v>1.750716023923456E-2</v>
      </c>
    </row>
    <row r="19716" spans="1:7" x14ac:dyDescent="0.3">
      <c r="A19716" s="13" t="s">
        <v>134</v>
      </c>
      <c r="B19716" s="14" t="s">
        <v>1</v>
      </c>
      <c r="C19716" s="14" t="s">
        <v>51</v>
      </c>
      <c r="D19716" s="14" t="s">
        <v>135</v>
      </c>
      <c r="E19716" s="15">
        <v>45747</v>
      </c>
      <c r="F19716" s="14" t="s">
        <v>28</v>
      </c>
      <c r="G19716" s="16">
        <v>1.750716023923456E-2</v>
      </c>
    </row>
    <row r="19717" spans="1:7" x14ac:dyDescent="0.3">
      <c r="A19717" s="13" t="s">
        <v>136</v>
      </c>
      <c r="B19717" s="14" t="s">
        <v>1</v>
      </c>
      <c r="C19717" s="14" t="s">
        <v>137</v>
      </c>
      <c r="D19717" s="14" t="s">
        <v>138</v>
      </c>
      <c r="E19717" s="15">
        <v>45383</v>
      </c>
      <c r="F19717" s="14" t="s">
        <v>61</v>
      </c>
      <c r="G19717" s="16">
        <v>0</v>
      </c>
    </row>
    <row r="19718" spans="1:7" x14ac:dyDescent="0.3">
      <c r="A19718" s="13" t="s">
        <v>136</v>
      </c>
      <c r="B19718" s="14" t="s">
        <v>1</v>
      </c>
      <c r="C19718" s="14" t="s">
        <v>137</v>
      </c>
      <c r="D19718" s="14" t="s">
        <v>138</v>
      </c>
      <c r="E19718" s="15">
        <v>45384</v>
      </c>
      <c r="F19718" s="14" t="s">
        <v>61</v>
      </c>
      <c r="G19718" s="16">
        <v>0</v>
      </c>
    </row>
    <row r="19719" spans="1:7" x14ac:dyDescent="0.3">
      <c r="A19719" s="13" t="s">
        <v>136</v>
      </c>
      <c r="B19719" s="14" t="s">
        <v>1</v>
      </c>
      <c r="C19719" s="14" t="s">
        <v>137</v>
      </c>
      <c r="D19719" s="14" t="s">
        <v>138</v>
      </c>
      <c r="E19719" s="15">
        <v>45385</v>
      </c>
      <c r="F19719" s="14" t="s">
        <v>61</v>
      </c>
      <c r="G19719" s="16">
        <v>8.0516677022635014E-2</v>
      </c>
    </row>
    <row r="19720" spans="1:7" x14ac:dyDescent="0.3">
      <c r="A19720" s="13" t="s">
        <v>136</v>
      </c>
      <c r="B19720" s="14" t="s">
        <v>1</v>
      </c>
      <c r="C19720" s="14" t="s">
        <v>137</v>
      </c>
      <c r="D19720" s="14" t="s">
        <v>138</v>
      </c>
      <c r="E19720" s="15">
        <v>45386</v>
      </c>
      <c r="F19720" s="14" t="s">
        <v>61</v>
      </c>
      <c r="G19720" s="16">
        <v>0.10009405600144605</v>
      </c>
    </row>
    <row r="19721" spans="1:7" x14ac:dyDescent="0.3">
      <c r="A19721" s="13" t="s">
        <v>136</v>
      </c>
      <c r="B19721" s="14" t="s">
        <v>1</v>
      </c>
      <c r="C19721" s="14" t="s">
        <v>137</v>
      </c>
      <c r="D19721" s="14" t="s">
        <v>138</v>
      </c>
      <c r="E19721" s="15">
        <v>45387</v>
      </c>
      <c r="F19721" s="14" t="s">
        <v>61</v>
      </c>
      <c r="G19721" s="16">
        <v>0.12144361866472492</v>
      </c>
    </row>
    <row r="19722" spans="1:7" x14ac:dyDescent="0.3">
      <c r="A19722" s="13" t="s">
        <v>136</v>
      </c>
      <c r="B19722" s="14" t="s">
        <v>1</v>
      </c>
      <c r="C19722" s="14" t="s">
        <v>137</v>
      </c>
      <c r="D19722" s="14" t="s">
        <v>138</v>
      </c>
      <c r="E19722" s="15">
        <v>45388</v>
      </c>
      <c r="F19722" s="14" t="s">
        <v>61</v>
      </c>
      <c r="G19722" s="16">
        <v>0.12144361866472492</v>
      </c>
    </row>
    <row r="19723" spans="1:7" x14ac:dyDescent="0.3">
      <c r="A19723" s="13" t="s">
        <v>136</v>
      </c>
      <c r="B19723" s="14" t="s">
        <v>1</v>
      </c>
      <c r="C19723" s="14" t="s">
        <v>137</v>
      </c>
      <c r="D19723" s="14" t="s">
        <v>138</v>
      </c>
      <c r="E19723" s="15">
        <v>45389</v>
      </c>
      <c r="F19723" s="14" t="s">
        <v>61</v>
      </c>
      <c r="G19723" s="16">
        <v>0.12144361866472492</v>
      </c>
    </row>
    <row r="19724" spans="1:7" x14ac:dyDescent="0.3">
      <c r="A19724" s="13" t="s">
        <v>136</v>
      </c>
      <c r="B19724" s="14" t="s">
        <v>1</v>
      </c>
      <c r="C19724" s="14" t="s">
        <v>137</v>
      </c>
      <c r="D19724" s="14" t="s">
        <v>138</v>
      </c>
      <c r="E19724" s="15">
        <v>45390</v>
      </c>
      <c r="F19724" s="14" t="s">
        <v>61</v>
      </c>
      <c r="G19724" s="16">
        <v>0.14014255616849852</v>
      </c>
    </row>
    <row r="19725" spans="1:7" x14ac:dyDescent="0.3">
      <c r="A19725" s="13" t="s">
        <v>136</v>
      </c>
      <c r="B19725" s="14" t="s">
        <v>1</v>
      </c>
      <c r="C19725" s="14" t="s">
        <v>137</v>
      </c>
      <c r="D19725" s="14" t="s">
        <v>138</v>
      </c>
      <c r="E19725" s="15">
        <v>45391</v>
      </c>
      <c r="F19725" s="14" t="s">
        <v>61</v>
      </c>
      <c r="G19725" s="16">
        <v>0.18445634547980125</v>
      </c>
    </row>
    <row r="19726" spans="1:7" x14ac:dyDescent="0.3">
      <c r="A19726" s="13" t="s">
        <v>136</v>
      </c>
      <c r="B19726" s="14" t="s">
        <v>1</v>
      </c>
      <c r="C19726" s="14" t="s">
        <v>137</v>
      </c>
      <c r="D19726" s="14" t="s">
        <v>138</v>
      </c>
      <c r="E19726" s="15">
        <v>45392</v>
      </c>
      <c r="F19726" s="14" t="s">
        <v>61</v>
      </c>
      <c r="G19726" s="16">
        <v>0.20309343692432605</v>
      </c>
    </row>
    <row r="19727" spans="1:7" x14ac:dyDescent="0.3">
      <c r="A19727" s="13" t="s">
        <v>136</v>
      </c>
      <c r="B19727" s="14" t="s">
        <v>1</v>
      </c>
      <c r="C19727" s="14" t="s">
        <v>137</v>
      </c>
      <c r="D19727" s="14" t="s">
        <v>138</v>
      </c>
      <c r="E19727" s="15">
        <v>45393</v>
      </c>
      <c r="F19727" s="14" t="s">
        <v>61</v>
      </c>
      <c r="G19727" s="16">
        <v>0.21768844809214183</v>
      </c>
    </row>
    <row r="19728" spans="1:7" x14ac:dyDescent="0.3">
      <c r="A19728" s="13" t="s">
        <v>136</v>
      </c>
      <c r="B19728" s="14" t="s">
        <v>1</v>
      </c>
      <c r="C19728" s="14" t="s">
        <v>137</v>
      </c>
      <c r="D19728" s="14" t="s">
        <v>138</v>
      </c>
      <c r="E19728" s="15">
        <v>45394</v>
      </c>
      <c r="F19728" s="14" t="s">
        <v>61</v>
      </c>
      <c r="G19728" s="16">
        <v>0.23627598568008754</v>
      </c>
    </row>
    <row r="19729" spans="1:7" x14ac:dyDescent="0.3">
      <c r="A19729" s="13" t="s">
        <v>136</v>
      </c>
      <c r="B19729" s="14" t="s">
        <v>1</v>
      </c>
      <c r="C19729" s="14" t="s">
        <v>137</v>
      </c>
      <c r="D19729" s="14" t="s">
        <v>138</v>
      </c>
      <c r="E19729" s="15">
        <v>45395</v>
      </c>
      <c r="F19729" s="14" t="s">
        <v>61</v>
      </c>
      <c r="G19729" s="16">
        <v>0.23627598568008754</v>
      </c>
    </row>
    <row r="19730" spans="1:7" x14ac:dyDescent="0.3">
      <c r="A19730" s="13" t="s">
        <v>136</v>
      </c>
      <c r="B19730" s="14" t="s">
        <v>1</v>
      </c>
      <c r="C19730" s="14" t="s">
        <v>137</v>
      </c>
      <c r="D19730" s="14" t="s">
        <v>138</v>
      </c>
      <c r="E19730" s="15">
        <v>45396</v>
      </c>
      <c r="F19730" s="14" t="s">
        <v>61</v>
      </c>
      <c r="G19730" s="16">
        <v>0.23627598568008754</v>
      </c>
    </row>
    <row r="19731" spans="1:7" x14ac:dyDescent="0.3">
      <c r="A19731" s="13" t="s">
        <v>136</v>
      </c>
      <c r="B19731" s="14" t="s">
        <v>1</v>
      </c>
      <c r="C19731" s="14" t="s">
        <v>137</v>
      </c>
      <c r="D19731" s="14" t="s">
        <v>138</v>
      </c>
      <c r="E19731" s="15">
        <v>45397</v>
      </c>
      <c r="F19731" s="14" t="s">
        <v>61</v>
      </c>
      <c r="G19731" s="16">
        <v>0.25369980509999612</v>
      </c>
    </row>
    <row r="19732" spans="1:7" x14ac:dyDescent="0.3">
      <c r="A19732" s="13" t="s">
        <v>136</v>
      </c>
      <c r="B19732" s="14" t="s">
        <v>1</v>
      </c>
      <c r="C19732" s="14" t="s">
        <v>137</v>
      </c>
      <c r="D19732" s="14" t="s">
        <v>138</v>
      </c>
      <c r="E19732" s="15">
        <v>45398</v>
      </c>
      <c r="F19732" s="14" t="s">
        <v>61</v>
      </c>
      <c r="G19732" s="16">
        <v>0.30759328535645331</v>
      </c>
    </row>
    <row r="19733" spans="1:7" x14ac:dyDescent="0.3">
      <c r="A19733" s="13" t="s">
        <v>136</v>
      </c>
      <c r="B19733" s="14" t="s">
        <v>1</v>
      </c>
      <c r="C19733" s="14" t="s">
        <v>137</v>
      </c>
      <c r="D19733" s="14" t="s">
        <v>138</v>
      </c>
      <c r="E19733" s="15">
        <v>45399</v>
      </c>
      <c r="F19733" s="14" t="s">
        <v>61</v>
      </c>
      <c r="G19733" s="16">
        <v>0.32381693643075204</v>
      </c>
    </row>
    <row r="19734" spans="1:7" x14ac:dyDescent="0.3">
      <c r="A19734" s="13" t="s">
        <v>136</v>
      </c>
      <c r="B19734" s="14" t="s">
        <v>1</v>
      </c>
      <c r="C19734" s="14" t="s">
        <v>137</v>
      </c>
      <c r="D19734" s="14" t="s">
        <v>138</v>
      </c>
      <c r="E19734" s="15">
        <v>45400</v>
      </c>
      <c r="F19734" s="14" t="s">
        <v>61</v>
      </c>
      <c r="G19734" s="16">
        <v>0.30880974988348764</v>
      </c>
    </row>
    <row r="19735" spans="1:7" x14ac:dyDescent="0.3">
      <c r="A19735" s="13" t="s">
        <v>136</v>
      </c>
      <c r="B19735" s="14" t="s">
        <v>1</v>
      </c>
      <c r="C19735" s="14" t="s">
        <v>137</v>
      </c>
      <c r="D19735" s="14" t="s">
        <v>138</v>
      </c>
      <c r="E19735" s="15">
        <v>45401</v>
      </c>
      <c r="F19735" s="14" t="s">
        <v>61</v>
      </c>
      <c r="G19735" s="16">
        <v>0.32621938025856762</v>
      </c>
    </row>
    <row r="19736" spans="1:7" x14ac:dyDescent="0.3">
      <c r="A19736" s="13" t="s">
        <v>136</v>
      </c>
      <c r="B19736" s="14" t="s">
        <v>1</v>
      </c>
      <c r="C19736" s="14" t="s">
        <v>137</v>
      </c>
      <c r="D19736" s="14" t="s">
        <v>138</v>
      </c>
      <c r="E19736" s="15">
        <v>45402</v>
      </c>
      <c r="F19736" s="14" t="s">
        <v>61</v>
      </c>
      <c r="G19736" s="16">
        <v>0.32621938025856762</v>
      </c>
    </row>
    <row r="19737" spans="1:7" x14ac:dyDescent="0.3">
      <c r="A19737" s="13" t="s">
        <v>136</v>
      </c>
      <c r="B19737" s="14" t="s">
        <v>1</v>
      </c>
      <c r="C19737" s="14" t="s">
        <v>137</v>
      </c>
      <c r="D19737" s="14" t="s">
        <v>138</v>
      </c>
      <c r="E19737" s="15">
        <v>45403</v>
      </c>
      <c r="F19737" s="14" t="s">
        <v>61</v>
      </c>
      <c r="G19737" s="16">
        <v>0.32621938025856762</v>
      </c>
    </row>
    <row r="19738" spans="1:7" x14ac:dyDescent="0.3">
      <c r="A19738" s="13" t="s">
        <v>136</v>
      </c>
      <c r="B19738" s="14" t="s">
        <v>1</v>
      </c>
      <c r="C19738" s="14" t="s">
        <v>137</v>
      </c>
      <c r="D19738" s="14" t="s">
        <v>138</v>
      </c>
      <c r="E19738" s="15">
        <v>45404</v>
      </c>
      <c r="F19738" s="14" t="s">
        <v>61</v>
      </c>
      <c r="G19738" s="16">
        <v>0.3433167821911709</v>
      </c>
    </row>
    <row r="19739" spans="1:7" x14ac:dyDescent="0.3">
      <c r="A19739" s="13" t="s">
        <v>136</v>
      </c>
      <c r="B19739" s="14" t="s">
        <v>1</v>
      </c>
      <c r="C19739" s="14" t="s">
        <v>137</v>
      </c>
      <c r="D19739" s="14" t="s">
        <v>138</v>
      </c>
      <c r="E19739" s="15">
        <v>45405</v>
      </c>
      <c r="F19739" s="14" t="s">
        <v>61</v>
      </c>
      <c r="G19739" s="16">
        <v>0.39698325226496878</v>
      </c>
    </row>
    <row r="19740" spans="1:7" x14ac:dyDescent="0.3">
      <c r="A19740" s="13" t="s">
        <v>136</v>
      </c>
      <c r="B19740" s="14" t="s">
        <v>1</v>
      </c>
      <c r="C19740" s="14" t="s">
        <v>137</v>
      </c>
      <c r="D19740" s="14" t="s">
        <v>138</v>
      </c>
      <c r="E19740" s="15">
        <v>45406</v>
      </c>
      <c r="F19740" s="14" t="s">
        <v>61</v>
      </c>
      <c r="G19740" s="16">
        <v>0.41728057893791753</v>
      </c>
    </row>
    <row r="19741" spans="1:7" x14ac:dyDescent="0.3">
      <c r="A19741" s="13" t="s">
        <v>136</v>
      </c>
      <c r="B19741" s="14" t="s">
        <v>1</v>
      </c>
      <c r="C19741" s="14" t="s">
        <v>137</v>
      </c>
      <c r="D19741" s="14" t="s">
        <v>138</v>
      </c>
      <c r="E19741" s="15">
        <v>45407</v>
      </c>
      <c r="F19741" s="14" t="s">
        <v>61</v>
      </c>
      <c r="G19741" s="16">
        <v>0.43827569758566914</v>
      </c>
    </row>
    <row r="19742" spans="1:7" x14ac:dyDescent="0.3">
      <c r="A19742" s="13" t="s">
        <v>136</v>
      </c>
      <c r="B19742" s="14" t="s">
        <v>1</v>
      </c>
      <c r="C19742" s="14" t="s">
        <v>137</v>
      </c>
      <c r="D19742" s="14" t="s">
        <v>138</v>
      </c>
      <c r="E19742" s="15">
        <v>45408</v>
      </c>
      <c r="F19742" s="14" t="s">
        <v>61</v>
      </c>
      <c r="G19742" s="16">
        <v>0.46101833123656921</v>
      </c>
    </row>
    <row r="19743" spans="1:7" x14ac:dyDescent="0.3">
      <c r="A19743" s="13" t="s">
        <v>136</v>
      </c>
      <c r="B19743" s="14" t="s">
        <v>1</v>
      </c>
      <c r="C19743" s="14" t="s">
        <v>137</v>
      </c>
      <c r="D19743" s="14" t="s">
        <v>138</v>
      </c>
      <c r="E19743" s="15">
        <v>45409</v>
      </c>
      <c r="F19743" s="14" t="s">
        <v>61</v>
      </c>
      <c r="G19743" s="16">
        <v>0.46101833123656921</v>
      </c>
    </row>
    <row r="19744" spans="1:7" x14ac:dyDescent="0.3">
      <c r="A19744" s="13" t="s">
        <v>136</v>
      </c>
      <c r="B19744" s="14" t="s">
        <v>1</v>
      </c>
      <c r="C19744" s="14" t="s">
        <v>137</v>
      </c>
      <c r="D19744" s="14" t="s">
        <v>138</v>
      </c>
      <c r="E19744" s="15">
        <v>45410</v>
      </c>
      <c r="F19744" s="14" t="s">
        <v>61</v>
      </c>
      <c r="G19744" s="16">
        <v>0.46101833123656921</v>
      </c>
    </row>
    <row r="19745" spans="1:7" x14ac:dyDescent="0.3">
      <c r="A19745" s="13" t="s">
        <v>136</v>
      </c>
      <c r="B19745" s="14" t="s">
        <v>1</v>
      </c>
      <c r="C19745" s="14" t="s">
        <v>137</v>
      </c>
      <c r="D19745" s="14" t="s">
        <v>138</v>
      </c>
      <c r="E19745" s="15">
        <v>45411</v>
      </c>
      <c r="F19745" s="14" t="s">
        <v>61</v>
      </c>
      <c r="G19745" s="16">
        <v>0.48648947914880519</v>
      </c>
    </row>
    <row r="19746" spans="1:7" x14ac:dyDescent="0.3">
      <c r="A19746" s="13" t="s">
        <v>136</v>
      </c>
      <c r="B19746" s="14" t="s">
        <v>1</v>
      </c>
      <c r="C19746" s="14" t="s">
        <v>137</v>
      </c>
      <c r="D19746" s="14" t="s">
        <v>138</v>
      </c>
      <c r="E19746" s="15">
        <v>45412</v>
      </c>
      <c r="F19746" s="14" t="s">
        <v>61</v>
      </c>
      <c r="G19746" s="16">
        <v>0.54086627849625102</v>
      </c>
    </row>
    <row r="19747" spans="1:7" x14ac:dyDescent="0.3">
      <c r="A19747" s="13" t="s">
        <v>136</v>
      </c>
      <c r="B19747" s="14" t="s">
        <v>1</v>
      </c>
      <c r="C19747" s="14" t="s">
        <v>137</v>
      </c>
      <c r="D19747" s="14" t="s">
        <v>138</v>
      </c>
      <c r="E19747" s="15">
        <v>45413</v>
      </c>
      <c r="F19747" s="14" t="s">
        <v>61</v>
      </c>
      <c r="G19747" s="16">
        <v>0</v>
      </c>
    </row>
    <row r="19748" spans="1:7" x14ac:dyDescent="0.3">
      <c r="A19748" s="13" t="s">
        <v>136</v>
      </c>
      <c r="B19748" s="14" t="s">
        <v>1</v>
      </c>
      <c r="C19748" s="14" t="s">
        <v>137</v>
      </c>
      <c r="D19748" s="14" t="s">
        <v>138</v>
      </c>
      <c r="E19748" s="15">
        <v>45414</v>
      </c>
      <c r="F19748" s="14" t="s">
        <v>61</v>
      </c>
      <c r="G19748" s="16">
        <v>0</v>
      </c>
    </row>
    <row r="19749" spans="1:7" x14ac:dyDescent="0.3">
      <c r="A19749" s="13" t="s">
        <v>136</v>
      </c>
      <c r="B19749" s="14" t="s">
        <v>1</v>
      </c>
      <c r="C19749" s="14" t="s">
        <v>137</v>
      </c>
      <c r="D19749" s="14" t="s">
        <v>138</v>
      </c>
      <c r="E19749" s="15">
        <v>45415</v>
      </c>
      <c r="F19749" s="14" t="s">
        <v>61</v>
      </c>
      <c r="G19749" s="16">
        <v>0</v>
      </c>
    </row>
    <row r="19750" spans="1:7" x14ac:dyDescent="0.3">
      <c r="A19750" s="13" t="s">
        <v>136</v>
      </c>
      <c r="B19750" s="14" t="s">
        <v>1</v>
      </c>
      <c r="C19750" s="14" t="s">
        <v>137</v>
      </c>
      <c r="D19750" s="14" t="s">
        <v>138</v>
      </c>
      <c r="E19750" s="15">
        <v>45416</v>
      </c>
      <c r="F19750" s="14" t="s">
        <v>61</v>
      </c>
      <c r="G19750" s="16">
        <v>0</v>
      </c>
    </row>
    <row r="19751" spans="1:7" x14ac:dyDescent="0.3">
      <c r="A19751" s="13" t="s">
        <v>136</v>
      </c>
      <c r="B19751" s="14" t="s">
        <v>1</v>
      </c>
      <c r="C19751" s="14" t="s">
        <v>137</v>
      </c>
      <c r="D19751" s="14" t="s">
        <v>138</v>
      </c>
      <c r="E19751" s="15">
        <v>45417</v>
      </c>
      <c r="F19751" s="14" t="s">
        <v>61</v>
      </c>
      <c r="G19751" s="16">
        <v>0</v>
      </c>
    </row>
    <row r="19752" spans="1:7" x14ac:dyDescent="0.3">
      <c r="A19752" s="13" t="s">
        <v>136</v>
      </c>
      <c r="B19752" s="14" t="s">
        <v>1</v>
      </c>
      <c r="C19752" s="14" t="s">
        <v>137</v>
      </c>
      <c r="D19752" s="14" t="s">
        <v>138</v>
      </c>
      <c r="E19752" s="15">
        <v>45418</v>
      </c>
      <c r="F19752" s="14" t="s">
        <v>61</v>
      </c>
      <c r="G19752" s="16">
        <v>0</v>
      </c>
    </row>
    <row r="19753" spans="1:7" x14ac:dyDescent="0.3">
      <c r="A19753" s="13" t="s">
        <v>136</v>
      </c>
      <c r="B19753" s="14" t="s">
        <v>1</v>
      </c>
      <c r="C19753" s="14" t="s">
        <v>137</v>
      </c>
      <c r="D19753" s="14" t="s">
        <v>138</v>
      </c>
      <c r="E19753" s="15">
        <v>45419</v>
      </c>
      <c r="F19753" s="14" t="s">
        <v>61</v>
      </c>
      <c r="G19753" s="16">
        <v>0</v>
      </c>
    </row>
    <row r="19754" spans="1:7" x14ac:dyDescent="0.3">
      <c r="A19754" s="13" t="s">
        <v>136</v>
      </c>
      <c r="B19754" s="14" t="s">
        <v>1</v>
      </c>
      <c r="C19754" s="14" t="s">
        <v>137</v>
      </c>
      <c r="D19754" s="14" t="s">
        <v>138</v>
      </c>
      <c r="E19754" s="15">
        <v>45420</v>
      </c>
      <c r="F19754" s="14" t="s">
        <v>61</v>
      </c>
      <c r="G19754" s="16">
        <v>7.0308939049034069E-2</v>
      </c>
    </row>
    <row r="19755" spans="1:7" x14ac:dyDescent="0.3">
      <c r="A19755" s="13" t="s">
        <v>136</v>
      </c>
      <c r="B19755" s="14" t="s">
        <v>1</v>
      </c>
      <c r="C19755" s="14" t="s">
        <v>137</v>
      </c>
      <c r="D19755" s="14" t="s">
        <v>138</v>
      </c>
      <c r="E19755" s="15">
        <v>45421</v>
      </c>
      <c r="F19755" s="14" t="s">
        <v>61</v>
      </c>
      <c r="G19755" s="16">
        <v>8.8873834327738738E-2</v>
      </c>
    </row>
    <row r="19756" spans="1:7" x14ac:dyDescent="0.3">
      <c r="A19756" s="13" t="s">
        <v>136</v>
      </c>
      <c r="B19756" s="14" t="s">
        <v>1</v>
      </c>
      <c r="C19756" s="14" t="s">
        <v>137</v>
      </c>
      <c r="D19756" s="14" t="s">
        <v>138</v>
      </c>
      <c r="E19756" s="15">
        <v>45422</v>
      </c>
      <c r="F19756" s="14" t="s">
        <v>61</v>
      </c>
      <c r="G19756" s="16">
        <v>0.10723929143697687</v>
      </c>
    </row>
    <row r="19757" spans="1:7" x14ac:dyDescent="0.3">
      <c r="A19757" s="13" t="s">
        <v>136</v>
      </c>
      <c r="B19757" s="14" t="s">
        <v>1</v>
      </c>
      <c r="C19757" s="14" t="s">
        <v>137</v>
      </c>
      <c r="D19757" s="14" t="s">
        <v>138</v>
      </c>
      <c r="E19757" s="15">
        <v>45423</v>
      </c>
      <c r="F19757" s="14" t="s">
        <v>61</v>
      </c>
      <c r="G19757" s="16">
        <v>0.10723929143697687</v>
      </c>
    </row>
    <row r="19758" spans="1:7" x14ac:dyDescent="0.3">
      <c r="A19758" s="13" t="s">
        <v>136</v>
      </c>
      <c r="B19758" s="14" t="s">
        <v>1</v>
      </c>
      <c r="C19758" s="14" t="s">
        <v>137</v>
      </c>
      <c r="D19758" s="14" t="s">
        <v>138</v>
      </c>
      <c r="E19758" s="15">
        <v>45424</v>
      </c>
      <c r="F19758" s="14" t="s">
        <v>61</v>
      </c>
      <c r="G19758" s="16">
        <v>0.10723929143697687</v>
      </c>
    </row>
    <row r="19759" spans="1:7" x14ac:dyDescent="0.3">
      <c r="A19759" s="13" t="s">
        <v>136</v>
      </c>
      <c r="B19759" s="14" t="s">
        <v>1</v>
      </c>
      <c r="C19759" s="14" t="s">
        <v>137</v>
      </c>
      <c r="D19759" s="14" t="s">
        <v>138</v>
      </c>
      <c r="E19759" s="15">
        <v>45425</v>
      </c>
      <c r="F19759" s="14" t="s">
        <v>61</v>
      </c>
      <c r="G19759" s="16">
        <v>0.13059920880549367</v>
      </c>
    </row>
    <row r="19760" spans="1:7" x14ac:dyDescent="0.3">
      <c r="A19760" s="13" t="s">
        <v>136</v>
      </c>
      <c r="B19760" s="14" t="s">
        <v>1</v>
      </c>
      <c r="C19760" s="14" t="s">
        <v>137</v>
      </c>
      <c r="D19760" s="14" t="s">
        <v>138</v>
      </c>
      <c r="E19760" s="15">
        <v>45426</v>
      </c>
      <c r="F19760" s="14" t="s">
        <v>61</v>
      </c>
      <c r="G19760" s="16">
        <v>0.18665729737616127</v>
      </c>
    </row>
    <row r="19761" spans="1:7" x14ac:dyDescent="0.3">
      <c r="A19761" s="13" t="s">
        <v>136</v>
      </c>
      <c r="B19761" s="14" t="s">
        <v>1</v>
      </c>
      <c r="C19761" s="14" t="s">
        <v>137</v>
      </c>
      <c r="D19761" s="14" t="s">
        <v>138</v>
      </c>
      <c r="E19761" s="15">
        <v>45427</v>
      </c>
      <c r="F19761" s="14" t="s">
        <v>61</v>
      </c>
      <c r="G19761" s="16">
        <v>0.20370352449459653</v>
      </c>
    </row>
    <row r="19762" spans="1:7" x14ac:dyDescent="0.3">
      <c r="A19762" s="13" t="s">
        <v>136</v>
      </c>
      <c r="B19762" s="14" t="s">
        <v>1</v>
      </c>
      <c r="C19762" s="14" t="s">
        <v>137</v>
      </c>
      <c r="D19762" s="14" t="s">
        <v>138</v>
      </c>
      <c r="E19762" s="15">
        <v>45428</v>
      </c>
      <c r="F19762" s="14" t="s">
        <v>61</v>
      </c>
      <c r="G19762" s="16">
        <v>0.22227266913445198</v>
      </c>
    </row>
    <row r="19763" spans="1:7" x14ac:dyDescent="0.3">
      <c r="A19763" s="13" t="s">
        <v>136</v>
      </c>
      <c r="B19763" s="14" t="s">
        <v>1</v>
      </c>
      <c r="C19763" s="14" t="s">
        <v>137</v>
      </c>
      <c r="D19763" s="14" t="s">
        <v>138</v>
      </c>
      <c r="E19763" s="15">
        <v>45429</v>
      </c>
      <c r="F19763" s="14" t="s">
        <v>61</v>
      </c>
      <c r="G19763" s="16">
        <v>0.23920069306230093</v>
      </c>
    </row>
    <row r="19764" spans="1:7" x14ac:dyDescent="0.3">
      <c r="A19764" s="13" t="s">
        <v>136</v>
      </c>
      <c r="B19764" s="14" t="s">
        <v>1</v>
      </c>
      <c r="C19764" s="14" t="s">
        <v>137</v>
      </c>
      <c r="D19764" s="14" t="s">
        <v>138</v>
      </c>
      <c r="E19764" s="15">
        <v>45430</v>
      </c>
      <c r="F19764" s="14" t="s">
        <v>61</v>
      </c>
      <c r="G19764" s="16">
        <v>0.23920069306230093</v>
      </c>
    </row>
    <row r="19765" spans="1:7" x14ac:dyDescent="0.3">
      <c r="A19765" s="13" t="s">
        <v>136</v>
      </c>
      <c r="B19765" s="14" t="s">
        <v>1</v>
      </c>
      <c r="C19765" s="14" t="s">
        <v>137</v>
      </c>
      <c r="D19765" s="14" t="s">
        <v>138</v>
      </c>
      <c r="E19765" s="15">
        <v>45431</v>
      </c>
      <c r="F19765" s="14" t="s">
        <v>61</v>
      </c>
      <c r="G19765" s="16">
        <v>0.23920069306230093</v>
      </c>
    </row>
    <row r="19766" spans="1:7" x14ac:dyDescent="0.3">
      <c r="A19766" s="13" t="s">
        <v>136</v>
      </c>
      <c r="B19766" s="14" t="s">
        <v>1</v>
      </c>
      <c r="C19766" s="14" t="s">
        <v>137</v>
      </c>
      <c r="D19766" s="14" t="s">
        <v>138</v>
      </c>
      <c r="E19766" s="15">
        <v>45432</v>
      </c>
      <c r="F19766" s="14" t="s">
        <v>61</v>
      </c>
      <c r="G19766" s="16">
        <v>0.25778495572944488</v>
      </c>
    </row>
    <row r="19767" spans="1:7" x14ac:dyDescent="0.3">
      <c r="A19767" s="13" t="s">
        <v>136</v>
      </c>
      <c r="B19767" s="14" t="s">
        <v>1</v>
      </c>
      <c r="C19767" s="14" t="s">
        <v>137</v>
      </c>
      <c r="D19767" s="14" t="s">
        <v>138</v>
      </c>
      <c r="E19767" s="15">
        <v>45433</v>
      </c>
      <c r="F19767" s="14" t="s">
        <v>61</v>
      </c>
      <c r="G19767" s="16">
        <v>0.3125977796486249</v>
      </c>
    </row>
    <row r="19768" spans="1:7" x14ac:dyDescent="0.3">
      <c r="A19768" s="13" t="s">
        <v>136</v>
      </c>
      <c r="B19768" s="14" t="s">
        <v>1</v>
      </c>
      <c r="C19768" s="14" t="s">
        <v>137</v>
      </c>
      <c r="D19768" s="14" t="s">
        <v>138</v>
      </c>
      <c r="E19768" s="15">
        <v>45434</v>
      </c>
      <c r="F19768" s="14" t="s">
        <v>61</v>
      </c>
      <c r="G19768" s="16">
        <v>0.33173978934725973</v>
      </c>
    </row>
    <row r="19769" spans="1:7" x14ac:dyDescent="0.3">
      <c r="A19769" s="13" t="s">
        <v>136</v>
      </c>
      <c r="B19769" s="14" t="s">
        <v>1</v>
      </c>
      <c r="C19769" s="14" t="s">
        <v>137</v>
      </c>
      <c r="D19769" s="14" t="s">
        <v>138</v>
      </c>
      <c r="E19769" s="15">
        <v>45435</v>
      </c>
      <c r="F19769" s="14" t="s">
        <v>61</v>
      </c>
      <c r="G19769" s="16">
        <v>0.3528098219375112</v>
      </c>
    </row>
    <row r="19770" spans="1:7" x14ac:dyDescent="0.3">
      <c r="A19770" s="13" t="s">
        <v>136</v>
      </c>
      <c r="B19770" s="14" t="s">
        <v>1</v>
      </c>
      <c r="C19770" s="14" t="s">
        <v>137</v>
      </c>
      <c r="D19770" s="14" t="s">
        <v>138</v>
      </c>
      <c r="E19770" s="15">
        <v>45436</v>
      </c>
      <c r="F19770" s="14" t="s">
        <v>61</v>
      </c>
      <c r="G19770" s="16">
        <v>0.37134071445861705</v>
      </c>
    </row>
    <row r="19771" spans="1:7" x14ac:dyDescent="0.3">
      <c r="A19771" s="13" t="s">
        <v>136</v>
      </c>
      <c r="B19771" s="14" t="s">
        <v>1</v>
      </c>
      <c r="C19771" s="14" t="s">
        <v>137</v>
      </c>
      <c r="D19771" s="14" t="s">
        <v>138</v>
      </c>
      <c r="E19771" s="15">
        <v>45437</v>
      </c>
      <c r="F19771" s="14" t="s">
        <v>61</v>
      </c>
      <c r="G19771" s="16">
        <v>0.37134071445861705</v>
      </c>
    </row>
    <row r="19772" spans="1:7" x14ac:dyDescent="0.3">
      <c r="A19772" s="13" t="s">
        <v>136</v>
      </c>
      <c r="B19772" s="14" t="s">
        <v>1</v>
      </c>
      <c r="C19772" s="14" t="s">
        <v>137</v>
      </c>
      <c r="D19772" s="14" t="s">
        <v>138</v>
      </c>
      <c r="E19772" s="15">
        <v>45438</v>
      </c>
      <c r="F19772" s="14" t="s">
        <v>61</v>
      </c>
      <c r="G19772" s="16">
        <v>0.37134071445861705</v>
      </c>
    </row>
    <row r="19773" spans="1:7" x14ac:dyDescent="0.3">
      <c r="A19773" s="13" t="s">
        <v>136</v>
      </c>
      <c r="B19773" s="14" t="s">
        <v>1</v>
      </c>
      <c r="C19773" s="14" t="s">
        <v>137</v>
      </c>
      <c r="D19773" s="14" t="s">
        <v>138</v>
      </c>
      <c r="E19773" s="15">
        <v>45439</v>
      </c>
      <c r="F19773" s="14" t="s">
        <v>61</v>
      </c>
      <c r="G19773" s="16">
        <v>0.39147801487834338</v>
      </c>
    </row>
    <row r="19774" spans="1:7" x14ac:dyDescent="0.3">
      <c r="A19774" s="13" t="s">
        <v>136</v>
      </c>
      <c r="B19774" s="14" t="s">
        <v>1</v>
      </c>
      <c r="C19774" s="14" t="s">
        <v>137</v>
      </c>
      <c r="D19774" s="14" t="s">
        <v>138</v>
      </c>
      <c r="E19774" s="15">
        <v>45440</v>
      </c>
      <c r="F19774" s="14" t="s">
        <v>61</v>
      </c>
      <c r="G19774" s="16">
        <v>0.44780148308480938</v>
      </c>
    </row>
    <row r="19775" spans="1:7" x14ac:dyDescent="0.3">
      <c r="A19775" s="13" t="s">
        <v>136</v>
      </c>
      <c r="B19775" s="14" t="s">
        <v>1</v>
      </c>
      <c r="C19775" s="14" t="s">
        <v>137</v>
      </c>
      <c r="D19775" s="14" t="s">
        <v>138</v>
      </c>
      <c r="E19775" s="15">
        <v>45441</v>
      </c>
      <c r="F19775" s="14" t="s">
        <v>61</v>
      </c>
      <c r="G19775" s="16">
        <v>0.46891486591478493</v>
      </c>
    </row>
    <row r="19776" spans="1:7" x14ac:dyDescent="0.3">
      <c r="A19776" s="13" t="s">
        <v>136</v>
      </c>
      <c r="B19776" s="14" t="s">
        <v>1</v>
      </c>
      <c r="C19776" s="14" t="s">
        <v>137</v>
      </c>
      <c r="D19776" s="14" t="s">
        <v>138</v>
      </c>
      <c r="E19776" s="15">
        <v>45442</v>
      </c>
      <c r="F19776" s="14" t="s">
        <v>61</v>
      </c>
      <c r="G19776" s="16">
        <v>0.48675582819280272</v>
      </c>
    </row>
    <row r="19777" spans="1:7" x14ac:dyDescent="0.3">
      <c r="A19777" s="13" t="s">
        <v>136</v>
      </c>
      <c r="B19777" s="14" t="s">
        <v>1</v>
      </c>
      <c r="C19777" s="14" t="s">
        <v>137</v>
      </c>
      <c r="D19777" s="14" t="s">
        <v>138</v>
      </c>
      <c r="E19777" s="15">
        <v>45443</v>
      </c>
      <c r="F19777" s="14" t="s">
        <v>61</v>
      </c>
      <c r="G19777" s="16">
        <v>0.50507352432365749</v>
      </c>
    </row>
    <row r="19778" spans="1:7" x14ac:dyDescent="0.3">
      <c r="A19778" s="13" t="s">
        <v>136</v>
      </c>
      <c r="B19778" s="14" t="s">
        <v>1</v>
      </c>
      <c r="C19778" s="14" t="s">
        <v>137</v>
      </c>
      <c r="D19778" s="14" t="s">
        <v>138</v>
      </c>
      <c r="E19778" s="15">
        <v>45444</v>
      </c>
      <c r="F19778" s="14" t="s">
        <v>61</v>
      </c>
      <c r="G19778" s="16">
        <v>0.50507352432365749</v>
      </c>
    </row>
    <row r="19779" spans="1:7" x14ac:dyDescent="0.3">
      <c r="A19779" s="13" t="s">
        <v>136</v>
      </c>
      <c r="B19779" s="14" t="s">
        <v>1</v>
      </c>
      <c r="C19779" s="14" t="s">
        <v>137</v>
      </c>
      <c r="D19779" s="14" t="s">
        <v>138</v>
      </c>
      <c r="E19779" s="15">
        <v>45445</v>
      </c>
      <c r="F19779" s="14" t="s">
        <v>61</v>
      </c>
      <c r="G19779" s="16">
        <v>0.50507352432365749</v>
      </c>
    </row>
    <row r="19780" spans="1:7" x14ac:dyDescent="0.3">
      <c r="A19780" s="13" t="s">
        <v>136</v>
      </c>
      <c r="B19780" s="14" t="s">
        <v>1</v>
      </c>
      <c r="C19780" s="14" t="s">
        <v>137</v>
      </c>
      <c r="D19780" s="14" t="s">
        <v>138</v>
      </c>
      <c r="E19780" s="15">
        <v>45446</v>
      </c>
      <c r="F19780" s="14" t="s">
        <v>61</v>
      </c>
      <c r="G19780" s="16">
        <v>0.50507352432365749</v>
      </c>
    </row>
    <row r="19781" spans="1:7" x14ac:dyDescent="0.3">
      <c r="A19781" s="13" t="s">
        <v>136</v>
      </c>
      <c r="B19781" s="14" t="s">
        <v>1</v>
      </c>
      <c r="C19781" s="14" t="s">
        <v>137</v>
      </c>
      <c r="D19781" s="14" t="s">
        <v>138</v>
      </c>
      <c r="E19781" s="15">
        <v>45447</v>
      </c>
      <c r="F19781" s="14" t="s">
        <v>61</v>
      </c>
      <c r="G19781" s="16">
        <v>0</v>
      </c>
    </row>
    <row r="19782" spans="1:7" x14ac:dyDescent="0.3">
      <c r="A19782" s="13" t="s">
        <v>136</v>
      </c>
      <c r="B19782" s="14" t="s">
        <v>1</v>
      </c>
      <c r="C19782" s="14" t="s">
        <v>137</v>
      </c>
      <c r="D19782" s="14" t="s">
        <v>138</v>
      </c>
      <c r="E19782" s="15">
        <v>45448</v>
      </c>
      <c r="F19782" s="14" t="s">
        <v>61</v>
      </c>
      <c r="G19782" s="16">
        <v>0</v>
      </c>
    </row>
    <row r="19783" spans="1:7" x14ac:dyDescent="0.3">
      <c r="A19783" s="13" t="s">
        <v>136</v>
      </c>
      <c r="B19783" s="14" t="s">
        <v>1</v>
      </c>
      <c r="C19783" s="14" t="s">
        <v>137</v>
      </c>
      <c r="D19783" s="14" t="s">
        <v>138</v>
      </c>
      <c r="E19783" s="15">
        <v>45449</v>
      </c>
      <c r="F19783" s="14" t="s">
        <v>61</v>
      </c>
      <c r="G19783" s="16">
        <v>0</v>
      </c>
    </row>
    <row r="19784" spans="1:7" x14ac:dyDescent="0.3">
      <c r="A19784" s="13" t="s">
        <v>136</v>
      </c>
      <c r="B19784" s="14" t="s">
        <v>1</v>
      </c>
      <c r="C19784" s="14" t="s">
        <v>137</v>
      </c>
      <c r="D19784" s="14" t="s">
        <v>138</v>
      </c>
      <c r="E19784" s="15">
        <v>45450</v>
      </c>
      <c r="F19784" s="14" t="s">
        <v>61</v>
      </c>
      <c r="G19784" s="16">
        <v>0</v>
      </c>
    </row>
    <row r="19785" spans="1:7" x14ac:dyDescent="0.3">
      <c r="A19785" s="13" t="s">
        <v>136</v>
      </c>
      <c r="B19785" s="14" t="s">
        <v>1</v>
      </c>
      <c r="C19785" s="14" t="s">
        <v>137</v>
      </c>
      <c r="D19785" s="14" t="s">
        <v>138</v>
      </c>
      <c r="E19785" s="15">
        <v>45451</v>
      </c>
      <c r="F19785" s="14" t="s">
        <v>61</v>
      </c>
      <c r="G19785" s="16">
        <v>0</v>
      </c>
    </row>
    <row r="19786" spans="1:7" x14ac:dyDescent="0.3">
      <c r="A19786" s="13" t="s">
        <v>136</v>
      </c>
      <c r="B19786" s="14" t="s">
        <v>1</v>
      </c>
      <c r="C19786" s="14" t="s">
        <v>137</v>
      </c>
      <c r="D19786" s="14" t="s">
        <v>138</v>
      </c>
      <c r="E19786" s="15">
        <v>45452</v>
      </c>
      <c r="F19786" s="14" t="s">
        <v>61</v>
      </c>
      <c r="G19786" s="16">
        <v>0</v>
      </c>
    </row>
    <row r="19787" spans="1:7" x14ac:dyDescent="0.3">
      <c r="A19787" s="13" t="s">
        <v>136</v>
      </c>
      <c r="B19787" s="14" t="s">
        <v>1</v>
      </c>
      <c r="C19787" s="14" t="s">
        <v>137</v>
      </c>
      <c r="D19787" s="14" t="s">
        <v>138</v>
      </c>
      <c r="E19787" s="15">
        <v>45453</v>
      </c>
      <c r="F19787" s="14" t="s">
        <v>61</v>
      </c>
      <c r="G19787" s="16">
        <v>1.3785827616197382E-2</v>
      </c>
    </row>
    <row r="19788" spans="1:7" x14ac:dyDescent="0.3">
      <c r="A19788" s="13" t="s">
        <v>136</v>
      </c>
      <c r="B19788" s="14" t="s">
        <v>1</v>
      </c>
      <c r="C19788" s="14" t="s">
        <v>137</v>
      </c>
      <c r="D19788" s="14" t="s">
        <v>138</v>
      </c>
      <c r="E19788" s="15">
        <v>45454</v>
      </c>
      <c r="F19788" s="14" t="s">
        <v>61</v>
      </c>
      <c r="G19788" s="16">
        <v>7.2152404334678205E-2</v>
      </c>
    </row>
    <row r="19789" spans="1:7" x14ac:dyDescent="0.3">
      <c r="A19789" s="13" t="s">
        <v>136</v>
      </c>
      <c r="B19789" s="14" t="s">
        <v>1</v>
      </c>
      <c r="C19789" s="14" t="s">
        <v>137</v>
      </c>
      <c r="D19789" s="14" t="s">
        <v>138</v>
      </c>
      <c r="E19789" s="15">
        <v>45455</v>
      </c>
      <c r="F19789" s="14" t="s">
        <v>61</v>
      </c>
      <c r="G19789" s="16">
        <v>9.0848163890333983E-2</v>
      </c>
    </row>
    <row r="19790" spans="1:7" x14ac:dyDescent="0.3">
      <c r="A19790" s="13" t="s">
        <v>136</v>
      </c>
      <c r="B19790" s="14" t="s">
        <v>1</v>
      </c>
      <c r="C19790" s="14" t="s">
        <v>137</v>
      </c>
      <c r="D19790" s="14" t="s">
        <v>138</v>
      </c>
      <c r="E19790" s="15">
        <v>45456</v>
      </c>
      <c r="F19790" s="14" t="s">
        <v>61</v>
      </c>
      <c r="G19790" s="16">
        <v>0.11073398596678427</v>
      </c>
    </row>
    <row r="19791" spans="1:7" x14ac:dyDescent="0.3">
      <c r="A19791" s="13" t="s">
        <v>136</v>
      </c>
      <c r="B19791" s="14" t="s">
        <v>1</v>
      </c>
      <c r="C19791" s="14" t="s">
        <v>137</v>
      </c>
      <c r="D19791" s="14" t="s">
        <v>138</v>
      </c>
      <c r="E19791" s="15">
        <v>45457</v>
      </c>
      <c r="F19791" s="14" t="s">
        <v>61</v>
      </c>
      <c r="G19791" s="16">
        <v>0.13046019887711732</v>
      </c>
    </row>
    <row r="19792" spans="1:7" x14ac:dyDescent="0.3">
      <c r="A19792" s="13" t="s">
        <v>136</v>
      </c>
      <c r="B19792" s="14" t="s">
        <v>1</v>
      </c>
      <c r="C19792" s="14" t="s">
        <v>137</v>
      </c>
      <c r="D19792" s="14" t="s">
        <v>138</v>
      </c>
      <c r="E19792" s="15">
        <v>45458</v>
      </c>
      <c r="F19792" s="14" t="s">
        <v>61</v>
      </c>
      <c r="G19792" s="16">
        <v>0.13046019887711732</v>
      </c>
    </row>
    <row r="19793" spans="1:7" x14ac:dyDescent="0.3">
      <c r="A19793" s="13" t="s">
        <v>136</v>
      </c>
      <c r="B19793" s="14" t="s">
        <v>1</v>
      </c>
      <c r="C19793" s="14" t="s">
        <v>137</v>
      </c>
      <c r="D19793" s="14" t="s">
        <v>138</v>
      </c>
      <c r="E19793" s="15">
        <v>45459</v>
      </c>
      <c r="F19793" s="14" t="s">
        <v>61</v>
      </c>
      <c r="G19793" s="16">
        <v>0.13046019887711732</v>
      </c>
    </row>
    <row r="19794" spans="1:7" x14ac:dyDescent="0.3">
      <c r="A19794" s="13" t="s">
        <v>136</v>
      </c>
      <c r="B19794" s="14" t="s">
        <v>1</v>
      </c>
      <c r="C19794" s="14" t="s">
        <v>137</v>
      </c>
      <c r="D19794" s="14" t="s">
        <v>138</v>
      </c>
      <c r="E19794" s="15">
        <v>45460</v>
      </c>
      <c r="F19794" s="14" t="s">
        <v>61</v>
      </c>
      <c r="G19794" s="16">
        <v>0.14935838218247677</v>
      </c>
    </row>
    <row r="19795" spans="1:7" x14ac:dyDescent="0.3">
      <c r="A19795" s="13" t="s">
        <v>136</v>
      </c>
      <c r="B19795" s="14" t="s">
        <v>1</v>
      </c>
      <c r="C19795" s="14" t="s">
        <v>137</v>
      </c>
      <c r="D19795" s="14" t="s">
        <v>138</v>
      </c>
      <c r="E19795" s="15">
        <v>45461</v>
      </c>
      <c r="F19795" s="14" t="s">
        <v>61</v>
      </c>
      <c r="G19795" s="16">
        <v>0.20696811717195429</v>
      </c>
    </row>
    <row r="19796" spans="1:7" x14ac:dyDescent="0.3">
      <c r="A19796" s="13" t="s">
        <v>136</v>
      </c>
      <c r="B19796" s="14" t="s">
        <v>1</v>
      </c>
      <c r="C19796" s="14" t="s">
        <v>137</v>
      </c>
      <c r="D19796" s="14" t="s">
        <v>138</v>
      </c>
      <c r="E19796" s="15">
        <v>45462</v>
      </c>
      <c r="F19796" s="14" t="s">
        <v>61</v>
      </c>
      <c r="G19796" s="16">
        <v>0.22612423283198727</v>
      </c>
    </row>
    <row r="19797" spans="1:7" x14ac:dyDescent="0.3">
      <c r="A19797" s="13" t="s">
        <v>136</v>
      </c>
      <c r="B19797" s="14" t="s">
        <v>1</v>
      </c>
      <c r="C19797" s="14" t="s">
        <v>137</v>
      </c>
      <c r="D19797" s="14" t="s">
        <v>138</v>
      </c>
      <c r="E19797" s="15">
        <v>45463</v>
      </c>
      <c r="F19797" s="14" t="s">
        <v>61</v>
      </c>
      <c r="G19797" s="16">
        <v>0.24636477069361659</v>
      </c>
    </row>
    <row r="19798" spans="1:7" x14ac:dyDescent="0.3">
      <c r="A19798" s="13" t="s">
        <v>136</v>
      </c>
      <c r="B19798" s="14" t="s">
        <v>1</v>
      </c>
      <c r="C19798" s="14" t="s">
        <v>137</v>
      </c>
      <c r="D19798" s="14" t="s">
        <v>138</v>
      </c>
      <c r="E19798" s="15">
        <v>45464</v>
      </c>
      <c r="F19798" s="14" t="s">
        <v>61</v>
      </c>
      <c r="G19798" s="16">
        <v>0.26645607260506465</v>
      </c>
    </row>
    <row r="19799" spans="1:7" x14ac:dyDescent="0.3">
      <c r="A19799" s="13" t="s">
        <v>136</v>
      </c>
      <c r="B19799" s="14" t="s">
        <v>1</v>
      </c>
      <c r="C19799" s="14" t="s">
        <v>137</v>
      </c>
      <c r="D19799" s="14" t="s">
        <v>138</v>
      </c>
      <c r="E19799" s="15">
        <v>45465</v>
      </c>
      <c r="F19799" s="14" t="s">
        <v>61</v>
      </c>
      <c r="G19799" s="16">
        <v>0.26645607260506465</v>
      </c>
    </row>
    <row r="19800" spans="1:7" x14ac:dyDescent="0.3">
      <c r="A19800" s="13" t="s">
        <v>136</v>
      </c>
      <c r="B19800" s="14" t="s">
        <v>1</v>
      </c>
      <c r="C19800" s="14" t="s">
        <v>137</v>
      </c>
      <c r="D19800" s="14" t="s">
        <v>138</v>
      </c>
      <c r="E19800" s="15">
        <v>45466</v>
      </c>
      <c r="F19800" s="14" t="s">
        <v>61</v>
      </c>
      <c r="G19800" s="16">
        <v>0.26645607260506465</v>
      </c>
    </row>
    <row r="19801" spans="1:7" x14ac:dyDescent="0.3">
      <c r="A19801" s="13" t="s">
        <v>136</v>
      </c>
      <c r="B19801" s="14" t="s">
        <v>1</v>
      </c>
      <c r="C19801" s="14" t="s">
        <v>137</v>
      </c>
      <c r="D19801" s="14" t="s">
        <v>138</v>
      </c>
      <c r="E19801" s="15">
        <v>45467</v>
      </c>
      <c r="F19801" s="14" t="s">
        <v>61</v>
      </c>
      <c r="G19801" s="16">
        <v>0.2856609816565191</v>
      </c>
    </row>
    <row r="19802" spans="1:7" x14ac:dyDescent="0.3">
      <c r="A19802" s="13" t="s">
        <v>136</v>
      </c>
      <c r="B19802" s="14" t="s">
        <v>1</v>
      </c>
      <c r="C19802" s="14" t="s">
        <v>137</v>
      </c>
      <c r="D19802" s="14" t="s">
        <v>138</v>
      </c>
      <c r="E19802" s="15">
        <v>45468</v>
      </c>
      <c r="F19802" s="14" t="s">
        <v>61</v>
      </c>
      <c r="G19802" s="16">
        <v>0.34535066872535242</v>
      </c>
    </row>
    <row r="19803" spans="1:7" x14ac:dyDescent="0.3">
      <c r="A19803" s="13" t="s">
        <v>136</v>
      </c>
      <c r="B19803" s="14" t="s">
        <v>1</v>
      </c>
      <c r="C19803" s="14" t="s">
        <v>137</v>
      </c>
      <c r="D19803" s="14" t="s">
        <v>138</v>
      </c>
      <c r="E19803" s="15">
        <v>45469</v>
      </c>
      <c r="F19803" s="14" t="s">
        <v>61</v>
      </c>
      <c r="G19803" s="16">
        <v>0.36592071182086272</v>
      </c>
    </row>
    <row r="19804" spans="1:7" x14ac:dyDescent="0.3">
      <c r="A19804" s="13" t="s">
        <v>136</v>
      </c>
      <c r="B19804" s="14" t="s">
        <v>1</v>
      </c>
      <c r="C19804" s="14" t="s">
        <v>137</v>
      </c>
      <c r="D19804" s="14" t="s">
        <v>138</v>
      </c>
      <c r="E19804" s="15">
        <v>45470</v>
      </c>
      <c r="F19804" s="14" t="s">
        <v>61</v>
      </c>
      <c r="G19804" s="16">
        <v>0.38447759331012088</v>
      </c>
    </row>
    <row r="19805" spans="1:7" x14ac:dyDescent="0.3">
      <c r="A19805" s="13" t="s">
        <v>136</v>
      </c>
      <c r="B19805" s="14" t="s">
        <v>1</v>
      </c>
      <c r="C19805" s="14" t="s">
        <v>137</v>
      </c>
      <c r="D19805" s="14" t="s">
        <v>138</v>
      </c>
      <c r="E19805" s="15">
        <v>45471</v>
      </c>
      <c r="F19805" s="14" t="s">
        <v>61</v>
      </c>
      <c r="G19805" s="16">
        <v>0.40345513597303739</v>
      </c>
    </row>
    <row r="19806" spans="1:7" x14ac:dyDescent="0.3">
      <c r="A19806" s="13" t="s">
        <v>136</v>
      </c>
      <c r="B19806" s="14" t="s">
        <v>1</v>
      </c>
      <c r="C19806" s="14" t="s">
        <v>137</v>
      </c>
      <c r="D19806" s="14" t="s">
        <v>138</v>
      </c>
      <c r="E19806" s="15">
        <v>45472</v>
      </c>
      <c r="F19806" s="14" t="s">
        <v>61</v>
      </c>
      <c r="G19806" s="16">
        <v>0.40345513597303739</v>
      </c>
    </row>
    <row r="19807" spans="1:7" x14ac:dyDescent="0.3">
      <c r="A19807" s="13" t="s">
        <v>136</v>
      </c>
      <c r="B19807" s="14" t="s">
        <v>1</v>
      </c>
      <c r="C19807" s="14" t="s">
        <v>137</v>
      </c>
      <c r="D19807" s="14" t="s">
        <v>138</v>
      </c>
      <c r="E19807" s="15">
        <v>45473</v>
      </c>
      <c r="F19807" s="14" t="s">
        <v>61</v>
      </c>
      <c r="G19807" s="16">
        <v>0.40345513597303739</v>
      </c>
    </row>
    <row r="19808" spans="1:7" x14ac:dyDescent="0.3">
      <c r="A19808" s="13" t="s">
        <v>136</v>
      </c>
      <c r="B19808" s="14" t="s">
        <v>1</v>
      </c>
      <c r="C19808" s="14" t="s">
        <v>137</v>
      </c>
      <c r="D19808" s="14" t="s">
        <v>138</v>
      </c>
      <c r="E19808" s="15">
        <v>45474</v>
      </c>
      <c r="F19808" s="14" t="s">
        <v>61</v>
      </c>
      <c r="G19808" s="16">
        <v>0</v>
      </c>
    </row>
    <row r="19809" spans="1:7" x14ac:dyDescent="0.3">
      <c r="A19809" s="13" t="s">
        <v>136</v>
      </c>
      <c r="B19809" s="14" t="s">
        <v>1</v>
      </c>
      <c r="C19809" s="14" t="s">
        <v>137</v>
      </c>
      <c r="D19809" s="14" t="s">
        <v>138</v>
      </c>
      <c r="E19809" s="15">
        <v>45475</v>
      </c>
      <c r="F19809" s="14" t="s">
        <v>61</v>
      </c>
      <c r="G19809" s="16">
        <v>0</v>
      </c>
    </row>
    <row r="19810" spans="1:7" x14ac:dyDescent="0.3">
      <c r="A19810" s="13" t="s">
        <v>136</v>
      </c>
      <c r="B19810" s="14" t="s">
        <v>1</v>
      </c>
      <c r="C19810" s="14" t="s">
        <v>137</v>
      </c>
      <c r="D19810" s="14" t="s">
        <v>138</v>
      </c>
      <c r="E19810" s="15">
        <v>45476</v>
      </c>
      <c r="F19810" s="14" t="s">
        <v>61</v>
      </c>
      <c r="G19810" s="16">
        <v>0</v>
      </c>
    </row>
    <row r="19811" spans="1:7" x14ac:dyDescent="0.3">
      <c r="A19811" s="13" t="s">
        <v>136</v>
      </c>
      <c r="B19811" s="14" t="s">
        <v>1</v>
      </c>
      <c r="C19811" s="14" t="s">
        <v>137</v>
      </c>
      <c r="D19811" s="14" t="s">
        <v>138</v>
      </c>
      <c r="E19811" s="15">
        <v>45477</v>
      </c>
      <c r="F19811" s="14" t="s">
        <v>61</v>
      </c>
      <c r="G19811" s="16">
        <v>0</v>
      </c>
    </row>
    <row r="19812" spans="1:7" x14ac:dyDescent="0.3">
      <c r="A19812" s="13" t="s">
        <v>136</v>
      </c>
      <c r="B19812" s="14" t="s">
        <v>1</v>
      </c>
      <c r="C19812" s="14" t="s">
        <v>137</v>
      </c>
      <c r="D19812" s="14" t="s">
        <v>138</v>
      </c>
      <c r="E19812" s="15">
        <v>45478</v>
      </c>
      <c r="F19812" s="14" t="s">
        <v>61</v>
      </c>
      <c r="G19812" s="16">
        <v>0</v>
      </c>
    </row>
    <row r="19813" spans="1:7" x14ac:dyDescent="0.3">
      <c r="A19813" s="13" t="s">
        <v>136</v>
      </c>
      <c r="B19813" s="14" t="s">
        <v>1</v>
      </c>
      <c r="C19813" s="14" t="s">
        <v>137</v>
      </c>
      <c r="D19813" s="14" t="s">
        <v>138</v>
      </c>
      <c r="E19813" s="15">
        <v>45479</v>
      </c>
      <c r="F19813" s="14" t="s">
        <v>61</v>
      </c>
      <c r="G19813" s="16">
        <v>0</v>
      </c>
    </row>
    <row r="19814" spans="1:7" x14ac:dyDescent="0.3">
      <c r="A19814" s="13" t="s">
        <v>136</v>
      </c>
      <c r="B19814" s="14" t="s">
        <v>1</v>
      </c>
      <c r="C19814" s="14" t="s">
        <v>137</v>
      </c>
      <c r="D19814" s="14" t="s">
        <v>138</v>
      </c>
      <c r="E19814" s="15">
        <v>45480</v>
      </c>
      <c r="F19814" s="14" t="s">
        <v>61</v>
      </c>
      <c r="G19814" s="16">
        <v>0</v>
      </c>
    </row>
    <row r="19815" spans="1:7" x14ac:dyDescent="0.3">
      <c r="A19815" s="13" t="s">
        <v>136</v>
      </c>
      <c r="B19815" s="14" t="s">
        <v>1</v>
      </c>
      <c r="C19815" s="14" t="s">
        <v>137</v>
      </c>
      <c r="D19815" s="14" t="s">
        <v>138</v>
      </c>
      <c r="E19815" s="15">
        <v>45481</v>
      </c>
      <c r="F19815" s="14" t="s">
        <v>61</v>
      </c>
      <c r="G19815" s="16">
        <v>0</v>
      </c>
    </row>
    <row r="19816" spans="1:7" x14ac:dyDescent="0.3">
      <c r="A19816" s="13" t="s">
        <v>136</v>
      </c>
      <c r="B19816" s="14" t="s">
        <v>1</v>
      </c>
      <c r="C19816" s="14" t="s">
        <v>137</v>
      </c>
      <c r="D19816" s="14" t="s">
        <v>138</v>
      </c>
      <c r="E19816" s="15">
        <v>45482</v>
      </c>
      <c r="F19816" s="14" t="s">
        <v>61</v>
      </c>
      <c r="G19816" s="16">
        <v>2.8700199570072703E-2</v>
      </c>
    </row>
    <row r="19817" spans="1:7" x14ac:dyDescent="0.3">
      <c r="A19817" s="13" t="s">
        <v>136</v>
      </c>
      <c r="B19817" s="14" t="s">
        <v>1</v>
      </c>
      <c r="C19817" s="14" t="s">
        <v>137</v>
      </c>
      <c r="D19817" s="14" t="s">
        <v>138</v>
      </c>
      <c r="E19817" s="15">
        <v>45483</v>
      </c>
      <c r="F19817" s="14" t="s">
        <v>61</v>
      </c>
      <c r="G19817" s="16">
        <v>5.4429514842950028E-2</v>
      </c>
    </row>
    <row r="19818" spans="1:7" x14ac:dyDescent="0.3">
      <c r="A19818" s="13" t="s">
        <v>136</v>
      </c>
      <c r="B19818" s="14" t="s">
        <v>1</v>
      </c>
      <c r="C19818" s="14" t="s">
        <v>137</v>
      </c>
      <c r="D19818" s="14" t="s">
        <v>138</v>
      </c>
      <c r="E19818" s="15">
        <v>45484</v>
      </c>
      <c r="F19818" s="14" t="s">
        <v>61</v>
      </c>
      <c r="G19818" s="16">
        <v>7.3485568252335695E-2</v>
      </c>
    </row>
    <row r="19819" spans="1:7" x14ac:dyDescent="0.3">
      <c r="A19819" s="13" t="s">
        <v>136</v>
      </c>
      <c r="B19819" s="14" t="s">
        <v>1</v>
      </c>
      <c r="C19819" s="14" t="s">
        <v>137</v>
      </c>
      <c r="D19819" s="14" t="s">
        <v>138</v>
      </c>
      <c r="E19819" s="15">
        <v>45485</v>
      </c>
      <c r="F19819" s="14" t="s">
        <v>61</v>
      </c>
      <c r="G19819" s="16">
        <v>9.5762890205091794E-2</v>
      </c>
    </row>
    <row r="19820" spans="1:7" x14ac:dyDescent="0.3">
      <c r="A19820" s="13" t="s">
        <v>136</v>
      </c>
      <c r="B19820" s="14" t="s">
        <v>1</v>
      </c>
      <c r="C19820" s="14" t="s">
        <v>137</v>
      </c>
      <c r="D19820" s="14" t="s">
        <v>138</v>
      </c>
      <c r="E19820" s="15">
        <v>45486</v>
      </c>
      <c r="F19820" s="14" t="s">
        <v>61</v>
      </c>
      <c r="G19820" s="16">
        <v>9.5762890205091794E-2</v>
      </c>
    </row>
    <row r="19821" spans="1:7" x14ac:dyDescent="0.3">
      <c r="A19821" s="13" t="s">
        <v>136</v>
      </c>
      <c r="B19821" s="14" t="s">
        <v>1</v>
      </c>
      <c r="C19821" s="14" t="s">
        <v>137</v>
      </c>
      <c r="D19821" s="14" t="s">
        <v>138</v>
      </c>
      <c r="E19821" s="15">
        <v>45487</v>
      </c>
      <c r="F19821" s="14" t="s">
        <v>61</v>
      </c>
      <c r="G19821" s="16">
        <v>9.5762890205091794E-2</v>
      </c>
    </row>
    <row r="19822" spans="1:7" x14ac:dyDescent="0.3">
      <c r="A19822" s="13" t="s">
        <v>136</v>
      </c>
      <c r="B19822" s="14" t="s">
        <v>1</v>
      </c>
      <c r="C19822" s="14" t="s">
        <v>137</v>
      </c>
      <c r="D19822" s="14" t="s">
        <v>138</v>
      </c>
      <c r="E19822" s="15">
        <v>45488</v>
      </c>
      <c r="F19822" s="14" t="s">
        <v>61</v>
      </c>
      <c r="G19822" s="16">
        <v>0.11480465190090436</v>
      </c>
    </row>
    <row r="19823" spans="1:7" x14ac:dyDescent="0.3">
      <c r="A19823" s="13" t="s">
        <v>136</v>
      </c>
      <c r="B19823" s="14" t="s">
        <v>1</v>
      </c>
      <c r="C19823" s="14" t="s">
        <v>137</v>
      </c>
      <c r="D19823" s="14" t="s">
        <v>138</v>
      </c>
      <c r="E19823" s="15">
        <v>45489</v>
      </c>
      <c r="F19823" s="14" t="s">
        <v>61</v>
      </c>
      <c r="G19823" s="16">
        <v>0.17138199251119926</v>
      </c>
    </row>
    <row r="19824" spans="1:7" x14ac:dyDescent="0.3">
      <c r="A19824" s="13" t="s">
        <v>136</v>
      </c>
      <c r="B19824" s="14" t="s">
        <v>1</v>
      </c>
      <c r="C19824" s="14" t="s">
        <v>137</v>
      </c>
      <c r="D19824" s="14" t="s">
        <v>138</v>
      </c>
      <c r="E19824" s="15">
        <v>45490</v>
      </c>
      <c r="F19824" s="14" t="s">
        <v>61</v>
      </c>
      <c r="G19824" s="16">
        <v>0.18955282076913141</v>
      </c>
    </row>
    <row r="19825" spans="1:7" x14ac:dyDescent="0.3">
      <c r="A19825" s="13" t="s">
        <v>136</v>
      </c>
      <c r="B19825" s="14" t="s">
        <v>1</v>
      </c>
      <c r="C19825" s="14" t="s">
        <v>137</v>
      </c>
      <c r="D19825" s="14" t="s">
        <v>138</v>
      </c>
      <c r="E19825" s="15">
        <v>45491</v>
      </c>
      <c r="F19825" s="14" t="s">
        <v>61</v>
      </c>
      <c r="G19825" s="16">
        <v>0.20918444680083073</v>
      </c>
    </row>
    <row r="19826" spans="1:7" x14ac:dyDescent="0.3">
      <c r="A19826" s="13" t="s">
        <v>136</v>
      </c>
      <c r="B19826" s="14" t="s">
        <v>1</v>
      </c>
      <c r="C19826" s="14" t="s">
        <v>137</v>
      </c>
      <c r="D19826" s="14" t="s">
        <v>138</v>
      </c>
      <c r="E19826" s="15">
        <v>45492</v>
      </c>
      <c r="F19826" s="14" t="s">
        <v>61</v>
      </c>
      <c r="G19826" s="16">
        <v>0.22830978675798186</v>
      </c>
    </row>
    <row r="19827" spans="1:7" x14ac:dyDescent="0.3">
      <c r="A19827" s="13" t="s">
        <v>136</v>
      </c>
      <c r="B19827" s="14" t="s">
        <v>1</v>
      </c>
      <c r="C19827" s="14" t="s">
        <v>137</v>
      </c>
      <c r="D19827" s="14" t="s">
        <v>138</v>
      </c>
      <c r="E19827" s="15">
        <v>45493</v>
      </c>
      <c r="F19827" s="14" t="s">
        <v>61</v>
      </c>
      <c r="G19827" s="16">
        <v>0.22830978675798186</v>
      </c>
    </row>
    <row r="19828" spans="1:7" x14ac:dyDescent="0.3">
      <c r="A19828" s="13" t="s">
        <v>136</v>
      </c>
      <c r="B19828" s="14" t="s">
        <v>1</v>
      </c>
      <c r="C19828" s="14" t="s">
        <v>137</v>
      </c>
      <c r="D19828" s="14" t="s">
        <v>138</v>
      </c>
      <c r="E19828" s="15">
        <v>45494</v>
      </c>
      <c r="F19828" s="14" t="s">
        <v>61</v>
      </c>
      <c r="G19828" s="16">
        <v>0.22830978675798186</v>
      </c>
    </row>
    <row r="19829" spans="1:7" x14ac:dyDescent="0.3">
      <c r="A19829" s="13" t="s">
        <v>136</v>
      </c>
      <c r="B19829" s="14" t="s">
        <v>1</v>
      </c>
      <c r="C19829" s="14" t="s">
        <v>137</v>
      </c>
      <c r="D19829" s="14" t="s">
        <v>138</v>
      </c>
      <c r="E19829" s="15">
        <v>45495</v>
      </c>
      <c r="F19829" s="14" t="s">
        <v>61</v>
      </c>
      <c r="G19829" s="16">
        <v>0.24696359369631118</v>
      </c>
    </row>
    <row r="19830" spans="1:7" x14ac:dyDescent="0.3">
      <c r="A19830" s="13" t="s">
        <v>136</v>
      </c>
      <c r="B19830" s="14" t="s">
        <v>1</v>
      </c>
      <c r="C19830" s="14" t="s">
        <v>137</v>
      </c>
      <c r="D19830" s="14" t="s">
        <v>138</v>
      </c>
      <c r="E19830" s="15">
        <v>45496</v>
      </c>
      <c r="F19830" s="14" t="s">
        <v>61</v>
      </c>
      <c r="G19830" s="16">
        <v>0.30493864498070294</v>
      </c>
    </row>
    <row r="19831" spans="1:7" x14ac:dyDescent="0.3">
      <c r="A19831" s="13" t="s">
        <v>136</v>
      </c>
      <c r="B19831" s="14" t="s">
        <v>1</v>
      </c>
      <c r="C19831" s="14" t="s">
        <v>137</v>
      </c>
      <c r="D19831" s="14" t="s">
        <v>138</v>
      </c>
      <c r="E19831" s="15">
        <v>45497</v>
      </c>
      <c r="F19831" s="14" t="s">
        <v>61</v>
      </c>
      <c r="G19831" s="16">
        <v>0.32433088217750666</v>
      </c>
    </row>
    <row r="19832" spans="1:7" x14ac:dyDescent="0.3">
      <c r="A19832" s="13" t="s">
        <v>136</v>
      </c>
      <c r="B19832" s="14" t="s">
        <v>1</v>
      </c>
      <c r="C19832" s="14" t="s">
        <v>137</v>
      </c>
      <c r="D19832" s="14" t="s">
        <v>138</v>
      </c>
      <c r="E19832" s="15">
        <v>45498</v>
      </c>
      <c r="F19832" s="14" t="s">
        <v>61</v>
      </c>
      <c r="G19832" s="16">
        <v>0.34314433301708058</v>
      </c>
    </row>
    <row r="19833" spans="1:7" x14ac:dyDescent="0.3">
      <c r="A19833" s="13" t="s">
        <v>136</v>
      </c>
      <c r="B19833" s="14" t="s">
        <v>1</v>
      </c>
      <c r="C19833" s="14" t="s">
        <v>137</v>
      </c>
      <c r="D19833" s="14" t="s">
        <v>138</v>
      </c>
      <c r="E19833" s="15">
        <v>45499</v>
      </c>
      <c r="F19833" s="14" t="s">
        <v>61</v>
      </c>
      <c r="G19833" s="16">
        <v>0.36208826709631037</v>
      </c>
    </row>
    <row r="19834" spans="1:7" x14ac:dyDescent="0.3">
      <c r="A19834" s="13" t="s">
        <v>136</v>
      </c>
      <c r="B19834" s="14" t="s">
        <v>1</v>
      </c>
      <c r="C19834" s="14" t="s">
        <v>137</v>
      </c>
      <c r="D19834" s="14" t="s">
        <v>138</v>
      </c>
      <c r="E19834" s="15">
        <v>45500</v>
      </c>
      <c r="F19834" s="14" t="s">
        <v>61</v>
      </c>
      <c r="G19834" s="16">
        <v>0.36208826709631037</v>
      </c>
    </row>
    <row r="19835" spans="1:7" x14ac:dyDescent="0.3">
      <c r="A19835" s="13" t="s">
        <v>136</v>
      </c>
      <c r="B19835" s="14" t="s">
        <v>1</v>
      </c>
      <c r="C19835" s="14" t="s">
        <v>137</v>
      </c>
      <c r="D19835" s="14" t="s">
        <v>138</v>
      </c>
      <c r="E19835" s="15">
        <v>45501</v>
      </c>
      <c r="F19835" s="14" t="s">
        <v>61</v>
      </c>
      <c r="G19835" s="16">
        <v>0.36208826709631037</v>
      </c>
    </row>
    <row r="19836" spans="1:7" x14ac:dyDescent="0.3">
      <c r="A19836" s="13" t="s">
        <v>136</v>
      </c>
      <c r="B19836" s="14" t="s">
        <v>1</v>
      </c>
      <c r="C19836" s="14" t="s">
        <v>137</v>
      </c>
      <c r="D19836" s="14" t="s">
        <v>138</v>
      </c>
      <c r="E19836" s="15">
        <v>45502</v>
      </c>
      <c r="F19836" s="14" t="s">
        <v>61</v>
      </c>
      <c r="G19836" s="16">
        <v>0.37790457637361879</v>
      </c>
    </row>
    <row r="19837" spans="1:7" x14ac:dyDescent="0.3">
      <c r="A19837" s="13" t="s">
        <v>136</v>
      </c>
      <c r="B19837" s="14" t="s">
        <v>1</v>
      </c>
      <c r="C19837" s="14" t="s">
        <v>137</v>
      </c>
      <c r="D19837" s="14" t="s">
        <v>138</v>
      </c>
      <c r="E19837" s="15">
        <v>45503</v>
      </c>
      <c r="F19837" s="14" t="s">
        <v>61</v>
      </c>
      <c r="G19837" s="16">
        <v>0.4363629747824781</v>
      </c>
    </row>
    <row r="19838" spans="1:7" x14ac:dyDescent="0.3">
      <c r="A19838" s="13" t="s">
        <v>136</v>
      </c>
      <c r="B19838" s="14" t="s">
        <v>1</v>
      </c>
      <c r="C19838" s="14" t="s">
        <v>137</v>
      </c>
      <c r="D19838" s="14" t="s">
        <v>138</v>
      </c>
      <c r="E19838" s="15">
        <v>45504</v>
      </c>
      <c r="F19838" s="14" t="s">
        <v>61</v>
      </c>
      <c r="G19838" s="16">
        <v>0.45524946841270642</v>
      </c>
    </row>
    <row r="19839" spans="1:7" x14ac:dyDescent="0.3">
      <c r="A19839" s="13" t="s">
        <v>136</v>
      </c>
      <c r="B19839" s="14" t="s">
        <v>1</v>
      </c>
      <c r="C19839" s="14" t="s">
        <v>137</v>
      </c>
      <c r="D19839" s="14" t="s">
        <v>138</v>
      </c>
      <c r="E19839" s="15">
        <v>45505</v>
      </c>
      <c r="F19839" s="14" t="s">
        <v>61</v>
      </c>
      <c r="G19839" s="16">
        <v>0</v>
      </c>
    </row>
    <row r="19840" spans="1:7" x14ac:dyDescent="0.3">
      <c r="A19840" s="13" t="s">
        <v>136</v>
      </c>
      <c r="B19840" s="14" t="s">
        <v>1</v>
      </c>
      <c r="C19840" s="14" t="s">
        <v>137</v>
      </c>
      <c r="D19840" s="14" t="s">
        <v>138</v>
      </c>
      <c r="E19840" s="15">
        <v>45506</v>
      </c>
      <c r="F19840" s="14" t="s">
        <v>61</v>
      </c>
      <c r="G19840" s="16">
        <v>0</v>
      </c>
    </row>
    <row r="19841" spans="1:7" x14ac:dyDescent="0.3">
      <c r="A19841" s="13" t="s">
        <v>136</v>
      </c>
      <c r="B19841" s="14" t="s">
        <v>1</v>
      </c>
      <c r="C19841" s="14" t="s">
        <v>137</v>
      </c>
      <c r="D19841" s="14" t="s">
        <v>138</v>
      </c>
      <c r="E19841" s="15">
        <v>45507</v>
      </c>
      <c r="F19841" s="14" t="s">
        <v>61</v>
      </c>
      <c r="G19841" s="16">
        <v>0</v>
      </c>
    </row>
    <row r="19842" spans="1:7" x14ac:dyDescent="0.3">
      <c r="A19842" s="13" t="s">
        <v>136</v>
      </c>
      <c r="B19842" s="14" t="s">
        <v>1</v>
      </c>
      <c r="C19842" s="14" t="s">
        <v>137</v>
      </c>
      <c r="D19842" s="14" t="s">
        <v>138</v>
      </c>
      <c r="E19842" s="15">
        <v>45508</v>
      </c>
      <c r="F19842" s="14" t="s">
        <v>61</v>
      </c>
      <c r="G19842" s="16">
        <v>0</v>
      </c>
    </row>
    <row r="19843" spans="1:7" x14ac:dyDescent="0.3">
      <c r="A19843" s="13" t="s">
        <v>136</v>
      </c>
      <c r="B19843" s="14" t="s">
        <v>1</v>
      </c>
      <c r="C19843" s="14" t="s">
        <v>137</v>
      </c>
      <c r="D19843" s="14" t="s">
        <v>138</v>
      </c>
      <c r="E19843" s="15">
        <v>45509</v>
      </c>
      <c r="F19843" s="14" t="s">
        <v>61</v>
      </c>
      <c r="G19843" s="16">
        <v>0</v>
      </c>
    </row>
    <row r="19844" spans="1:7" x14ac:dyDescent="0.3">
      <c r="A19844" s="13" t="s">
        <v>136</v>
      </c>
      <c r="B19844" s="14" t="s">
        <v>1</v>
      </c>
      <c r="C19844" s="14" t="s">
        <v>137</v>
      </c>
      <c r="D19844" s="14" t="s">
        <v>138</v>
      </c>
      <c r="E19844" s="15">
        <v>45510</v>
      </c>
      <c r="F19844" s="14" t="s">
        <v>61</v>
      </c>
      <c r="G19844" s="16">
        <v>0</v>
      </c>
    </row>
    <row r="19845" spans="1:7" x14ac:dyDescent="0.3">
      <c r="A19845" s="13" t="s">
        <v>136</v>
      </c>
      <c r="B19845" s="14" t="s">
        <v>1</v>
      </c>
      <c r="C19845" s="14" t="s">
        <v>137</v>
      </c>
      <c r="D19845" s="14" t="s">
        <v>138</v>
      </c>
      <c r="E19845" s="15">
        <v>45511</v>
      </c>
      <c r="F19845" s="14" t="s">
        <v>61</v>
      </c>
      <c r="G19845" s="16">
        <v>0</v>
      </c>
    </row>
    <row r="19846" spans="1:7" x14ac:dyDescent="0.3">
      <c r="A19846" s="13" t="s">
        <v>136</v>
      </c>
      <c r="B19846" s="14" t="s">
        <v>1</v>
      </c>
      <c r="C19846" s="14" t="s">
        <v>137</v>
      </c>
      <c r="D19846" s="14" t="s">
        <v>138</v>
      </c>
      <c r="E19846" s="15">
        <v>45512</v>
      </c>
      <c r="F19846" s="14" t="s">
        <v>61</v>
      </c>
      <c r="G19846" s="16">
        <v>0</v>
      </c>
    </row>
    <row r="19847" spans="1:7" x14ac:dyDescent="0.3">
      <c r="A19847" s="13" t="s">
        <v>136</v>
      </c>
      <c r="B19847" s="14" t="s">
        <v>1</v>
      </c>
      <c r="C19847" s="14" t="s">
        <v>137</v>
      </c>
      <c r="D19847" s="14" t="s">
        <v>138</v>
      </c>
      <c r="E19847" s="15">
        <v>45513</v>
      </c>
      <c r="F19847" s="14" t="s">
        <v>61</v>
      </c>
      <c r="G19847" s="16">
        <v>0</v>
      </c>
    </row>
    <row r="19848" spans="1:7" x14ac:dyDescent="0.3">
      <c r="A19848" s="13" t="s">
        <v>136</v>
      </c>
      <c r="B19848" s="14" t="s">
        <v>1</v>
      </c>
      <c r="C19848" s="14" t="s">
        <v>137</v>
      </c>
      <c r="D19848" s="14" t="s">
        <v>138</v>
      </c>
      <c r="E19848" s="15">
        <v>45514</v>
      </c>
      <c r="F19848" s="14" t="s">
        <v>61</v>
      </c>
      <c r="G19848" s="16">
        <v>0</v>
      </c>
    </row>
    <row r="19849" spans="1:7" x14ac:dyDescent="0.3">
      <c r="A19849" s="13" t="s">
        <v>136</v>
      </c>
      <c r="B19849" s="14" t="s">
        <v>1</v>
      </c>
      <c r="C19849" s="14" t="s">
        <v>137</v>
      </c>
      <c r="D19849" s="14" t="s">
        <v>138</v>
      </c>
      <c r="E19849" s="15">
        <v>45515</v>
      </c>
      <c r="F19849" s="14" t="s">
        <v>61</v>
      </c>
      <c r="G19849" s="16">
        <v>0</v>
      </c>
    </row>
    <row r="19850" spans="1:7" x14ac:dyDescent="0.3">
      <c r="A19850" s="13" t="s">
        <v>136</v>
      </c>
      <c r="B19850" s="14" t="s">
        <v>1</v>
      </c>
      <c r="C19850" s="14" t="s">
        <v>137</v>
      </c>
      <c r="D19850" s="14" t="s">
        <v>138</v>
      </c>
      <c r="E19850" s="15">
        <v>45516</v>
      </c>
      <c r="F19850" s="14" t="s">
        <v>61</v>
      </c>
      <c r="G19850" s="16">
        <v>0</v>
      </c>
    </row>
    <row r="19851" spans="1:7" x14ac:dyDescent="0.3">
      <c r="A19851" s="13" t="s">
        <v>136</v>
      </c>
      <c r="B19851" s="14" t="s">
        <v>1</v>
      </c>
      <c r="C19851" s="14" t="s">
        <v>137</v>
      </c>
      <c r="D19851" s="14" t="s">
        <v>138</v>
      </c>
      <c r="E19851" s="15">
        <v>45517</v>
      </c>
      <c r="F19851" s="14" t="s">
        <v>61</v>
      </c>
      <c r="G19851" s="16">
        <v>1.1766739425254713E-3</v>
      </c>
    </row>
    <row r="19852" spans="1:7" x14ac:dyDescent="0.3">
      <c r="A19852" s="13" t="s">
        <v>136</v>
      </c>
      <c r="B19852" s="14" t="s">
        <v>1</v>
      </c>
      <c r="C19852" s="14" t="s">
        <v>137</v>
      </c>
      <c r="D19852" s="14" t="s">
        <v>138</v>
      </c>
      <c r="E19852" s="15">
        <v>45518</v>
      </c>
      <c r="F19852" s="14" t="s">
        <v>61</v>
      </c>
      <c r="G19852" s="16">
        <v>2.0189255686835796E-2</v>
      </c>
    </row>
    <row r="19853" spans="1:7" x14ac:dyDescent="0.3">
      <c r="A19853" s="13" t="s">
        <v>136</v>
      </c>
      <c r="B19853" s="14" t="s">
        <v>1</v>
      </c>
      <c r="C19853" s="14" t="s">
        <v>137</v>
      </c>
      <c r="D19853" s="14" t="s">
        <v>138</v>
      </c>
      <c r="E19853" s="15">
        <v>45519</v>
      </c>
      <c r="F19853" s="14" t="s">
        <v>61</v>
      </c>
      <c r="G19853" s="16">
        <v>3.9348406938677832E-2</v>
      </c>
    </row>
    <row r="19854" spans="1:7" x14ac:dyDescent="0.3">
      <c r="A19854" s="13" t="s">
        <v>136</v>
      </c>
      <c r="B19854" s="14" t="s">
        <v>1</v>
      </c>
      <c r="C19854" s="14" t="s">
        <v>137</v>
      </c>
      <c r="D19854" s="14" t="s">
        <v>138</v>
      </c>
      <c r="E19854" s="15">
        <v>45520</v>
      </c>
      <c r="F19854" s="14" t="s">
        <v>61</v>
      </c>
      <c r="G19854" s="16">
        <v>5.9277555313916423E-2</v>
      </c>
    </row>
    <row r="19855" spans="1:7" x14ac:dyDescent="0.3">
      <c r="A19855" s="13" t="s">
        <v>136</v>
      </c>
      <c r="B19855" s="14" t="s">
        <v>1</v>
      </c>
      <c r="C19855" s="14" t="s">
        <v>137</v>
      </c>
      <c r="D19855" s="14" t="s">
        <v>138</v>
      </c>
      <c r="E19855" s="15">
        <v>45521</v>
      </c>
      <c r="F19855" s="14" t="s">
        <v>61</v>
      </c>
      <c r="G19855" s="16">
        <v>5.9277555313916423E-2</v>
      </c>
    </row>
    <row r="19856" spans="1:7" x14ac:dyDescent="0.3">
      <c r="A19856" s="13" t="s">
        <v>136</v>
      </c>
      <c r="B19856" s="14" t="s">
        <v>1</v>
      </c>
      <c r="C19856" s="14" t="s">
        <v>137</v>
      </c>
      <c r="D19856" s="14" t="s">
        <v>138</v>
      </c>
      <c r="E19856" s="15">
        <v>45522</v>
      </c>
      <c r="F19856" s="14" t="s">
        <v>61</v>
      </c>
      <c r="G19856" s="16">
        <v>5.9277555313916423E-2</v>
      </c>
    </row>
    <row r="19857" spans="1:7" x14ac:dyDescent="0.3">
      <c r="A19857" s="13" t="s">
        <v>136</v>
      </c>
      <c r="B19857" s="14" t="s">
        <v>1</v>
      </c>
      <c r="C19857" s="14" t="s">
        <v>137</v>
      </c>
      <c r="D19857" s="14" t="s">
        <v>138</v>
      </c>
      <c r="E19857" s="15">
        <v>45523</v>
      </c>
      <c r="F19857" s="14" t="s">
        <v>61</v>
      </c>
      <c r="G19857" s="16">
        <v>7.8624312941717039E-2</v>
      </c>
    </row>
    <row r="19858" spans="1:7" x14ac:dyDescent="0.3">
      <c r="A19858" s="13" t="s">
        <v>136</v>
      </c>
      <c r="B19858" s="14" t="s">
        <v>1</v>
      </c>
      <c r="C19858" s="14" t="s">
        <v>137</v>
      </c>
      <c r="D19858" s="14" t="s">
        <v>138</v>
      </c>
      <c r="E19858" s="15">
        <v>45524</v>
      </c>
      <c r="F19858" s="14" t="s">
        <v>61</v>
      </c>
      <c r="G19858" s="16">
        <v>0.13452538024996649</v>
      </c>
    </row>
    <row r="19859" spans="1:7" x14ac:dyDescent="0.3">
      <c r="A19859" s="13" t="s">
        <v>136</v>
      </c>
      <c r="B19859" s="14" t="s">
        <v>1</v>
      </c>
      <c r="C19859" s="14" t="s">
        <v>137</v>
      </c>
      <c r="D19859" s="14" t="s">
        <v>138</v>
      </c>
      <c r="E19859" s="15">
        <v>45525</v>
      </c>
      <c r="F19859" s="14" t="s">
        <v>61</v>
      </c>
      <c r="G19859" s="16">
        <v>0.15361449717509548</v>
      </c>
    </row>
    <row r="19860" spans="1:7" x14ac:dyDescent="0.3">
      <c r="A19860" s="13" t="s">
        <v>136</v>
      </c>
      <c r="B19860" s="14" t="s">
        <v>1</v>
      </c>
      <c r="C19860" s="14" t="s">
        <v>137</v>
      </c>
      <c r="D19860" s="14" t="s">
        <v>138</v>
      </c>
      <c r="E19860" s="15">
        <v>45526</v>
      </c>
      <c r="F19860" s="14" t="s">
        <v>61</v>
      </c>
      <c r="G19860" s="16">
        <v>0.17283847200802091</v>
      </c>
    </row>
    <row r="19861" spans="1:7" x14ac:dyDescent="0.3">
      <c r="A19861" s="13" t="s">
        <v>136</v>
      </c>
      <c r="B19861" s="14" t="s">
        <v>1</v>
      </c>
      <c r="C19861" s="14" t="s">
        <v>137</v>
      </c>
      <c r="D19861" s="14" t="s">
        <v>138</v>
      </c>
      <c r="E19861" s="15">
        <v>45527</v>
      </c>
      <c r="F19861" s="14" t="s">
        <v>61</v>
      </c>
      <c r="G19861" s="16">
        <v>0.1904599979663914</v>
      </c>
    </row>
    <row r="19862" spans="1:7" x14ac:dyDescent="0.3">
      <c r="A19862" s="13" t="s">
        <v>136</v>
      </c>
      <c r="B19862" s="14" t="s">
        <v>1</v>
      </c>
      <c r="C19862" s="14" t="s">
        <v>137</v>
      </c>
      <c r="D19862" s="14" t="s">
        <v>138</v>
      </c>
      <c r="E19862" s="15">
        <v>45528</v>
      </c>
      <c r="F19862" s="14" t="s">
        <v>61</v>
      </c>
      <c r="G19862" s="16">
        <v>0.1904599979663914</v>
      </c>
    </row>
    <row r="19863" spans="1:7" x14ac:dyDescent="0.3">
      <c r="A19863" s="13" t="s">
        <v>136</v>
      </c>
      <c r="B19863" s="14" t="s">
        <v>1</v>
      </c>
      <c r="C19863" s="14" t="s">
        <v>137</v>
      </c>
      <c r="D19863" s="14" t="s">
        <v>138</v>
      </c>
      <c r="E19863" s="15">
        <v>45529</v>
      </c>
      <c r="F19863" s="14" t="s">
        <v>61</v>
      </c>
      <c r="G19863" s="16">
        <v>0.1904599979663914</v>
      </c>
    </row>
    <row r="19864" spans="1:7" x14ac:dyDescent="0.3">
      <c r="A19864" s="13" t="s">
        <v>136</v>
      </c>
      <c r="B19864" s="14" t="s">
        <v>1</v>
      </c>
      <c r="C19864" s="14" t="s">
        <v>137</v>
      </c>
      <c r="D19864" s="14" t="s">
        <v>138</v>
      </c>
      <c r="E19864" s="15">
        <v>45530</v>
      </c>
      <c r="F19864" s="14" t="s">
        <v>61</v>
      </c>
      <c r="G19864" s="16">
        <v>0.20953135841206541</v>
      </c>
    </row>
    <row r="19865" spans="1:7" x14ac:dyDescent="0.3">
      <c r="A19865" s="13" t="s">
        <v>136</v>
      </c>
      <c r="B19865" s="14" t="s">
        <v>1</v>
      </c>
      <c r="C19865" s="14" t="s">
        <v>137</v>
      </c>
      <c r="D19865" s="14" t="s">
        <v>138</v>
      </c>
      <c r="E19865" s="15">
        <v>45531</v>
      </c>
      <c r="F19865" s="14" t="s">
        <v>61</v>
      </c>
      <c r="G19865" s="16">
        <v>0.26467960946240948</v>
      </c>
    </row>
    <row r="19866" spans="1:7" x14ac:dyDescent="0.3">
      <c r="A19866" s="13" t="s">
        <v>136</v>
      </c>
      <c r="B19866" s="14" t="s">
        <v>1</v>
      </c>
      <c r="C19866" s="14" t="s">
        <v>137</v>
      </c>
      <c r="D19866" s="14" t="s">
        <v>138</v>
      </c>
      <c r="E19866" s="15">
        <v>45532</v>
      </c>
      <c r="F19866" s="14" t="s">
        <v>61</v>
      </c>
      <c r="G19866" s="16">
        <v>0.28445637394474677</v>
      </c>
    </row>
    <row r="19867" spans="1:7" x14ac:dyDescent="0.3">
      <c r="A19867" s="13" t="s">
        <v>136</v>
      </c>
      <c r="B19867" s="14" t="s">
        <v>1</v>
      </c>
      <c r="C19867" s="14" t="s">
        <v>137</v>
      </c>
      <c r="D19867" s="14" t="s">
        <v>138</v>
      </c>
      <c r="E19867" s="15">
        <v>45533</v>
      </c>
      <c r="F19867" s="14" t="s">
        <v>61</v>
      </c>
      <c r="G19867" s="16">
        <v>0.30413911057940746</v>
      </c>
    </row>
    <row r="19868" spans="1:7" x14ac:dyDescent="0.3">
      <c r="A19868" s="13" t="s">
        <v>136</v>
      </c>
      <c r="B19868" s="14" t="s">
        <v>1</v>
      </c>
      <c r="C19868" s="14" t="s">
        <v>137</v>
      </c>
      <c r="D19868" s="14" t="s">
        <v>138</v>
      </c>
      <c r="E19868" s="15">
        <v>45534</v>
      </c>
      <c r="F19868" s="14" t="s">
        <v>61</v>
      </c>
      <c r="G19868" s="16">
        <v>0.3229646289141811</v>
      </c>
    </row>
    <row r="19869" spans="1:7" x14ac:dyDescent="0.3">
      <c r="A19869" s="13" t="s">
        <v>136</v>
      </c>
      <c r="B19869" s="14" t="s">
        <v>1</v>
      </c>
      <c r="C19869" s="14" t="s">
        <v>137</v>
      </c>
      <c r="D19869" s="14" t="s">
        <v>138</v>
      </c>
      <c r="E19869" s="15">
        <v>45535</v>
      </c>
      <c r="F19869" s="14" t="s">
        <v>61</v>
      </c>
      <c r="G19869" s="16">
        <v>0.3229646289141811</v>
      </c>
    </row>
    <row r="19870" spans="1:7" x14ac:dyDescent="0.3">
      <c r="A19870" s="13" t="s">
        <v>136</v>
      </c>
      <c r="B19870" s="14" t="s">
        <v>1</v>
      </c>
      <c r="C19870" s="14" t="s">
        <v>137</v>
      </c>
      <c r="D19870" s="14" t="s">
        <v>138</v>
      </c>
      <c r="E19870" s="15">
        <v>45536</v>
      </c>
      <c r="F19870" s="14" t="s">
        <v>61</v>
      </c>
      <c r="G19870" s="16">
        <v>0.3229646289141811</v>
      </c>
    </row>
    <row r="19871" spans="1:7" x14ac:dyDescent="0.3">
      <c r="A19871" s="13" t="s">
        <v>136</v>
      </c>
      <c r="B19871" s="14" t="s">
        <v>1</v>
      </c>
      <c r="C19871" s="14" t="s">
        <v>137</v>
      </c>
      <c r="D19871" s="14" t="s">
        <v>138</v>
      </c>
      <c r="E19871" s="15">
        <v>45537</v>
      </c>
      <c r="F19871" s="14" t="s">
        <v>61</v>
      </c>
      <c r="G19871" s="16">
        <v>0</v>
      </c>
    </row>
    <row r="19872" spans="1:7" x14ac:dyDescent="0.3">
      <c r="A19872" s="13" t="s">
        <v>136</v>
      </c>
      <c r="B19872" s="14" t="s">
        <v>1</v>
      </c>
      <c r="C19872" s="14" t="s">
        <v>137</v>
      </c>
      <c r="D19872" s="14" t="s">
        <v>138</v>
      </c>
      <c r="E19872" s="15">
        <v>45538</v>
      </c>
      <c r="F19872" s="14" t="s">
        <v>61</v>
      </c>
      <c r="G19872" s="16">
        <v>0</v>
      </c>
    </row>
    <row r="19873" spans="1:7" x14ac:dyDescent="0.3">
      <c r="A19873" s="13" t="s">
        <v>136</v>
      </c>
      <c r="B19873" s="14" t="s">
        <v>1</v>
      </c>
      <c r="C19873" s="14" t="s">
        <v>137</v>
      </c>
      <c r="D19873" s="14" t="s">
        <v>138</v>
      </c>
      <c r="E19873" s="15">
        <v>45539</v>
      </c>
      <c r="F19873" s="14" t="s">
        <v>61</v>
      </c>
      <c r="G19873" s="16">
        <v>0</v>
      </c>
    </row>
    <row r="19874" spans="1:7" x14ac:dyDescent="0.3">
      <c r="A19874" s="13" t="s">
        <v>136</v>
      </c>
      <c r="B19874" s="14" t="s">
        <v>1</v>
      </c>
      <c r="C19874" s="14" t="s">
        <v>137</v>
      </c>
      <c r="D19874" s="14" t="s">
        <v>138</v>
      </c>
      <c r="E19874" s="15">
        <v>45540</v>
      </c>
      <c r="F19874" s="14" t="s">
        <v>61</v>
      </c>
      <c r="G19874" s="16">
        <v>0</v>
      </c>
    </row>
    <row r="19875" spans="1:7" x14ac:dyDescent="0.3">
      <c r="A19875" s="13" t="s">
        <v>136</v>
      </c>
      <c r="B19875" s="14" t="s">
        <v>1</v>
      </c>
      <c r="C19875" s="14" t="s">
        <v>137</v>
      </c>
      <c r="D19875" s="14" t="s">
        <v>138</v>
      </c>
      <c r="E19875" s="15">
        <v>45541</v>
      </c>
      <c r="F19875" s="14" t="s">
        <v>61</v>
      </c>
      <c r="G19875" s="16">
        <v>0</v>
      </c>
    </row>
    <row r="19876" spans="1:7" x14ac:dyDescent="0.3">
      <c r="A19876" s="13" t="s">
        <v>136</v>
      </c>
      <c r="B19876" s="14" t="s">
        <v>1</v>
      </c>
      <c r="C19876" s="14" t="s">
        <v>137</v>
      </c>
      <c r="D19876" s="14" t="s">
        <v>138</v>
      </c>
      <c r="E19876" s="15">
        <v>45542</v>
      </c>
      <c r="F19876" s="14" t="s">
        <v>61</v>
      </c>
      <c r="G19876" s="16">
        <v>0</v>
      </c>
    </row>
    <row r="19877" spans="1:7" x14ac:dyDescent="0.3">
      <c r="A19877" s="13" t="s">
        <v>136</v>
      </c>
      <c r="B19877" s="14" t="s">
        <v>1</v>
      </c>
      <c r="C19877" s="14" t="s">
        <v>137</v>
      </c>
      <c r="D19877" s="14" t="s">
        <v>138</v>
      </c>
      <c r="E19877" s="15">
        <v>45543</v>
      </c>
      <c r="F19877" s="14" t="s">
        <v>61</v>
      </c>
      <c r="G19877" s="16">
        <v>0</v>
      </c>
    </row>
    <row r="19878" spans="1:7" x14ac:dyDescent="0.3">
      <c r="A19878" s="13" t="s">
        <v>136</v>
      </c>
      <c r="B19878" s="14" t="s">
        <v>1</v>
      </c>
      <c r="C19878" s="14" t="s">
        <v>137</v>
      </c>
      <c r="D19878" s="14" t="s">
        <v>138</v>
      </c>
      <c r="E19878" s="15">
        <v>45544</v>
      </c>
      <c r="F19878" s="14" t="s">
        <v>61</v>
      </c>
      <c r="G19878" s="16">
        <v>0</v>
      </c>
    </row>
    <row r="19879" spans="1:7" x14ac:dyDescent="0.3">
      <c r="A19879" s="13" t="s">
        <v>136</v>
      </c>
      <c r="B19879" s="14" t="s">
        <v>1</v>
      </c>
      <c r="C19879" s="14" t="s">
        <v>137</v>
      </c>
      <c r="D19879" s="14" t="s">
        <v>138</v>
      </c>
      <c r="E19879" s="15">
        <v>45545</v>
      </c>
      <c r="F19879" s="14" t="s">
        <v>61</v>
      </c>
      <c r="G19879" s="16">
        <v>0</v>
      </c>
    </row>
    <row r="19880" spans="1:7" x14ac:dyDescent="0.3">
      <c r="A19880" s="13" t="s">
        <v>136</v>
      </c>
      <c r="B19880" s="14" t="s">
        <v>1</v>
      </c>
      <c r="C19880" s="14" t="s">
        <v>137</v>
      </c>
      <c r="D19880" s="14" t="s">
        <v>138</v>
      </c>
      <c r="E19880" s="15">
        <v>45546</v>
      </c>
      <c r="F19880" s="14" t="s">
        <v>61</v>
      </c>
      <c r="G19880" s="16">
        <v>0</v>
      </c>
    </row>
    <row r="19881" spans="1:7" x14ac:dyDescent="0.3">
      <c r="A19881" s="13" t="s">
        <v>136</v>
      </c>
      <c r="B19881" s="14" t="s">
        <v>1</v>
      </c>
      <c r="C19881" s="14" t="s">
        <v>137</v>
      </c>
      <c r="D19881" s="14" t="s">
        <v>138</v>
      </c>
      <c r="E19881" s="15">
        <v>45547</v>
      </c>
      <c r="F19881" s="14" t="s">
        <v>61</v>
      </c>
      <c r="G19881" s="16">
        <v>0</v>
      </c>
    </row>
    <row r="19882" spans="1:7" x14ac:dyDescent="0.3">
      <c r="A19882" s="13" t="s">
        <v>136</v>
      </c>
      <c r="B19882" s="14" t="s">
        <v>1</v>
      </c>
      <c r="C19882" s="14" t="s">
        <v>137</v>
      </c>
      <c r="D19882" s="14" t="s">
        <v>138</v>
      </c>
      <c r="E19882" s="15">
        <v>45548</v>
      </c>
      <c r="F19882" s="14" t="s">
        <v>61</v>
      </c>
      <c r="G19882" s="16">
        <v>0</v>
      </c>
    </row>
    <row r="19883" spans="1:7" x14ac:dyDescent="0.3">
      <c r="A19883" s="13" t="s">
        <v>136</v>
      </c>
      <c r="B19883" s="14" t="s">
        <v>1</v>
      </c>
      <c r="C19883" s="14" t="s">
        <v>137</v>
      </c>
      <c r="D19883" s="14" t="s">
        <v>138</v>
      </c>
      <c r="E19883" s="15">
        <v>45549</v>
      </c>
      <c r="F19883" s="14" t="s">
        <v>61</v>
      </c>
      <c r="G19883" s="16">
        <v>0</v>
      </c>
    </row>
    <row r="19884" spans="1:7" x14ac:dyDescent="0.3">
      <c r="A19884" s="13" t="s">
        <v>136</v>
      </c>
      <c r="B19884" s="14" t="s">
        <v>1</v>
      </c>
      <c r="C19884" s="14" t="s">
        <v>137</v>
      </c>
      <c r="D19884" s="14" t="s">
        <v>138</v>
      </c>
      <c r="E19884" s="15">
        <v>45550</v>
      </c>
      <c r="F19884" s="14" t="s">
        <v>61</v>
      </c>
      <c r="G19884" s="16">
        <v>0</v>
      </c>
    </row>
    <row r="19885" spans="1:7" x14ac:dyDescent="0.3">
      <c r="A19885" s="13" t="s">
        <v>136</v>
      </c>
      <c r="B19885" s="14" t="s">
        <v>1</v>
      </c>
      <c r="C19885" s="14" t="s">
        <v>137</v>
      </c>
      <c r="D19885" s="14" t="s">
        <v>138</v>
      </c>
      <c r="E19885" s="15">
        <v>45551</v>
      </c>
      <c r="F19885" s="14" t="s">
        <v>61</v>
      </c>
      <c r="G19885" s="16">
        <v>0</v>
      </c>
    </row>
    <row r="19886" spans="1:7" x14ac:dyDescent="0.3">
      <c r="A19886" s="13" t="s">
        <v>136</v>
      </c>
      <c r="B19886" s="14" t="s">
        <v>1</v>
      </c>
      <c r="C19886" s="14" t="s">
        <v>137</v>
      </c>
      <c r="D19886" s="14" t="s">
        <v>138</v>
      </c>
      <c r="E19886" s="15">
        <v>45552</v>
      </c>
      <c r="F19886" s="14" t="s">
        <v>61</v>
      </c>
      <c r="G19886" s="16">
        <v>2.5347980317450291E-2</v>
      </c>
    </row>
    <row r="19887" spans="1:7" x14ac:dyDescent="0.3">
      <c r="A19887" s="13" t="s">
        <v>136</v>
      </c>
      <c r="B19887" s="14" t="s">
        <v>1</v>
      </c>
      <c r="C19887" s="14" t="s">
        <v>137</v>
      </c>
      <c r="D19887" s="14" t="s">
        <v>138</v>
      </c>
      <c r="E19887" s="15">
        <v>45553</v>
      </c>
      <c r="F19887" s="14" t="s">
        <v>61</v>
      </c>
      <c r="G19887" s="16">
        <v>4.3494209028646494E-2</v>
      </c>
    </row>
    <row r="19888" spans="1:7" x14ac:dyDescent="0.3">
      <c r="A19888" s="13" t="s">
        <v>136</v>
      </c>
      <c r="B19888" s="14" t="s">
        <v>1</v>
      </c>
      <c r="C19888" s="14" t="s">
        <v>137</v>
      </c>
      <c r="D19888" s="14" t="s">
        <v>138</v>
      </c>
      <c r="E19888" s="15">
        <v>45554</v>
      </c>
      <c r="F19888" s="14" t="s">
        <v>61</v>
      </c>
      <c r="G19888" s="16">
        <v>6.1800262125144036E-2</v>
      </c>
    </row>
    <row r="19889" spans="1:7" x14ac:dyDescent="0.3">
      <c r="A19889" s="13" t="s">
        <v>136</v>
      </c>
      <c r="B19889" s="14" t="s">
        <v>1</v>
      </c>
      <c r="C19889" s="14" t="s">
        <v>137</v>
      </c>
      <c r="D19889" s="14" t="s">
        <v>138</v>
      </c>
      <c r="E19889" s="15">
        <v>45555</v>
      </c>
      <c r="F19889" s="14" t="s">
        <v>61</v>
      </c>
      <c r="G19889" s="16">
        <v>8.5364920591883067E-2</v>
      </c>
    </row>
    <row r="19890" spans="1:7" x14ac:dyDescent="0.3">
      <c r="A19890" s="13" t="s">
        <v>136</v>
      </c>
      <c r="B19890" s="14" t="s">
        <v>1</v>
      </c>
      <c r="C19890" s="14" t="s">
        <v>137</v>
      </c>
      <c r="D19890" s="14" t="s">
        <v>138</v>
      </c>
      <c r="E19890" s="15">
        <v>45556</v>
      </c>
      <c r="F19890" s="14" t="s">
        <v>61</v>
      </c>
      <c r="G19890" s="16">
        <v>8.5364920591883067E-2</v>
      </c>
    </row>
    <row r="19891" spans="1:7" x14ac:dyDescent="0.3">
      <c r="A19891" s="13" t="s">
        <v>136</v>
      </c>
      <c r="B19891" s="14" t="s">
        <v>1</v>
      </c>
      <c r="C19891" s="14" t="s">
        <v>137</v>
      </c>
      <c r="D19891" s="14" t="s">
        <v>138</v>
      </c>
      <c r="E19891" s="15">
        <v>45557</v>
      </c>
      <c r="F19891" s="14" t="s">
        <v>61</v>
      </c>
      <c r="G19891" s="16">
        <v>8.5364920591883067E-2</v>
      </c>
    </row>
    <row r="19892" spans="1:7" x14ac:dyDescent="0.3">
      <c r="A19892" s="13" t="s">
        <v>136</v>
      </c>
      <c r="B19892" s="14" t="s">
        <v>1</v>
      </c>
      <c r="C19892" s="14" t="s">
        <v>137</v>
      </c>
      <c r="D19892" s="14" t="s">
        <v>138</v>
      </c>
      <c r="E19892" s="15">
        <v>45558</v>
      </c>
      <c r="F19892" s="14" t="s">
        <v>61</v>
      </c>
      <c r="G19892" s="16">
        <v>0.10464856348187095</v>
      </c>
    </row>
    <row r="19893" spans="1:7" x14ac:dyDescent="0.3">
      <c r="A19893" s="13" t="s">
        <v>136</v>
      </c>
      <c r="B19893" s="14" t="s">
        <v>1</v>
      </c>
      <c r="C19893" s="14" t="s">
        <v>137</v>
      </c>
      <c r="D19893" s="14" t="s">
        <v>138</v>
      </c>
      <c r="E19893" s="15">
        <v>45559</v>
      </c>
      <c r="F19893" s="14" t="s">
        <v>61</v>
      </c>
      <c r="G19893" s="16">
        <v>0.15635252507562572</v>
      </c>
    </row>
    <row r="19894" spans="1:7" x14ac:dyDescent="0.3">
      <c r="A19894" s="13" t="s">
        <v>136</v>
      </c>
      <c r="B19894" s="14" t="s">
        <v>1</v>
      </c>
      <c r="C19894" s="14" t="s">
        <v>137</v>
      </c>
      <c r="D19894" s="14" t="s">
        <v>138</v>
      </c>
      <c r="E19894" s="15">
        <v>45560</v>
      </c>
      <c r="F19894" s="14" t="s">
        <v>61</v>
      </c>
      <c r="G19894" s="16">
        <v>0.17492333876234781</v>
      </c>
    </row>
    <row r="19895" spans="1:7" x14ac:dyDescent="0.3">
      <c r="A19895" s="13" t="s">
        <v>136</v>
      </c>
      <c r="B19895" s="14" t="s">
        <v>1</v>
      </c>
      <c r="C19895" s="14" t="s">
        <v>137</v>
      </c>
      <c r="D19895" s="14" t="s">
        <v>138</v>
      </c>
      <c r="E19895" s="15">
        <v>45561</v>
      </c>
      <c r="F19895" s="14" t="s">
        <v>61</v>
      </c>
      <c r="G19895" s="16">
        <v>0.19272892257206137</v>
      </c>
    </row>
    <row r="19896" spans="1:7" x14ac:dyDescent="0.3">
      <c r="A19896" s="13" t="s">
        <v>136</v>
      </c>
      <c r="B19896" s="14" t="s">
        <v>1</v>
      </c>
      <c r="C19896" s="14" t="s">
        <v>137</v>
      </c>
      <c r="D19896" s="14" t="s">
        <v>138</v>
      </c>
      <c r="E19896" s="15">
        <v>45562</v>
      </c>
      <c r="F19896" s="14" t="s">
        <v>61</v>
      </c>
      <c r="G19896" s="16">
        <v>0.21214601827264573</v>
      </c>
    </row>
    <row r="19897" spans="1:7" x14ac:dyDescent="0.3">
      <c r="A19897" s="13" t="s">
        <v>136</v>
      </c>
      <c r="B19897" s="14" t="s">
        <v>1</v>
      </c>
      <c r="C19897" s="14" t="s">
        <v>137</v>
      </c>
      <c r="D19897" s="14" t="s">
        <v>138</v>
      </c>
      <c r="E19897" s="15">
        <v>45563</v>
      </c>
      <c r="F19897" s="14" t="s">
        <v>61</v>
      </c>
      <c r="G19897" s="16">
        <v>0.21214601827264573</v>
      </c>
    </row>
    <row r="19898" spans="1:7" x14ac:dyDescent="0.3">
      <c r="A19898" s="13" t="s">
        <v>136</v>
      </c>
      <c r="B19898" s="14" t="s">
        <v>1</v>
      </c>
      <c r="C19898" s="14" t="s">
        <v>137</v>
      </c>
      <c r="D19898" s="14" t="s">
        <v>138</v>
      </c>
      <c r="E19898" s="15">
        <v>45564</v>
      </c>
      <c r="F19898" s="14" t="s">
        <v>61</v>
      </c>
      <c r="G19898" s="16">
        <v>0.21214601827264573</v>
      </c>
    </row>
    <row r="19899" spans="1:7" x14ac:dyDescent="0.3">
      <c r="A19899" s="13" t="s">
        <v>136</v>
      </c>
      <c r="B19899" s="14" t="s">
        <v>1</v>
      </c>
      <c r="C19899" s="14" t="s">
        <v>137</v>
      </c>
      <c r="D19899" s="14" t="s">
        <v>138</v>
      </c>
      <c r="E19899" s="15">
        <v>45565</v>
      </c>
      <c r="F19899" s="14" t="s">
        <v>61</v>
      </c>
      <c r="G19899" s="16">
        <v>0.2311524930100404</v>
      </c>
    </row>
    <row r="19900" spans="1:7" x14ac:dyDescent="0.3">
      <c r="A19900" s="13" t="s">
        <v>136</v>
      </c>
      <c r="B19900" s="14" t="s">
        <v>1</v>
      </c>
      <c r="C19900" s="14" t="s">
        <v>137</v>
      </c>
      <c r="D19900" s="14" t="s">
        <v>138</v>
      </c>
      <c r="E19900" s="15">
        <v>45566</v>
      </c>
      <c r="F19900" s="14" t="s">
        <v>61</v>
      </c>
      <c r="G19900" s="16">
        <v>0</v>
      </c>
    </row>
    <row r="19901" spans="1:7" x14ac:dyDescent="0.3">
      <c r="A19901" s="13" t="s">
        <v>136</v>
      </c>
      <c r="B19901" s="14" t="s">
        <v>1</v>
      </c>
      <c r="C19901" s="14" t="s">
        <v>137</v>
      </c>
      <c r="D19901" s="14" t="s">
        <v>138</v>
      </c>
      <c r="E19901" s="15">
        <v>45567</v>
      </c>
      <c r="F19901" s="14" t="s">
        <v>61</v>
      </c>
      <c r="G19901" s="16">
        <v>0</v>
      </c>
    </row>
    <row r="19902" spans="1:7" x14ac:dyDescent="0.3">
      <c r="A19902" s="13" t="s">
        <v>136</v>
      </c>
      <c r="B19902" s="14" t="s">
        <v>1</v>
      </c>
      <c r="C19902" s="14" t="s">
        <v>137</v>
      </c>
      <c r="D19902" s="14" t="s">
        <v>138</v>
      </c>
      <c r="E19902" s="15">
        <v>45568</v>
      </c>
      <c r="F19902" s="14" t="s">
        <v>61</v>
      </c>
      <c r="G19902" s="16">
        <v>0</v>
      </c>
    </row>
    <row r="19903" spans="1:7" x14ac:dyDescent="0.3">
      <c r="A19903" s="13" t="s">
        <v>136</v>
      </c>
      <c r="B19903" s="14" t="s">
        <v>1</v>
      </c>
      <c r="C19903" s="14" t="s">
        <v>137</v>
      </c>
      <c r="D19903" s="14" t="s">
        <v>138</v>
      </c>
      <c r="E19903" s="15">
        <v>45569</v>
      </c>
      <c r="F19903" s="14" t="s">
        <v>61</v>
      </c>
      <c r="G19903" s="16">
        <v>0</v>
      </c>
    </row>
    <row r="19904" spans="1:7" x14ac:dyDescent="0.3">
      <c r="A19904" s="13" t="s">
        <v>136</v>
      </c>
      <c r="B19904" s="14" t="s">
        <v>1</v>
      </c>
      <c r="C19904" s="14" t="s">
        <v>137</v>
      </c>
      <c r="D19904" s="14" t="s">
        <v>138</v>
      </c>
      <c r="E19904" s="15">
        <v>45570</v>
      </c>
      <c r="F19904" s="14" t="s">
        <v>61</v>
      </c>
      <c r="G19904" s="16">
        <v>0</v>
      </c>
    </row>
    <row r="19905" spans="1:7" x14ac:dyDescent="0.3">
      <c r="A19905" s="13" t="s">
        <v>136</v>
      </c>
      <c r="B19905" s="14" t="s">
        <v>1</v>
      </c>
      <c r="C19905" s="14" t="s">
        <v>137</v>
      </c>
      <c r="D19905" s="14" t="s">
        <v>138</v>
      </c>
      <c r="E19905" s="15">
        <v>45571</v>
      </c>
      <c r="F19905" s="14" t="s">
        <v>61</v>
      </c>
      <c r="G19905" s="16">
        <v>0</v>
      </c>
    </row>
    <row r="19906" spans="1:7" x14ac:dyDescent="0.3">
      <c r="A19906" s="13" t="s">
        <v>136</v>
      </c>
      <c r="B19906" s="14" t="s">
        <v>1</v>
      </c>
      <c r="C19906" s="14" t="s">
        <v>137</v>
      </c>
      <c r="D19906" s="14" t="s">
        <v>138</v>
      </c>
      <c r="E19906" s="15">
        <v>45572</v>
      </c>
      <c r="F19906" s="14" t="s">
        <v>61</v>
      </c>
      <c r="G19906" s="16">
        <v>0</v>
      </c>
    </row>
    <row r="19907" spans="1:7" x14ac:dyDescent="0.3">
      <c r="A19907" s="13" t="s">
        <v>136</v>
      </c>
      <c r="B19907" s="14" t="s">
        <v>1</v>
      </c>
      <c r="C19907" s="14" t="s">
        <v>137</v>
      </c>
      <c r="D19907" s="14" t="s">
        <v>138</v>
      </c>
      <c r="E19907" s="15">
        <v>45573</v>
      </c>
      <c r="F19907" s="14" t="s">
        <v>61</v>
      </c>
      <c r="G19907" s="16">
        <v>0</v>
      </c>
    </row>
    <row r="19908" spans="1:7" x14ac:dyDescent="0.3">
      <c r="A19908" s="13" t="s">
        <v>136</v>
      </c>
      <c r="B19908" s="14" t="s">
        <v>1</v>
      </c>
      <c r="C19908" s="14" t="s">
        <v>137</v>
      </c>
      <c r="D19908" s="14" t="s">
        <v>138</v>
      </c>
      <c r="E19908" s="15">
        <v>45574</v>
      </c>
      <c r="F19908" s="14" t="s">
        <v>61</v>
      </c>
      <c r="G19908" s="16">
        <v>0</v>
      </c>
    </row>
    <row r="19909" spans="1:7" x14ac:dyDescent="0.3">
      <c r="A19909" s="13" t="s">
        <v>136</v>
      </c>
      <c r="B19909" s="14" t="s">
        <v>1</v>
      </c>
      <c r="C19909" s="14" t="s">
        <v>137</v>
      </c>
      <c r="D19909" s="14" t="s">
        <v>138</v>
      </c>
      <c r="E19909" s="15">
        <v>45575</v>
      </c>
      <c r="F19909" s="14" t="s">
        <v>61</v>
      </c>
      <c r="G19909" s="16">
        <v>0</v>
      </c>
    </row>
    <row r="19910" spans="1:7" x14ac:dyDescent="0.3">
      <c r="A19910" s="13" t="s">
        <v>136</v>
      </c>
      <c r="B19910" s="14" t="s">
        <v>1</v>
      </c>
      <c r="C19910" s="14" t="s">
        <v>137</v>
      </c>
      <c r="D19910" s="14" t="s">
        <v>138</v>
      </c>
      <c r="E19910" s="15">
        <v>45576</v>
      </c>
      <c r="F19910" s="14" t="s">
        <v>61</v>
      </c>
      <c r="G19910" s="16">
        <v>0</v>
      </c>
    </row>
    <row r="19911" spans="1:7" x14ac:dyDescent="0.3">
      <c r="A19911" s="13" t="s">
        <v>136</v>
      </c>
      <c r="B19911" s="14" t="s">
        <v>1</v>
      </c>
      <c r="C19911" s="14" t="s">
        <v>137</v>
      </c>
      <c r="D19911" s="14" t="s">
        <v>138</v>
      </c>
      <c r="E19911" s="15">
        <v>45577</v>
      </c>
      <c r="F19911" s="14" t="s">
        <v>61</v>
      </c>
      <c r="G19911" s="16">
        <v>0</v>
      </c>
    </row>
    <row r="19912" spans="1:7" x14ac:dyDescent="0.3">
      <c r="A19912" s="13" t="s">
        <v>136</v>
      </c>
      <c r="B19912" s="14" t="s">
        <v>1</v>
      </c>
      <c r="C19912" s="14" t="s">
        <v>137</v>
      </c>
      <c r="D19912" s="14" t="s">
        <v>138</v>
      </c>
      <c r="E19912" s="15">
        <v>45578</v>
      </c>
      <c r="F19912" s="14" t="s">
        <v>61</v>
      </c>
      <c r="G19912" s="16">
        <v>0</v>
      </c>
    </row>
    <row r="19913" spans="1:7" x14ac:dyDescent="0.3">
      <c r="A19913" s="13" t="s">
        <v>136</v>
      </c>
      <c r="B19913" s="14" t="s">
        <v>1</v>
      </c>
      <c r="C19913" s="14" t="s">
        <v>137</v>
      </c>
      <c r="D19913" s="14" t="s">
        <v>138</v>
      </c>
      <c r="E19913" s="15">
        <v>45579</v>
      </c>
      <c r="F19913" s="14" t="s">
        <v>61</v>
      </c>
      <c r="G19913" s="16">
        <v>0</v>
      </c>
    </row>
    <row r="19914" spans="1:7" x14ac:dyDescent="0.3">
      <c r="A19914" s="13" t="s">
        <v>136</v>
      </c>
      <c r="B19914" s="14" t="s">
        <v>1</v>
      </c>
      <c r="C19914" s="14" t="s">
        <v>137</v>
      </c>
      <c r="D19914" s="14" t="s">
        <v>138</v>
      </c>
      <c r="E19914" s="15">
        <v>45580</v>
      </c>
      <c r="F19914" s="14" t="s">
        <v>61</v>
      </c>
      <c r="G19914" s="16">
        <v>0</v>
      </c>
    </row>
    <row r="19915" spans="1:7" x14ac:dyDescent="0.3">
      <c r="A19915" s="13" t="s">
        <v>136</v>
      </c>
      <c r="B19915" s="14" t="s">
        <v>1</v>
      </c>
      <c r="C19915" s="14" t="s">
        <v>137</v>
      </c>
      <c r="D19915" s="14" t="s">
        <v>138</v>
      </c>
      <c r="E19915" s="15">
        <v>45581</v>
      </c>
      <c r="F19915" s="14" t="s">
        <v>61</v>
      </c>
      <c r="G19915" s="16">
        <v>0</v>
      </c>
    </row>
    <row r="19916" spans="1:7" x14ac:dyDescent="0.3">
      <c r="A19916" s="13" t="s">
        <v>136</v>
      </c>
      <c r="B19916" s="14" t="s">
        <v>1</v>
      </c>
      <c r="C19916" s="14" t="s">
        <v>137</v>
      </c>
      <c r="D19916" s="14" t="s">
        <v>138</v>
      </c>
      <c r="E19916" s="15">
        <v>45582</v>
      </c>
      <c r="F19916" s="14" t="s">
        <v>61</v>
      </c>
      <c r="G19916" s="16">
        <v>0</v>
      </c>
    </row>
    <row r="19917" spans="1:7" x14ac:dyDescent="0.3">
      <c r="A19917" s="13" t="s">
        <v>136</v>
      </c>
      <c r="B19917" s="14" t="s">
        <v>1</v>
      </c>
      <c r="C19917" s="14" t="s">
        <v>137</v>
      </c>
      <c r="D19917" s="14" t="s">
        <v>138</v>
      </c>
      <c r="E19917" s="15">
        <v>45583</v>
      </c>
      <c r="F19917" s="14" t="s">
        <v>61</v>
      </c>
      <c r="G19917" s="16">
        <v>0</v>
      </c>
    </row>
    <row r="19918" spans="1:7" x14ac:dyDescent="0.3">
      <c r="A19918" s="13" t="s">
        <v>136</v>
      </c>
      <c r="B19918" s="14" t="s">
        <v>1</v>
      </c>
      <c r="C19918" s="14" t="s">
        <v>137</v>
      </c>
      <c r="D19918" s="14" t="s">
        <v>138</v>
      </c>
      <c r="E19918" s="15">
        <v>45584</v>
      </c>
      <c r="F19918" s="14" t="s">
        <v>61</v>
      </c>
      <c r="G19918" s="16">
        <v>0</v>
      </c>
    </row>
    <row r="19919" spans="1:7" x14ac:dyDescent="0.3">
      <c r="A19919" s="13" t="s">
        <v>136</v>
      </c>
      <c r="B19919" s="14" t="s">
        <v>1</v>
      </c>
      <c r="C19919" s="14" t="s">
        <v>137</v>
      </c>
      <c r="D19919" s="14" t="s">
        <v>138</v>
      </c>
      <c r="E19919" s="15">
        <v>45585</v>
      </c>
      <c r="F19919" s="14" t="s">
        <v>61</v>
      </c>
      <c r="G19919" s="16">
        <v>0</v>
      </c>
    </row>
    <row r="19920" spans="1:7" x14ac:dyDescent="0.3">
      <c r="A19920" s="13" t="s">
        <v>136</v>
      </c>
      <c r="B19920" s="14" t="s">
        <v>1</v>
      </c>
      <c r="C19920" s="14" t="s">
        <v>137</v>
      </c>
      <c r="D19920" s="14" t="s">
        <v>138</v>
      </c>
      <c r="E19920" s="15">
        <v>45586</v>
      </c>
      <c r="F19920" s="14" t="s">
        <v>61</v>
      </c>
      <c r="G19920" s="16">
        <v>7.4049837798987102E-3</v>
      </c>
    </row>
    <row r="19921" spans="1:7" x14ac:dyDescent="0.3">
      <c r="A19921" s="13" t="s">
        <v>136</v>
      </c>
      <c r="B19921" s="14" t="s">
        <v>1</v>
      </c>
      <c r="C19921" s="14" t="s">
        <v>137</v>
      </c>
      <c r="D19921" s="14" t="s">
        <v>138</v>
      </c>
      <c r="E19921" s="15">
        <v>45587</v>
      </c>
      <c r="F19921" s="14" t="s">
        <v>61</v>
      </c>
      <c r="G19921" s="16">
        <v>6.4798338748249695E-2</v>
      </c>
    </row>
    <row r="19922" spans="1:7" x14ac:dyDescent="0.3">
      <c r="A19922" s="13" t="s">
        <v>136</v>
      </c>
      <c r="B19922" s="14" t="s">
        <v>1</v>
      </c>
      <c r="C19922" s="14" t="s">
        <v>137</v>
      </c>
      <c r="D19922" s="14" t="s">
        <v>138</v>
      </c>
      <c r="E19922" s="15">
        <v>45588</v>
      </c>
      <c r="F19922" s="14" t="s">
        <v>61</v>
      </c>
      <c r="G19922" s="16">
        <v>8.8283771932719121E-2</v>
      </c>
    </row>
    <row r="19923" spans="1:7" x14ac:dyDescent="0.3">
      <c r="A19923" s="13" t="s">
        <v>136</v>
      </c>
      <c r="B19923" s="14" t="s">
        <v>1</v>
      </c>
      <c r="C19923" s="14" t="s">
        <v>137</v>
      </c>
      <c r="D19923" s="14" t="s">
        <v>138</v>
      </c>
      <c r="E19923" s="15">
        <v>45589</v>
      </c>
      <c r="F19923" s="14" t="s">
        <v>61</v>
      </c>
      <c r="G19923" s="16">
        <v>0.107272187222477</v>
      </c>
    </row>
    <row r="19924" spans="1:7" x14ac:dyDescent="0.3">
      <c r="A19924" s="13" t="s">
        <v>136</v>
      </c>
      <c r="B19924" s="14" t="s">
        <v>1</v>
      </c>
      <c r="C19924" s="14" t="s">
        <v>137</v>
      </c>
      <c r="D19924" s="14" t="s">
        <v>138</v>
      </c>
      <c r="E19924" s="15">
        <v>45590</v>
      </c>
      <c r="F19924" s="14" t="s">
        <v>61</v>
      </c>
      <c r="G19924" s="16">
        <v>0.12631874550077321</v>
      </c>
    </row>
    <row r="19925" spans="1:7" x14ac:dyDescent="0.3">
      <c r="A19925" s="13" t="s">
        <v>136</v>
      </c>
      <c r="B19925" s="14" t="s">
        <v>1</v>
      </c>
      <c r="C19925" s="14" t="s">
        <v>137</v>
      </c>
      <c r="D19925" s="14" t="s">
        <v>138</v>
      </c>
      <c r="E19925" s="15">
        <v>45591</v>
      </c>
      <c r="F19925" s="14" t="s">
        <v>61</v>
      </c>
      <c r="G19925" s="16">
        <v>0.12631874550077321</v>
      </c>
    </row>
    <row r="19926" spans="1:7" x14ac:dyDescent="0.3">
      <c r="A19926" s="13" t="s">
        <v>136</v>
      </c>
      <c r="B19926" s="14" t="s">
        <v>1</v>
      </c>
      <c r="C19926" s="14" t="s">
        <v>137</v>
      </c>
      <c r="D19926" s="14" t="s">
        <v>138</v>
      </c>
      <c r="E19926" s="15">
        <v>45592</v>
      </c>
      <c r="F19926" s="14" t="s">
        <v>61</v>
      </c>
      <c r="G19926" s="16">
        <v>0.12631874550077321</v>
      </c>
    </row>
    <row r="19927" spans="1:7" x14ac:dyDescent="0.3">
      <c r="A19927" s="13" t="s">
        <v>136</v>
      </c>
      <c r="B19927" s="14" t="s">
        <v>1</v>
      </c>
      <c r="C19927" s="14" t="s">
        <v>137</v>
      </c>
      <c r="D19927" s="14" t="s">
        <v>138</v>
      </c>
      <c r="E19927" s="15">
        <v>45593</v>
      </c>
      <c r="F19927" s="14" t="s">
        <v>61</v>
      </c>
      <c r="G19927" s="16">
        <v>0.12631874550077321</v>
      </c>
    </row>
    <row r="19928" spans="1:7" x14ac:dyDescent="0.3">
      <c r="A19928" s="13" t="s">
        <v>136</v>
      </c>
      <c r="B19928" s="14" t="s">
        <v>1</v>
      </c>
      <c r="C19928" s="14" t="s">
        <v>137</v>
      </c>
      <c r="D19928" s="14" t="s">
        <v>138</v>
      </c>
      <c r="E19928" s="15">
        <v>45594</v>
      </c>
      <c r="F19928" s="14" t="s">
        <v>61</v>
      </c>
      <c r="G19928" s="16">
        <v>0.14549556042904849</v>
      </c>
    </row>
    <row r="19929" spans="1:7" x14ac:dyDescent="0.3">
      <c r="A19929" s="13" t="s">
        <v>136</v>
      </c>
      <c r="B19929" s="14" t="s">
        <v>1</v>
      </c>
      <c r="C19929" s="14" t="s">
        <v>137</v>
      </c>
      <c r="D19929" s="14" t="s">
        <v>138</v>
      </c>
      <c r="E19929" s="15">
        <v>45595</v>
      </c>
      <c r="F19929" s="14" t="s">
        <v>61</v>
      </c>
      <c r="G19929" s="16">
        <v>0.22147580400979974</v>
      </c>
    </row>
    <row r="19930" spans="1:7" x14ac:dyDescent="0.3">
      <c r="A19930" s="13" t="s">
        <v>136</v>
      </c>
      <c r="B19930" s="14" t="s">
        <v>1</v>
      </c>
      <c r="C19930" s="14" t="s">
        <v>137</v>
      </c>
      <c r="D19930" s="14" t="s">
        <v>138</v>
      </c>
      <c r="E19930" s="15">
        <v>45596</v>
      </c>
      <c r="F19930" s="14" t="s">
        <v>61</v>
      </c>
      <c r="G19930" s="16">
        <v>0.23977725678010423</v>
      </c>
    </row>
    <row r="19931" spans="1:7" x14ac:dyDescent="0.3">
      <c r="A19931" s="13" t="s">
        <v>136</v>
      </c>
      <c r="B19931" s="14" t="s">
        <v>1</v>
      </c>
      <c r="C19931" s="14" t="s">
        <v>137</v>
      </c>
      <c r="D19931" s="14" t="s">
        <v>138</v>
      </c>
      <c r="E19931" s="15">
        <v>45597</v>
      </c>
      <c r="F19931" s="14" t="s">
        <v>61</v>
      </c>
      <c r="G19931" s="16">
        <v>0</v>
      </c>
    </row>
    <row r="19932" spans="1:7" x14ac:dyDescent="0.3">
      <c r="A19932" s="13" t="s">
        <v>136</v>
      </c>
      <c r="B19932" s="14" t="s">
        <v>1</v>
      </c>
      <c r="C19932" s="14" t="s">
        <v>137</v>
      </c>
      <c r="D19932" s="14" t="s">
        <v>138</v>
      </c>
      <c r="E19932" s="15">
        <v>45598</v>
      </c>
      <c r="F19932" s="14" t="s">
        <v>61</v>
      </c>
      <c r="G19932" s="16">
        <v>0</v>
      </c>
    </row>
    <row r="19933" spans="1:7" x14ac:dyDescent="0.3">
      <c r="A19933" s="13" t="s">
        <v>136</v>
      </c>
      <c r="B19933" s="14" t="s">
        <v>1</v>
      </c>
      <c r="C19933" s="14" t="s">
        <v>137</v>
      </c>
      <c r="D19933" s="14" t="s">
        <v>138</v>
      </c>
      <c r="E19933" s="15">
        <v>45599</v>
      </c>
      <c r="F19933" s="14" t="s">
        <v>61</v>
      </c>
      <c r="G19933" s="16">
        <v>0</v>
      </c>
    </row>
    <row r="19934" spans="1:7" x14ac:dyDescent="0.3">
      <c r="A19934" s="13" t="s">
        <v>136</v>
      </c>
      <c r="B19934" s="14" t="s">
        <v>1</v>
      </c>
      <c r="C19934" s="14" t="s">
        <v>137</v>
      </c>
      <c r="D19934" s="14" t="s">
        <v>138</v>
      </c>
      <c r="E19934" s="15">
        <v>45600</v>
      </c>
      <c r="F19934" s="14" t="s">
        <v>61</v>
      </c>
      <c r="G19934" s="16">
        <v>0</v>
      </c>
    </row>
    <row r="19935" spans="1:7" x14ac:dyDescent="0.3">
      <c r="A19935" s="13" t="s">
        <v>136</v>
      </c>
      <c r="B19935" s="14" t="s">
        <v>1</v>
      </c>
      <c r="C19935" s="14" t="s">
        <v>137</v>
      </c>
      <c r="D19935" s="14" t="s">
        <v>138</v>
      </c>
      <c r="E19935" s="15">
        <v>45601</v>
      </c>
      <c r="F19935" s="14" t="s">
        <v>61</v>
      </c>
      <c r="G19935" s="16">
        <v>0</v>
      </c>
    </row>
    <row r="19936" spans="1:7" x14ac:dyDescent="0.3">
      <c r="A19936" s="13" t="s">
        <v>136</v>
      </c>
      <c r="B19936" s="14" t="s">
        <v>1</v>
      </c>
      <c r="C19936" s="14" t="s">
        <v>137</v>
      </c>
      <c r="D19936" s="14" t="s">
        <v>138</v>
      </c>
      <c r="E19936" s="15">
        <v>45602</v>
      </c>
      <c r="F19936" s="14" t="s">
        <v>61</v>
      </c>
      <c r="G19936" s="16">
        <v>0</v>
      </c>
    </row>
    <row r="19937" spans="1:7" x14ac:dyDescent="0.3">
      <c r="A19937" s="13" t="s">
        <v>136</v>
      </c>
      <c r="B19937" s="14" t="s">
        <v>1</v>
      </c>
      <c r="C19937" s="14" t="s">
        <v>137</v>
      </c>
      <c r="D19937" s="14" t="s">
        <v>138</v>
      </c>
      <c r="E19937" s="15">
        <v>45603</v>
      </c>
      <c r="F19937" s="14" t="s">
        <v>61</v>
      </c>
      <c r="G19937" s="16">
        <v>0</v>
      </c>
    </row>
    <row r="19938" spans="1:7" x14ac:dyDescent="0.3">
      <c r="A19938" s="13" t="s">
        <v>136</v>
      </c>
      <c r="B19938" s="14" t="s">
        <v>1</v>
      </c>
      <c r="C19938" s="14" t="s">
        <v>137</v>
      </c>
      <c r="D19938" s="14" t="s">
        <v>138</v>
      </c>
      <c r="E19938" s="15">
        <v>45604</v>
      </c>
      <c r="F19938" s="14" t="s">
        <v>61</v>
      </c>
      <c r="G19938" s="16">
        <v>0</v>
      </c>
    </row>
    <row r="19939" spans="1:7" x14ac:dyDescent="0.3">
      <c r="A19939" s="13" t="s">
        <v>136</v>
      </c>
      <c r="B19939" s="14" t="s">
        <v>1</v>
      </c>
      <c r="C19939" s="14" t="s">
        <v>137</v>
      </c>
      <c r="D19939" s="14" t="s">
        <v>138</v>
      </c>
      <c r="E19939" s="15">
        <v>45605</v>
      </c>
      <c r="F19939" s="14" t="s">
        <v>61</v>
      </c>
      <c r="G19939" s="16">
        <v>0</v>
      </c>
    </row>
    <row r="19940" spans="1:7" x14ac:dyDescent="0.3">
      <c r="A19940" s="13" t="s">
        <v>136</v>
      </c>
      <c r="B19940" s="14" t="s">
        <v>1</v>
      </c>
      <c r="C19940" s="14" t="s">
        <v>137</v>
      </c>
      <c r="D19940" s="14" t="s">
        <v>138</v>
      </c>
      <c r="E19940" s="15">
        <v>45606</v>
      </c>
      <c r="F19940" s="14" t="s">
        <v>61</v>
      </c>
      <c r="G19940" s="16">
        <v>0</v>
      </c>
    </row>
    <row r="19941" spans="1:7" x14ac:dyDescent="0.3">
      <c r="A19941" s="13" t="s">
        <v>136</v>
      </c>
      <c r="B19941" s="14" t="s">
        <v>1</v>
      </c>
      <c r="C19941" s="14" t="s">
        <v>137</v>
      </c>
      <c r="D19941" s="14" t="s">
        <v>138</v>
      </c>
      <c r="E19941" s="15">
        <v>45607</v>
      </c>
      <c r="F19941" s="14" t="s">
        <v>61</v>
      </c>
      <c r="G19941" s="16">
        <v>0</v>
      </c>
    </row>
    <row r="19942" spans="1:7" x14ac:dyDescent="0.3">
      <c r="A19942" s="13" t="s">
        <v>136</v>
      </c>
      <c r="B19942" s="14" t="s">
        <v>1</v>
      </c>
      <c r="C19942" s="14" t="s">
        <v>137</v>
      </c>
      <c r="D19942" s="14" t="s">
        <v>138</v>
      </c>
      <c r="E19942" s="15">
        <v>45608</v>
      </c>
      <c r="F19942" s="14" t="s">
        <v>61</v>
      </c>
      <c r="G19942" s="16">
        <v>0</v>
      </c>
    </row>
    <row r="19943" spans="1:7" x14ac:dyDescent="0.3">
      <c r="A19943" s="13" t="s">
        <v>136</v>
      </c>
      <c r="B19943" s="14" t="s">
        <v>1</v>
      </c>
      <c r="C19943" s="14" t="s">
        <v>137</v>
      </c>
      <c r="D19943" s="14" t="s">
        <v>138</v>
      </c>
      <c r="E19943" s="15">
        <v>45609</v>
      </c>
      <c r="F19943" s="14" t="s">
        <v>61</v>
      </c>
      <c r="G19943" s="16">
        <v>0</v>
      </c>
    </row>
    <row r="19944" spans="1:7" x14ac:dyDescent="0.3">
      <c r="A19944" s="13" t="s">
        <v>136</v>
      </c>
      <c r="B19944" s="14" t="s">
        <v>1</v>
      </c>
      <c r="C19944" s="14" t="s">
        <v>137</v>
      </c>
      <c r="D19944" s="14" t="s">
        <v>138</v>
      </c>
      <c r="E19944" s="15">
        <v>45610</v>
      </c>
      <c r="F19944" s="14" t="s">
        <v>61</v>
      </c>
      <c r="G19944" s="16">
        <v>0</v>
      </c>
    </row>
    <row r="19945" spans="1:7" x14ac:dyDescent="0.3">
      <c r="A19945" s="13" t="s">
        <v>136</v>
      </c>
      <c r="B19945" s="14" t="s">
        <v>1</v>
      </c>
      <c r="C19945" s="14" t="s">
        <v>137</v>
      </c>
      <c r="D19945" s="14" t="s">
        <v>138</v>
      </c>
      <c r="E19945" s="15">
        <v>45611</v>
      </c>
      <c r="F19945" s="14" t="s">
        <v>61</v>
      </c>
      <c r="G19945" s="16">
        <v>0</v>
      </c>
    </row>
    <row r="19946" spans="1:7" x14ac:dyDescent="0.3">
      <c r="A19946" s="13" t="s">
        <v>136</v>
      </c>
      <c r="B19946" s="14" t="s">
        <v>1</v>
      </c>
      <c r="C19946" s="14" t="s">
        <v>137</v>
      </c>
      <c r="D19946" s="14" t="s">
        <v>138</v>
      </c>
      <c r="E19946" s="15">
        <v>45612</v>
      </c>
      <c r="F19946" s="14" t="s">
        <v>61</v>
      </c>
      <c r="G19946" s="16">
        <v>0</v>
      </c>
    </row>
    <row r="19947" spans="1:7" x14ac:dyDescent="0.3">
      <c r="A19947" s="13" t="s">
        <v>136</v>
      </c>
      <c r="B19947" s="14" t="s">
        <v>1</v>
      </c>
      <c r="C19947" s="14" t="s">
        <v>137</v>
      </c>
      <c r="D19947" s="14" t="s">
        <v>138</v>
      </c>
      <c r="E19947" s="15">
        <v>45613</v>
      </c>
      <c r="F19947" s="14" t="s">
        <v>61</v>
      </c>
      <c r="G19947" s="16">
        <v>0</v>
      </c>
    </row>
    <row r="19948" spans="1:7" x14ac:dyDescent="0.3">
      <c r="A19948" s="13" t="s">
        <v>136</v>
      </c>
      <c r="B19948" s="14" t="s">
        <v>1</v>
      </c>
      <c r="C19948" s="14" t="s">
        <v>137</v>
      </c>
      <c r="D19948" s="14" t="s">
        <v>138</v>
      </c>
      <c r="E19948" s="15">
        <v>45614</v>
      </c>
      <c r="F19948" s="14" t="s">
        <v>61</v>
      </c>
      <c r="G19948" s="16">
        <v>0</v>
      </c>
    </row>
    <row r="19949" spans="1:7" x14ac:dyDescent="0.3">
      <c r="A19949" s="13" t="s">
        <v>136</v>
      </c>
      <c r="B19949" s="14" t="s">
        <v>1</v>
      </c>
      <c r="C19949" s="14" t="s">
        <v>137</v>
      </c>
      <c r="D19949" s="14" t="s">
        <v>138</v>
      </c>
      <c r="E19949" s="15">
        <v>45615</v>
      </c>
      <c r="F19949" s="14" t="s">
        <v>61</v>
      </c>
      <c r="G19949" s="16">
        <v>0</v>
      </c>
    </row>
    <row r="19950" spans="1:7" x14ac:dyDescent="0.3">
      <c r="A19950" s="13" t="s">
        <v>136</v>
      </c>
      <c r="B19950" s="14" t="s">
        <v>1</v>
      </c>
      <c r="C19950" s="14" t="s">
        <v>137</v>
      </c>
      <c r="D19950" s="14" t="s">
        <v>138</v>
      </c>
      <c r="E19950" s="15">
        <v>45616</v>
      </c>
      <c r="F19950" s="14" t="s">
        <v>61</v>
      </c>
      <c r="G19950" s="16">
        <v>0</v>
      </c>
    </row>
    <row r="19951" spans="1:7" x14ac:dyDescent="0.3">
      <c r="A19951" s="13" t="s">
        <v>136</v>
      </c>
      <c r="B19951" s="14" t="s">
        <v>1</v>
      </c>
      <c r="C19951" s="14" t="s">
        <v>137</v>
      </c>
      <c r="D19951" s="14" t="s">
        <v>138</v>
      </c>
      <c r="E19951" s="15">
        <v>45617</v>
      </c>
      <c r="F19951" s="14" t="s">
        <v>61</v>
      </c>
      <c r="G19951" s="16">
        <v>0</v>
      </c>
    </row>
    <row r="19952" spans="1:7" x14ac:dyDescent="0.3">
      <c r="A19952" s="13" t="s">
        <v>136</v>
      </c>
      <c r="B19952" s="14" t="s">
        <v>1</v>
      </c>
      <c r="C19952" s="14" t="s">
        <v>137</v>
      </c>
      <c r="D19952" s="14" t="s">
        <v>138</v>
      </c>
      <c r="E19952" s="15">
        <v>45618</v>
      </c>
      <c r="F19952" s="14" t="s">
        <v>61</v>
      </c>
      <c r="G19952" s="16">
        <v>0</v>
      </c>
    </row>
    <row r="19953" spans="1:7" x14ac:dyDescent="0.3">
      <c r="A19953" s="13" t="s">
        <v>136</v>
      </c>
      <c r="B19953" s="14" t="s">
        <v>1</v>
      </c>
      <c r="C19953" s="14" t="s">
        <v>137</v>
      </c>
      <c r="D19953" s="14" t="s">
        <v>138</v>
      </c>
      <c r="E19953" s="15">
        <v>45619</v>
      </c>
      <c r="F19953" s="14" t="s">
        <v>61</v>
      </c>
      <c r="G19953" s="16">
        <v>0</v>
      </c>
    </row>
    <row r="19954" spans="1:7" x14ac:dyDescent="0.3">
      <c r="A19954" s="13" t="s">
        <v>136</v>
      </c>
      <c r="B19954" s="14" t="s">
        <v>1</v>
      </c>
      <c r="C19954" s="14" t="s">
        <v>137</v>
      </c>
      <c r="D19954" s="14" t="s">
        <v>138</v>
      </c>
      <c r="E19954" s="15">
        <v>45620</v>
      </c>
      <c r="F19954" s="14" t="s">
        <v>61</v>
      </c>
      <c r="G19954" s="16">
        <v>0</v>
      </c>
    </row>
    <row r="19955" spans="1:7" x14ac:dyDescent="0.3">
      <c r="A19955" s="13" t="s">
        <v>136</v>
      </c>
      <c r="B19955" s="14" t="s">
        <v>1</v>
      </c>
      <c r="C19955" s="14" t="s">
        <v>137</v>
      </c>
      <c r="D19955" s="14" t="s">
        <v>138</v>
      </c>
      <c r="E19955" s="15">
        <v>45621</v>
      </c>
      <c r="F19955" s="14" t="s">
        <v>61</v>
      </c>
      <c r="G19955" s="16">
        <v>0</v>
      </c>
    </row>
    <row r="19956" spans="1:7" x14ac:dyDescent="0.3">
      <c r="A19956" s="13" t="s">
        <v>136</v>
      </c>
      <c r="B19956" s="14" t="s">
        <v>1</v>
      </c>
      <c r="C19956" s="14" t="s">
        <v>137</v>
      </c>
      <c r="D19956" s="14" t="s">
        <v>138</v>
      </c>
      <c r="E19956" s="15">
        <v>45622</v>
      </c>
      <c r="F19956" s="14" t="s">
        <v>61</v>
      </c>
      <c r="G19956" s="16">
        <v>3.7217349736356174E-2</v>
      </c>
    </row>
    <row r="19957" spans="1:7" x14ac:dyDescent="0.3">
      <c r="A19957" s="13" t="s">
        <v>136</v>
      </c>
      <c r="B19957" s="14" t="s">
        <v>1</v>
      </c>
      <c r="C19957" s="14" t="s">
        <v>137</v>
      </c>
      <c r="D19957" s="14" t="s">
        <v>138</v>
      </c>
      <c r="E19957" s="15">
        <v>45623</v>
      </c>
      <c r="F19957" s="14" t="s">
        <v>61</v>
      </c>
      <c r="G19957" s="16">
        <v>8.7312644758076666E-2</v>
      </c>
    </row>
    <row r="19958" spans="1:7" x14ac:dyDescent="0.3">
      <c r="A19958" s="13" t="s">
        <v>136</v>
      </c>
      <c r="B19958" s="14" t="s">
        <v>1</v>
      </c>
      <c r="C19958" s="14" t="s">
        <v>137</v>
      </c>
      <c r="D19958" s="14" t="s">
        <v>138</v>
      </c>
      <c r="E19958" s="15">
        <v>45624</v>
      </c>
      <c r="F19958" s="14" t="s">
        <v>61</v>
      </c>
      <c r="G19958" s="16">
        <v>0.1057520932363287</v>
      </c>
    </row>
    <row r="19959" spans="1:7" x14ac:dyDescent="0.3">
      <c r="A19959" s="13" t="s">
        <v>136</v>
      </c>
      <c r="B19959" s="14" t="s">
        <v>1</v>
      </c>
      <c r="C19959" s="14" t="s">
        <v>137</v>
      </c>
      <c r="D19959" s="14" t="s">
        <v>138</v>
      </c>
      <c r="E19959" s="15">
        <v>45625</v>
      </c>
      <c r="F19959" s="14" t="s">
        <v>61</v>
      </c>
      <c r="G19959" s="16">
        <v>0.12386836361165071</v>
      </c>
    </row>
    <row r="19960" spans="1:7" x14ac:dyDescent="0.3">
      <c r="A19960" s="13" t="s">
        <v>136</v>
      </c>
      <c r="B19960" s="14" t="s">
        <v>1</v>
      </c>
      <c r="C19960" s="14" t="s">
        <v>137</v>
      </c>
      <c r="D19960" s="14" t="s">
        <v>138</v>
      </c>
      <c r="E19960" s="15">
        <v>45626</v>
      </c>
      <c r="F19960" s="14" t="s">
        <v>61</v>
      </c>
      <c r="G19960" s="16">
        <v>0.12386836361165071</v>
      </c>
    </row>
    <row r="19961" spans="1:7" x14ac:dyDescent="0.3">
      <c r="A19961" s="13" t="s">
        <v>136</v>
      </c>
      <c r="B19961" s="14" t="s">
        <v>1</v>
      </c>
      <c r="C19961" s="14" t="s">
        <v>137</v>
      </c>
      <c r="D19961" s="14" t="s">
        <v>138</v>
      </c>
      <c r="E19961" s="15">
        <v>45627</v>
      </c>
      <c r="F19961" s="14" t="s">
        <v>61</v>
      </c>
      <c r="G19961" s="16">
        <v>0.12386836361165071</v>
      </c>
    </row>
    <row r="19962" spans="1:7" x14ac:dyDescent="0.3">
      <c r="A19962" s="13" t="s">
        <v>136</v>
      </c>
      <c r="B19962" s="14" t="s">
        <v>1</v>
      </c>
      <c r="C19962" s="14" t="s">
        <v>137</v>
      </c>
      <c r="D19962" s="14" t="s">
        <v>138</v>
      </c>
      <c r="E19962" s="15">
        <v>45628</v>
      </c>
      <c r="F19962" s="14" t="s">
        <v>61</v>
      </c>
      <c r="G19962" s="16">
        <v>0</v>
      </c>
    </row>
    <row r="19963" spans="1:7" x14ac:dyDescent="0.3">
      <c r="A19963" s="13" t="s">
        <v>136</v>
      </c>
      <c r="B19963" s="14" t="s">
        <v>1</v>
      </c>
      <c r="C19963" s="14" t="s">
        <v>137</v>
      </c>
      <c r="D19963" s="14" t="s">
        <v>138</v>
      </c>
      <c r="E19963" s="15">
        <v>45629</v>
      </c>
      <c r="F19963" s="14" t="s">
        <v>61</v>
      </c>
      <c r="G19963" s="16">
        <v>0</v>
      </c>
    </row>
    <row r="19964" spans="1:7" x14ac:dyDescent="0.3">
      <c r="A19964" s="13" t="s">
        <v>136</v>
      </c>
      <c r="B19964" s="14" t="s">
        <v>1</v>
      </c>
      <c r="C19964" s="14" t="s">
        <v>137</v>
      </c>
      <c r="D19964" s="14" t="s">
        <v>138</v>
      </c>
      <c r="E19964" s="15">
        <v>45630</v>
      </c>
      <c r="F19964" s="14" t="s">
        <v>61</v>
      </c>
      <c r="G19964" s="16">
        <v>0</v>
      </c>
    </row>
    <row r="19965" spans="1:7" x14ac:dyDescent="0.3">
      <c r="A19965" s="13" t="s">
        <v>136</v>
      </c>
      <c r="B19965" s="14" t="s">
        <v>1</v>
      </c>
      <c r="C19965" s="14" t="s">
        <v>137</v>
      </c>
      <c r="D19965" s="14" t="s">
        <v>138</v>
      </c>
      <c r="E19965" s="15">
        <v>45631</v>
      </c>
      <c r="F19965" s="14" t="s">
        <v>61</v>
      </c>
      <c r="G19965" s="16">
        <v>0</v>
      </c>
    </row>
    <row r="19966" spans="1:7" x14ac:dyDescent="0.3">
      <c r="A19966" s="13" t="s">
        <v>136</v>
      </c>
      <c r="B19966" s="14" t="s">
        <v>1</v>
      </c>
      <c r="C19966" s="14" t="s">
        <v>137</v>
      </c>
      <c r="D19966" s="14" t="s">
        <v>138</v>
      </c>
      <c r="E19966" s="15">
        <v>45632</v>
      </c>
      <c r="F19966" s="14" t="s">
        <v>61</v>
      </c>
      <c r="G19966" s="16">
        <v>0</v>
      </c>
    </row>
    <row r="19967" spans="1:7" x14ac:dyDescent="0.3">
      <c r="A19967" s="13" t="s">
        <v>136</v>
      </c>
      <c r="B19967" s="14" t="s">
        <v>1</v>
      </c>
      <c r="C19967" s="14" t="s">
        <v>137</v>
      </c>
      <c r="D19967" s="14" t="s">
        <v>138</v>
      </c>
      <c r="E19967" s="15">
        <v>45633</v>
      </c>
      <c r="F19967" s="14" t="s">
        <v>61</v>
      </c>
      <c r="G19967" s="16">
        <v>0</v>
      </c>
    </row>
    <row r="19968" spans="1:7" x14ac:dyDescent="0.3">
      <c r="A19968" s="13" t="s">
        <v>136</v>
      </c>
      <c r="B19968" s="14" t="s">
        <v>1</v>
      </c>
      <c r="C19968" s="14" t="s">
        <v>137</v>
      </c>
      <c r="D19968" s="14" t="s">
        <v>138</v>
      </c>
      <c r="E19968" s="15">
        <v>45634</v>
      </c>
      <c r="F19968" s="14" t="s">
        <v>61</v>
      </c>
      <c r="G19968" s="16">
        <v>0</v>
      </c>
    </row>
    <row r="19969" spans="1:7" x14ac:dyDescent="0.3">
      <c r="A19969" s="13" t="s">
        <v>136</v>
      </c>
      <c r="B19969" s="14" t="s">
        <v>1</v>
      </c>
      <c r="C19969" s="14" t="s">
        <v>137</v>
      </c>
      <c r="D19969" s="14" t="s">
        <v>138</v>
      </c>
      <c r="E19969" s="15">
        <v>45635</v>
      </c>
      <c r="F19969" s="14" t="s">
        <v>61</v>
      </c>
      <c r="G19969" s="16">
        <v>0</v>
      </c>
    </row>
    <row r="19970" spans="1:7" x14ac:dyDescent="0.3">
      <c r="A19970" s="13" t="s">
        <v>136</v>
      </c>
      <c r="B19970" s="14" t="s">
        <v>1</v>
      </c>
      <c r="C19970" s="14" t="s">
        <v>137</v>
      </c>
      <c r="D19970" s="14" t="s">
        <v>138</v>
      </c>
      <c r="E19970" s="15">
        <v>45636</v>
      </c>
      <c r="F19970" s="14" t="s">
        <v>61</v>
      </c>
      <c r="G19970" s="16">
        <v>0</v>
      </c>
    </row>
    <row r="19971" spans="1:7" x14ac:dyDescent="0.3">
      <c r="A19971" s="13" t="s">
        <v>136</v>
      </c>
      <c r="B19971" s="14" t="s">
        <v>1</v>
      </c>
      <c r="C19971" s="14" t="s">
        <v>137</v>
      </c>
      <c r="D19971" s="14" t="s">
        <v>138</v>
      </c>
      <c r="E19971" s="15">
        <v>45637</v>
      </c>
      <c r="F19971" s="14" t="s">
        <v>61</v>
      </c>
      <c r="G19971" s="16">
        <v>0</v>
      </c>
    </row>
    <row r="19972" spans="1:7" x14ac:dyDescent="0.3">
      <c r="A19972" s="13" t="s">
        <v>136</v>
      </c>
      <c r="B19972" s="14" t="s">
        <v>1</v>
      </c>
      <c r="C19972" s="14" t="s">
        <v>137</v>
      </c>
      <c r="D19972" s="14" t="s">
        <v>138</v>
      </c>
      <c r="E19972" s="15">
        <v>45638</v>
      </c>
      <c r="F19972" s="14" t="s">
        <v>61</v>
      </c>
      <c r="G19972" s="16">
        <v>0</v>
      </c>
    </row>
    <row r="19973" spans="1:7" x14ac:dyDescent="0.3">
      <c r="A19973" s="13" t="s">
        <v>136</v>
      </c>
      <c r="B19973" s="14" t="s">
        <v>1</v>
      </c>
      <c r="C19973" s="14" t="s">
        <v>137</v>
      </c>
      <c r="D19973" s="14" t="s">
        <v>138</v>
      </c>
      <c r="E19973" s="15">
        <v>45639</v>
      </c>
      <c r="F19973" s="14" t="s">
        <v>61</v>
      </c>
      <c r="G19973" s="16">
        <v>0</v>
      </c>
    </row>
    <row r="19974" spans="1:7" x14ac:dyDescent="0.3">
      <c r="A19974" s="13" t="s">
        <v>136</v>
      </c>
      <c r="B19974" s="14" t="s">
        <v>1</v>
      </c>
      <c r="C19974" s="14" t="s">
        <v>137</v>
      </c>
      <c r="D19974" s="14" t="s">
        <v>138</v>
      </c>
      <c r="E19974" s="15">
        <v>45640</v>
      </c>
      <c r="F19974" s="14" t="s">
        <v>61</v>
      </c>
      <c r="G19974" s="16">
        <v>0</v>
      </c>
    </row>
    <row r="19975" spans="1:7" x14ac:dyDescent="0.3">
      <c r="A19975" s="13" t="s">
        <v>136</v>
      </c>
      <c r="B19975" s="14" t="s">
        <v>1</v>
      </c>
      <c r="C19975" s="14" t="s">
        <v>137</v>
      </c>
      <c r="D19975" s="14" t="s">
        <v>138</v>
      </c>
      <c r="E19975" s="15">
        <v>45641</v>
      </c>
      <c r="F19975" s="14" t="s">
        <v>61</v>
      </c>
      <c r="G19975" s="16">
        <v>0</v>
      </c>
    </row>
    <row r="19976" spans="1:7" x14ac:dyDescent="0.3">
      <c r="A19976" s="13" t="s">
        <v>136</v>
      </c>
      <c r="B19976" s="14" t="s">
        <v>1</v>
      </c>
      <c r="C19976" s="14" t="s">
        <v>137</v>
      </c>
      <c r="D19976" s="14" t="s">
        <v>138</v>
      </c>
      <c r="E19976" s="15">
        <v>45642</v>
      </c>
      <c r="F19976" s="14" t="s">
        <v>61</v>
      </c>
      <c r="G19976" s="16">
        <v>0</v>
      </c>
    </row>
    <row r="19977" spans="1:7" x14ac:dyDescent="0.3">
      <c r="A19977" s="13" t="s">
        <v>136</v>
      </c>
      <c r="B19977" s="14" t="s">
        <v>1</v>
      </c>
      <c r="C19977" s="14" t="s">
        <v>137</v>
      </c>
      <c r="D19977" s="14" t="s">
        <v>138</v>
      </c>
      <c r="E19977" s="15">
        <v>45643</v>
      </c>
      <c r="F19977" s="14" t="s">
        <v>61</v>
      </c>
      <c r="G19977" s="16">
        <v>0</v>
      </c>
    </row>
    <row r="19978" spans="1:7" x14ac:dyDescent="0.3">
      <c r="A19978" s="13" t="s">
        <v>136</v>
      </c>
      <c r="B19978" s="14" t="s">
        <v>1</v>
      </c>
      <c r="C19978" s="14" t="s">
        <v>137</v>
      </c>
      <c r="D19978" s="14" t="s">
        <v>138</v>
      </c>
      <c r="E19978" s="15">
        <v>45644</v>
      </c>
      <c r="F19978" s="14" t="s">
        <v>61</v>
      </c>
      <c r="G19978" s="16">
        <v>0</v>
      </c>
    </row>
    <row r="19979" spans="1:7" x14ac:dyDescent="0.3">
      <c r="A19979" s="13" t="s">
        <v>136</v>
      </c>
      <c r="B19979" s="14" t="s">
        <v>1</v>
      </c>
      <c r="C19979" s="14" t="s">
        <v>137</v>
      </c>
      <c r="D19979" s="14" t="s">
        <v>138</v>
      </c>
      <c r="E19979" s="15">
        <v>45645</v>
      </c>
      <c r="F19979" s="14" t="s">
        <v>61</v>
      </c>
      <c r="G19979" s="16">
        <v>0</v>
      </c>
    </row>
    <row r="19980" spans="1:7" x14ac:dyDescent="0.3">
      <c r="A19980" s="13" t="s">
        <v>136</v>
      </c>
      <c r="B19980" s="14" t="s">
        <v>1</v>
      </c>
      <c r="C19980" s="14" t="s">
        <v>137</v>
      </c>
      <c r="D19980" s="14" t="s">
        <v>138</v>
      </c>
      <c r="E19980" s="15">
        <v>45646</v>
      </c>
      <c r="F19980" s="14" t="s">
        <v>61</v>
      </c>
      <c r="G19980" s="16">
        <v>0</v>
      </c>
    </row>
    <row r="19981" spans="1:7" x14ac:dyDescent="0.3">
      <c r="A19981" s="13" t="s">
        <v>136</v>
      </c>
      <c r="B19981" s="14" t="s">
        <v>1</v>
      </c>
      <c r="C19981" s="14" t="s">
        <v>137</v>
      </c>
      <c r="D19981" s="14" t="s">
        <v>138</v>
      </c>
      <c r="E19981" s="15">
        <v>45647</v>
      </c>
      <c r="F19981" s="14" t="s">
        <v>61</v>
      </c>
      <c r="G19981" s="16">
        <v>0</v>
      </c>
    </row>
    <row r="19982" spans="1:7" x14ac:dyDescent="0.3">
      <c r="A19982" s="13" t="s">
        <v>136</v>
      </c>
      <c r="B19982" s="14" t="s">
        <v>1</v>
      </c>
      <c r="C19982" s="14" t="s">
        <v>137</v>
      </c>
      <c r="D19982" s="14" t="s">
        <v>138</v>
      </c>
      <c r="E19982" s="15">
        <v>45648</v>
      </c>
      <c r="F19982" s="14" t="s">
        <v>61</v>
      </c>
      <c r="G19982" s="16">
        <v>0</v>
      </c>
    </row>
    <row r="19983" spans="1:7" x14ac:dyDescent="0.3">
      <c r="A19983" s="13" t="s">
        <v>136</v>
      </c>
      <c r="B19983" s="14" t="s">
        <v>1</v>
      </c>
      <c r="C19983" s="14" t="s">
        <v>137</v>
      </c>
      <c r="D19983" s="14" t="s">
        <v>138</v>
      </c>
      <c r="E19983" s="15">
        <v>45649</v>
      </c>
      <c r="F19983" s="14" t="s">
        <v>61</v>
      </c>
      <c r="G19983" s="16">
        <v>0</v>
      </c>
    </row>
    <row r="19984" spans="1:7" x14ac:dyDescent="0.3">
      <c r="A19984" s="13" t="s">
        <v>136</v>
      </c>
      <c r="B19984" s="14" t="s">
        <v>1</v>
      </c>
      <c r="C19984" s="14" t="s">
        <v>137</v>
      </c>
      <c r="D19984" s="14" t="s">
        <v>138</v>
      </c>
      <c r="E19984" s="15">
        <v>45650</v>
      </c>
      <c r="F19984" s="14" t="s">
        <v>61</v>
      </c>
      <c r="G19984" s="16">
        <v>0</v>
      </c>
    </row>
    <row r="19985" spans="1:7" x14ac:dyDescent="0.3">
      <c r="A19985" s="13" t="s">
        <v>136</v>
      </c>
      <c r="B19985" s="14" t="s">
        <v>1</v>
      </c>
      <c r="C19985" s="14" t="s">
        <v>137</v>
      </c>
      <c r="D19985" s="14" t="s">
        <v>138</v>
      </c>
      <c r="E19985" s="15">
        <v>45651</v>
      </c>
      <c r="F19985" s="14" t="s">
        <v>61</v>
      </c>
      <c r="G19985" s="16">
        <v>0</v>
      </c>
    </row>
    <row r="19986" spans="1:7" x14ac:dyDescent="0.3">
      <c r="A19986" s="13" t="s">
        <v>136</v>
      </c>
      <c r="B19986" s="14" t="s">
        <v>1</v>
      </c>
      <c r="C19986" s="14" t="s">
        <v>137</v>
      </c>
      <c r="D19986" s="14" t="s">
        <v>138</v>
      </c>
      <c r="E19986" s="15">
        <v>45652</v>
      </c>
      <c r="F19986" s="14" t="s">
        <v>61</v>
      </c>
      <c r="G19986" s="16">
        <v>0</v>
      </c>
    </row>
    <row r="19987" spans="1:7" x14ac:dyDescent="0.3">
      <c r="A19987" s="13" t="s">
        <v>136</v>
      </c>
      <c r="B19987" s="14" t="s">
        <v>1</v>
      </c>
      <c r="C19987" s="14" t="s">
        <v>137</v>
      </c>
      <c r="D19987" s="14" t="s">
        <v>138</v>
      </c>
      <c r="E19987" s="15">
        <v>45653</v>
      </c>
      <c r="F19987" s="14" t="s">
        <v>61</v>
      </c>
      <c r="G19987" s="16">
        <v>0</v>
      </c>
    </row>
    <row r="19988" spans="1:7" x14ac:dyDescent="0.3">
      <c r="A19988" s="13" t="s">
        <v>136</v>
      </c>
      <c r="B19988" s="14" t="s">
        <v>1</v>
      </c>
      <c r="C19988" s="14" t="s">
        <v>137</v>
      </c>
      <c r="D19988" s="14" t="s">
        <v>138</v>
      </c>
      <c r="E19988" s="15">
        <v>45654</v>
      </c>
      <c r="F19988" s="14" t="s">
        <v>61</v>
      </c>
      <c r="G19988" s="16">
        <v>0</v>
      </c>
    </row>
    <row r="19989" spans="1:7" x14ac:dyDescent="0.3">
      <c r="A19989" s="13" t="s">
        <v>136</v>
      </c>
      <c r="B19989" s="14" t="s">
        <v>1</v>
      </c>
      <c r="C19989" s="14" t="s">
        <v>137</v>
      </c>
      <c r="D19989" s="14" t="s">
        <v>138</v>
      </c>
      <c r="E19989" s="15">
        <v>45655</v>
      </c>
      <c r="F19989" s="14" t="s">
        <v>61</v>
      </c>
      <c r="G19989" s="16">
        <v>0</v>
      </c>
    </row>
    <row r="19990" spans="1:7" x14ac:dyDescent="0.3">
      <c r="A19990" s="13" t="s">
        <v>136</v>
      </c>
      <c r="B19990" s="14" t="s">
        <v>1</v>
      </c>
      <c r="C19990" s="14" t="s">
        <v>137</v>
      </c>
      <c r="D19990" s="14" t="s">
        <v>138</v>
      </c>
      <c r="E19990" s="15">
        <v>45656</v>
      </c>
      <c r="F19990" s="14" t="s">
        <v>61</v>
      </c>
      <c r="G19990" s="16">
        <v>0</v>
      </c>
    </row>
    <row r="19991" spans="1:7" x14ac:dyDescent="0.3">
      <c r="A19991" s="13" t="s">
        <v>136</v>
      </c>
      <c r="B19991" s="14" t="s">
        <v>1</v>
      </c>
      <c r="C19991" s="14" t="s">
        <v>137</v>
      </c>
      <c r="D19991" s="14" t="s">
        <v>138</v>
      </c>
      <c r="E19991" s="15">
        <v>45657</v>
      </c>
      <c r="F19991" s="14" t="s">
        <v>61</v>
      </c>
      <c r="G19991" s="16">
        <v>8.7108635649898139E-2</v>
      </c>
    </row>
    <row r="19992" spans="1:7" x14ac:dyDescent="0.3">
      <c r="A19992" s="13" t="s">
        <v>136</v>
      </c>
      <c r="B19992" s="14" t="s">
        <v>1</v>
      </c>
      <c r="C19992" s="14" t="s">
        <v>137</v>
      </c>
      <c r="D19992" s="14" t="s">
        <v>138</v>
      </c>
      <c r="E19992" s="15">
        <v>45658</v>
      </c>
      <c r="F19992" s="14" t="s">
        <v>61</v>
      </c>
      <c r="G19992" s="16">
        <v>8.7108635649898139E-2</v>
      </c>
    </row>
    <row r="19993" spans="1:7" x14ac:dyDescent="0.3">
      <c r="A19993" s="13" t="s">
        <v>136</v>
      </c>
      <c r="B19993" s="14" t="s">
        <v>1</v>
      </c>
      <c r="C19993" s="14" t="s">
        <v>137</v>
      </c>
      <c r="D19993" s="14" t="s">
        <v>138</v>
      </c>
      <c r="E19993" s="15">
        <v>45659</v>
      </c>
      <c r="F19993" s="14" t="s">
        <v>61</v>
      </c>
      <c r="G19993" s="16">
        <v>0</v>
      </c>
    </row>
    <row r="19994" spans="1:7" x14ac:dyDescent="0.3">
      <c r="A19994" s="13" t="s">
        <v>136</v>
      </c>
      <c r="B19994" s="14" t="s">
        <v>1</v>
      </c>
      <c r="C19994" s="14" t="s">
        <v>137</v>
      </c>
      <c r="D19994" s="14" t="s">
        <v>138</v>
      </c>
      <c r="E19994" s="15">
        <v>45660</v>
      </c>
      <c r="F19994" s="14" t="s">
        <v>61</v>
      </c>
      <c r="G19994" s="16">
        <v>0</v>
      </c>
    </row>
    <row r="19995" spans="1:7" x14ac:dyDescent="0.3">
      <c r="A19995" s="13" t="s">
        <v>136</v>
      </c>
      <c r="B19995" s="14" t="s">
        <v>1</v>
      </c>
      <c r="C19995" s="14" t="s">
        <v>137</v>
      </c>
      <c r="D19995" s="14" t="s">
        <v>138</v>
      </c>
      <c r="E19995" s="15">
        <v>45661</v>
      </c>
      <c r="F19995" s="14" t="s">
        <v>61</v>
      </c>
      <c r="G19995" s="16">
        <v>0</v>
      </c>
    </row>
    <row r="19996" spans="1:7" x14ac:dyDescent="0.3">
      <c r="A19996" s="13" t="s">
        <v>136</v>
      </c>
      <c r="B19996" s="14" t="s">
        <v>1</v>
      </c>
      <c r="C19996" s="14" t="s">
        <v>137</v>
      </c>
      <c r="D19996" s="14" t="s">
        <v>138</v>
      </c>
      <c r="E19996" s="15">
        <v>45662</v>
      </c>
      <c r="F19996" s="14" t="s">
        <v>61</v>
      </c>
      <c r="G19996" s="16">
        <v>0</v>
      </c>
    </row>
    <row r="19997" spans="1:7" x14ac:dyDescent="0.3">
      <c r="A19997" s="13" t="s">
        <v>136</v>
      </c>
      <c r="B19997" s="14" t="s">
        <v>1</v>
      </c>
      <c r="C19997" s="14" t="s">
        <v>137</v>
      </c>
      <c r="D19997" s="14" t="s">
        <v>138</v>
      </c>
      <c r="E19997" s="15">
        <v>45663</v>
      </c>
      <c r="F19997" s="14" t="s">
        <v>61</v>
      </c>
      <c r="G19997" s="16">
        <v>0</v>
      </c>
    </row>
    <row r="19998" spans="1:7" x14ac:dyDescent="0.3">
      <c r="A19998" s="13" t="s">
        <v>136</v>
      </c>
      <c r="B19998" s="14" t="s">
        <v>1</v>
      </c>
      <c r="C19998" s="14" t="s">
        <v>137</v>
      </c>
      <c r="D19998" s="14" t="s">
        <v>138</v>
      </c>
      <c r="E19998" s="15">
        <v>45664</v>
      </c>
      <c r="F19998" s="14" t="s">
        <v>61</v>
      </c>
      <c r="G19998" s="16">
        <v>0</v>
      </c>
    </row>
    <row r="19999" spans="1:7" x14ac:dyDescent="0.3">
      <c r="A19999" s="13" t="s">
        <v>136</v>
      </c>
      <c r="B19999" s="14" t="s">
        <v>1</v>
      </c>
      <c r="C19999" s="14" t="s">
        <v>137</v>
      </c>
      <c r="D19999" s="14" t="s">
        <v>138</v>
      </c>
      <c r="E19999" s="15">
        <v>45665</v>
      </c>
      <c r="F19999" s="14" t="s">
        <v>61</v>
      </c>
      <c r="G19999" s="16">
        <v>0</v>
      </c>
    </row>
    <row r="20000" spans="1:7" x14ac:dyDescent="0.3">
      <c r="A20000" s="13" t="s">
        <v>136</v>
      </c>
      <c r="B20000" s="14" t="s">
        <v>1</v>
      </c>
      <c r="C20000" s="14" t="s">
        <v>137</v>
      </c>
      <c r="D20000" s="14" t="s">
        <v>138</v>
      </c>
      <c r="E20000" s="15">
        <v>45666</v>
      </c>
      <c r="F20000" s="14" t="s">
        <v>61</v>
      </c>
      <c r="G20000" s="16">
        <v>0</v>
      </c>
    </row>
    <row r="20001" spans="1:7" x14ac:dyDescent="0.3">
      <c r="A20001" s="13" t="s">
        <v>136</v>
      </c>
      <c r="B20001" s="14" t="s">
        <v>1</v>
      </c>
      <c r="C20001" s="14" t="s">
        <v>137</v>
      </c>
      <c r="D20001" s="14" t="s">
        <v>138</v>
      </c>
      <c r="E20001" s="15">
        <v>45667</v>
      </c>
      <c r="F20001" s="14" t="s">
        <v>61</v>
      </c>
      <c r="G20001" s="16">
        <v>0</v>
      </c>
    </row>
    <row r="20002" spans="1:7" x14ac:dyDescent="0.3">
      <c r="A20002" s="13" t="s">
        <v>136</v>
      </c>
      <c r="B20002" s="14" t="s">
        <v>1</v>
      </c>
      <c r="C20002" s="14" t="s">
        <v>137</v>
      </c>
      <c r="D20002" s="14" t="s">
        <v>138</v>
      </c>
      <c r="E20002" s="15">
        <v>45668</v>
      </c>
      <c r="F20002" s="14" t="s">
        <v>61</v>
      </c>
      <c r="G20002" s="16">
        <v>0</v>
      </c>
    </row>
    <row r="20003" spans="1:7" x14ac:dyDescent="0.3">
      <c r="A20003" s="13" t="s">
        <v>136</v>
      </c>
      <c r="B20003" s="14" t="s">
        <v>1</v>
      </c>
      <c r="C20003" s="14" t="s">
        <v>137</v>
      </c>
      <c r="D20003" s="14" t="s">
        <v>138</v>
      </c>
      <c r="E20003" s="15">
        <v>45669</v>
      </c>
      <c r="F20003" s="14" t="s">
        <v>61</v>
      </c>
      <c r="G20003" s="16">
        <v>0</v>
      </c>
    </row>
    <row r="20004" spans="1:7" x14ac:dyDescent="0.3">
      <c r="A20004" s="13" t="s">
        <v>136</v>
      </c>
      <c r="B20004" s="14" t="s">
        <v>1</v>
      </c>
      <c r="C20004" s="14" t="s">
        <v>137</v>
      </c>
      <c r="D20004" s="14" t="s">
        <v>138</v>
      </c>
      <c r="E20004" s="15">
        <v>45670</v>
      </c>
      <c r="F20004" s="14" t="s">
        <v>61</v>
      </c>
      <c r="G20004" s="16">
        <v>0</v>
      </c>
    </row>
    <row r="20005" spans="1:7" x14ac:dyDescent="0.3">
      <c r="A20005" s="13" t="s">
        <v>136</v>
      </c>
      <c r="B20005" s="14" t="s">
        <v>1</v>
      </c>
      <c r="C20005" s="14" t="s">
        <v>137</v>
      </c>
      <c r="D20005" s="14" t="s">
        <v>138</v>
      </c>
      <c r="E20005" s="15">
        <v>45671</v>
      </c>
      <c r="F20005" s="14" t="s">
        <v>61</v>
      </c>
      <c r="G20005" s="16">
        <v>0</v>
      </c>
    </row>
    <row r="20006" spans="1:7" x14ac:dyDescent="0.3">
      <c r="A20006" s="13" t="s">
        <v>136</v>
      </c>
      <c r="B20006" s="14" t="s">
        <v>1</v>
      </c>
      <c r="C20006" s="14" t="s">
        <v>137</v>
      </c>
      <c r="D20006" s="14" t="s">
        <v>138</v>
      </c>
      <c r="E20006" s="15">
        <v>45672</v>
      </c>
      <c r="F20006" s="14" t="s">
        <v>61</v>
      </c>
      <c r="G20006" s="16">
        <v>0</v>
      </c>
    </row>
    <row r="20007" spans="1:7" x14ac:dyDescent="0.3">
      <c r="A20007" s="13" t="s">
        <v>136</v>
      </c>
      <c r="B20007" s="14" t="s">
        <v>1</v>
      </c>
      <c r="C20007" s="14" t="s">
        <v>137</v>
      </c>
      <c r="D20007" s="14" t="s">
        <v>138</v>
      </c>
      <c r="E20007" s="15">
        <v>45673</v>
      </c>
      <c r="F20007" s="14" t="s">
        <v>61</v>
      </c>
      <c r="G20007" s="16">
        <v>0</v>
      </c>
    </row>
    <row r="20008" spans="1:7" x14ac:dyDescent="0.3">
      <c r="A20008" s="13" t="s">
        <v>136</v>
      </c>
      <c r="B20008" s="14" t="s">
        <v>1</v>
      </c>
      <c r="C20008" s="14" t="s">
        <v>137</v>
      </c>
      <c r="D20008" s="14" t="s">
        <v>138</v>
      </c>
      <c r="E20008" s="15">
        <v>45674</v>
      </c>
      <c r="F20008" s="14" t="s">
        <v>61</v>
      </c>
      <c r="G20008" s="16">
        <v>0</v>
      </c>
    </row>
    <row r="20009" spans="1:7" x14ac:dyDescent="0.3">
      <c r="A20009" s="13" t="s">
        <v>136</v>
      </c>
      <c r="B20009" s="14" t="s">
        <v>1</v>
      </c>
      <c r="C20009" s="14" t="s">
        <v>137</v>
      </c>
      <c r="D20009" s="14" t="s">
        <v>138</v>
      </c>
      <c r="E20009" s="15">
        <v>45675</v>
      </c>
      <c r="F20009" s="14" t="s">
        <v>61</v>
      </c>
      <c r="G20009" s="16">
        <v>0</v>
      </c>
    </row>
    <row r="20010" spans="1:7" x14ac:dyDescent="0.3">
      <c r="A20010" s="13" t="s">
        <v>136</v>
      </c>
      <c r="B20010" s="14" t="s">
        <v>1</v>
      </c>
      <c r="C20010" s="14" t="s">
        <v>137</v>
      </c>
      <c r="D20010" s="14" t="s">
        <v>138</v>
      </c>
      <c r="E20010" s="15">
        <v>45676</v>
      </c>
      <c r="F20010" s="14" t="s">
        <v>61</v>
      </c>
      <c r="G20010" s="16">
        <v>0</v>
      </c>
    </row>
    <row r="20011" spans="1:7" x14ac:dyDescent="0.3">
      <c r="A20011" s="13" t="s">
        <v>136</v>
      </c>
      <c r="B20011" s="14" t="s">
        <v>1</v>
      </c>
      <c r="C20011" s="14" t="s">
        <v>137</v>
      </c>
      <c r="D20011" s="14" t="s">
        <v>138</v>
      </c>
      <c r="E20011" s="15">
        <v>45677</v>
      </c>
      <c r="F20011" s="14" t="s">
        <v>61</v>
      </c>
      <c r="G20011" s="16">
        <v>0</v>
      </c>
    </row>
    <row r="20012" spans="1:7" x14ac:dyDescent="0.3">
      <c r="A20012" s="13" t="s">
        <v>136</v>
      </c>
      <c r="B20012" s="14" t="s">
        <v>1</v>
      </c>
      <c r="C20012" s="14" t="s">
        <v>137</v>
      </c>
      <c r="D20012" s="14" t="s">
        <v>138</v>
      </c>
      <c r="E20012" s="15">
        <v>45678</v>
      </c>
      <c r="F20012" s="14" t="s">
        <v>61</v>
      </c>
      <c r="G20012" s="16">
        <v>0</v>
      </c>
    </row>
    <row r="20013" spans="1:7" x14ac:dyDescent="0.3">
      <c r="A20013" s="13" t="s">
        <v>136</v>
      </c>
      <c r="B20013" s="14" t="s">
        <v>1</v>
      </c>
      <c r="C20013" s="14" t="s">
        <v>137</v>
      </c>
      <c r="D20013" s="14" t="s">
        <v>138</v>
      </c>
      <c r="E20013" s="15">
        <v>45679</v>
      </c>
      <c r="F20013" s="14" t="s">
        <v>61</v>
      </c>
      <c r="G20013" s="16">
        <v>0</v>
      </c>
    </row>
    <row r="20014" spans="1:7" x14ac:dyDescent="0.3">
      <c r="A20014" s="13" t="s">
        <v>136</v>
      </c>
      <c r="B20014" s="14" t="s">
        <v>1</v>
      </c>
      <c r="C20014" s="14" t="s">
        <v>137</v>
      </c>
      <c r="D20014" s="14" t="s">
        <v>138</v>
      </c>
      <c r="E20014" s="15">
        <v>45680</v>
      </c>
      <c r="F20014" s="14" t="s">
        <v>61</v>
      </c>
      <c r="G20014" s="16">
        <v>0</v>
      </c>
    </row>
    <row r="20015" spans="1:7" x14ac:dyDescent="0.3">
      <c r="A20015" s="13" t="s">
        <v>136</v>
      </c>
      <c r="B20015" s="14" t="s">
        <v>1</v>
      </c>
      <c r="C20015" s="14" t="s">
        <v>137</v>
      </c>
      <c r="D20015" s="14" t="s">
        <v>138</v>
      </c>
      <c r="E20015" s="15">
        <v>45681</v>
      </c>
      <c r="F20015" s="14" t="s">
        <v>61</v>
      </c>
      <c r="G20015" s="16">
        <v>0</v>
      </c>
    </row>
    <row r="20016" spans="1:7" x14ac:dyDescent="0.3">
      <c r="A20016" s="13" t="s">
        <v>136</v>
      </c>
      <c r="B20016" s="14" t="s">
        <v>1</v>
      </c>
      <c r="C20016" s="14" t="s">
        <v>137</v>
      </c>
      <c r="D20016" s="14" t="s">
        <v>138</v>
      </c>
      <c r="E20016" s="15">
        <v>45682</v>
      </c>
      <c r="F20016" s="14" t="s">
        <v>61</v>
      </c>
      <c r="G20016" s="16">
        <v>0</v>
      </c>
    </row>
    <row r="20017" spans="1:7" x14ac:dyDescent="0.3">
      <c r="A20017" s="13" t="s">
        <v>136</v>
      </c>
      <c r="B20017" s="14" t="s">
        <v>1</v>
      </c>
      <c r="C20017" s="14" t="s">
        <v>137</v>
      </c>
      <c r="D20017" s="14" t="s">
        <v>138</v>
      </c>
      <c r="E20017" s="15">
        <v>45683</v>
      </c>
      <c r="F20017" s="14" t="s">
        <v>61</v>
      </c>
      <c r="G20017" s="16">
        <v>0</v>
      </c>
    </row>
    <row r="20018" spans="1:7" x14ac:dyDescent="0.3">
      <c r="A20018" s="13" t="s">
        <v>136</v>
      </c>
      <c r="B20018" s="14" t="s">
        <v>1</v>
      </c>
      <c r="C20018" s="14" t="s">
        <v>137</v>
      </c>
      <c r="D20018" s="14" t="s">
        <v>138</v>
      </c>
      <c r="E20018" s="15">
        <v>45684</v>
      </c>
      <c r="F20018" s="14" t="s">
        <v>61</v>
      </c>
      <c r="G20018" s="16">
        <v>0</v>
      </c>
    </row>
    <row r="20019" spans="1:7" x14ac:dyDescent="0.3">
      <c r="A20019" s="13" t="s">
        <v>136</v>
      </c>
      <c r="B20019" s="14" t="s">
        <v>1</v>
      </c>
      <c r="C20019" s="14" t="s">
        <v>137</v>
      </c>
      <c r="D20019" s="14" t="s">
        <v>138</v>
      </c>
      <c r="E20019" s="15">
        <v>45685</v>
      </c>
      <c r="F20019" s="14" t="s">
        <v>61</v>
      </c>
      <c r="G20019" s="16">
        <v>0</v>
      </c>
    </row>
    <row r="20020" spans="1:7" x14ac:dyDescent="0.3">
      <c r="A20020" s="13" t="s">
        <v>136</v>
      </c>
      <c r="B20020" s="14" t="s">
        <v>1</v>
      </c>
      <c r="C20020" s="14" t="s">
        <v>137</v>
      </c>
      <c r="D20020" s="14" t="s">
        <v>138</v>
      </c>
      <c r="E20020" s="15">
        <v>45686</v>
      </c>
      <c r="F20020" s="14" t="s">
        <v>61</v>
      </c>
      <c r="G20020" s="16">
        <v>0</v>
      </c>
    </row>
    <row r="20021" spans="1:7" x14ac:dyDescent="0.3">
      <c r="A20021" s="13" t="s">
        <v>136</v>
      </c>
      <c r="B20021" s="14" t="s">
        <v>1</v>
      </c>
      <c r="C20021" s="14" t="s">
        <v>137</v>
      </c>
      <c r="D20021" s="14" t="s">
        <v>138</v>
      </c>
      <c r="E20021" s="15">
        <v>45687</v>
      </c>
      <c r="F20021" s="14" t="s">
        <v>61</v>
      </c>
      <c r="G20021" s="16">
        <v>0</v>
      </c>
    </row>
    <row r="20022" spans="1:7" x14ac:dyDescent="0.3">
      <c r="A20022" s="13" t="s">
        <v>136</v>
      </c>
      <c r="B20022" s="14" t="s">
        <v>1</v>
      </c>
      <c r="C20022" s="14" t="s">
        <v>137</v>
      </c>
      <c r="D20022" s="14" t="s">
        <v>138</v>
      </c>
      <c r="E20022" s="15">
        <v>45688</v>
      </c>
      <c r="F20022" s="14" t="s">
        <v>61</v>
      </c>
      <c r="G20022" s="16">
        <v>1.0365107229258194E-2</v>
      </c>
    </row>
    <row r="20023" spans="1:7" x14ac:dyDescent="0.3">
      <c r="A20023" s="13" t="s">
        <v>136</v>
      </c>
      <c r="B20023" s="14" t="s">
        <v>1</v>
      </c>
      <c r="C20023" s="14" t="s">
        <v>137</v>
      </c>
      <c r="D20023" s="14" t="s">
        <v>138</v>
      </c>
      <c r="E20023" s="15">
        <v>45689</v>
      </c>
      <c r="F20023" s="14" t="s">
        <v>61</v>
      </c>
      <c r="G20023" s="16">
        <v>1.0365107229258194E-2</v>
      </c>
    </row>
    <row r="20024" spans="1:7" x14ac:dyDescent="0.3">
      <c r="A20024" s="13" t="s">
        <v>136</v>
      </c>
      <c r="B20024" s="14" t="s">
        <v>1</v>
      </c>
      <c r="C20024" s="14" t="s">
        <v>137</v>
      </c>
      <c r="D20024" s="14" t="s">
        <v>138</v>
      </c>
      <c r="E20024" s="15">
        <v>45690</v>
      </c>
      <c r="F20024" s="14" t="s">
        <v>61</v>
      </c>
      <c r="G20024" s="16">
        <v>1.0365107229258194E-2</v>
      </c>
    </row>
    <row r="20025" spans="1:7" x14ac:dyDescent="0.3">
      <c r="A20025" s="13" t="s">
        <v>136</v>
      </c>
      <c r="B20025" s="14" t="s">
        <v>1</v>
      </c>
      <c r="C20025" s="14" t="s">
        <v>137</v>
      </c>
      <c r="D20025" s="14" t="s">
        <v>138</v>
      </c>
      <c r="E20025" s="15">
        <v>45691</v>
      </c>
      <c r="F20025" s="14" t="s">
        <v>61</v>
      </c>
      <c r="G20025" s="16">
        <v>1.0365107229258194E-2</v>
      </c>
    </row>
    <row r="20026" spans="1:7" x14ac:dyDescent="0.3">
      <c r="A20026" s="13" t="s">
        <v>136</v>
      </c>
      <c r="B20026" s="14" t="s">
        <v>1</v>
      </c>
      <c r="C20026" s="14" t="s">
        <v>137</v>
      </c>
      <c r="D20026" s="14" t="s">
        <v>138</v>
      </c>
      <c r="E20026" s="15">
        <v>45692</v>
      </c>
      <c r="F20026" s="14" t="s">
        <v>61</v>
      </c>
      <c r="G20026" s="16">
        <v>0</v>
      </c>
    </row>
    <row r="20027" spans="1:7" x14ac:dyDescent="0.3">
      <c r="A20027" s="13" t="s">
        <v>136</v>
      </c>
      <c r="B20027" s="14" t="s">
        <v>1</v>
      </c>
      <c r="C20027" s="14" t="s">
        <v>137</v>
      </c>
      <c r="D20027" s="14" t="s">
        <v>138</v>
      </c>
      <c r="E20027" s="15">
        <v>45693</v>
      </c>
      <c r="F20027" s="14" t="s">
        <v>61</v>
      </c>
      <c r="G20027" s="16">
        <v>0</v>
      </c>
    </row>
    <row r="20028" spans="1:7" x14ac:dyDescent="0.3">
      <c r="A20028" s="13" t="s">
        <v>136</v>
      </c>
      <c r="B20028" s="14" t="s">
        <v>1</v>
      </c>
      <c r="C20028" s="14" t="s">
        <v>137</v>
      </c>
      <c r="D20028" s="14" t="s">
        <v>138</v>
      </c>
      <c r="E20028" s="15">
        <v>45694</v>
      </c>
      <c r="F20028" s="14" t="s">
        <v>61</v>
      </c>
      <c r="G20028" s="16">
        <v>0</v>
      </c>
    </row>
    <row r="20029" spans="1:7" x14ac:dyDescent="0.3">
      <c r="A20029" s="13" t="s">
        <v>136</v>
      </c>
      <c r="B20029" s="14" t="s">
        <v>1</v>
      </c>
      <c r="C20029" s="14" t="s">
        <v>137</v>
      </c>
      <c r="D20029" s="14" t="s">
        <v>138</v>
      </c>
      <c r="E20029" s="15">
        <v>45695</v>
      </c>
      <c r="F20029" s="14" t="s">
        <v>61</v>
      </c>
      <c r="G20029" s="16">
        <v>0</v>
      </c>
    </row>
    <row r="20030" spans="1:7" x14ac:dyDescent="0.3">
      <c r="A20030" s="13" t="s">
        <v>136</v>
      </c>
      <c r="B20030" s="14" t="s">
        <v>1</v>
      </c>
      <c r="C20030" s="14" t="s">
        <v>137</v>
      </c>
      <c r="D20030" s="14" t="s">
        <v>138</v>
      </c>
      <c r="E20030" s="15">
        <v>45696</v>
      </c>
      <c r="F20030" s="14" t="s">
        <v>61</v>
      </c>
      <c r="G20030" s="16">
        <v>0</v>
      </c>
    </row>
    <row r="20031" spans="1:7" x14ac:dyDescent="0.3">
      <c r="A20031" s="13" t="s">
        <v>136</v>
      </c>
      <c r="B20031" s="14" t="s">
        <v>1</v>
      </c>
      <c r="C20031" s="14" t="s">
        <v>137</v>
      </c>
      <c r="D20031" s="14" t="s">
        <v>138</v>
      </c>
      <c r="E20031" s="15">
        <v>45697</v>
      </c>
      <c r="F20031" s="14" t="s">
        <v>61</v>
      </c>
      <c r="G20031" s="16">
        <v>0</v>
      </c>
    </row>
    <row r="20032" spans="1:7" x14ac:dyDescent="0.3">
      <c r="A20032" s="13" t="s">
        <v>136</v>
      </c>
      <c r="B20032" s="14" t="s">
        <v>1</v>
      </c>
      <c r="C20032" s="14" t="s">
        <v>137</v>
      </c>
      <c r="D20032" s="14" t="s">
        <v>138</v>
      </c>
      <c r="E20032" s="15">
        <v>45698</v>
      </c>
      <c r="F20032" s="14" t="s">
        <v>61</v>
      </c>
      <c r="G20032" s="16">
        <v>0</v>
      </c>
    </row>
    <row r="20033" spans="1:7" x14ac:dyDescent="0.3">
      <c r="A20033" s="13" t="s">
        <v>136</v>
      </c>
      <c r="B20033" s="14" t="s">
        <v>1</v>
      </c>
      <c r="C20033" s="14" t="s">
        <v>137</v>
      </c>
      <c r="D20033" s="14" t="s">
        <v>138</v>
      </c>
      <c r="E20033" s="15">
        <v>45699</v>
      </c>
      <c r="F20033" s="14" t="s">
        <v>61</v>
      </c>
      <c r="G20033" s="16">
        <v>0</v>
      </c>
    </row>
    <row r="20034" spans="1:7" x14ac:dyDescent="0.3">
      <c r="A20034" s="13" t="s">
        <v>136</v>
      </c>
      <c r="B20034" s="14" t="s">
        <v>1</v>
      </c>
      <c r="C20034" s="14" t="s">
        <v>137</v>
      </c>
      <c r="D20034" s="14" t="s">
        <v>138</v>
      </c>
      <c r="E20034" s="15">
        <v>45700</v>
      </c>
      <c r="F20034" s="14" t="s">
        <v>61</v>
      </c>
      <c r="G20034" s="16">
        <v>0</v>
      </c>
    </row>
    <row r="20035" spans="1:7" x14ac:dyDescent="0.3">
      <c r="A20035" s="13" t="s">
        <v>136</v>
      </c>
      <c r="B20035" s="14" t="s">
        <v>1</v>
      </c>
      <c r="C20035" s="14" t="s">
        <v>137</v>
      </c>
      <c r="D20035" s="14" t="s">
        <v>138</v>
      </c>
      <c r="E20035" s="15">
        <v>45701</v>
      </c>
      <c r="F20035" s="14" t="s">
        <v>61</v>
      </c>
      <c r="G20035" s="16">
        <v>0</v>
      </c>
    </row>
    <row r="20036" spans="1:7" x14ac:dyDescent="0.3">
      <c r="A20036" s="13" t="s">
        <v>136</v>
      </c>
      <c r="B20036" s="14" t="s">
        <v>1</v>
      </c>
      <c r="C20036" s="14" t="s">
        <v>137</v>
      </c>
      <c r="D20036" s="14" t="s">
        <v>138</v>
      </c>
      <c r="E20036" s="15">
        <v>45702</v>
      </c>
      <c r="F20036" s="14" t="s">
        <v>61</v>
      </c>
      <c r="G20036" s="16">
        <v>0</v>
      </c>
    </row>
    <row r="20037" spans="1:7" x14ac:dyDescent="0.3">
      <c r="A20037" s="13" t="s">
        <v>136</v>
      </c>
      <c r="B20037" s="14" t="s">
        <v>1</v>
      </c>
      <c r="C20037" s="14" t="s">
        <v>137</v>
      </c>
      <c r="D20037" s="14" t="s">
        <v>138</v>
      </c>
      <c r="E20037" s="15">
        <v>45703</v>
      </c>
      <c r="F20037" s="14" t="s">
        <v>61</v>
      </c>
      <c r="G20037" s="16">
        <v>0</v>
      </c>
    </row>
    <row r="20038" spans="1:7" x14ac:dyDescent="0.3">
      <c r="A20038" s="13" t="s">
        <v>136</v>
      </c>
      <c r="B20038" s="14" t="s">
        <v>1</v>
      </c>
      <c r="C20038" s="14" t="s">
        <v>137</v>
      </c>
      <c r="D20038" s="14" t="s">
        <v>138</v>
      </c>
      <c r="E20038" s="15">
        <v>45704</v>
      </c>
      <c r="F20038" s="14" t="s">
        <v>61</v>
      </c>
      <c r="G20038" s="16">
        <v>0</v>
      </c>
    </row>
    <row r="20039" spans="1:7" x14ac:dyDescent="0.3">
      <c r="A20039" s="13" t="s">
        <v>136</v>
      </c>
      <c r="B20039" s="14" t="s">
        <v>1</v>
      </c>
      <c r="C20039" s="14" t="s">
        <v>137</v>
      </c>
      <c r="D20039" s="14" t="s">
        <v>138</v>
      </c>
      <c r="E20039" s="15">
        <v>45705</v>
      </c>
      <c r="F20039" s="14" t="s">
        <v>61</v>
      </c>
      <c r="G20039" s="16">
        <v>0</v>
      </c>
    </row>
    <row r="20040" spans="1:7" x14ac:dyDescent="0.3">
      <c r="A20040" s="13" t="s">
        <v>136</v>
      </c>
      <c r="B20040" s="14" t="s">
        <v>1</v>
      </c>
      <c r="C20040" s="14" t="s">
        <v>137</v>
      </c>
      <c r="D20040" s="14" t="s">
        <v>138</v>
      </c>
      <c r="E20040" s="15">
        <v>45706</v>
      </c>
      <c r="F20040" s="14" t="s">
        <v>61</v>
      </c>
      <c r="G20040" s="16">
        <v>0</v>
      </c>
    </row>
    <row r="20041" spans="1:7" x14ac:dyDescent="0.3">
      <c r="A20041" s="13" t="s">
        <v>136</v>
      </c>
      <c r="B20041" s="14" t="s">
        <v>1</v>
      </c>
      <c r="C20041" s="14" t="s">
        <v>137</v>
      </c>
      <c r="D20041" s="14" t="s">
        <v>138</v>
      </c>
      <c r="E20041" s="15">
        <v>45707</v>
      </c>
      <c r="F20041" s="14" t="s">
        <v>61</v>
      </c>
      <c r="G20041" s="16">
        <v>0</v>
      </c>
    </row>
    <row r="20042" spans="1:7" x14ac:dyDescent="0.3">
      <c r="A20042" s="13" t="s">
        <v>136</v>
      </c>
      <c r="B20042" s="14" t="s">
        <v>1</v>
      </c>
      <c r="C20042" s="14" t="s">
        <v>137</v>
      </c>
      <c r="D20042" s="14" t="s">
        <v>138</v>
      </c>
      <c r="E20042" s="15">
        <v>45708</v>
      </c>
      <c r="F20042" s="14" t="s">
        <v>61</v>
      </c>
      <c r="G20042" s="16">
        <v>0</v>
      </c>
    </row>
    <row r="20043" spans="1:7" x14ac:dyDescent="0.3">
      <c r="A20043" s="13" t="s">
        <v>136</v>
      </c>
      <c r="B20043" s="14" t="s">
        <v>1</v>
      </c>
      <c r="C20043" s="14" t="s">
        <v>137</v>
      </c>
      <c r="D20043" s="14" t="s">
        <v>138</v>
      </c>
      <c r="E20043" s="15">
        <v>45709</v>
      </c>
      <c r="F20043" s="14" t="s">
        <v>61</v>
      </c>
      <c r="G20043" s="16">
        <v>0</v>
      </c>
    </row>
    <row r="20044" spans="1:7" x14ac:dyDescent="0.3">
      <c r="A20044" s="13" t="s">
        <v>136</v>
      </c>
      <c r="B20044" s="14" t="s">
        <v>1</v>
      </c>
      <c r="C20044" s="14" t="s">
        <v>137</v>
      </c>
      <c r="D20044" s="14" t="s">
        <v>138</v>
      </c>
      <c r="E20044" s="15">
        <v>45710</v>
      </c>
      <c r="F20044" s="14" t="s">
        <v>61</v>
      </c>
      <c r="G20044" s="16">
        <v>0</v>
      </c>
    </row>
    <row r="20045" spans="1:7" x14ac:dyDescent="0.3">
      <c r="A20045" s="13" t="s">
        <v>136</v>
      </c>
      <c r="B20045" s="14" t="s">
        <v>1</v>
      </c>
      <c r="C20045" s="14" t="s">
        <v>137</v>
      </c>
      <c r="D20045" s="14" t="s">
        <v>138</v>
      </c>
      <c r="E20045" s="15">
        <v>45711</v>
      </c>
      <c r="F20045" s="14" t="s">
        <v>61</v>
      </c>
      <c r="G20045" s="16">
        <v>0</v>
      </c>
    </row>
    <row r="20046" spans="1:7" x14ac:dyDescent="0.3">
      <c r="A20046" s="13" t="s">
        <v>136</v>
      </c>
      <c r="B20046" s="14" t="s">
        <v>1</v>
      </c>
      <c r="C20046" s="14" t="s">
        <v>137</v>
      </c>
      <c r="D20046" s="14" t="s">
        <v>138</v>
      </c>
      <c r="E20046" s="15">
        <v>45712</v>
      </c>
      <c r="F20046" s="14" t="s">
        <v>61</v>
      </c>
      <c r="G20046" s="16">
        <v>0</v>
      </c>
    </row>
    <row r="20047" spans="1:7" x14ac:dyDescent="0.3">
      <c r="A20047" s="13" t="s">
        <v>136</v>
      </c>
      <c r="B20047" s="14" t="s">
        <v>1</v>
      </c>
      <c r="C20047" s="14" t="s">
        <v>137</v>
      </c>
      <c r="D20047" s="14" t="s">
        <v>138</v>
      </c>
      <c r="E20047" s="15">
        <v>45713</v>
      </c>
      <c r="F20047" s="14" t="s">
        <v>61</v>
      </c>
      <c r="G20047" s="16">
        <v>0</v>
      </c>
    </row>
    <row r="20048" spans="1:7" x14ac:dyDescent="0.3">
      <c r="A20048" s="13" t="s">
        <v>136</v>
      </c>
      <c r="B20048" s="14" t="s">
        <v>1</v>
      </c>
      <c r="C20048" s="14" t="s">
        <v>137</v>
      </c>
      <c r="D20048" s="14" t="s">
        <v>138</v>
      </c>
      <c r="E20048" s="15">
        <v>45714</v>
      </c>
      <c r="F20048" s="14" t="s">
        <v>61</v>
      </c>
      <c r="G20048" s="16">
        <v>0</v>
      </c>
    </row>
    <row r="20049" spans="1:7" x14ac:dyDescent="0.3">
      <c r="A20049" s="13" t="s">
        <v>136</v>
      </c>
      <c r="B20049" s="14" t="s">
        <v>1</v>
      </c>
      <c r="C20049" s="14" t="s">
        <v>137</v>
      </c>
      <c r="D20049" s="14" t="s">
        <v>138</v>
      </c>
      <c r="E20049" s="15">
        <v>45715</v>
      </c>
      <c r="F20049" s="14" t="s">
        <v>61</v>
      </c>
      <c r="G20049" s="16">
        <v>0</v>
      </c>
    </row>
    <row r="20050" spans="1:7" x14ac:dyDescent="0.3">
      <c r="A20050" s="13" t="s">
        <v>136</v>
      </c>
      <c r="B20050" s="14" t="s">
        <v>1</v>
      </c>
      <c r="C20050" s="14" t="s">
        <v>137</v>
      </c>
      <c r="D20050" s="14" t="s">
        <v>138</v>
      </c>
      <c r="E20050" s="15">
        <v>45716</v>
      </c>
      <c r="F20050" s="14" t="s">
        <v>61</v>
      </c>
      <c r="G20050" s="16">
        <v>0</v>
      </c>
    </row>
    <row r="20051" spans="1:7" x14ac:dyDescent="0.3">
      <c r="A20051" s="13" t="s">
        <v>136</v>
      </c>
      <c r="B20051" s="14" t="s">
        <v>1</v>
      </c>
      <c r="C20051" s="14" t="s">
        <v>137</v>
      </c>
      <c r="D20051" s="14" t="s">
        <v>138</v>
      </c>
      <c r="E20051" s="15">
        <v>45717</v>
      </c>
      <c r="F20051" s="14" t="s">
        <v>61</v>
      </c>
      <c r="G20051" s="16">
        <v>0</v>
      </c>
    </row>
    <row r="20052" spans="1:7" x14ac:dyDescent="0.3">
      <c r="A20052" s="13" t="s">
        <v>136</v>
      </c>
      <c r="B20052" s="14" t="s">
        <v>1</v>
      </c>
      <c r="C20052" s="14" t="s">
        <v>137</v>
      </c>
      <c r="D20052" s="14" t="s">
        <v>138</v>
      </c>
      <c r="E20052" s="15">
        <v>45718</v>
      </c>
      <c r="F20052" s="14" t="s">
        <v>61</v>
      </c>
      <c r="G20052" s="16">
        <v>0</v>
      </c>
    </row>
    <row r="20053" spans="1:7" x14ac:dyDescent="0.3">
      <c r="A20053" s="13" t="s">
        <v>136</v>
      </c>
      <c r="B20053" s="14" t="s">
        <v>1</v>
      </c>
      <c r="C20053" s="14" t="s">
        <v>137</v>
      </c>
      <c r="D20053" s="14" t="s">
        <v>138</v>
      </c>
      <c r="E20053" s="15">
        <v>45719</v>
      </c>
      <c r="F20053" s="14" t="s">
        <v>61</v>
      </c>
      <c r="G20053" s="16">
        <v>0</v>
      </c>
    </row>
    <row r="20054" spans="1:7" x14ac:dyDescent="0.3">
      <c r="A20054" s="13" t="s">
        <v>136</v>
      </c>
      <c r="B20054" s="14" t="s">
        <v>1</v>
      </c>
      <c r="C20054" s="14" t="s">
        <v>137</v>
      </c>
      <c r="D20054" s="14" t="s">
        <v>138</v>
      </c>
      <c r="E20054" s="15">
        <v>45720</v>
      </c>
      <c r="F20054" s="14" t="s">
        <v>61</v>
      </c>
      <c r="G20054" s="16">
        <v>0</v>
      </c>
    </row>
    <row r="20055" spans="1:7" x14ac:dyDescent="0.3">
      <c r="A20055" s="13" t="s">
        <v>136</v>
      </c>
      <c r="B20055" s="14" t="s">
        <v>1</v>
      </c>
      <c r="C20055" s="14" t="s">
        <v>137</v>
      </c>
      <c r="D20055" s="14" t="s">
        <v>138</v>
      </c>
      <c r="E20055" s="15">
        <v>45721</v>
      </c>
      <c r="F20055" s="14" t="s">
        <v>61</v>
      </c>
      <c r="G20055" s="16">
        <v>0</v>
      </c>
    </row>
    <row r="20056" spans="1:7" x14ac:dyDescent="0.3">
      <c r="A20056" s="13" t="s">
        <v>136</v>
      </c>
      <c r="B20056" s="14" t="s">
        <v>1</v>
      </c>
      <c r="C20056" s="14" t="s">
        <v>137</v>
      </c>
      <c r="D20056" s="14" t="s">
        <v>138</v>
      </c>
      <c r="E20056" s="15">
        <v>45722</v>
      </c>
      <c r="F20056" s="14" t="s">
        <v>61</v>
      </c>
      <c r="G20056" s="16">
        <v>0</v>
      </c>
    </row>
    <row r="20057" spans="1:7" x14ac:dyDescent="0.3">
      <c r="A20057" s="13" t="s">
        <v>136</v>
      </c>
      <c r="B20057" s="14" t="s">
        <v>1</v>
      </c>
      <c r="C20057" s="14" t="s">
        <v>137</v>
      </c>
      <c r="D20057" s="14" t="s">
        <v>138</v>
      </c>
      <c r="E20057" s="15">
        <v>45723</v>
      </c>
      <c r="F20057" s="14" t="s">
        <v>61</v>
      </c>
      <c r="G20057" s="16">
        <v>0</v>
      </c>
    </row>
    <row r="20058" spans="1:7" x14ac:dyDescent="0.3">
      <c r="A20058" s="13" t="s">
        <v>136</v>
      </c>
      <c r="B20058" s="14" t="s">
        <v>1</v>
      </c>
      <c r="C20058" s="14" t="s">
        <v>137</v>
      </c>
      <c r="D20058" s="14" t="s">
        <v>138</v>
      </c>
      <c r="E20058" s="15">
        <v>45724</v>
      </c>
      <c r="F20058" s="14" t="s">
        <v>61</v>
      </c>
      <c r="G20058" s="16">
        <v>0</v>
      </c>
    </row>
    <row r="20059" spans="1:7" x14ac:dyDescent="0.3">
      <c r="A20059" s="13" t="s">
        <v>136</v>
      </c>
      <c r="B20059" s="14" t="s">
        <v>1</v>
      </c>
      <c r="C20059" s="14" t="s">
        <v>137</v>
      </c>
      <c r="D20059" s="14" t="s">
        <v>138</v>
      </c>
      <c r="E20059" s="15">
        <v>45725</v>
      </c>
      <c r="F20059" s="14" t="s">
        <v>61</v>
      </c>
      <c r="G20059" s="16">
        <v>0</v>
      </c>
    </row>
    <row r="20060" spans="1:7" x14ac:dyDescent="0.3">
      <c r="A20060" s="13" t="s">
        <v>136</v>
      </c>
      <c r="B20060" s="14" t="s">
        <v>1</v>
      </c>
      <c r="C20060" s="14" t="s">
        <v>137</v>
      </c>
      <c r="D20060" s="14" t="s">
        <v>138</v>
      </c>
      <c r="E20060" s="15">
        <v>45726</v>
      </c>
      <c r="F20060" s="14" t="s">
        <v>61</v>
      </c>
      <c r="G20060" s="16">
        <v>0</v>
      </c>
    </row>
    <row r="20061" spans="1:7" x14ac:dyDescent="0.3">
      <c r="A20061" s="13" t="s">
        <v>136</v>
      </c>
      <c r="B20061" s="14" t="s">
        <v>1</v>
      </c>
      <c r="C20061" s="14" t="s">
        <v>137</v>
      </c>
      <c r="D20061" s="14" t="s">
        <v>138</v>
      </c>
      <c r="E20061" s="15">
        <v>45727</v>
      </c>
      <c r="F20061" s="14" t="s">
        <v>61</v>
      </c>
      <c r="G20061" s="16">
        <v>0</v>
      </c>
    </row>
    <row r="20062" spans="1:7" x14ac:dyDescent="0.3">
      <c r="A20062" s="13" t="s">
        <v>136</v>
      </c>
      <c r="B20062" s="14" t="s">
        <v>1</v>
      </c>
      <c r="C20062" s="14" t="s">
        <v>137</v>
      </c>
      <c r="D20062" s="14" t="s">
        <v>138</v>
      </c>
      <c r="E20062" s="15">
        <v>45728</v>
      </c>
      <c r="F20062" s="14" t="s">
        <v>61</v>
      </c>
      <c r="G20062" s="16">
        <v>0</v>
      </c>
    </row>
    <row r="20063" spans="1:7" x14ac:dyDescent="0.3">
      <c r="A20063" s="13" t="s">
        <v>136</v>
      </c>
      <c r="B20063" s="14" t="s">
        <v>1</v>
      </c>
      <c r="C20063" s="14" t="s">
        <v>137</v>
      </c>
      <c r="D20063" s="14" t="s">
        <v>138</v>
      </c>
      <c r="E20063" s="15">
        <v>45729</v>
      </c>
      <c r="F20063" s="14" t="s">
        <v>61</v>
      </c>
      <c r="G20063" s="16">
        <v>0</v>
      </c>
    </row>
    <row r="20064" spans="1:7" x14ac:dyDescent="0.3">
      <c r="A20064" s="13" t="s">
        <v>136</v>
      </c>
      <c r="B20064" s="14" t="s">
        <v>1</v>
      </c>
      <c r="C20064" s="14" t="s">
        <v>137</v>
      </c>
      <c r="D20064" s="14" t="s">
        <v>138</v>
      </c>
      <c r="E20064" s="15">
        <v>45730</v>
      </c>
      <c r="F20064" s="14" t="s">
        <v>61</v>
      </c>
      <c r="G20064" s="16">
        <v>0</v>
      </c>
    </row>
    <row r="20065" spans="1:7" x14ac:dyDescent="0.3">
      <c r="A20065" s="13" t="s">
        <v>136</v>
      </c>
      <c r="B20065" s="14" t="s">
        <v>1</v>
      </c>
      <c r="C20065" s="14" t="s">
        <v>137</v>
      </c>
      <c r="D20065" s="14" t="s">
        <v>138</v>
      </c>
      <c r="E20065" s="15">
        <v>45731</v>
      </c>
      <c r="F20065" s="14" t="s">
        <v>61</v>
      </c>
      <c r="G20065" s="16">
        <v>0</v>
      </c>
    </row>
    <row r="20066" spans="1:7" x14ac:dyDescent="0.3">
      <c r="A20066" s="13" t="s">
        <v>136</v>
      </c>
      <c r="B20066" s="14" t="s">
        <v>1</v>
      </c>
      <c r="C20066" s="14" t="s">
        <v>137</v>
      </c>
      <c r="D20066" s="14" t="s">
        <v>138</v>
      </c>
      <c r="E20066" s="15">
        <v>45732</v>
      </c>
      <c r="F20066" s="14" t="s">
        <v>61</v>
      </c>
      <c r="G20066" s="16">
        <v>0</v>
      </c>
    </row>
    <row r="20067" spans="1:7" x14ac:dyDescent="0.3">
      <c r="A20067" s="13" t="s">
        <v>136</v>
      </c>
      <c r="B20067" s="14" t="s">
        <v>1</v>
      </c>
      <c r="C20067" s="14" t="s">
        <v>137</v>
      </c>
      <c r="D20067" s="14" t="s">
        <v>138</v>
      </c>
      <c r="E20067" s="15">
        <v>45733</v>
      </c>
      <c r="F20067" s="14" t="s">
        <v>61</v>
      </c>
      <c r="G20067" s="16">
        <v>0</v>
      </c>
    </row>
    <row r="20068" spans="1:7" x14ac:dyDescent="0.3">
      <c r="A20068" s="13" t="s">
        <v>136</v>
      </c>
      <c r="B20068" s="14" t="s">
        <v>1</v>
      </c>
      <c r="C20068" s="14" t="s">
        <v>137</v>
      </c>
      <c r="D20068" s="14" t="s">
        <v>138</v>
      </c>
      <c r="E20068" s="15">
        <v>45734</v>
      </c>
      <c r="F20068" s="14" t="s">
        <v>61</v>
      </c>
      <c r="G20068" s="16">
        <v>0</v>
      </c>
    </row>
    <row r="20069" spans="1:7" x14ac:dyDescent="0.3">
      <c r="A20069" s="13" t="s">
        <v>136</v>
      </c>
      <c r="B20069" s="14" t="s">
        <v>1</v>
      </c>
      <c r="C20069" s="14" t="s">
        <v>137</v>
      </c>
      <c r="D20069" s="14" t="s">
        <v>138</v>
      </c>
      <c r="E20069" s="15">
        <v>45735</v>
      </c>
      <c r="F20069" s="14" t="s">
        <v>61</v>
      </c>
      <c r="G20069" s="16">
        <v>0</v>
      </c>
    </row>
    <row r="20070" spans="1:7" x14ac:dyDescent="0.3">
      <c r="A20070" s="13" t="s">
        <v>136</v>
      </c>
      <c r="B20070" s="14" t="s">
        <v>1</v>
      </c>
      <c r="C20070" s="14" t="s">
        <v>137</v>
      </c>
      <c r="D20070" s="14" t="s">
        <v>138</v>
      </c>
      <c r="E20070" s="15">
        <v>45736</v>
      </c>
      <c r="F20070" s="14" t="s">
        <v>61</v>
      </c>
      <c r="G20070" s="16">
        <v>0</v>
      </c>
    </row>
    <row r="20071" spans="1:7" x14ac:dyDescent="0.3">
      <c r="A20071" s="13" t="s">
        <v>136</v>
      </c>
      <c r="B20071" s="14" t="s">
        <v>1</v>
      </c>
      <c r="C20071" s="14" t="s">
        <v>137</v>
      </c>
      <c r="D20071" s="14" t="s">
        <v>138</v>
      </c>
      <c r="E20071" s="15">
        <v>45737</v>
      </c>
      <c r="F20071" s="14" t="s">
        <v>61</v>
      </c>
      <c r="G20071" s="16">
        <v>0</v>
      </c>
    </row>
    <row r="20072" spans="1:7" x14ac:dyDescent="0.3">
      <c r="A20072" s="13" t="s">
        <v>136</v>
      </c>
      <c r="B20072" s="14" t="s">
        <v>1</v>
      </c>
      <c r="C20072" s="14" t="s">
        <v>137</v>
      </c>
      <c r="D20072" s="14" t="s">
        <v>138</v>
      </c>
      <c r="E20072" s="15">
        <v>45738</v>
      </c>
      <c r="F20072" s="14" t="s">
        <v>61</v>
      </c>
      <c r="G20072" s="16">
        <v>0</v>
      </c>
    </row>
    <row r="20073" spans="1:7" x14ac:dyDescent="0.3">
      <c r="A20073" s="13" t="s">
        <v>136</v>
      </c>
      <c r="B20073" s="14" t="s">
        <v>1</v>
      </c>
      <c r="C20073" s="14" t="s">
        <v>137</v>
      </c>
      <c r="D20073" s="14" t="s">
        <v>138</v>
      </c>
      <c r="E20073" s="15">
        <v>45739</v>
      </c>
      <c r="F20073" s="14" t="s">
        <v>61</v>
      </c>
      <c r="G20073" s="16">
        <v>0</v>
      </c>
    </row>
    <row r="20074" spans="1:7" x14ac:dyDescent="0.3">
      <c r="A20074" s="13" t="s">
        <v>136</v>
      </c>
      <c r="B20074" s="14" t="s">
        <v>1</v>
      </c>
      <c r="C20074" s="14" t="s">
        <v>137</v>
      </c>
      <c r="D20074" s="14" t="s">
        <v>138</v>
      </c>
      <c r="E20074" s="15">
        <v>45740</v>
      </c>
      <c r="F20074" s="14" t="s">
        <v>61</v>
      </c>
      <c r="G20074" s="16">
        <v>0</v>
      </c>
    </row>
    <row r="20075" spans="1:7" x14ac:dyDescent="0.3">
      <c r="A20075" s="13" t="s">
        <v>136</v>
      </c>
      <c r="B20075" s="14" t="s">
        <v>1</v>
      </c>
      <c r="C20075" s="14" t="s">
        <v>137</v>
      </c>
      <c r="D20075" s="14" t="s">
        <v>138</v>
      </c>
      <c r="E20075" s="15">
        <v>45741</v>
      </c>
      <c r="F20075" s="14" t="s">
        <v>61</v>
      </c>
      <c r="G20075" s="16">
        <v>0</v>
      </c>
    </row>
    <row r="20076" spans="1:7" x14ac:dyDescent="0.3">
      <c r="A20076" s="13" t="s">
        <v>136</v>
      </c>
      <c r="B20076" s="14" t="s">
        <v>1</v>
      </c>
      <c r="C20076" s="14" t="s">
        <v>137</v>
      </c>
      <c r="D20076" s="14" t="s">
        <v>138</v>
      </c>
      <c r="E20076" s="15">
        <v>45742</v>
      </c>
      <c r="F20076" s="14" t="s">
        <v>61</v>
      </c>
      <c r="G20076" s="16">
        <v>0</v>
      </c>
    </row>
    <row r="20077" spans="1:7" x14ac:dyDescent="0.3">
      <c r="A20077" s="13" t="s">
        <v>136</v>
      </c>
      <c r="B20077" s="14" t="s">
        <v>1</v>
      </c>
      <c r="C20077" s="14" t="s">
        <v>137</v>
      </c>
      <c r="D20077" s="14" t="s">
        <v>138</v>
      </c>
      <c r="E20077" s="15">
        <v>45743</v>
      </c>
      <c r="F20077" s="14" t="s">
        <v>61</v>
      </c>
      <c r="G20077" s="16">
        <v>0</v>
      </c>
    </row>
    <row r="20078" spans="1:7" x14ac:dyDescent="0.3">
      <c r="A20078" s="13" t="s">
        <v>136</v>
      </c>
      <c r="B20078" s="14" t="s">
        <v>1</v>
      </c>
      <c r="C20078" s="14" t="s">
        <v>137</v>
      </c>
      <c r="D20078" s="14" t="s">
        <v>138</v>
      </c>
      <c r="E20078" s="15">
        <v>45744</v>
      </c>
      <c r="F20078" s="14" t="s">
        <v>61</v>
      </c>
      <c r="G20078" s="16">
        <v>0</v>
      </c>
    </row>
    <row r="20079" spans="1:7" x14ac:dyDescent="0.3">
      <c r="A20079" s="13" t="s">
        <v>136</v>
      </c>
      <c r="B20079" s="14" t="s">
        <v>1</v>
      </c>
      <c r="C20079" s="14" t="s">
        <v>137</v>
      </c>
      <c r="D20079" s="14" t="s">
        <v>138</v>
      </c>
      <c r="E20079" s="15">
        <v>45745</v>
      </c>
      <c r="F20079" s="14" t="s">
        <v>61</v>
      </c>
      <c r="G20079" s="16">
        <v>0</v>
      </c>
    </row>
    <row r="20080" spans="1:7" x14ac:dyDescent="0.3">
      <c r="A20080" s="13" t="s">
        <v>136</v>
      </c>
      <c r="B20080" s="14" t="s">
        <v>1</v>
      </c>
      <c r="C20080" s="14" t="s">
        <v>137</v>
      </c>
      <c r="D20080" s="14" t="s">
        <v>138</v>
      </c>
      <c r="E20080" s="15">
        <v>45746</v>
      </c>
      <c r="F20080" s="14" t="s">
        <v>61</v>
      </c>
      <c r="G20080" s="16">
        <v>0</v>
      </c>
    </row>
    <row r="20081" spans="1:7" x14ac:dyDescent="0.3">
      <c r="A20081" s="13" t="s">
        <v>136</v>
      </c>
      <c r="B20081" s="14" t="s">
        <v>1</v>
      </c>
      <c r="C20081" s="14" t="s">
        <v>137</v>
      </c>
      <c r="D20081" s="14" t="s">
        <v>138</v>
      </c>
      <c r="E20081" s="15">
        <v>45747</v>
      </c>
      <c r="F20081" s="14" t="s">
        <v>61</v>
      </c>
      <c r="G20081" s="16">
        <v>0</v>
      </c>
    </row>
    <row r="20082" spans="1:7" x14ac:dyDescent="0.3">
      <c r="A20082" s="13" t="s">
        <v>139</v>
      </c>
      <c r="B20082" s="14" t="s">
        <v>1</v>
      </c>
      <c r="C20082" s="14" t="s">
        <v>23</v>
      </c>
      <c r="D20082" s="14" t="s">
        <v>140</v>
      </c>
      <c r="E20082" s="15">
        <v>45383</v>
      </c>
      <c r="F20082" s="14" t="s">
        <v>15</v>
      </c>
      <c r="G20082" s="16">
        <v>0</v>
      </c>
    </row>
    <row r="20083" spans="1:7" x14ac:dyDescent="0.3">
      <c r="A20083" s="13" t="s">
        <v>139</v>
      </c>
      <c r="B20083" s="14" t="s">
        <v>1</v>
      </c>
      <c r="C20083" s="14" t="s">
        <v>23</v>
      </c>
      <c r="D20083" s="14" t="s">
        <v>140</v>
      </c>
      <c r="E20083" s="15">
        <v>45384</v>
      </c>
      <c r="F20083" s="14" t="s">
        <v>15</v>
      </c>
      <c r="G20083" s="16">
        <v>0</v>
      </c>
    </row>
    <row r="20084" spans="1:7" x14ac:dyDescent="0.3">
      <c r="A20084" s="13" t="s">
        <v>139</v>
      </c>
      <c r="B20084" s="14" t="s">
        <v>1</v>
      </c>
      <c r="C20084" s="14" t="s">
        <v>23</v>
      </c>
      <c r="D20084" s="14" t="s">
        <v>140</v>
      </c>
      <c r="E20084" s="15">
        <v>45385</v>
      </c>
      <c r="F20084" s="14" t="s">
        <v>15</v>
      </c>
      <c r="G20084" s="16">
        <v>7.0114594870782199E-2</v>
      </c>
    </row>
    <row r="20085" spans="1:7" x14ac:dyDescent="0.3">
      <c r="A20085" s="13" t="s">
        <v>139</v>
      </c>
      <c r="B20085" s="14" t="s">
        <v>1</v>
      </c>
      <c r="C20085" s="14" t="s">
        <v>23</v>
      </c>
      <c r="D20085" s="14" t="s">
        <v>140</v>
      </c>
      <c r="E20085" s="15">
        <v>45386</v>
      </c>
      <c r="F20085" s="14" t="s">
        <v>15</v>
      </c>
      <c r="G20085" s="16">
        <v>8.7713964654418566E-2</v>
      </c>
    </row>
    <row r="20086" spans="1:7" x14ac:dyDescent="0.3">
      <c r="A20086" s="13" t="s">
        <v>139</v>
      </c>
      <c r="B20086" s="14" t="s">
        <v>1</v>
      </c>
      <c r="C20086" s="14" t="s">
        <v>23</v>
      </c>
      <c r="D20086" s="14" t="s">
        <v>140</v>
      </c>
      <c r="E20086" s="15">
        <v>45387</v>
      </c>
      <c r="F20086" s="14" t="s">
        <v>15</v>
      </c>
      <c r="G20086" s="16">
        <v>0.11545900698678199</v>
      </c>
    </row>
    <row r="20087" spans="1:7" x14ac:dyDescent="0.3">
      <c r="A20087" s="13" t="s">
        <v>139</v>
      </c>
      <c r="B20087" s="14" t="s">
        <v>1</v>
      </c>
      <c r="C20087" s="14" t="s">
        <v>23</v>
      </c>
      <c r="D20087" s="14" t="s">
        <v>140</v>
      </c>
      <c r="E20087" s="15">
        <v>45388</v>
      </c>
      <c r="F20087" s="14" t="s">
        <v>15</v>
      </c>
      <c r="G20087" s="16">
        <v>0.11545900698678199</v>
      </c>
    </row>
    <row r="20088" spans="1:7" x14ac:dyDescent="0.3">
      <c r="A20088" s="13" t="s">
        <v>139</v>
      </c>
      <c r="B20088" s="14" t="s">
        <v>1</v>
      </c>
      <c r="C20088" s="14" t="s">
        <v>23</v>
      </c>
      <c r="D20088" s="14" t="s">
        <v>140</v>
      </c>
      <c r="E20088" s="15">
        <v>45389</v>
      </c>
      <c r="F20088" s="14" t="s">
        <v>15</v>
      </c>
      <c r="G20088" s="16">
        <v>0.11545900698678199</v>
      </c>
    </row>
    <row r="20089" spans="1:7" x14ac:dyDescent="0.3">
      <c r="A20089" s="13" t="s">
        <v>139</v>
      </c>
      <c r="B20089" s="14" t="s">
        <v>1</v>
      </c>
      <c r="C20089" s="14" t="s">
        <v>23</v>
      </c>
      <c r="D20089" s="14" t="s">
        <v>140</v>
      </c>
      <c r="E20089" s="15">
        <v>45390</v>
      </c>
      <c r="F20089" s="14" t="s">
        <v>15</v>
      </c>
      <c r="G20089" s="16">
        <v>0.13111268523271846</v>
      </c>
    </row>
    <row r="20090" spans="1:7" x14ac:dyDescent="0.3">
      <c r="A20090" s="13" t="s">
        <v>139</v>
      </c>
      <c r="B20090" s="14" t="s">
        <v>1</v>
      </c>
      <c r="C20090" s="14" t="s">
        <v>23</v>
      </c>
      <c r="D20090" s="14" t="s">
        <v>140</v>
      </c>
      <c r="E20090" s="15">
        <v>45391</v>
      </c>
      <c r="F20090" s="14" t="s">
        <v>15</v>
      </c>
      <c r="G20090" s="16">
        <v>0.17839304027277378</v>
      </c>
    </row>
    <row r="20091" spans="1:7" x14ac:dyDescent="0.3">
      <c r="A20091" s="13" t="s">
        <v>139</v>
      </c>
      <c r="B20091" s="14" t="s">
        <v>1</v>
      </c>
      <c r="C20091" s="14" t="s">
        <v>23</v>
      </c>
      <c r="D20091" s="14" t="s">
        <v>140</v>
      </c>
      <c r="E20091" s="15">
        <v>45392</v>
      </c>
      <c r="F20091" s="14" t="s">
        <v>15</v>
      </c>
      <c r="G20091" s="16">
        <v>0.19686576717117138</v>
      </c>
    </row>
    <row r="20092" spans="1:7" x14ac:dyDescent="0.3">
      <c r="A20092" s="13" t="s">
        <v>139</v>
      </c>
      <c r="B20092" s="14" t="s">
        <v>1</v>
      </c>
      <c r="C20092" s="14" t="s">
        <v>23</v>
      </c>
      <c r="D20092" s="14" t="s">
        <v>140</v>
      </c>
      <c r="E20092" s="15">
        <v>45393</v>
      </c>
      <c r="F20092" s="14" t="s">
        <v>15</v>
      </c>
      <c r="G20092" s="16">
        <v>0.21378316155909111</v>
      </c>
    </row>
    <row r="20093" spans="1:7" x14ac:dyDescent="0.3">
      <c r="A20093" s="13" t="s">
        <v>139</v>
      </c>
      <c r="B20093" s="14" t="s">
        <v>1</v>
      </c>
      <c r="C20093" s="14" t="s">
        <v>23</v>
      </c>
      <c r="D20093" s="14" t="s">
        <v>140</v>
      </c>
      <c r="E20093" s="15">
        <v>45394</v>
      </c>
      <c r="F20093" s="14" t="s">
        <v>15</v>
      </c>
      <c r="G20093" s="16">
        <v>0.22941649447699311</v>
      </c>
    </row>
    <row r="20094" spans="1:7" x14ac:dyDescent="0.3">
      <c r="A20094" s="13" t="s">
        <v>139</v>
      </c>
      <c r="B20094" s="14" t="s">
        <v>1</v>
      </c>
      <c r="C20094" s="14" t="s">
        <v>23</v>
      </c>
      <c r="D20094" s="14" t="s">
        <v>140</v>
      </c>
      <c r="E20094" s="15">
        <v>45395</v>
      </c>
      <c r="F20094" s="14" t="s">
        <v>15</v>
      </c>
      <c r="G20094" s="16">
        <v>0.22941649447699311</v>
      </c>
    </row>
    <row r="20095" spans="1:7" x14ac:dyDescent="0.3">
      <c r="A20095" s="13" t="s">
        <v>139</v>
      </c>
      <c r="B20095" s="14" t="s">
        <v>1</v>
      </c>
      <c r="C20095" s="14" t="s">
        <v>23</v>
      </c>
      <c r="D20095" s="14" t="s">
        <v>140</v>
      </c>
      <c r="E20095" s="15">
        <v>45396</v>
      </c>
      <c r="F20095" s="14" t="s">
        <v>15</v>
      </c>
      <c r="G20095" s="16">
        <v>0.22941649447699311</v>
      </c>
    </row>
    <row r="20096" spans="1:7" x14ac:dyDescent="0.3">
      <c r="A20096" s="13" t="s">
        <v>139</v>
      </c>
      <c r="B20096" s="14" t="s">
        <v>1</v>
      </c>
      <c r="C20096" s="14" t="s">
        <v>23</v>
      </c>
      <c r="D20096" s="14" t="s">
        <v>140</v>
      </c>
      <c r="E20096" s="15">
        <v>45397</v>
      </c>
      <c r="F20096" s="14" t="s">
        <v>15</v>
      </c>
      <c r="G20096" s="16">
        <v>0.24631734133144478</v>
      </c>
    </row>
    <row r="20097" spans="1:7" x14ac:dyDescent="0.3">
      <c r="A20097" s="13" t="s">
        <v>139</v>
      </c>
      <c r="B20097" s="14" t="s">
        <v>1</v>
      </c>
      <c r="C20097" s="14" t="s">
        <v>23</v>
      </c>
      <c r="D20097" s="14" t="s">
        <v>140</v>
      </c>
      <c r="E20097" s="15">
        <v>45398</v>
      </c>
      <c r="F20097" s="14" t="s">
        <v>15</v>
      </c>
      <c r="G20097" s="16">
        <v>0.29288045574052368</v>
      </c>
    </row>
    <row r="20098" spans="1:7" x14ac:dyDescent="0.3">
      <c r="A20098" s="13" t="s">
        <v>139</v>
      </c>
      <c r="B20098" s="14" t="s">
        <v>1</v>
      </c>
      <c r="C20098" s="14" t="s">
        <v>23</v>
      </c>
      <c r="D20098" s="14" t="s">
        <v>140</v>
      </c>
      <c r="E20098" s="15">
        <v>45399</v>
      </c>
      <c r="F20098" s="14" t="s">
        <v>15</v>
      </c>
      <c r="G20098" s="16">
        <v>0.30826950908649137</v>
      </c>
    </row>
    <row r="20099" spans="1:7" x14ac:dyDescent="0.3">
      <c r="A20099" s="13" t="s">
        <v>139</v>
      </c>
      <c r="B20099" s="14" t="s">
        <v>1</v>
      </c>
      <c r="C20099" s="14" t="s">
        <v>23</v>
      </c>
      <c r="D20099" s="14" t="s">
        <v>140</v>
      </c>
      <c r="E20099" s="15">
        <v>45400</v>
      </c>
      <c r="F20099" s="14" t="s">
        <v>15</v>
      </c>
      <c r="G20099" s="16">
        <v>0.32367687322769012</v>
      </c>
    </row>
    <row r="20100" spans="1:7" x14ac:dyDescent="0.3">
      <c r="A20100" s="13" t="s">
        <v>139</v>
      </c>
      <c r="B20100" s="14" t="s">
        <v>1</v>
      </c>
      <c r="C20100" s="14" t="s">
        <v>23</v>
      </c>
      <c r="D20100" s="14" t="s">
        <v>140</v>
      </c>
      <c r="E20100" s="15">
        <v>45401</v>
      </c>
      <c r="F20100" s="14" t="s">
        <v>15</v>
      </c>
      <c r="G20100" s="16">
        <v>0.33914161119394615</v>
      </c>
    </row>
    <row r="20101" spans="1:7" x14ac:dyDescent="0.3">
      <c r="A20101" s="13" t="s">
        <v>139</v>
      </c>
      <c r="B20101" s="14" t="s">
        <v>1</v>
      </c>
      <c r="C20101" s="14" t="s">
        <v>23</v>
      </c>
      <c r="D20101" s="14" t="s">
        <v>140</v>
      </c>
      <c r="E20101" s="15">
        <v>45402</v>
      </c>
      <c r="F20101" s="14" t="s">
        <v>15</v>
      </c>
      <c r="G20101" s="16">
        <v>0.33914161119394615</v>
      </c>
    </row>
    <row r="20102" spans="1:7" x14ac:dyDescent="0.3">
      <c r="A20102" s="13" t="s">
        <v>139</v>
      </c>
      <c r="B20102" s="14" t="s">
        <v>1</v>
      </c>
      <c r="C20102" s="14" t="s">
        <v>23</v>
      </c>
      <c r="D20102" s="14" t="s">
        <v>140</v>
      </c>
      <c r="E20102" s="15">
        <v>45403</v>
      </c>
      <c r="F20102" s="14" t="s">
        <v>15</v>
      </c>
      <c r="G20102" s="16">
        <v>0.33914161119394615</v>
      </c>
    </row>
    <row r="20103" spans="1:7" x14ac:dyDescent="0.3">
      <c r="A20103" s="13" t="s">
        <v>139</v>
      </c>
      <c r="B20103" s="14" t="s">
        <v>1</v>
      </c>
      <c r="C20103" s="14" t="s">
        <v>23</v>
      </c>
      <c r="D20103" s="14" t="s">
        <v>140</v>
      </c>
      <c r="E20103" s="15">
        <v>45404</v>
      </c>
      <c r="F20103" s="14" t="s">
        <v>15</v>
      </c>
      <c r="G20103" s="16">
        <v>0.3615518372446217</v>
      </c>
    </row>
    <row r="20104" spans="1:7" x14ac:dyDescent="0.3">
      <c r="A20104" s="13" t="s">
        <v>139</v>
      </c>
      <c r="B20104" s="14" t="s">
        <v>1</v>
      </c>
      <c r="C20104" s="14" t="s">
        <v>23</v>
      </c>
      <c r="D20104" s="14" t="s">
        <v>140</v>
      </c>
      <c r="E20104" s="15">
        <v>45405</v>
      </c>
      <c r="F20104" s="14" t="s">
        <v>15</v>
      </c>
      <c r="G20104" s="16">
        <v>0.40179799857002707</v>
      </c>
    </row>
    <row r="20105" spans="1:7" x14ac:dyDescent="0.3">
      <c r="A20105" s="13" t="s">
        <v>139</v>
      </c>
      <c r="B20105" s="14" t="s">
        <v>1</v>
      </c>
      <c r="C20105" s="14" t="s">
        <v>23</v>
      </c>
      <c r="D20105" s="14" t="s">
        <v>140</v>
      </c>
      <c r="E20105" s="15">
        <v>45406</v>
      </c>
      <c r="F20105" s="14" t="s">
        <v>15</v>
      </c>
      <c r="G20105" s="16">
        <v>0.41453185097197148</v>
      </c>
    </row>
    <row r="20106" spans="1:7" x14ac:dyDescent="0.3">
      <c r="A20106" s="13" t="s">
        <v>139</v>
      </c>
      <c r="B20106" s="14" t="s">
        <v>1</v>
      </c>
      <c r="C20106" s="14" t="s">
        <v>23</v>
      </c>
      <c r="D20106" s="14" t="s">
        <v>140</v>
      </c>
      <c r="E20106" s="15">
        <v>45407</v>
      </c>
      <c r="F20106" s="14" t="s">
        <v>15</v>
      </c>
      <c r="G20106" s="16">
        <v>0.38146742051960209</v>
      </c>
    </row>
    <row r="20107" spans="1:7" x14ac:dyDescent="0.3">
      <c r="A20107" s="13" t="s">
        <v>139</v>
      </c>
      <c r="B20107" s="14" t="s">
        <v>1</v>
      </c>
      <c r="C20107" s="14" t="s">
        <v>23</v>
      </c>
      <c r="D20107" s="14" t="s">
        <v>140</v>
      </c>
      <c r="E20107" s="15">
        <v>45408</v>
      </c>
      <c r="F20107" s="14" t="s">
        <v>15</v>
      </c>
      <c r="G20107" s="16">
        <v>0.39575212945985677</v>
      </c>
    </row>
    <row r="20108" spans="1:7" x14ac:dyDescent="0.3">
      <c r="A20108" s="13" t="s">
        <v>139</v>
      </c>
      <c r="B20108" s="14" t="s">
        <v>1</v>
      </c>
      <c r="C20108" s="14" t="s">
        <v>23</v>
      </c>
      <c r="D20108" s="14" t="s">
        <v>140</v>
      </c>
      <c r="E20108" s="15">
        <v>45409</v>
      </c>
      <c r="F20108" s="14" t="s">
        <v>15</v>
      </c>
      <c r="G20108" s="16">
        <v>0.39575212945985677</v>
      </c>
    </row>
    <row r="20109" spans="1:7" x14ac:dyDescent="0.3">
      <c r="A20109" s="13" t="s">
        <v>139</v>
      </c>
      <c r="B20109" s="14" t="s">
        <v>1</v>
      </c>
      <c r="C20109" s="14" t="s">
        <v>23</v>
      </c>
      <c r="D20109" s="14" t="s">
        <v>140</v>
      </c>
      <c r="E20109" s="15">
        <v>45410</v>
      </c>
      <c r="F20109" s="14" t="s">
        <v>15</v>
      </c>
      <c r="G20109" s="16">
        <v>0.39575212945985677</v>
      </c>
    </row>
    <row r="20110" spans="1:7" x14ac:dyDescent="0.3">
      <c r="A20110" s="13" t="s">
        <v>139</v>
      </c>
      <c r="B20110" s="14" t="s">
        <v>1</v>
      </c>
      <c r="C20110" s="14" t="s">
        <v>23</v>
      </c>
      <c r="D20110" s="14" t="s">
        <v>140</v>
      </c>
      <c r="E20110" s="15">
        <v>45411</v>
      </c>
      <c r="F20110" s="14" t="s">
        <v>15</v>
      </c>
      <c r="G20110" s="16">
        <v>0.41161902674359491</v>
      </c>
    </row>
    <row r="20111" spans="1:7" x14ac:dyDescent="0.3">
      <c r="A20111" s="13" t="s">
        <v>139</v>
      </c>
      <c r="B20111" s="14" t="s">
        <v>1</v>
      </c>
      <c r="C20111" s="14" t="s">
        <v>23</v>
      </c>
      <c r="D20111" s="14" t="s">
        <v>140</v>
      </c>
      <c r="E20111" s="15">
        <v>45412</v>
      </c>
      <c r="F20111" s="14" t="s">
        <v>15</v>
      </c>
      <c r="G20111" s="16">
        <v>0.45976541458031905</v>
      </c>
    </row>
    <row r="20112" spans="1:7" x14ac:dyDescent="0.3">
      <c r="A20112" s="13" t="s">
        <v>139</v>
      </c>
      <c r="B20112" s="14" t="s">
        <v>1</v>
      </c>
      <c r="C20112" s="14" t="s">
        <v>23</v>
      </c>
      <c r="D20112" s="14" t="s">
        <v>140</v>
      </c>
      <c r="E20112" s="15">
        <v>45413</v>
      </c>
      <c r="F20112" s="14" t="s">
        <v>15</v>
      </c>
      <c r="G20112" s="16">
        <v>0</v>
      </c>
    </row>
    <row r="20113" spans="1:7" x14ac:dyDescent="0.3">
      <c r="A20113" s="13" t="s">
        <v>139</v>
      </c>
      <c r="B20113" s="14" t="s">
        <v>1</v>
      </c>
      <c r="C20113" s="14" t="s">
        <v>23</v>
      </c>
      <c r="D20113" s="14" t="s">
        <v>140</v>
      </c>
      <c r="E20113" s="15">
        <v>45414</v>
      </c>
      <c r="F20113" s="14" t="s">
        <v>15</v>
      </c>
      <c r="G20113" s="16">
        <v>0</v>
      </c>
    </row>
    <row r="20114" spans="1:7" x14ac:dyDescent="0.3">
      <c r="A20114" s="13" t="s">
        <v>139</v>
      </c>
      <c r="B20114" s="14" t="s">
        <v>1</v>
      </c>
      <c r="C20114" s="14" t="s">
        <v>23</v>
      </c>
      <c r="D20114" s="14" t="s">
        <v>140</v>
      </c>
      <c r="E20114" s="15">
        <v>45415</v>
      </c>
      <c r="F20114" s="14" t="s">
        <v>15</v>
      </c>
      <c r="G20114" s="16">
        <v>0</v>
      </c>
    </row>
    <row r="20115" spans="1:7" x14ac:dyDescent="0.3">
      <c r="A20115" s="13" t="s">
        <v>139</v>
      </c>
      <c r="B20115" s="14" t="s">
        <v>1</v>
      </c>
      <c r="C20115" s="14" t="s">
        <v>23</v>
      </c>
      <c r="D20115" s="14" t="s">
        <v>140</v>
      </c>
      <c r="E20115" s="15">
        <v>45416</v>
      </c>
      <c r="F20115" s="14" t="s">
        <v>15</v>
      </c>
      <c r="G20115" s="16">
        <v>0</v>
      </c>
    </row>
    <row r="20116" spans="1:7" x14ac:dyDescent="0.3">
      <c r="A20116" s="13" t="s">
        <v>139</v>
      </c>
      <c r="B20116" s="14" t="s">
        <v>1</v>
      </c>
      <c r="C20116" s="14" t="s">
        <v>23</v>
      </c>
      <c r="D20116" s="14" t="s">
        <v>140</v>
      </c>
      <c r="E20116" s="15">
        <v>45417</v>
      </c>
      <c r="F20116" s="14" t="s">
        <v>15</v>
      </c>
      <c r="G20116" s="16">
        <v>0</v>
      </c>
    </row>
    <row r="20117" spans="1:7" x14ac:dyDescent="0.3">
      <c r="A20117" s="13" t="s">
        <v>139</v>
      </c>
      <c r="B20117" s="14" t="s">
        <v>1</v>
      </c>
      <c r="C20117" s="14" t="s">
        <v>23</v>
      </c>
      <c r="D20117" s="14" t="s">
        <v>140</v>
      </c>
      <c r="E20117" s="15">
        <v>45418</v>
      </c>
      <c r="F20117" s="14" t="s">
        <v>15</v>
      </c>
      <c r="G20117" s="16">
        <v>0</v>
      </c>
    </row>
    <row r="20118" spans="1:7" x14ac:dyDescent="0.3">
      <c r="A20118" s="13" t="s">
        <v>139</v>
      </c>
      <c r="B20118" s="14" t="s">
        <v>1</v>
      </c>
      <c r="C20118" s="14" t="s">
        <v>23</v>
      </c>
      <c r="D20118" s="14" t="s">
        <v>140</v>
      </c>
      <c r="E20118" s="15">
        <v>45419</v>
      </c>
      <c r="F20118" s="14" t="s">
        <v>15</v>
      </c>
      <c r="G20118" s="16">
        <v>2.1403239642982328E-3</v>
      </c>
    </row>
    <row r="20119" spans="1:7" x14ac:dyDescent="0.3">
      <c r="A20119" s="13" t="s">
        <v>139</v>
      </c>
      <c r="B20119" s="14" t="s">
        <v>1</v>
      </c>
      <c r="C20119" s="14" t="s">
        <v>23</v>
      </c>
      <c r="D20119" s="14" t="s">
        <v>140</v>
      </c>
      <c r="E20119" s="15">
        <v>45420</v>
      </c>
      <c r="F20119" s="14" t="s">
        <v>15</v>
      </c>
      <c r="G20119" s="16">
        <v>8.0215096246340878E-2</v>
      </c>
    </row>
    <row r="20120" spans="1:7" x14ac:dyDescent="0.3">
      <c r="A20120" s="13" t="s">
        <v>139</v>
      </c>
      <c r="B20120" s="14" t="s">
        <v>1</v>
      </c>
      <c r="C20120" s="14" t="s">
        <v>23</v>
      </c>
      <c r="D20120" s="14" t="s">
        <v>140</v>
      </c>
      <c r="E20120" s="15">
        <v>45421</v>
      </c>
      <c r="F20120" s="14" t="s">
        <v>15</v>
      </c>
      <c r="G20120" s="16">
        <v>9.6034792369038932E-2</v>
      </c>
    </row>
    <row r="20121" spans="1:7" x14ac:dyDescent="0.3">
      <c r="A20121" s="13" t="s">
        <v>139</v>
      </c>
      <c r="B20121" s="14" t="s">
        <v>1</v>
      </c>
      <c r="C20121" s="14" t="s">
        <v>23</v>
      </c>
      <c r="D20121" s="14" t="s">
        <v>140</v>
      </c>
      <c r="E20121" s="15">
        <v>45422</v>
      </c>
      <c r="F20121" s="14" t="s">
        <v>15</v>
      </c>
      <c r="G20121" s="16">
        <v>0.11171451263485961</v>
      </c>
    </row>
    <row r="20122" spans="1:7" x14ac:dyDescent="0.3">
      <c r="A20122" s="13" t="s">
        <v>139</v>
      </c>
      <c r="B20122" s="14" t="s">
        <v>1</v>
      </c>
      <c r="C20122" s="14" t="s">
        <v>23</v>
      </c>
      <c r="D20122" s="14" t="s">
        <v>140</v>
      </c>
      <c r="E20122" s="15">
        <v>45423</v>
      </c>
      <c r="F20122" s="14" t="s">
        <v>15</v>
      </c>
      <c r="G20122" s="16">
        <v>0.11171451263485961</v>
      </c>
    </row>
    <row r="20123" spans="1:7" x14ac:dyDescent="0.3">
      <c r="A20123" s="13" t="s">
        <v>139</v>
      </c>
      <c r="B20123" s="14" t="s">
        <v>1</v>
      </c>
      <c r="C20123" s="14" t="s">
        <v>23</v>
      </c>
      <c r="D20123" s="14" t="s">
        <v>140</v>
      </c>
      <c r="E20123" s="15">
        <v>45424</v>
      </c>
      <c r="F20123" s="14" t="s">
        <v>15</v>
      </c>
      <c r="G20123" s="16">
        <v>0.11171451263485961</v>
      </c>
    </row>
    <row r="20124" spans="1:7" x14ac:dyDescent="0.3">
      <c r="A20124" s="13" t="s">
        <v>139</v>
      </c>
      <c r="B20124" s="14" t="s">
        <v>1</v>
      </c>
      <c r="C20124" s="14" t="s">
        <v>23</v>
      </c>
      <c r="D20124" s="14" t="s">
        <v>140</v>
      </c>
      <c r="E20124" s="15">
        <v>45425</v>
      </c>
      <c r="F20124" s="14" t="s">
        <v>15</v>
      </c>
      <c r="G20124" s="16">
        <v>0.12802032646206207</v>
      </c>
    </row>
    <row r="20125" spans="1:7" x14ac:dyDescent="0.3">
      <c r="A20125" s="13" t="s">
        <v>139</v>
      </c>
      <c r="B20125" s="14" t="s">
        <v>1</v>
      </c>
      <c r="C20125" s="14" t="s">
        <v>23</v>
      </c>
      <c r="D20125" s="14" t="s">
        <v>140</v>
      </c>
      <c r="E20125" s="15">
        <v>45426</v>
      </c>
      <c r="F20125" s="14" t="s">
        <v>15</v>
      </c>
      <c r="G20125" s="16">
        <v>0.17711372150103233</v>
      </c>
    </row>
    <row r="20126" spans="1:7" x14ac:dyDescent="0.3">
      <c r="A20126" s="13" t="s">
        <v>139</v>
      </c>
      <c r="B20126" s="14" t="s">
        <v>1</v>
      </c>
      <c r="C20126" s="14" t="s">
        <v>23</v>
      </c>
      <c r="D20126" s="14" t="s">
        <v>140</v>
      </c>
      <c r="E20126" s="15">
        <v>45427</v>
      </c>
      <c r="F20126" s="14" t="s">
        <v>15</v>
      </c>
      <c r="G20126" s="16">
        <v>0.19277418152298034</v>
      </c>
    </row>
    <row r="20127" spans="1:7" x14ac:dyDescent="0.3">
      <c r="A20127" s="13" t="s">
        <v>139</v>
      </c>
      <c r="B20127" s="14" t="s">
        <v>1</v>
      </c>
      <c r="C20127" s="14" t="s">
        <v>23</v>
      </c>
      <c r="D20127" s="14" t="s">
        <v>140</v>
      </c>
      <c r="E20127" s="15">
        <v>45428</v>
      </c>
      <c r="F20127" s="14" t="s">
        <v>15</v>
      </c>
      <c r="G20127" s="16">
        <v>0.20866467938723851</v>
      </c>
    </row>
    <row r="20128" spans="1:7" x14ac:dyDescent="0.3">
      <c r="A20128" s="13" t="s">
        <v>139</v>
      </c>
      <c r="B20128" s="14" t="s">
        <v>1</v>
      </c>
      <c r="C20128" s="14" t="s">
        <v>23</v>
      </c>
      <c r="D20128" s="14" t="s">
        <v>140</v>
      </c>
      <c r="E20128" s="15">
        <v>45429</v>
      </c>
      <c r="F20128" s="14" t="s">
        <v>15</v>
      </c>
      <c r="G20128" s="16">
        <v>0.22455300708317294</v>
      </c>
    </row>
    <row r="20129" spans="1:7" x14ac:dyDescent="0.3">
      <c r="A20129" s="13" t="s">
        <v>139</v>
      </c>
      <c r="B20129" s="14" t="s">
        <v>1</v>
      </c>
      <c r="C20129" s="14" t="s">
        <v>23</v>
      </c>
      <c r="D20129" s="14" t="s">
        <v>140</v>
      </c>
      <c r="E20129" s="15">
        <v>45430</v>
      </c>
      <c r="F20129" s="14" t="s">
        <v>15</v>
      </c>
      <c r="G20129" s="16">
        <v>0.22455300708317294</v>
      </c>
    </row>
    <row r="20130" spans="1:7" x14ac:dyDescent="0.3">
      <c r="A20130" s="13" t="s">
        <v>139</v>
      </c>
      <c r="B20130" s="14" t="s">
        <v>1</v>
      </c>
      <c r="C20130" s="14" t="s">
        <v>23</v>
      </c>
      <c r="D20130" s="14" t="s">
        <v>140</v>
      </c>
      <c r="E20130" s="15">
        <v>45431</v>
      </c>
      <c r="F20130" s="14" t="s">
        <v>15</v>
      </c>
      <c r="G20130" s="16">
        <v>0.22455300708317294</v>
      </c>
    </row>
    <row r="20131" spans="1:7" x14ac:dyDescent="0.3">
      <c r="A20131" s="13" t="s">
        <v>139</v>
      </c>
      <c r="B20131" s="14" t="s">
        <v>1</v>
      </c>
      <c r="C20131" s="14" t="s">
        <v>23</v>
      </c>
      <c r="D20131" s="14" t="s">
        <v>140</v>
      </c>
      <c r="E20131" s="15">
        <v>45432</v>
      </c>
      <c r="F20131" s="14" t="s">
        <v>15</v>
      </c>
      <c r="G20131" s="16">
        <v>0.24062376455381673</v>
      </c>
    </row>
    <row r="20132" spans="1:7" x14ac:dyDescent="0.3">
      <c r="A20132" s="13" t="s">
        <v>139</v>
      </c>
      <c r="B20132" s="14" t="s">
        <v>1</v>
      </c>
      <c r="C20132" s="14" t="s">
        <v>23</v>
      </c>
      <c r="D20132" s="14" t="s">
        <v>140</v>
      </c>
      <c r="E20132" s="15">
        <v>45433</v>
      </c>
      <c r="F20132" s="14" t="s">
        <v>15</v>
      </c>
      <c r="G20132" s="16">
        <v>0.28883023892600274</v>
      </c>
    </row>
    <row r="20133" spans="1:7" x14ac:dyDescent="0.3">
      <c r="A20133" s="13" t="s">
        <v>139</v>
      </c>
      <c r="B20133" s="14" t="s">
        <v>1</v>
      </c>
      <c r="C20133" s="14" t="s">
        <v>23</v>
      </c>
      <c r="D20133" s="14" t="s">
        <v>140</v>
      </c>
      <c r="E20133" s="15">
        <v>45434</v>
      </c>
      <c r="F20133" s="14" t="s">
        <v>15</v>
      </c>
      <c r="G20133" s="16">
        <v>0.30471463319185049</v>
      </c>
    </row>
    <row r="20134" spans="1:7" x14ac:dyDescent="0.3">
      <c r="A20134" s="13" t="s">
        <v>139</v>
      </c>
      <c r="B20134" s="14" t="s">
        <v>1</v>
      </c>
      <c r="C20134" s="14" t="s">
        <v>23</v>
      </c>
      <c r="D20134" s="14" t="s">
        <v>140</v>
      </c>
      <c r="E20134" s="15">
        <v>45435</v>
      </c>
      <c r="F20134" s="14" t="s">
        <v>15</v>
      </c>
      <c r="G20134" s="16">
        <v>0.32302473310149232</v>
      </c>
    </row>
    <row r="20135" spans="1:7" x14ac:dyDescent="0.3">
      <c r="A20135" s="13" t="s">
        <v>139</v>
      </c>
      <c r="B20135" s="14" t="s">
        <v>1</v>
      </c>
      <c r="C20135" s="14" t="s">
        <v>23</v>
      </c>
      <c r="D20135" s="14" t="s">
        <v>140</v>
      </c>
      <c r="E20135" s="15">
        <v>45436</v>
      </c>
      <c r="F20135" s="14" t="s">
        <v>15</v>
      </c>
      <c r="G20135" s="16">
        <v>0.33863283781263154</v>
      </c>
    </row>
    <row r="20136" spans="1:7" x14ac:dyDescent="0.3">
      <c r="A20136" s="13" t="s">
        <v>139</v>
      </c>
      <c r="B20136" s="14" t="s">
        <v>1</v>
      </c>
      <c r="C20136" s="14" t="s">
        <v>23</v>
      </c>
      <c r="D20136" s="14" t="s">
        <v>140</v>
      </c>
      <c r="E20136" s="15">
        <v>45437</v>
      </c>
      <c r="F20136" s="14" t="s">
        <v>15</v>
      </c>
      <c r="G20136" s="16">
        <v>0.33863283781263154</v>
      </c>
    </row>
    <row r="20137" spans="1:7" x14ac:dyDescent="0.3">
      <c r="A20137" s="13" t="s">
        <v>139</v>
      </c>
      <c r="B20137" s="14" t="s">
        <v>1</v>
      </c>
      <c r="C20137" s="14" t="s">
        <v>23</v>
      </c>
      <c r="D20137" s="14" t="s">
        <v>140</v>
      </c>
      <c r="E20137" s="15">
        <v>45438</v>
      </c>
      <c r="F20137" s="14" t="s">
        <v>15</v>
      </c>
      <c r="G20137" s="16">
        <v>0.33863283781263154</v>
      </c>
    </row>
    <row r="20138" spans="1:7" x14ac:dyDescent="0.3">
      <c r="A20138" s="13" t="s">
        <v>139</v>
      </c>
      <c r="B20138" s="14" t="s">
        <v>1</v>
      </c>
      <c r="C20138" s="14" t="s">
        <v>23</v>
      </c>
      <c r="D20138" s="14" t="s">
        <v>140</v>
      </c>
      <c r="E20138" s="15">
        <v>45439</v>
      </c>
      <c r="F20138" s="14" t="s">
        <v>15</v>
      </c>
      <c r="G20138" s="16">
        <v>0.33863283781263154</v>
      </c>
    </row>
    <row r="20139" spans="1:7" x14ac:dyDescent="0.3">
      <c r="A20139" s="13" t="s">
        <v>139</v>
      </c>
      <c r="B20139" s="14" t="s">
        <v>1</v>
      </c>
      <c r="C20139" s="14" t="s">
        <v>23</v>
      </c>
      <c r="D20139" s="14" t="s">
        <v>140</v>
      </c>
      <c r="E20139" s="15">
        <v>45440</v>
      </c>
      <c r="F20139" s="14" t="s">
        <v>15</v>
      </c>
      <c r="G20139" s="16">
        <v>0.35417732946478286</v>
      </c>
    </row>
    <row r="20140" spans="1:7" x14ac:dyDescent="0.3">
      <c r="A20140" s="13" t="s">
        <v>139</v>
      </c>
      <c r="B20140" s="14" t="s">
        <v>1</v>
      </c>
      <c r="C20140" s="14" t="s">
        <v>23</v>
      </c>
      <c r="D20140" s="14" t="s">
        <v>140</v>
      </c>
      <c r="E20140" s="15">
        <v>45441</v>
      </c>
      <c r="F20140" s="14" t="s">
        <v>15</v>
      </c>
      <c r="G20140" s="16">
        <v>0.41263920552156202</v>
      </c>
    </row>
    <row r="20141" spans="1:7" x14ac:dyDescent="0.3">
      <c r="A20141" s="13" t="s">
        <v>139</v>
      </c>
      <c r="B20141" s="14" t="s">
        <v>1</v>
      </c>
      <c r="C20141" s="14" t="s">
        <v>23</v>
      </c>
      <c r="D20141" s="14" t="s">
        <v>140</v>
      </c>
      <c r="E20141" s="15">
        <v>45442</v>
      </c>
      <c r="F20141" s="14" t="s">
        <v>15</v>
      </c>
      <c r="G20141" s="16">
        <v>0.43000623165904439</v>
      </c>
    </row>
    <row r="20142" spans="1:7" x14ac:dyDescent="0.3">
      <c r="A20142" s="13" t="s">
        <v>139</v>
      </c>
      <c r="B20142" s="14" t="s">
        <v>1</v>
      </c>
      <c r="C20142" s="14" t="s">
        <v>23</v>
      </c>
      <c r="D20142" s="14" t="s">
        <v>140</v>
      </c>
      <c r="E20142" s="15">
        <v>45443</v>
      </c>
      <c r="F20142" s="14" t="s">
        <v>15</v>
      </c>
      <c r="G20142" s="16">
        <v>0.44072562531453235</v>
      </c>
    </row>
    <row r="20143" spans="1:7" x14ac:dyDescent="0.3">
      <c r="A20143" s="13" t="s">
        <v>139</v>
      </c>
      <c r="B20143" s="14" t="s">
        <v>1</v>
      </c>
      <c r="C20143" s="14" t="s">
        <v>23</v>
      </c>
      <c r="D20143" s="14" t="s">
        <v>140</v>
      </c>
      <c r="E20143" s="15">
        <v>45444</v>
      </c>
      <c r="F20143" s="14" t="s">
        <v>15</v>
      </c>
      <c r="G20143" s="16">
        <v>0.44072562531453235</v>
      </c>
    </row>
    <row r="20144" spans="1:7" x14ac:dyDescent="0.3">
      <c r="A20144" s="13" t="s">
        <v>139</v>
      </c>
      <c r="B20144" s="14" t="s">
        <v>1</v>
      </c>
      <c r="C20144" s="14" t="s">
        <v>23</v>
      </c>
      <c r="D20144" s="14" t="s">
        <v>140</v>
      </c>
      <c r="E20144" s="15">
        <v>45445</v>
      </c>
      <c r="F20144" s="14" t="s">
        <v>15</v>
      </c>
      <c r="G20144" s="16">
        <v>0.44072562531453235</v>
      </c>
    </row>
    <row r="20145" spans="1:7" x14ac:dyDescent="0.3">
      <c r="A20145" s="13" t="s">
        <v>139</v>
      </c>
      <c r="B20145" s="14" t="s">
        <v>1</v>
      </c>
      <c r="C20145" s="14" t="s">
        <v>23</v>
      </c>
      <c r="D20145" s="14" t="s">
        <v>140</v>
      </c>
      <c r="E20145" s="15">
        <v>45446</v>
      </c>
      <c r="F20145" s="14" t="s">
        <v>15</v>
      </c>
      <c r="G20145" s="16">
        <v>0.44072562531453235</v>
      </c>
    </row>
    <row r="20146" spans="1:7" x14ac:dyDescent="0.3">
      <c r="A20146" s="13" t="s">
        <v>139</v>
      </c>
      <c r="B20146" s="14" t="s">
        <v>1</v>
      </c>
      <c r="C20146" s="14" t="s">
        <v>23</v>
      </c>
      <c r="D20146" s="14" t="s">
        <v>140</v>
      </c>
      <c r="E20146" s="15">
        <v>45447</v>
      </c>
      <c r="F20146" s="14" t="s">
        <v>15</v>
      </c>
      <c r="G20146" s="16">
        <v>0</v>
      </c>
    </row>
    <row r="20147" spans="1:7" x14ac:dyDescent="0.3">
      <c r="A20147" s="13" t="s">
        <v>139</v>
      </c>
      <c r="B20147" s="14" t="s">
        <v>1</v>
      </c>
      <c r="C20147" s="14" t="s">
        <v>23</v>
      </c>
      <c r="D20147" s="14" t="s">
        <v>140</v>
      </c>
      <c r="E20147" s="15">
        <v>45448</v>
      </c>
      <c r="F20147" s="14" t="s">
        <v>15</v>
      </c>
      <c r="G20147" s="16">
        <v>0</v>
      </c>
    </row>
    <row r="20148" spans="1:7" x14ac:dyDescent="0.3">
      <c r="A20148" s="13" t="s">
        <v>139</v>
      </c>
      <c r="B20148" s="14" t="s">
        <v>1</v>
      </c>
      <c r="C20148" s="14" t="s">
        <v>23</v>
      </c>
      <c r="D20148" s="14" t="s">
        <v>140</v>
      </c>
      <c r="E20148" s="15">
        <v>45449</v>
      </c>
      <c r="F20148" s="14" t="s">
        <v>15</v>
      </c>
      <c r="G20148" s="16">
        <v>0</v>
      </c>
    </row>
    <row r="20149" spans="1:7" x14ac:dyDescent="0.3">
      <c r="A20149" s="13" t="s">
        <v>139</v>
      </c>
      <c r="B20149" s="14" t="s">
        <v>1</v>
      </c>
      <c r="C20149" s="14" t="s">
        <v>23</v>
      </c>
      <c r="D20149" s="14" t="s">
        <v>140</v>
      </c>
      <c r="E20149" s="15">
        <v>45450</v>
      </c>
      <c r="F20149" s="14" t="s">
        <v>15</v>
      </c>
      <c r="G20149" s="16">
        <v>2.9289854757648632E-2</v>
      </c>
    </row>
    <row r="20150" spans="1:7" x14ac:dyDescent="0.3">
      <c r="A20150" s="13" t="s">
        <v>139</v>
      </c>
      <c r="B20150" s="14" t="s">
        <v>1</v>
      </c>
      <c r="C20150" s="14" t="s">
        <v>23</v>
      </c>
      <c r="D20150" s="14" t="s">
        <v>140</v>
      </c>
      <c r="E20150" s="15">
        <v>45451</v>
      </c>
      <c r="F20150" s="14" t="s">
        <v>15</v>
      </c>
      <c r="G20150" s="16">
        <v>2.9289854757648632E-2</v>
      </c>
    </row>
    <row r="20151" spans="1:7" x14ac:dyDescent="0.3">
      <c r="A20151" s="13" t="s">
        <v>139</v>
      </c>
      <c r="B20151" s="14" t="s">
        <v>1</v>
      </c>
      <c r="C20151" s="14" t="s">
        <v>23</v>
      </c>
      <c r="D20151" s="14" t="s">
        <v>140</v>
      </c>
      <c r="E20151" s="15">
        <v>45452</v>
      </c>
      <c r="F20151" s="14" t="s">
        <v>15</v>
      </c>
      <c r="G20151" s="16">
        <v>2.9289854757648632E-2</v>
      </c>
    </row>
    <row r="20152" spans="1:7" x14ac:dyDescent="0.3">
      <c r="A20152" s="13" t="s">
        <v>139</v>
      </c>
      <c r="B20152" s="14" t="s">
        <v>1</v>
      </c>
      <c r="C20152" s="14" t="s">
        <v>23</v>
      </c>
      <c r="D20152" s="14" t="s">
        <v>140</v>
      </c>
      <c r="E20152" s="15">
        <v>45453</v>
      </c>
      <c r="F20152" s="14" t="s">
        <v>15</v>
      </c>
      <c r="G20152" s="16">
        <v>4.4301434450816107E-2</v>
      </c>
    </row>
    <row r="20153" spans="1:7" x14ac:dyDescent="0.3">
      <c r="A20153" s="13" t="s">
        <v>139</v>
      </c>
      <c r="B20153" s="14" t="s">
        <v>1</v>
      </c>
      <c r="C20153" s="14" t="s">
        <v>23</v>
      </c>
      <c r="D20153" s="14" t="s">
        <v>140</v>
      </c>
      <c r="E20153" s="15">
        <v>45454</v>
      </c>
      <c r="F20153" s="14" t="s">
        <v>15</v>
      </c>
      <c r="G20153" s="16">
        <v>8.9743250014153245E-2</v>
      </c>
    </row>
    <row r="20154" spans="1:7" x14ac:dyDescent="0.3">
      <c r="A20154" s="13" t="s">
        <v>139</v>
      </c>
      <c r="B20154" s="14" t="s">
        <v>1</v>
      </c>
      <c r="C20154" s="14" t="s">
        <v>23</v>
      </c>
      <c r="D20154" s="14" t="s">
        <v>140</v>
      </c>
      <c r="E20154" s="15">
        <v>45455</v>
      </c>
      <c r="F20154" s="14" t="s">
        <v>15</v>
      </c>
      <c r="G20154" s="16">
        <v>0.10479090875570196</v>
      </c>
    </row>
    <row r="20155" spans="1:7" x14ac:dyDescent="0.3">
      <c r="A20155" s="13" t="s">
        <v>139</v>
      </c>
      <c r="B20155" s="14" t="s">
        <v>1</v>
      </c>
      <c r="C20155" s="14" t="s">
        <v>23</v>
      </c>
      <c r="D20155" s="14" t="s">
        <v>140</v>
      </c>
      <c r="E20155" s="15">
        <v>45456</v>
      </c>
      <c r="F20155" s="14" t="s">
        <v>15</v>
      </c>
      <c r="G20155" s="16">
        <v>0.11927595135933654</v>
      </c>
    </row>
    <row r="20156" spans="1:7" x14ac:dyDescent="0.3">
      <c r="A20156" s="13" t="s">
        <v>139</v>
      </c>
      <c r="B20156" s="14" t="s">
        <v>1</v>
      </c>
      <c r="C20156" s="14" t="s">
        <v>23</v>
      </c>
      <c r="D20156" s="14" t="s">
        <v>140</v>
      </c>
      <c r="E20156" s="15">
        <v>45457</v>
      </c>
      <c r="F20156" s="14" t="s">
        <v>15</v>
      </c>
      <c r="G20156" s="16">
        <v>0.13577111237278022</v>
      </c>
    </row>
    <row r="20157" spans="1:7" x14ac:dyDescent="0.3">
      <c r="A20157" s="13" t="s">
        <v>139</v>
      </c>
      <c r="B20157" s="14" t="s">
        <v>1</v>
      </c>
      <c r="C20157" s="14" t="s">
        <v>23</v>
      </c>
      <c r="D20157" s="14" t="s">
        <v>140</v>
      </c>
      <c r="E20157" s="15">
        <v>45458</v>
      </c>
      <c r="F20157" s="14" t="s">
        <v>15</v>
      </c>
      <c r="G20157" s="16">
        <v>0.13577111237278022</v>
      </c>
    </row>
    <row r="20158" spans="1:7" x14ac:dyDescent="0.3">
      <c r="A20158" s="13" t="s">
        <v>139</v>
      </c>
      <c r="B20158" s="14" t="s">
        <v>1</v>
      </c>
      <c r="C20158" s="14" t="s">
        <v>23</v>
      </c>
      <c r="D20158" s="14" t="s">
        <v>140</v>
      </c>
      <c r="E20158" s="15">
        <v>45459</v>
      </c>
      <c r="F20158" s="14" t="s">
        <v>15</v>
      </c>
      <c r="G20158" s="16">
        <v>0.13577111237278022</v>
      </c>
    </row>
    <row r="20159" spans="1:7" x14ac:dyDescent="0.3">
      <c r="A20159" s="13" t="s">
        <v>139</v>
      </c>
      <c r="B20159" s="14" t="s">
        <v>1</v>
      </c>
      <c r="C20159" s="14" t="s">
        <v>23</v>
      </c>
      <c r="D20159" s="14" t="s">
        <v>140</v>
      </c>
      <c r="E20159" s="15">
        <v>45460</v>
      </c>
      <c r="F20159" s="14" t="s">
        <v>15</v>
      </c>
      <c r="G20159" s="16">
        <v>0.15090788365111998</v>
      </c>
    </row>
    <row r="20160" spans="1:7" x14ac:dyDescent="0.3">
      <c r="A20160" s="13" t="s">
        <v>139</v>
      </c>
      <c r="B20160" s="14" t="s">
        <v>1</v>
      </c>
      <c r="C20160" s="14" t="s">
        <v>23</v>
      </c>
      <c r="D20160" s="14" t="s">
        <v>140</v>
      </c>
      <c r="E20160" s="15">
        <v>45461</v>
      </c>
      <c r="F20160" s="14" t="s">
        <v>15</v>
      </c>
      <c r="G20160" s="16">
        <v>0.19673802370887578</v>
      </c>
    </row>
    <row r="20161" spans="1:7" x14ac:dyDescent="0.3">
      <c r="A20161" s="13" t="s">
        <v>139</v>
      </c>
      <c r="B20161" s="14" t="s">
        <v>1</v>
      </c>
      <c r="C20161" s="14" t="s">
        <v>23</v>
      </c>
      <c r="D20161" s="14" t="s">
        <v>140</v>
      </c>
      <c r="E20161" s="15">
        <v>45462</v>
      </c>
      <c r="F20161" s="14" t="s">
        <v>15</v>
      </c>
      <c r="G20161" s="16">
        <v>0.19673802370887578</v>
      </c>
    </row>
    <row r="20162" spans="1:7" x14ac:dyDescent="0.3">
      <c r="A20162" s="13" t="s">
        <v>139</v>
      </c>
      <c r="B20162" s="14" t="s">
        <v>1</v>
      </c>
      <c r="C20162" s="14" t="s">
        <v>23</v>
      </c>
      <c r="D20162" s="14" t="s">
        <v>140</v>
      </c>
      <c r="E20162" s="15">
        <v>45463</v>
      </c>
      <c r="F20162" s="14" t="s">
        <v>15</v>
      </c>
      <c r="G20162" s="16">
        <v>0.21190843259623271</v>
      </c>
    </row>
    <row r="20163" spans="1:7" x14ac:dyDescent="0.3">
      <c r="A20163" s="13" t="s">
        <v>139</v>
      </c>
      <c r="B20163" s="14" t="s">
        <v>1</v>
      </c>
      <c r="C20163" s="14" t="s">
        <v>23</v>
      </c>
      <c r="D20163" s="14" t="s">
        <v>140</v>
      </c>
      <c r="E20163" s="15">
        <v>45464</v>
      </c>
      <c r="F20163" s="14" t="s">
        <v>15</v>
      </c>
      <c r="G20163" s="16">
        <v>0.24391310844142056</v>
      </c>
    </row>
    <row r="20164" spans="1:7" x14ac:dyDescent="0.3">
      <c r="A20164" s="13" t="s">
        <v>139</v>
      </c>
      <c r="B20164" s="14" t="s">
        <v>1</v>
      </c>
      <c r="C20164" s="14" t="s">
        <v>23</v>
      </c>
      <c r="D20164" s="14" t="s">
        <v>140</v>
      </c>
      <c r="E20164" s="15">
        <v>45465</v>
      </c>
      <c r="F20164" s="14" t="s">
        <v>15</v>
      </c>
      <c r="G20164" s="16">
        <v>0.24391310844142056</v>
      </c>
    </row>
    <row r="20165" spans="1:7" x14ac:dyDescent="0.3">
      <c r="A20165" s="13" t="s">
        <v>139</v>
      </c>
      <c r="B20165" s="14" t="s">
        <v>1</v>
      </c>
      <c r="C20165" s="14" t="s">
        <v>23</v>
      </c>
      <c r="D20165" s="14" t="s">
        <v>140</v>
      </c>
      <c r="E20165" s="15">
        <v>45466</v>
      </c>
      <c r="F20165" s="14" t="s">
        <v>15</v>
      </c>
      <c r="G20165" s="16">
        <v>0.24391310844142056</v>
      </c>
    </row>
    <row r="20166" spans="1:7" x14ac:dyDescent="0.3">
      <c r="A20166" s="13" t="s">
        <v>139</v>
      </c>
      <c r="B20166" s="14" t="s">
        <v>1</v>
      </c>
      <c r="C20166" s="14" t="s">
        <v>23</v>
      </c>
      <c r="D20166" s="14" t="s">
        <v>140</v>
      </c>
      <c r="E20166" s="15">
        <v>45467</v>
      </c>
      <c r="F20166" s="14" t="s">
        <v>15</v>
      </c>
      <c r="G20166" s="16">
        <v>0.25899983021279538</v>
      </c>
    </row>
    <row r="20167" spans="1:7" x14ac:dyDescent="0.3">
      <c r="A20167" s="13" t="s">
        <v>139</v>
      </c>
      <c r="B20167" s="14" t="s">
        <v>1</v>
      </c>
      <c r="C20167" s="14" t="s">
        <v>23</v>
      </c>
      <c r="D20167" s="14" t="s">
        <v>140</v>
      </c>
      <c r="E20167" s="15">
        <v>45468</v>
      </c>
      <c r="F20167" s="14" t="s">
        <v>15</v>
      </c>
      <c r="G20167" s="16">
        <v>0.30718867196735145</v>
      </c>
    </row>
    <row r="20168" spans="1:7" x14ac:dyDescent="0.3">
      <c r="A20168" s="13" t="s">
        <v>139</v>
      </c>
      <c r="B20168" s="14" t="s">
        <v>1</v>
      </c>
      <c r="C20168" s="14" t="s">
        <v>23</v>
      </c>
      <c r="D20168" s="14" t="s">
        <v>140</v>
      </c>
      <c r="E20168" s="15">
        <v>45469</v>
      </c>
      <c r="F20168" s="14" t="s">
        <v>15</v>
      </c>
      <c r="G20168" s="16">
        <v>0.32115816395859154</v>
      </c>
    </row>
    <row r="20169" spans="1:7" x14ac:dyDescent="0.3">
      <c r="A20169" s="13" t="s">
        <v>139</v>
      </c>
      <c r="B20169" s="14" t="s">
        <v>1</v>
      </c>
      <c r="C20169" s="14" t="s">
        <v>23</v>
      </c>
      <c r="D20169" s="14" t="s">
        <v>140</v>
      </c>
      <c r="E20169" s="15">
        <v>45470</v>
      </c>
      <c r="F20169" s="14" t="s">
        <v>15</v>
      </c>
      <c r="G20169" s="16">
        <v>0.33613447841649913</v>
      </c>
    </row>
    <row r="20170" spans="1:7" x14ac:dyDescent="0.3">
      <c r="A20170" s="13" t="s">
        <v>139</v>
      </c>
      <c r="B20170" s="14" t="s">
        <v>1</v>
      </c>
      <c r="C20170" s="14" t="s">
        <v>23</v>
      </c>
      <c r="D20170" s="14" t="s">
        <v>140</v>
      </c>
      <c r="E20170" s="15">
        <v>45471</v>
      </c>
      <c r="F20170" s="14" t="s">
        <v>15</v>
      </c>
      <c r="G20170" s="16">
        <v>0.35116843797050451</v>
      </c>
    </row>
    <row r="20171" spans="1:7" x14ac:dyDescent="0.3">
      <c r="A20171" s="13" t="s">
        <v>139</v>
      </c>
      <c r="B20171" s="14" t="s">
        <v>1</v>
      </c>
      <c r="C20171" s="14" t="s">
        <v>23</v>
      </c>
      <c r="D20171" s="14" t="s">
        <v>140</v>
      </c>
      <c r="E20171" s="15">
        <v>45472</v>
      </c>
      <c r="F20171" s="14" t="s">
        <v>15</v>
      </c>
      <c r="G20171" s="16">
        <v>0.35116843797050451</v>
      </c>
    </row>
    <row r="20172" spans="1:7" x14ac:dyDescent="0.3">
      <c r="A20172" s="13" t="s">
        <v>139</v>
      </c>
      <c r="B20172" s="14" t="s">
        <v>1</v>
      </c>
      <c r="C20172" s="14" t="s">
        <v>23</v>
      </c>
      <c r="D20172" s="14" t="s">
        <v>140</v>
      </c>
      <c r="E20172" s="15">
        <v>45473</v>
      </c>
      <c r="F20172" s="14" t="s">
        <v>15</v>
      </c>
      <c r="G20172" s="16">
        <v>0.35116843797050451</v>
      </c>
    </row>
    <row r="20173" spans="1:7" x14ac:dyDescent="0.3">
      <c r="A20173" s="13" t="s">
        <v>139</v>
      </c>
      <c r="B20173" s="14" t="s">
        <v>1</v>
      </c>
      <c r="C20173" s="14" t="s">
        <v>23</v>
      </c>
      <c r="D20173" s="14" t="s">
        <v>140</v>
      </c>
      <c r="E20173" s="15">
        <v>45474</v>
      </c>
      <c r="F20173" s="14" t="s">
        <v>15</v>
      </c>
      <c r="G20173" s="16">
        <v>0</v>
      </c>
    </row>
    <row r="20174" spans="1:7" x14ac:dyDescent="0.3">
      <c r="A20174" s="13" t="s">
        <v>139</v>
      </c>
      <c r="B20174" s="14" t="s">
        <v>1</v>
      </c>
      <c r="C20174" s="14" t="s">
        <v>23</v>
      </c>
      <c r="D20174" s="14" t="s">
        <v>140</v>
      </c>
      <c r="E20174" s="15">
        <v>45475</v>
      </c>
      <c r="F20174" s="14" t="s">
        <v>15</v>
      </c>
      <c r="G20174" s="16">
        <v>0</v>
      </c>
    </row>
    <row r="20175" spans="1:7" x14ac:dyDescent="0.3">
      <c r="A20175" s="13" t="s">
        <v>139</v>
      </c>
      <c r="B20175" s="14" t="s">
        <v>1</v>
      </c>
      <c r="C20175" s="14" t="s">
        <v>23</v>
      </c>
      <c r="D20175" s="14" t="s">
        <v>140</v>
      </c>
      <c r="E20175" s="15">
        <v>45476</v>
      </c>
      <c r="F20175" s="14" t="s">
        <v>15</v>
      </c>
      <c r="G20175" s="16">
        <v>0</v>
      </c>
    </row>
    <row r="20176" spans="1:7" x14ac:dyDescent="0.3">
      <c r="A20176" s="13" t="s">
        <v>139</v>
      </c>
      <c r="B20176" s="14" t="s">
        <v>1</v>
      </c>
      <c r="C20176" s="14" t="s">
        <v>23</v>
      </c>
      <c r="D20176" s="14" t="s">
        <v>140</v>
      </c>
      <c r="E20176" s="15">
        <v>45477</v>
      </c>
      <c r="F20176" s="14" t="s">
        <v>15</v>
      </c>
      <c r="G20176" s="16">
        <v>0</v>
      </c>
    </row>
    <row r="20177" spans="1:7" x14ac:dyDescent="0.3">
      <c r="A20177" s="13" t="s">
        <v>139</v>
      </c>
      <c r="B20177" s="14" t="s">
        <v>1</v>
      </c>
      <c r="C20177" s="14" t="s">
        <v>23</v>
      </c>
      <c r="D20177" s="14" t="s">
        <v>140</v>
      </c>
      <c r="E20177" s="15">
        <v>45478</v>
      </c>
      <c r="F20177" s="14" t="s">
        <v>15</v>
      </c>
      <c r="G20177" s="16">
        <v>0</v>
      </c>
    </row>
    <row r="20178" spans="1:7" x14ac:dyDescent="0.3">
      <c r="A20178" s="13" t="s">
        <v>139</v>
      </c>
      <c r="B20178" s="14" t="s">
        <v>1</v>
      </c>
      <c r="C20178" s="14" t="s">
        <v>23</v>
      </c>
      <c r="D20178" s="14" t="s">
        <v>140</v>
      </c>
      <c r="E20178" s="15">
        <v>45479</v>
      </c>
      <c r="F20178" s="14" t="s">
        <v>15</v>
      </c>
      <c r="G20178" s="16">
        <v>0</v>
      </c>
    </row>
    <row r="20179" spans="1:7" x14ac:dyDescent="0.3">
      <c r="A20179" s="13" t="s">
        <v>139</v>
      </c>
      <c r="B20179" s="14" t="s">
        <v>1</v>
      </c>
      <c r="C20179" s="14" t="s">
        <v>23</v>
      </c>
      <c r="D20179" s="14" t="s">
        <v>140</v>
      </c>
      <c r="E20179" s="15">
        <v>45480</v>
      </c>
      <c r="F20179" s="14" t="s">
        <v>15</v>
      </c>
      <c r="G20179" s="16">
        <v>0</v>
      </c>
    </row>
    <row r="20180" spans="1:7" x14ac:dyDescent="0.3">
      <c r="A20180" s="13" t="s">
        <v>139</v>
      </c>
      <c r="B20180" s="14" t="s">
        <v>1</v>
      </c>
      <c r="C20180" s="14" t="s">
        <v>23</v>
      </c>
      <c r="D20180" s="14" t="s">
        <v>140</v>
      </c>
      <c r="E20180" s="15">
        <v>45481</v>
      </c>
      <c r="F20180" s="14" t="s">
        <v>15</v>
      </c>
      <c r="G20180" s="16">
        <v>6.3383713760520521E-3</v>
      </c>
    </row>
    <row r="20181" spans="1:7" x14ac:dyDescent="0.3">
      <c r="A20181" s="13" t="s">
        <v>139</v>
      </c>
      <c r="B20181" s="14" t="s">
        <v>1</v>
      </c>
      <c r="C20181" s="14" t="s">
        <v>23</v>
      </c>
      <c r="D20181" s="14" t="s">
        <v>140</v>
      </c>
      <c r="E20181" s="15">
        <v>45482</v>
      </c>
      <c r="F20181" s="14" t="s">
        <v>15</v>
      </c>
      <c r="G20181" s="16">
        <v>5.3089069709609055E-2</v>
      </c>
    </row>
    <row r="20182" spans="1:7" x14ac:dyDescent="0.3">
      <c r="A20182" s="13" t="s">
        <v>139</v>
      </c>
      <c r="B20182" s="14" t="s">
        <v>1</v>
      </c>
      <c r="C20182" s="14" t="s">
        <v>23</v>
      </c>
      <c r="D20182" s="14" t="s">
        <v>140</v>
      </c>
      <c r="E20182" s="15">
        <v>45483</v>
      </c>
      <c r="F20182" s="14" t="s">
        <v>15</v>
      </c>
      <c r="G20182" s="16">
        <v>6.9475586671348372E-2</v>
      </c>
    </row>
    <row r="20183" spans="1:7" x14ac:dyDescent="0.3">
      <c r="A20183" s="13" t="s">
        <v>139</v>
      </c>
      <c r="B20183" s="14" t="s">
        <v>1</v>
      </c>
      <c r="C20183" s="14" t="s">
        <v>23</v>
      </c>
      <c r="D20183" s="14" t="s">
        <v>140</v>
      </c>
      <c r="E20183" s="15">
        <v>45484</v>
      </c>
      <c r="F20183" s="14" t="s">
        <v>15</v>
      </c>
      <c r="G20183" s="16">
        <v>8.4961483778760297E-2</v>
      </c>
    </row>
    <row r="20184" spans="1:7" x14ac:dyDescent="0.3">
      <c r="A20184" s="13" t="s">
        <v>139</v>
      </c>
      <c r="B20184" s="14" t="s">
        <v>1</v>
      </c>
      <c r="C20184" s="14" t="s">
        <v>23</v>
      </c>
      <c r="D20184" s="14" t="s">
        <v>140</v>
      </c>
      <c r="E20184" s="15">
        <v>45485</v>
      </c>
      <c r="F20184" s="14" t="s">
        <v>15</v>
      </c>
      <c r="G20184" s="16">
        <v>0.10105679127856571</v>
      </c>
    </row>
    <row r="20185" spans="1:7" x14ac:dyDescent="0.3">
      <c r="A20185" s="13" t="s">
        <v>139</v>
      </c>
      <c r="B20185" s="14" t="s">
        <v>1</v>
      </c>
      <c r="C20185" s="14" t="s">
        <v>23</v>
      </c>
      <c r="D20185" s="14" t="s">
        <v>140</v>
      </c>
      <c r="E20185" s="15">
        <v>45486</v>
      </c>
      <c r="F20185" s="14" t="s">
        <v>15</v>
      </c>
      <c r="G20185" s="16">
        <v>0.10105679127856571</v>
      </c>
    </row>
    <row r="20186" spans="1:7" x14ac:dyDescent="0.3">
      <c r="A20186" s="13" t="s">
        <v>139</v>
      </c>
      <c r="B20186" s="14" t="s">
        <v>1</v>
      </c>
      <c r="C20186" s="14" t="s">
        <v>23</v>
      </c>
      <c r="D20186" s="14" t="s">
        <v>140</v>
      </c>
      <c r="E20186" s="15">
        <v>45487</v>
      </c>
      <c r="F20186" s="14" t="s">
        <v>15</v>
      </c>
      <c r="G20186" s="16">
        <v>0.10105679127856571</v>
      </c>
    </row>
    <row r="20187" spans="1:7" x14ac:dyDescent="0.3">
      <c r="A20187" s="13" t="s">
        <v>139</v>
      </c>
      <c r="B20187" s="14" t="s">
        <v>1</v>
      </c>
      <c r="C20187" s="14" t="s">
        <v>23</v>
      </c>
      <c r="D20187" s="14" t="s">
        <v>140</v>
      </c>
      <c r="E20187" s="15">
        <v>45488</v>
      </c>
      <c r="F20187" s="14" t="s">
        <v>15</v>
      </c>
      <c r="G20187" s="16">
        <v>0.11604327840049054</v>
      </c>
    </row>
    <row r="20188" spans="1:7" x14ac:dyDescent="0.3">
      <c r="A20188" s="13" t="s">
        <v>139</v>
      </c>
      <c r="B20188" s="14" t="s">
        <v>1</v>
      </c>
      <c r="C20188" s="14" t="s">
        <v>23</v>
      </c>
      <c r="D20188" s="14" t="s">
        <v>140</v>
      </c>
      <c r="E20188" s="15">
        <v>45489</v>
      </c>
      <c r="F20188" s="14" t="s">
        <v>15</v>
      </c>
      <c r="G20188" s="16">
        <v>0.16171553871269859</v>
      </c>
    </row>
    <row r="20189" spans="1:7" x14ac:dyDescent="0.3">
      <c r="A20189" s="13" t="s">
        <v>139</v>
      </c>
      <c r="B20189" s="14" t="s">
        <v>1</v>
      </c>
      <c r="C20189" s="14" t="s">
        <v>23</v>
      </c>
      <c r="D20189" s="14" t="s">
        <v>140</v>
      </c>
      <c r="E20189" s="15">
        <v>45490</v>
      </c>
      <c r="F20189" s="14" t="s">
        <v>15</v>
      </c>
      <c r="G20189" s="16">
        <v>0.17676197673456528</v>
      </c>
    </row>
    <row r="20190" spans="1:7" x14ac:dyDescent="0.3">
      <c r="A20190" s="13" t="s">
        <v>139</v>
      </c>
      <c r="B20190" s="14" t="s">
        <v>1</v>
      </c>
      <c r="C20190" s="14" t="s">
        <v>23</v>
      </c>
      <c r="D20190" s="14" t="s">
        <v>140</v>
      </c>
      <c r="E20190" s="15">
        <v>45491</v>
      </c>
      <c r="F20190" s="14" t="s">
        <v>15</v>
      </c>
      <c r="G20190" s="16">
        <v>0.19180963547611399</v>
      </c>
    </row>
    <row r="20191" spans="1:7" x14ac:dyDescent="0.3">
      <c r="A20191" s="13" t="s">
        <v>139</v>
      </c>
      <c r="B20191" s="14" t="s">
        <v>1</v>
      </c>
      <c r="C20191" s="14" t="s">
        <v>23</v>
      </c>
      <c r="D20191" s="14" t="s">
        <v>140</v>
      </c>
      <c r="E20191" s="15">
        <v>45492</v>
      </c>
      <c r="F20191" s="14" t="s">
        <v>15</v>
      </c>
      <c r="G20191" s="16">
        <v>0.20683504999234498</v>
      </c>
    </row>
    <row r="20192" spans="1:7" x14ac:dyDescent="0.3">
      <c r="A20192" s="13" t="s">
        <v>139</v>
      </c>
      <c r="B20192" s="14" t="s">
        <v>1</v>
      </c>
      <c r="C20192" s="14" t="s">
        <v>23</v>
      </c>
      <c r="D20192" s="14" t="s">
        <v>140</v>
      </c>
      <c r="E20192" s="15">
        <v>45493</v>
      </c>
      <c r="F20192" s="14" t="s">
        <v>15</v>
      </c>
      <c r="G20192" s="16">
        <v>0.20683504999234498</v>
      </c>
    </row>
    <row r="20193" spans="1:7" x14ac:dyDescent="0.3">
      <c r="A20193" s="13" t="s">
        <v>139</v>
      </c>
      <c r="B20193" s="14" t="s">
        <v>1</v>
      </c>
      <c r="C20193" s="14" t="s">
        <v>23</v>
      </c>
      <c r="D20193" s="14" t="s">
        <v>140</v>
      </c>
      <c r="E20193" s="15">
        <v>45494</v>
      </c>
      <c r="F20193" s="14" t="s">
        <v>15</v>
      </c>
      <c r="G20193" s="16">
        <v>0.20683504999234498</v>
      </c>
    </row>
    <row r="20194" spans="1:7" x14ac:dyDescent="0.3">
      <c r="A20194" s="13" t="s">
        <v>139</v>
      </c>
      <c r="B20194" s="14" t="s">
        <v>1</v>
      </c>
      <c r="C20194" s="14" t="s">
        <v>23</v>
      </c>
      <c r="D20194" s="14" t="s">
        <v>140</v>
      </c>
      <c r="E20194" s="15">
        <v>45495</v>
      </c>
      <c r="F20194" s="14" t="s">
        <v>15</v>
      </c>
      <c r="G20194" s="16">
        <v>0.22179278238398131</v>
      </c>
    </row>
    <row r="20195" spans="1:7" x14ac:dyDescent="0.3">
      <c r="A20195" s="13" t="s">
        <v>139</v>
      </c>
      <c r="B20195" s="14" t="s">
        <v>1</v>
      </c>
      <c r="C20195" s="14" t="s">
        <v>23</v>
      </c>
      <c r="D20195" s="14" t="s">
        <v>140</v>
      </c>
      <c r="E20195" s="15">
        <v>45496</v>
      </c>
      <c r="F20195" s="14" t="s">
        <v>15</v>
      </c>
      <c r="G20195" s="16">
        <v>0.26672962690550206</v>
      </c>
    </row>
    <row r="20196" spans="1:7" x14ac:dyDescent="0.3">
      <c r="A20196" s="13" t="s">
        <v>139</v>
      </c>
      <c r="B20196" s="14" t="s">
        <v>1</v>
      </c>
      <c r="C20196" s="14" t="s">
        <v>23</v>
      </c>
      <c r="D20196" s="14" t="s">
        <v>140</v>
      </c>
      <c r="E20196" s="15">
        <v>45497</v>
      </c>
      <c r="F20196" s="14" t="s">
        <v>15</v>
      </c>
      <c r="G20196" s="16">
        <v>0.28343963458298993</v>
      </c>
    </row>
    <row r="20197" spans="1:7" x14ac:dyDescent="0.3">
      <c r="A20197" s="13" t="s">
        <v>139</v>
      </c>
      <c r="B20197" s="14" t="s">
        <v>1</v>
      </c>
      <c r="C20197" s="14" t="s">
        <v>23</v>
      </c>
      <c r="D20197" s="14" t="s">
        <v>140</v>
      </c>
      <c r="E20197" s="15">
        <v>45498</v>
      </c>
      <c r="F20197" s="14" t="s">
        <v>15</v>
      </c>
      <c r="G20197" s="16">
        <v>0.29776639053451587</v>
      </c>
    </row>
    <row r="20198" spans="1:7" x14ac:dyDescent="0.3">
      <c r="A20198" s="13" t="s">
        <v>139</v>
      </c>
      <c r="B20198" s="14" t="s">
        <v>1</v>
      </c>
      <c r="C20198" s="14" t="s">
        <v>23</v>
      </c>
      <c r="D20198" s="14" t="s">
        <v>140</v>
      </c>
      <c r="E20198" s="15">
        <v>45499</v>
      </c>
      <c r="F20198" s="14" t="s">
        <v>15</v>
      </c>
      <c r="G20198" s="16">
        <v>0.31214536616133043</v>
      </c>
    </row>
    <row r="20199" spans="1:7" x14ac:dyDescent="0.3">
      <c r="A20199" s="13" t="s">
        <v>139</v>
      </c>
      <c r="B20199" s="14" t="s">
        <v>1</v>
      </c>
      <c r="C20199" s="14" t="s">
        <v>23</v>
      </c>
      <c r="D20199" s="14" t="s">
        <v>140</v>
      </c>
      <c r="E20199" s="15">
        <v>45500</v>
      </c>
      <c r="F20199" s="14" t="s">
        <v>15</v>
      </c>
      <c r="G20199" s="16">
        <v>0.31214536616133043</v>
      </c>
    </row>
    <row r="20200" spans="1:7" x14ac:dyDescent="0.3">
      <c r="A20200" s="13" t="s">
        <v>139</v>
      </c>
      <c r="B20200" s="14" t="s">
        <v>1</v>
      </c>
      <c r="C20200" s="14" t="s">
        <v>23</v>
      </c>
      <c r="D20200" s="14" t="s">
        <v>140</v>
      </c>
      <c r="E20200" s="15">
        <v>45501</v>
      </c>
      <c r="F20200" s="14" t="s">
        <v>15</v>
      </c>
      <c r="G20200" s="16">
        <v>0.31214536616133043</v>
      </c>
    </row>
    <row r="20201" spans="1:7" x14ac:dyDescent="0.3">
      <c r="A20201" s="13" t="s">
        <v>139</v>
      </c>
      <c r="B20201" s="14" t="s">
        <v>1</v>
      </c>
      <c r="C20201" s="14" t="s">
        <v>23</v>
      </c>
      <c r="D20201" s="14" t="s">
        <v>140</v>
      </c>
      <c r="E20201" s="15">
        <v>45502</v>
      </c>
      <c r="F20201" s="14" t="s">
        <v>15</v>
      </c>
      <c r="G20201" s="16">
        <v>0.32654116059265342</v>
      </c>
    </row>
    <row r="20202" spans="1:7" x14ac:dyDescent="0.3">
      <c r="A20202" s="13" t="s">
        <v>139</v>
      </c>
      <c r="B20202" s="14" t="s">
        <v>1</v>
      </c>
      <c r="C20202" s="14" t="s">
        <v>23</v>
      </c>
      <c r="D20202" s="14" t="s">
        <v>140</v>
      </c>
      <c r="E20202" s="15">
        <v>45503</v>
      </c>
      <c r="F20202" s="14" t="s">
        <v>15</v>
      </c>
      <c r="G20202" s="16">
        <v>0.37009940568655592</v>
      </c>
    </row>
    <row r="20203" spans="1:7" x14ac:dyDescent="0.3">
      <c r="A20203" s="13" t="s">
        <v>139</v>
      </c>
      <c r="B20203" s="14" t="s">
        <v>1</v>
      </c>
      <c r="C20203" s="14" t="s">
        <v>23</v>
      </c>
      <c r="D20203" s="14" t="s">
        <v>140</v>
      </c>
      <c r="E20203" s="15">
        <v>45504</v>
      </c>
      <c r="F20203" s="14" t="s">
        <v>15</v>
      </c>
      <c r="G20203" s="16">
        <v>0.38582022351500617</v>
      </c>
    </row>
    <row r="20204" spans="1:7" x14ac:dyDescent="0.3">
      <c r="A20204" s="13" t="s">
        <v>139</v>
      </c>
      <c r="B20204" s="14" t="s">
        <v>1</v>
      </c>
      <c r="C20204" s="14" t="s">
        <v>23</v>
      </c>
      <c r="D20204" s="14" t="s">
        <v>140</v>
      </c>
      <c r="E20204" s="15">
        <v>45505</v>
      </c>
      <c r="F20204" s="14" t="s">
        <v>15</v>
      </c>
      <c r="G20204" s="16">
        <v>0</v>
      </c>
    </row>
    <row r="20205" spans="1:7" x14ac:dyDescent="0.3">
      <c r="A20205" s="13" t="s">
        <v>139</v>
      </c>
      <c r="B20205" s="14" t="s">
        <v>1</v>
      </c>
      <c r="C20205" s="14" t="s">
        <v>23</v>
      </c>
      <c r="D20205" s="14" t="s">
        <v>140</v>
      </c>
      <c r="E20205" s="15">
        <v>45506</v>
      </c>
      <c r="F20205" s="14" t="s">
        <v>15</v>
      </c>
      <c r="G20205" s="16">
        <v>0</v>
      </c>
    </row>
    <row r="20206" spans="1:7" x14ac:dyDescent="0.3">
      <c r="A20206" s="13" t="s">
        <v>139</v>
      </c>
      <c r="B20206" s="14" t="s">
        <v>1</v>
      </c>
      <c r="C20206" s="14" t="s">
        <v>23</v>
      </c>
      <c r="D20206" s="14" t="s">
        <v>140</v>
      </c>
      <c r="E20206" s="15">
        <v>45507</v>
      </c>
      <c r="F20206" s="14" t="s">
        <v>15</v>
      </c>
      <c r="G20206" s="16">
        <v>0</v>
      </c>
    </row>
    <row r="20207" spans="1:7" x14ac:dyDescent="0.3">
      <c r="A20207" s="13" t="s">
        <v>139</v>
      </c>
      <c r="B20207" s="14" t="s">
        <v>1</v>
      </c>
      <c r="C20207" s="14" t="s">
        <v>23</v>
      </c>
      <c r="D20207" s="14" t="s">
        <v>140</v>
      </c>
      <c r="E20207" s="15">
        <v>45508</v>
      </c>
      <c r="F20207" s="14" t="s">
        <v>15</v>
      </c>
      <c r="G20207" s="16">
        <v>0</v>
      </c>
    </row>
    <row r="20208" spans="1:7" x14ac:dyDescent="0.3">
      <c r="A20208" s="13" t="s">
        <v>139</v>
      </c>
      <c r="B20208" s="14" t="s">
        <v>1</v>
      </c>
      <c r="C20208" s="14" t="s">
        <v>23</v>
      </c>
      <c r="D20208" s="14" t="s">
        <v>140</v>
      </c>
      <c r="E20208" s="15">
        <v>45509</v>
      </c>
      <c r="F20208" s="14" t="s">
        <v>15</v>
      </c>
      <c r="G20208" s="16">
        <v>0</v>
      </c>
    </row>
    <row r="20209" spans="1:7" x14ac:dyDescent="0.3">
      <c r="A20209" s="13" t="s">
        <v>139</v>
      </c>
      <c r="B20209" s="14" t="s">
        <v>1</v>
      </c>
      <c r="C20209" s="14" t="s">
        <v>23</v>
      </c>
      <c r="D20209" s="14" t="s">
        <v>140</v>
      </c>
      <c r="E20209" s="15">
        <v>45510</v>
      </c>
      <c r="F20209" s="14" t="s">
        <v>15</v>
      </c>
      <c r="G20209" s="16">
        <v>0</v>
      </c>
    </row>
    <row r="20210" spans="1:7" x14ac:dyDescent="0.3">
      <c r="A20210" s="13" t="s">
        <v>139</v>
      </c>
      <c r="B20210" s="14" t="s">
        <v>1</v>
      </c>
      <c r="C20210" s="14" t="s">
        <v>23</v>
      </c>
      <c r="D20210" s="14" t="s">
        <v>140</v>
      </c>
      <c r="E20210" s="15">
        <v>45511</v>
      </c>
      <c r="F20210" s="14" t="s">
        <v>15</v>
      </c>
      <c r="G20210" s="16">
        <v>0</v>
      </c>
    </row>
    <row r="20211" spans="1:7" x14ac:dyDescent="0.3">
      <c r="A20211" s="13" t="s">
        <v>139</v>
      </c>
      <c r="B20211" s="14" t="s">
        <v>1</v>
      </c>
      <c r="C20211" s="14" t="s">
        <v>23</v>
      </c>
      <c r="D20211" s="14" t="s">
        <v>140</v>
      </c>
      <c r="E20211" s="15">
        <v>45512</v>
      </c>
      <c r="F20211" s="14" t="s">
        <v>15</v>
      </c>
      <c r="G20211" s="16">
        <v>0</v>
      </c>
    </row>
    <row r="20212" spans="1:7" x14ac:dyDescent="0.3">
      <c r="A20212" s="13" t="s">
        <v>139</v>
      </c>
      <c r="B20212" s="14" t="s">
        <v>1</v>
      </c>
      <c r="C20212" s="14" t="s">
        <v>23</v>
      </c>
      <c r="D20212" s="14" t="s">
        <v>140</v>
      </c>
      <c r="E20212" s="15">
        <v>45513</v>
      </c>
      <c r="F20212" s="14" t="s">
        <v>15</v>
      </c>
      <c r="G20212" s="16">
        <v>0</v>
      </c>
    </row>
    <row r="20213" spans="1:7" x14ac:dyDescent="0.3">
      <c r="A20213" s="13" t="s">
        <v>139</v>
      </c>
      <c r="B20213" s="14" t="s">
        <v>1</v>
      </c>
      <c r="C20213" s="14" t="s">
        <v>23</v>
      </c>
      <c r="D20213" s="14" t="s">
        <v>140</v>
      </c>
      <c r="E20213" s="15">
        <v>45514</v>
      </c>
      <c r="F20213" s="14" t="s">
        <v>15</v>
      </c>
      <c r="G20213" s="16">
        <v>0</v>
      </c>
    </row>
    <row r="20214" spans="1:7" x14ac:dyDescent="0.3">
      <c r="A20214" s="13" t="s">
        <v>139</v>
      </c>
      <c r="B20214" s="14" t="s">
        <v>1</v>
      </c>
      <c r="C20214" s="14" t="s">
        <v>23</v>
      </c>
      <c r="D20214" s="14" t="s">
        <v>140</v>
      </c>
      <c r="E20214" s="15">
        <v>45515</v>
      </c>
      <c r="F20214" s="14" t="s">
        <v>15</v>
      </c>
      <c r="G20214" s="16">
        <v>0</v>
      </c>
    </row>
    <row r="20215" spans="1:7" x14ac:dyDescent="0.3">
      <c r="A20215" s="13" t="s">
        <v>139</v>
      </c>
      <c r="B20215" s="14" t="s">
        <v>1</v>
      </c>
      <c r="C20215" s="14" t="s">
        <v>23</v>
      </c>
      <c r="D20215" s="14" t="s">
        <v>140</v>
      </c>
      <c r="E20215" s="15">
        <v>45516</v>
      </c>
      <c r="F20215" s="14" t="s">
        <v>15</v>
      </c>
      <c r="G20215" s="16">
        <v>0</v>
      </c>
    </row>
    <row r="20216" spans="1:7" x14ac:dyDescent="0.3">
      <c r="A20216" s="13" t="s">
        <v>139</v>
      </c>
      <c r="B20216" s="14" t="s">
        <v>1</v>
      </c>
      <c r="C20216" s="14" t="s">
        <v>23</v>
      </c>
      <c r="D20216" s="14" t="s">
        <v>140</v>
      </c>
      <c r="E20216" s="15">
        <v>45517</v>
      </c>
      <c r="F20216" s="14" t="s">
        <v>15</v>
      </c>
      <c r="G20216" s="16">
        <v>3.0407789194749186E-3</v>
      </c>
    </row>
    <row r="20217" spans="1:7" x14ac:dyDescent="0.3">
      <c r="A20217" s="13" t="s">
        <v>139</v>
      </c>
      <c r="B20217" s="14" t="s">
        <v>1</v>
      </c>
      <c r="C20217" s="14" t="s">
        <v>23</v>
      </c>
      <c r="D20217" s="14" t="s">
        <v>140</v>
      </c>
      <c r="E20217" s="15">
        <v>45518</v>
      </c>
      <c r="F20217" s="14" t="s">
        <v>15</v>
      </c>
      <c r="G20217" s="16">
        <v>1.7255228660250407E-2</v>
      </c>
    </row>
    <row r="20218" spans="1:7" x14ac:dyDescent="0.3">
      <c r="A20218" s="13" t="s">
        <v>139</v>
      </c>
      <c r="B20218" s="14" t="s">
        <v>1</v>
      </c>
      <c r="C20218" s="14" t="s">
        <v>23</v>
      </c>
      <c r="D20218" s="14" t="s">
        <v>140</v>
      </c>
      <c r="E20218" s="15">
        <v>45519</v>
      </c>
      <c r="F20218" s="14" t="s">
        <v>15</v>
      </c>
      <c r="G20218" s="16">
        <v>2.6336959044481027E-2</v>
      </c>
    </row>
    <row r="20219" spans="1:7" x14ac:dyDescent="0.3">
      <c r="A20219" s="13" t="s">
        <v>139</v>
      </c>
      <c r="B20219" s="14" t="s">
        <v>1</v>
      </c>
      <c r="C20219" s="14" t="s">
        <v>23</v>
      </c>
      <c r="D20219" s="14" t="s">
        <v>140</v>
      </c>
      <c r="E20219" s="15">
        <v>45520</v>
      </c>
      <c r="F20219" s="14" t="s">
        <v>15</v>
      </c>
      <c r="G20219" s="16">
        <v>4.0837599732941973E-2</v>
      </c>
    </row>
    <row r="20220" spans="1:7" x14ac:dyDescent="0.3">
      <c r="A20220" s="13" t="s">
        <v>139</v>
      </c>
      <c r="B20220" s="14" t="s">
        <v>1</v>
      </c>
      <c r="C20220" s="14" t="s">
        <v>23</v>
      </c>
      <c r="D20220" s="14" t="s">
        <v>140</v>
      </c>
      <c r="E20220" s="15">
        <v>45521</v>
      </c>
      <c r="F20220" s="14" t="s">
        <v>15</v>
      </c>
      <c r="G20220" s="16">
        <v>4.0837599732941973E-2</v>
      </c>
    </row>
    <row r="20221" spans="1:7" x14ac:dyDescent="0.3">
      <c r="A20221" s="13" t="s">
        <v>139</v>
      </c>
      <c r="B20221" s="14" t="s">
        <v>1</v>
      </c>
      <c r="C20221" s="14" t="s">
        <v>23</v>
      </c>
      <c r="D20221" s="14" t="s">
        <v>140</v>
      </c>
      <c r="E20221" s="15">
        <v>45522</v>
      </c>
      <c r="F20221" s="14" t="s">
        <v>15</v>
      </c>
      <c r="G20221" s="16">
        <v>4.0837599732941973E-2</v>
      </c>
    </row>
    <row r="20222" spans="1:7" x14ac:dyDescent="0.3">
      <c r="A20222" s="13" t="s">
        <v>139</v>
      </c>
      <c r="B20222" s="14" t="s">
        <v>1</v>
      </c>
      <c r="C20222" s="14" t="s">
        <v>23</v>
      </c>
      <c r="D20222" s="14" t="s">
        <v>140</v>
      </c>
      <c r="E20222" s="15">
        <v>45523</v>
      </c>
      <c r="F20222" s="14" t="s">
        <v>15</v>
      </c>
      <c r="G20222" s="16">
        <v>5.5360620282240799E-2</v>
      </c>
    </row>
    <row r="20223" spans="1:7" x14ac:dyDescent="0.3">
      <c r="A20223" s="13" t="s">
        <v>139</v>
      </c>
      <c r="B20223" s="14" t="s">
        <v>1</v>
      </c>
      <c r="C20223" s="14" t="s">
        <v>23</v>
      </c>
      <c r="D20223" s="14" t="s">
        <v>140</v>
      </c>
      <c r="E20223" s="15">
        <v>45524</v>
      </c>
      <c r="F20223" s="14" t="s">
        <v>15</v>
      </c>
      <c r="G20223" s="16">
        <v>9.9944269909082437E-2</v>
      </c>
    </row>
    <row r="20224" spans="1:7" x14ac:dyDescent="0.3">
      <c r="A20224" s="13" t="s">
        <v>139</v>
      </c>
      <c r="B20224" s="14" t="s">
        <v>1</v>
      </c>
      <c r="C20224" s="14" t="s">
        <v>23</v>
      </c>
      <c r="D20224" s="14" t="s">
        <v>140</v>
      </c>
      <c r="E20224" s="15">
        <v>45525</v>
      </c>
      <c r="F20224" s="14" t="s">
        <v>15</v>
      </c>
      <c r="G20224" s="16">
        <v>0.11011081318411264</v>
      </c>
    </row>
    <row r="20225" spans="1:7" x14ac:dyDescent="0.3">
      <c r="A20225" s="13" t="s">
        <v>139</v>
      </c>
      <c r="B20225" s="14" t="s">
        <v>1</v>
      </c>
      <c r="C20225" s="14" t="s">
        <v>23</v>
      </c>
      <c r="D20225" s="14" t="s">
        <v>140</v>
      </c>
      <c r="E20225" s="15">
        <v>45526</v>
      </c>
      <c r="F20225" s="14" t="s">
        <v>15</v>
      </c>
      <c r="G20225" s="16">
        <v>0.12464061550942297</v>
      </c>
    </row>
    <row r="20226" spans="1:7" x14ac:dyDescent="0.3">
      <c r="A20226" s="13" t="s">
        <v>139</v>
      </c>
      <c r="B20226" s="14" t="s">
        <v>1</v>
      </c>
      <c r="C20226" s="14" t="s">
        <v>23</v>
      </c>
      <c r="D20226" s="14" t="s">
        <v>140</v>
      </c>
      <c r="E20226" s="15">
        <v>45527</v>
      </c>
      <c r="F20226" s="14" t="s">
        <v>15</v>
      </c>
      <c r="G20226" s="16">
        <v>0.13911724871080333</v>
      </c>
    </row>
    <row r="20227" spans="1:7" x14ac:dyDescent="0.3">
      <c r="A20227" s="13" t="s">
        <v>139</v>
      </c>
      <c r="B20227" s="14" t="s">
        <v>1</v>
      </c>
      <c r="C20227" s="14" t="s">
        <v>23</v>
      </c>
      <c r="D20227" s="14" t="s">
        <v>140</v>
      </c>
      <c r="E20227" s="15">
        <v>45528</v>
      </c>
      <c r="F20227" s="14" t="s">
        <v>15</v>
      </c>
      <c r="G20227" s="16">
        <v>0.13911724871080333</v>
      </c>
    </row>
    <row r="20228" spans="1:7" x14ac:dyDescent="0.3">
      <c r="A20228" s="13" t="s">
        <v>139</v>
      </c>
      <c r="B20228" s="14" t="s">
        <v>1</v>
      </c>
      <c r="C20228" s="14" t="s">
        <v>23</v>
      </c>
      <c r="D20228" s="14" t="s">
        <v>140</v>
      </c>
      <c r="E20228" s="15">
        <v>45529</v>
      </c>
      <c r="F20228" s="14" t="s">
        <v>15</v>
      </c>
      <c r="G20228" s="16">
        <v>0.13911724871080333</v>
      </c>
    </row>
    <row r="20229" spans="1:7" x14ac:dyDescent="0.3">
      <c r="A20229" s="13" t="s">
        <v>139</v>
      </c>
      <c r="B20229" s="14" t="s">
        <v>1</v>
      </c>
      <c r="C20229" s="14" t="s">
        <v>23</v>
      </c>
      <c r="D20229" s="14" t="s">
        <v>140</v>
      </c>
      <c r="E20229" s="15">
        <v>45530</v>
      </c>
      <c r="F20229" s="14" t="s">
        <v>15</v>
      </c>
      <c r="G20229" s="16">
        <v>0.1539860042011684</v>
      </c>
    </row>
    <row r="20230" spans="1:7" x14ac:dyDescent="0.3">
      <c r="A20230" s="13" t="s">
        <v>139</v>
      </c>
      <c r="B20230" s="14" t="s">
        <v>1</v>
      </c>
      <c r="C20230" s="14" t="s">
        <v>23</v>
      </c>
      <c r="D20230" s="14" t="s">
        <v>140</v>
      </c>
      <c r="E20230" s="15">
        <v>45531</v>
      </c>
      <c r="F20230" s="14" t="s">
        <v>15</v>
      </c>
      <c r="G20230" s="16">
        <v>0.19806074935610707</v>
      </c>
    </row>
    <row r="20231" spans="1:7" x14ac:dyDescent="0.3">
      <c r="A20231" s="13" t="s">
        <v>139</v>
      </c>
      <c r="B20231" s="14" t="s">
        <v>1</v>
      </c>
      <c r="C20231" s="14" t="s">
        <v>23</v>
      </c>
      <c r="D20231" s="14" t="s">
        <v>140</v>
      </c>
      <c r="E20231" s="15">
        <v>45532</v>
      </c>
      <c r="F20231" s="14" t="s">
        <v>15</v>
      </c>
      <c r="G20231" s="16">
        <v>0.2131766327643313</v>
      </c>
    </row>
    <row r="20232" spans="1:7" x14ac:dyDescent="0.3">
      <c r="A20232" s="13" t="s">
        <v>139</v>
      </c>
      <c r="B20232" s="14" t="s">
        <v>1</v>
      </c>
      <c r="C20232" s="14" t="s">
        <v>23</v>
      </c>
      <c r="D20232" s="14" t="s">
        <v>140</v>
      </c>
      <c r="E20232" s="15">
        <v>45533</v>
      </c>
      <c r="F20232" s="14" t="s">
        <v>15</v>
      </c>
      <c r="G20232" s="16">
        <v>0.22734252498886459</v>
      </c>
    </row>
    <row r="20233" spans="1:7" x14ac:dyDescent="0.3">
      <c r="A20233" s="13" t="s">
        <v>139</v>
      </c>
      <c r="B20233" s="14" t="s">
        <v>1</v>
      </c>
      <c r="C20233" s="14" t="s">
        <v>23</v>
      </c>
      <c r="D20233" s="14" t="s">
        <v>140</v>
      </c>
      <c r="E20233" s="15">
        <v>45534</v>
      </c>
      <c r="F20233" s="14" t="s">
        <v>15</v>
      </c>
      <c r="G20233" s="16">
        <v>0.24182770322801914</v>
      </c>
    </row>
    <row r="20234" spans="1:7" x14ac:dyDescent="0.3">
      <c r="A20234" s="13" t="s">
        <v>139</v>
      </c>
      <c r="B20234" s="14" t="s">
        <v>1</v>
      </c>
      <c r="C20234" s="14" t="s">
        <v>23</v>
      </c>
      <c r="D20234" s="14" t="s">
        <v>140</v>
      </c>
      <c r="E20234" s="15">
        <v>45535</v>
      </c>
      <c r="F20234" s="14" t="s">
        <v>15</v>
      </c>
      <c r="G20234" s="16">
        <v>0.24182770322801914</v>
      </c>
    </row>
    <row r="20235" spans="1:7" x14ac:dyDescent="0.3">
      <c r="A20235" s="13" t="s">
        <v>139</v>
      </c>
      <c r="B20235" s="14" t="s">
        <v>1</v>
      </c>
      <c r="C20235" s="14" t="s">
        <v>23</v>
      </c>
      <c r="D20235" s="14" t="s">
        <v>140</v>
      </c>
      <c r="E20235" s="15">
        <v>45536</v>
      </c>
      <c r="F20235" s="14" t="s">
        <v>15</v>
      </c>
      <c r="G20235" s="16">
        <v>0.24182770322801914</v>
      </c>
    </row>
    <row r="20236" spans="1:7" x14ac:dyDescent="0.3">
      <c r="A20236" s="13" t="s">
        <v>139</v>
      </c>
      <c r="B20236" s="14" t="s">
        <v>1</v>
      </c>
      <c r="C20236" s="14" t="s">
        <v>23</v>
      </c>
      <c r="D20236" s="14" t="s">
        <v>140</v>
      </c>
      <c r="E20236" s="15">
        <v>45537</v>
      </c>
      <c r="F20236" s="14" t="s">
        <v>15</v>
      </c>
      <c r="G20236" s="16">
        <v>0.24182770322801914</v>
      </c>
    </row>
    <row r="20237" spans="1:7" x14ac:dyDescent="0.3">
      <c r="A20237" s="13" t="s">
        <v>139</v>
      </c>
      <c r="B20237" s="14" t="s">
        <v>1</v>
      </c>
      <c r="C20237" s="14" t="s">
        <v>23</v>
      </c>
      <c r="D20237" s="14" t="s">
        <v>140</v>
      </c>
      <c r="E20237" s="15">
        <v>45538</v>
      </c>
      <c r="F20237" s="14" t="s">
        <v>15</v>
      </c>
      <c r="G20237" s="16">
        <v>0</v>
      </c>
    </row>
    <row r="20238" spans="1:7" x14ac:dyDescent="0.3">
      <c r="A20238" s="13" t="s">
        <v>139</v>
      </c>
      <c r="B20238" s="14" t="s">
        <v>1</v>
      </c>
      <c r="C20238" s="14" t="s">
        <v>23</v>
      </c>
      <c r="D20238" s="14" t="s">
        <v>140</v>
      </c>
      <c r="E20238" s="15">
        <v>45539</v>
      </c>
      <c r="F20238" s="14" t="s">
        <v>15</v>
      </c>
      <c r="G20238" s="16">
        <v>0</v>
      </c>
    </row>
    <row r="20239" spans="1:7" x14ac:dyDescent="0.3">
      <c r="A20239" s="13" t="s">
        <v>139</v>
      </c>
      <c r="B20239" s="14" t="s">
        <v>1</v>
      </c>
      <c r="C20239" s="14" t="s">
        <v>23</v>
      </c>
      <c r="D20239" s="14" t="s">
        <v>140</v>
      </c>
      <c r="E20239" s="15">
        <v>45540</v>
      </c>
      <c r="F20239" s="14" t="s">
        <v>15</v>
      </c>
      <c r="G20239" s="16">
        <v>0</v>
      </c>
    </row>
    <row r="20240" spans="1:7" x14ac:dyDescent="0.3">
      <c r="A20240" s="13" t="s">
        <v>139</v>
      </c>
      <c r="B20240" s="14" t="s">
        <v>1</v>
      </c>
      <c r="C20240" s="14" t="s">
        <v>23</v>
      </c>
      <c r="D20240" s="14" t="s">
        <v>140</v>
      </c>
      <c r="E20240" s="15">
        <v>45541</v>
      </c>
      <c r="F20240" s="14" t="s">
        <v>15</v>
      </c>
      <c r="G20240" s="16">
        <v>0</v>
      </c>
    </row>
    <row r="20241" spans="1:7" x14ac:dyDescent="0.3">
      <c r="A20241" s="13" t="s">
        <v>139</v>
      </c>
      <c r="B20241" s="14" t="s">
        <v>1</v>
      </c>
      <c r="C20241" s="14" t="s">
        <v>23</v>
      </c>
      <c r="D20241" s="14" t="s">
        <v>140</v>
      </c>
      <c r="E20241" s="15">
        <v>45542</v>
      </c>
      <c r="F20241" s="14" t="s">
        <v>15</v>
      </c>
      <c r="G20241" s="16">
        <v>0</v>
      </c>
    </row>
    <row r="20242" spans="1:7" x14ac:dyDescent="0.3">
      <c r="A20242" s="13" t="s">
        <v>139</v>
      </c>
      <c r="B20242" s="14" t="s">
        <v>1</v>
      </c>
      <c r="C20242" s="14" t="s">
        <v>23</v>
      </c>
      <c r="D20242" s="14" t="s">
        <v>140</v>
      </c>
      <c r="E20242" s="15">
        <v>45543</v>
      </c>
      <c r="F20242" s="14" t="s">
        <v>15</v>
      </c>
      <c r="G20242" s="16">
        <v>0</v>
      </c>
    </row>
    <row r="20243" spans="1:7" x14ac:dyDescent="0.3">
      <c r="A20243" s="13" t="s">
        <v>139</v>
      </c>
      <c r="B20243" s="14" t="s">
        <v>1</v>
      </c>
      <c r="C20243" s="14" t="s">
        <v>23</v>
      </c>
      <c r="D20243" s="14" t="s">
        <v>140</v>
      </c>
      <c r="E20243" s="15">
        <v>45544</v>
      </c>
      <c r="F20243" s="14" t="s">
        <v>15</v>
      </c>
      <c r="G20243" s="16">
        <v>0</v>
      </c>
    </row>
    <row r="20244" spans="1:7" x14ac:dyDescent="0.3">
      <c r="A20244" s="13" t="s">
        <v>139</v>
      </c>
      <c r="B20244" s="14" t="s">
        <v>1</v>
      </c>
      <c r="C20244" s="14" t="s">
        <v>23</v>
      </c>
      <c r="D20244" s="14" t="s">
        <v>140</v>
      </c>
      <c r="E20244" s="15">
        <v>45545</v>
      </c>
      <c r="F20244" s="14" t="s">
        <v>15</v>
      </c>
      <c r="G20244" s="16">
        <v>0</v>
      </c>
    </row>
    <row r="20245" spans="1:7" x14ac:dyDescent="0.3">
      <c r="A20245" s="13" t="s">
        <v>139</v>
      </c>
      <c r="B20245" s="14" t="s">
        <v>1</v>
      </c>
      <c r="C20245" s="14" t="s">
        <v>23</v>
      </c>
      <c r="D20245" s="14" t="s">
        <v>140</v>
      </c>
      <c r="E20245" s="15">
        <v>45546</v>
      </c>
      <c r="F20245" s="14" t="s">
        <v>15</v>
      </c>
      <c r="G20245" s="16">
        <v>0</v>
      </c>
    </row>
    <row r="20246" spans="1:7" x14ac:dyDescent="0.3">
      <c r="A20246" s="13" t="s">
        <v>139</v>
      </c>
      <c r="B20246" s="14" t="s">
        <v>1</v>
      </c>
      <c r="C20246" s="14" t="s">
        <v>23</v>
      </c>
      <c r="D20246" s="14" t="s">
        <v>140</v>
      </c>
      <c r="E20246" s="15">
        <v>45547</v>
      </c>
      <c r="F20246" s="14" t="s">
        <v>15</v>
      </c>
      <c r="G20246" s="16">
        <v>0</v>
      </c>
    </row>
    <row r="20247" spans="1:7" x14ac:dyDescent="0.3">
      <c r="A20247" s="13" t="s">
        <v>139</v>
      </c>
      <c r="B20247" s="14" t="s">
        <v>1</v>
      </c>
      <c r="C20247" s="14" t="s">
        <v>23</v>
      </c>
      <c r="D20247" s="14" t="s">
        <v>140</v>
      </c>
      <c r="E20247" s="15">
        <v>45548</v>
      </c>
      <c r="F20247" s="14" t="s">
        <v>15</v>
      </c>
      <c r="G20247" s="16">
        <v>0</v>
      </c>
    </row>
    <row r="20248" spans="1:7" x14ac:dyDescent="0.3">
      <c r="A20248" s="13" t="s">
        <v>139</v>
      </c>
      <c r="B20248" s="14" t="s">
        <v>1</v>
      </c>
      <c r="C20248" s="14" t="s">
        <v>23</v>
      </c>
      <c r="D20248" s="14" t="s">
        <v>140</v>
      </c>
      <c r="E20248" s="15">
        <v>45549</v>
      </c>
      <c r="F20248" s="14" t="s">
        <v>15</v>
      </c>
      <c r="G20248" s="16">
        <v>0</v>
      </c>
    </row>
    <row r="20249" spans="1:7" x14ac:dyDescent="0.3">
      <c r="A20249" s="13" t="s">
        <v>139</v>
      </c>
      <c r="B20249" s="14" t="s">
        <v>1</v>
      </c>
      <c r="C20249" s="14" t="s">
        <v>23</v>
      </c>
      <c r="D20249" s="14" t="s">
        <v>140</v>
      </c>
      <c r="E20249" s="15">
        <v>45550</v>
      </c>
      <c r="F20249" s="14" t="s">
        <v>15</v>
      </c>
      <c r="G20249" s="16">
        <v>0</v>
      </c>
    </row>
    <row r="20250" spans="1:7" x14ac:dyDescent="0.3">
      <c r="A20250" s="13" t="s">
        <v>139</v>
      </c>
      <c r="B20250" s="14" t="s">
        <v>1</v>
      </c>
      <c r="C20250" s="14" t="s">
        <v>23</v>
      </c>
      <c r="D20250" s="14" t="s">
        <v>140</v>
      </c>
      <c r="E20250" s="15">
        <v>45551</v>
      </c>
      <c r="F20250" s="14" t="s">
        <v>15</v>
      </c>
      <c r="G20250" s="16">
        <v>5.9546493994569651E-3</v>
      </c>
    </row>
    <row r="20251" spans="1:7" x14ac:dyDescent="0.3">
      <c r="A20251" s="13" t="s">
        <v>139</v>
      </c>
      <c r="B20251" s="14" t="s">
        <v>1</v>
      </c>
      <c r="C20251" s="14" t="s">
        <v>23</v>
      </c>
      <c r="D20251" s="14" t="s">
        <v>140</v>
      </c>
      <c r="E20251" s="15">
        <v>45552</v>
      </c>
      <c r="F20251" s="14" t="s">
        <v>15</v>
      </c>
      <c r="G20251" s="16">
        <v>5.1613210524121649E-2</v>
      </c>
    </row>
    <row r="20252" spans="1:7" x14ac:dyDescent="0.3">
      <c r="A20252" s="13" t="s">
        <v>139</v>
      </c>
      <c r="B20252" s="14" t="s">
        <v>1</v>
      </c>
      <c r="C20252" s="14" t="s">
        <v>23</v>
      </c>
      <c r="D20252" s="14" t="s">
        <v>140</v>
      </c>
      <c r="E20252" s="15">
        <v>45553</v>
      </c>
      <c r="F20252" s="14" t="s">
        <v>15</v>
      </c>
      <c r="G20252" s="16">
        <v>6.6711868221276782E-2</v>
      </c>
    </row>
    <row r="20253" spans="1:7" x14ac:dyDescent="0.3">
      <c r="A20253" s="13" t="s">
        <v>139</v>
      </c>
      <c r="B20253" s="14" t="s">
        <v>1</v>
      </c>
      <c r="C20253" s="14" t="s">
        <v>23</v>
      </c>
      <c r="D20253" s="14" t="s">
        <v>140</v>
      </c>
      <c r="E20253" s="15">
        <v>45554</v>
      </c>
      <c r="F20253" s="14" t="s">
        <v>15</v>
      </c>
      <c r="G20253" s="16">
        <v>8.1198402815633702E-2</v>
      </c>
    </row>
    <row r="20254" spans="1:7" x14ac:dyDescent="0.3">
      <c r="A20254" s="13" t="s">
        <v>139</v>
      </c>
      <c r="B20254" s="14" t="s">
        <v>1</v>
      </c>
      <c r="C20254" s="14" t="s">
        <v>23</v>
      </c>
      <c r="D20254" s="14" t="s">
        <v>140</v>
      </c>
      <c r="E20254" s="15">
        <v>45555</v>
      </c>
      <c r="F20254" s="14" t="s">
        <v>15</v>
      </c>
      <c r="G20254" s="16">
        <v>9.6639947107930363E-2</v>
      </c>
    </row>
    <row r="20255" spans="1:7" x14ac:dyDescent="0.3">
      <c r="A20255" s="13" t="s">
        <v>139</v>
      </c>
      <c r="B20255" s="14" t="s">
        <v>1</v>
      </c>
      <c r="C20255" s="14" t="s">
        <v>23</v>
      </c>
      <c r="D20255" s="14" t="s">
        <v>140</v>
      </c>
      <c r="E20255" s="15">
        <v>45556</v>
      </c>
      <c r="F20255" s="14" t="s">
        <v>15</v>
      </c>
      <c r="G20255" s="16">
        <v>9.6639947107930363E-2</v>
      </c>
    </row>
    <row r="20256" spans="1:7" x14ac:dyDescent="0.3">
      <c r="A20256" s="13" t="s">
        <v>139</v>
      </c>
      <c r="B20256" s="14" t="s">
        <v>1</v>
      </c>
      <c r="C20256" s="14" t="s">
        <v>23</v>
      </c>
      <c r="D20256" s="14" t="s">
        <v>140</v>
      </c>
      <c r="E20256" s="15">
        <v>45557</v>
      </c>
      <c r="F20256" s="14" t="s">
        <v>15</v>
      </c>
      <c r="G20256" s="16">
        <v>9.6639947107930363E-2</v>
      </c>
    </row>
    <row r="20257" spans="1:7" x14ac:dyDescent="0.3">
      <c r="A20257" s="13" t="s">
        <v>139</v>
      </c>
      <c r="B20257" s="14" t="s">
        <v>1</v>
      </c>
      <c r="C20257" s="14" t="s">
        <v>23</v>
      </c>
      <c r="D20257" s="14" t="s">
        <v>140</v>
      </c>
      <c r="E20257" s="15">
        <v>45558</v>
      </c>
      <c r="F20257" s="14" t="s">
        <v>15</v>
      </c>
      <c r="G20257" s="16">
        <v>0.11205015959505391</v>
      </c>
    </row>
    <row r="20258" spans="1:7" x14ac:dyDescent="0.3">
      <c r="A20258" s="13" t="s">
        <v>139</v>
      </c>
      <c r="B20258" s="14" t="s">
        <v>1</v>
      </c>
      <c r="C20258" s="14" t="s">
        <v>23</v>
      </c>
      <c r="D20258" s="14" t="s">
        <v>140</v>
      </c>
      <c r="E20258" s="15">
        <v>45559</v>
      </c>
      <c r="F20258" s="14" t="s">
        <v>15</v>
      </c>
      <c r="G20258" s="16">
        <v>0.17027291022966756</v>
      </c>
    </row>
    <row r="20259" spans="1:7" x14ac:dyDescent="0.3">
      <c r="A20259" s="13" t="s">
        <v>139</v>
      </c>
      <c r="B20259" s="14" t="s">
        <v>1</v>
      </c>
      <c r="C20259" s="14" t="s">
        <v>23</v>
      </c>
      <c r="D20259" s="14" t="s">
        <v>140</v>
      </c>
      <c r="E20259" s="15">
        <v>45560</v>
      </c>
      <c r="F20259" s="14" t="s">
        <v>15</v>
      </c>
      <c r="G20259" s="16">
        <v>0.18586582376254099</v>
      </c>
    </row>
    <row r="20260" spans="1:7" x14ac:dyDescent="0.3">
      <c r="A20260" s="13" t="s">
        <v>139</v>
      </c>
      <c r="B20260" s="14" t="s">
        <v>1</v>
      </c>
      <c r="C20260" s="14" t="s">
        <v>23</v>
      </c>
      <c r="D20260" s="14" t="s">
        <v>140</v>
      </c>
      <c r="E20260" s="15">
        <v>45561</v>
      </c>
      <c r="F20260" s="14" t="s">
        <v>15</v>
      </c>
      <c r="G20260" s="16">
        <v>0.20141723282622404</v>
      </c>
    </row>
    <row r="20261" spans="1:7" x14ac:dyDescent="0.3">
      <c r="A20261" s="13" t="s">
        <v>139</v>
      </c>
      <c r="B20261" s="14" t="s">
        <v>1</v>
      </c>
      <c r="C20261" s="14" t="s">
        <v>23</v>
      </c>
      <c r="D20261" s="14" t="s">
        <v>140</v>
      </c>
      <c r="E20261" s="15">
        <v>45562</v>
      </c>
      <c r="F20261" s="14" t="s">
        <v>15</v>
      </c>
      <c r="G20261" s="16">
        <v>0.21959223975771663</v>
      </c>
    </row>
    <row r="20262" spans="1:7" x14ac:dyDescent="0.3">
      <c r="A20262" s="13" t="s">
        <v>139</v>
      </c>
      <c r="B20262" s="14" t="s">
        <v>1</v>
      </c>
      <c r="C20262" s="14" t="s">
        <v>23</v>
      </c>
      <c r="D20262" s="14" t="s">
        <v>140</v>
      </c>
      <c r="E20262" s="15">
        <v>45563</v>
      </c>
      <c r="F20262" s="14" t="s">
        <v>15</v>
      </c>
      <c r="G20262" s="16">
        <v>0.21959223975771663</v>
      </c>
    </row>
    <row r="20263" spans="1:7" x14ac:dyDescent="0.3">
      <c r="A20263" s="13" t="s">
        <v>139</v>
      </c>
      <c r="B20263" s="14" t="s">
        <v>1</v>
      </c>
      <c r="C20263" s="14" t="s">
        <v>23</v>
      </c>
      <c r="D20263" s="14" t="s">
        <v>140</v>
      </c>
      <c r="E20263" s="15">
        <v>45564</v>
      </c>
      <c r="F20263" s="14" t="s">
        <v>15</v>
      </c>
      <c r="G20263" s="16">
        <v>0.21959223975771663</v>
      </c>
    </row>
    <row r="20264" spans="1:7" x14ac:dyDescent="0.3">
      <c r="A20264" s="13" t="s">
        <v>139</v>
      </c>
      <c r="B20264" s="14" t="s">
        <v>1</v>
      </c>
      <c r="C20264" s="14" t="s">
        <v>23</v>
      </c>
      <c r="D20264" s="14" t="s">
        <v>140</v>
      </c>
      <c r="E20264" s="15">
        <v>45565</v>
      </c>
      <c r="F20264" s="14" t="s">
        <v>15</v>
      </c>
      <c r="G20264" s="16">
        <v>0.23509102223955039</v>
      </c>
    </row>
    <row r="20265" spans="1:7" x14ac:dyDescent="0.3">
      <c r="A20265" s="13" t="s">
        <v>139</v>
      </c>
      <c r="B20265" s="14" t="s">
        <v>1</v>
      </c>
      <c r="C20265" s="14" t="s">
        <v>23</v>
      </c>
      <c r="D20265" s="14" t="s">
        <v>140</v>
      </c>
      <c r="E20265" s="15">
        <v>45566</v>
      </c>
      <c r="F20265" s="14" t="s">
        <v>15</v>
      </c>
      <c r="G20265" s="16">
        <v>0</v>
      </c>
    </row>
    <row r="20266" spans="1:7" x14ac:dyDescent="0.3">
      <c r="A20266" s="13" t="s">
        <v>139</v>
      </c>
      <c r="B20266" s="14" t="s">
        <v>1</v>
      </c>
      <c r="C20266" s="14" t="s">
        <v>23</v>
      </c>
      <c r="D20266" s="14" t="s">
        <v>140</v>
      </c>
      <c r="E20266" s="15">
        <v>45567</v>
      </c>
      <c r="F20266" s="14" t="s">
        <v>15</v>
      </c>
      <c r="G20266" s="16">
        <v>0</v>
      </c>
    </row>
    <row r="20267" spans="1:7" x14ac:dyDescent="0.3">
      <c r="A20267" s="13" t="s">
        <v>139</v>
      </c>
      <c r="B20267" s="14" t="s">
        <v>1</v>
      </c>
      <c r="C20267" s="14" t="s">
        <v>23</v>
      </c>
      <c r="D20267" s="14" t="s">
        <v>140</v>
      </c>
      <c r="E20267" s="15">
        <v>45568</v>
      </c>
      <c r="F20267" s="14" t="s">
        <v>15</v>
      </c>
      <c r="G20267" s="16">
        <v>0</v>
      </c>
    </row>
    <row r="20268" spans="1:7" x14ac:dyDescent="0.3">
      <c r="A20268" s="13" t="s">
        <v>139</v>
      </c>
      <c r="B20268" s="14" t="s">
        <v>1</v>
      </c>
      <c r="C20268" s="14" t="s">
        <v>23</v>
      </c>
      <c r="D20268" s="14" t="s">
        <v>140</v>
      </c>
      <c r="E20268" s="15">
        <v>45569</v>
      </c>
      <c r="F20268" s="14" t="s">
        <v>15</v>
      </c>
      <c r="G20268" s="16">
        <v>0</v>
      </c>
    </row>
    <row r="20269" spans="1:7" x14ac:dyDescent="0.3">
      <c r="A20269" s="13" t="s">
        <v>139</v>
      </c>
      <c r="B20269" s="14" t="s">
        <v>1</v>
      </c>
      <c r="C20269" s="14" t="s">
        <v>23</v>
      </c>
      <c r="D20269" s="14" t="s">
        <v>140</v>
      </c>
      <c r="E20269" s="15">
        <v>45570</v>
      </c>
      <c r="F20269" s="14" t="s">
        <v>15</v>
      </c>
      <c r="G20269" s="16">
        <v>0</v>
      </c>
    </row>
    <row r="20270" spans="1:7" x14ac:dyDescent="0.3">
      <c r="A20270" s="13" t="s">
        <v>139</v>
      </c>
      <c r="B20270" s="14" t="s">
        <v>1</v>
      </c>
      <c r="C20270" s="14" t="s">
        <v>23</v>
      </c>
      <c r="D20270" s="14" t="s">
        <v>140</v>
      </c>
      <c r="E20270" s="15">
        <v>45571</v>
      </c>
      <c r="F20270" s="14" t="s">
        <v>15</v>
      </c>
      <c r="G20270" s="16">
        <v>0</v>
      </c>
    </row>
    <row r="20271" spans="1:7" x14ac:dyDescent="0.3">
      <c r="A20271" s="13" t="s">
        <v>139</v>
      </c>
      <c r="B20271" s="14" t="s">
        <v>1</v>
      </c>
      <c r="C20271" s="14" t="s">
        <v>23</v>
      </c>
      <c r="D20271" s="14" t="s">
        <v>140</v>
      </c>
      <c r="E20271" s="15">
        <v>45572</v>
      </c>
      <c r="F20271" s="14" t="s">
        <v>15</v>
      </c>
      <c r="G20271" s="16">
        <v>0</v>
      </c>
    </row>
    <row r="20272" spans="1:7" x14ac:dyDescent="0.3">
      <c r="A20272" s="13" t="s">
        <v>139</v>
      </c>
      <c r="B20272" s="14" t="s">
        <v>1</v>
      </c>
      <c r="C20272" s="14" t="s">
        <v>23</v>
      </c>
      <c r="D20272" s="14" t="s">
        <v>140</v>
      </c>
      <c r="E20272" s="15">
        <v>45573</v>
      </c>
      <c r="F20272" s="14" t="s">
        <v>15</v>
      </c>
      <c r="G20272" s="16">
        <v>0</v>
      </c>
    </row>
    <row r="20273" spans="1:7" x14ac:dyDescent="0.3">
      <c r="A20273" s="13" t="s">
        <v>139</v>
      </c>
      <c r="B20273" s="14" t="s">
        <v>1</v>
      </c>
      <c r="C20273" s="14" t="s">
        <v>23</v>
      </c>
      <c r="D20273" s="14" t="s">
        <v>140</v>
      </c>
      <c r="E20273" s="15">
        <v>45574</v>
      </c>
      <c r="F20273" s="14" t="s">
        <v>15</v>
      </c>
      <c r="G20273" s="16">
        <v>0</v>
      </c>
    </row>
    <row r="20274" spans="1:7" x14ac:dyDescent="0.3">
      <c r="A20274" s="13" t="s">
        <v>139</v>
      </c>
      <c r="B20274" s="14" t="s">
        <v>1</v>
      </c>
      <c r="C20274" s="14" t="s">
        <v>23</v>
      </c>
      <c r="D20274" s="14" t="s">
        <v>140</v>
      </c>
      <c r="E20274" s="15">
        <v>45575</v>
      </c>
      <c r="F20274" s="14" t="s">
        <v>15</v>
      </c>
      <c r="G20274" s="16">
        <v>0</v>
      </c>
    </row>
    <row r="20275" spans="1:7" x14ac:dyDescent="0.3">
      <c r="A20275" s="13" t="s">
        <v>139</v>
      </c>
      <c r="B20275" s="14" t="s">
        <v>1</v>
      </c>
      <c r="C20275" s="14" t="s">
        <v>23</v>
      </c>
      <c r="D20275" s="14" t="s">
        <v>140</v>
      </c>
      <c r="E20275" s="15">
        <v>45576</v>
      </c>
      <c r="F20275" s="14" t="s">
        <v>15</v>
      </c>
      <c r="G20275" s="16">
        <v>0</v>
      </c>
    </row>
    <row r="20276" spans="1:7" x14ac:dyDescent="0.3">
      <c r="A20276" s="13" t="s">
        <v>139</v>
      </c>
      <c r="B20276" s="14" t="s">
        <v>1</v>
      </c>
      <c r="C20276" s="14" t="s">
        <v>23</v>
      </c>
      <c r="D20276" s="14" t="s">
        <v>140</v>
      </c>
      <c r="E20276" s="15">
        <v>45577</v>
      </c>
      <c r="F20276" s="14" t="s">
        <v>15</v>
      </c>
      <c r="G20276" s="16">
        <v>0</v>
      </c>
    </row>
    <row r="20277" spans="1:7" x14ac:dyDescent="0.3">
      <c r="A20277" s="13" t="s">
        <v>139</v>
      </c>
      <c r="B20277" s="14" t="s">
        <v>1</v>
      </c>
      <c r="C20277" s="14" t="s">
        <v>23</v>
      </c>
      <c r="D20277" s="14" t="s">
        <v>140</v>
      </c>
      <c r="E20277" s="15">
        <v>45578</v>
      </c>
      <c r="F20277" s="14" t="s">
        <v>15</v>
      </c>
      <c r="G20277" s="16">
        <v>0</v>
      </c>
    </row>
    <row r="20278" spans="1:7" x14ac:dyDescent="0.3">
      <c r="A20278" s="13" t="s">
        <v>139</v>
      </c>
      <c r="B20278" s="14" t="s">
        <v>1</v>
      </c>
      <c r="C20278" s="14" t="s">
        <v>23</v>
      </c>
      <c r="D20278" s="14" t="s">
        <v>140</v>
      </c>
      <c r="E20278" s="15">
        <v>45579</v>
      </c>
      <c r="F20278" s="14" t="s">
        <v>15</v>
      </c>
      <c r="G20278" s="16">
        <v>0</v>
      </c>
    </row>
    <row r="20279" spans="1:7" x14ac:dyDescent="0.3">
      <c r="A20279" s="13" t="s">
        <v>139</v>
      </c>
      <c r="B20279" s="14" t="s">
        <v>1</v>
      </c>
      <c r="C20279" s="14" t="s">
        <v>23</v>
      </c>
      <c r="D20279" s="14" t="s">
        <v>140</v>
      </c>
      <c r="E20279" s="15">
        <v>45580</v>
      </c>
      <c r="F20279" s="14" t="s">
        <v>15</v>
      </c>
      <c r="G20279" s="16">
        <v>0</v>
      </c>
    </row>
    <row r="20280" spans="1:7" x14ac:dyDescent="0.3">
      <c r="A20280" s="13" t="s">
        <v>139</v>
      </c>
      <c r="B20280" s="14" t="s">
        <v>1</v>
      </c>
      <c r="C20280" s="14" t="s">
        <v>23</v>
      </c>
      <c r="D20280" s="14" t="s">
        <v>140</v>
      </c>
      <c r="E20280" s="15">
        <v>45581</v>
      </c>
      <c r="F20280" s="14" t="s">
        <v>15</v>
      </c>
      <c r="G20280" s="16">
        <v>0</v>
      </c>
    </row>
    <row r="20281" spans="1:7" x14ac:dyDescent="0.3">
      <c r="A20281" s="13" t="s">
        <v>139</v>
      </c>
      <c r="B20281" s="14" t="s">
        <v>1</v>
      </c>
      <c r="C20281" s="14" t="s">
        <v>23</v>
      </c>
      <c r="D20281" s="14" t="s">
        <v>140</v>
      </c>
      <c r="E20281" s="15">
        <v>45582</v>
      </c>
      <c r="F20281" s="14" t="s">
        <v>15</v>
      </c>
      <c r="G20281" s="16">
        <v>1.1257485441062852E-2</v>
      </c>
    </row>
    <row r="20282" spans="1:7" x14ac:dyDescent="0.3">
      <c r="A20282" s="13" t="s">
        <v>139</v>
      </c>
      <c r="B20282" s="14" t="s">
        <v>1</v>
      </c>
      <c r="C20282" s="14" t="s">
        <v>23</v>
      </c>
      <c r="D20282" s="14" t="s">
        <v>140</v>
      </c>
      <c r="E20282" s="15">
        <v>45583</v>
      </c>
      <c r="F20282" s="14" t="s">
        <v>15</v>
      </c>
      <c r="G20282" s="16">
        <v>2.6817303907000118E-2</v>
      </c>
    </row>
    <row r="20283" spans="1:7" x14ac:dyDescent="0.3">
      <c r="A20283" s="13" t="s">
        <v>139</v>
      </c>
      <c r="B20283" s="14" t="s">
        <v>1</v>
      </c>
      <c r="C20283" s="14" t="s">
        <v>23</v>
      </c>
      <c r="D20283" s="14" t="s">
        <v>140</v>
      </c>
      <c r="E20283" s="15">
        <v>45584</v>
      </c>
      <c r="F20283" s="14" t="s">
        <v>15</v>
      </c>
      <c r="G20283" s="16">
        <v>2.6817303907000118E-2</v>
      </c>
    </row>
    <row r="20284" spans="1:7" x14ac:dyDescent="0.3">
      <c r="A20284" s="13" t="s">
        <v>139</v>
      </c>
      <c r="B20284" s="14" t="s">
        <v>1</v>
      </c>
      <c r="C20284" s="14" t="s">
        <v>23</v>
      </c>
      <c r="D20284" s="14" t="s">
        <v>140</v>
      </c>
      <c r="E20284" s="15">
        <v>45585</v>
      </c>
      <c r="F20284" s="14" t="s">
        <v>15</v>
      </c>
      <c r="G20284" s="16">
        <v>2.6817303907000118E-2</v>
      </c>
    </row>
    <row r="20285" spans="1:7" x14ac:dyDescent="0.3">
      <c r="A20285" s="13" t="s">
        <v>139</v>
      </c>
      <c r="B20285" s="14" t="s">
        <v>1</v>
      </c>
      <c r="C20285" s="14" t="s">
        <v>23</v>
      </c>
      <c r="D20285" s="14" t="s">
        <v>140</v>
      </c>
      <c r="E20285" s="15">
        <v>45586</v>
      </c>
      <c r="F20285" s="14" t="s">
        <v>15</v>
      </c>
      <c r="G20285" s="16">
        <v>4.1442186731991827E-2</v>
      </c>
    </row>
    <row r="20286" spans="1:7" x14ac:dyDescent="0.3">
      <c r="A20286" s="13" t="s">
        <v>139</v>
      </c>
      <c r="B20286" s="14" t="s">
        <v>1</v>
      </c>
      <c r="C20286" s="14" t="s">
        <v>23</v>
      </c>
      <c r="D20286" s="14" t="s">
        <v>140</v>
      </c>
      <c r="E20286" s="15">
        <v>45587</v>
      </c>
      <c r="F20286" s="14" t="s">
        <v>15</v>
      </c>
      <c r="G20286" s="16">
        <v>8.8477584022511754E-2</v>
      </c>
    </row>
    <row r="20287" spans="1:7" x14ac:dyDescent="0.3">
      <c r="A20287" s="13" t="s">
        <v>139</v>
      </c>
      <c r="B20287" s="14" t="s">
        <v>1</v>
      </c>
      <c r="C20287" s="14" t="s">
        <v>23</v>
      </c>
      <c r="D20287" s="14" t="s">
        <v>140</v>
      </c>
      <c r="E20287" s="15">
        <v>45588</v>
      </c>
      <c r="F20287" s="14" t="s">
        <v>15</v>
      </c>
      <c r="G20287" s="16">
        <v>0.10407700806035636</v>
      </c>
    </row>
    <row r="20288" spans="1:7" x14ac:dyDescent="0.3">
      <c r="A20288" s="13" t="s">
        <v>139</v>
      </c>
      <c r="B20288" s="14" t="s">
        <v>1</v>
      </c>
      <c r="C20288" s="14" t="s">
        <v>23</v>
      </c>
      <c r="D20288" s="14" t="s">
        <v>140</v>
      </c>
      <c r="E20288" s="15">
        <v>45589</v>
      </c>
      <c r="F20288" s="14" t="s">
        <v>15</v>
      </c>
      <c r="G20288" s="16">
        <v>0.11936094387814578</v>
      </c>
    </row>
    <row r="20289" spans="1:7" x14ac:dyDescent="0.3">
      <c r="A20289" s="13" t="s">
        <v>139</v>
      </c>
      <c r="B20289" s="14" t="s">
        <v>1</v>
      </c>
      <c r="C20289" s="14" t="s">
        <v>23</v>
      </c>
      <c r="D20289" s="14" t="s">
        <v>140</v>
      </c>
      <c r="E20289" s="15">
        <v>45590</v>
      </c>
      <c r="F20289" s="14" t="s">
        <v>15</v>
      </c>
      <c r="G20289" s="16">
        <v>0.13473792566281281</v>
      </c>
    </row>
    <row r="20290" spans="1:7" x14ac:dyDescent="0.3">
      <c r="A20290" s="13" t="s">
        <v>139</v>
      </c>
      <c r="B20290" s="14" t="s">
        <v>1</v>
      </c>
      <c r="C20290" s="14" t="s">
        <v>23</v>
      </c>
      <c r="D20290" s="14" t="s">
        <v>140</v>
      </c>
      <c r="E20290" s="15">
        <v>45591</v>
      </c>
      <c r="F20290" s="14" t="s">
        <v>15</v>
      </c>
      <c r="G20290" s="16">
        <v>0.13473792566281281</v>
      </c>
    </row>
    <row r="20291" spans="1:7" x14ac:dyDescent="0.3">
      <c r="A20291" s="13" t="s">
        <v>139</v>
      </c>
      <c r="B20291" s="14" t="s">
        <v>1</v>
      </c>
      <c r="C20291" s="14" t="s">
        <v>23</v>
      </c>
      <c r="D20291" s="14" t="s">
        <v>140</v>
      </c>
      <c r="E20291" s="15">
        <v>45592</v>
      </c>
      <c r="F20291" s="14" t="s">
        <v>15</v>
      </c>
      <c r="G20291" s="16">
        <v>0.13473792566281281</v>
      </c>
    </row>
    <row r="20292" spans="1:7" x14ac:dyDescent="0.3">
      <c r="A20292" s="13" t="s">
        <v>139</v>
      </c>
      <c r="B20292" s="14" t="s">
        <v>1</v>
      </c>
      <c r="C20292" s="14" t="s">
        <v>23</v>
      </c>
      <c r="D20292" s="14" t="s">
        <v>140</v>
      </c>
      <c r="E20292" s="15">
        <v>45593</v>
      </c>
      <c r="F20292" s="14" t="s">
        <v>15</v>
      </c>
      <c r="G20292" s="16">
        <v>0.13473792566281281</v>
      </c>
    </row>
    <row r="20293" spans="1:7" x14ac:dyDescent="0.3">
      <c r="A20293" s="13" t="s">
        <v>139</v>
      </c>
      <c r="B20293" s="14" t="s">
        <v>1</v>
      </c>
      <c r="C20293" s="14" t="s">
        <v>23</v>
      </c>
      <c r="D20293" s="14" t="s">
        <v>140</v>
      </c>
      <c r="E20293" s="15">
        <v>45594</v>
      </c>
      <c r="F20293" s="14" t="s">
        <v>15</v>
      </c>
      <c r="G20293" s="16">
        <v>0.15290316683684882</v>
      </c>
    </row>
    <row r="20294" spans="1:7" x14ac:dyDescent="0.3">
      <c r="A20294" s="13" t="s">
        <v>139</v>
      </c>
      <c r="B20294" s="14" t="s">
        <v>1</v>
      </c>
      <c r="C20294" s="14" t="s">
        <v>23</v>
      </c>
      <c r="D20294" s="14" t="s">
        <v>140</v>
      </c>
      <c r="E20294" s="15">
        <v>45595</v>
      </c>
      <c r="F20294" s="14" t="s">
        <v>15</v>
      </c>
      <c r="G20294" s="16">
        <v>0.21376728359242211</v>
      </c>
    </row>
    <row r="20295" spans="1:7" x14ac:dyDescent="0.3">
      <c r="A20295" s="13" t="s">
        <v>139</v>
      </c>
      <c r="B20295" s="14" t="s">
        <v>1</v>
      </c>
      <c r="C20295" s="14" t="s">
        <v>23</v>
      </c>
      <c r="D20295" s="14" t="s">
        <v>140</v>
      </c>
      <c r="E20295" s="15">
        <v>45596</v>
      </c>
      <c r="F20295" s="14" t="s">
        <v>15</v>
      </c>
      <c r="G20295" s="16">
        <v>0.21715883263196192</v>
      </c>
    </row>
    <row r="20296" spans="1:7" x14ac:dyDescent="0.3">
      <c r="A20296" s="13" t="s">
        <v>139</v>
      </c>
      <c r="B20296" s="14" t="s">
        <v>1</v>
      </c>
      <c r="C20296" s="14" t="s">
        <v>23</v>
      </c>
      <c r="D20296" s="14" t="s">
        <v>140</v>
      </c>
      <c r="E20296" s="15">
        <v>45597</v>
      </c>
      <c r="F20296" s="14" t="s">
        <v>15</v>
      </c>
      <c r="G20296" s="16">
        <v>0</v>
      </c>
    </row>
    <row r="20297" spans="1:7" x14ac:dyDescent="0.3">
      <c r="A20297" s="13" t="s">
        <v>139</v>
      </c>
      <c r="B20297" s="14" t="s">
        <v>1</v>
      </c>
      <c r="C20297" s="14" t="s">
        <v>23</v>
      </c>
      <c r="D20297" s="14" t="s">
        <v>140</v>
      </c>
      <c r="E20297" s="15">
        <v>45598</v>
      </c>
      <c r="F20297" s="14" t="s">
        <v>15</v>
      </c>
      <c r="G20297" s="16">
        <v>0</v>
      </c>
    </row>
    <row r="20298" spans="1:7" x14ac:dyDescent="0.3">
      <c r="A20298" s="13" t="s">
        <v>139</v>
      </c>
      <c r="B20298" s="14" t="s">
        <v>1</v>
      </c>
      <c r="C20298" s="14" t="s">
        <v>23</v>
      </c>
      <c r="D20298" s="14" t="s">
        <v>140</v>
      </c>
      <c r="E20298" s="15">
        <v>45599</v>
      </c>
      <c r="F20298" s="14" t="s">
        <v>15</v>
      </c>
      <c r="G20298" s="16">
        <v>0</v>
      </c>
    </row>
    <row r="20299" spans="1:7" x14ac:dyDescent="0.3">
      <c r="A20299" s="13" t="s">
        <v>139</v>
      </c>
      <c r="B20299" s="14" t="s">
        <v>1</v>
      </c>
      <c r="C20299" s="14" t="s">
        <v>23</v>
      </c>
      <c r="D20299" s="14" t="s">
        <v>140</v>
      </c>
      <c r="E20299" s="15">
        <v>45600</v>
      </c>
      <c r="F20299" s="14" t="s">
        <v>15</v>
      </c>
      <c r="G20299" s="16">
        <v>0</v>
      </c>
    </row>
    <row r="20300" spans="1:7" x14ac:dyDescent="0.3">
      <c r="A20300" s="13" t="s">
        <v>139</v>
      </c>
      <c r="B20300" s="14" t="s">
        <v>1</v>
      </c>
      <c r="C20300" s="14" t="s">
        <v>23</v>
      </c>
      <c r="D20300" s="14" t="s">
        <v>140</v>
      </c>
      <c r="E20300" s="15">
        <v>45601</v>
      </c>
      <c r="F20300" s="14" t="s">
        <v>15</v>
      </c>
      <c r="G20300" s="16">
        <v>0</v>
      </c>
    </row>
    <row r="20301" spans="1:7" x14ac:dyDescent="0.3">
      <c r="A20301" s="13" t="s">
        <v>139</v>
      </c>
      <c r="B20301" s="14" t="s">
        <v>1</v>
      </c>
      <c r="C20301" s="14" t="s">
        <v>23</v>
      </c>
      <c r="D20301" s="14" t="s">
        <v>140</v>
      </c>
      <c r="E20301" s="15">
        <v>45602</v>
      </c>
      <c r="F20301" s="14" t="s">
        <v>15</v>
      </c>
      <c r="G20301" s="16">
        <v>0</v>
      </c>
    </row>
    <row r="20302" spans="1:7" x14ac:dyDescent="0.3">
      <c r="A20302" s="13" t="s">
        <v>139</v>
      </c>
      <c r="B20302" s="14" t="s">
        <v>1</v>
      </c>
      <c r="C20302" s="14" t="s">
        <v>23</v>
      </c>
      <c r="D20302" s="14" t="s">
        <v>140</v>
      </c>
      <c r="E20302" s="15">
        <v>45603</v>
      </c>
      <c r="F20302" s="14" t="s">
        <v>15</v>
      </c>
      <c r="G20302" s="16">
        <v>0</v>
      </c>
    </row>
    <row r="20303" spans="1:7" x14ac:dyDescent="0.3">
      <c r="A20303" s="13" t="s">
        <v>139</v>
      </c>
      <c r="B20303" s="14" t="s">
        <v>1</v>
      </c>
      <c r="C20303" s="14" t="s">
        <v>23</v>
      </c>
      <c r="D20303" s="14" t="s">
        <v>140</v>
      </c>
      <c r="E20303" s="15">
        <v>45604</v>
      </c>
      <c r="F20303" s="14" t="s">
        <v>15</v>
      </c>
      <c r="G20303" s="16">
        <v>0</v>
      </c>
    </row>
    <row r="20304" spans="1:7" x14ac:dyDescent="0.3">
      <c r="A20304" s="13" t="s">
        <v>139</v>
      </c>
      <c r="B20304" s="14" t="s">
        <v>1</v>
      </c>
      <c r="C20304" s="14" t="s">
        <v>23</v>
      </c>
      <c r="D20304" s="14" t="s">
        <v>140</v>
      </c>
      <c r="E20304" s="15">
        <v>45605</v>
      </c>
      <c r="F20304" s="14" t="s">
        <v>15</v>
      </c>
      <c r="G20304" s="16">
        <v>0</v>
      </c>
    </row>
    <row r="20305" spans="1:7" x14ac:dyDescent="0.3">
      <c r="A20305" s="13" t="s">
        <v>139</v>
      </c>
      <c r="B20305" s="14" t="s">
        <v>1</v>
      </c>
      <c r="C20305" s="14" t="s">
        <v>23</v>
      </c>
      <c r="D20305" s="14" t="s">
        <v>140</v>
      </c>
      <c r="E20305" s="15">
        <v>45606</v>
      </c>
      <c r="F20305" s="14" t="s">
        <v>15</v>
      </c>
      <c r="G20305" s="16">
        <v>0</v>
      </c>
    </row>
    <row r="20306" spans="1:7" x14ac:dyDescent="0.3">
      <c r="A20306" s="13" t="s">
        <v>139</v>
      </c>
      <c r="B20306" s="14" t="s">
        <v>1</v>
      </c>
      <c r="C20306" s="14" t="s">
        <v>23</v>
      </c>
      <c r="D20306" s="14" t="s">
        <v>140</v>
      </c>
      <c r="E20306" s="15">
        <v>45607</v>
      </c>
      <c r="F20306" s="14" t="s">
        <v>15</v>
      </c>
      <c r="G20306" s="16">
        <v>0</v>
      </c>
    </row>
    <row r="20307" spans="1:7" x14ac:dyDescent="0.3">
      <c r="A20307" s="13" t="s">
        <v>139</v>
      </c>
      <c r="B20307" s="14" t="s">
        <v>1</v>
      </c>
      <c r="C20307" s="14" t="s">
        <v>23</v>
      </c>
      <c r="D20307" s="14" t="s">
        <v>140</v>
      </c>
      <c r="E20307" s="15">
        <v>45608</v>
      </c>
      <c r="F20307" s="14" t="s">
        <v>15</v>
      </c>
      <c r="G20307" s="16">
        <v>0</v>
      </c>
    </row>
    <row r="20308" spans="1:7" x14ac:dyDescent="0.3">
      <c r="A20308" s="13" t="s">
        <v>139</v>
      </c>
      <c r="B20308" s="14" t="s">
        <v>1</v>
      </c>
      <c r="C20308" s="14" t="s">
        <v>23</v>
      </c>
      <c r="D20308" s="14" t="s">
        <v>140</v>
      </c>
      <c r="E20308" s="15">
        <v>45609</v>
      </c>
      <c r="F20308" s="14" t="s">
        <v>15</v>
      </c>
      <c r="G20308" s="16">
        <v>0</v>
      </c>
    </row>
    <row r="20309" spans="1:7" x14ac:dyDescent="0.3">
      <c r="A20309" s="13" t="s">
        <v>139</v>
      </c>
      <c r="B20309" s="14" t="s">
        <v>1</v>
      </c>
      <c r="C20309" s="14" t="s">
        <v>23</v>
      </c>
      <c r="D20309" s="14" t="s">
        <v>140</v>
      </c>
      <c r="E20309" s="15">
        <v>45610</v>
      </c>
      <c r="F20309" s="14" t="s">
        <v>15</v>
      </c>
      <c r="G20309" s="16">
        <v>0</v>
      </c>
    </row>
    <row r="20310" spans="1:7" x14ac:dyDescent="0.3">
      <c r="A20310" s="13" t="s">
        <v>139</v>
      </c>
      <c r="B20310" s="14" t="s">
        <v>1</v>
      </c>
      <c r="C20310" s="14" t="s">
        <v>23</v>
      </c>
      <c r="D20310" s="14" t="s">
        <v>140</v>
      </c>
      <c r="E20310" s="15">
        <v>45611</v>
      </c>
      <c r="F20310" s="14" t="s">
        <v>15</v>
      </c>
      <c r="G20310" s="16">
        <v>0</v>
      </c>
    </row>
    <row r="20311" spans="1:7" x14ac:dyDescent="0.3">
      <c r="A20311" s="13" t="s">
        <v>139</v>
      </c>
      <c r="B20311" s="14" t="s">
        <v>1</v>
      </c>
      <c r="C20311" s="14" t="s">
        <v>23</v>
      </c>
      <c r="D20311" s="14" t="s">
        <v>140</v>
      </c>
      <c r="E20311" s="15">
        <v>45612</v>
      </c>
      <c r="F20311" s="14" t="s">
        <v>15</v>
      </c>
      <c r="G20311" s="16">
        <v>0</v>
      </c>
    </row>
    <row r="20312" spans="1:7" x14ac:dyDescent="0.3">
      <c r="A20312" s="13" t="s">
        <v>139</v>
      </c>
      <c r="B20312" s="14" t="s">
        <v>1</v>
      </c>
      <c r="C20312" s="14" t="s">
        <v>23</v>
      </c>
      <c r="D20312" s="14" t="s">
        <v>140</v>
      </c>
      <c r="E20312" s="15">
        <v>45613</v>
      </c>
      <c r="F20312" s="14" t="s">
        <v>15</v>
      </c>
      <c r="G20312" s="16">
        <v>0</v>
      </c>
    </row>
    <row r="20313" spans="1:7" x14ac:dyDescent="0.3">
      <c r="A20313" s="13" t="s">
        <v>139</v>
      </c>
      <c r="B20313" s="14" t="s">
        <v>1</v>
      </c>
      <c r="C20313" s="14" t="s">
        <v>23</v>
      </c>
      <c r="D20313" s="14" t="s">
        <v>140</v>
      </c>
      <c r="E20313" s="15">
        <v>45614</v>
      </c>
      <c r="F20313" s="14" t="s">
        <v>15</v>
      </c>
      <c r="G20313" s="16">
        <v>0</v>
      </c>
    </row>
    <row r="20314" spans="1:7" x14ac:dyDescent="0.3">
      <c r="A20314" s="13" t="s">
        <v>139</v>
      </c>
      <c r="B20314" s="14" t="s">
        <v>1</v>
      </c>
      <c r="C20314" s="14" t="s">
        <v>23</v>
      </c>
      <c r="D20314" s="14" t="s">
        <v>140</v>
      </c>
      <c r="E20314" s="15">
        <v>45615</v>
      </c>
      <c r="F20314" s="14" t="s">
        <v>15</v>
      </c>
      <c r="G20314" s="16">
        <v>0</v>
      </c>
    </row>
    <row r="20315" spans="1:7" x14ac:dyDescent="0.3">
      <c r="A20315" s="13" t="s">
        <v>139</v>
      </c>
      <c r="B20315" s="14" t="s">
        <v>1</v>
      </c>
      <c r="C20315" s="14" t="s">
        <v>23</v>
      </c>
      <c r="D20315" s="14" t="s">
        <v>140</v>
      </c>
      <c r="E20315" s="15">
        <v>45616</v>
      </c>
      <c r="F20315" s="14" t="s">
        <v>15</v>
      </c>
      <c r="G20315" s="16">
        <v>0</v>
      </c>
    </row>
    <row r="20316" spans="1:7" x14ac:dyDescent="0.3">
      <c r="A20316" s="13" t="s">
        <v>139</v>
      </c>
      <c r="B20316" s="14" t="s">
        <v>1</v>
      </c>
      <c r="C20316" s="14" t="s">
        <v>23</v>
      </c>
      <c r="D20316" s="14" t="s">
        <v>140</v>
      </c>
      <c r="E20316" s="15">
        <v>45617</v>
      </c>
      <c r="F20316" s="14" t="s">
        <v>15</v>
      </c>
      <c r="G20316" s="16">
        <v>0</v>
      </c>
    </row>
    <row r="20317" spans="1:7" x14ac:dyDescent="0.3">
      <c r="A20317" s="13" t="s">
        <v>139</v>
      </c>
      <c r="B20317" s="14" t="s">
        <v>1</v>
      </c>
      <c r="C20317" s="14" t="s">
        <v>23</v>
      </c>
      <c r="D20317" s="14" t="s">
        <v>140</v>
      </c>
      <c r="E20317" s="15">
        <v>45618</v>
      </c>
      <c r="F20317" s="14" t="s">
        <v>15</v>
      </c>
      <c r="G20317" s="16">
        <v>0</v>
      </c>
    </row>
    <row r="20318" spans="1:7" x14ac:dyDescent="0.3">
      <c r="A20318" s="13" t="s">
        <v>139</v>
      </c>
      <c r="B20318" s="14" t="s">
        <v>1</v>
      </c>
      <c r="C20318" s="14" t="s">
        <v>23</v>
      </c>
      <c r="D20318" s="14" t="s">
        <v>140</v>
      </c>
      <c r="E20318" s="15">
        <v>45619</v>
      </c>
      <c r="F20318" s="14" t="s">
        <v>15</v>
      </c>
      <c r="G20318" s="16">
        <v>0</v>
      </c>
    </row>
    <row r="20319" spans="1:7" x14ac:dyDescent="0.3">
      <c r="A20319" s="13" t="s">
        <v>139</v>
      </c>
      <c r="B20319" s="14" t="s">
        <v>1</v>
      </c>
      <c r="C20319" s="14" t="s">
        <v>23</v>
      </c>
      <c r="D20319" s="14" t="s">
        <v>140</v>
      </c>
      <c r="E20319" s="15">
        <v>45620</v>
      </c>
      <c r="F20319" s="14" t="s">
        <v>15</v>
      </c>
      <c r="G20319" s="16">
        <v>0</v>
      </c>
    </row>
    <row r="20320" spans="1:7" x14ac:dyDescent="0.3">
      <c r="A20320" s="13" t="s">
        <v>139</v>
      </c>
      <c r="B20320" s="14" t="s">
        <v>1</v>
      </c>
      <c r="C20320" s="14" t="s">
        <v>23</v>
      </c>
      <c r="D20320" s="14" t="s">
        <v>140</v>
      </c>
      <c r="E20320" s="15">
        <v>45621</v>
      </c>
      <c r="F20320" s="14" t="s">
        <v>15</v>
      </c>
      <c r="G20320" s="16">
        <v>4.3926885123369138E-3</v>
      </c>
    </row>
    <row r="20321" spans="1:7" x14ac:dyDescent="0.3">
      <c r="A20321" s="13" t="s">
        <v>139</v>
      </c>
      <c r="B20321" s="14" t="s">
        <v>1</v>
      </c>
      <c r="C20321" s="14" t="s">
        <v>23</v>
      </c>
      <c r="D20321" s="14" t="s">
        <v>140</v>
      </c>
      <c r="E20321" s="15">
        <v>45622</v>
      </c>
      <c r="F20321" s="14" t="s">
        <v>15</v>
      </c>
      <c r="G20321" s="16">
        <v>4.9829229524871003E-2</v>
      </c>
    </row>
    <row r="20322" spans="1:7" x14ac:dyDescent="0.3">
      <c r="A20322" s="13" t="s">
        <v>139</v>
      </c>
      <c r="B20322" s="14" t="s">
        <v>1</v>
      </c>
      <c r="C20322" s="14" t="s">
        <v>23</v>
      </c>
      <c r="D20322" s="14" t="s">
        <v>140</v>
      </c>
      <c r="E20322" s="15">
        <v>45623</v>
      </c>
      <c r="F20322" s="14" t="s">
        <v>15</v>
      </c>
      <c r="G20322" s="16">
        <v>6.4943353038354953E-2</v>
      </c>
    </row>
    <row r="20323" spans="1:7" x14ac:dyDescent="0.3">
      <c r="A20323" s="13" t="s">
        <v>139</v>
      </c>
      <c r="B20323" s="14" t="s">
        <v>1</v>
      </c>
      <c r="C20323" s="14" t="s">
        <v>23</v>
      </c>
      <c r="D20323" s="14" t="s">
        <v>140</v>
      </c>
      <c r="E20323" s="15">
        <v>45624</v>
      </c>
      <c r="F20323" s="14" t="s">
        <v>15</v>
      </c>
      <c r="G20323" s="16">
        <v>6.4943353038354953E-2</v>
      </c>
    </row>
    <row r="20324" spans="1:7" x14ac:dyDescent="0.3">
      <c r="A20324" s="13" t="s">
        <v>139</v>
      </c>
      <c r="B20324" s="14" t="s">
        <v>1</v>
      </c>
      <c r="C20324" s="14" t="s">
        <v>23</v>
      </c>
      <c r="D20324" s="14" t="s">
        <v>140</v>
      </c>
      <c r="E20324" s="15">
        <v>45625</v>
      </c>
      <c r="F20324" s="14" t="s">
        <v>15</v>
      </c>
      <c r="G20324" s="16">
        <v>8.4086641638026649E-2</v>
      </c>
    </row>
    <row r="20325" spans="1:7" x14ac:dyDescent="0.3">
      <c r="A20325" s="13" t="s">
        <v>139</v>
      </c>
      <c r="B20325" s="14" t="s">
        <v>1</v>
      </c>
      <c r="C20325" s="14" t="s">
        <v>23</v>
      </c>
      <c r="D20325" s="14" t="s">
        <v>140</v>
      </c>
      <c r="E20325" s="15">
        <v>45626</v>
      </c>
      <c r="F20325" s="14" t="s">
        <v>15</v>
      </c>
      <c r="G20325" s="16">
        <v>8.4086641638026649E-2</v>
      </c>
    </row>
    <row r="20326" spans="1:7" x14ac:dyDescent="0.3">
      <c r="A20326" s="13" t="s">
        <v>139</v>
      </c>
      <c r="B20326" s="14" t="s">
        <v>1</v>
      </c>
      <c r="C20326" s="14" t="s">
        <v>23</v>
      </c>
      <c r="D20326" s="14" t="s">
        <v>140</v>
      </c>
      <c r="E20326" s="15">
        <v>45627</v>
      </c>
      <c r="F20326" s="14" t="s">
        <v>15</v>
      </c>
      <c r="G20326" s="16">
        <v>8.4086641638026649E-2</v>
      </c>
    </row>
    <row r="20327" spans="1:7" x14ac:dyDescent="0.3">
      <c r="A20327" s="13" t="s">
        <v>139</v>
      </c>
      <c r="B20327" s="14" t="s">
        <v>1</v>
      </c>
      <c r="C20327" s="14" t="s">
        <v>23</v>
      </c>
      <c r="D20327" s="14" t="s">
        <v>140</v>
      </c>
      <c r="E20327" s="15">
        <v>45628</v>
      </c>
      <c r="F20327" s="14" t="s">
        <v>15</v>
      </c>
      <c r="G20327" s="16">
        <v>0</v>
      </c>
    </row>
    <row r="20328" spans="1:7" x14ac:dyDescent="0.3">
      <c r="A20328" s="13" t="s">
        <v>139</v>
      </c>
      <c r="B20328" s="14" t="s">
        <v>1</v>
      </c>
      <c r="C20328" s="14" t="s">
        <v>23</v>
      </c>
      <c r="D20328" s="14" t="s">
        <v>140</v>
      </c>
      <c r="E20328" s="15">
        <v>45629</v>
      </c>
      <c r="F20328" s="14" t="s">
        <v>15</v>
      </c>
      <c r="G20328" s="16">
        <v>0</v>
      </c>
    </row>
    <row r="20329" spans="1:7" x14ac:dyDescent="0.3">
      <c r="A20329" s="13" t="s">
        <v>139</v>
      </c>
      <c r="B20329" s="14" t="s">
        <v>1</v>
      </c>
      <c r="C20329" s="14" t="s">
        <v>23</v>
      </c>
      <c r="D20329" s="14" t="s">
        <v>140</v>
      </c>
      <c r="E20329" s="15">
        <v>45630</v>
      </c>
      <c r="F20329" s="14" t="s">
        <v>15</v>
      </c>
      <c r="G20329" s="16">
        <v>0</v>
      </c>
    </row>
    <row r="20330" spans="1:7" x14ac:dyDescent="0.3">
      <c r="A20330" s="13" t="s">
        <v>139</v>
      </c>
      <c r="B20330" s="14" t="s">
        <v>1</v>
      </c>
      <c r="C20330" s="14" t="s">
        <v>23</v>
      </c>
      <c r="D20330" s="14" t="s">
        <v>140</v>
      </c>
      <c r="E20330" s="15">
        <v>45631</v>
      </c>
      <c r="F20330" s="14" t="s">
        <v>15</v>
      </c>
      <c r="G20330" s="16">
        <v>0</v>
      </c>
    </row>
    <row r="20331" spans="1:7" x14ac:dyDescent="0.3">
      <c r="A20331" s="13" t="s">
        <v>139</v>
      </c>
      <c r="B20331" s="14" t="s">
        <v>1</v>
      </c>
      <c r="C20331" s="14" t="s">
        <v>23</v>
      </c>
      <c r="D20331" s="14" t="s">
        <v>140</v>
      </c>
      <c r="E20331" s="15">
        <v>45632</v>
      </c>
      <c r="F20331" s="14" t="s">
        <v>15</v>
      </c>
      <c r="G20331" s="16">
        <v>0</v>
      </c>
    </row>
    <row r="20332" spans="1:7" x14ac:dyDescent="0.3">
      <c r="A20332" s="13" t="s">
        <v>139</v>
      </c>
      <c r="B20332" s="14" t="s">
        <v>1</v>
      </c>
      <c r="C20332" s="14" t="s">
        <v>23</v>
      </c>
      <c r="D20332" s="14" t="s">
        <v>140</v>
      </c>
      <c r="E20332" s="15">
        <v>45633</v>
      </c>
      <c r="F20332" s="14" t="s">
        <v>15</v>
      </c>
      <c r="G20332" s="16">
        <v>0</v>
      </c>
    </row>
    <row r="20333" spans="1:7" x14ac:dyDescent="0.3">
      <c r="A20333" s="13" t="s">
        <v>139</v>
      </c>
      <c r="B20333" s="14" t="s">
        <v>1</v>
      </c>
      <c r="C20333" s="14" t="s">
        <v>23</v>
      </c>
      <c r="D20333" s="14" t="s">
        <v>140</v>
      </c>
      <c r="E20333" s="15">
        <v>45634</v>
      </c>
      <c r="F20333" s="14" t="s">
        <v>15</v>
      </c>
      <c r="G20333" s="16">
        <v>0</v>
      </c>
    </row>
    <row r="20334" spans="1:7" x14ac:dyDescent="0.3">
      <c r="A20334" s="13" t="s">
        <v>139</v>
      </c>
      <c r="B20334" s="14" t="s">
        <v>1</v>
      </c>
      <c r="C20334" s="14" t="s">
        <v>23</v>
      </c>
      <c r="D20334" s="14" t="s">
        <v>140</v>
      </c>
      <c r="E20334" s="15">
        <v>45635</v>
      </c>
      <c r="F20334" s="14" t="s">
        <v>15</v>
      </c>
      <c r="G20334" s="16">
        <v>0</v>
      </c>
    </row>
    <row r="20335" spans="1:7" x14ac:dyDescent="0.3">
      <c r="A20335" s="13" t="s">
        <v>139</v>
      </c>
      <c r="B20335" s="14" t="s">
        <v>1</v>
      </c>
      <c r="C20335" s="14" t="s">
        <v>23</v>
      </c>
      <c r="D20335" s="14" t="s">
        <v>140</v>
      </c>
      <c r="E20335" s="15">
        <v>45636</v>
      </c>
      <c r="F20335" s="14" t="s">
        <v>15</v>
      </c>
      <c r="G20335" s="16">
        <v>0</v>
      </c>
    </row>
    <row r="20336" spans="1:7" x14ac:dyDescent="0.3">
      <c r="A20336" s="13" t="s">
        <v>139</v>
      </c>
      <c r="B20336" s="14" t="s">
        <v>1</v>
      </c>
      <c r="C20336" s="14" t="s">
        <v>23</v>
      </c>
      <c r="D20336" s="14" t="s">
        <v>140</v>
      </c>
      <c r="E20336" s="15">
        <v>45637</v>
      </c>
      <c r="F20336" s="14" t="s">
        <v>15</v>
      </c>
      <c r="G20336" s="16">
        <v>0</v>
      </c>
    </row>
    <row r="20337" spans="1:7" x14ac:dyDescent="0.3">
      <c r="A20337" s="13" t="s">
        <v>139</v>
      </c>
      <c r="B20337" s="14" t="s">
        <v>1</v>
      </c>
      <c r="C20337" s="14" t="s">
        <v>23</v>
      </c>
      <c r="D20337" s="14" t="s">
        <v>140</v>
      </c>
      <c r="E20337" s="15">
        <v>45638</v>
      </c>
      <c r="F20337" s="14" t="s">
        <v>15</v>
      </c>
      <c r="G20337" s="16">
        <v>0</v>
      </c>
    </row>
    <row r="20338" spans="1:7" x14ac:dyDescent="0.3">
      <c r="A20338" s="13" t="s">
        <v>139</v>
      </c>
      <c r="B20338" s="14" t="s">
        <v>1</v>
      </c>
      <c r="C20338" s="14" t="s">
        <v>23</v>
      </c>
      <c r="D20338" s="14" t="s">
        <v>140</v>
      </c>
      <c r="E20338" s="15">
        <v>45639</v>
      </c>
      <c r="F20338" s="14" t="s">
        <v>15</v>
      </c>
      <c r="G20338" s="16">
        <v>0</v>
      </c>
    </row>
    <row r="20339" spans="1:7" x14ac:dyDescent="0.3">
      <c r="A20339" s="13" t="s">
        <v>139</v>
      </c>
      <c r="B20339" s="14" t="s">
        <v>1</v>
      </c>
      <c r="C20339" s="14" t="s">
        <v>23</v>
      </c>
      <c r="D20339" s="14" t="s">
        <v>140</v>
      </c>
      <c r="E20339" s="15">
        <v>45640</v>
      </c>
      <c r="F20339" s="14" t="s">
        <v>15</v>
      </c>
      <c r="G20339" s="16">
        <v>0</v>
      </c>
    </row>
    <row r="20340" spans="1:7" x14ac:dyDescent="0.3">
      <c r="A20340" s="13" t="s">
        <v>139</v>
      </c>
      <c r="B20340" s="14" t="s">
        <v>1</v>
      </c>
      <c r="C20340" s="14" t="s">
        <v>23</v>
      </c>
      <c r="D20340" s="14" t="s">
        <v>140</v>
      </c>
      <c r="E20340" s="15">
        <v>45641</v>
      </c>
      <c r="F20340" s="14" t="s">
        <v>15</v>
      </c>
      <c r="G20340" s="16">
        <v>0</v>
      </c>
    </row>
    <row r="20341" spans="1:7" x14ac:dyDescent="0.3">
      <c r="A20341" s="13" t="s">
        <v>139</v>
      </c>
      <c r="B20341" s="14" t="s">
        <v>1</v>
      </c>
      <c r="C20341" s="14" t="s">
        <v>23</v>
      </c>
      <c r="D20341" s="14" t="s">
        <v>140</v>
      </c>
      <c r="E20341" s="15">
        <v>45642</v>
      </c>
      <c r="F20341" s="14" t="s">
        <v>15</v>
      </c>
      <c r="G20341" s="16">
        <v>0</v>
      </c>
    </row>
    <row r="20342" spans="1:7" x14ac:dyDescent="0.3">
      <c r="A20342" s="13" t="s">
        <v>139</v>
      </c>
      <c r="B20342" s="14" t="s">
        <v>1</v>
      </c>
      <c r="C20342" s="14" t="s">
        <v>23</v>
      </c>
      <c r="D20342" s="14" t="s">
        <v>140</v>
      </c>
      <c r="E20342" s="15">
        <v>45643</v>
      </c>
      <c r="F20342" s="14" t="s">
        <v>15</v>
      </c>
      <c r="G20342" s="16">
        <v>0</v>
      </c>
    </row>
    <row r="20343" spans="1:7" x14ac:dyDescent="0.3">
      <c r="A20343" s="13" t="s">
        <v>139</v>
      </c>
      <c r="B20343" s="14" t="s">
        <v>1</v>
      </c>
      <c r="C20343" s="14" t="s">
        <v>23</v>
      </c>
      <c r="D20343" s="14" t="s">
        <v>140</v>
      </c>
      <c r="E20343" s="15">
        <v>45644</v>
      </c>
      <c r="F20343" s="14" t="s">
        <v>15</v>
      </c>
      <c r="G20343" s="16">
        <v>0</v>
      </c>
    </row>
    <row r="20344" spans="1:7" x14ac:dyDescent="0.3">
      <c r="A20344" s="13" t="s">
        <v>139</v>
      </c>
      <c r="B20344" s="14" t="s">
        <v>1</v>
      </c>
      <c r="C20344" s="14" t="s">
        <v>23</v>
      </c>
      <c r="D20344" s="14" t="s">
        <v>140</v>
      </c>
      <c r="E20344" s="15">
        <v>45645</v>
      </c>
      <c r="F20344" s="14" t="s">
        <v>15</v>
      </c>
      <c r="G20344" s="16">
        <v>0</v>
      </c>
    </row>
    <row r="20345" spans="1:7" x14ac:dyDescent="0.3">
      <c r="A20345" s="13" t="s">
        <v>139</v>
      </c>
      <c r="B20345" s="14" t="s">
        <v>1</v>
      </c>
      <c r="C20345" s="14" t="s">
        <v>23</v>
      </c>
      <c r="D20345" s="14" t="s">
        <v>140</v>
      </c>
      <c r="E20345" s="15">
        <v>45646</v>
      </c>
      <c r="F20345" s="14" t="s">
        <v>15</v>
      </c>
      <c r="G20345" s="16">
        <v>0</v>
      </c>
    </row>
    <row r="20346" spans="1:7" x14ac:dyDescent="0.3">
      <c r="A20346" s="13" t="s">
        <v>139</v>
      </c>
      <c r="B20346" s="14" t="s">
        <v>1</v>
      </c>
      <c r="C20346" s="14" t="s">
        <v>23</v>
      </c>
      <c r="D20346" s="14" t="s">
        <v>140</v>
      </c>
      <c r="E20346" s="15">
        <v>45647</v>
      </c>
      <c r="F20346" s="14" t="s">
        <v>15</v>
      </c>
      <c r="G20346" s="16">
        <v>0</v>
      </c>
    </row>
    <row r="20347" spans="1:7" x14ac:dyDescent="0.3">
      <c r="A20347" s="13" t="s">
        <v>139</v>
      </c>
      <c r="B20347" s="14" t="s">
        <v>1</v>
      </c>
      <c r="C20347" s="14" t="s">
        <v>23</v>
      </c>
      <c r="D20347" s="14" t="s">
        <v>140</v>
      </c>
      <c r="E20347" s="15">
        <v>45648</v>
      </c>
      <c r="F20347" s="14" t="s">
        <v>15</v>
      </c>
      <c r="G20347" s="16">
        <v>0</v>
      </c>
    </row>
    <row r="20348" spans="1:7" x14ac:dyDescent="0.3">
      <c r="A20348" s="13" t="s">
        <v>139</v>
      </c>
      <c r="B20348" s="14" t="s">
        <v>1</v>
      </c>
      <c r="C20348" s="14" t="s">
        <v>23</v>
      </c>
      <c r="D20348" s="14" t="s">
        <v>140</v>
      </c>
      <c r="E20348" s="15">
        <v>45649</v>
      </c>
      <c r="F20348" s="14" t="s">
        <v>15</v>
      </c>
      <c r="G20348" s="16">
        <v>0</v>
      </c>
    </row>
    <row r="20349" spans="1:7" x14ac:dyDescent="0.3">
      <c r="A20349" s="13" t="s">
        <v>139</v>
      </c>
      <c r="B20349" s="14" t="s">
        <v>1</v>
      </c>
      <c r="C20349" s="14" t="s">
        <v>23</v>
      </c>
      <c r="D20349" s="14" t="s">
        <v>140</v>
      </c>
      <c r="E20349" s="15">
        <v>45650</v>
      </c>
      <c r="F20349" s="14" t="s">
        <v>15</v>
      </c>
      <c r="G20349" s="16">
        <v>0</v>
      </c>
    </row>
    <row r="20350" spans="1:7" x14ac:dyDescent="0.3">
      <c r="A20350" s="13" t="s">
        <v>139</v>
      </c>
      <c r="B20350" s="14" t="s">
        <v>1</v>
      </c>
      <c r="C20350" s="14" t="s">
        <v>23</v>
      </c>
      <c r="D20350" s="14" t="s">
        <v>140</v>
      </c>
      <c r="E20350" s="15">
        <v>45651</v>
      </c>
      <c r="F20350" s="14" t="s">
        <v>15</v>
      </c>
      <c r="G20350" s="16">
        <v>0</v>
      </c>
    </row>
    <row r="20351" spans="1:7" x14ac:dyDescent="0.3">
      <c r="A20351" s="13" t="s">
        <v>139</v>
      </c>
      <c r="B20351" s="14" t="s">
        <v>1</v>
      </c>
      <c r="C20351" s="14" t="s">
        <v>23</v>
      </c>
      <c r="D20351" s="14" t="s">
        <v>140</v>
      </c>
      <c r="E20351" s="15">
        <v>45652</v>
      </c>
      <c r="F20351" s="14" t="s">
        <v>15</v>
      </c>
      <c r="G20351" s="16">
        <v>0</v>
      </c>
    </row>
    <row r="20352" spans="1:7" x14ac:dyDescent="0.3">
      <c r="A20352" s="13" t="s">
        <v>139</v>
      </c>
      <c r="B20352" s="14" t="s">
        <v>1</v>
      </c>
      <c r="C20352" s="14" t="s">
        <v>23</v>
      </c>
      <c r="D20352" s="14" t="s">
        <v>140</v>
      </c>
      <c r="E20352" s="15">
        <v>45653</v>
      </c>
      <c r="F20352" s="14" t="s">
        <v>15</v>
      </c>
      <c r="G20352" s="16">
        <v>0</v>
      </c>
    </row>
    <row r="20353" spans="1:7" x14ac:dyDescent="0.3">
      <c r="A20353" s="13" t="s">
        <v>139</v>
      </c>
      <c r="B20353" s="14" t="s">
        <v>1</v>
      </c>
      <c r="C20353" s="14" t="s">
        <v>23</v>
      </c>
      <c r="D20353" s="14" t="s">
        <v>140</v>
      </c>
      <c r="E20353" s="15">
        <v>45654</v>
      </c>
      <c r="F20353" s="14" t="s">
        <v>15</v>
      </c>
      <c r="G20353" s="16">
        <v>0</v>
      </c>
    </row>
    <row r="20354" spans="1:7" x14ac:dyDescent="0.3">
      <c r="A20354" s="13" t="s">
        <v>139</v>
      </c>
      <c r="B20354" s="14" t="s">
        <v>1</v>
      </c>
      <c r="C20354" s="14" t="s">
        <v>23</v>
      </c>
      <c r="D20354" s="14" t="s">
        <v>140</v>
      </c>
      <c r="E20354" s="15">
        <v>45655</v>
      </c>
      <c r="F20354" s="14" t="s">
        <v>15</v>
      </c>
      <c r="G20354" s="16">
        <v>0</v>
      </c>
    </row>
    <row r="20355" spans="1:7" x14ac:dyDescent="0.3">
      <c r="A20355" s="13" t="s">
        <v>139</v>
      </c>
      <c r="B20355" s="14" t="s">
        <v>1</v>
      </c>
      <c r="C20355" s="14" t="s">
        <v>23</v>
      </c>
      <c r="D20355" s="14" t="s">
        <v>140</v>
      </c>
      <c r="E20355" s="15">
        <v>45656</v>
      </c>
      <c r="F20355" s="14" t="s">
        <v>15</v>
      </c>
      <c r="G20355" s="16">
        <v>0</v>
      </c>
    </row>
    <row r="20356" spans="1:7" x14ac:dyDescent="0.3">
      <c r="A20356" s="13" t="s">
        <v>139</v>
      </c>
      <c r="B20356" s="14" t="s">
        <v>1</v>
      </c>
      <c r="C20356" s="14" t="s">
        <v>23</v>
      </c>
      <c r="D20356" s="14" t="s">
        <v>140</v>
      </c>
      <c r="E20356" s="15">
        <v>45657</v>
      </c>
      <c r="F20356" s="14" t="s">
        <v>15</v>
      </c>
      <c r="G20356" s="16">
        <v>4.7316858837161573E-2</v>
      </c>
    </row>
    <row r="20357" spans="1:7" x14ac:dyDescent="0.3">
      <c r="A20357" s="13" t="s">
        <v>139</v>
      </c>
      <c r="B20357" s="14" t="s">
        <v>1</v>
      </c>
      <c r="C20357" s="14" t="s">
        <v>23</v>
      </c>
      <c r="D20357" s="14" t="s">
        <v>140</v>
      </c>
      <c r="E20357" s="15">
        <v>45658</v>
      </c>
      <c r="F20357" s="14" t="s">
        <v>15</v>
      </c>
      <c r="G20357" s="16">
        <v>4.7316858837161573E-2</v>
      </c>
    </row>
    <row r="20358" spans="1:7" x14ac:dyDescent="0.3">
      <c r="A20358" s="13" t="s">
        <v>139</v>
      </c>
      <c r="B20358" s="14" t="s">
        <v>1</v>
      </c>
      <c r="C20358" s="14" t="s">
        <v>23</v>
      </c>
      <c r="D20358" s="14" t="s">
        <v>140</v>
      </c>
      <c r="E20358" s="15">
        <v>45659</v>
      </c>
      <c r="F20358" s="14" t="s">
        <v>15</v>
      </c>
      <c r="G20358" s="16">
        <v>0</v>
      </c>
    </row>
    <row r="20359" spans="1:7" x14ac:dyDescent="0.3">
      <c r="A20359" s="13" t="s">
        <v>139</v>
      </c>
      <c r="B20359" s="14" t="s">
        <v>1</v>
      </c>
      <c r="C20359" s="14" t="s">
        <v>23</v>
      </c>
      <c r="D20359" s="14" t="s">
        <v>140</v>
      </c>
      <c r="E20359" s="15">
        <v>45660</v>
      </c>
      <c r="F20359" s="14" t="s">
        <v>15</v>
      </c>
      <c r="G20359" s="16">
        <v>0</v>
      </c>
    </row>
    <row r="20360" spans="1:7" x14ac:dyDescent="0.3">
      <c r="A20360" s="13" t="s">
        <v>139</v>
      </c>
      <c r="B20360" s="14" t="s">
        <v>1</v>
      </c>
      <c r="C20360" s="14" t="s">
        <v>23</v>
      </c>
      <c r="D20360" s="14" t="s">
        <v>140</v>
      </c>
      <c r="E20360" s="15">
        <v>45661</v>
      </c>
      <c r="F20360" s="14" t="s">
        <v>15</v>
      </c>
      <c r="G20360" s="16">
        <v>0</v>
      </c>
    </row>
    <row r="20361" spans="1:7" x14ac:dyDescent="0.3">
      <c r="A20361" s="13" t="s">
        <v>139</v>
      </c>
      <c r="B20361" s="14" t="s">
        <v>1</v>
      </c>
      <c r="C20361" s="14" t="s">
        <v>23</v>
      </c>
      <c r="D20361" s="14" t="s">
        <v>140</v>
      </c>
      <c r="E20361" s="15">
        <v>45662</v>
      </c>
      <c r="F20361" s="14" t="s">
        <v>15</v>
      </c>
      <c r="G20361" s="16">
        <v>0</v>
      </c>
    </row>
    <row r="20362" spans="1:7" x14ac:dyDescent="0.3">
      <c r="A20362" s="13" t="s">
        <v>139</v>
      </c>
      <c r="B20362" s="14" t="s">
        <v>1</v>
      </c>
      <c r="C20362" s="14" t="s">
        <v>23</v>
      </c>
      <c r="D20362" s="14" t="s">
        <v>140</v>
      </c>
      <c r="E20362" s="15">
        <v>45663</v>
      </c>
      <c r="F20362" s="14" t="s">
        <v>15</v>
      </c>
      <c r="G20362" s="16">
        <v>0</v>
      </c>
    </row>
    <row r="20363" spans="1:7" x14ac:dyDescent="0.3">
      <c r="A20363" s="13" t="s">
        <v>139</v>
      </c>
      <c r="B20363" s="14" t="s">
        <v>1</v>
      </c>
      <c r="C20363" s="14" t="s">
        <v>23</v>
      </c>
      <c r="D20363" s="14" t="s">
        <v>140</v>
      </c>
      <c r="E20363" s="15">
        <v>45664</v>
      </c>
      <c r="F20363" s="14" t="s">
        <v>15</v>
      </c>
      <c r="G20363" s="16">
        <v>0</v>
      </c>
    </row>
    <row r="20364" spans="1:7" x14ac:dyDescent="0.3">
      <c r="A20364" s="13" t="s">
        <v>139</v>
      </c>
      <c r="B20364" s="14" t="s">
        <v>1</v>
      </c>
      <c r="C20364" s="14" t="s">
        <v>23</v>
      </c>
      <c r="D20364" s="14" t="s">
        <v>140</v>
      </c>
      <c r="E20364" s="15">
        <v>45665</v>
      </c>
      <c r="F20364" s="14" t="s">
        <v>15</v>
      </c>
      <c r="G20364" s="16">
        <v>0</v>
      </c>
    </row>
    <row r="20365" spans="1:7" x14ac:dyDescent="0.3">
      <c r="A20365" s="13" t="s">
        <v>139</v>
      </c>
      <c r="B20365" s="14" t="s">
        <v>1</v>
      </c>
      <c r="C20365" s="14" t="s">
        <v>23</v>
      </c>
      <c r="D20365" s="14" t="s">
        <v>140</v>
      </c>
      <c r="E20365" s="15">
        <v>45666</v>
      </c>
      <c r="F20365" s="14" t="s">
        <v>15</v>
      </c>
      <c r="G20365" s="16">
        <v>0</v>
      </c>
    </row>
    <row r="20366" spans="1:7" x14ac:dyDescent="0.3">
      <c r="A20366" s="13" t="s">
        <v>139</v>
      </c>
      <c r="B20366" s="14" t="s">
        <v>1</v>
      </c>
      <c r="C20366" s="14" t="s">
        <v>23</v>
      </c>
      <c r="D20366" s="14" t="s">
        <v>140</v>
      </c>
      <c r="E20366" s="15">
        <v>45667</v>
      </c>
      <c r="F20366" s="14" t="s">
        <v>15</v>
      </c>
      <c r="G20366" s="16">
        <v>0</v>
      </c>
    </row>
    <row r="20367" spans="1:7" x14ac:dyDescent="0.3">
      <c r="A20367" s="13" t="s">
        <v>139</v>
      </c>
      <c r="B20367" s="14" t="s">
        <v>1</v>
      </c>
      <c r="C20367" s="14" t="s">
        <v>23</v>
      </c>
      <c r="D20367" s="14" t="s">
        <v>140</v>
      </c>
      <c r="E20367" s="15">
        <v>45668</v>
      </c>
      <c r="F20367" s="14" t="s">
        <v>15</v>
      </c>
      <c r="G20367" s="16">
        <v>0</v>
      </c>
    </row>
    <row r="20368" spans="1:7" x14ac:dyDescent="0.3">
      <c r="A20368" s="13" t="s">
        <v>139</v>
      </c>
      <c r="B20368" s="14" t="s">
        <v>1</v>
      </c>
      <c r="C20368" s="14" t="s">
        <v>23</v>
      </c>
      <c r="D20368" s="14" t="s">
        <v>140</v>
      </c>
      <c r="E20368" s="15">
        <v>45669</v>
      </c>
      <c r="F20368" s="14" t="s">
        <v>15</v>
      </c>
      <c r="G20368" s="16">
        <v>0</v>
      </c>
    </row>
    <row r="20369" spans="1:7" x14ac:dyDescent="0.3">
      <c r="A20369" s="13" t="s">
        <v>139</v>
      </c>
      <c r="B20369" s="14" t="s">
        <v>1</v>
      </c>
      <c r="C20369" s="14" t="s">
        <v>23</v>
      </c>
      <c r="D20369" s="14" t="s">
        <v>140</v>
      </c>
      <c r="E20369" s="15">
        <v>45670</v>
      </c>
      <c r="F20369" s="14" t="s">
        <v>15</v>
      </c>
      <c r="G20369" s="16">
        <v>0</v>
      </c>
    </row>
    <row r="20370" spans="1:7" x14ac:dyDescent="0.3">
      <c r="A20370" s="13" t="s">
        <v>139</v>
      </c>
      <c r="B20370" s="14" t="s">
        <v>1</v>
      </c>
      <c r="C20370" s="14" t="s">
        <v>23</v>
      </c>
      <c r="D20370" s="14" t="s">
        <v>140</v>
      </c>
      <c r="E20370" s="15">
        <v>45671</v>
      </c>
      <c r="F20370" s="14" t="s">
        <v>15</v>
      </c>
      <c r="G20370" s="16">
        <v>0</v>
      </c>
    </row>
    <row r="20371" spans="1:7" x14ac:dyDescent="0.3">
      <c r="A20371" s="13" t="s">
        <v>139</v>
      </c>
      <c r="B20371" s="14" t="s">
        <v>1</v>
      </c>
      <c r="C20371" s="14" t="s">
        <v>23</v>
      </c>
      <c r="D20371" s="14" t="s">
        <v>140</v>
      </c>
      <c r="E20371" s="15">
        <v>45672</v>
      </c>
      <c r="F20371" s="14" t="s">
        <v>15</v>
      </c>
      <c r="G20371" s="16">
        <v>0</v>
      </c>
    </row>
    <row r="20372" spans="1:7" x14ac:dyDescent="0.3">
      <c r="A20372" s="13" t="s">
        <v>139</v>
      </c>
      <c r="B20372" s="14" t="s">
        <v>1</v>
      </c>
      <c r="C20372" s="14" t="s">
        <v>23</v>
      </c>
      <c r="D20372" s="14" t="s">
        <v>140</v>
      </c>
      <c r="E20372" s="15">
        <v>45673</v>
      </c>
      <c r="F20372" s="14" t="s">
        <v>15</v>
      </c>
      <c r="G20372" s="16">
        <v>0</v>
      </c>
    </row>
    <row r="20373" spans="1:7" x14ac:dyDescent="0.3">
      <c r="A20373" s="13" t="s">
        <v>139</v>
      </c>
      <c r="B20373" s="14" t="s">
        <v>1</v>
      </c>
      <c r="C20373" s="14" t="s">
        <v>23</v>
      </c>
      <c r="D20373" s="14" t="s">
        <v>140</v>
      </c>
      <c r="E20373" s="15">
        <v>45674</v>
      </c>
      <c r="F20373" s="14" t="s">
        <v>15</v>
      </c>
      <c r="G20373" s="16">
        <v>0</v>
      </c>
    </row>
    <row r="20374" spans="1:7" x14ac:dyDescent="0.3">
      <c r="A20374" s="13" t="s">
        <v>139</v>
      </c>
      <c r="B20374" s="14" t="s">
        <v>1</v>
      </c>
      <c r="C20374" s="14" t="s">
        <v>23</v>
      </c>
      <c r="D20374" s="14" t="s">
        <v>140</v>
      </c>
      <c r="E20374" s="15">
        <v>45675</v>
      </c>
      <c r="F20374" s="14" t="s">
        <v>15</v>
      </c>
      <c r="G20374" s="16">
        <v>0</v>
      </c>
    </row>
    <row r="20375" spans="1:7" x14ac:dyDescent="0.3">
      <c r="A20375" s="13" t="s">
        <v>139</v>
      </c>
      <c r="B20375" s="14" t="s">
        <v>1</v>
      </c>
      <c r="C20375" s="14" t="s">
        <v>23</v>
      </c>
      <c r="D20375" s="14" t="s">
        <v>140</v>
      </c>
      <c r="E20375" s="15">
        <v>45676</v>
      </c>
      <c r="F20375" s="14" t="s">
        <v>15</v>
      </c>
      <c r="G20375" s="16">
        <v>0</v>
      </c>
    </row>
    <row r="20376" spans="1:7" x14ac:dyDescent="0.3">
      <c r="A20376" s="13" t="s">
        <v>139</v>
      </c>
      <c r="B20376" s="14" t="s">
        <v>1</v>
      </c>
      <c r="C20376" s="14" t="s">
        <v>23</v>
      </c>
      <c r="D20376" s="14" t="s">
        <v>140</v>
      </c>
      <c r="E20376" s="15">
        <v>45677</v>
      </c>
      <c r="F20376" s="14" t="s">
        <v>15</v>
      </c>
      <c r="G20376" s="16">
        <v>0</v>
      </c>
    </row>
    <row r="20377" spans="1:7" x14ac:dyDescent="0.3">
      <c r="A20377" s="13" t="s">
        <v>139</v>
      </c>
      <c r="B20377" s="14" t="s">
        <v>1</v>
      </c>
      <c r="C20377" s="14" t="s">
        <v>23</v>
      </c>
      <c r="D20377" s="14" t="s">
        <v>140</v>
      </c>
      <c r="E20377" s="15">
        <v>45678</v>
      </c>
      <c r="F20377" s="14" t="s">
        <v>15</v>
      </c>
      <c r="G20377" s="16">
        <v>0</v>
      </c>
    </row>
    <row r="20378" spans="1:7" x14ac:dyDescent="0.3">
      <c r="A20378" s="13" t="s">
        <v>139</v>
      </c>
      <c r="B20378" s="14" t="s">
        <v>1</v>
      </c>
      <c r="C20378" s="14" t="s">
        <v>23</v>
      </c>
      <c r="D20378" s="14" t="s">
        <v>140</v>
      </c>
      <c r="E20378" s="15">
        <v>45679</v>
      </c>
      <c r="F20378" s="14" t="s">
        <v>15</v>
      </c>
      <c r="G20378" s="16">
        <v>0</v>
      </c>
    </row>
    <row r="20379" spans="1:7" x14ac:dyDescent="0.3">
      <c r="A20379" s="13" t="s">
        <v>139</v>
      </c>
      <c r="B20379" s="14" t="s">
        <v>1</v>
      </c>
      <c r="C20379" s="14" t="s">
        <v>23</v>
      </c>
      <c r="D20379" s="14" t="s">
        <v>140</v>
      </c>
      <c r="E20379" s="15">
        <v>45680</v>
      </c>
      <c r="F20379" s="14" t="s">
        <v>15</v>
      </c>
      <c r="G20379" s="16">
        <v>0</v>
      </c>
    </row>
    <row r="20380" spans="1:7" x14ac:dyDescent="0.3">
      <c r="A20380" s="13" t="s">
        <v>139</v>
      </c>
      <c r="B20380" s="14" t="s">
        <v>1</v>
      </c>
      <c r="C20380" s="14" t="s">
        <v>23</v>
      </c>
      <c r="D20380" s="14" t="s">
        <v>140</v>
      </c>
      <c r="E20380" s="15">
        <v>45681</v>
      </c>
      <c r="F20380" s="14" t="s">
        <v>15</v>
      </c>
      <c r="G20380" s="16">
        <v>0</v>
      </c>
    </row>
    <row r="20381" spans="1:7" x14ac:dyDescent="0.3">
      <c r="A20381" s="13" t="s">
        <v>139</v>
      </c>
      <c r="B20381" s="14" t="s">
        <v>1</v>
      </c>
      <c r="C20381" s="14" t="s">
        <v>23</v>
      </c>
      <c r="D20381" s="14" t="s">
        <v>140</v>
      </c>
      <c r="E20381" s="15">
        <v>45682</v>
      </c>
      <c r="F20381" s="14" t="s">
        <v>15</v>
      </c>
      <c r="G20381" s="16">
        <v>0</v>
      </c>
    </row>
    <row r="20382" spans="1:7" x14ac:dyDescent="0.3">
      <c r="A20382" s="13" t="s">
        <v>139</v>
      </c>
      <c r="B20382" s="14" t="s">
        <v>1</v>
      </c>
      <c r="C20382" s="14" t="s">
        <v>23</v>
      </c>
      <c r="D20382" s="14" t="s">
        <v>140</v>
      </c>
      <c r="E20382" s="15">
        <v>45683</v>
      </c>
      <c r="F20382" s="14" t="s">
        <v>15</v>
      </c>
      <c r="G20382" s="16">
        <v>0</v>
      </c>
    </row>
    <row r="20383" spans="1:7" x14ac:dyDescent="0.3">
      <c r="A20383" s="13" t="s">
        <v>139</v>
      </c>
      <c r="B20383" s="14" t="s">
        <v>1</v>
      </c>
      <c r="C20383" s="14" t="s">
        <v>23</v>
      </c>
      <c r="D20383" s="14" t="s">
        <v>140</v>
      </c>
      <c r="E20383" s="15">
        <v>45684</v>
      </c>
      <c r="F20383" s="14" t="s">
        <v>15</v>
      </c>
      <c r="G20383" s="16">
        <v>0</v>
      </c>
    </row>
    <row r="20384" spans="1:7" x14ac:dyDescent="0.3">
      <c r="A20384" s="13" t="s">
        <v>139</v>
      </c>
      <c r="B20384" s="14" t="s">
        <v>1</v>
      </c>
      <c r="C20384" s="14" t="s">
        <v>23</v>
      </c>
      <c r="D20384" s="14" t="s">
        <v>140</v>
      </c>
      <c r="E20384" s="15">
        <v>45685</v>
      </c>
      <c r="F20384" s="14" t="s">
        <v>15</v>
      </c>
      <c r="G20384" s="16">
        <v>0</v>
      </c>
    </row>
    <row r="20385" spans="1:7" x14ac:dyDescent="0.3">
      <c r="A20385" s="13" t="s">
        <v>139</v>
      </c>
      <c r="B20385" s="14" t="s">
        <v>1</v>
      </c>
      <c r="C20385" s="14" t="s">
        <v>23</v>
      </c>
      <c r="D20385" s="14" t="s">
        <v>140</v>
      </c>
      <c r="E20385" s="15">
        <v>45686</v>
      </c>
      <c r="F20385" s="14" t="s">
        <v>15</v>
      </c>
      <c r="G20385" s="16">
        <v>0</v>
      </c>
    </row>
    <row r="20386" spans="1:7" x14ac:dyDescent="0.3">
      <c r="A20386" s="13" t="s">
        <v>139</v>
      </c>
      <c r="B20386" s="14" t="s">
        <v>1</v>
      </c>
      <c r="C20386" s="14" t="s">
        <v>23</v>
      </c>
      <c r="D20386" s="14" t="s">
        <v>140</v>
      </c>
      <c r="E20386" s="15">
        <v>45687</v>
      </c>
      <c r="F20386" s="14" t="s">
        <v>15</v>
      </c>
      <c r="G20386" s="16">
        <v>5.5131484432540115E-3</v>
      </c>
    </row>
    <row r="20387" spans="1:7" x14ac:dyDescent="0.3">
      <c r="A20387" s="13" t="s">
        <v>139</v>
      </c>
      <c r="B20387" s="14" t="s">
        <v>1</v>
      </c>
      <c r="C20387" s="14" t="s">
        <v>23</v>
      </c>
      <c r="D20387" s="14" t="s">
        <v>140</v>
      </c>
      <c r="E20387" s="15">
        <v>45688</v>
      </c>
      <c r="F20387" s="14" t="s">
        <v>15</v>
      </c>
      <c r="G20387" s="16">
        <v>1.9879600527562383E-2</v>
      </c>
    </row>
    <row r="20388" spans="1:7" x14ac:dyDescent="0.3">
      <c r="A20388" s="13" t="s">
        <v>139</v>
      </c>
      <c r="B20388" s="14" t="s">
        <v>1</v>
      </c>
      <c r="C20388" s="14" t="s">
        <v>23</v>
      </c>
      <c r="D20388" s="14" t="s">
        <v>140</v>
      </c>
      <c r="E20388" s="15">
        <v>45689</v>
      </c>
      <c r="F20388" s="14" t="s">
        <v>15</v>
      </c>
      <c r="G20388" s="16">
        <v>1.9879600527562383E-2</v>
      </c>
    </row>
    <row r="20389" spans="1:7" x14ac:dyDescent="0.3">
      <c r="A20389" s="13" t="s">
        <v>139</v>
      </c>
      <c r="B20389" s="14" t="s">
        <v>1</v>
      </c>
      <c r="C20389" s="14" t="s">
        <v>23</v>
      </c>
      <c r="D20389" s="14" t="s">
        <v>140</v>
      </c>
      <c r="E20389" s="15">
        <v>45690</v>
      </c>
      <c r="F20389" s="14" t="s">
        <v>15</v>
      </c>
      <c r="G20389" s="16">
        <v>1.9879600527562383E-2</v>
      </c>
    </row>
    <row r="20390" spans="1:7" x14ac:dyDescent="0.3">
      <c r="A20390" s="13" t="s">
        <v>139</v>
      </c>
      <c r="B20390" s="14" t="s">
        <v>1</v>
      </c>
      <c r="C20390" s="14" t="s">
        <v>23</v>
      </c>
      <c r="D20390" s="14" t="s">
        <v>140</v>
      </c>
      <c r="E20390" s="15">
        <v>45691</v>
      </c>
      <c r="F20390" s="14" t="s">
        <v>15</v>
      </c>
      <c r="G20390" s="16">
        <v>1.9879600527562383E-2</v>
      </c>
    </row>
    <row r="20391" spans="1:7" x14ac:dyDescent="0.3">
      <c r="A20391" s="13" t="s">
        <v>139</v>
      </c>
      <c r="B20391" s="14" t="s">
        <v>1</v>
      </c>
      <c r="C20391" s="14" t="s">
        <v>23</v>
      </c>
      <c r="D20391" s="14" t="s">
        <v>140</v>
      </c>
      <c r="E20391" s="15">
        <v>45692</v>
      </c>
      <c r="F20391" s="14" t="s">
        <v>15</v>
      </c>
      <c r="G20391" s="16">
        <v>0</v>
      </c>
    </row>
    <row r="20392" spans="1:7" x14ac:dyDescent="0.3">
      <c r="A20392" s="13" t="s">
        <v>139</v>
      </c>
      <c r="B20392" s="14" t="s">
        <v>1</v>
      </c>
      <c r="C20392" s="14" t="s">
        <v>23</v>
      </c>
      <c r="D20392" s="14" t="s">
        <v>140</v>
      </c>
      <c r="E20392" s="15">
        <v>45693</v>
      </c>
      <c r="F20392" s="14" t="s">
        <v>15</v>
      </c>
      <c r="G20392" s="16">
        <v>0</v>
      </c>
    </row>
    <row r="20393" spans="1:7" x14ac:dyDescent="0.3">
      <c r="A20393" s="13" t="s">
        <v>139</v>
      </c>
      <c r="B20393" s="14" t="s">
        <v>1</v>
      </c>
      <c r="C20393" s="14" t="s">
        <v>23</v>
      </c>
      <c r="D20393" s="14" t="s">
        <v>140</v>
      </c>
      <c r="E20393" s="15">
        <v>45694</v>
      </c>
      <c r="F20393" s="14" t="s">
        <v>15</v>
      </c>
      <c r="G20393" s="16">
        <v>0</v>
      </c>
    </row>
    <row r="20394" spans="1:7" x14ac:dyDescent="0.3">
      <c r="A20394" s="13" t="s">
        <v>139</v>
      </c>
      <c r="B20394" s="14" t="s">
        <v>1</v>
      </c>
      <c r="C20394" s="14" t="s">
        <v>23</v>
      </c>
      <c r="D20394" s="14" t="s">
        <v>140</v>
      </c>
      <c r="E20394" s="15">
        <v>45695</v>
      </c>
      <c r="F20394" s="14" t="s">
        <v>15</v>
      </c>
      <c r="G20394" s="16">
        <v>0</v>
      </c>
    </row>
    <row r="20395" spans="1:7" x14ac:dyDescent="0.3">
      <c r="A20395" s="13" t="s">
        <v>139</v>
      </c>
      <c r="B20395" s="14" t="s">
        <v>1</v>
      </c>
      <c r="C20395" s="14" t="s">
        <v>23</v>
      </c>
      <c r="D20395" s="14" t="s">
        <v>140</v>
      </c>
      <c r="E20395" s="15">
        <v>45696</v>
      </c>
      <c r="F20395" s="14" t="s">
        <v>15</v>
      </c>
      <c r="G20395" s="16">
        <v>0</v>
      </c>
    </row>
    <row r="20396" spans="1:7" x14ac:dyDescent="0.3">
      <c r="A20396" s="13" t="s">
        <v>139</v>
      </c>
      <c r="B20396" s="14" t="s">
        <v>1</v>
      </c>
      <c r="C20396" s="14" t="s">
        <v>23</v>
      </c>
      <c r="D20396" s="14" t="s">
        <v>140</v>
      </c>
      <c r="E20396" s="15">
        <v>45697</v>
      </c>
      <c r="F20396" s="14" t="s">
        <v>15</v>
      </c>
      <c r="G20396" s="16">
        <v>0</v>
      </c>
    </row>
    <row r="20397" spans="1:7" x14ac:dyDescent="0.3">
      <c r="A20397" s="13" t="s">
        <v>139</v>
      </c>
      <c r="B20397" s="14" t="s">
        <v>1</v>
      </c>
      <c r="C20397" s="14" t="s">
        <v>23</v>
      </c>
      <c r="D20397" s="14" t="s">
        <v>140</v>
      </c>
      <c r="E20397" s="15">
        <v>45698</v>
      </c>
      <c r="F20397" s="14" t="s">
        <v>15</v>
      </c>
      <c r="G20397" s="16">
        <v>0</v>
      </c>
    </row>
    <row r="20398" spans="1:7" x14ac:dyDescent="0.3">
      <c r="A20398" s="13" t="s">
        <v>139</v>
      </c>
      <c r="B20398" s="14" t="s">
        <v>1</v>
      </c>
      <c r="C20398" s="14" t="s">
        <v>23</v>
      </c>
      <c r="D20398" s="14" t="s">
        <v>140</v>
      </c>
      <c r="E20398" s="15">
        <v>45699</v>
      </c>
      <c r="F20398" s="14" t="s">
        <v>15</v>
      </c>
      <c r="G20398" s="16">
        <v>0</v>
      </c>
    </row>
    <row r="20399" spans="1:7" x14ac:dyDescent="0.3">
      <c r="A20399" s="13" t="s">
        <v>139</v>
      </c>
      <c r="B20399" s="14" t="s">
        <v>1</v>
      </c>
      <c r="C20399" s="14" t="s">
        <v>23</v>
      </c>
      <c r="D20399" s="14" t="s">
        <v>140</v>
      </c>
      <c r="E20399" s="15">
        <v>45700</v>
      </c>
      <c r="F20399" s="14" t="s">
        <v>15</v>
      </c>
      <c r="G20399" s="16">
        <v>0</v>
      </c>
    </row>
    <row r="20400" spans="1:7" x14ac:dyDescent="0.3">
      <c r="A20400" s="13" t="s">
        <v>139</v>
      </c>
      <c r="B20400" s="14" t="s">
        <v>1</v>
      </c>
      <c r="C20400" s="14" t="s">
        <v>23</v>
      </c>
      <c r="D20400" s="14" t="s">
        <v>140</v>
      </c>
      <c r="E20400" s="15">
        <v>45701</v>
      </c>
      <c r="F20400" s="14" t="s">
        <v>15</v>
      </c>
      <c r="G20400" s="16">
        <v>0</v>
      </c>
    </row>
    <row r="20401" spans="1:7" x14ac:dyDescent="0.3">
      <c r="A20401" s="13" t="s">
        <v>139</v>
      </c>
      <c r="B20401" s="14" t="s">
        <v>1</v>
      </c>
      <c r="C20401" s="14" t="s">
        <v>23</v>
      </c>
      <c r="D20401" s="14" t="s">
        <v>140</v>
      </c>
      <c r="E20401" s="15">
        <v>45702</v>
      </c>
      <c r="F20401" s="14" t="s">
        <v>15</v>
      </c>
      <c r="G20401" s="16">
        <v>0</v>
      </c>
    </row>
    <row r="20402" spans="1:7" x14ac:dyDescent="0.3">
      <c r="A20402" s="13" t="s">
        <v>139</v>
      </c>
      <c r="B20402" s="14" t="s">
        <v>1</v>
      </c>
      <c r="C20402" s="14" t="s">
        <v>23</v>
      </c>
      <c r="D20402" s="14" t="s">
        <v>140</v>
      </c>
      <c r="E20402" s="15">
        <v>45703</v>
      </c>
      <c r="F20402" s="14" t="s">
        <v>15</v>
      </c>
      <c r="G20402" s="16">
        <v>0</v>
      </c>
    </row>
    <row r="20403" spans="1:7" x14ac:dyDescent="0.3">
      <c r="A20403" s="13" t="s">
        <v>139</v>
      </c>
      <c r="B20403" s="14" t="s">
        <v>1</v>
      </c>
      <c r="C20403" s="14" t="s">
        <v>23</v>
      </c>
      <c r="D20403" s="14" t="s">
        <v>140</v>
      </c>
      <c r="E20403" s="15">
        <v>45704</v>
      </c>
      <c r="F20403" s="14" t="s">
        <v>15</v>
      </c>
      <c r="G20403" s="16">
        <v>0</v>
      </c>
    </row>
    <row r="20404" spans="1:7" x14ac:dyDescent="0.3">
      <c r="A20404" s="13" t="s">
        <v>139</v>
      </c>
      <c r="B20404" s="14" t="s">
        <v>1</v>
      </c>
      <c r="C20404" s="14" t="s">
        <v>23</v>
      </c>
      <c r="D20404" s="14" t="s">
        <v>140</v>
      </c>
      <c r="E20404" s="15">
        <v>45705</v>
      </c>
      <c r="F20404" s="14" t="s">
        <v>15</v>
      </c>
      <c r="G20404" s="16">
        <v>0</v>
      </c>
    </row>
    <row r="20405" spans="1:7" x14ac:dyDescent="0.3">
      <c r="A20405" s="13" t="s">
        <v>139</v>
      </c>
      <c r="B20405" s="14" t="s">
        <v>1</v>
      </c>
      <c r="C20405" s="14" t="s">
        <v>23</v>
      </c>
      <c r="D20405" s="14" t="s">
        <v>140</v>
      </c>
      <c r="E20405" s="15">
        <v>45706</v>
      </c>
      <c r="F20405" s="14" t="s">
        <v>15</v>
      </c>
      <c r="G20405" s="16">
        <v>0</v>
      </c>
    </row>
    <row r="20406" spans="1:7" x14ac:dyDescent="0.3">
      <c r="A20406" s="13" t="s">
        <v>139</v>
      </c>
      <c r="B20406" s="14" t="s">
        <v>1</v>
      </c>
      <c r="C20406" s="14" t="s">
        <v>23</v>
      </c>
      <c r="D20406" s="14" t="s">
        <v>140</v>
      </c>
      <c r="E20406" s="15">
        <v>45707</v>
      </c>
      <c r="F20406" s="14" t="s">
        <v>15</v>
      </c>
      <c r="G20406" s="16">
        <v>0</v>
      </c>
    </row>
    <row r="20407" spans="1:7" x14ac:dyDescent="0.3">
      <c r="A20407" s="13" t="s">
        <v>139</v>
      </c>
      <c r="B20407" s="14" t="s">
        <v>1</v>
      </c>
      <c r="C20407" s="14" t="s">
        <v>23</v>
      </c>
      <c r="D20407" s="14" t="s">
        <v>140</v>
      </c>
      <c r="E20407" s="15">
        <v>45708</v>
      </c>
      <c r="F20407" s="14" t="s">
        <v>15</v>
      </c>
      <c r="G20407" s="16">
        <v>0</v>
      </c>
    </row>
    <row r="20408" spans="1:7" x14ac:dyDescent="0.3">
      <c r="A20408" s="13" t="s">
        <v>139</v>
      </c>
      <c r="B20408" s="14" t="s">
        <v>1</v>
      </c>
      <c r="C20408" s="14" t="s">
        <v>23</v>
      </c>
      <c r="D20408" s="14" t="s">
        <v>140</v>
      </c>
      <c r="E20408" s="15">
        <v>45709</v>
      </c>
      <c r="F20408" s="14" t="s">
        <v>15</v>
      </c>
      <c r="G20408" s="16">
        <v>0</v>
      </c>
    </row>
    <row r="20409" spans="1:7" x14ac:dyDescent="0.3">
      <c r="A20409" s="13" t="s">
        <v>139</v>
      </c>
      <c r="B20409" s="14" t="s">
        <v>1</v>
      </c>
      <c r="C20409" s="14" t="s">
        <v>23</v>
      </c>
      <c r="D20409" s="14" t="s">
        <v>140</v>
      </c>
      <c r="E20409" s="15">
        <v>45710</v>
      </c>
      <c r="F20409" s="14" t="s">
        <v>15</v>
      </c>
      <c r="G20409" s="16">
        <v>0</v>
      </c>
    </row>
    <row r="20410" spans="1:7" x14ac:dyDescent="0.3">
      <c r="A20410" s="13" t="s">
        <v>139</v>
      </c>
      <c r="B20410" s="14" t="s">
        <v>1</v>
      </c>
      <c r="C20410" s="14" t="s">
        <v>23</v>
      </c>
      <c r="D20410" s="14" t="s">
        <v>140</v>
      </c>
      <c r="E20410" s="15">
        <v>45711</v>
      </c>
      <c r="F20410" s="14" t="s">
        <v>15</v>
      </c>
      <c r="G20410" s="16">
        <v>0</v>
      </c>
    </row>
    <row r="20411" spans="1:7" x14ac:dyDescent="0.3">
      <c r="A20411" s="13" t="s">
        <v>139</v>
      </c>
      <c r="B20411" s="14" t="s">
        <v>1</v>
      </c>
      <c r="C20411" s="14" t="s">
        <v>23</v>
      </c>
      <c r="D20411" s="14" t="s">
        <v>140</v>
      </c>
      <c r="E20411" s="15">
        <v>45712</v>
      </c>
      <c r="F20411" s="14" t="s">
        <v>15</v>
      </c>
      <c r="G20411" s="16">
        <v>0</v>
      </c>
    </row>
    <row r="20412" spans="1:7" x14ac:dyDescent="0.3">
      <c r="A20412" s="13" t="s">
        <v>139</v>
      </c>
      <c r="B20412" s="14" t="s">
        <v>1</v>
      </c>
      <c r="C20412" s="14" t="s">
        <v>23</v>
      </c>
      <c r="D20412" s="14" t="s">
        <v>140</v>
      </c>
      <c r="E20412" s="15">
        <v>45713</v>
      </c>
      <c r="F20412" s="14" t="s">
        <v>15</v>
      </c>
      <c r="G20412" s="16">
        <v>0</v>
      </c>
    </row>
    <row r="20413" spans="1:7" x14ac:dyDescent="0.3">
      <c r="A20413" s="13" t="s">
        <v>139</v>
      </c>
      <c r="B20413" s="14" t="s">
        <v>1</v>
      </c>
      <c r="C20413" s="14" t="s">
        <v>23</v>
      </c>
      <c r="D20413" s="14" t="s">
        <v>140</v>
      </c>
      <c r="E20413" s="15">
        <v>45714</v>
      </c>
      <c r="F20413" s="14" t="s">
        <v>15</v>
      </c>
      <c r="G20413" s="16">
        <v>0</v>
      </c>
    </row>
    <row r="20414" spans="1:7" x14ac:dyDescent="0.3">
      <c r="A20414" s="13" t="s">
        <v>139</v>
      </c>
      <c r="B20414" s="14" t="s">
        <v>1</v>
      </c>
      <c r="C20414" s="14" t="s">
        <v>23</v>
      </c>
      <c r="D20414" s="14" t="s">
        <v>140</v>
      </c>
      <c r="E20414" s="15">
        <v>45715</v>
      </c>
      <c r="F20414" s="14" t="s">
        <v>15</v>
      </c>
      <c r="G20414" s="16">
        <v>0</v>
      </c>
    </row>
    <row r="20415" spans="1:7" x14ac:dyDescent="0.3">
      <c r="A20415" s="13" t="s">
        <v>139</v>
      </c>
      <c r="B20415" s="14" t="s">
        <v>1</v>
      </c>
      <c r="C20415" s="14" t="s">
        <v>23</v>
      </c>
      <c r="D20415" s="14" t="s">
        <v>140</v>
      </c>
      <c r="E20415" s="15">
        <v>45716</v>
      </c>
      <c r="F20415" s="14" t="s">
        <v>15</v>
      </c>
      <c r="G20415" s="16">
        <v>0</v>
      </c>
    </row>
    <row r="20416" spans="1:7" x14ac:dyDescent="0.3">
      <c r="A20416" s="13" t="s">
        <v>139</v>
      </c>
      <c r="B20416" s="14" t="s">
        <v>1</v>
      </c>
      <c r="C20416" s="14" t="s">
        <v>23</v>
      </c>
      <c r="D20416" s="14" t="s">
        <v>140</v>
      </c>
      <c r="E20416" s="15">
        <v>45717</v>
      </c>
      <c r="F20416" s="14" t="s">
        <v>15</v>
      </c>
      <c r="G20416" s="16">
        <v>0</v>
      </c>
    </row>
    <row r="20417" spans="1:7" x14ac:dyDescent="0.3">
      <c r="A20417" s="13" t="s">
        <v>139</v>
      </c>
      <c r="B20417" s="14" t="s">
        <v>1</v>
      </c>
      <c r="C20417" s="14" t="s">
        <v>23</v>
      </c>
      <c r="D20417" s="14" t="s">
        <v>140</v>
      </c>
      <c r="E20417" s="15">
        <v>45718</v>
      </c>
      <c r="F20417" s="14" t="s">
        <v>15</v>
      </c>
      <c r="G20417" s="16">
        <v>0</v>
      </c>
    </row>
    <row r="20418" spans="1:7" x14ac:dyDescent="0.3">
      <c r="A20418" s="13" t="s">
        <v>139</v>
      </c>
      <c r="B20418" s="14" t="s">
        <v>1</v>
      </c>
      <c r="C20418" s="14" t="s">
        <v>23</v>
      </c>
      <c r="D20418" s="14" t="s">
        <v>140</v>
      </c>
      <c r="E20418" s="15">
        <v>45719</v>
      </c>
      <c r="F20418" s="14" t="s">
        <v>15</v>
      </c>
      <c r="G20418" s="16">
        <v>0</v>
      </c>
    </row>
    <row r="20419" spans="1:7" x14ac:dyDescent="0.3">
      <c r="A20419" s="13" t="s">
        <v>139</v>
      </c>
      <c r="B20419" s="14" t="s">
        <v>1</v>
      </c>
      <c r="C20419" s="14" t="s">
        <v>23</v>
      </c>
      <c r="D20419" s="14" t="s">
        <v>140</v>
      </c>
      <c r="E20419" s="15">
        <v>45720</v>
      </c>
      <c r="F20419" s="14" t="s">
        <v>15</v>
      </c>
      <c r="G20419" s="16">
        <v>0</v>
      </c>
    </row>
    <row r="20420" spans="1:7" x14ac:dyDescent="0.3">
      <c r="A20420" s="13" t="s">
        <v>139</v>
      </c>
      <c r="B20420" s="14" t="s">
        <v>1</v>
      </c>
      <c r="C20420" s="14" t="s">
        <v>23</v>
      </c>
      <c r="D20420" s="14" t="s">
        <v>140</v>
      </c>
      <c r="E20420" s="15">
        <v>45721</v>
      </c>
      <c r="F20420" s="14" t="s">
        <v>15</v>
      </c>
      <c r="G20420" s="16">
        <v>0</v>
      </c>
    </row>
    <row r="20421" spans="1:7" x14ac:dyDescent="0.3">
      <c r="A20421" s="13" t="s">
        <v>139</v>
      </c>
      <c r="B20421" s="14" t="s">
        <v>1</v>
      </c>
      <c r="C20421" s="14" t="s">
        <v>23</v>
      </c>
      <c r="D20421" s="14" t="s">
        <v>140</v>
      </c>
      <c r="E20421" s="15">
        <v>45722</v>
      </c>
      <c r="F20421" s="14" t="s">
        <v>15</v>
      </c>
      <c r="G20421" s="16">
        <v>0</v>
      </c>
    </row>
    <row r="20422" spans="1:7" x14ac:dyDescent="0.3">
      <c r="A20422" s="13" t="s">
        <v>139</v>
      </c>
      <c r="B20422" s="14" t="s">
        <v>1</v>
      </c>
      <c r="C20422" s="14" t="s">
        <v>23</v>
      </c>
      <c r="D20422" s="14" t="s">
        <v>140</v>
      </c>
      <c r="E20422" s="15">
        <v>45723</v>
      </c>
      <c r="F20422" s="14" t="s">
        <v>15</v>
      </c>
      <c r="G20422" s="16">
        <v>0</v>
      </c>
    </row>
    <row r="20423" spans="1:7" x14ac:dyDescent="0.3">
      <c r="A20423" s="13" t="s">
        <v>139</v>
      </c>
      <c r="B20423" s="14" t="s">
        <v>1</v>
      </c>
      <c r="C20423" s="14" t="s">
        <v>23</v>
      </c>
      <c r="D20423" s="14" t="s">
        <v>140</v>
      </c>
      <c r="E20423" s="15">
        <v>45724</v>
      </c>
      <c r="F20423" s="14" t="s">
        <v>15</v>
      </c>
      <c r="G20423" s="16">
        <v>0</v>
      </c>
    </row>
    <row r="20424" spans="1:7" x14ac:dyDescent="0.3">
      <c r="A20424" s="13" t="s">
        <v>139</v>
      </c>
      <c r="B20424" s="14" t="s">
        <v>1</v>
      </c>
      <c r="C20424" s="14" t="s">
        <v>23</v>
      </c>
      <c r="D20424" s="14" t="s">
        <v>140</v>
      </c>
      <c r="E20424" s="15">
        <v>45725</v>
      </c>
      <c r="F20424" s="14" t="s">
        <v>15</v>
      </c>
      <c r="G20424" s="16">
        <v>0</v>
      </c>
    </row>
    <row r="20425" spans="1:7" x14ac:dyDescent="0.3">
      <c r="A20425" s="13" t="s">
        <v>139</v>
      </c>
      <c r="B20425" s="14" t="s">
        <v>1</v>
      </c>
      <c r="C20425" s="14" t="s">
        <v>23</v>
      </c>
      <c r="D20425" s="14" t="s">
        <v>140</v>
      </c>
      <c r="E20425" s="15">
        <v>45726</v>
      </c>
      <c r="F20425" s="14" t="s">
        <v>15</v>
      </c>
      <c r="G20425" s="16">
        <v>0</v>
      </c>
    </row>
    <row r="20426" spans="1:7" x14ac:dyDescent="0.3">
      <c r="A20426" s="13" t="s">
        <v>139</v>
      </c>
      <c r="B20426" s="14" t="s">
        <v>1</v>
      </c>
      <c r="C20426" s="14" t="s">
        <v>23</v>
      </c>
      <c r="D20426" s="14" t="s">
        <v>140</v>
      </c>
      <c r="E20426" s="15">
        <v>45727</v>
      </c>
      <c r="F20426" s="14" t="s">
        <v>15</v>
      </c>
      <c r="G20426" s="16">
        <v>0</v>
      </c>
    </row>
    <row r="20427" spans="1:7" x14ac:dyDescent="0.3">
      <c r="A20427" s="13" t="s">
        <v>139</v>
      </c>
      <c r="B20427" s="14" t="s">
        <v>1</v>
      </c>
      <c r="C20427" s="14" t="s">
        <v>23</v>
      </c>
      <c r="D20427" s="14" t="s">
        <v>140</v>
      </c>
      <c r="E20427" s="15">
        <v>45728</v>
      </c>
      <c r="F20427" s="14" t="s">
        <v>15</v>
      </c>
      <c r="G20427" s="16">
        <v>0</v>
      </c>
    </row>
    <row r="20428" spans="1:7" x14ac:dyDescent="0.3">
      <c r="A20428" s="13" t="s">
        <v>139</v>
      </c>
      <c r="B20428" s="14" t="s">
        <v>1</v>
      </c>
      <c r="C20428" s="14" t="s">
        <v>23</v>
      </c>
      <c r="D20428" s="14" t="s">
        <v>140</v>
      </c>
      <c r="E20428" s="15">
        <v>45729</v>
      </c>
      <c r="F20428" s="14" t="s">
        <v>15</v>
      </c>
      <c r="G20428" s="16">
        <v>0</v>
      </c>
    </row>
    <row r="20429" spans="1:7" x14ac:dyDescent="0.3">
      <c r="A20429" s="13" t="s">
        <v>139</v>
      </c>
      <c r="B20429" s="14" t="s">
        <v>1</v>
      </c>
      <c r="C20429" s="14" t="s">
        <v>23</v>
      </c>
      <c r="D20429" s="14" t="s">
        <v>140</v>
      </c>
      <c r="E20429" s="15">
        <v>45730</v>
      </c>
      <c r="F20429" s="14" t="s">
        <v>15</v>
      </c>
      <c r="G20429" s="16">
        <v>0</v>
      </c>
    </row>
    <row r="20430" spans="1:7" x14ac:dyDescent="0.3">
      <c r="A20430" s="13" t="s">
        <v>139</v>
      </c>
      <c r="B20430" s="14" t="s">
        <v>1</v>
      </c>
      <c r="C20430" s="14" t="s">
        <v>23</v>
      </c>
      <c r="D20430" s="14" t="s">
        <v>140</v>
      </c>
      <c r="E20430" s="15">
        <v>45731</v>
      </c>
      <c r="F20430" s="14" t="s">
        <v>15</v>
      </c>
      <c r="G20430" s="16">
        <v>0</v>
      </c>
    </row>
    <row r="20431" spans="1:7" x14ac:dyDescent="0.3">
      <c r="A20431" s="13" t="s">
        <v>139</v>
      </c>
      <c r="B20431" s="14" t="s">
        <v>1</v>
      </c>
      <c r="C20431" s="14" t="s">
        <v>23</v>
      </c>
      <c r="D20431" s="14" t="s">
        <v>140</v>
      </c>
      <c r="E20431" s="15">
        <v>45732</v>
      </c>
      <c r="F20431" s="14" t="s">
        <v>15</v>
      </c>
      <c r="G20431" s="16">
        <v>0</v>
      </c>
    </row>
    <row r="20432" spans="1:7" x14ac:dyDescent="0.3">
      <c r="A20432" s="13" t="s">
        <v>139</v>
      </c>
      <c r="B20432" s="14" t="s">
        <v>1</v>
      </c>
      <c r="C20432" s="14" t="s">
        <v>23</v>
      </c>
      <c r="D20432" s="14" t="s">
        <v>140</v>
      </c>
      <c r="E20432" s="15">
        <v>45733</v>
      </c>
      <c r="F20432" s="14" t="s">
        <v>15</v>
      </c>
      <c r="G20432" s="16">
        <v>0</v>
      </c>
    </row>
    <row r="20433" spans="1:7" x14ac:dyDescent="0.3">
      <c r="A20433" s="13" t="s">
        <v>139</v>
      </c>
      <c r="B20433" s="14" t="s">
        <v>1</v>
      </c>
      <c r="C20433" s="14" t="s">
        <v>23</v>
      </c>
      <c r="D20433" s="14" t="s">
        <v>140</v>
      </c>
      <c r="E20433" s="15">
        <v>45734</v>
      </c>
      <c r="F20433" s="14" t="s">
        <v>15</v>
      </c>
      <c r="G20433" s="16">
        <v>0</v>
      </c>
    </row>
    <row r="20434" spans="1:7" x14ac:dyDescent="0.3">
      <c r="A20434" s="13" t="s">
        <v>139</v>
      </c>
      <c r="B20434" s="14" t="s">
        <v>1</v>
      </c>
      <c r="C20434" s="14" t="s">
        <v>23</v>
      </c>
      <c r="D20434" s="14" t="s">
        <v>140</v>
      </c>
      <c r="E20434" s="15">
        <v>45735</v>
      </c>
      <c r="F20434" s="14" t="s">
        <v>15</v>
      </c>
      <c r="G20434" s="16">
        <v>0</v>
      </c>
    </row>
    <row r="20435" spans="1:7" x14ac:dyDescent="0.3">
      <c r="A20435" s="13" t="s">
        <v>139</v>
      </c>
      <c r="B20435" s="14" t="s">
        <v>1</v>
      </c>
      <c r="C20435" s="14" t="s">
        <v>23</v>
      </c>
      <c r="D20435" s="14" t="s">
        <v>140</v>
      </c>
      <c r="E20435" s="15">
        <v>45736</v>
      </c>
      <c r="F20435" s="14" t="s">
        <v>15</v>
      </c>
      <c r="G20435" s="16">
        <v>0</v>
      </c>
    </row>
    <row r="20436" spans="1:7" x14ac:dyDescent="0.3">
      <c r="A20436" s="13" t="s">
        <v>139</v>
      </c>
      <c r="B20436" s="14" t="s">
        <v>1</v>
      </c>
      <c r="C20436" s="14" t="s">
        <v>23</v>
      </c>
      <c r="D20436" s="14" t="s">
        <v>140</v>
      </c>
      <c r="E20436" s="15">
        <v>45737</v>
      </c>
      <c r="F20436" s="14" t="s">
        <v>15</v>
      </c>
      <c r="G20436" s="16">
        <v>0</v>
      </c>
    </row>
    <row r="20437" spans="1:7" x14ac:dyDescent="0.3">
      <c r="A20437" s="13" t="s">
        <v>139</v>
      </c>
      <c r="B20437" s="14" t="s">
        <v>1</v>
      </c>
      <c r="C20437" s="14" t="s">
        <v>23</v>
      </c>
      <c r="D20437" s="14" t="s">
        <v>140</v>
      </c>
      <c r="E20437" s="15">
        <v>45738</v>
      </c>
      <c r="F20437" s="14" t="s">
        <v>15</v>
      </c>
      <c r="G20437" s="16">
        <v>0</v>
      </c>
    </row>
    <row r="20438" spans="1:7" x14ac:dyDescent="0.3">
      <c r="A20438" s="13" t="s">
        <v>139</v>
      </c>
      <c r="B20438" s="14" t="s">
        <v>1</v>
      </c>
      <c r="C20438" s="14" t="s">
        <v>23</v>
      </c>
      <c r="D20438" s="14" t="s">
        <v>140</v>
      </c>
      <c r="E20438" s="15">
        <v>45739</v>
      </c>
      <c r="F20438" s="14" t="s">
        <v>15</v>
      </c>
      <c r="G20438" s="16">
        <v>0</v>
      </c>
    </row>
    <row r="20439" spans="1:7" x14ac:dyDescent="0.3">
      <c r="A20439" s="13" t="s">
        <v>139</v>
      </c>
      <c r="B20439" s="14" t="s">
        <v>1</v>
      </c>
      <c r="C20439" s="14" t="s">
        <v>23</v>
      </c>
      <c r="D20439" s="14" t="s">
        <v>140</v>
      </c>
      <c r="E20439" s="15">
        <v>45740</v>
      </c>
      <c r="F20439" s="14" t="s">
        <v>15</v>
      </c>
      <c r="G20439" s="16">
        <v>0</v>
      </c>
    </row>
    <row r="20440" spans="1:7" x14ac:dyDescent="0.3">
      <c r="A20440" s="13" t="s">
        <v>139</v>
      </c>
      <c r="B20440" s="14" t="s">
        <v>1</v>
      </c>
      <c r="C20440" s="14" t="s">
        <v>23</v>
      </c>
      <c r="D20440" s="14" t="s">
        <v>140</v>
      </c>
      <c r="E20440" s="15">
        <v>45741</v>
      </c>
      <c r="F20440" s="14" t="s">
        <v>15</v>
      </c>
      <c r="G20440" s="16">
        <v>0</v>
      </c>
    </row>
    <row r="20441" spans="1:7" x14ac:dyDescent="0.3">
      <c r="A20441" s="13" t="s">
        <v>139</v>
      </c>
      <c r="B20441" s="14" t="s">
        <v>1</v>
      </c>
      <c r="C20441" s="14" t="s">
        <v>23</v>
      </c>
      <c r="D20441" s="14" t="s">
        <v>140</v>
      </c>
      <c r="E20441" s="15">
        <v>45742</v>
      </c>
      <c r="F20441" s="14" t="s">
        <v>15</v>
      </c>
      <c r="G20441" s="16">
        <v>0</v>
      </c>
    </row>
    <row r="20442" spans="1:7" x14ac:dyDescent="0.3">
      <c r="A20442" s="13" t="s">
        <v>139</v>
      </c>
      <c r="B20442" s="14" t="s">
        <v>1</v>
      </c>
      <c r="C20442" s="14" t="s">
        <v>23</v>
      </c>
      <c r="D20442" s="14" t="s">
        <v>140</v>
      </c>
      <c r="E20442" s="15">
        <v>45743</v>
      </c>
      <c r="F20442" s="14" t="s">
        <v>15</v>
      </c>
      <c r="G20442" s="16">
        <v>0</v>
      </c>
    </row>
    <row r="20443" spans="1:7" x14ac:dyDescent="0.3">
      <c r="A20443" s="13" t="s">
        <v>139</v>
      </c>
      <c r="B20443" s="14" t="s">
        <v>1</v>
      </c>
      <c r="C20443" s="14" t="s">
        <v>23</v>
      </c>
      <c r="D20443" s="14" t="s">
        <v>140</v>
      </c>
      <c r="E20443" s="15">
        <v>45744</v>
      </c>
      <c r="F20443" s="14" t="s">
        <v>15</v>
      </c>
      <c r="G20443" s="16">
        <v>0</v>
      </c>
    </row>
    <row r="20444" spans="1:7" x14ac:dyDescent="0.3">
      <c r="A20444" s="13" t="s">
        <v>139</v>
      </c>
      <c r="B20444" s="14" t="s">
        <v>1</v>
      </c>
      <c r="C20444" s="14" t="s">
        <v>23</v>
      </c>
      <c r="D20444" s="14" t="s">
        <v>140</v>
      </c>
      <c r="E20444" s="15">
        <v>45745</v>
      </c>
      <c r="F20444" s="14" t="s">
        <v>15</v>
      </c>
      <c r="G20444" s="16">
        <v>0</v>
      </c>
    </row>
    <row r="20445" spans="1:7" x14ac:dyDescent="0.3">
      <c r="A20445" s="13" t="s">
        <v>139</v>
      </c>
      <c r="B20445" s="14" t="s">
        <v>1</v>
      </c>
      <c r="C20445" s="14" t="s">
        <v>23</v>
      </c>
      <c r="D20445" s="14" t="s">
        <v>140</v>
      </c>
      <c r="E20445" s="15">
        <v>45746</v>
      </c>
      <c r="F20445" s="14" t="s">
        <v>15</v>
      </c>
      <c r="G20445" s="16">
        <v>0</v>
      </c>
    </row>
    <row r="20446" spans="1:7" x14ac:dyDescent="0.3">
      <c r="A20446" s="13" t="s">
        <v>139</v>
      </c>
      <c r="B20446" s="14" t="s">
        <v>1</v>
      </c>
      <c r="C20446" s="14" t="s">
        <v>23</v>
      </c>
      <c r="D20446" s="14" t="s">
        <v>140</v>
      </c>
      <c r="E20446" s="15">
        <v>45747</v>
      </c>
      <c r="F20446" s="14" t="s">
        <v>15</v>
      </c>
      <c r="G20446" s="16">
        <v>0</v>
      </c>
    </row>
    <row r="20447" spans="1:7" x14ac:dyDescent="0.3">
      <c r="A20447" s="13" t="s">
        <v>141</v>
      </c>
      <c r="B20447" s="14" t="s">
        <v>1</v>
      </c>
      <c r="C20447" s="14" t="s">
        <v>70</v>
      </c>
      <c r="D20447" s="14" t="s">
        <v>142</v>
      </c>
      <c r="E20447" s="15">
        <v>45383</v>
      </c>
      <c r="F20447" s="14" t="s">
        <v>28</v>
      </c>
      <c r="G20447" s="16">
        <v>0</v>
      </c>
    </row>
    <row r="20448" spans="1:7" x14ac:dyDescent="0.3">
      <c r="A20448" s="13" t="s">
        <v>141</v>
      </c>
      <c r="B20448" s="14" t="s">
        <v>1</v>
      </c>
      <c r="C20448" s="14" t="s">
        <v>70</v>
      </c>
      <c r="D20448" s="14" t="s">
        <v>142</v>
      </c>
      <c r="E20448" s="15">
        <v>45384</v>
      </c>
      <c r="F20448" s="14" t="s">
        <v>28</v>
      </c>
      <c r="G20448" s="16">
        <v>0</v>
      </c>
    </row>
    <row r="20449" spans="1:7" x14ac:dyDescent="0.3">
      <c r="A20449" s="13" t="s">
        <v>141</v>
      </c>
      <c r="B20449" s="14" t="s">
        <v>1</v>
      </c>
      <c r="C20449" s="14" t="s">
        <v>70</v>
      </c>
      <c r="D20449" s="14" t="s">
        <v>142</v>
      </c>
      <c r="E20449" s="15">
        <v>45385</v>
      </c>
      <c r="F20449" s="14" t="s">
        <v>28</v>
      </c>
      <c r="G20449" s="16">
        <v>3.1724405343567769E-2</v>
      </c>
    </row>
    <row r="20450" spans="1:7" x14ac:dyDescent="0.3">
      <c r="A20450" s="13" t="s">
        <v>141</v>
      </c>
      <c r="B20450" s="14" t="s">
        <v>1</v>
      </c>
      <c r="C20450" s="14" t="s">
        <v>70</v>
      </c>
      <c r="D20450" s="14" t="s">
        <v>142</v>
      </c>
      <c r="E20450" s="15">
        <v>45386</v>
      </c>
      <c r="F20450" s="14" t="s">
        <v>28</v>
      </c>
      <c r="G20450" s="16">
        <v>4.0501150511708092E-2</v>
      </c>
    </row>
    <row r="20451" spans="1:7" x14ac:dyDescent="0.3">
      <c r="A20451" s="13" t="s">
        <v>141</v>
      </c>
      <c r="B20451" s="14" t="s">
        <v>1</v>
      </c>
      <c r="C20451" s="14" t="s">
        <v>70</v>
      </c>
      <c r="D20451" s="14" t="s">
        <v>142</v>
      </c>
      <c r="E20451" s="15">
        <v>45387</v>
      </c>
      <c r="F20451" s="14" t="s">
        <v>28</v>
      </c>
      <c r="G20451" s="16">
        <v>5.8214994319861539E-2</v>
      </c>
    </row>
    <row r="20452" spans="1:7" x14ac:dyDescent="0.3">
      <c r="A20452" s="13" t="s">
        <v>141</v>
      </c>
      <c r="B20452" s="14" t="s">
        <v>1</v>
      </c>
      <c r="C20452" s="14" t="s">
        <v>70</v>
      </c>
      <c r="D20452" s="14" t="s">
        <v>142</v>
      </c>
      <c r="E20452" s="15">
        <v>45388</v>
      </c>
      <c r="F20452" s="14" t="s">
        <v>28</v>
      </c>
      <c r="G20452" s="16">
        <v>5.8214994319861539E-2</v>
      </c>
    </row>
    <row r="20453" spans="1:7" x14ac:dyDescent="0.3">
      <c r="A20453" s="13" t="s">
        <v>141</v>
      </c>
      <c r="B20453" s="14" t="s">
        <v>1</v>
      </c>
      <c r="C20453" s="14" t="s">
        <v>70</v>
      </c>
      <c r="D20453" s="14" t="s">
        <v>142</v>
      </c>
      <c r="E20453" s="15">
        <v>45389</v>
      </c>
      <c r="F20453" s="14" t="s">
        <v>28</v>
      </c>
      <c r="G20453" s="16">
        <v>5.8214994319861539E-2</v>
      </c>
    </row>
    <row r="20454" spans="1:7" x14ac:dyDescent="0.3">
      <c r="A20454" s="13" t="s">
        <v>141</v>
      </c>
      <c r="B20454" s="14" t="s">
        <v>1</v>
      </c>
      <c r="C20454" s="14" t="s">
        <v>70</v>
      </c>
      <c r="D20454" s="14" t="s">
        <v>142</v>
      </c>
      <c r="E20454" s="15">
        <v>45390</v>
      </c>
      <c r="F20454" s="14" t="s">
        <v>28</v>
      </c>
      <c r="G20454" s="16">
        <v>7.7952522769414181E-2</v>
      </c>
    </row>
    <row r="20455" spans="1:7" x14ac:dyDescent="0.3">
      <c r="A20455" s="13" t="s">
        <v>141</v>
      </c>
      <c r="B20455" s="14" t="s">
        <v>1</v>
      </c>
      <c r="C20455" s="14" t="s">
        <v>70</v>
      </c>
      <c r="D20455" s="14" t="s">
        <v>142</v>
      </c>
      <c r="E20455" s="15">
        <v>45391</v>
      </c>
      <c r="F20455" s="14" t="s">
        <v>28</v>
      </c>
      <c r="G20455" s="16">
        <v>9.1971620082834396E-2</v>
      </c>
    </row>
    <row r="20456" spans="1:7" x14ac:dyDescent="0.3">
      <c r="A20456" s="13" t="s">
        <v>141</v>
      </c>
      <c r="B20456" s="14" t="s">
        <v>1</v>
      </c>
      <c r="C20456" s="14" t="s">
        <v>70</v>
      </c>
      <c r="D20456" s="14" t="s">
        <v>142</v>
      </c>
      <c r="E20456" s="15">
        <v>45392</v>
      </c>
      <c r="F20456" s="14" t="s">
        <v>28</v>
      </c>
      <c r="G20456" s="16">
        <v>0.11014416389059406</v>
      </c>
    </row>
    <row r="20457" spans="1:7" x14ac:dyDescent="0.3">
      <c r="A20457" s="13" t="s">
        <v>141</v>
      </c>
      <c r="B20457" s="14" t="s">
        <v>1</v>
      </c>
      <c r="C20457" s="14" t="s">
        <v>70</v>
      </c>
      <c r="D20457" s="14" t="s">
        <v>142</v>
      </c>
      <c r="E20457" s="15">
        <v>45393</v>
      </c>
      <c r="F20457" s="14" t="s">
        <v>28</v>
      </c>
      <c r="G20457" s="16">
        <v>0.11361733577263163</v>
      </c>
    </row>
    <row r="20458" spans="1:7" x14ac:dyDescent="0.3">
      <c r="A20458" s="13" t="s">
        <v>141</v>
      </c>
      <c r="B20458" s="14" t="s">
        <v>1</v>
      </c>
      <c r="C20458" s="14" t="s">
        <v>70</v>
      </c>
      <c r="D20458" s="14" t="s">
        <v>142</v>
      </c>
      <c r="E20458" s="15">
        <v>45394</v>
      </c>
      <c r="F20458" s="14" t="s">
        <v>28</v>
      </c>
      <c r="G20458" s="16">
        <v>0.11826681699021276</v>
      </c>
    </row>
    <row r="20459" spans="1:7" x14ac:dyDescent="0.3">
      <c r="A20459" s="13" t="s">
        <v>141</v>
      </c>
      <c r="B20459" s="14" t="s">
        <v>1</v>
      </c>
      <c r="C20459" s="14" t="s">
        <v>70</v>
      </c>
      <c r="D20459" s="14" t="s">
        <v>142</v>
      </c>
      <c r="E20459" s="15">
        <v>45395</v>
      </c>
      <c r="F20459" s="14" t="s">
        <v>28</v>
      </c>
      <c r="G20459" s="16">
        <v>0.11826681699021276</v>
      </c>
    </row>
    <row r="20460" spans="1:7" x14ac:dyDescent="0.3">
      <c r="A20460" s="13" t="s">
        <v>141</v>
      </c>
      <c r="B20460" s="14" t="s">
        <v>1</v>
      </c>
      <c r="C20460" s="14" t="s">
        <v>70</v>
      </c>
      <c r="D20460" s="14" t="s">
        <v>142</v>
      </c>
      <c r="E20460" s="15">
        <v>45396</v>
      </c>
      <c r="F20460" s="14" t="s">
        <v>28</v>
      </c>
      <c r="G20460" s="16">
        <v>0.11826681699021276</v>
      </c>
    </row>
    <row r="20461" spans="1:7" x14ac:dyDescent="0.3">
      <c r="A20461" s="13" t="s">
        <v>141</v>
      </c>
      <c r="B20461" s="14" t="s">
        <v>1</v>
      </c>
      <c r="C20461" s="14" t="s">
        <v>70</v>
      </c>
      <c r="D20461" s="14" t="s">
        <v>142</v>
      </c>
      <c r="E20461" s="15">
        <v>45397</v>
      </c>
      <c r="F20461" s="14" t="s">
        <v>28</v>
      </c>
      <c r="G20461" s="16">
        <v>0.14395749121631071</v>
      </c>
    </row>
    <row r="20462" spans="1:7" x14ac:dyDescent="0.3">
      <c r="A20462" s="13" t="s">
        <v>141</v>
      </c>
      <c r="B20462" s="14" t="s">
        <v>1</v>
      </c>
      <c r="C20462" s="14" t="s">
        <v>70</v>
      </c>
      <c r="D20462" s="14" t="s">
        <v>142</v>
      </c>
      <c r="E20462" s="15">
        <v>45398</v>
      </c>
      <c r="F20462" s="14" t="s">
        <v>28</v>
      </c>
      <c r="G20462" s="16">
        <v>0.15859815510504052</v>
      </c>
    </row>
    <row r="20463" spans="1:7" x14ac:dyDescent="0.3">
      <c r="A20463" s="13" t="s">
        <v>141</v>
      </c>
      <c r="B20463" s="14" t="s">
        <v>1</v>
      </c>
      <c r="C20463" s="14" t="s">
        <v>70</v>
      </c>
      <c r="D20463" s="14" t="s">
        <v>142</v>
      </c>
      <c r="E20463" s="15">
        <v>45399</v>
      </c>
      <c r="F20463" s="14" t="s">
        <v>28</v>
      </c>
      <c r="G20463" s="16">
        <v>0.20073342759077842</v>
      </c>
    </row>
    <row r="20464" spans="1:7" x14ac:dyDescent="0.3">
      <c r="A20464" s="13" t="s">
        <v>141</v>
      </c>
      <c r="B20464" s="14" t="s">
        <v>1</v>
      </c>
      <c r="C20464" s="14" t="s">
        <v>70</v>
      </c>
      <c r="D20464" s="14" t="s">
        <v>142</v>
      </c>
      <c r="E20464" s="15">
        <v>45400</v>
      </c>
      <c r="F20464" s="14" t="s">
        <v>28</v>
      </c>
      <c r="G20464" s="16">
        <v>0.20488852698121215</v>
      </c>
    </row>
    <row r="20465" spans="1:7" x14ac:dyDescent="0.3">
      <c r="A20465" s="13" t="s">
        <v>141</v>
      </c>
      <c r="B20465" s="14" t="s">
        <v>1</v>
      </c>
      <c r="C20465" s="14" t="s">
        <v>70</v>
      </c>
      <c r="D20465" s="14" t="s">
        <v>142</v>
      </c>
      <c r="E20465" s="15">
        <v>45401</v>
      </c>
      <c r="F20465" s="14" t="s">
        <v>28</v>
      </c>
      <c r="G20465" s="16">
        <v>0.21376791204955239</v>
      </c>
    </row>
    <row r="20466" spans="1:7" x14ac:dyDescent="0.3">
      <c r="A20466" s="13" t="s">
        <v>141</v>
      </c>
      <c r="B20466" s="14" t="s">
        <v>1</v>
      </c>
      <c r="C20466" s="14" t="s">
        <v>70</v>
      </c>
      <c r="D20466" s="14" t="s">
        <v>142</v>
      </c>
      <c r="E20466" s="15">
        <v>45402</v>
      </c>
      <c r="F20466" s="14" t="s">
        <v>28</v>
      </c>
      <c r="G20466" s="16">
        <v>0.21376791204955239</v>
      </c>
    </row>
    <row r="20467" spans="1:7" x14ac:dyDescent="0.3">
      <c r="A20467" s="13" t="s">
        <v>141</v>
      </c>
      <c r="B20467" s="14" t="s">
        <v>1</v>
      </c>
      <c r="C20467" s="14" t="s">
        <v>70</v>
      </c>
      <c r="D20467" s="14" t="s">
        <v>142</v>
      </c>
      <c r="E20467" s="15">
        <v>45403</v>
      </c>
      <c r="F20467" s="14" t="s">
        <v>28</v>
      </c>
      <c r="G20467" s="16">
        <v>0.21376791204955239</v>
      </c>
    </row>
    <row r="20468" spans="1:7" x14ac:dyDescent="0.3">
      <c r="A20468" s="13" t="s">
        <v>141</v>
      </c>
      <c r="B20468" s="14" t="s">
        <v>1</v>
      </c>
      <c r="C20468" s="14" t="s">
        <v>70</v>
      </c>
      <c r="D20468" s="14" t="s">
        <v>142</v>
      </c>
      <c r="E20468" s="15">
        <v>45404</v>
      </c>
      <c r="F20468" s="14" t="s">
        <v>28</v>
      </c>
      <c r="G20468" s="16">
        <v>0.22247966048776904</v>
      </c>
    </row>
    <row r="20469" spans="1:7" x14ac:dyDescent="0.3">
      <c r="A20469" s="13" t="s">
        <v>141</v>
      </c>
      <c r="B20469" s="14" t="s">
        <v>1</v>
      </c>
      <c r="C20469" s="14" t="s">
        <v>70</v>
      </c>
      <c r="D20469" s="14" t="s">
        <v>142</v>
      </c>
      <c r="E20469" s="15">
        <v>45405</v>
      </c>
      <c r="F20469" s="14" t="s">
        <v>28</v>
      </c>
      <c r="G20469" s="16">
        <v>0.25317468374733298</v>
      </c>
    </row>
    <row r="20470" spans="1:7" x14ac:dyDescent="0.3">
      <c r="A20470" s="13" t="s">
        <v>141</v>
      </c>
      <c r="B20470" s="14" t="s">
        <v>1</v>
      </c>
      <c r="C20470" s="14" t="s">
        <v>70</v>
      </c>
      <c r="D20470" s="14" t="s">
        <v>142</v>
      </c>
      <c r="E20470" s="15">
        <v>45406</v>
      </c>
      <c r="F20470" s="14" t="s">
        <v>28</v>
      </c>
      <c r="G20470" s="16">
        <v>0.26104423940884347</v>
      </c>
    </row>
    <row r="20471" spans="1:7" x14ac:dyDescent="0.3">
      <c r="A20471" s="13" t="s">
        <v>141</v>
      </c>
      <c r="B20471" s="14" t="s">
        <v>1</v>
      </c>
      <c r="C20471" s="14" t="s">
        <v>70</v>
      </c>
      <c r="D20471" s="14" t="s">
        <v>142</v>
      </c>
      <c r="E20471" s="15">
        <v>45407</v>
      </c>
      <c r="F20471" s="14" t="s">
        <v>28</v>
      </c>
      <c r="G20471" s="16">
        <v>0.30819365977675189</v>
      </c>
    </row>
    <row r="20472" spans="1:7" x14ac:dyDescent="0.3">
      <c r="A20472" s="13" t="s">
        <v>141</v>
      </c>
      <c r="B20472" s="14" t="s">
        <v>1</v>
      </c>
      <c r="C20472" s="14" t="s">
        <v>70</v>
      </c>
      <c r="D20472" s="14" t="s">
        <v>142</v>
      </c>
      <c r="E20472" s="15">
        <v>45408</v>
      </c>
      <c r="F20472" s="14" t="s">
        <v>28</v>
      </c>
      <c r="G20472" s="16">
        <v>0.31390513315373814</v>
      </c>
    </row>
    <row r="20473" spans="1:7" x14ac:dyDescent="0.3">
      <c r="A20473" s="13" t="s">
        <v>141</v>
      </c>
      <c r="B20473" s="14" t="s">
        <v>1</v>
      </c>
      <c r="C20473" s="14" t="s">
        <v>70</v>
      </c>
      <c r="D20473" s="14" t="s">
        <v>142</v>
      </c>
      <c r="E20473" s="15">
        <v>45409</v>
      </c>
      <c r="F20473" s="14" t="s">
        <v>28</v>
      </c>
      <c r="G20473" s="16">
        <v>0.31390513315373814</v>
      </c>
    </row>
    <row r="20474" spans="1:7" x14ac:dyDescent="0.3">
      <c r="A20474" s="13" t="s">
        <v>141</v>
      </c>
      <c r="B20474" s="14" t="s">
        <v>1</v>
      </c>
      <c r="C20474" s="14" t="s">
        <v>70</v>
      </c>
      <c r="D20474" s="14" t="s">
        <v>142</v>
      </c>
      <c r="E20474" s="15">
        <v>45410</v>
      </c>
      <c r="F20474" s="14" t="s">
        <v>28</v>
      </c>
      <c r="G20474" s="16">
        <v>0.31390513315373814</v>
      </c>
    </row>
    <row r="20475" spans="1:7" x14ac:dyDescent="0.3">
      <c r="A20475" s="13" t="s">
        <v>141</v>
      </c>
      <c r="B20475" s="14" t="s">
        <v>1</v>
      </c>
      <c r="C20475" s="14" t="s">
        <v>70</v>
      </c>
      <c r="D20475" s="14" t="s">
        <v>142</v>
      </c>
      <c r="E20475" s="15">
        <v>45411</v>
      </c>
      <c r="F20475" s="14" t="s">
        <v>28</v>
      </c>
      <c r="G20475" s="16">
        <v>0.31712017695103234</v>
      </c>
    </row>
    <row r="20476" spans="1:7" x14ac:dyDescent="0.3">
      <c r="A20476" s="13" t="s">
        <v>141</v>
      </c>
      <c r="B20476" s="14" t="s">
        <v>1</v>
      </c>
      <c r="C20476" s="14" t="s">
        <v>70</v>
      </c>
      <c r="D20476" s="14" t="s">
        <v>142</v>
      </c>
      <c r="E20476" s="15">
        <v>45412</v>
      </c>
      <c r="F20476" s="14" t="s">
        <v>28</v>
      </c>
      <c r="G20476" s="16">
        <v>0.33188972747425083</v>
      </c>
    </row>
    <row r="20477" spans="1:7" x14ac:dyDescent="0.3">
      <c r="A20477" s="13" t="s">
        <v>141</v>
      </c>
      <c r="B20477" s="14" t="s">
        <v>1</v>
      </c>
      <c r="C20477" s="14" t="s">
        <v>70</v>
      </c>
      <c r="D20477" s="14" t="s">
        <v>142</v>
      </c>
      <c r="E20477" s="15">
        <v>45413</v>
      </c>
      <c r="F20477" s="14" t="s">
        <v>28</v>
      </c>
      <c r="G20477" s="16">
        <v>0.33188972747425083</v>
      </c>
    </row>
    <row r="20478" spans="1:7" x14ac:dyDescent="0.3">
      <c r="A20478" s="13" t="s">
        <v>141</v>
      </c>
      <c r="B20478" s="14" t="s">
        <v>1</v>
      </c>
      <c r="C20478" s="14" t="s">
        <v>70</v>
      </c>
      <c r="D20478" s="14" t="s">
        <v>142</v>
      </c>
      <c r="E20478" s="15">
        <v>45414</v>
      </c>
      <c r="F20478" s="14" t="s">
        <v>28</v>
      </c>
      <c r="G20478" s="16">
        <v>0.36967459890788118</v>
      </c>
    </row>
    <row r="20479" spans="1:7" x14ac:dyDescent="0.3">
      <c r="A20479" s="13" t="s">
        <v>141</v>
      </c>
      <c r="B20479" s="14" t="s">
        <v>1</v>
      </c>
      <c r="C20479" s="14" t="s">
        <v>70</v>
      </c>
      <c r="D20479" s="14" t="s">
        <v>142</v>
      </c>
      <c r="E20479" s="15">
        <v>45415</v>
      </c>
      <c r="F20479" s="14" t="s">
        <v>28</v>
      </c>
      <c r="G20479" s="16">
        <v>0.37760311063462082</v>
      </c>
    </row>
    <row r="20480" spans="1:7" x14ac:dyDescent="0.3">
      <c r="A20480" s="13" t="s">
        <v>141</v>
      </c>
      <c r="B20480" s="14" t="s">
        <v>1</v>
      </c>
      <c r="C20480" s="14" t="s">
        <v>70</v>
      </c>
      <c r="D20480" s="14" t="s">
        <v>142</v>
      </c>
      <c r="E20480" s="15">
        <v>45416</v>
      </c>
      <c r="F20480" s="14" t="s">
        <v>28</v>
      </c>
      <c r="G20480" s="16">
        <v>0.37760311063462082</v>
      </c>
    </row>
    <row r="20481" spans="1:7" x14ac:dyDescent="0.3">
      <c r="A20481" s="13" t="s">
        <v>141</v>
      </c>
      <c r="B20481" s="14" t="s">
        <v>1</v>
      </c>
      <c r="C20481" s="14" t="s">
        <v>70</v>
      </c>
      <c r="D20481" s="14" t="s">
        <v>142</v>
      </c>
      <c r="E20481" s="15">
        <v>45417</v>
      </c>
      <c r="F20481" s="14" t="s">
        <v>28</v>
      </c>
      <c r="G20481" s="16">
        <v>0.37760311063462082</v>
      </c>
    </row>
    <row r="20482" spans="1:7" x14ac:dyDescent="0.3">
      <c r="A20482" s="13" t="s">
        <v>141</v>
      </c>
      <c r="B20482" s="14" t="s">
        <v>1</v>
      </c>
      <c r="C20482" s="14" t="s">
        <v>70</v>
      </c>
      <c r="D20482" s="14" t="s">
        <v>142</v>
      </c>
      <c r="E20482" s="15">
        <v>45418</v>
      </c>
      <c r="F20482" s="14" t="s">
        <v>28</v>
      </c>
      <c r="G20482" s="16">
        <v>0.37760311063462082</v>
      </c>
    </row>
    <row r="20483" spans="1:7" x14ac:dyDescent="0.3">
      <c r="A20483" s="13" t="s">
        <v>141</v>
      </c>
      <c r="B20483" s="14" t="s">
        <v>1</v>
      </c>
      <c r="C20483" s="14" t="s">
        <v>70</v>
      </c>
      <c r="D20483" s="14" t="s">
        <v>142</v>
      </c>
      <c r="E20483" s="15">
        <v>45419</v>
      </c>
      <c r="F20483" s="14" t="s">
        <v>28</v>
      </c>
      <c r="G20483" s="16">
        <v>0.40585984889019455</v>
      </c>
    </row>
    <row r="20484" spans="1:7" x14ac:dyDescent="0.3">
      <c r="A20484" s="13" t="s">
        <v>141</v>
      </c>
      <c r="B20484" s="14" t="s">
        <v>1</v>
      </c>
      <c r="C20484" s="14" t="s">
        <v>70</v>
      </c>
      <c r="D20484" s="14" t="s">
        <v>142</v>
      </c>
      <c r="E20484" s="15">
        <v>45420</v>
      </c>
      <c r="F20484" s="14" t="s">
        <v>28</v>
      </c>
      <c r="G20484" s="16">
        <v>0.42810428991588667</v>
      </c>
    </row>
    <row r="20485" spans="1:7" x14ac:dyDescent="0.3">
      <c r="A20485" s="13" t="s">
        <v>141</v>
      </c>
      <c r="B20485" s="14" t="s">
        <v>1</v>
      </c>
      <c r="C20485" s="14" t="s">
        <v>70</v>
      </c>
      <c r="D20485" s="14" t="s">
        <v>142</v>
      </c>
      <c r="E20485" s="15">
        <v>45421</v>
      </c>
      <c r="F20485" s="14" t="s">
        <v>28</v>
      </c>
      <c r="G20485" s="16">
        <v>0.42810428991588667</v>
      </c>
    </row>
    <row r="20486" spans="1:7" x14ac:dyDescent="0.3">
      <c r="A20486" s="13" t="s">
        <v>141</v>
      </c>
      <c r="B20486" s="14" t="s">
        <v>1</v>
      </c>
      <c r="C20486" s="14" t="s">
        <v>70</v>
      </c>
      <c r="D20486" s="14" t="s">
        <v>142</v>
      </c>
      <c r="E20486" s="15">
        <v>45422</v>
      </c>
      <c r="F20486" s="14" t="s">
        <v>28</v>
      </c>
      <c r="G20486" s="16">
        <v>0.43156652032259879</v>
      </c>
    </row>
    <row r="20487" spans="1:7" x14ac:dyDescent="0.3">
      <c r="A20487" s="13" t="s">
        <v>141</v>
      </c>
      <c r="B20487" s="14" t="s">
        <v>1</v>
      </c>
      <c r="C20487" s="14" t="s">
        <v>70</v>
      </c>
      <c r="D20487" s="14" t="s">
        <v>142</v>
      </c>
      <c r="E20487" s="15">
        <v>45423</v>
      </c>
      <c r="F20487" s="14" t="s">
        <v>28</v>
      </c>
      <c r="G20487" s="16">
        <v>0.43156652032259879</v>
      </c>
    </row>
    <row r="20488" spans="1:7" x14ac:dyDescent="0.3">
      <c r="A20488" s="13" t="s">
        <v>141</v>
      </c>
      <c r="B20488" s="14" t="s">
        <v>1</v>
      </c>
      <c r="C20488" s="14" t="s">
        <v>70</v>
      </c>
      <c r="D20488" s="14" t="s">
        <v>142</v>
      </c>
      <c r="E20488" s="15">
        <v>45424</v>
      </c>
      <c r="F20488" s="14" t="s">
        <v>28</v>
      </c>
      <c r="G20488" s="16">
        <v>0.43156652032259879</v>
      </c>
    </row>
    <row r="20489" spans="1:7" x14ac:dyDescent="0.3">
      <c r="A20489" s="13" t="s">
        <v>141</v>
      </c>
      <c r="B20489" s="14" t="s">
        <v>1</v>
      </c>
      <c r="C20489" s="14" t="s">
        <v>70</v>
      </c>
      <c r="D20489" s="14" t="s">
        <v>142</v>
      </c>
      <c r="E20489" s="15">
        <v>45425</v>
      </c>
      <c r="F20489" s="14" t="s">
        <v>28</v>
      </c>
      <c r="G20489" s="16">
        <v>0.54465059588822318</v>
      </c>
    </row>
    <row r="20490" spans="1:7" x14ac:dyDescent="0.3">
      <c r="A20490" s="13" t="s">
        <v>141</v>
      </c>
      <c r="B20490" s="14" t="s">
        <v>1</v>
      </c>
      <c r="C20490" s="14" t="s">
        <v>70</v>
      </c>
      <c r="D20490" s="14" t="s">
        <v>142</v>
      </c>
      <c r="E20490" s="15">
        <v>45426</v>
      </c>
      <c r="F20490" s="14" t="s">
        <v>28</v>
      </c>
      <c r="G20490" s="16">
        <v>0.58023914164767487</v>
      </c>
    </row>
    <row r="20491" spans="1:7" x14ac:dyDescent="0.3">
      <c r="A20491" s="13" t="s">
        <v>141</v>
      </c>
      <c r="B20491" s="14" t="s">
        <v>1</v>
      </c>
      <c r="C20491" s="14" t="s">
        <v>70</v>
      </c>
      <c r="D20491" s="14" t="s">
        <v>142</v>
      </c>
      <c r="E20491" s="15">
        <v>45427</v>
      </c>
      <c r="F20491" s="14" t="s">
        <v>28</v>
      </c>
      <c r="G20491" s="16">
        <v>0.58731596456264201</v>
      </c>
    </row>
    <row r="20492" spans="1:7" x14ac:dyDescent="0.3">
      <c r="A20492" s="13" t="s">
        <v>141</v>
      </c>
      <c r="B20492" s="14" t="s">
        <v>1</v>
      </c>
      <c r="C20492" s="14" t="s">
        <v>70</v>
      </c>
      <c r="D20492" s="14" t="s">
        <v>142</v>
      </c>
      <c r="E20492" s="15">
        <v>45428</v>
      </c>
      <c r="F20492" s="14" t="s">
        <v>28</v>
      </c>
      <c r="G20492" s="16">
        <v>0.59338100021663198</v>
      </c>
    </row>
    <row r="20493" spans="1:7" x14ac:dyDescent="0.3">
      <c r="A20493" s="13" t="s">
        <v>141</v>
      </c>
      <c r="B20493" s="14" t="s">
        <v>1</v>
      </c>
      <c r="C20493" s="14" t="s">
        <v>70</v>
      </c>
      <c r="D20493" s="14" t="s">
        <v>142</v>
      </c>
      <c r="E20493" s="15">
        <v>45429</v>
      </c>
      <c r="F20493" s="14" t="s">
        <v>28</v>
      </c>
      <c r="G20493" s="16">
        <v>0.68233096685814143</v>
      </c>
    </row>
    <row r="20494" spans="1:7" x14ac:dyDescent="0.3">
      <c r="A20494" s="13" t="s">
        <v>141</v>
      </c>
      <c r="B20494" s="14" t="s">
        <v>1</v>
      </c>
      <c r="C20494" s="14" t="s">
        <v>70</v>
      </c>
      <c r="D20494" s="14" t="s">
        <v>142</v>
      </c>
      <c r="E20494" s="15">
        <v>45430</v>
      </c>
      <c r="F20494" s="14" t="s">
        <v>28</v>
      </c>
      <c r="G20494" s="16">
        <v>0.68233096685814143</v>
      </c>
    </row>
    <row r="20495" spans="1:7" x14ac:dyDescent="0.3">
      <c r="A20495" s="13" t="s">
        <v>141</v>
      </c>
      <c r="B20495" s="14" t="s">
        <v>1</v>
      </c>
      <c r="C20495" s="14" t="s">
        <v>70</v>
      </c>
      <c r="D20495" s="14" t="s">
        <v>142</v>
      </c>
      <c r="E20495" s="15">
        <v>45431</v>
      </c>
      <c r="F20495" s="14" t="s">
        <v>28</v>
      </c>
      <c r="G20495" s="16">
        <v>0.68233096685814143</v>
      </c>
    </row>
    <row r="20496" spans="1:7" x14ac:dyDescent="0.3">
      <c r="A20496" s="13" t="s">
        <v>141</v>
      </c>
      <c r="B20496" s="14" t="s">
        <v>1</v>
      </c>
      <c r="C20496" s="14" t="s">
        <v>70</v>
      </c>
      <c r="D20496" s="14" t="s">
        <v>142</v>
      </c>
      <c r="E20496" s="15">
        <v>45432</v>
      </c>
      <c r="F20496" s="14" t="s">
        <v>28</v>
      </c>
      <c r="G20496" s="16">
        <v>0.68233096685814143</v>
      </c>
    </row>
    <row r="20497" spans="1:7" x14ac:dyDescent="0.3">
      <c r="A20497" s="13" t="s">
        <v>141</v>
      </c>
      <c r="B20497" s="14" t="s">
        <v>1</v>
      </c>
      <c r="C20497" s="14" t="s">
        <v>70</v>
      </c>
      <c r="D20497" s="14" t="s">
        <v>142</v>
      </c>
      <c r="E20497" s="15">
        <v>45433</v>
      </c>
      <c r="F20497" s="14" t="s">
        <v>28</v>
      </c>
      <c r="G20497" s="16">
        <v>0.68674436846774689</v>
      </c>
    </row>
    <row r="20498" spans="1:7" x14ac:dyDescent="0.3">
      <c r="A20498" s="13" t="s">
        <v>141</v>
      </c>
      <c r="B20498" s="14" t="s">
        <v>1</v>
      </c>
      <c r="C20498" s="14" t="s">
        <v>70</v>
      </c>
      <c r="D20498" s="14" t="s">
        <v>142</v>
      </c>
      <c r="E20498" s="15">
        <v>45434</v>
      </c>
      <c r="F20498" s="14" t="s">
        <v>28</v>
      </c>
      <c r="G20498" s="16">
        <v>0.72383099721750588</v>
      </c>
    </row>
    <row r="20499" spans="1:7" x14ac:dyDescent="0.3">
      <c r="A20499" s="13" t="s">
        <v>141</v>
      </c>
      <c r="B20499" s="14" t="s">
        <v>1</v>
      </c>
      <c r="C20499" s="14" t="s">
        <v>70</v>
      </c>
      <c r="D20499" s="14" t="s">
        <v>142</v>
      </c>
      <c r="E20499" s="15">
        <v>45435</v>
      </c>
      <c r="F20499" s="14" t="s">
        <v>28</v>
      </c>
      <c r="G20499" s="16">
        <v>0.72891626144647159</v>
      </c>
    </row>
    <row r="20500" spans="1:7" x14ac:dyDescent="0.3">
      <c r="A20500" s="13" t="s">
        <v>141</v>
      </c>
      <c r="B20500" s="14" t="s">
        <v>1</v>
      </c>
      <c r="C20500" s="14" t="s">
        <v>70</v>
      </c>
      <c r="D20500" s="14" t="s">
        <v>142</v>
      </c>
      <c r="E20500" s="15">
        <v>45436</v>
      </c>
      <c r="F20500" s="14" t="s">
        <v>28</v>
      </c>
      <c r="G20500" s="16">
        <v>0.73174068058253783</v>
      </c>
    </row>
    <row r="20501" spans="1:7" x14ac:dyDescent="0.3">
      <c r="A20501" s="13" t="s">
        <v>141</v>
      </c>
      <c r="B20501" s="14" t="s">
        <v>1</v>
      </c>
      <c r="C20501" s="14" t="s">
        <v>70</v>
      </c>
      <c r="D20501" s="14" t="s">
        <v>142</v>
      </c>
      <c r="E20501" s="15">
        <v>45437</v>
      </c>
      <c r="F20501" s="14" t="s">
        <v>28</v>
      </c>
      <c r="G20501" s="16">
        <v>0.73174068058253783</v>
      </c>
    </row>
    <row r="20502" spans="1:7" x14ac:dyDescent="0.3">
      <c r="A20502" s="13" t="s">
        <v>141</v>
      </c>
      <c r="B20502" s="14" t="s">
        <v>1</v>
      </c>
      <c r="C20502" s="14" t="s">
        <v>70</v>
      </c>
      <c r="D20502" s="14" t="s">
        <v>142</v>
      </c>
      <c r="E20502" s="15">
        <v>45438</v>
      </c>
      <c r="F20502" s="14" t="s">
        <v>28</v>
      </c>
      <c r="G20502" s="16">
        <v>0.73174068058253783</v>
      </c>
    </row>
    <row r="20503" spans="1:7" x14ac:dyDescent="0.3">
      <c r="A20503" s="13" t="s">
        <v>141</v>
      </c>
      <c r="B20503" s="14" t="s">
        <v>1</v>
      </c>
      <c r="C20503" s="14" t="s">
        <v>70</v>
      </c>
      <c r="D20503" s="14" t="s">
        <v>142</v>
      </c>
      <c r="E20503" s="15">
        <v>45439</v>
      </c>
      <c r="F20503" s="14" t="s">
        <v>28</v>
      </c>
      <c r="G20503" s="16">
        <v>0.72737800086353521</v>
      </c>
    </row>
    <row r="20504" spans="1:7" x14ac:dyDescent="0.3">
      <c r="A20504" s="13" t="s">
        <v>141</v>
      </c>
      <c r="B20504" s="14" t="s">
        <v>1</v>
      </c>
      <c r="C20504" s="14" t="s">
        <v>70</v>
      </c>
      <c r="D20504" s="14" t="s">
        <v>142</v>
      </c>
      <c r="E20504" s="15">
        <v>45440</v>
      </c>
      <c r="F20504" s="14" t="s">
        <v>28</v>
      </c>
      <c r="G20504" s="16">
        <v>0.73859921661513861</v>
      </c>
    </row>
    <row r="20505" spans="1:7" x14ac:dyDescent="0.3">
      <c r="A20505" s="13" t="s">
        <v>141</v>
      </c>
      <c r="B20505" s="14" t="s">
        <v>1</v>
      </c>
      <c r="C20505" s="14" t="s">
        <v>70</v>
      </c>
      <c r="D20505" s="14" t="s">
        <v>142</v>
      </c>
      <c r="E20505" s="15">
        <v>45441</v>
      </c>
      <c r="F20505" s="14" t="s">
        <v>28</v>
      </c>
      <c r="G20505" s="16">
        <v>0.74578460798407065</v>
      </c>
    </row>
    <row r="20506" spans="1:7" x14ac:dyDescent="0.3">
      <c r="A20506" s="13" t="s">
        <v>141</v>
      </c>
      <c r="B20506" s="14" t="s">
        <v>1</v>
      </c>
      <c r="C20506" s="14" t="s">
        <v>70</v>
      </c>
      <c r="D20506" s="14" t="s">
        <v>142</v>
      </c>
      <c r="E20506" s="15">
        <v>45442</v>
      </c>
      <c r="F20506" s="14" t="s">
        <v>28</v>
      </c>
      <c r="G20506" s="16">
        <v>0.74565336884477462</v>
      </c>
    </row>
    <row r="20507" spans="1:7" x14ac:dyDescent="0.3">
      <c r="A20507" s="13" t="s">
        <v>141</v>
      </c>
      <c r="B20507" s="14" t="s">
        <v>1</v>
      </c>
      <c r="C20507" s="14" t="s">
        <v>70</v>
      </c>
      <c r="D20507" s="14" t="s">
        <v>142</v>
      </c>
      <c r="E20507" s="15">
        <v>45443</v>
      </c>
      <c r="F20507" s="14" t="s">
        <v>28</v>
      </c>
      <c r="G20507" s="16">
        <v>0.7539445145078878</v>
      </c>
    </row>
    <row r="20508" spans="1:7" x14ac:dyDescent="0.3">
      <c r="A20508" s="13" t="s">
        <v>141</v>
      </c>
      <c r="B20508" s="14" t="s">
        <v>1</v>
      </c>
      <c r="C20508" s="14" t="s">
        <v>70</v>
      </c>
      <c r="D20508" s="14" t="s">
        <v>142</v>
      </c>
      <c r="E20508" s="15">
        <v>45444</v>
      </c>
      <c r="F20508" s="14" t="s">
        <v>28</v>
      </c>
      <c r="G20508" s="16">
        <v>0.7539445145078878</v>
      </c>
    </row>
    <row r="20509" spans="1:7" x14ac:dyDescent="0.3">
      <c r="A20509" s="13" t="s">
        <v>141</v>
      </c>
      <c r="B20509" s="14" t="s">
        <v>1</v>
      </c>
      <c r="C20509" s="14" t="s">
        <v>70</v>
      </c>
      <c r="D20509" s="14" t="s">
        <v>142</v>
      </c>
      <c r="E20509" s="15">
        <v>45445</v>
      </c>
      <c r="F20509" s="14" t="s">
        <v>28</v>
      </c>
      <c r="G20509" s="16">
        <v>0.7539445145078878</v>
      </c>
    </row>
    <row r="20510" spans="1:7" x14ac:dyDescent="0.3">
      <c r="A20510" s="13" t="s">
        <v>141</v>
      </c>
      <c r="B20510" s="14" t="s">
        <v>1</v>
      </c>
      <c r="C20510" s="14" t="s">
        <v>70</v>
      </c>
      <c r="D20510" s="14" t="s">
        <v>142</v>
      </c>
      <c r="E20510" s="15">
        <v>45446</v>
      </c>
      <c r="F20510" s="14" t="s">
        <v>28</v>
      </c>
      <c r="G20510" s="16">
        <v>0.7539445145078878</v>
      </c>
    </row>
    <row r="20511" spans="1:7" x14ac:dyDescent="0.3">
      <c r="A20511" s="13" t="s">
        <v>141</v>
      </c>
      <c r="B20511" s="14" t="s">
        <v>1</v>
      </c>
      <c r="C20511" s="14" t="s">
        <v>70</v>
      </c>
      <c r="D20511" s="14" t="s">
        <v>142</v>
      </c>
      <c r="E20511" s="15">
        <v>45447</v>
      </c>
      <c r="F20511" s="14" t="s">
        <v>28</v>
      </c>
      <c r="G20511" s="16">
        <v>0.76699937263256157</v>
      </c>
    </row>
    <row r="20512" spans="1:7" x14ac:dyDescent="0.3">
      <c r="A20512" s="13" t="s">
        <v>141</v>
      </c>
      <c r="B20512" s="14" t="s">
        <v>1</v>
      </c>
      <c r="C20512" s="14" t="s">
        <v>70</v>
      </c>
      <c r="D20512" s="14" t="s">
        <v>142</v>
      </c>
      <c r="E20512" s="15">
        <v>45448</v>
      </c>
      <c r="F20512" s="14" t="s">
        <v>28</v>
      </c>
      <c r="G20512" s="16">
        <v>0.80278913186636724</v>
      </c>
    </row>
    <row r="20513" spans="1:7" x14ac:dyDescent="0.3">
      <c r="A20513" s="13" t="s">
        <v>141</v>
      </c>
      <c r="B20513" s="14" t="s">
        <v>1</v>
      </c>
      <c r="C20513" s="14" t="s">
        <v>70</v>
      </c>
      <c r="D20513" s="14" t="s">
        <v>142</v>
      </c>
      <c r="E20513" s="15">
        <v>45449</v>
      </c>
      <c r="F20513" s="14" t="s">
        <v>28</v>
      </c>
      <c r="G20513" s="16">
        <v>0.80497107341305607</v>
      </c>
    </row>
    <row r="20514" spans="1:7" x14ac:dyDescent="0.3">
      <c r="A20514" s="13" t="s">
        <v>141</v>
      </c>
      <c r="B20514" s="14" t="s">
        <v>1</v>
      </c>
      <c r="C20514" s="14" t="s">
        <v>70</v>
      </c>
      <c r="D20514" s="14" t="s">
        <v>142</v>
      </c>
      <c r="E20514" s="15">
        <v>45450</v>
      </c>
      <c r="F20514" s="14" t="s">
        <v>28</v>
      </c>
      <c r="G20514" s="16">
        <v>0.81225907692295118</v>
      </c>
    </row>
    <row r="20515" spans="1:7" x14ac:dyDescent="0.3">
      <c r="A20515" s="13" t="s">
        <v>141</v>
      </c>
      <c r="B20515" s="14" t="s">
        <v>1</v>
      </c>
      <c r="C20515" s="14" t="s">
        <v>70</v>
      </c>
      <c r="D20515" s="14" t="s">
        <v>142</v>
      </c>
      <c r="E20515" s="15">
        <v>45451</v>
      </c>
      <c r="F20515" s="14" t="s">
        <v>28</v>
      </c>
      <c r="G20515" s="16">
        <v>0.81225907692295118</v>
      </c>
    </row>
    <row r="20516" spans="1:7" x14ac:dyDescent="0.3">
      <c r="A20516" s="13" t="s">
        <v>141</v>
      </c>
      <c r="B20516" s="14" t="s">
        <v>1</v>
      </c>
      <c r="C20516" s="14" t="s">
        <v>70</v>
      </c>
      <c r="D20516" s="14" t="s">
        <v>142</v>
      </c>
      <c r="E20516" s="15">
        <v>45452</v>
      </c>
      <c r="F20516" s="14" t="s">
        <v>28</v>
      </c>
      <c r="G20516" s="16">
        <v>0.81225907692295118</v>
      </c>
    </row>
    <row r="20517" spans="1:7" x14ac:dyDescent="0.3">
      <c r="A20517" s="13" t="s">
        <v>141</v>
      </c>
      <c r="B20517" s="14" t="s">
        <v>1</v>
      </c>
      <c r="C20517" s="14" t="s">
        <v>70</v>
      </c>
      <c r="D20517" s="14" t="s">
        <v>142</v>
      </c>
      <c r="E20517" s="15">
        <v>45453</v>
      </c>
      <c r="F20517" s="14" t="s">
        <v>28</v>
      </c>
      <c r="G20517" s="16">
        <v>0.82573981575880007</v>
      </c>
    </row>
    <row r="20518" spans="1:7" x14ac:dyDescent="0.3">
      <c r="A20518" s="13" t="s">
        <v>141</v>
      </c>
      <c r="B20518" s="14" t="s">
        <v>1</v>
      </c>
      <c r="C20518" s="14" t="s">
        <v>70</v>
      </c>
      <c r="D20518" s="14" t="s">
        <v>142</v>
      </c>
      <c r="E20518" s="15">
        <v>45454</v>
      </c>
      <c r="F20518" s="14" t="s">
        <v>28</v>
      </c>
      <c r="G20518" s="16">
        <v>0.83872048225795892</v>
      </c>
    </row>
    <row r="20519" spans="1:7" x14ac:dyDescent="0.3">
      <c r="A20519" s="13" t="s">
        <v>141</v>
      </c>
      <c r="B20519" s="14" t="s">
        <v>1</v>
      </c>
      <c r="C20519" s="14" t="s">
        <v>70</v>
      </c>
      <c r="D20519" s="14" t="s">
        <v>142</v>
      </c>
      <c r="E20519" s="15">
        <v>45455</v>
      </c>
      <c r="F20519" s="14" t="s">
        <v>28</v>
      </c>
      <c r="G20519" s="16">
        <v>0.84699209368268791</v>
      </c>
    </row>
    <row r="20520" spans="1:7" x14ac:dyDescent="0.3">
      <c r="A20520" s="13" t="s">
        <v>141</v>
      </c>
      <c r="B20520" s="14" t="s">
        <v>1</v>
      </c>
      <c r="C20520" s="14" t="s">
        <v>70</v>
      </c>
      <c r="D20520" s="14" t="s">
        <v>142</v>
      </c>
      <c r="E20520" s="15">
        <v>45456</v>
      </c>
      <c r="F20520" s="14" t="s">
        <v>28</v>
      </c>
      <c r="G20520" s="16">
        <v>0.85739972043607648</v>
      </c>
    </row>
    <row r="20521" spans="1:7" x14ac:dyDescent="0.3">
      <c r="A20521" s="13" t="s">
        <v>141</v>
      </c>
      <c r="B20521" s="14" t="s">
        <v>1</v>
      </c>
      <c r="C20521" s="14" t="s">
        <v>70</v>
      </c>
      <c r="D20521" s="14" t="s">
        <v>142</v>
      </c>
      <c r="E20521" s="15">
        <v>45457</v>
      </c>
      <c r="F20521" s="14" t="s">
        <v>28</v>
      </c>
      <c r="G20521" s="16">
        <v>0.86784439936671143</v>
      </c>
    </row>
    <row r="20522" spans="1:7" x14ac:dyDescent="0.3">
      <c r="A20522" s="13" t="s">
        <v>141</v>
      </c>
      <c r="B20522" s="14" t="s">
        <v>1</v>
      </c>
      <c r="C20522" s="14" t="s">
        <v>70</v>
      </c>
      <c r="D20522" s="14" t="s">
        <v>142</v>
      </c>
      <c r="E20522" s="15">
        <v>45458</v>
      </c>
      <c r="F20522" s="14" t="s">
        <v>28</v>
      </c>
      <c r="G20522" s="16">
        <v>0.86784439936671143</v>
      </c>
    </row>
    <row r="20523" spans="1:7" x14ac:dyDescent="0.3">
      <c r="A20523" s="13" t="s">
        <v>141</v>
      </c>
      <c r="B20523" s="14" t="s">
        <v>1</v>
      </c>
      <c r="C20523" s="14" t="s">
        <v>70</v>
      </c>
      <c r="D20523" s="14" t="s">
        <v>142</v>
      </c>
      <c r="E20523" s="15">
        <v>45459</v>
      </c>
      <c r="F20523" s="14" t="s">
        <v>28</v>
      </c>
      <c r="G20523" s="16">
        <v>0.86784439936671143</v>
      </c>
    </row>
    <row r="20524" spans="1:7" x14ac:dyDescent="0.3">
      <c r="A20524" s="13" t="s">
        <v>141</v>
      </c>
      <c r="B20524" s="14" t="s">
        <v>1</v>
      </c>
      <c r="C20524" s="14" t="s">
        <v>70</v>
      </c>
      <c r="D20524" s="14" t="s">
        <v>142</v>
      </c>
      <c r="E20524" s="15">
        <v>45460</v>
      </c>
      <c r="F20524" s="14" t="s">
        <v>28</v>
      </c>
      <c r="G20524" s="16">
        <v>0.88794714854899814</v>
      </c>
    </row>
    <row r="20525" spans="1:7" x14ac:dyDescent="0.3">
      <c r="A20525" s="13" t="s">
        <v>141</v>
      </c>
      <c r="B20525" s="14" t="s">
        <v>1</v>
      </c>
      <c r="C20525" s="14" t="s">
        <v>70</v>
      </c>
      <c r="D20525" s="14" t="s">
        <v>142</v>
      </c>
      <c r="E20525" s="15">
        <v>45461</v>
      </c>
      <c r="F20525" s="14" t="s">
        <v>28</v>
      </c>
      <c r="G20525" s="16">
        <v>0.89759848712956725</v>
      </c>
    </row>
    <row r="20526" spans="1:7" x14ac:dyDescent="0.3">
      <c r="A20526" s="13" t="s">
        <v>141</v>
      </c>
      <c r="B20526" s="14" t="s">
        <v>1</v>
      </c>
      <c r="C20526" s="14" t="s">
        <v>70</v>
      </c>
      <c r="D20526" s="14" t="s">
        <v>142</v>
      </c>
      <c r="E20526" s="15">
        <v>45462</v>
      </c>
      <c r="F20526" s="14" t="s">
        <v>28</v>
      </c>
      <c r="G20526" s="16">
        <v>0.90210164624958256</v>
      </c>
    </row>
    <row r="20527" spans="1:7" x14ac:dyDescent="0.3">
      <c r="A20527" s="13" t="s">
        <v>141</v>
      </c>
      <c r="B20527" s="14" t="s">
        <v>1</v>
      </c>
      <c r="C20527" s="14" t="s">
        <v>70</v>
      </c>
      <c r="D20527" s="14" t="s">
        <v>142</v>
      </c>
      <c r="E20527" s="15">
        <v>45463</v>
      </c>
      <c r="F20527" s="14" t="s">
        <v>28</v>
      </c>
      <c r="G20527" s="16">
        <v>0.91543490136961936</v>
      </c>
    </row>
    <row r="20528" spans="1:7" x14ac:dyDescent="0.3">
      <c r="A20528" s="13" t="s">
        <v>141</v>
      </c>
      <c r="B20528" s="14" t="s">
        <v>1</v>
      </c>
      <c r="C20528" s="14" t="s">
        <v>70</v>
      </c>
      <c r="D20528" s="14" t="s">
        <v>142</v>
      </c>
      <c r="E20528" s="15">
        <v>45464</v>
      </c>
      <c r="F20528" s="14" t="s">
        <v>28</v>
      </c>
      <c r="G20528" s="16">
        <v>0.91936393435991115</v>
      </c>
    </row>
    <row r="20529" spans="1:7" x14ac:dyDescent="0.3">
      <c r="A20529" s="13" t="s">
        <v>141</v>
      </c>
      <c r="B20529" s="14" t="s">
        <v>1</v>
      </c>
      <c r="C20529" s="14" t="s">
        <v>70</v>
      </c>
      <c r="D20529" s="14" t="s">
        <v>142</v>
      </c>
      <c r="E20529" s="15">
        <v>45465</v>
      </c>
      <c r="F20529" s="14" t="s">
        <v>28</v>
      </c>
      <c r="G20529" s="16">
        <v>0.91936393435991115</v>
      </c>
    </row>
    <row r="20530" spans="1:7" x14ac:dyDescent="0.3">
      <c r="A20530" s="13" t="s">
        <v>141</v>
      </c>
      <c r="B20530" s="14" t="s">
        <v>1</v>
      </c>
      <c r="C20530" s="14" t="s">
        <v>70</v>
      </c>
      <c r="D20530" s="14" t="s">
        <v>142</v>
      </c>
      <c r="E20530" s="15">
        <v>45466</v>
      </c>
      <c r="F20530" s="14" t="s">
        <v>28</v>
      </c>
      <c r="G20530" s="16">
        <v>0.91936393435991115</v>
      </c>
    </row>
    <row r="20531" spans="1:7" x14ac:dyDescent="0.3">
      <c r="A20531" s="13" t="s">
        <v>141</v>
      </c>
      <c r="B20531" s="14" t="s">
        <v>1</v>
      </c>
      <c r="C20531" s="14" t="s">
        <v>70</v>
      </c>
      <c r="D20531" s="14" t="s">
        <v>142</v>
      </c>
      <c r="E20531" s="15">
        <v>45467</v>
      </c>
      <c r="F20531" s="14" t="s">
        <v>28</v>
      </c>
      <c r="G20531" s="16">
        <v>0.92200197098097603</v>
      </c>
    </row>
    <row r="20532" spans="1:7" x14ac:dyDescent="0.3">
      <c r="A20532" s="13" t="s">
        <v>141</v>
      </c>
      <c r="B20532" s="14" t="s">
        <v>1</v>
      </c>
      <c r="C20532" s="14" t="s">
        <v>70</v>
      </c>
      <c r="D20532" s="14" t="s">
        <v>142</v>
      </c>
      <c r="E20532" s="15">
        <v>45468</v>
      </c>
      <c r="F20532" s="14" t="s">
        <v>28</v>
      </c>
      <c r="G20532" s="16">
        <v>0.94073384493334156</v>
      </c>
    </row>
    <row r="20533" spans="1:7" x14ac:dyDescent="0.3">
      <c r="A20533" s="13" t="s">
        <v>141</v>
      </c>
      <c r="B20533" s="14" t="s">
        <v>1</v>
      </c>
      <c r="C20533" s="14" t="s">
        <v>70</v>
      </c>
      <c r="D20533" s="14" t="s">
        <v>142</v>
      </c>
      <c r="E20533" s="15">
        <v>45469</v>
      </c>
      <c r="F20533" s="14" t="s">
        <v>28</v>
      </c>
      <c r="G20533" s="16">
        <v>0.94718419918265584</v>
      </c>
    </row>
    <row r="20534" spans="1:7" x14ac:dyDescent="0.3">
      <c r="A20534" s="13" t="s">
        <v>141</v>
      </c>
      <c r="B20534" s="14" t="s">
        <v>1</v>
      </c>
      <c r="C20534" s="14" t="s">
        <v>70</v>
      </c>
      <c r="D20534" s="14" t="s">
        <v>142</v>
      </c>
      <c r="E20534" s="15">
        <v>45470</v>
      </c>
      <c r="F20534" s="14" t="s">
        <v>28</v>
      </c>
      <c r="G20534" s="16">
        <v>0.95112025641404208</v>
      </c>
    </row>
    <row r="20535" spans="1:7" x14ac:dyDescent="0.3">
      <c r="A20535" s="13" t="s">
        <v>141</v>
      </c>
      <c r="B20535" s="14" t="s">
        <v>1</v>
      </c>
      <c r="C20535" s="14" t="s">
        <v>70</v>
      </c>
      <c r="D20535" s="14" t="s">
        <v>142</v>
      </c>
      <c r="E20535" s="15">
        <v>45471</v>
      </c>
      <c r="F20535" s="14" t="s">
        <v>28</v>
      </c>
      <c r="G20535" s="16">
        <v>0.97746693143198016</v>
      </c>
    </row>
    <row r="20536" spans="1:7" x14ac:dyDescent="0.3">
      <c r="A20536" s="13" t="s">
        <v>141</v>
      </c>
      <c r="B20536" s="14" t="s">
        <v>1</v>
      </c>
      <c r="C20536" s="14" t="s">
        <v>70</v>
      </c>
      <c r="D20536" s="14" t="s">
        <v>142</v>
      </c>
      <c r="E20536" s="15">
        <v>45472</v>
      </c>
      <c r="F20536" s="14" t="s">
        <v>28</v>
      </c>
      <c r="G20536" s="16">
        <v>0.97746693143198016</v>
      </c>
    </row>
    <row r="20537" spans="1:7" x14ac:dyDescent="0.3">
      <c r="A20537" s="13" t="s">
        <v>141</v>
      </c>
      <c r="B20537" s="14" t="s">
        <v>1</v>
      </c>
      <c r="C20537" s="14" t="s">
        <v>70</v>
      </c>
      <c r="D20537" s="14" t="s">
        <v>142</v>
      </c>
      <c r="E20537" s="15">
        <v>45473</v>
      </c>
      <c r="F20537" s="14" t="s">
        <v>28</v>
      </c>
      <c r="G20537" s="16">
        <v>0.97746693143198016</v>
      </c>
    </row>
    <row r="20538" spans="1:7" x14ac:dyDescent="0.3">
      <c r="A20538" s="13" t="s">
        <v>141</v>
      </c>
      <c r="B20538" s="14" t="s">
        <v>1</v>
      </c>
      <c r="C20538" s="14" t="s">
        <v>70</v>
      </c>
      <c r="D20538" s="14" t="s">
        <v>142</v>
      </c>
      <c r="E20538" s="15">
        <v>45474</v>
      </c>
      <c r="F20538" s="14" t="s">
        <v>28</v>
      </c>
      <c r="G20538" s="16">
        <v>0.98800273714770304</v>
      </c>
    </row>
    <row r="20539" spans="1:7" x14ac:dyDescent="0.3">
      <c r="A20539" s="13" t="s">
        <v>141</v>
      </c>
      <c r="B20539" s="14" t="s">
        <v>1</v>
      </c>
      <c r="C20539" s="14" t="s">
        <v>70</v>
      </c>
      <c r="D20539" s="14" t="s">
        <v>142</v>
      </c>
      <c r="E20539" s="15">
        <v>45475</v>
      </c>
      <c r="F20539" s="14" t="s">
        <v>28</v>
      </c>
      <c r="G20539" s="16">
        <v>1.0004624411422216</v>
      </c>
    </row>
    <row r="20540" spans="1:7" x14ac:dyDescent="0.3">
      <c r="A20540" s="13" t="s">
        <v>141</v>
      </c>
      <c r="B20540" s="14" t="s">
        <v>1</v>
      </c>
      <c r="C20540" s="14" t="s">
        <v>70</v>
      </c>
      <c r="D20540" s="14" t="s">
        <v>142</v>
      </c>
      <c r="E20540" s="15">
        <v>45476</v>
      </c>
      <c r="F20540" s="14" t="s">
        <v>28</v>
      </c>
      <c r="G20540" s="16">
        <v>1.0356894457883905</v>
      </c>
    </row>
    <row r="20541" spans="1:7" x14ac:dyDescent="0.3">
      <c r="A20541" s="13" t="s">
        <v>141</v>
      </c>
      <c r="B20541" s="14" t="s">
        <v>1</v>
      </c>
      <c r="C20541" s="14" t="s">
        <v>70</v>
      </c>
      <c r="D20541" s="14" t="s">
        <v>142</v>
      </c>
      <c r="E20541" s="15">
        <v>45477</v>
      </c>
      <c r="F20541" s="14" t="s">
        <v>28</v>
      </c>
      <c r="G20541" s="16">
        <v>1.0380565446251335</v>
      </c>
    </row>
    <row r="20542" spans="1:7" x14ac:dyDescent="0.3">
      <c r="A20542" s="13" t="s">
        <v>141</v>
      </c>
      <c r="B20542" s="14" t="s">
        <v>1</v>
      </c>
      <c r="C20542" s="14" t="s">
        <v>70</v>
      </c>
      <c r="D20542" s="14" t="s">
        <v>142</v>
      </c>
      <c r="E20542" s="15">
        <v>45478</v>
      </c>
      <c r="F20542" s="14" t="s">
        <v>28</v>
      </c>
      <c r="G20542" s="16">
        <v>1.0394055760934999</v>
      </c>
    </row>
    <row r="20543" spans="1:7" x14ac:dyDescent="0.3">
      <c r="A20543" s="13" t="s">
        <v>141</v>
      </c>
      <c r="B20543" s="14" t="s">
        <v>1</v>
      </c>
      <c r="C20543" s="14" t="s">
        <v>70</v>
      </c>
      <c r="D20543" s="14" t="s">
        <v>142</v>
      </c>
      <c r="E20543" s="15">
        <v>45479</v>
      </c>
      <c r="F20543" s="14" t="s">
        <v>28</v>
      </c>
      <c r="G20543" s="16">
        <v>1.0394055760934999</v>
      </c>
    </row>
    <row r="20544" spans="1:7" x14ac:dyDescent="0.3">
      <c r="A20544" s="13" t="s">
        <v>141</v>
      </c>
      <c r="B20544" s="14" t="s">
        <v>1</v>
      </c>
      <c r="C20544" s="14" t="s">
        <v>70</v>
      </c>
      <c r="D20544" s="14" t="s">
        <v>142</v>
      </c>
      <c r="E20544" s="15">
        <v>45480</v>
      </c>
      <c r="F20544" s="14" t="s">
        <v>28</v>
      </c>
      <c r="G20544" s="16">
        <v>1.0394055760934999</v>
      </c>
    </row>
    <row r="20545" spans="1:7" x14ac:dyDescent="0.3">
      <c r="A20545" s="13" t="s">
        <v>141</v>
      </c>
      <c r="B20545" s="14" t="s">
        <v>1</v>
      </c>
      <c r="C20545" s="14" t="s">
        <v>70</v>
      </c>
      <c r="D20545" s="14" t="s">
        <v>142</v>
      </c>
      <c r="E20545" s="15">
        <v>45481</v>
      </c>
      <c r="F20545" s="14" t="s">
        <v>28</v>
      </c>
      <c r="G20545" s="16">
        <v>1.0631845310384773</v>
      </c>
    </row>
    <row r="20546" spans="1:7" x14ac:dyDescent="0.3">
      <c r="A20546" s="13" t="s">
        <v>141</v>
      </c>
      <c r="B20546" s="14" t="s">
        <v>1</v>
      </c>
      <c r="C20546" s="14" t="s">
        <v>70</v>
      </c>
      <c r="D20546" s="14" t="s">
        <v>142</v>
      </c>
      <c r="E20546" s="15">
        <v>45482</v>
      </c>
      <c r="F20546" s="14" t="s">
        <v>28</v>
      </c>
      <c r="G20546" s="16">
        <v>1.0749983705717812</v>
      </c>
    </row>
    <row r="20547" spans="1:7" x14ac:dyDescent="0.3">
      <c r="A20547" s="13" t="s">
        <v>141</v>
      </c>
      <c r="B20547" s="14" t="s">
        <v>1</v>
      </c>
      <c r="C20547" s="14" t="s">
        <v>70</v>
      </c>
      <c r="D20547" s="14" t="s">
        <v>142</v>
      </c>
      <c r="E20547" s="15">
        <v>45483</v>
      </c>
      <c r="F20547" s="14" t="s">
        <v>28</v>
      </c>
      <c r="G20547" s="16">
        <v>1.0802862073985886</v>
      </c>
    </row>
    <row r="20548" spans="1:7" x14ac:dyDescent="0.3">
      <c r="A20548" s="13" t="s">
        <v>141</v>
      </c>
      <c r="B20548" s="14" t="s">
        <v>1</v>
      </c>
      <c r="C20548" s="14" t="s">
        <v>70</v>
      </c>
      <c r="D20548" s="14" t="s">
        <v>142</v>
      </c>
      <c r="E20548" s="15">
        <v>45484</v>
      </c>
      <c r="F20548" s="14" t="s">
        <v>28</v>
      </c>
      <c r="G20548" s="16">
        <v>1.0921498905393092</v>
      </c>
    </row>
    <row r="20549" spans="1:7" x14ac:dyDescent="0.3">
      <c r="A20549" s="13" t="s">
        <v>141</v>
      </c>
      <c r="B20549" s="14" t="s">
        <v>1</v>
      </c>
      <c r="C20549" s="14" t="s">
        <v>70</v>
      </c>
      <c r="D20549" s="14" t="s">
        <v>142</v>
      </c>
      <c r="E20549" s="15">
        <v>45485</v>
      </c>
      <c r="F20549" s="14" t="s">
        <v>28</v>
      </c>
      <c r="G20549" s="16">
        <v>1.0971568664726847</v>
      </c>
    </row>
    <row r="20550" spans="1:7" x14ac:dyDescent="0.3">
      <c r="A20550" s="13" t="s">
        <v>141</v>
      </c>
      <c r="B20550" s="14" t="s">
        <v>1</v>
      </c>
      <c r="C20550" s="14" t="s">
        <v>70</v>
      </c>
      <c r="D20550" s="14" t="s">
        <v>142</v>
      </c>
      <c r="E20550" s="15">
        <v>45486</v>
      </c>
      <c r="F20550" s="14" t="s">
        <v>28</v>
      </c>
      <c r="G20550" s="16">
        <v>1.0971568664726847</v>
      </c>
    </row>
    <row r="20551" spans="1:7" x14ac:dyDescent="0.3">
      <c r="A20551" s="13" t="s">
        <v>141</v>
      </c>
      <c r="B20551" s="14" t="s">
        <v>1</v>
      </c>
      <c r="C20551" s="14" t="s">
        <v>70</v>
      </c>
      <c r="D20551" s="14" t="s">
        <v>142</v>
      </c>
      <c r="E20551" s="15">
        <v>45487</v>
      </c>
      <c r="F20551" s="14" t="s">
        <v>28</v>
      </c>
      <c r="G20551" s="16">
        <v>1.0971568664726847</v>
      </c>
    </row>
    <row r="20552" spans="1:7" x14ac:dyDescent="0.3">
      <c r="A20552" s="13" t="s">
        <v>141</v>
      </c>
      <c r="B20552" s="14" t="s">
        <v>1</v>
      </c>
      <c r="C20552" s="14" t="s">
        <v>70</v>
      </c>
      <c r="D20552" s="14" t="s">
        <v>142</v>
      </c>
      <c r="E20552" s="15">
        <v>45488</v>
      </c>
      <c r="F20552" s="14" t="s">
        <v>28</v>
      </c>
      <c r="G20552" s="16">
        <v>1.1021610383692422</v>
      </c>
    </row>
    <row r="20553" spans="1:7" x14ac:dyDescent="0.3">
      <c r="A20553" s="13" t="s">
        <v>141</v>
      </c>
      <c r="B20553" s="14" t="s">
        <v>1</v>
      </c>
      <c r="C20553" s="14" t="s">
        <v>70</v>
      </c>
      <c r="D20553" s="14" t="s">
        <v>142</v>
      </c>
      <c r="E20553" s="15">
        <v>45489</v>
      </c>
      <c r="F20553" s="14" t="s">
        <v>28</v>
      </c>
      <c r="G20553" s="16">
        <v>1.1132805349579773</v>
      </c>
    </row>
    <row r="20554" spans="1:7" x14ac:dyDescent="0.3">
      <c r="A20554" s="13" t="s">
        <v>141</v>
      </c>
      <c r="B20554" s="14" t="s">
        <v>1</v>
      </c>
      <c r="C20554" s="14" t="s">
        <v>70</v>
      </c>
      <c r="D20554" s="14" t="s">
        <v>142</v>
      </c>
      <c r="E20554" s="15">
        <v>45490</v>
      </c>
      <c r="F20554" s="14" t="s">
        <v>28</v>
      </c>
      <c r="G20554" s="16">
        <v>1.1141407423347394</v>
      </c>
    </row>
    <row r="20555" spans="1:7" x14ac:dyDescent="0.3">
      <c r="A20555" s="13" t="s">
        <v>141</v>
      </c>
      <c r="B20555" s="14" t="s">
        <v>1</v>
      </c>
      <c r="C20555" s="14" t="s">
        <v>70</v>
      </c>
      <c r="D20555" s="14" t="s">
        <v>142</v>
      </c>
      <c r="E20555" s="15">
        <v>45491</v>
      </c>
      <c r="F20555" s="14" t="s">
        <v>28</v>
      </c>
      <c r="G20555" s="16">
        <v>1.1338308635584458</v>
      </c>
    </row>
    <row r="20556" spans="1:7" x14ac:dyDescent="0.3">
      <c r="A20556" s="13" t="s">
        <v>141</v>
      </c>
      <c r="B20556" s="14" t="s">
        <v>1</v>
      </c>
      <c r="C20556" s="14" t="s">
        <v>70</v>
      </c>
      <c r="D20556" s="14" t="s">
        <v>142</v>
      </c>
      <c r="E20556" s="15">
        <v>45492</v>
      </c>
      <c r="F20556" s="14" t="s">
        <v>28</v>
      </c>
      <c r="G20556" s="16">
        <v>1.1384709258617591</v>
      </c>
    </row>
    <row r="20557" spans="1:7" x14ac:dyDescent="0.3">
      <c r="A20557" s="13" t="s">
        <v>141</v>
      </c>
      <c r="B20557" s="14" t="s">
        <v>1</v>
      </c>
      <c r="C20557" s="14" t="s">
        <v>70</v>
      </c>
      <c r="D20557" s="14" t="s">
        <v>142</v>
      </c>
      <c r="E20557" s="15">
        <v>45493</v>
      </c>
      <c r="F20557" s="14" t="s">
        <v>28</v>
      </c>
      <c r="G20557" s="16">
        <v>1.1384709258617591</v>
      </c>
    </row>
    <row r="20558" spans="1:7" x14ac:dyDescent="0.3">
      <c r="A20558" s="13" t="s">
        <v>141</v>
      </c>
      <c r="B20558" s="14" t="s">
        <v>1</v>
      </c>
      <c r="C20558" s="14" t="s">
        <v>70</v>
      </c>
      <c r="D20558" s="14" t="s">
        <v>142</v>
      </c>
      <c r="E20558" s="15">
        <v>45494</v>
      </c>
      <c r="F20558" s="14" t="s">
        <v>28</v>
      </c>
      <c r="G20558" s="16">
        <v>1.1384709258617591</v>
      </c>
    </row>
    <row r="20559" spans="1:7" x14ac:dyDescent="0.3">
      <c r="A20559" s="13" t="s">
        <v>141</v>
      </c>
      <c r="B20559" s="14" t="s">
        <v>1</v>
      </c>
      <c r="C20559" s="14" t="s">
        <v>70</v>
      </c>
      <c r="D20559" s="14" t="s">
        <v>142</v>
      </c>
      <c r="E20559" s="15">
        <v>45495</v>
      </c>
      <c r="F20559" s="14" t="s">
        <v>28</v>
      </c>
      <c r="G20559" s="16">
        <v>1.1464905743744778</v>
      </c>
    </row>
    <row r="20560" spans="1:7" x14ac:dyDescent="0.3">
      <c r="A20560" s="13" t="s">
        <v>141</v>
      </c>
      <c r="B20560" s="14" t="s">
        <v>1</v>
      </c>
      <c r="C20560" s="14" t="s">
        <v>70</v>
      </c>
      <c r="D20560" s="14" t="s">
        <v>142</v>
      </c>
      <c r="E20560" s="15">
        <v>45496</v>
      </c>
      <c r="F20560" s="14" t="s">
        <v>28</v>
      </c>
      <c r="G20560" s="16">
        <v>1.1781484589839828</v>
      </c>
    </row>
    <row r="20561" spans="1:7" x14ac:dyDescent="0.3">
      <c r="A20561" s="13" t="s">
        <v>141</v>
      </c>
      <c r="B20561" s="14" t="s">
        <v>1</v>
      </c>
      <c r="C20561" s="14" t="s">
        <v>70</v>
      </c>
      <c r="D20561" s="14" t="s">
        <v>142</v>
      </c>
      <c r="E20561" s="15">
        <v>45497</v>
      </c>
      <c r="F20561" s="14" t="s">
        <v>28</v>
      </c>
      <c r="G20561" s="16">
        <v>1.1812046843763535</v>
      </c>
    </row>
    <row r="20562" spans="1:7" x14ac:dyDescent="0.3">
      <c r="A20562" s="13" t="s">
        <v>141</v>
      </c>
      <c r="B20562" s="14" t="s">
        <v>1</v>
      </c>
      <c r="C20562" s="14" t="s">
        <v>70</v>
      </c>
      <c r="D20562" s="14" t="s">
        <v>142</v>
      </c>
      <c r="E20562" s="15">
        <v>45498</v>
      </c>
      <c r="F20562" s="14" t="s">
        <v>28</v>
      </c>
      <c r="G20562" s="16">
        <v>1.1848465156197245</v>
      </c>
    </row>
    <row r="20563" spans="1:7" x14ac:dyDescent="0.3">
      <c r="A20563" s="13" t="s">
        <v>141</v>
      </c>
      <c r="B20563" s="14" t="s">
        <v>1</v>
      </c>
      <c r="C20563" s="14" t="s">
        <v>70</v>
      </c>
      <c r="D20563" s="14" t="s">
        <v>142</v>
      </c>
      <c r="E20563" s="15">
        <v>45499</v>
      </c>
      <c r="F20563" s="14" t="s">
        <v>28</v>
      </c>
      <c r="G20563" s="16">
        <v>1.1873409844212015</v>
      </c>
    </row>
    <row r="20564" spans="1:7" x14ac:dyDescent="0.3">
      <c r="A20564" s="13" t="s">
        <v>141</v>
      </c>
      <c r="B20564" s="14" t="s">
        <v>1</v>
      </c>
      <c r="C20564" s="14" t="s">
        <v>70</v>
      </c>
      <c r="D20564" s="14" t="s">
        <v>142</v>
      </c>
      <c r="E20564" s="15">
        <v>45500</v>
      </c>
      <c r="F20564" s="14" t="s">
        <v>28</v>
      </c>
      <c r="G20564" s="16">
        <v>1.1873409844212015</v>
      </c>
    </row>
    <row r="20565" spans="1:7" x14ac:dyDescent="0.3">
      <c r="A20565" s="13" t="s">
        <v>141</v>
      </c>
      <c r="B20565" s="14" t="s">
        <v>1</v>
      </c>
      <c r="C20565" s="14" t="s">
        <v>70</v>
      </c>
      <c r="D20565" s="14" t="s">
        <v>142</v>
      </c>
      <c r="E20565" s="15">
        <v>45501</v>
      </c>
      <c r="F20565" s="14" t="s">
        <v>28</v>
      </c>
      <c r="G20565" s="16">
        <v>1.1873409844212015</v>
      </c>
    </row>
    <row r="20566" spans="1:7" x14ac:dyDescent="0.3">
      <c r="A20566" s="13" t="s">
        <v>141</v>
      </c>
      <c r="B20566" s="14" t="s">
        <v>1</v>
      </c>
      <c r="C20566" s="14" t="s">
        <v>70</v>
      </c>
      <c r="D20566" s="14" t="s">
        <v>142</v>
      </c>
      <c r="E20566" s="15">
        <v>45502</v>
      </c>
      <c r="F20566" s="14" t="s">
        <v>28</v>
      </c>
      <c r="G20566" s="16">
        <v>1.1936062697529557</v>
      </c>
    </row>
    <row r="20567" spans="1:7" x14ac:dyDescent="0.3">
      <c r="A20567" s="13" t="s">
        <v>141</v>
      </c>
      <c r="B20567" s="14" t="s">
        <v>1</v>
      </c>
      <c r="C20567" s="14" t="s">
        <v>70</v>
      </c>
      <c r="D20567" s="14" t="s">
        <v>142</v>
      </c>
      <c r="E20567" s="15">
        <v>45503</v>
      </c>
      <c r="F20567" s="14" t="s">
        <v>28</v>
      </c>
      <c r="G20567" s="16">
        <v>1.2035564719918164</v>
      </c>
    </row>
    <row r="20568" spans="1:7" x14ac:dyDescent="0.3">
      <c r="A20568" s="13" t="s">
        <v>141</v>
      </c>
      <c r="B20568" s="14" t="s">
        <v>1</v>
      </c>
      <c r="C20568" s="14" t="s">
        <v>70</v>
      </c>
      <c r="D20568" s="14" t="s">
        <v>142</v>
      </c>
      <c r="E20568" s="15">
        <v>45504</v>
      </c>
      <c r="F20568" s="14" t="s">
        <v>28</v>
      </c>
      <c r="G20568" s="16">
        <v>1.2020596330520523</v>
      </c>
    </row>
    <row r="20569" spans="1:7" x14ac:dyDescent="0.3">
      <c r="A20569" s="13" t="s">
        <v>141</v>
      </c>
      <c r="B20569" s="14" t="s">
        <v>1</v>
      </c>
      <c r="C20569" s="14" t="s">
        <v>70</v>
      </c>
      <c r="D20569" s="14" t="s">
        <v>142</v>
      </c>
      <c r="E20569" s="15">
        <v>45505</v>
      </c>
      <c r="F20569" s="14" t="s">
        <v>28</v>
      </c>
      <c r="G20569" s="16">
        <v>1.2020596330520523</v>
      </c>
    </row>
    <row r="20570" spans="1:7" x14ac:dyDescent="0.3">
      <c r="A20570" s="13" t="s">
        <v>141</v>
      </c>
      <c r="B20570" s="14" t="s">
        <v>1</v>
      </c>
      <c r="C20570" s="14" t="s">
        <v>70</v>
      </c>
      <c r="D20570" s="14" t="s">
        <v>142</v>
      </c>
      <c r="E20570" s="15">
        <v>45506</v>
      </c>
      <c r="F20570" s="14" t="s">
        <v>28</v>
      </c>
      <c r="G20570" s="16">
        <v>1.2085721934008902</v>
      </c>
    </row>
    <row r="20571" spans="1:7" x14ac:dyDescent="0.3">
      <c r="A20571" s="13" t="s">
        <v>141</v>
      </c>
      <c r="B20571" s="14" t="s">
        <v>1</v>
      </c>
      <c r="C20571" s="14" t="s">
        <v>70</v>
      </c>
      <c r="D20571" s="14" t="s">
        <v>142</v>
      </c>
      <c r="E20571" s="15">
        <v>45507</v>
      </c>
      <c r="F20571" s="14" t="s">
        <v>28</v>
      </c>
      <c r="G20571" s="16">
        <v>1.2085721934008902</v>
      </c>
    </row>
    <row r="20572" spans="1:7" x14ac:dyDescent="0.3">
      <c r="A20572" s="13" t="s">
        <v>141</v>
      </c>
      <c r="B20572" s="14" t="s">
        <v>1</v>
      </c>
      <c r="C20572" s="14" t="s">
        <v>70</v>
      </c>
      <c r="D20572" s="14" t="s">
        <v>142</v>
      </c>
      <c r="E20572" s="15">
        <v>45508</v>
      </c>
      <c r="F20572" s="14" t="s">
        <v>28</v>
      </c>
      <c r="G20572" s="16">
        <v>1.2085721934008902</v>
      </c>
    </row>
    <row r="20573" spans="1:7" x14ac:dyDescent="0.3">
      <c r="A20573" s="13" t="s">
        <v>141</v>
      </c>
      <c r="B20573" s="14" t="s">
        <v>1</v>
      </c>
      <c r="C20573" s="14" t="s">
        <v>70</v>
      </c>
      <c r="D20573" s="14" t="s">
        <v>142</v>
      </c>
      <c r="E20573" s="15">
        <v>45509</v>
      </c>
      <c r="F20573" s="14" t="s">
        <v>28</v>
      </c>
      <c r="G20573" s="16">
        <v>1.2085721934008902</v>
      </c>
    </row>
    <row r="20574" spans="1:7" x14ac:dyDescent="0.3">
      <c r="A20574" s="13" t="s">
        <v>141</v>
      </c>
      <c r="B20574" s="14" t="s">
        <v>1</v>
      </c>
      <c r="C20574" s="14" t="s">
        <v>70</v>
      </c>
      <c r="D20574" s="14" t="s">
        <v>142</v>
      </c>
      <c r="E20574" s="15">
        <v>45510</v>
      </c>
      <c r="F20574" s="14" t="s">
        <v>28</v>
      </c>
      <c r="G20574" s="16">
        <v>1.2117754420453799</v>
      </c>
    </row>
    <row r="20575" spans="1:7" x14ac:dyDescent="0.3">
      <c r="A20575" s="13" t="s">
        <v>141</v>
      </c>
      <c r="B20575" s="14" t="s">
        <v>1</v>
      </c>
      <c r="C20575" s="14" t="s">
        <v>70</v>
      </c>
      <c r="D20575" s="14" t="s">
        <v>142</v>
      </c>
      <c r="E20575" s="15">
        <v>45511</v>
      </c>
      <c r="F20575" s="14" t="s">
        <v>28</v>
      </c>
      <c r="G20575" s="16">
        <v>1.2597254828336513</v>
      </c>
    </row>
    <row r="20576" spans="1:7" x14ac:dyDescent="0.3">
      <c r="A20576" s="13" t="s">
        <v>141</v>
      </c>
      <c r="B20576" s="14" t="s">
        <v>1</v>
      </c>
      <c r="C20576" s="14" t="s">
        <v>70</v>
      </c>
      <c r="D20576" s="14" t="s">
        <v>142</v>
      </c>
      <c r="E20576" s="15">
        <v>45512</v>
      </c>
      <c r="F20576" s="14" t="s">
        <v>28</v>
      </c>
      <c r="G20576" s="16">
        <v>1.2613216977447059</v>
      </c>
    </row>
    <row r="20577" spans="1:7" x14ac:dyDescent="0.3">
      <c r="A20577" s="13" t="s">
        <v>141</v>
      </c>
      <c r="B20577" s="14" t="s">
        <v>1</v>
      </c>
      <c r="C20577" s="14" t="s">
        <v>70</v>
      </c>
      <c r="D20577" s="14" t="s">
        <v>142</v>
      </c>
      <c r="E20577" s="15">
        <v>45513</v>
      </c>
      <c r="F20577" s="14" t="s">
        <v>28</v>
      </c>
      <c r="G20577" s="16">
        <v>1.2780305773534608</v>
      </c>
    </row>
    <row r="20578" spans="1:7" x14ac:dyDescent="0.3">
      <c r="A20578" s="13" t="s">
        <v>141</v>
      </c>
      <c r="B20578" s="14" t="s">
        <v>1</v>
      </c>
      <c r="C20578" s="14" t="s">
        <v>70</v>
      </c>
      <c r="D20578" s="14" t="s">
        <v>142</v>
      </c>
      <c r="E20578" s="15">
        <v>45514</v>
      </c>
      <c r="F20578" s="14" t="s">
        <v>28</v>
      </c>
      <c r="G20578" s="16">
        <v>1.2780305773534608</v>
      </c>
    </row>
    <row r="20579" spans="1:7" x14ac:dyDescent="0.3">
      <c r="A20579" s="13" t="s">
        <v>141</v>
      </c>
      <c r="B20579" s="14" t="s">
        <v>1</v>
      </c>
      <c r="C20579" s="14" t="s">
        <v>70</v>
      </c>
      <c r="D20579" s="14" t="s">
        <v>142</v>
      </c>
      <c r="E20579" s="15">
        <v>45515</v>
      </c>
      <c r="F20579" s="14" t="s">
        <v>28</v>
      </c>
      <c r="G20579" s="16">
        <v>1.2780305773534608</v>
      </c>
    </row>
    <row r="20580" spans="1:7" x14ac:dyDescent="0.3">
      <c r="A20580" s="13" t="s">
        <v>141</v>
      </c>
      <c r="B20580" s="14" t="s">
        <v>1</v>
      </c>
      <c r="C20580" s="14" t="s">
        <v>70</v>
      </c>
      <c r="D20580" s="14" t="s">
        <v>142</v>
      </c>
      <c r="E20580" s="15">
        <v>45516</v>
      </c>
      <c r="F20580" s="14" t="s">
        <v>28</v>
      </c>
      <c r="G20580" s="16">
        <v>1.2956398852950608</v>
      </c>
    </row>
    <row r="20581" spans="1:7" x14ac:dyDescent="0.3">
      <c r="A20581" s="13" t="s">
        <v>141</v>
      </c>
      <c r="B20581" s="14" t="s">
        <v>1</v>
      </c>
      <c r="C20581" s="14" t="s">
        <v>70</v>
      </c>
      <c r="D20581" s="14" t="s">
        <v>142</v>
      </c>
      <c r="E20581" s="15">
        <v>45517</v>
      </c>
      <c r="F20581" s="14" t="s">
        <v>28</v>
      </c>
      <c r="G20581" s="16">
        <v>1.3035897192189989</v>
      </c>
    </row>
    <row r="20582" spans="1:7" x14ac:dyDescent="0.3">
      <c r="A20582" s="13" t="s">
        <v>141</v>
      </c>
      <c r="B20582" s="14" t="s">
        <v>1</v>
      </c>
      <c r="C20582" s="14" t="s">
        <v>70</v>
      </c>
      <c r="D20582" s="14" t="s">
        <v>142</v>
      </c>
      <c r="E20582" s="15">
        <v>45518</v>
      </c>
      <c r="F20582" s="14" t="s">
        <v>28</v>
      </c>
      <c r="G20582" s="16">
        <v>1.305301288313711</v>
      </c>
    </row>
    <row r="20583" spans="1:7" x14ac:dyDescent="0.3">
      <c r="A20583" s="13" t="s">
        <v>141</v>
      </c>
      <c r="B20583" s="14" t="s">
        <v>1</v>
      </c>
      <c r="C20583" s="14" t="s">
        <v>70</v>
      </c>
      <c r="D20583" s="14" t="s">
        <v>142</v>
      </c>
      <c r="E20583" s="15">
        <v>45519</v>
      </c>
      <c r="F20583" s="14" t="s">
        <v>28</v>
      </c>
      <c r="G20583" s="16">
        <v>1.3158512508216389</v>
      </c>
    </row>
    <row r="20584" spans="1:7" x14ac:dyDescent="0.3">
      <c r="A20584" s="13" t="s">
        <v>141</v>
      </c>
      <c r="B20584" s="14" t="s">
        <v>1</v>
      </c>
      <c r="C20584" s="14" t="s">
        <v>70</v>
      </c>
      <c r="D20584" s="14" t="s">
        <v>142</v>
      </c>
      <c r="E20584" s="15">
        <v>45520</v>
      </c>
      <c r="F20584" s="14" t="s">
        <v>28</v>
      </c>
      <c r="G20584" s="16">
        <v>1.3661000494987965</v>
      </c>
    </row>
    <row r="20585" spans="1:7" x14ac:dyDescent="0.3">
      <c r="A20585" s="13" t="s">
        <v>141</v>
      </c>
      <c r="B20585" s="14" t="s">
        <v>1</v>
      </c>
      <c r="C20585" s="14" t="s">
        <v>70</v>
      </c>
      <c r="D20585" s="14" t="s">
        <v>142</v>
      </c>
      <c r="E20585" s="15">
        <v>45521</v>
      </c>
      <c r="F20585" s="14" t="s">
        <v>28</v>
      </c>
      <c r="G20585" s="16">
        <v>1.3661000494987965</v>
      </c>
    </row>
    <row r="20586" spans="1:7" x14ac:dyDescent="0.3">
      <c r="A20586" s="13" t="s">
        <v>141</v>
      </c>
      <c r="B20586" s="14" t="s">
        <v>1</v>
      </c>
      <c r="C20586" s="14" t="s">
        <v>70</v>
      </c>
      <c r="D20586" s="14" t="s">
        <v>142</v>
      </c>
      <c r="E20586" s="15">
        <v>45522</v>
      </c>
      <c r="F20586" s="14" t="s">
        <v>28</v>
      </c>
      <c r="G20586" s="16">
        <v>1.3661000494987965</v>
      </c>
    </row>
    <row r="20587" spans="1:7" x14ac:dyDescent="0.3">
      <c r="A20587" s="13" t="s">
        <v>141</v>
      </c>
      <c r="B20587" s="14" t="s">
        <v>1</v>
      </c>
      <c r="C20587" s="14" t="s">
        <v>70</v>
      </c>
      <c r="D20587" s="14" t="s">
        <v>142</v>
      </c>
      <c r="E20587" s="15">
        <v>45523</v>
      </c>
      <c r="F20587" s="14" t="s">
        <v>28</v>
      </c>
      <c r="G20587" s="16">
        <v>1.3747437095134842</v>
      </c>
    </row>
    <row r="20588" spans="1:7" x14ac:dyDescent="0.3">
      <c r="A20588" s="13" t="s">
        <v>141</v>
      </c>
      <c r="B20588" s="14" t="s">
        <v>1</v>
      </c>
      <c r="C20588" s="14" t="s">
        <v>70</v>
      </c>
      <c r="D20588" s="14" t="s">
        <v>142</v>
      </c>
      <c r="E20588" s="15">
        <v>45524</v>
      </c>
      <c r="F20588" s="14" t="s">
        <v>28</v>
      </c>
      <c r="G20588" s="16">
        <v>1.394261585165381</v>
      </c>
    </row>
    <row r="20589" spans="1:7" x14ac:dyDescent="0.3">
      <c r="A20589" s="13" t="s">
        <v>141</v>
      </c>
      <c r="B20589" s="14" t="s">
        <v>1</v>
      </c>
      <c r="C20589" s="14" t="s">
        <v>70</v>
      </c>
      <c r="D20589" s="14" t="s">
        <v>142</v>
      </c>
      <c r="E20589" s="15">
        <v>45525</v>
      </c>
      <c r="F20589" s="14" t="s">
        <v>28</v>
      </c>
      <c r="G20589" s="16">
        <v>1.4061917591572728</v>
      </c>
    </row>
    <row r="20590" spans="1:7" x14ac:dyDescent="0.3">
      <c r="A20590" s="13" t="s">
        <v>141</v>
      </c>
      <c r="B20590" s="14" t="s">
        <v>1</v>
      </c>
      <c r="C20590" s="14" t="s">
        <v>70</v>
      </c>
      <c r="D20590" s="14" t="s">
        <v>142</v>
      </c>
      <c r="E20590" s="15">
        <v>45526</v>
      </c>
      <c r="F20590" s="14" t="s">
        <v>28</v>
      </c>
      <c r="G20590" s="16">
        <v>1.4173704760818739</v>
      </c>
    </row>
    <row r="20591" spans="1:7" x14ac:dyDescent="0.3">
      <c r="A20591" s="13" t="s">
        <v>141</v>
      </c>
      <c r="B20591" s="14" t="s">
        <v>1</v>
      </c>
      <c r="C20591" s="14" t="s">
        <v>70</v>
      </c>
      <c r="D20591" s="14" t="s">
        <v>142</v>
      </c>
      <c r="E20591" s="15">
        <v>45527</v>
      </c>
      <c r="F20591" s="14" t="s">
        <v>28</v>
      </c>
      <c r="G20591" s="16">
        <v>1.4106350145902544</v>
      </c>
    </row>
    <row r="20592" spans="1:7" x14ac:dyDescent="0.3">
      <c r="A20592" s="13" t="s">
        <v>141</v>
      </c>
      <c r="B20592" s="14" t="s">
        <v>1</v>
      </c>
      <c r="C20592" s="14" t="s">
        <v>70</v>
      </c>
      <c r="D20592" s="14" t="s">
        <v>142</v>
      </c>
      <c r="E20592" s="15">
        <v>45528</v>
      </c>
      <c r="F20592" s="14" t="s">
        <v>28</v>
      </c>
      <c r="G20592" s="16">
        <v>1.4106350145902544</v>
      </c>
    </row>
    <row r="20593" spans="1:7" x14ac:dyDescent="0.3">
      <c r="A20593" s="13" t="s">
        <v>141</v>
      </c>
      <c r="B20593" s="14" t="s">
        <v>1</v>
      </c>
      <c r="C20593" s="14" t="s">
        <v>70</v>
      </c>
      <c r="D20593" s="14" t="s">
        <v>142</v>
      </c>
      <c r="E20593" s="15">
        <v>45529</v>
      </c>
      <c r="F20593" s="14" t="s">
        <v>28</v>
      </c>
      <c r="G20593" s="16">
        <v>1.4106350145902544</v>
      </c>
    </row>
    <row r="20594" spans="1:7" x14ac:dyDescent="0.3">
      <c r="A20594" s="13" t="s">
        <v>141</v>
      </c>
      <c r="B20594" s="14" t="s">
        <v>1</v>
      </c>
      <c r="C20594" s="14" t="s">
        <v>70</v>
      </c>
      <c r="D20594" s="14" t="s">
        <v>142</v>
      </c>
      <c r="E20594" s="15">
        <v>45530</v>
      </c>
      <c r="F20594" s="14" t="s">
        <v>28</v>
      </c>
      <c r="G20594" s="16">
        <v>1.4181483243513311</v>
      </c>
    </row>
    <row r="20595" spans="1:7" x14ac:dyDescent="0.3">
      <c r="A20595" s="13" t="s">
        <v>141</v>
      </c>
      <c r="B20595" s="14" t="s">
        <v>1</v>
      </c>
      <c r="C20595" s="14" t="s">
        <v>70</v>
      </c>
      <c r="D20595" s="14" t="s">
        <v>142</v>
      </c>
      <c r="E20595" s="15">
        <v>45531</v>
      </c>
      <c r="F20595" s="14" t="s">
        <v>28</v>
      </c>
      <c r="G20595" s="16">
        <v>1.4260159234050074</v>
      </c>
    </row>
    <row r="20596" spans="1:7" x14ac:dyDescent="0.3">
      <c r="A20596" s="13" t="s">
        <v>141</v>
      </c>
      <c r="B20596" s="14" t="s">
        <v>1</v>
      </c>
      <c r="C20596" s="14" t="s">
        <v>70</v>
      </c>
      <c r="D20596" s="14" t="s">
        <v>142</v>
      </c>
      <c r="E20596" s="15">
        <v>45532</v>
      </c>
      <c r="F20596" s="14" t="s">
        <v>28</v>
      </c>
      <c r="G20596" s="16">
        <v>1.4413599122119012</v>
      </c>
    </row>
    <row r="20597" spans="1:7" x14ac:dyDescent="0.3">
      <c r="A20597" s="13" t="s">
        <v>141</v>
      </c>
      <c r="B20597" s="14" t="s">
        <v>1</v>
      </c>
      <c r="C20597" s="14" t="s">
        <v>70</v>
      </c>
      <c r="D20597" s="14" t="s">
        <v>142</v>
      </c>
      <c r="E20597" s="15">
        <v>45533</v>
      </c>
      <c r="F20597" s="14" t="s">
        <v>28</v>
      </c>
      <c r="G20597" s="16">
        <v>1.4446898004315039</v>
      </c>
    </row>
    <row r="20598" spans="1:7" x14ac:dyDescent="0.3">
      <c r="A20598" s="13" t="s">
        <v>141</v>
      </c>
      <c r="B20598" s="14" t="s">
        <v>1</v>
      </c>
      <c r="C20598" s="14" t="s">
        <v>70</v>
      </c>
      <c r="D20598" s="14" t="s">
        <v>142</v>
      </c>
      <c r="E20598" s="15">
        <v>45534</v>
      </c>
      <c r="F20598" s="14" t="s">
        <v>28</v>
      </c>
      <c r="G20598" s="16">
        <v>1.4565993568466384</v>
      </c>
    </row>
    <row r="20599" spans="1:7" x14ac:dyDescent="0.3">
      <c r="A20599" s="13" t="s">
        <v>141</v>
      </c>
      <c r="B20599" s="14" t="s">
        <v>1</v>
      </c>
      <c r="C20599" s="14" t="s">
        <v>70</v>
      </c>
      <c r="D20599" s="14" t="s">
        <v>142</v>
      </c>
      <c r="E20599" s="15">
        <v>45535</v>
      </c>
      <c r="F20599" s="14" t="s">
        <v>28</v>
      </c>
      <c r="G20599" s="16">
        <v>1.4565993568466384</v>
      </c>
    </row>
    <row r="20600" spans="1:7" x14ac:dyDescent="0.3">
      <c r="A20600" s="13" t="s">
        <v>141</v>
      </c>
      <c r="B20600" s="14" t="s">
        <v>1</v>
      </c>
      <c r="C20600" s="14" t="s">
        <v>70</v>
      </c>
      <c r="D20600" s="14" t="s">
        <v>142</v>
      </c>
      <c r="E20600" s="15">
        <v>45536</v>
      </c>
      <c r="F20600" s="14" t="s">
        <v>28</v>
      </c>
      <c r="G20600" s="16">
        <v>1.4565993568466384</v>
      </c>
    </row>
    <row r="20601" spans="1:7" x14ac:dyDescent="0.3">
      <c r="A20601" s="13" t="s">
        <v>141</v>
      </c>
      <c r="B20601" s="14" t="s">
        <v>1</v>
      </c>
      <c r="C20601" s="14" t="s">
        <v>70</v>
      </c>
      <c r="D20601" s="14" t="s">
        <v>142</v>
      </c>
      <c r="E20601" s="15">
        <v>45537</v>
      </c>
      <c r="F20601" s="14" t="s">
        <v>28</v>
      </c>
      <c r="G20601" s="16">
        <v>1.4666678597957898</v>
      </c>
    </row>
    <row r="20602" spans="1:7" x14ac:dyDescent="0.3">
      <c r="A20602" s="13" t="s">
        <v>141</v>
      </c>
      <c r="B20602" s="14" t="s">
        <v>1</v>
      </c>
      <c r="C20602" s="14" t="s">
        <v>70</v>
      </c>
      <c r="D20602" s="14" t="s">
        <v>142</v>
      </c>
      <c r="E20602" s="15">
        <v>45538</v>
      </c>
      <c r="F20602" s="14" t="s">
        <v>28</v>
      </c>
      <c r="G20602" s="16">
        <v>1.4725532989924275</v>
      </c>
    </row>
    <row r="20603" spans="1:7" x14ac:dyDescent="0.3">
      <c r="A20603" s="13" t="s">
        <v>141</v>
      </c>
      <c r="B20603" s="14" t="s">
        <v>1</v>
      </c>
      <c r="C20603" s="14" t="s">
        <v>70</v>
      </c>
      <c r="D20603" s="14" t="s">
        <v>142</v>
      </c>
      <c r="E20603" s="15">
        <v>45539</v>
      </c>
      <c r="F20603" s="14" t="s">
        <v>28</v>
      </c>
      <c r="G20603" s="16">
        <v>1.4723684852596002</v>
      </c>
    </row>
    <row r="20604" spans="1:7" x14ac:dyDescent="0.3">
      <c r="A20604" s="13" t="s">
        <v>141</v>
      </c>
      <c r="B20604" s="14" t="s">
        <v>1</v>
      </c>
      <c r="C20604" s="14" t="s">
        <v>70</v>
      </c>
      <c r="D20604" s="14" t="s">
        <v>142</v>
      </c>
      <c r="E20604" s="15">
        <v>45540</v>
      </c>
      <c r="F20604" s="14" t="s">
        <v>28</v>
      </c>
      <c r="G20604" s="16">
        <v>1.4802501967591457</v>
      </c>
    </row>
    <row r="20605" spans="1:7" x14ac:dyDescent="0.3">
      <c r="A20605" s="13" t="s">
        <v>141</v>
      </c>
      <c r="B20605" s="14" t="s">
        <v>1</v>
      </c>
      <c r="C20605" s="14" t="s">
        <v>70</v>
      </c>
      <c r="D20605" s="14" t="s">
        <v>142</v>
      </c>
      <c r="E20605" s="15">
        <v>45541</v>
      </c>
      <c r="F20605" s="14" t="s">
        <v>28</v>
      </c>
      <c r="G20605" s="16">
        <v>1.4866622195327384</v>
      </c>
    </row>
    <row r="20606" spans="1:7" x14ac:dyDescent="0.3">
      <c r="A20606" s="13" t="s">
        <v>141</v>
      </c>
      <c r="B20606" s="14" t="s">
        <v>1</v>
      </c>
      <c r="C20606" s="14" t="s">
        <v>70</v>
      </c>
      <c r="D20606" s="14" t="s">
        <v>142</v>
      </c>
      <c r="E20606" s="15">
        <v>45542</v>
      </c>
      <c r="F20606" s="14" t="s">
        <v>28</v>
      </c>
      <c r="G20606" s="16">
        <v>1.4866622195327384</v>
      </c>
    </row>
    <row r="20607" spans="1:7" x14ac:dyDescent="0.3">
      <c r="A20607" s="13" t="s">
        <v>141</v>
      </c>
      <c r="B20607" s="14" t="s">
        <v>1</v>
      </c>
      <c r="C20607" s="14" t="s">
        <v>70</v>
      </c>
      <c r="D20607" s="14" t="s">
        <v>142</v>
      </c>
      <c r="E20607" s="15">
        <v>45543</v>
      </c>
      <c r="F20607" s="14" t="s">
        <v>28</v>
      </c>
      <c r="G20607" s="16">
        <v>1.4866622195327384</v>
      </c>
    </row>
    <row r="20608" spans="1:7" x14ac:dyDescent="0.3">
      <c r="A20608" s="13" t="s">
        <v>141</v>
      </c>
      <c r="B20608" s="14" t="s">
        <v>1</v>
      </c>
      <c r="C20608" s="14" t="s">
        <v>70</v>
      </c>
      <c r="D20608" s="14" t="s">
        <v>142</v>
      </c>
      <c r="E20608" s="15">
        <v>45544</v>
      </c>
      <c r="F20608" s="14" t="s">
        <v>28</v>
      </c>
      <c r="G20608" s="16">
        <v>1.4935354404691477</v>
      </c>
    </row>
    <row r="20609" spans="1:7" x14ac:dyDescent="0.3">
      <c r="A20609" s="13" t="s">
        <v>141</v>
      </c>
      <c r="B20609" s="14" t="s">
        <v>1</v>
      </c>
      <c r="C20609" s="14" t="s">
        <v>70</v>
      </c>
      <c r="D20609" s="14" t="s">
        <v>142</v>
      </c>
      <c r="E20609" s="15">
        <v>45545</v>
      </c>
      <c r="F20609" s="14" t="s">
        <v>28</v>
      </c>
      <c r="G20609" s="16">
        <v>1.5044155107593904</v>
      </c>
    </row>
    <row r="20610" spans="1:7" x14ac:dyDescent="0.3">
      <c r="A20610" s="13" t="s">
        <v>141</v>
      </c>
      <c r="B20610" s="14" t="s">
        <v>1</v>
      </c>
      <c r="C20610" s="14" t="s">
        <v>70</v>
      </c>
      <c r="D20610" s="14" t="s">
        <v>142</v>
      </c>
      <c r="E20610" s="15">
        <v>45546</v>
      </c>
      <c r="F20610" s="14" t="s">
        <v>28</v>
      </c>
      <c r="G20610" s="16">
        <v>1.5103742788191257</v>
      </c>
    </row>
    <row r="20611" spans="1:7" x14ac:dyDescent="0.3">
      <c r="A20611" s="13" t="s">
        <v>141</v>
      </c>
      <c r="B20611" s="14" t="s">
        <v>1</v>
      </c>
      <c r="C20611" s="14" t="s">
        <v>70</v>
      </c>
      <c r="D20611" s="14" t="s">
        <v>142</v>
      </c>
      <c r="E20611" s="15">
        <v>45547</v>
      </c>
      <c r="F20611" s="14" t="s">
        <v>28</v>
      </c>
      <c r="G20611" s="16">
        <v>1.5113806931972555</v>
      </c>
    </row>
    <row r="20612" spans="1:7" x14ac:dyDescent="0.3">
      <c r="A20612" s="13" t="s">
        <v>141</v>
      </c>
      <c r="B20612" s="14" t="s">
        <v>1</v>
      </c>
      <c r="C20612" s="14" t="s">
        <v>70</v>
      </c>
      <c r="D20612" s="14" t="s">
        <v>142</v>
      </c>
      <c r="E20612" s="15">
        <v>45548</v>
      </c>
      <c r="F20612" s="14" t="s">
        <v>28</v>
      </c>
      <c r="G20612" s="16">
        <v>1.5328769570567611</v>
      </c>
    </row>
    <row r="20613" spans="1:7" x14ac:dyDescent="0.3">
      <c r="A20613" s="13" t="s">
        <v>141</v>
      </c>
      <c r="B20613" s="14" t="s">
        <v>1</v>
      </c>
      <c r="C20613" s="14" t="s">
        <v>70</v>
      </c>
      <c r="D20613" s="14" t="s">
        <v>142</v>
      </c>
      <c r="E20613" s="15">
        <v>45549</v>
      </c>
      <c r="F20613" s="14" t="s">
        <v>28</v>
      </c>
      <c r="G20613" s="16">
        <v>1.5328769570567611</v>
      </c>
    </row>
    <row r="20614" spans="1:7" x14ac:dyDescent="0.3">
      <c r="A20614" s="13" t="s">
        <v>141</v>
      </c>
      <c r="B20614" s="14" t="s">
        <v>1</v>
      </c>
      <c r="C20614" s="14" t="s">
        <v>70</v>
      </c>
      <c r="D20614" s="14" t="s">
        <v>142</v>
      </c>
      <c r="E20614" s="15">
        <v>45550</v>
      </c>
      <c r="F20614" s="14" t="s">
        <v>28</v>
      </c>
      <c r="G20614" s="16">
        <v>1.5328769570567611</v>
      </c>
    </row>
    <row r="20615" spans="1:7" x14ac:dyDescent="0.3">
      <c r="A20615" s="13" t="s">
        <v>141</v>
      </c>
      <c r="B20615" s="14" t="s">
        <v>1</v>
      </c>
      <c r="C20615" s="14" t="s">
        <v>70</v>
      </c>
      <c r="D20615" s="14" t="s">
        <v>142</v>
      </c>
      <c r="E20615" s="15">
        <v>45551</v>
      </c>
      <c r="F20615" s="14" t="s">
        <v>28</v>
      </c>
      <c r="G20615" s="16">
        <v>1.5448538137881478</v>
      </c>
    </row>
    <row r="20616" spans="1:7" x14ac:dyDescent="0.3">
      <c r="A20616" s="13" t="s">
        <v>141</v>
      </c>
      <c r="B20616" s="14" t="s">
        <v>1</v>
      </c>
      <c r="C20616" s="14" t="s">
        <v>70</v>
      </c>
      <c r="D20616" s="14" t="s">
        <v>142</v>
      </c>
      <c r="E20616" s="15">
        <v>45552</v>
      </c>
      <c r="F20616" s="14" t="s">
        <v>28</v>
      </c>
      <c r="G20616" s="16">
        <v>1.5605473326153418</v>
      </c>
    </row>
    <row r="20617" spans="1:7" x14ac:dyDescent="0.3">
      <c r="A20617" s="13" t="s">
        <v>141</v>
      </c>
      <c r="B20617" s="14" t="s">
        <v>1</v>
      </c>
      <c r="C20617" s="14" t="s">
        <v>70</v>
      </c>
      <c r="D20617" s="14" t="s">
        <v>142</v>
      </c>
      <c r="E20617" s="15">
        <v>45553</v>
      </c>
      <c r="F20617" s="14" t="s">
        <v>28</v>
      </c>
      <c r="G20617" s="16">
        <v>1.5629894346220505</v>
      </c>
    </row>
    <row r="20618" spans="1:7" x14ac:dyDescent="0.3">
      <c r="A20618" s="13" t="s">
        <v>141</v>
      </c>
      <c r="B20618" s="14" t="s">
        <v>1</v>
      </c>
      <c r="C20618" s="14" t="s">
        <v>70</v>
      </c>
      <c r="D20618" s="14" t="s">
        <v>142</v>
      </c>
      <c r="E20618" s="15">
        <v>45554</v>
      </c>
      <c r="F20618" s="14" t="s">
        <v>28</v>
      </c>
      <c r="G20618" s="16">
        <v>1.5623178439557892</v>
      </c>
    </row>
    <row r="20619" spans="1:7" x14ac:dyDescent="0.3">
      <c r="A20619" s="13" t="s">
        <v>141</v>
      </c>
      <c r="B20619" s="14" t="s">
        <v>1</v>
      </c>
      <c r="C20619" s="14" t="s">
        <v>70</v>
      </c>
      <c r="D20619" s="14" t="s">
        <v>142</v>
      </c>
      <c r="E20619" s="15">
        <v>45555</v>
      </c>
      <c r="F20619" s="14" t="s">
        <v>28</v>
      </c>
      <c r="G20619" s="16">
        <v>1.5637130936400498</v>
      </c>
    </row>
    <row r="20620" spans="1:7" x14ac:dyDescent="0.3">
      <c r="A20620" s="13" t="s">
        <v>141</v>
      </c>
      <c r="B20620" s="14" t="s">
        <v>1</v>
      </c>
      <c r="C20620" s="14" t="s">
        <v>70</v>
      </c>
      <c r="D20620" s="14" t="s">
        <v>142</v>
      </c>
      <c r="E20620" s="15">
        <v>45556</v>
      </c>
      <c r="F20620" s="14" t="s">
        <v>28</v>
      </c>
      <c r="G20620" s="16">
        <v>1.5637130936400498</v>
      </c>
    </row>
    <row r="20621" spans="1:7" x14ac:dyDescent="0.3">
      <c r="A20621" s="13" t="s">
        <v>141</v>
      </c>
      <c r="B20621" s="14" t="s">
        <v>1</v>
      </c>
      <c r="C20621" s="14" t="s">
        <v>70</v>
      </c>
      <c r="D20621" s="14" t="s">
        <v>142</v>
      </c>
      <c r="E20621" s="15">
        <v>45557</v>
      </c>
      <c r="F20621" s="14" t="s">
        <v>28</v>
      </c>
      <c r="G20621" s="16">
        <v>1.5637130936400498</v>
      </c>
    </row>
    <row r="20622" spans="1:7" x14ac:dyDescent="0.3">
      <c r="A20622" s="13" t="s">
        <v>141</v>
      </c>
      <c r="B20622" s="14" t="s">
        <v>1</v>
      </c>
      <c r="C20622" s="14" t="s">
        <v>70</v>
      </c>
      <c r="D20622" s="14" t="s">
        <v>142</v>
      </c>
      <c r="E20622" s="15">
        <v>45558</v>
      </c>
      <c r="F20622" s="14" t="s">
        <v>28</v>
      </c>
      <c r="G20622" s="16">
        <v>1.5680032933575454</v>
      </c>
    </row>
    <row r="20623" spans="1:7" x14ac:dyDescent="0.3">
      <c r="A20623" s="13" t="s">
        <v>141</v>
      </c>
      <c r="B20623" s="14" t="s">
        <v>1</v>
      </c>
      <c r="C20623" s="14" t="s">
        <v>70</v>
      </c>
      <c r="D20623" s="14" t="s">
        <v>142</v>
      </c>
      <c r="E20623" s="15">
        <v>45559</v>
      </c>
      <c r="F20623" s="14" t="s">
        <v>28</v>
      </c>
      <c r="G20623" s="16">
        <v>1.5715395971823094</v>
      </c>
    </row>
    <row r="20624" spans="1:7" x14ac:dyDescent="0.3">
      <c r="A20624" s="13" t="s">
        <v>141</v>
      </c>
      <c r="B20624" s="14" t="s">
        <v>1</v>
      </c>
      <c r="C20624" s="14" t="s">
        <v>70</v>
      </c>
      <c r="D20624" s="14" t="s">
        <v>142</v>
      </c>
      <c r="E20624" s="15">
        <v>45560</v>
      </c>
      <c r="F20624" s="14" t="s">
        <v>28</v>
      </c>
      <c r="G20624" s="16">
        <v>1.5826139385109999</v>
      </c>
    </row>
    <row r="20625" spans="1:7" x14ac:dyDescent="0.3">
      <c r="A20625" s="13" t="s">
        <v>141</v>
      </c>
      <c r="B20625" s="14" t="s">
        <v>1</v>
      </c>
      <c r="C20625" s="14" t="s">
        <v>70</v>
      </c>
      <c r="D20625" s="14" t="s">
        <v>142</v>
      </c>
      <c r="E20625" s="15">
        <v>45561</v>
      </c>
      <c r="F20625" s="14" t="s">
        <v>28</v>
      </c>
      <c r="G20625" s="16">
        <v>1.5849291781012256</v>
      </c>
    </row>
    <row r="20626" spans="1:7" x14ac:dyDescent="0.3">
      <c r="A20626" s="13" t="s">
        <v>141</v>
      </c>
      <c r="B20626" s="14" t="s">
        <v>1</v>
      </c>
      <c r="C20626" s="14" t="s">
        <v>70</v>
      </c>
      <c r="D20626" s="14" t="s">
        <v>142</v>
      </c>
      <c r="E20626" s="15">
        <v>45562</v>
      </c>
      <c r="F20626" s="14" t="s">
        <v>28</v>
      </c>
      <c r="G20626" s="16">
        <v>1.5900748283886676</v>
      </c>
    </row>
    <row r="20627" spans="1:7" x14ac:dyDescent="0.3">
      <c r="A20627" s="13" t="s">
        <v>141</v>
      </c>
      <c r="B20627" s="14" t="s">
        <v>1</v>
      </c>
      <c r="C20627" s="14" t="s">
        <v>70</v>
      </c>
      <c r="D20627" s="14" t="s">
        <v>142</v>
      </c>
      <c r="E20627" s="15">
        <v>45563</v>
      </c>
      <c r="F20627" s="14" t="s">
        <v>28</v>
      </c>
      <c r="G20627" s="16">
        <v>1.5900748283886676</v>
      </c>
    </row>
    <row r="20628" spans="1:7" x14ac:dyDescent="0.3">
      <c r="A20628" s="13" t="s">
        <v>141</v>
      </c>
      <c r="B20628" s="14" t="s">
        <v>1</v>
      </c>
      <c r="C20628" s="14" t="s">
        <v>70</v>
      </c>
      <c r="D20628" s="14" t="s">
        <v>142</v>
      </c>
      <c r="E20628" s="15">
        <v>45564</v>
      </c>
      <c r="F20628" s="14" t="s">
        <v>28</v>
      </c>
      <c r="G20628" s="16">
        <v>1.5900748283886676</v>
      </c>
    </row>
    <row r="20629" spans="1:7" x14ac:dyDescent="0.3">
      <c r="A20629" s="13" t="s">
        <v>141</v>
      </c>
      <c r="B20629" s="14" t="s">
        <v>1</v>
      </c>
      <c r="C20629" s="14" t="s">
        <v>70</v>
      </c>
      <c r="D20629" s="14" t="s">
        <v>142</v>
      </c>
      <c r="E20629" s="15">
        <v>45565</v>
      </c>
      <c r="F20629" s="14" t="s">
        <v>28</v>
      </c>
      <c r="G20629" s="16">
        <v>1.6134123549561776</v>
      </c>
    </row>
    <row r="20630" spans="1:7" x14ac:dyDescent="0.3">
      <c r="A20630" s="13" t="s">
        <v>141</v>
      </c>
      <c r="B20630" s="14" t="s">
        <v>1</v>
      </c>
      <c r="C20630" s="14" t="s">
        <v>70</v>
      </c>
      <c r="D20630" s="14" t="s">
        <v>142</v>
      </c>
      <c r="E20630" s="15">
        <v>45566</v>
      </c>
      <c r="F20630" s="14" t="s">
        <v>28</v>
      </c>
      <c r="G20630" s="16">
        <v>1.6331775559163928</v>
      </c>
    </row>
    <row r="20631" spans="1:7" x14ac:dyDescent="0.3">
      <c r="A20631" s="13" t="s">
        <v>141</v>
      </c>
      <c r="B20631" s="14" t="s">
        <v>1</v>
      </c>
      <c r="C20631" s="14" t="s">
        <v>70</v>
      </c>
      <c r="D20631" s="14" t="s">
        <v>142</v>
      </c>
      <c r="E20631" s="15">
        <v>45567</v>
      </c>
      <c r="F20631" s="14" t="s">
        <v>28</v>
      </c>
      <c r="G20631" s="16">
        <v>1.6427608978315813</v>
      </c>
    </row>
    <row r="20632" spans="1:7" x14ac:dyDescent="0.3">
      <c r="A20632" s="13" t="s">
        <v>141</v>
      </c>
      <c r="B20632" s="14" t="s">
        <v>1</v>
      </c>
      <c r="C20632" s="14" t="s">
        <v>70</v>
      </c>
      <c r="D20632" s="14" t="s">
        <v>142</v>
      </c>
      <c r="E20632" s="15">
        <v>45568</v>
      </c>
      <c r="F20632" s="14" t="s">
        <v>28</v>
      </c>
      <c r="G20632" s="16">
        <v>1.6520780424296451</v>
      </c>
    </row>
    <row r="20633" spans="1:7" x14ac:dyDescent="0.3">
      <c r="A20633" s="13" t="s">
        <v>141</v>
      </c>
      <c r="B20633" s="14" t="s">
        <v>1</v>
      </c>
      <c r="C20633" s="14" t="s">
        <v>70</v>
      </c>
      <c r="D20633" s="14" t="s">
        <v>142</v>
      </c>
      <c r="E20633" s="15">
        <v>45569</v>
      </c>
      <c r="F20633" s="14" t="s">
        <v>28</v>
      </c>
      <c r="G20633" s="16">
        <v>1.6681136537445334</v>
      </c>
    </row>
    <row r="20634" spans="1:7" x14ac:dyDescent="0.3">
      <c r="A20634" s="13" t="s">
        <v>141</v>
      </c>
      <c r="B20634" s="14" t="s">
        <v>1</v>
      </c>
      <c r="C20634" s="14" t="s">
        <v>70</v>
      </c>
      <c r="D20634" s="14" t="s">
        <v>142</v>
      </c>
      <c r="E20634" s="15">
        <v>45570</v>
      </c>
      <c r="F20634" s="14" t="s">
        <v>28</v>
      </c>
      <c r="G20634" s="16">
        <v>1.6681136537445334</v>
      </c>
    </row>
    <row r="20635" spans="1:7" x14ac:dyDescent="0.3">
      <c r="A20635" s="13" t="s">
        <v>141</v>
      </c>
      <c r="B20635" s="14" t="s">
        <v>1</v>
      </c>
      <c r="C20635" s="14" t="s">
        <v>70</v>
      </c>
      <c r="D20635" s="14" t="s">
        <v>142</v>
      </c>
      <c r="E20635" s="15">
        <v>45571</v>
      </c>
      <c r="F20635" s="14" t="s">
        <v>28</v>
      </c>
      <c r="G20635" s="16">
        <v>1.6681136537445334</v>
      </c>
    </row>
    <row r="20636" spans="1:7" x14ac:dyDescent="0.3">
      <c r="A20636" s="13" t="s">
        <v>141</v>
      </c>
      <c r="B20636" s="14" t="s">
        <v>1</v>
      </c>
      <c r="C20636" s="14" t="s">
        <v>70</v>
      </c>
      <c r="D20636" s="14" t="s">
        <v>142</v>
      </c>
      <c r="E20636" s="15">
        <v>45572</v>
      </c>
      <c r="F20636" s="14" t="s">
        <v>28</v>
      </c>
      <c r="G20636" s="16">
        <v>1.6869287724348616</v>
      </c>
    </row>
    <row r="20637" spans="1:7" x14ac:dyDescent="0.3">
      <c r="A20637" s="13" t="s">
        <v>141</v>
      </c>
      <c r="B20637" s="14" t="s">
        <v>1</v>
      </c>
      <c r="C20637" s="14" t="s">
        <v>70</v>
      </c>
      <c r="D20637" s="14" t="s">
        <v>142</v>
      </c>
      <c r="E20637" s="15">
        <v>45573</v>
      </c>
      <c r="F20637" s="14" t="s">
        <v>28</v>
      </c>
      <c r="G20637" s="16">
        <v>1.69747607179884</v>
      </c>
    </row>
    <row r="20638" spans="1:7" x14ac:dyDescent="0.3">
      <c r="A20638" s="13" t="s">
        <v>141</v>
      </c>
      <c r="B20638" s="14" t="s">
        <v>1</v>
      </c>
      <c r="C20638" s="14" t="s">
        <v>70</v>
      </c>
      <c r="D20638" s="14" t="s">
        <v>142</v>
      </c>
      <c r="E20638" s="15">
        <v>45574</v>
      </c>
      <c r="F20638" s="14" t="s">
        <v>28</v>
      </c>
      <c r="G20638" s="16">
        <v>1.7053607153448587</v>
      </c>
    </row>
    <row r="20639" spans="1:7" x14ac:dyDescent="0.3">
      <c r="A20639" s="13" t="s">
        <v>141</v>
      </c>
      <c r="B20639" s="14" t="s">
        <v>1</v>
      </c>
      <c r="C20639" s="14" t="s">
        <v>70</v>
      </c>
      <c r="D20639" s="14" t="s">
        <v>142</v>
      </c>
      <c r="E20639" s="15">
        <v>45575</v>
      </c>
      <c r="F20639" s="14" t="s">
        <v>28</v>
      </c>
      <c r="G20639" s="16">
        <v>1.7070455376372538</v>
      </c>
    </row>
    <row r="20640" spans="1:7" x14ac:dyDescent="0.3">
      <c r="A20640" s="13" t="s">
        <v>141</v>
      </c>
      <c r="B20640" s="14" t="s">
        <v>1</v>
      </c>
      <c r="C20640" s="14" t="s">
        <v>70</v>
      </c>
      <c r="D20640" s="14" t="s">
        <v>142</v>
      </c>
      <c r="E20640" s="15">
        <v>45576</v>
      </c>
      <c r="F20640" s="14" t="s">
        <v>28</v>
      </c>
      <c r="G20640" s="16">
        <v>1.7234058130796603</v>
      </c>
    </row>
    <row r="20641" spans="1:7" x14ac:dyDescent="0.3">
      <c r="A20641" s="13" t="s">
        <v>141</v>
      </c>
      <c r="B20641" s="14" t="s">
        <v>1</v>
      </c>
      <c r="C20641" s="14" t="s">
        <v>70</v>
      </c>
      <c r="D20641" s="14" t="s">
        <v>142</v>
      </c>
      <c r="E20641" s="15">
        <v>45577</v>
      </c>
      <c r="F20641" s="14" t="s">
        <v>28</v>
      </c>
      <c r="G20641" s="16">
        <v>1.7234058130796603</v>
      </c>
    </row>
    <row r="20642" spans="1:7" x14ac:dyDescent="0.3">
      <c r="A20642" s="13" t="s">
        <v>141</v>
      </c>
      <c r="B20642" s="14" t="s">
        <v>1</v>
      </c>
      <c r="C20642" s="14" t="s">
        <v>70</v>
      </c>
      <c r="D20642" s="14" t="s">
        <v>142</v>
      </c>
      <c r="E20642" s="15">
        <v>45578</v>
      </c>
      <c r="F20642" s="14" t="s">
        <v>28</v>
      </c>
      <c r="G20642" s="16">
        <v>1.7234058130796603</v>
      </c>
    </row>
    <row r="20643" spans="1:7" x14ac:dyDescent="0.3">
      <c r="A20643" s="13" t="s">
        <v>141</v>
      </c>
      <c r="B20643" s="14" t="s">
        <v>1</v>
      </c>
      <c r="C20643" s="14" t="s">
        <v>70</v>
      </c>
      <c r="D20643" s="14" t="s">
        <v>142</v>
      </c>
      <c r="E20643" s="15">
        <v>45579</v>
      </c>
      <c r="F20643" s="14" t="s">
        <v>28</v>
      </c>
      <c r="G20643" s="16">
        <v>1.7316674963754439</v>
      </c>
    </row>
    <row r="20644" spans="1:7" x14ac:dyDescent="0.3">
      <c r="A20644" s="13" t="s">
        <v>141</v>
      </c>
      <c r="B20644" s="14" t="s">
        <v>1</v>
      </c>
      <c r="C20644" s="14" t="s">
        <v>70</v>
      </c>
      <c r="D20644" s="14" t="s">
        <v>142</v>
      </c>
      <c r="E20644" s="15">
        <v>45580</v>
      </c>
      <c r="F20644" s="14" t="s">
        <v>28</v>
      </c>
      <c r="G20644" s="16">
        <v>1.7434734751423633</v>
      </c>
    </row>
    <row r="20645" spans="1:7" x14ac:dyDescent="0.3">
      <c r="A20645" s="13" t="s">
        <v>141</v>
      </c>
      <c r="B20645" s="14" t="s">
        <v>1</v>
      </c>
      <c r="C20645" s="14" t="s">
        <v>70</v>
      </c>
      <c r="D20645" s="14" t="s">
        <v>142</v>
      </c>
      <c r="E20645" s="15">
        <v>45581</v>
      </c>
      <c r="F20645" s="14" t="s">
        <v>28</v>
      </c>
      <c r="G20645" s="16">
        <v>1.7564012698479519</v>
      </c>
    </row>
    <row r="20646" spans="1:7" x14ac:dyDescent="0.3">
      <c r="A20646" s="13" t="s">
        <v>141</v>
      </c>
      <c r="B20646" s="14" t="s">
        <v>1</v>
      </c>
      <c r="C20646" s="14" t="s">
        <v>70</v>
      </c>
      <c r="D20646" s="14" t="s">
        <v>142</v>
      </c>
      <c r="E20646" s="15">
        <v>45582</v>
      </c>
      <c r="F20646" s="14" t="s">
        <v>28</v>
      </c>
      <c r="G20646" s="16">
        <v>1.7616258795297661</v>
      </c>
    </row>
    <row r="20647" spans="1:7" x14ac:dyDescent="0.3">
      <c r="A20647" s="13" t="s">
        <v>141</v>
      </c>
      <c r="B20647" s="14" t="s">
        <v>1</v>
      </c>
      <c r="C20647" s="14" t="s">
        <v>70</v>
      </c>
      <c r="D20647" s="14" t="s">
        <v>142</v>
      </c>
      <c r="E20647" s="15">
        <v>45583</v>
      </c>
      <c r="F20647" s="14" t="s">
        <v>28</v>
      </c>
      <c r="G20647" s="16">
        <v>1.7664951693874096</v>
      </c>
    </row>
    <row r="20648" spans="1:7" x14ac:dyDescent="0.3">
      <c r="A20648" s="13" t="s">
        <v>141</v>
      </c>
      <c r="B20648" s="14" t="s">
        <v>1</v>
      </c>
      <c r="C20648" s="14" t="s">
        <v>70</v>
      </c>
      <c r="D20648" s="14" t="s">
        <v>142</v>
      </c>
      <c r="E20648" s="15">
        <v>45584</v>
      </c>
      <c r="F20648" s="14" t="s">
        <v>28</v>
      </c>
      <c r="G20648" s="16">
        <v>1.7664951693874096</v>
      </c>
    </row>
    <row r="20649" spans="1:7" x14ac:dyDescent="0.3">
      <c r="A20649" s="13" t="s">
        <v>141</v>
      </c>
      <c r="B20649" s="14" t="s">
        <v>1</v>
      </c>
      <c r="C20649" s="14" t="s">
        <v>70</v>
      </c>
      <c r="D20649" s="14" t="s">
        <v>142</v>
      </c>
      <c r="E20649" s="15">
        <v>45585</v>
      </c>
      <c r="F20649" s="14" t="s">
        <v>28</v>
      </c>
      <c r="G20649" s="16">
        <v>1.7664951693874096</v>
      </c>
    </row>
    <row r="20650" spans="1:7" x14ac:dyDescent="0.3">
      <c r="A20650" s="13" t="s">
        <v>141</v>
      </c>
      <c r="B20650" s="14" t="s">
        <v>1</v>
      </c>
      <c r="C20650" s="14" t="s">
        <v>70</v>
      </c>
      <c r="D20650" s="14" t="s">
        <v>142</v>
      </c>
      <c r="E20650" s="15">
        <v>45586</v>
      </c>
      <c r="F20650" s="14" t="s">
        <v>28</v>
      </c>
      <c r="G20650" s="16">
        <v>1.7836119189879371</v>
      </c>
    </row>
    <row r="20651" spans="1:7" x14ac:dyDescent="0.3">
      <c r="A20651" s="13" t="s">
        <v>141</v>
      </c>
      <c r="B20651" s="14" t="s">
        <v>1</v>
      </c>
      <c r="C20651" s="14" t="s">
        <v>70</v>
      </c>
      <c r="D20651" s="14" t="s">
        <v>142</v>
      </c>
      <c r="E20651" s="15">
        <v>45587</v>
      </c>
      <c r="F20651" s="14" t="s">
        <v>28</v>
      </c>
      <c r="G20651" s="16">
        <v>1.7944177586921966</v>
      </c>
    </row>
    <row r="20652" spans="1:7" x14ac:dyDescent="0.3">
      <c r="A20652" s="13" t="s">
        <v>141</v>
      </c>
      <c r="B20652" s="14" t="s">
        <v>1</v>
      </c>
      <c r="C20652" s="14" t="s">
        <v>70</v>
      </c>
      <c r="D20652" s="14" t="s">
        <v>142</v>
      </c>
      <c r="E20652" s="15">
        <v>45588</v>
      </c>
      <c r="F20652" s="14" t="s">
        <v>28</v>
      </c>
      <c r="G20652" s="16">
        <v>1.8073225011127851</v>
      </c>
    </row>
    <row r="20653" spans="1:7" x14ac:dyDescent="0.3">
      <c r="A20653" s="13" t="s">
        <v>141</v>
      </c>
      <c r="B20653" s="14" t="s">
        <v>1</v>
      </c>
      <c r="C20653" s="14" t="s">
        <v>70</v>
      </c>
      <c r="D20653" s="14" t="s">
        <v>142</v>
      </c>
      <c r="E20653" s="15">
        <v>45589</v>
      </c>
      <c r="F20653" s="14" t="s">
        <v>28</v>
      </c>
      <c r="G20653" s="16">
        <v>1.8063852670376268</v>
      </c>
    </row>
    <row r="20654" spans="1:7" x14ac:dyDescent="0.3">
      <c r="A20654" s="13" t="s">
        <v>141</v>
      </c>
      <c r="B20654" s="14" t="s">
        <v>1</v>
      </c>
      <c r="C20654" s="14" t="s">
        <v>70</v>
      </c>
      <c r="D20654" s="14" t="s">
        <v>142</v>
      </c>
      <c r="E20654" s="15">
        <v>45590</v>
      </c>
      <c r="F20654" s="14" t="s">
        <v>28</v>
      </c>
      <c r="G20654" s="16">
        <v>1.8144394025484738</v>
      </c>
    </row>
    <row r="20655" spans="1:7" x14ac:dyDescent="0.3">
      <c r="A20655" s="13" t="s">
        <v>141</v>
      </c>
      <c r="B20655" s="14" t="s">
        <v>1</v>
      </c>
      <c r="C20655" s="14" t="s">
        <v>70</v>
      </c>
      <c r="D20655" s="14" t="s">
        <v>142</v>
      </c>
      <c r="E20655" s="15">
        <v>45591</v>
      </c>
      <c r="F20655" s="14" t="s">
        <v>28</v>
      </c>
      <c r="G20655" s="16">
        <v>1.8144394025484738</v>
      </c>
    </row>
    <row r="20656" spans="1:7" x14ac:dyDescent="0.3">
      <c r="A20656" s="13" t="s">
        <v>141</v>
      </c>
      <c r="B20656" s="14" t="s">
        <v>1</v>
      </c>
      <c r="C20656" s="14" t="s">
        <v>70</v>
      </c>
      <c r="D20656" s="14" t="s">
        <v>142</v>
      </c>
      <c r="E20656" s="15">
        <v>45592</v>
      </c>
      <c r="F20656" s="14" t="s">
        <v>28</v>
      </c>
      <c r="G20656" s="16">
        <v>1.8144394025484738</v>
      </c>
    </row>
    <row r="20657" spans="1:7" x14ac:dyDescent="0.3">
      <c r="A20657" s="13" t="s">
        <v>141</v>
      </c>
      <c r="B20657" s="14" t="s">
        <v>1</v>
      </c>
      <c r="C20657" s="14" t="s">
        <v>70</v>
      </c>
      <c r="D20657" s="14" t="s">
        <v>142</v>
      </c>
      <c r="E20657" s="15">
        <v>45593</v>
      </c>
      <c r="F20657" s="14" t="s">
        <v>28</v>
      </c>
      <c r="G20657" s="16">
        <v>1.8144394025484738</v>
      </c>
    </row>
    <row r="20658" spans="1:7" x14ac:dyDescent="0.3">
      <c r="A20658" s="13" t="s">
        <v>141</v>
      </c>
      <c r="B20658" s="14" t="s">
        <v>1</v>
      </c>
      <c r="C20658" s="14" t="s">
        <v>70</v>
      </c>
      <c r="D20658" s="14" t="s">
        <v>142</v>
      </c>
      <c r="E20658" s="15">
        <v>45594</v>
      </c>
      <c r="F20658" s="14" t="s">
        <v>28</v>
      </c>
      <c r="G20658" s="16">
        <v>1.8224017990804502</v>
      </c>
    </row>
    <row r="20659" spans="1:7" x14ac:dyDescent="0.3">
      <c r="A20659" s="13" t="s">
        <v>141</v>
      </c>
      <c r="B20659" s="14" t="s">
        <v>1</v>
      </c>
      <c r="C20659" s="14" t="s">
        <v>70</v>
      </c>
      <c r="D20659" s="14" t="s">
        <v>142</v>
      </c>
      <c r="E20659" s="15">
        <v>45595</v>
      </c>
      <c r="F20659" s="14" t="s">
        <v>28</v>
      </c>
      <c r="G20659" s="16">
        <v>1.843347797195628</v>
      </c>
    </row>
    <row r="20660" spans="1:7" x14ac:dyDescent="0.3">
      <c r="A20660" s="13" t="s">
        <v>141</v>
      </c>
      <c r="B20660" s="14" t="s">
        <v>1</v>
      </c>
      <c r="C20660" s="14" t="s">
        <v>70</v>
      </c>
      <c r="D20660" s="14" t="s">
        <v>142</v>
      </c>
      <c r="E20660" s="15">
        <v>45596</v>
      </c>
      <c r="F20660" s="14" t="s">
        <v>28</v>
      </c>
      <c r="G20660" s="16">
        <v>1.8435480158260158</v>
      </c>
    </row>
    <row r="20661" spans="1:7" x14ac:dyDescent="0.3">
      <c r="A20661" s="13" t="s">
        <v>141</v>
      </c>
      <c r="B20661" s="14" t="s">
        <v>1</v>
      </c>
      <c r="C20661" s="14" t="s">
        <v>70</v>
      </c>
      <c r="D20661" s="14" t="s">
        <v>142</v>
      </c>
      <c r="E20661" s="15">
        <v>45597</v>
      </c>
      <c r="F20661" s="14" t="s">
        <v>28</v>
      </c>
      <c r="G20661" s="16">
        <v>1.8574341685268545</v>
      </c>
    </row>
    <row r="20662" spans="1:7" x14ac:dyDescent="0.3">
      <c r="A20662" s="13" t="s">
        <v>141</v>
      </c>
      <c r="B20662" s="14" t="s">
        <v>1</v>
      </c>
      <c r="C20662" s="14" t="s">
        <v>70</v>
      </c>
      <c r="D20662" s="14" t="s">
        <v>142</v>
      </c>
      <c r="E20662" s="15">
        <v>45598</v>
      </c>
      <c r="F20662" s="14" t="s">
        <v>28</v>
      </c>
      <c r="G20662" s="16">
        <v>1.8574341685268545</v>
      </c>
    </row>
    <row r="20663" spans="1:7" x14ac:dyDescent="0.3">
      <c r="A20663" s="13" t="s">
        <v>141</v>
      </c>
      <c r="B20663" s="14" t="s">
        <v>1</v>
      </c>
      <c r="C20663" s="14" t="s">
        <v>70</v>
      </c>
      <c r="D20663" s="14" t="s">
        <v>142</v>
      </c>
      <c r="E20663" s="15">
        <v>45599</v>
      </c>
      <c r="F20663" s="14" t="s">
        <v>28</v>
      </c>
      <c r="G20663" s="16">
        <v>1.8574341685268545</v>
      </c>
    </row>
    <row r="20664" spans="1:7" x14ac:dyDescent="0.3">
      <c r="A20664" s="13" t="s">
        <v>141</v>
      </c>
      <c r="B20664" s="14" t="s">
        <v>1</v>
      </c>
      <c r="C20664" s="14" t="s">
        <v>70</v>
      </c>
      <c r="D20664" s="14" t="s">
        <v>142</v>
      </c>
      <c r="E20664" s="15">
        <v>45600</v>
      </c>
      <c r="F20664" s="14" t="s">
        <v>28</v>
      </c>
      <c r="G20664" s="16">
        <v>1.8473406175788469</v>
      </c>
    </row>
    <row r="20665" spans="1:7" x14ac:dyDescent="0.3">
      <c r="A20665" s="13" t="s">
        <v>141</v>
      </c>
      <c r="B20665" s="14" t="s">
        <v>1</v>
      </c>
      <c r="C20665" s="14" t="s">
        <v>70</v>
      </c>
      <c r="D20665" s="14" t="s">
        <v>142</v>
      </c>
      <c r="E20665" s="15">
        <v>45601</v>
      </c>
      <c r="F20665" s="14" t="s">
        <v>28</v>
      </c>
      <c r="G20665" s="16">
        <v>1.8491944061011552</v>
      </c>
    </row>
    <row r="20666" spans="1:7" x14ac:dyDescent="0.3">
      <c r="A20666" s="13" t="s">
        <v>141</v>
      </c>
      <c r="B20666" s="14" t="s">
        <v>1</v>
      </c>
      <c r="C20666" s="14" t="s">
        <v>70</v>
      </c>
      <c r="D20666" s="14" t="s">
        <v>142</v>
      </c>
      <c r="E20666" s="15">
        <v>45602</v>
      </c>
      <c r="F20666" s="14" t="s">
        <v>28</v>
      </c>
      <c r="G20666" s="16">
        <v>1.8820079271007526</v>
      </c>
    </row>
    <row r="20667" spans="1:7" x14ac:dyDescent="0.3">
      <c r="A20667" s="13" t="s">
        <v>141</v>
      </c>
      <c r="B20667" s="14" t="s">
        <v>1</v>
      </c>
      <c r="C20667" s="14" t="s">
        <v>70</v>
      </c>
      <c r="D20667" s="14" t="s">
        <v>142</v>
      </c>
      <c r="E20667" s="15">
        <v>45603</v>
      </c>
      <c r="F20667" s="14" t="s">
        <v>28</v>
      </c>
      <c r="G20667" s="16">
        <v>1.8674226844453823</v>
      </c>
    </row>
    <row r="20668" spans="1:7" x14ac:dyDescent="0.3">
      <c r="A20668" s="13" t="s">
        <v>141</v>
      </c>
      <c r="B20668" s="14" t="s">
        <v>1</v>
      </c>
      <c r="C20668" s="14" t="s">
        <v>70</v>
      </c>
      <c r="D20668" s="14" t="s">
        <v>142</v>
      </c>
      <c r="E20668" s="15">
        <v>45604</v>
      </c>
      <c r="F20668" s="14" t="s">
        <v>28</v>
      </c>
      <c r="G20668" s="16">
        <v>1.8923852348148376</v>
      </c>
    </row>
    <row r="20669" spans="1:7" x14ac:dyDescent="0.3">
      <c r="A20669" s="13" t="s">
        <v>141</v>
      </c>
      <c r="B20669" s="14" t="s">
        <v>1</v>
      </c>
      <c r="C20669" s="14" t="s">
        <v>70</v>
      </c>
      <c r="D20669" s="14" t="s">
        <v>142</v>
      </c>
      <c r="E20669" s="15">
        <v>45605</v>
      </c>
      <c r="F20669" s="14" t="s">
        <v>28</v>
      </c>
      <c r="G20669" s="16">
        <v>1.8923852348148376</v>
      </c>
    </row>
    <row r="20670" spans="1:7" x14ac:dyDescent="0.3">
      <c r="A20670" s="13" t="s">
        <v>141</v>
      </c>
      <c r="B20670" s="14" t="s">
        <v>1</v>
      </c>
      <c r="C20670" s="14" t="s">
        <v>70</v>
      </c>
      <c r="D20670" s="14" t="s">
        <v>142</v>
      </c>
      <c r="E20670" s="15">
        <v>45606</v>
      </c>
      <c r="F20670" s="14" t="s">
        <v>28</v>
      </c>
      <c r="G20670" s="16">
        <v>1.8923852348148376</v>
      </c>
    </row>
    <row r="20671" spans="1:7" x14ac:dyDescent="0.3">
      <c r="A20671" s="13" t="s">
        <v>141</v>
      </c>
      <c r="B20671" s="14" t="s">
        <v>1</v>
      </c>
      <c r="C20671" s="14" t="s">
        <v>70</v>
      </c>
      <c r="D20671" s="14" t="s">
        <v>142</v>
      </c>
      <c r="E20671" s="15">
        <v>45607</v>
      </c>
      <c r="F20671" s="14" t="s">
        <v>28</v>
      </c>
      <c r="G20671" s="16">
        <v>1.9128136807305656</v>
      </c>
    </row>
    <row r="20672" spans="1:7" x14ac:dyDescent="0.3">
      <c r="A20672" s="13" t="s">
        <v>141</v>
      </c>
      <c r="B20672" s="14" t="s">
        <v>1</v>
      </c>
      <c r="C20672" s="14" t="s">
        <v>70</v>
      </c>
      <c r="D20672" s="14" t="s">
        <v>142</v>
      </c>
      <c r="E20672" s="15">
        <v>45608</v>
      </c>
      <c r="F20672" s="14" t="s">
        <v>28</v>
      </c>
      <c r="G20672" s="16">
        <v>1.9300355593615204</v>
      </c>
    </row>
    <row r="20673" spans="1:7" x14ac:dyDescent="0.3">
      <c r="A20673" s="13" t="s">
        <v>141</v>
      </c>
      <c r="B20673" s="14" t="s">
        <v>1</v>
      </c>
      <c r="C20673" s="14" t="s">
        <v>70</v>
      </c>
      <c r="D20673" s="14" t="s">
        <v>142</v>
      </c>
      <c r="E20673" s="15">
        <v>45609</v>
      </c>
      <c r="F20673" s="14" t="s">
        <v>28</v>
      </c>
      <c r="G20673" s="16">
        <v>1.9396516720281247</v>
      </c>
    </row>
    <row r="20674" spans="1:7" x14ac:dyDescent="0.3">
      <c r="A20674" s="13" t="s">
        <v>141</v>
      </c>
      <c r="B20674" s="14" t="s">
        <v>1</v>
      </c>
      <c r="C20674" s="14" t="s">
        <v>70</v>
      </c>
      <c r="D20674" s="14" t="s">
        <v>142</v>
      </c>
      <c r="E20674" s="15">
        <v>45610</v>
      </c>
      <c r="F20674" s="14" t="s">
        <v>28</v>
      </c>
      <c r="G20674" s="16">
        <v>1.9474788078490182</v>
      </c>
    </row>
    <row r="20675" spans="1:7" x14ac:dyDescent="0.3">
      <c r="A20675" s="13" t="s">
        <v>141</v>
      </c>
      <c r="B20675" s="14" t="s">
        <v>1</v>
      </c>
      <c r="C20675" s="14" t="s">
        <v>70</v>
      </c>
      <c r="D20675" s="14" t="s">
        <v>142</v>
      </c>
      <c r="E20675" s="15">
        <v>45611</v>
      </c>
      <c r="F20675" s="14" t="s">
        <v>28</v>
      </c>
      <c r="G20675" s="16">
        <v>1.9802310697830845</v>
      </c>
    </row>
    <row r="20676" spans="1:7" x14ac:dyDescent="0.3">
      <c r="A20676" s="13" t="s">
        <v>141</v>
      </c>
      <c r="B20676" s="14" t="s">
        <v>1</v>
      </c>
      <c r="C20676" s="14" t="s">
        <v>70</v>
      </c>
      <c r="D20676" s="14" t="s">
        <v>142</v>
      </c>
      <c r="E20676" s="15">
        <v>45612</v>
      </c>
      <c r="F20676" s="14" t="s">
        <v>28</v>
      </c>
      <c r="G20676" s="16">
        <v>1.9802310697830845</v>
      </c>
    </row>
    <row r="20677" spans="1:7" x14ac:dyDescent="0.3">
      <c r="A20677" s="13" t="s">
        <v>141</v>
      </c>
      <c r="B20677" s="14" t="s">
        <v>1</v>
      </c>
      <c r="C20677" s="14" t="s">
        <v>70</v>
      </c>
      <c r="D20677" s="14" t="s">
        <v>142</v>
      </c>
      <c r="E20677" s="15">
        <v>45613</v>
      </c>
      <c r="F20677" s="14" t="s">
        <v>28</v>
      </c>
      <c r="G20677" s="16">
        <v>1.9802310697830845</v>
      </c>
    </row>
    <row r="20678" spans="1:7" x14ac:dyDescent="0.3">
      <c r="A20678" s="13" t="s">
        <v>141</v>
      </c>
      <c r="B20678" s="14" t="s">
        <v>1</v>
      </c>
      <c r="C20678" s="14" t="s">
        <v>70</v>
      </c>
      <c r="D20678" s="14" t="s">
        <v>142</v>
      </c>
      <c r="E20678" s="15">
        <v>45614</v>
      </c>
      <c r="F20678" s="14" t="s">
        <v>28</v>
      </c>
      <c r="G20678" s="16">
        <v>1.9835150971673927</v>
      </c>
    </row>
    <row r="20679" spans="1:7" x14ac:dyDescent="0.3">
      <c r="A20679" s="13" t="s">
        <v>141</v>
      </c>
      <c r="B20679" s="14" t="s">
        <v>1</v>
      </c>
      <c r="C20679" s="14" t="s">
        <v>70</v>
      </c>
      <c r="D20679" s="14" t="s">
        <v>142</v>
      </c>
      <c r="E20679" s="15">
        <v>45615</v>
      </c>
      <c r="F20679" s="14" t="s">
        <v>28</v>
      </c>
      <c r="G20679" s="16">
        <v>2.0136209942783556</v>
      </c>
    </row>
    <row r="20680" spans="1:7" x14ac:dyDescent="0.3">
      <c r="A20680" s="13" t="s">
        <v>141</v>
      </c>
      <c r="B20680" s="14" t="s">
        <v>1</v>
      </c>
      <c r="C20680" s="14" t="s">
        <v>70</v>
      </c>
      <c r="D20680" s="14" t="s">
        <v>142</v>
      </c>
      <c r="E20680" s="15">
        <v>45616</v>
      </c>
      <c r="F20680" s="14" t="s">
        <v>28</v>
      </c>
      <c r="G20680" s="16">
        <v>2.0248716495477512</v>
      </c>
    </row>
    <row r="20681" spans="1:7" x14ac:dyDescent="0.3">
      <c r="A20681" s="13" t="s">
        <v>141</v>
      </c>
      <c r="B20681" s="14" t="s">
        <v>1</v>
      </c>
      <c r="C20681" s="14" t="s">
        <v>70</v>
      </c>
      <c r="D20681" s="14" t="s">
        <v>142</v>
      </c>
      <c r="E20681" s="15">
        <v>45617</v>
      </c>
      <c r="F20681" s="14" t="s">
        <v>28</v>
      </c>
      <c r="G20681" s="16">
        <v>2.0369429259418697</v>
      </c>
    </row>
    <row r="20682" spans="1:7" x14ac:dyDescent="0.3">
      <c r="A20682" s="13" t="s">
        <v>141</v>
      </c>
      <c r="B20682" s="14" t="s">
        <v>1</v>
      </c>
      <c r="C20682" s="14" t="s">
        <v>70</v>
      </c>
      <c r="D20682" s="14" t="s">
        <v>142</v>
      </c>
      <c r="E20682" s="15">
        <v>45618</v>
      </c>
      <c r="F20682" s="14" t="s">
        <v>28</v>
      </c>
      <c r="G20682" s="16">
        <v>2.0433857589601052</v>
      </c>
    </row>
    <row r="20683" spans="1:7" x14ac:dyDescent="0.3">
      <c r="A20683" s="13" t="s">
        <v>141</v>
      </c>
      <c r="B20683" s="14" t="s">
        <v>1</v>
      </c>
      <c r="C20683" s="14" t="s">
        <v>70</v>
      </c>
      <c r="D20683" s="14" t="s">
        <v>142</v>
      </c>
      <c r="E20683" s="15">
        <v>45619</v>
      </c>
      <c r="F20683" s="14" t="s">
        <v>28</v>
      </c>
      <c r="G20683" s="16">
        <v>2.0433857589601052</v>
      </c>
    </row>
    <row r="20684" spans="1:7" x14ac:dyDescent="0.3">
      <c r="A20684" s="13" t="s">
        <v>141</v>
      </c>
      <c r="B20684" s="14" t="s">
        <v>1</v>
      </c>
      <c r="C20684" s="14" t="s">
        <v>70</v>
      </c>
      <c r="D20684" s="14" t="s">
        <v>142</v>
      </c>
      <c r="E20684" s="15">
        <v>45620</v>
      </c>
      <c r="F20684" s="14" t="s">
        <v>28</v>
      </c>
      <c r="G20684" s="16">
        <v>2.0433857589601052</v>
      </c>
    </row>
    <row r="20685" spans="1:7" x14ac:dyDescent="0.3">
      <c r="A20685" s="13" t="s">
        <v>141</v>
      </c>
      <c r="B20685" s="14" t="s">
        <v>1</v>
      </c>
      <c r="C20685" s="14" t="s">
        <v>70</v>
      </c>
      <c r="D20685" s="14" t="s">
        <v>142</v>
      </c>
      <c r="E20685" s="15">
        <v>45621</v>
      </c>
      <c r="F20685" s="14" t="s">
        <v>28</v>
      </c>
      <c r="G20685" s="16">
        <v>2.0460031342555913</v>
      </c>
    </row>
    <row r="20686" spans="1:7" x14ac:dyDescent="0.3">
      <c r="A20686" s="13" t="s">
        <v>141</v>
      </c>
      <c r="B20686" s="14" t="s">
        <v>1</v>
      </c>
      <c r="C20686" s="14" t="s">
        <v>70</v>
      </c>
      <c r="D20686" s="14" t="s">
        <v>142</v>
      </c>
      <c r="E20686" s="15">
        <v>45622</v>
      </c>
      <c r="F20686" s="14" t="s">
        <v>28</v>
      </c>
      <c r="G20686" s="16">
        <v>2.0676693527511323</v>
      </c>
    </row>
    <row r="20687" spans="1:7" x14ac:dyDescent="0.3">
      <c r="A20687" s="13" t="s">
        <v>141</v>
      </c>
      <c r="B20687" s="14" t="s">
        <v>1</v>
      </c>
      <c r="C20687" s="14" t="s">
        <v>70</v>
      </c>
      <c r="D20687" s="14" t="s">
        <v>142</v>
      </c>
      <c r="E20687" s="15">
        <v>45623</v>
      </c>
      <c r="F20687" s="14" t="s">
        <v>28</v>
      </c>
      <c r="G20687" s="16">
        <v>2.0672215649012688</v>
      </c>
    </row>
    <row r="20688" spans="1:7" x14ac:dyDescent="0.3">
      <c r="A20688" s="13" t="s">
        <v>141</v>
      </c>
      <c r="B20688" s="14" t="s">
        <v>1</v>
      </c>
      <c r="C20688" s="14" t="s">
        <v>70</v>
      </c>
      <c r="D20688" s="14" t="s">
        <v>142</v>
      </c>
      <c r="E20688" s="15">
        <v>45624</v>
      </c>
      <c r="F20688" s="14" t="s">
        <v>28</v>
      </c>
      <c r="G20688" s="16">
        <v>2.0780903398918635</v>
      </c>
    </row>
    <row r="20689" spans="1:7" x14ac:dyDescent="0.3">
      <c r="A20689" s="13" t="s">
        <v>141</v>
      </c>
      <c r="B20689" s="14" t="s">
        <v>1</v>
      </c>
      <c r="C20689" s="14" t="s">
        <v>70</v>
      </c>
      <c r="D20689" s="14" t="s">
        <v>142</v>
      </c>
      <c r="E20689" s="15">
        <v>45625</v>
      </c>
      <c r="F20689" s="14" t="s">
        <v>28</v>
      </c>
      <c r="G20689" s="16">
        <v>2.0764729383957268</v>
      </c>
    </row>
    <row r="20690" spans="1:7" x14ac:dyDescent="0.3">
      <c r="A20690" s="13" t="s">
        <v>141</v>
      </c>
      <c r="B20690" s="14" t="s">
        <v>1</v>
      </c>
      <c r="C20690" s="14" t="s">
        <v>70</v>
      </c>
      <c r="D20690" s="14" t="s">
        <v>142</v>
      </c>
      <c r="E20690" s="15">
        <v>45626</v>
      </c>
      <c r="F20690" s="14" t="s">
        <v>28</v>
      </c>
      <c r="G20690" s="16">
        <v>2.0764729383957268</v>
      </c>
    </row>
    <row r="20691" spans="1:7" x14ac:dyDescent="0.3">
      <c r="A20691" s="13" t="s">
        <v>141</v>
      </c>
      <c r="B20691" s="14" t="s">
        <v>1</v>
      </c>
      <c r="C20691" s="14" t="s">
        <v>70</v>
      </c>
      <c r="D20691" s="14" t="s">
        <v>142</v>
      </c>
      <c r="E20691" s="15">
        <v>45627</v>
      </c>
      <c r="F20691" s="14" t="s">
        <v>28</v>
      </c>
      <c r="G20691" s="16">
        <v>2.0764729383957268</v>
      </c>
    </row>
    <row r="20692" spans="1:7" x14ac:dyDescent="0.3">
      <c r="A20692" s="13" t="s">
        <v>141</v>
      </c>
      <c r="B20692" s="14" t="s">
        <v>1</v>
      </c>
      <c r="C20692" s="14" t="s">
        <v>70</v>
      </c>
      <c r="D20692" s="14" t="s">
        <v>142</v>
      </c>
      <c r="E20692" s="15">
        <v>45628</v>
      </c>
      <c r="F20692" s="14" t="s">
        <v>28</v>
      </c>
      <c r="G20692" s="16">
        <v>2.0966794910232718</v>
      </c>
    </row>
    <row r="20693" spans="1:7" x14ac:dyDescent="0.3">
      <c r="A20693" s="13" t="s">
        <v>141</v>
      </c>
      <c r="B20693" s="14" t="s">
        <v>1</v>
      </c>
      <c r="C20693" s="14" t="s">
        <v>70</v>
      </c>
      <c r="D20693" s="14" t="s">
        <v>142</v>
      </c>
      <c r="E20693" s="15">
        <v>45629</v>
      </c>
      <c r="F20693" s="14" t="s">
        <v>28</v>
      </c>
      <c r="G20693" s="16">
        <v>2.1144219968765765</v>
      </c>
    </row>
    <row r="20694" spans="1:7" x14ac:dyDescent="0.3">
      <c r="A20694" s="13" t="s">
        <v>141</v>
      </c>
      <c r="B20694" s="14" t="s">
        <v>1</v>
      </c>
      <c r="C20694" s="14" t="s">
        <v>70</v>
      </c>
      <c r="D20694" s="14" t="s">
        <v>142</v>
      </c>
      <c r="E20694" s="15">
        <v>45630</v>
      </c>
      <c r="F20694" s="14" t="s">
        <v>28</v>
      </c>
      <c r="G20694" s="16">
        <v>2.1194997948788719</v>
      </c>
    </row>
    <row r="20695" spans="1:7" x14ac:dyDescent="0.3">
      <c r="A20695" s="13" t="s">
        <v>141</v>
      </c>
      <c r="B20695" s="14" t="s">
        <v>1</v>
      </c>
      <c r="C20695" s="14" t="s">
        <v>70</v>
      </c>
      <c r="D20695" s="14" t="s">
        <v>142</v>
      </c>
      <c r="E20695" s="15">
        <v>45631</v>
      </c>
      <c r="F20695" s="14" t="s">
        <v>28</v>
      </c>
      <c r="G20695" s="16">
        <v>2.1161674667687986</v>
      </c>
    </row>
    <row r="20696" spans="1:7" x14ac:dyDescent="0.3">
      <c r="A20696" s="13" t="s">
        <v>141</v>
      </c>
      <c r="B20696" s="14" t="s">
        <v>1</v>
      </c>
      <c r="C20696" s="14" t="s">
        <v>70</v>
      </c>
      <c r="D20696" s="14" t="s">
        <v>142</v>
      </c>
      <c r="E20696" s="15">
        <v>45632</v>
      </c>
      <c r="F20696" s="14" t="s">
        <v>28</v>
      </c>
      <c r="G20696" s="16">
        <v>2.1282728172289249</v>
      </c>
    </row>
    <row r="20697" spans="1:7" x14ac:dyDescent="0.3">
      <c r="A20697" s="13" t="s">
        <v>141</v>
      </c>
      <c r="B20697" s="14" t="s">
        <v>1</v>
      </c>
      <c r="C20697" s="14" t="s">
        <v>70</v>
      </c>
      <c r="D20697" s="14" t="s">
        <v>142</v>
      </c>
      <c r="E20697" s="15">
        <v>45633</v>
      </c>
      <c r="F20697" s="14" t="s">
        <v>28</v>
      </c>
      <c r="G20697" s="16">
        <v>2.1282728172289249</v>
      </c>
    </row>
    <row r="20698" spans="1:7" x14ac:dyDescent="0.3">
      <c r="A20698" s="13" t="s">
        <v>141</v>
      </c>
      <c r="B20698" s="14" t="s">
        <v>1</v>
      </c>
      <c r="C20698" s="14" t="s">
        <v>70</v>
      </c>
      <c r="D20698" s="14" t="s">
        <v>142</v>
      </c>
      <c r="E20698" s="15">
        <v>45634</v>
      </c>
      <c r="F20698" s="14" t="s">
        <v>28</v>
      </c>
      <c r="G20698" s="16">
        <v>2.1282728172289249</v>
      </c>
    </row>
    <row r="20699" spans="1:7" x14ac:dyDescent="0.3">
      <c r="A20699" s="13" t="s">
        <v>141</v>
      </c>
      <c r="B20699" s="14" t="s">
        <v>1</v>
      </c>
      <c r="C20699" s="14" t="s">
        <v>70</v>
      </c>
      <c r="D20699" s="14" t="s">
        <v>142</v>
      </c>
      <c r="E20699" s="15">
        <v>45635</v>
      </c>
      <c r="F20699" s="14" t="s">
        <v>28</v>
      </c>
      <c r="G20699" s="16">
        <v>2.1299520383501127</v>
      </c>
    </row>
    <row r="20700" spans="1:7" x14ac:dyDescent="0.3">
      <c r="A20700" s="13" t="s">
        <v>141</v>
      </c>
      <c r="B20700" s="14" t="s">
        <v>1</v>
      </c>
      <c r="C20700" s="14" t="s">
        <v>70</v>
      </c>
      <c r="D20700" s="14" t="s">
        <v>142</v>
      </c>
      <c r="E20700" s="15">
        <v>45636</v>
      </c>
      <c r="F20700" s="14" t="s">
        <v>28</v>
      </c>
      <c r="G20700" s="16">
        <v>2.1477953863749693</v>
      </c>
    </row>
    <row r="20701" spans="1:7" x14ac:dyDescent="0.3">
      <c r="A20701" s="13" t="s">
        <v>141</v>
      </c>
      <c r="B20701" s="14" t="s">
        <v>1</v>
      </c>
      <c r="C20701" s="14" t="s">
        <v>70</v>
      </c>
      <c r="D20701" s="14" t="s">
        <v>142</v>
      </c>
      <c r="E20701" s="15">
        <v>45637</v>
      </c>
      <c r="F20701" s="14" t="s">
        <v>28</v>
      </c>
      <c r="G20701" s="16">
        <v>2.1565830801525423</v>
      </c>
    </row>
    <row r="20702" spans="1:7" x14ac:dyDescent="0.3">
      <c r="A20702" s="13" t="s">
        <v>141</v>
      </c>
      <c r="B20702" s="14" t="s">
        <v>1</v>
      </c>
      <c r="C20702" s="14" t="s">
        <v>70</v>
      </c>
      <c r="D20702" s="14" t="s">
        <v>142</v>
      </c>
      <c r="E20702" s="15">
        <v>45638</v>
      </c>
      <c r="F20702" s="14" t="s">
        <v>28</v>
      </c>
      <c r="G20702" s="16">
        <v>2.1653868273312225</v>
      </c>
    </row>
    <row r="20703" spans="1:7" x14ac:dyDescent="0.3">
      <c r="A20703" s="13" t="s">
        <v>141</v>
      </c>
      <c r="B20703" s="14" t="s">
        <v>1</v>
      </c>
      <c r="C20703" s="14" t="s">
        <v>70</v>
      </c>
      <c r="D20703" s="14" t="s">
        <v>142</v>
      </c>
      <c r="E20703" s="15">
        <v>45639</v>
      </c>
      <c r="F20703" s="14" t="s">
        <v>28</v>
      </c>
      <c r="G20703" s="16">
        <v>2.1730339654749455</v>
      </c>
    </row>
    <row r="20704" spans="1:7" x14ac:dyDescent="0.3">
      <c r="A20704" s="13" t="s">
        <v>141</v>
      </c>
      <c r="B20704" s="14" t="s">
        <v>1</v>
      </c>
      <c r="C20704" s="14" t="s">
        <v>70</v>
      </c>
      <c r="D20704" s="14" t="s">
        <v>142</v>
      </c>
      <c r="E20704" s="15">
        <v>45640</v>
      </c>
      <c r="F20704" s="14" t="s">
        <v>28</v>
      </c>
      <c r="G20704" s="16">
        <v>2.1730339654749455</v>
      </c>
    </row>
    <row r="20705" spans="1:7" x14ac:dyDescent="0.3">
      <c r="A20705" s="13" t="s">
        <v>141</v>
      </c>
      <c r="B20705" s="14" t="s">
        <v>1</v>
      </c>
      <c r="C20705" s="14" t="s">
        <v>70</v>
      </c>
      <c r="D20705" s="14" t="s">
        <v>142</v>
      </c>
      <c r="E20705" s="15">
        <v>45641</v>
      </c>
      <c r="F20705" s="14" t="s">
        <v>28</v>
      </c>
      <c r="G20705" s="16">
        <v>2.1730339654749455</v>
      </c>
    </row>
    <row r="20706" spans="1:7" x14ac:dyDescent="0.3">
      <c r="A20706" s="13" t="s">
        <v>141</v>
      </c>
      <c r="B20706" s="14" t="s">
        <v>1</v>
      </c>
      <c r="C20706" s="14" t="s">
        <v>70</v>
      </c>
      <c r="D20706" s="14" t="s">
        <v>142</v>
      </c>
      <c r="E20706" s="15">
        <v>45642</v>
      </c>
      <c r="F20706" s="14" t="s">
        <v>28</v>
      </c>
      <c r="G20706" s="16">
        <v>2.18310593146267</v>
      </c>
    </row>
    <row r="20707" spans="1:7" x14ac:dyDescent="0.3">
      <c r="A20707" s="13" t="s">
        <v>141</v>
      </c>
      <c r="B20707" s="14" t="s">
        <v>1</v>
      </c>
      <c r="C20707" s="14" t="s">
        <v>70</v>
      </c>
      <c r="D20707" s="14" t="s">
        <v>142</v>
      </c>
      <c r="E20707" s="15">
        <v>45643</v>
      </c>
      <c r="F20707" s="14" t="s">
        <v>28</v>
      </c>
      <c r="G20707" s="16">
        <v>2.1981506473102899</v>
      </c>
    </row>
    <row r="20708" spans="1:7" x14ac:dyDescent="0.3">
      <c r="A20708" s="13" t="s">
        <v>141</v>
      </c>
      <c r="B20708" s="14" t="s">
        <v>1</v>
      </c>
      <c r="C20708" s="14" t="s">
        <v>70</v>
      </c>
      <c r="D20708" s="14" t="s">
        <v>142</v>
      </c>
      <c r="E20708" s="15">
        <v>45644</v>
      </c>
      <c r="F20708" s="14" t="s">
        <v>28</v>
      </c>
      <c r="G20708" s="16">
        <v>2.2184924845405969</v>
      </c>
    </row>
    <row r="20709" spans="1:7" x14ac:dyDescent="0.3">
      <c r="A20709" s="13" t="s">
        <v>141</v>
      </c>
      <c r="B20709" s="14" t="s">
        <v>1</v>
      </c>
      <c r="C20709" s="14" t="s">
        <v>70</v>
      </c>
      <c r="D20709" s="14" t="s">
        <v>142</v>
      </c>
      <c r="E20709" s="15">
        <v>45645</v>
      </c>
      <c r="F20709" s="14" t="s">
        <v>28</v>
      </c>
      <c r="G20709" s="16">
        <v>2.2182726276212139</v>
      </c>
    </row>
    <row r="20710" spans="1:7" x14ac:dyDescent="0.3">
      <c r="A20710" s="13" t="s">
        <v>141</v>
      </c>
      <c r="B20710" s="14" t="s">
        <v>1</v>
      </c>
      <c r="C20710" s="14" t="s">
        <v>70</v>
      </c>
      <c r="D20710" s="14" t="s">
        <v>142</v>
      </c>
      <c r="E20710" s="15">
        <v>45646</v>
      </c>
      <c r="F20710" s="14" t="s">
        <v>28</v>
      </c>
      <c r="G20710" s="16">
        <v>2.2159507317680167</v>
      </c>
    </row>
    <row r="20711" spans="1:7" x14ac:dyDescent="0.3">
      <c r="A20711" s="13" t="s">
        <v>141</v>
      </c>
      <c r="B20711" s="14" t="s">
        <v>1</v>
      </c>
      <c r="C20711" s="14" t="s">
        <v>70</v>
      </c>
      <c r="D20711" s="14" t="s">
        <v>142</v>
      </c>
      <c r="E20711" s="15">
        <v>45647</v>
      </c>
      <c r="F20711" s="14" t="s">
        <v>28</v>
      </c>
      <c r="G20711" s="16">
        <v>2.2159507317680167</v>
      </c>
    </row>
    <row r="20712" spans="1:7" x14ac:dyDescent="0.3">
      <c r="A20712" s="13" t="s">
        <v>141</v>
      </c>
      <c r="B20712" s="14" t="s">
        <v>1</v>
      </c>
      <c r="C20712" s="14" t="s">
        <v>70</v>
      </c>
      <c r="D20712" s="14" t="s">
        <v>142</v>
      </c>
      <c r="E20712" s="15">
        <v>45648</v>
      </c>
      <c r="F20712" s="14" t="s">
        <v>28</v>
      </c>
      <c r="G20712" s="16">
        <v>2.2159507317680167</v>
      </c>
    </row>
    <row r="20713" spans="1:7" x14ac:dyDescent="0.3">
      <c r="A20713" s="13" t="s">
        <v>141</v>
      </c>
      <c r="B20713" s="14" t="s">
        <v>1</v>
      </c>
      <c r="C20713" s="14" t="s">
        <v>70</v>
      </c>
      <c r="D20713" s="14" t="s">
        <v>142</v>
      </c>
      <c r="E20713" s="15">
        <v>45649</v>
      </c>
      <c r="F20713" s="14" t="s">
        <v>28</v>
      </c>
      <c r="G20713" s="16">
        <v>2.2232883527731215</v>
      </c>
    </row>
    <row r="20714" spans="1:7" x14ac:dyDescent="0.3">
      <c r="A20714" s="13" t="s">
        <v>141</v>
      </c>
      <c r="B20714" s="14" t="s">
        <v>1</v>
      </c>
      <c r="C20714" s="14" t="s">
        <v>70</v>
      </c>
      <c r="D20714" s="14" t="s">
        <v>142</v>
      </c>
      <c r="E20714" s="15">
        <v>45650</v>
      </c>
      <c r="F20714" s="14" t="s">
        <v>28</v>
      </c>
      <c r="G20714" s="16">
        <v>2.2378180351601595</v>
      </c>
    </row>
    <row r="20715" spans="1:7" x14ac:dyDescent="0.3">
      <c r="A20715" s="13" t="s">
        <v>141</v>
      </c>
      <c r="B20715" s="14" t="s">
        <v>1</v>
      </c>
      <c r="C20715" s="14" t="s">
        <v>70</v>
      </c>
      <c r="D20715" s="14" t="s">
        <v>142</v>
      </c>
      <c r="E20715" s="15">
        <v>45651</v>
      </c>
      <c r="F20715" s="14" t="s">
        <v>28</v>
      </c>
      <c r="G20715" s="16">
        <v>2.2378180351601595</v>
      </c>
    </row>
    <row r="20716" spans="1:7" x14ac:dyDescent="0.3">
      <c r="A20716" s="13" t="s">
        <v>141</v>
      </c>
      <c r="B20716" s="14" t="s">
        <v>1</v>
      </c>
      <c r="C20716" s="14" t="s">
        <v>70</v>
      </c>
      <c r="D20716" s="14" t="s">
        <v>142</v>
      </c>
      <c r="E20716" s="15">
        <v>45652</v>
      </c>
      <c r="F20716" s="14" t="s">
        <v>28</v>
      </c>
      <c r="G20716" s="16">
        <v>2.2378180351601595</v>
      </c>
    </row>
    <row r="20717" spans="1:7" x14ac:dyDescent="0.3">
      <c r="A20717" s="13" t="s">
        <v>141</v>
      </c>
      <c r="B20717" s="14" t="s">
        <v>1</v>
      </c>
      <c r="C20717" s="14" t="s">
        <v>70</v>
      </c>
      <c r="D20717" s="14" t="s">
        <v>142</v>
      </c>
      <c r="E20717" s="15">
        <v>45653</v>
      </c>
      <c r="F20717" s="14" t="s">
        <v>28</v>
      </c>
      <c r="G20717" s="16">
        <v>2.2378180351601595</v>
      </c>
    </row>
    <row r="20718" spans="1:7" x14ac:dyDescent="0.3">
      <c r="A20718" s="13" t="s">
        <v>141</v>
      </c>
      <c r="B20718" s="14" t="s">
        <v>1</v>
      </c>
      <c r="C20718" s="14" t="s">
        <v>70</v>
      </c>
      <c r="D20718" s="14" t="s">
        <v>142</v>
      </c>
      <c r="E20718" s="15">
        <v>45654</v>
      </c>
      <c r="F20718" s="14" t="s">
        <v>28</v>
      </c>
      <c r="G20718" s="16">
        <v>2.2378180351601595</v>
      </c>
    </row>
    <row r="20719" spans="1:7" x14ac:dyDescent="0.3">
      <c r="A20719" s="13" t="s">
        <v>141</v>
      </c>
      <c r="B20719" s="14" t="s">
        <v>1</v>
      </c>
      <c r="C20719" s="14" t="s">
        <v>70</v>
      </c>
      <c r="D20719" s="14" t="s">
        <v>142</v>
      </c>
      <c r="E20719" s="15">
        <v>45655</v>
      </c>
      <c r="F20719" s="14" t="s">
        <v>28</v>
      </c>
      <c r="G20719" s="16">
        <v>2.2378180351601595</v>
      </c>
    </row>
    <row r="20720" spans="1:7" x14ac:dyDescent="0.3">
      <c r="A20720" s="13" t="s">
        <v>141</v>
      </c>
      <c r="B20720" s="14" t="s">
        <v>1</v>
      </c>
      <c r="C20720" s="14" t="s">
        <v>70</v>
      </c>
      <c r="D20720" s="14" t="s">
        <v>142</v>
      </c>
      <c r="E20720" s="15">
        <v>45656</v>
      </c>
      <c r="F20720" s="14" t="s">
        <v>28</v>
      </c>
      <c r="G20720" s="16">
        <v>2.2435222771155727</v>
      </c>
    </row>
    <row r="20721" spans="1:7" x14ac:dyDescent="0.3">
      <c r="A20721" s="13" t="s">
        <v>141</v>
      </c>
      <c r="B20721" s="14" t="s">
        <v>1</v>
      </c>
      <c r="C20721" s="14" t="s">
        <v>70</v>
      </c>
      <c r="D20721" s="14" t="s">
        <v>142</v>
      </c>
      <c r="E20721" s="15">
        <v>45657</v>
      </c>
      <c r="F20721" s="14" t="s">
        <v>28</v>
      </c>
      <c r="G20721" s="16">
        <v>2.2752983973803329</v>
      </c>
    </row>
    <row r="20722" spans="1:7" x14ac:dyDescent="0.3">
      <c r="A20722" s="13" t="s">
        <v>141</v>
      </c>
      <c r="B20722" s="14" t="s">
        <v>1</v>
      </c>
      <c r="C20722" s="14" t="s">
        <v>70</v>
      </c>
      <c r="D20722" s="14" t="s">
        <v>142</v>
      </c>
      <c r="E20722" s="15">
        <v>45658</v>
      </c>
      <c r="F20722" s="14" t="s">
        <v>28</v>
      </c>
      <c r="G20722" s="16">
        <v>2.2752983973803329</v>
      </c>
    </row>
    <row r="20723" spans="1:7" x14ac:dyDescent="0.3">
      <c r="A20723" s="13" t="s">
        <v>141</v>
      </c>
      <c r="B20723" s="14" t="s">
        <v>1</v>
      </c>
      <c r="C20723" s="14" t="s">
        <v>70</v>
      </c>
      <c r="D20723" s="14" t="s">
        <v>142</v>
      </c>
      <c r="E20723" s="15">
        <v>45659</v>
      </c>
      <c r="F20723" s="14" t="s">
        <v>28</v>
      </c>
      <c r="G20723" s="16">
        <v>2.2752983973803329</v>
      </c>
    </row>
    <row r="20724" spans="1:7" x14ac:dyDescent="0.3">
      <c r="A20724" s="13" t="s">
        <v>141</v>
      </c>
      <c r="B20724" s="14" t="s">
        <v>1</v>
      </c>
      <c r="C20724" s="14" t="s">
        <v>70</v>
      </c>
      <c r="D20724" s="14" t="s">
        <v>142</v>
      </c>
      <c r="E20724" s="15">
        <v>45660</v>
      </c>
      <c r="F20724" s="14" t="s">
        <v>28</v>
      </c>
      <c r="G20724" s="16">
        <v>2.2934554972135466</v>
      </c>
    </row>
    <row r="20725" spans="1:7" x14ac:dyDescent="0.3">
      <c r="A20725" s="13" t="s">
        <v>141</v>
      </c>
      <c r="B20725" s="14" t="s">
        <v>1</v>
      </c>
      <c r="C20725" s="14" t="s">
        <v>70</v>
      </c>
      <c r="D20725" s="14" t="s">
        <v>142</v>
      </c>
      <c r="E20725" s="15">
        <v>45661</v>
      </c>
      <c r="F20725" s="14" t="s">
        <v>28</v>
      </c>
      <c r="G20725" s="16">
        <v>2.2934554972135466</v>
      </c>
    </row>
    <row r="20726" spans="1:7" x14ac:dyDescent="0.3">
      <c r="A20726" s="13" t="s">
        <v>141</v>
      </c>
      <c r="B20726" s="14" t="s">
        <v>1</v>
      </c>
      <c r="C20726" s="14" t="s">
        <v>70</v>
      </c>
      <c r="D20726" s="14" t="s">
        <v>142</v>
      </c>
      <c r="E20726" s="15">
        <v>45662</v>
      </c>
      <c r="F20726" s="14" t="s">
        <v>28</v>
      </c>
      <c r="G20726" s="16">
        <v>2.2934554972135466</v>
      </c>
    </row>
    <row r="20727" spans="1:7" x14ac:dyDescent="0.3">
      <c r="A20727" s="13" t="s">
        <v>141</v>
      </c>
      <c r="B20727" s="14" t="s">
        <v>1</v>
      </c>
      <c r="C20727" s="14" t="s">
        <v>70</v>
      </c>
      <c r="D20727" s="14" t="s">
        <v>142</v>
      </c>
      <c r="E20727" s="15">
        <v>45663</v>
      </c>
      <c r="F20727" s="14" t="s">
        <v>28</v>
      </c>
      <c r="G20727" s="16">
        <v>2.3100046296591445</v>
      </c>
    </row>
    <row r="20728" spans="1:7" x14ac:dyDescent="0.3">
      <c r="A20728" s="13" t="s">
        <v>141</v>
      </c>
      <c r="B20728" s="14" t="s">
        <v>1</v>
      </c>
      <c r="C20728" s="14" t="s">
        <v>70</v>
      </c>
      <c r="D20728" s="14" t="s">
        <v>142</v>
      </c>
      <c r="E20728" s="15">
        <v>45664</v>
      </c>
      <c r="F20728" s="14" t="s">
        <v>28</v>
      </c>
      <c r="G20728" s="16">
        <v>2.3300753161048893</v>
      </c>
    </row>
    <row r="20729" spans="1:7" x14ac:dyDescent="0.3">
      <c r="A20729" s="13" t="s">
        <v>141</v>
      </c>
      <c r="B20729" s="14" t="s">
        <v>1</v>
      </c>
      <c r="C20729" s="14" t="s">
        <v>70</v>
      </c>
      <c r="D20729" s="14" t="s">
        <v>142</v>
      </c>
      <c r="E20729" s="15">
        <v>45665</v>
      </c>
      <c r="F20729" s="14" t="s">
        <v>28</v>
      </c>
      <c r="G20729" s="16">
        <v>2.3399010786510712</v>
      </c>
    </row>
    <row r="20730" spans="1:7" x14ac:dyDescent="0.3">
      <c r="A20730" s="13" t="s">
        <v>141</v>
      </c>
      <c r="B20730" s="14" t="s">
        <v>1</v>
      </c>
      <c r="C20730" s="14" t="s">
        <v>70</v>
      </c>
      <c r="D20730" s="14" t="s">
        <v>142</v>
      </c>
      <c r="E20730" s="15">
        <v>45666</v>
      </c>
      <c r="F20730" s="14" t="s">
        <v>28</v>
      </c>
      <c r="G20730" s="16">
        <v>2.3521441023373635</v>
      </c>
    </row>
    <row r="20731" spans="1:7" x14ac:dyDescent="0.3">
      <c r="A20731" s="13" t="s">
        <v>141</v>
      </c>
      <c r="B20731" s="14" t="s">
        <v>1</v>
      </c>
      <c r="C20731" s="14" t="s">
        <v>70</v>
      </c>
      <c r="D20731" s="14" t="s">
        <v>142</v>
      </c>
      <c r="E20731" s="15">
        <v>45667</v>
      </c>
      <c r="F20731" s="14" t="s">
        <v>28</v>
      </c>
      <c r="G20731" s="16">
        <v>2.3627153614507095</v>
      </c>
    </row>
    <row r="20732" spans="1:7" x14ac:dyDescent="0.3">
      <c r="A20732" s="13" t="s">
        <v>141</v>
      </c>
      <c r="B20732" s="14" t="s">
        <v>1</v>
      </c>
      <c r="C20732" s="14" t="s">
        <v>70</v>
      </c>
      <c r="D20732" s="14" t="s">
        <v>142</v>
      </c>
      <c r="E20732" s="15">
        <v>45668</v>
      </c>
      <c r="F20732" s="14" t="s">
        <v>28</v>
      </c>
      <c r="G20732" s="16">
        <v>2.3627153614507095</v>
      </c>
    </row>
    <row r="20733" spans="1:7" x14ac:dyDescent="0.3">
      <c r="A20733" s="13" t="s">
        <v>141</v>
      </c>
      <c r="B20733" s="14" t="s">
        <v>1</v>
      </c>
      <c r="C20733" s="14" t="s">
        <v>70</v>
      </c>
      <c r="D20733" s="14" t="s">
        <v>142</v>
      </c>
      <c r="E20733" s="15">
        <v>45669</v>
      </c>
      <c r="F20733" s="14" t="s">
        <v>28</v>
      </c>
      <c r="G20733" s="16">
        <v>2.3627153614507095</v>
      </c>
    </row>
    <row r="20734" spans="1:7" x14ac:dyDescent="0.3">
      <c r="A20734" s="13" t="s">
        <v>141</v>
      </c>
      <c r="B20734" s="14" t="s">
        <v>1</v>
      </c>
      <c r="C20734" s="14" t="s">
        <v>70</v>
      </c>
      <c r="D20734" s="14" t="s">
        <v>142</v>
      </c>
      <c r="E20734" s="15">
        <v>45670</v>
      </c>
      <c r="F20734" s="14" t="s">
        <v>28</v>
      </c>
      <c r="G20734" s="16">
        <v>2.3781137765367446</v>
      </c>
    </row>
    <row r="20735" spans="1:7" x14ac:dyDescent="0.3">
      <c r="A20735" s="13" t="s">
        <v>141</v>
      </c>
      <c r="B20735" s="14" t="s">
        <v>1</v>
      </c>
      <c r="C20735" s="14" t="s">
        <v>70</v>
      </c>
      <c r="D20735" s="14" t="s">
        <v>142</v>
      </c>
      <c r="E20735" s="15">
        <v>45671</v>
      </c>
      <c r="F20735" s="14" t="s">
        <v>28</v>
      </c>
      <c r="G20735" s="16">
        <v>2.3840778497231154</v>
      </c>
    </row>
    <row r="20736" spans="1:7" x14ac:dyDescent="0.3">
      <c r="A20736" s="13" t="s">
        <v>141</v>
      </c>
      <c r="B20736" s="14" t="s">
        <v>1</v>
      </c>
      <c r="C20736" s="14" t="s">
        <v>70</v>
      </c>
      <c r="D20736" s="14" t="s">
        <v>142</v>
      </c>
      <c r="E20736" s="15">
        <v>45672</v>
      </c>
      <c r="F20736" s="14" t="s">
        <v>28</v>
      </c>
      <c r="G20736" s="16">
        <v>2.3887039890368977</v>
      </c>
    </row>
    <row r="20737" spans="1:7" x14ac:dyDescent="0.3">
      <c r="A20737" s="13" t="s">
        <v>141</v>
      </c>
      <c r="B20737" s="14" t="s">
        <v>1</v>
      </c>
      <c r="C20737" s="14" t="s">
        <v>70</v>
      </c>
      <c r="D20737" s="14" t="s">
        <v>142</v>
      </c>
      <c r="E20737" s="15">
        <v>45673</v>
      </c>
      <c r="F20737" s="14" t="s">
        <v>28</v>
      </c>
      <c r="G20737" s="16">
        <v>2.3950114483314242</v>
      </c>
    </row>
    <row r="20738" spans="1:7" x14ac:dyDescent="0.3">
      <c r="A20738" s="13" t="s">
        <v>141</v>
      </c>
      <c r="B20738" s="14" t="s">
        <v>1</v>
      </c>
      <c r="C20738" s="14" t="s">
        <v>70</v>
      </c>
      <c r="D20738" s="14" t="s">
        <v>142</v>
      </c>
      <c r="E20738" s="15">
        <v>45674</v>
      </c>
      <c r="F20738" s="14" t="s">
        <v>28</v>
      </c>
      <c r="G20738" s="16">
        <v>2.4043239656842803</v>
      </c>
    </row>
    <row r="20739" spans="1:7" x14ac:dyDescent="0.3">
      <c r="A20739" s="13" t="s">
        <v>141</v>
      </c>
      <c r="B20739" s="14" t="s">
        <v>1</v>
      </c>
      <c r="C20739" s="14" t="s">
        <v>70</v>
      </c>
      <c r="D20739" s="14" t="s">
        <v>142</v>
      </c>
      <c r="E20739" s="15">
        <v>45675</v>
      </c>
      <c r="F20739" s="14" t="s">
        <v>28</v>
      </c>
      <c r="G20739" s="16">
        <v>2.4043239656842803</v>
      </c>
    </row>
    <row r="20740" spans="1:7" x14ac:dyDescent="0.3">
      <c r="A20740" s="13" t="s">
        <v>141</v>
      </c>
      <c r="B20740" s="14" t="s">
        <v>1</v>
      </c>
      <c r="C20740" s="14" t="s">
        <v>70</v>
      </c>
      <c r="D20740" s="14" t="s">
        <v>142</v>
      </c>
      <c r="E20740" s="15">
        <v>45676</v>
      </c>
      <c r="F20740" s="14" t="s">
        <v>28</v>
      </c>
      <c r="G20740" s="16">
        <v>2.4043239656842803</v>
      </c>
    </row>
    <row r="20741" spans="1:7" x14ac:dyDescent="0.3">
      <c r="A20741" s="13" t="s">
        <v>141</v>
      </c>
      <c r="B20741" s="14" t="s">
        <v>1</v>
      </c>
      <c r="C20741" s="14" t="s">
        <v>70</v>
      </c>
      <c r="D20741" s="14" t="s">
        <v>142</v>
      </c>
      <c r="E20741" s="15">
        <v>45677</v>
      </c>
      <c r="F20741" s="14" t="s">
        <v>28</v>
      </c>
      <c r="G20741" s="16">
        <v>2.389379421523917</v>
      </c>
    </row>
    <row r="20742" spans="1:7" x14ac:dyDescent="0.3">
      <c r="A20742" s="13" t="s">
        <v>141</v>
      </c>
      <c r="B20742" s="14" t="s">
        <v>1</v>
      </c>
      <c r="C20742" s="14" t="s">
        <v>70</v>
      </c>
      <c r="D20742" s="14" t="s">
        <v>142</v>
      </c>
      <c r="E20742" s="15">
        <v>45678</v>
      </c>
      <c r="F20742" s="14" t="s">
        <v>28</v>
      </c>
      <c r="G20742" s="16">
        <v>2.4106811209472299</v>
      </c>
    </row>
    <row r="20743" spans="1:7" x14ac:dyDescent="0.3">
      <c r="A20743" s="13" t="s">
        <v>141</v>
      </c>
      <c r="B20743" s="14" t="s">
        <v>1</v>
      </c>
      <c r="C20743" s="14" t="s">
        <v>70</v>
      </c>
      <c r="D20743" s="14" t="s">
        <v>142</v>
      </c>
      <c r="E20743" s="15">
        <v>45679</v>
      </c>
      <c r="F20743" s="14" t="s">
        <v>28</v>
      </c>
      <c r="G20743" s="16">
        <v>2.4207225628608913</v>
      </c>
    </row>
    <row r="20744" spans="1:7" x14ac:dyDescent="0.3">
      <c r="A20744" s="13" t="s">
        <v>141</v>
      </c>
      <c r="B20744" s="14" t="s">
        <v>1</v>
      </c>
      <c r="C20744" s="14" t="s">
        <v>70</v>
      </c>
      <c r="D20744" s="14" t="s">
        <v>142</v>
      </c>
      <c r="E20744" s="15">
        <v>45680</v>
      </c>
      <c r="F20744" s="14" t="s">
        <v>28</v>
      </c>
      <c r="G20744" s="16">
        <v>2.4242682492831897</v>
      </c>
    </row>
    <row r="20745" spans="1:7" x14ac:dyDescent="0.3">
      <c r="A20745" s="13" t="s">
        <v>141</v>
      </c>
      <c r="B20745" s="14" t="s">
        <v>1</v>
      </c>
      <c r="C20745" s="14" t="s">
        <v>70</v>
      </c>
      <c r="D20745" s="14" t="s">
        <v>142</v>
      </c>
      <c r="E20745" s="15">
        <v>45681</v>
      </c>
      <c r="F20745" s="14" t="s">
        <v>28</v>
      </c>
      <c r="G20745" s="16">
        <v>2.4105630925877746</v>
      </c>
    </row>
    <row r="20746" spans="1:7" x14ac:dyDescent="0.3">
      <c r="A20746" s="13" t="s">
        <v>141</v>
      </c>
      <c r="B20746" s="14" t="s">
        <v>1</v>
      </c>
      <c r="C20746" s="14" t="s">
        <v>70</v>
      </c>
      <c r="D20746" s="14" t="s">
        <v>142</v>
      </c>
      <c r="E20746" s="15">
        <v>45682</v>
      </c>
      <c r="F20746" s="14" t="s">
        <v>28</v>
      </c>
      <c r="G20746" s="16">
        <v>2.4105630925877746</v>
      </c>
    </row>
    <row r="20747" spans="1:7" x14ac:dyDescent="0.3">
      <c r="A20747" s="13" t="s">
        <v>141</v>
      </c>
      <c r="B20747" s="14" t="s">
        <v>1</v>
      </c>
      <c r="C20747" s="14" t="s">
        <v>70</v>
      </c>
      <c r="D20747" s="14" t="s">
        <v>142</v>
      </c>
      <c r="E20747" s="15">
        <v>45683</v>
      </c>
      <c r="F20747" s="14" t="s">
        <v>28</v>
      </c>
      <c r="G20747" s="16">
        <v>2.4105630925877746</v>
      </c>
    </row>
    <row r="20748" spans="1:7" x14ac:dyDescent="0.3">
      <c r="A20748" s="13" t="s">
        <v>141</v>
      </c>
      <c r="B20748" s="14" t="s">
        <v>1</v>
      </c>
      <c r="C20748" s="14" t="s">
        <v>70</v>
      </c>
      <c r="D20748" s="14" t="s">
        <v>142</v>
      </c>
      <c r="E20748" s="15">
        <v>45684</v>
      </c>
      <c r="F20748" s="14" t="s">
        <v>28</v>
      </c>
      <c r="G20748" s="16">
        <v>2.4179334662578191</v>
      </c>
    </row>
    <row r="20749" spans="1:7" x14ac:dyDescent="0.3">
      <c r="A20749" s="13" t="s">
        <v>141</v>
      </c>
      <c r="B20749" s="14" t="s">
        <v>1</v>
      </c>
      <c r="C20749" s="14" t="s">
        <v>70</v>
      </c>
      <c r="D20749" s="14" t="s">
        <v>142</v>
      </c>
      <c r="E20749" s="15">
        <v>45685</v>
      </c>
      <c r="F20749" s="14" t="s">
        <v>28</v>
      </c>
      <c r="G20749" s="16">
        <v>2.4384005206436656</v>
      </c>
    </row>
    <row r="20750" spans="1:7" x14ac:dyDescent="0.3">
      <c r="A20750" s="13" t="s">
        <v>141</v>
      </c>
      <c r="B20750" s="14" t="s">
        <v>1</v>
      </c>
      <c r="C20750" s="14" t="s">
        <v>70</v>
      </c>
      <c r="D20750" s="14" t="s">
        <v>142</v>
      </c>
      <c r="E20750" s="15">
        <v>45686</v>
      </c>
      <c r="F20750" s="14" t="s">
        <v>28</v>
      </c>
      <c r="G20750" s="16">
        <v>2.4385817153196334</v>
      </c>
    </row>
    <row r="20751" spans="1:7" x14ac:dyDescent="0.3">
      <c r="A20751" s="13" t="s">
        <v>141</v>
      </c>
      <c r="B20751" s="14" t="s">
        <v>1</v>
      </c>
      <c r="C20751" s="14" t="s">
        <v>70</v>
      </c>
      <c r="D20751" s="14" t="s">
        <v>142</v>
      </c>
      <c r="E20751" s="15">
        <v>45687</v>
      </c>
      <c r="F20751" s="14" t="s">
        <v>28</v>
      </c>
      <c r="G20751" s="16">
        <v>2.4505811161076796</v>
      </c>
    </row>
    <row r="20752" spans="1:7" x14ac:dyDescent="0.3">
      <c r="A20752" s="13" t="s">
        <v>141</v>
      </c>
      <c r="B20752" s="14" t="s">
        <v>1</v>
      </c>
      <c r="C20752" s="14" t="s">
        <v>70</v>
      </c>
      <c r="D20752" s="14" t="s">
        <v>142</v>
      </c>
      <c r="E20752" s="15">
        <v>45688</v>
      </c>
      <c r="F20752" s="14" t="s">
        <v>28</v>
      </c>
      <c r="G20752" s="16">
        <v>2.4639993080429221</v>
      </c>
    </row>
    <row r="20753" spans="1:7" x14ac:dyDescent="0.3">
      <c r="A20753" s="13" t="s">
        <v>141</v>
      </c>
      <c r="B20753" s="14" t="s">
        <v>1</v>
      </c>
      <c r="C20753" s="14" t="s">
        <v>70</v>
      </c>
      <c r="D20753" s="14" t="s">
        <v>142</v>
      </c>
      <c r="E20753" s="15">
        <v>45689</v>
      </c>
      <c r="F20753" s="14" t="s">
        <v>28</v>
      </c>
      <c r="G20753" s="16">
        <v>2.4639993080429221</v>
      </c>
    </row>
    <row r="20754" spans="1:7" x14ac:dyDescent="0.3">
      <c r="A20754" s="13" t="s">
        <v>141</v>
      </c>
      <c r="B20754" s="14" t="s">
        <v>1</v>
      </c>
      <c r="C20754" s="14" t="s">
        <v>70</v>
      </c>
      <c r="D20754" s="14" t="s">
        <v>142</v>
      </c>
      <c r="E20754" s="15">
        <v>45690</v>
      </c>
      <c r="F20754" s="14" t="s">
        <v>28</v>
      </c>
      <c r="G20754" s="16">
        <v>2.4639993080429221</v>
      </c>
    </row>
    <row r="20755" spans="1:7" x14ac:dyDescent="0.3">
      <c r="A20755" s="13" t="s">
        <v>141</v>
      </c>
      <c r="B20755" s="14" t="s">
        <v>1</v>
      </c>
      <c r="C20755" s="14" t="s">
        <v>70</v>
      </c>
      <c r="D20755" s="14" t="s">
        <v>142</v>
      </c>
      <c r="E20755" s="15">
        <v>45691</v>
      </c>
      <c r="F20755" s="14" t="s">
        <v>28</v>
      </c>
      <c r="G20755" s="16">
        <v>2.4639993080429221</v>
      </c>
    </row>
    <row r="20756" spans="1:7" x14ac:dyDescent="0.3">
      <c r="A20756" s="13" t="s">
        <v>141</v>
      </c>
      <c r="B20756" s="14" t="s">
        <v>1</v>
      </c>
      <c r="C20756" s="14" t="s">
        <v>70</v>
      </c>
      <c r="D20756" s="14" t="s">
        <v>142</v>
      </c>
      <c r="E20756" s="15">
        <v>45692</v>
      </c>
      <c r="F20756" s="14" t="s">
        <v>28</v>
      </c>
      <c r="G20756" s="16">
        <v>2.4569564076876609</v>
      </c>
    </row>
    <row r="20757" spans="1:7" x14ac:dyDescent="0.3">
      <c r="A20757" s="13" t="s">
        <v>141</v>
      </c>
      <c r="B20757" s="14" t="s">
        <v>1</v>
      </c>
      <c r="C20757" s="14" t="s">
        <v>70</v>
      </c>
      <c r="D20757" s="14" t="s">
        <v>142</v>
      </c>
      <c r="E20757" s="15">
        <v>45693</v>
      </c>
      <c r="F20757" s="14" t="s">
        <v>28</v>
      </c>
      <c r="G20757" s="16">
        <v>2.4617777381624091</v>
      </c>
    </row>
    <row r="20758" spans="1:7" x14ac:dyDescent="0.3">
      <c r="A20758" s="13" t="s">
        <v>141</v>
      </c>
      <c r="B20758" s="14" t="s">
        <v>1</v>
      </c>
      <c r="C20758" s="14" t="s">
        <v>70</v>
      </c>
      <c r="D20758" s="14" t="s">
        <v>142</v>
      </c>
      <c r="E20758" s="15">
        <v>45694</v>
      </c>
      <c r="F20758" s="14" t="s">
        <v>28</v>
      </c>
      <c r="G20758" s="16">
        <v>2.4691657827714146</v>
      </c>
    </row>
    <row r="20759" spans="1:7" x14ac:dyDescent="0.3">
      <c r="A20759" s="13" t="s">
        <v>141</v>
      </c>
      <c r="B20759" s="14" t="s">
        <v>1</v>
      </c>
      <c r="C20759" s="14" t="s">
        <v>70</v>
      </c>
      <c r="D20759" s="14" t="s">
        <v>142</v>
      </c>
      <c r="E20759" s="15">
        <v>45695</v>
      </c>
      <c r="F20759" s="14" t="s">
        <v>28</v>
      </c>
      <c r="G20759" s="16">
        <v>2.4822725762661939</v>
      </c>
    </row>
    <row r="20760" spans="1:7" x14ac:dyDescent="0.3">
      <c r="A20760" s="13" t="s">
        <v>141</v>
      </c>
      <c r="B20760" s="14" t="s">
        <v>1</v>
      </c>
      <c r="C20760" s="14" t="s">
        <v>70</v>
      </c>
      <c r="D20760" s="14" t="s">
        <v>142</v>
      </c>
      <c r="E20760" s="15">
        <v>45696</v>
      </c>
      <c r="F20760" s="14" t="s">
        <v>28</v>
      </c>
      <c r="G20760" s="16">
        <v>2.4822725762661939</v>
      </c>
    </row>
    <row r="20761" spans="1:7" x14ac:dyDescent="0.3">
      <c r="A20761" s="13" t="s">
        <v>141</v>
      </c>
      <c r="B20761" s="14" t="s">
        <v>1</v>
      </c>
      <c r="C20761" s="14" t="s">
        <v>70</v>
      </c>
      <c r="D20761" s="14" t="s">
        <v>142</v>
      </c>
      <c r="E20761" s="15">
        <v>45697</v>
      </c>
      <c r="F20761" s="14" t="s">
        <v>28</v>
      </c>
      <c r="G20761" s="16">
        <v>2.4822725762661939</v>
      </c>
    </row>
    <row r="20762" spans="1:7" x14ac:dyDescent="0.3">
      <c r="A20762" s="13" t="s">
        <v>141</v>
      </c>
      <c r="B20762" s="14" t="s">
        <v>1</v>
      </c>
      <c r="C20762" s="14" t="s">
        <v>70</v>
      </c>
      <c r="D20762" s="14" t="s">
        <v>142</v>
      </c>
      <c r="E20762" s="15">
        <v>45698</v>
      </c>
      <c r="F20762" s="14" t="s">
        <v>28</v>
      </c>
      <c r="G20762" s="16">
        <v>2.487653125878079</v>
      </c>
    </row>
    <row r="20763" spans="1:7" x14ac:dyDescent="0.3">
      <c r="A20763" s="13" t="s">
        <v>141</v>
      </c>
      <c r="B20763" s="14" t="s">
        <v>1</v>
      </c>
      <c r="C20763" s="14" t="s">
        <v>70</v>
      </c>
      <c r="D20763" s="14" t="s">
        <v>142</v>
      </c>
      <c r="E20763" s="15">
        <v>45699</v>
      </c>
      <c r="F20763" s="14" t="s">
        <v>28</v>
      </c>
      <c r="G20763" s="16">
        <v>2.4952180064711573</v>
      </c>
    </row>
    <row r="20764" spans="1:7" x14ac:dyDescent="0.3">
      <c r="A20764" s="13" t="s">
        <v>141</v>
      </c>
      <c r="B20764" s="14" t="s">
        <v>1</v>
      </c>
      <c r="C20764" s="14" t="s">
        <v>70</v>
      </c>
      <c r="D20764" s="14" t="s">
        <v>142</v>
      </c>
      <c r="E20764" s="15">
        <v>45700</v>
      </c>
      <c r="F20764" s="14" t="s">
        <v>28</v>
      </c>
      <c r="G20764" s="16">
        <v>2.4979884728885149</v>
      </c>
    </row>
    <row r="20765" spans="1:7" x14ac:dyDescent="0.3">
      <c r="A20765" s="13" t="s">
        <v>141</v>
      </c>
      <c r="B20765" s="14" t="s">
        <v>1</v>
      </c>
      <c r="C20765" s="14" t="s">
        <v>70</v>
      </c>
      <c r="D20765" s="14" t="s">
        <v>142</v>
      </c>
      <c r="E20765" s="15">
        <v>45701</v>
      </c>
      <c r="F20765" s="14" t="s">
        <v>28</v>
      </c>
      <c r="G20765" s="16">
        <v>2.4908136408260564</v>
      </c>
    </row>
    <row r="20766" spans="1:7" x14ac:dyDescent="0.3">
      <c r="A20766" s="13" t="s">
        <v>141</v>
      </c>
      <c r="B20766" s="14" t="s">
        <v>1</v>
      </c>
      <c r="C20766" s="14" t="s">
        <v>70</v>
      </c>
      <c r="D20766" s="14" t="s">
        <v>142</v>
      </c>
      <c r="E20766" s="15">
        <v>45702</v>
      </c>
      <c r="F20766" s="14" t="s">
        <v>28</v>
      </c>
      <c r="G20766" s="16">
        <v>2.4972465962534782</v>
      </c>
    </row>
    <row r="20767" spans="1:7" x14ac:dyDescent="0.3">
      <c r="A20767" s="13" t="s">
        <v>141</v>
      </c>
      <c r="B20767" s="14" t="s">
        <v>1</v>
      </c>
      <c r="C20767" s="14" t="s">
        <v>70</v>
      </c>
      <c r="D20767" s="14" t="s">
        <v>142</v>
      </c>
      <c r="E20767" s="15">
        <v>45703</v>
      </c>
      <c r="F20767" s="14" t="s">
        <v>28</v>
      </c>
      <c r="G20767" s="16">
        <v>2.4972465962534782</v>
      </c>
    </row>
    <row r="20768" spans="1:7" x14ac:dyDescent="0.3">
      <c r="A20768" s="13" t="s">
        <v>141</v>
      </c>
      <c r="B20768" s="14" t="s">
        <v>1</v>
      </c>
      <c r="C20768" s="14" t="s">
        <v>70</v>
      </c>
      <c r="D20768" s="14" t="s">
        <v>142</v>
      </c>
      <c r="E20768" s="15">
        <v>45704</v>
      </c>
      <c r="F20768" s="14" t="s">
        <v>28</v>
      </c>
      <c r="G20768" s="16">
        <v>2.4972465962534782</v>
      </c>
    </row>
    <row r="20769" spans="1:7" x14ac:dyDescent="0.3">
      <c r="A20769" s="13" t="s">
        <v>141</v>
      </c>
      <c r="B20769" s="14" t="s">
        <v>1</v>
      </c>
      <c r="C20769" s="14" t="s">
        <v>70</v>
      </c>
      <c r="D20769" s="14" t="s">
        <v>142</v>
      </c>
      <c r="E20769" s="15">
        <v>45705</v>
      </c>
      <c r="F20769" s="14" t="s">
        <v>28</v>
      </c>
      <c r="G20769" s="16">
        <v>2.5474947240095851</v>
      </c>
    </row>
    <row r="20770" spans="1:7" x14ac:dyDescent="0.3">
      <c r="A20770" s="13" t="s">
        <v>141</v>
      </c>
      <c r="B20770" s="14" t="s">
        <v>1</v>
      </c>
      <c r="C20770" s="14" t="s">
        <v>70</v>
      </c>
      <c r="D20770" s="14" t="s">
        <v>142</v>
      </c>
      <c r="E20770" s="15">
        <v>45706</v>
      </c>
      <c r="F20770" s="14" t="s">
        <v>28</v>
      </c>
      <c r="G20770" s="16">
        <v>2.559784911092907</v>
      </c>
    </row>
    <row r="20771" spans="1:7" x14ac:dyDescent="0.3">
      <c r="A20771" s="13" t="s">
        <v>141</v>
      </c>
      <c r="B20771" s="14" t="s">
        <v>1</v>
      </c>
      <c r="C20771" s="14" t="s">
        <v>70</v>
      </c>
      <c r="D20771" s="14" t="s">
        <v>142</v>
      </c>
      <c r="E20771" s="15">
        <v>45707</v>
      </c>
      <c r="F20771" s="14" t="s">
        <v>28</v>
      </c>
      <c r="G20771" s="16">
        <v>2.5780455773361877</v>
      </c>
    </row>
    <row r="20772" spans="1:7" x14ac:dyDescent="0.3">
      <c r="A20772" s="13" t="s">
        <v>141</v>
      </c>
      <c r="B20772" s="14" t="s">
        <v>1</v>
      </c>
      <c r="C20772" s="14" t="s">
        <v>70</v>
      </c>
      <c r="D20772" s="14" t="s">
        <v>142</v>
      </c>
      <c r="E20772" s="15">
        <v>45708</v>
      </c>
      <c r="F20772" s="14" t="s">
        <v>28</v>
      </c>
      <c r="G20772" s="16">
        <v>2.5636882429006072</v>
      </c>
    </row>
    <row r="20773" spans="1:7" x14ac:dyDescent="0.3">
      <c r="A20773" s="13" t="s">
        <v>141</v>
      </c>
      <c r="B20773" s="14" t="s">
        <v>1</v>
      </c>
      <c r="C20773" s="14" t="s">
        <v>70</v>
      </c>
      <c r="D20773" s="14" t="s">
        <v>142</v>
      </c>
      <c r="E20773" s="15">
        <v>45709</v>
      </c>
      <c r="F20773" s="14" t="s">
        <v>28</v>
      </c>
      <c r="G20773" s="16">
        <v>2.5729789186742202</v>
      </c>
    </row>
    <row r="20774" spans="1:7" x14ac:dyDescent="0.3">
      <c r="A20774" s="13" t="s">
        <v>141</v>
      </c>
      <c r="B20774" s="14" t="s">
        <v>1</v>
      </c>
      <c r="C20774" s="14" t="s">
        <v>70</v>
      </c>
      <c r="D20774" s="14" t="s">
        <v>142</v>
      </c>
      <c r="E20774" s="15">
        <v>45710</v>
      </c>
      <c r="F20774" s="14" t="s">
        <v>28</v>
      </c>
      <c r="G20774" s="16">
        <v>2.5729789186742202</v>
      </c>
    </row>
    <row r="20775" spans="1:7" x14ac:dyDescent="0.3">
      <c r="A20775" s="13" t="s">
        <v>141</v>
      </c>
      <c r="B20775" s="14" t="s">
        <v>1</v>
      </c>
      <c r="C20775" s="14" t="s">
        <v>70</v>
      </c>
      <c r="D20775" s="14" t="s">
        <v>142</v>
      </c>
      <c r="E20775" s="15">
        <v>45711</v>
      </c>
      <c r="F20775" s="14" t="s">
        <v>28</v>
      </c>
      <c r="G20775" s="16">
        <v>2.5729789186742202</v>
      </c>
    </row>
    <row r="20776" spans="1:7" x14ac:dyDescent="0.3">
      <c r="A20776" s="13" t="s">
        <v>141</v>
      </c>
      <c r="B20776" s="14" t="s">
        <v>1</v>
      </c>
      <c r="C20776" s="14" t="s">
        <v>70</v>
      </c>
      <c r="D20776" s="14" t="s">
        <v>142</v>
      </c>
      <c r="E20776" s="15">
        <v>45712</v>
      </c>
      <c r="F20776" s="14" t="s">
        <v>28</v>
      </c>
      <c r="G20776" s="16">
        <v>2.5808053157899087</v>
      </c>
    </row>
    <row r="20777" spans="1:7" x14ac:dyDescent="0.3">
      <c r="A20777" s="13" t="s">
        <v>141</v>
      </c>
      <c r="B20777" s="14" t="s">
        <v>1</v>
      </c>
      <c r="C20777" s="14" t="s">
        <v>70</v>
      </c>
      <c r="D20777" s="14" t="s">
        <v>142</v>
      </c>
      <c r="E20777" s="15">
        <v>45713</v>
      </c>
      <c r="F20777" s="14" t="s">
        <v>28</v>
      </c>
      <c r="G20777" s="16">
        <v>2.5865100580953211</v>
      </c>
    </row>
    <row r="20778" spans="1:7" x14ac:dyDescent="0.3">
      <c r="A20778" s="13" t="s">
        <v>141</v>
      </c>
      <c r="B20778" s="14" t="s">
        <v>1</v>
      </c>
      <c r="C20778" s="14" t="s">
        <v>70</v>
      </c>
      <c r="D20778" s="14" t="s">
        <v>142</v>
      </c>
      <c r="E20778" s="15">
        <v>45714</v>
      </c>
      <c r="F20778" s="14" t="s">
        <v>28</v>
      </c>
      <c r="G20778" s="16">
        <v>2.5948490659057968</v>
      </c>
    </row>
    <row r="20779" spans="1:7" x14ac:dyDescent="0.3">
      <c r="A20779" s="13" t="s">
        <v>141</v>
      </c>
      <c r="B20779" s="14" t="s">
        <v>1</v>
      </c>
      <c r="C20779" s="14" t="s">
        <v>70</v>
      </c>
      <c r="D20779" s="14" t="s">
        <v>142</v>
      </c>
      <c r="E20779" s="15">
        <v>45715</v>
      </c>
      <c r="F20779" s="14" t="s">
        <v>28</v>
      </c>
      <c r="G20779" s="16">
        <v>2.6202263952472595</v>
      </c>
    </row>
    <row r="20780" spans="1:7" x14ac:dyDescent="0.3">
      <c r="A20780" s="13" t="s">
        <v>141</v>
      </c>
      <c r="B20780" s="14" t="s">
        <v>1</v>
      </c>
      <c r="C20780" s="14" t="s">
        <v>70</v>
      </c>
      <c r="D20780" s="14" t="s">
        <v>142</v>
      </c>
      <c r="E20780" s="15">
        <v>45716</v>
      </c>
      <c r="F20780" s="14" t="s">
        <v>28</v>
      </c>
      <c r="G20780" s="16">
        <v>2.6326019839097325</v>
      </c>
    </row>
    <row r="20781" spans="1:7" x14ac:dyDescent="0.3">
      <c r="A20781" s="13" t="s">
        <v>141</v>
      </c>
      <c r="B20781" s="14" t="s">
        <v>1</v>
      </c>
      <c r="C20781" s="14" t="s">
        <v>70</v>
      </c>
      <c r="D20781" s="14" t="s">
        <v>142</v>
      </c>
      <c r="E20781" s="15">
        <v>45717</v>
      </c>
      <c r="F20781" s="14" t="s">
        <v>28</v>
      </c>
      <c r="G20781" s="16">
        <v>2.6326019839097325</v>
      </c>
    </row>
    <row r="20782" spans="1:7" x14ac:dyDescent="0.3">
      <c r="A20782" s="13" t="s">
        <v>141</v>
      </c>
      <c r="B20782" s="14" t="s">
        <v>1</v>
      </c>
      <c r="C20782" s="14" t="s">
        <v>70</v>
      </c>
      <c r="D20782" s="14" t="s">
        <v>142</v>
      </c>
      <c r="E20782" s="15">
        <v>45718</v>
      </c>
      <c r="F20782" s="14" t="s">
        <v>28</v>
      </c>
      <c r="G20782" s="16">
        <v>2.6326019839097325</v>
      </c>
    </row>
    <row r="20783" spans="1:7" x14ac:dyDescent="0.3">
      <c r="A20783" s="13" t="s">
        <v>141</v>
      </c>
      <c r="B20783" s="14" t="s">
        <v>1</v>
      </c>
      <c r="C20783" s="14" t="s">
        <v>70</v>
      </c>
      <c r="D20783" s="14" t="s">
        <v>142</v>
      </c>
      <c r="E20783" s="15">
        <v>45719</v>
      </c>
      <c r="F20783" s="14" t="s">
        <v>28</v>
      </c>
      <c r="G20783" s="16">
        <v>2.6512294601968871</v>
      </c>
    </row>
    <row r="20784" spans="1:7" x14ac:dyDescent="0.3">
      <c r="A20784" s="13" t="s">
        <v>141</v>
      </c>
      <c r="B20784" s="14" t="s">
        <v>1</v>
      </c>
      <c r="C20784" s="14" t="s">
        <v>70</v>
      </c>
      <c r="D20784" s="14" t="s">
        <v>142</v>
      </c>
      <c r="E20784" s="15">
        <v>45720</v>
      </c>
      <c r="F20784" s="14" t="s">
        <v>28</v>
      </c>
      <c r="G20784" s="16">
        <v>2.6462123830110236</v>
      </c>
    </row>
    <row r="20785" spans="1:7" x14ac:dyDescent="0.3">
      <c r="A20785" s="13" t="s">
        <v>141</v>
      </c>
      <c r="B20785" s="14" t="s">
        <v>1</v>
      </c>
      <c r="C20785" s="14" t="s">
        <v>70</v>
      </c>
      <c r="D20785" s="14" t="s">
        <v>142</v>
      </c>
      <c r="E20785" s="15">
        <v>45721</v>
      </c>
      <c r="F20785" s="14" t="s">
        <v>28</v>
      </c>
      <c r="G20785" s="16">
        <v>2.6364568812821561</v>
      </c>
    </row>
    <row r="20786" spans="1:7" x14ac:dyDescent="0.3">
      <c r="A20786" s="13" t="s">
        <v>141</v>
      </c>
      <c r="B20786" s="14" t="s">
        <v>1</v>
      </c>
      <c r="C20786" s="14" t="s">
        <v>70</v>
      </c>
      <c r="D20786" s="14" t="s">
        <v>142</v>
      </c>
      <c r="E20786" s="15">
        <v>45722</v>
      </c>
      <c r="F20786" s="14" t="s">
        <v>28</v>
      </c>
      <c r="G20786" s="16">
        <v>2.6458065801813557</v>
      </c>
    </row>
    <row r="20787" spans="1:7" x14ac:dyDescent="0.3">
      <c r="A20787" s="13" t="s">
        <v>141</v>
      </c>
      <c r="B20787" s="14" t="s">
        <v>1</v>
      </c>
      <c r="C20787" s="14" t="s">
        <v>70</v>
      </c>
      <c r="D20787" s="14" t="s">
        <v>142</v>
      </c>
      <c r="E20787" s="15">
        <v>45723</v>
      </c>
      <c r="F20787" s="14" t="s">
        <v>28</v>
      </c>
      <c r="G20787" s="16">
        <v>2.6871214903966929</v>
      </c>
    </row>
    <row r="20788" spans="1:7" x14ac:dyDescent="0.3">
      <c r="A20788" s="13" t="s">
        <v>141</v>
      </c>
      <c r="B20788" s="14" t="s">
        <v>1</v>
      </c>
      <c r="C20788" s="14" t="s">
        <v>70</v>
      </c>
      <c r="D20788" s="14" t="s">
        <v>142</v>
      </c>
      <c r="E20788" s="15">
        <v>45724</v>
      </c>
      <c r="F20788" s="14" t="s">
        <v>28</v>
      </c>
      <c r="G20788" s="16">
        <v>2.6871214903966929</v>
      </c>
    </row>
    <row r="20789" spans="1:7" x14ac:dyDescent="0.3">
      <c r="A20789" s="13" t="s">
        <v>141</v>
      </c>
      <c r="B20789" s="14" t="s">
        <v>1</v>
      </c>
      <c r="C20789" s="14" t="s">
        <v>70</v>
      </c>
      <c r="D20789" s="14" t="s">
        <v>142</v>
      </c>
      <c r="E20789" s="15">
        <v>45725</v>
      </c>
      <c r="F20789" s="14" t="s">
        <v>28</v>
      </c>
      <c r="G20789" s="16">
        <v>2.6871214903966929</v>
      </c>
    </row>
    <row r="20790" spans="1:7" x14ac:dyDescent="0.3">
      <c r="A20790" s="13" t="s">
        <v>141</v>
      </c>
      <c r="B20790" s="14" t="s">
        <v>1</v>
      </c>
      <c r="C20790" s="14" t="s">
        <v>70</v>
      </c>
      <c r="D20790" s="14" t="s">
        <v>142</v>
      </c>
      <c r="E20790" s="15">
        <v>45726</v>
      </c>
      <c r="F20790" s="14" t="s">
        <v>28</v>
      </c>
      <c r="G20790" s="16">
        <v>2.7012513671924068</v>
      </c>
    </row>
    <row r="20791" spans="1:7" x14ac:dyDescent="0.3">
      <c r="A20791" s="13" t="s">
        <v>141</v>
      </c>
      <c r="B20791" s="14" t="s">
        <v>1</v>
      </c>
      <c r="C20791" s="14" t="s">
        <v>70</v>
      </c>
      <c r="D20791" s="14" t="s">
        <v>142</v>
      </c>
      <c r="E20791" s="15">
        <v>45727</v>
      </c>
      <c r="F20791" s="14" t="s">
        <v>28</v>
      </c>
      <c r="G20791" s="16">
        <v>2.7079683186516177</v>
      </c>
    </row>
    <row r="20792" spans="1:7" x14ac:dyDescent="0.3">
      <c r="A20792" s="13" t="s">
        <v>141</v>
      </c>
      <c r="B20792" s="14" t="s">
        <v>1</v>
      </c>
      <c r="C20792" s="14" t="s">
        <v>70</v>
      </c>
      <c r="D20792" s="14" t="s">
        <v>142</v>
      </c>
      <c r="E20792" s="15">
        <v>45728</v>
      </c>
      <c r="F20792" s="14" t="s">
        <v>28</v>
      </c>
      <c r="G20792" s="16">
        <v>2.7271571529109293</v>
      </c>
    </row>
    <row r="20793" spans="1:7" x14ac:dyDescent="0.3">
      <c r="A20793" s="13" t="s">
        <v>141</v>
      </c>
      <c r="B20793" s="14" t="s">
        <v>1</v>
      </c>
      <c r="C20793" s="14" t="s">
        <v>70</v>
      </c>
      <c r="D20793" s="14" t="s">
        <v>142</v>
      </c>
      <c r="E20793" s="15">
        <v>45729</v>
      </c>
      <c r="F20793" s="14" t="s">
        <v>28</v>
      </c>
      <c r="G20793" s="16">
        <v>2.737285892809405</v>
      </c>
    </row>
    <row r="20794" spans="1:7" x14ac:dyDescent="0.3">
      <c r="A20794" s="13" t="s">
        <v>141</v>
      </c>
      <c r="B20794" s="14" t="s">
        <v>1</v>
      </c>
      <c r="C20794" s="14" t="s">
        <v>70</v>
      </c>
      <c r="D20794" s="14" t="s">
        <v>142</v>
      </c>
      <c r="E20794" s="15">
        <v>45730</v>
      </c>
      <c r="F20794" s="14" t="s">
        <v>28</v>
      </c>
      <c r="G20794" s="16">
        <v>2.7456503638504191</v>
      </c>
    </row>
    <row r="20795" spans="1:7" x14ac:dyDescent="0.3">
      <c r="A20795" s="13" t="s">
        <v>141</v>
      </c>
      <c r="B20795" s="14" t="s">
        <v>1</v>
      </c>
      <c r="C20795" s="14" t="s">
        <v>70</v>
      </c>
      <c r="D20795" s="14" t="s">
        <v>142</v>
      </c>
      <c r="E20795" s="15">
        <v>45731</v>
      </c>
      <c r="F20795" s="14" t="s">
        <v>28</v>
      </c>
      <c r="G20795" s="16">
        <v>2.7456503638504191</v>
      </c>
    </row>
    <row r="20796" spans="1:7" x14ac:dyDescent="0.3">
      <c r="A20796" s="13" t="s">
        <v>141</v>
      </c>
      <c r="B20796" s="14" t="s">
        <v>1</v>
      </c>
      <c r="C20796" s="14" t="s">
        <v>70</v>
      </c>
      <c r="D20796" s="14" t="s">
        <v>142</v>
      </c>
      <c r="E20796" s="15">
        <v>45732</v>
      </c>
      <c r="F20796" s="14" t="s">
        <v>28</v>
      </c>
      <c r="G20796" s="16">
        <v>2.7456503638504191</v>
      </c>
    </row>
    <row r="20797" spans="1:7" x14ac:dyDescent="0.3">
      <c r="A20797" s="13" t="s">
        <v>141</v>
      </c>
      <c r="B20797" s="14" t="s">
        <v>1</v>
      </c>
      <c r="C20797" s="14" t="s">
        <v>70</v>
      </c>
      <c r="D20797" s="14" t="s">
        <v>142</v>
      </c>
      <c r="E20797" s="15">
        <v>45733</v>
      </c>
      <c r="F20797" s="14" t="s">
        <v>28</v>
      </c>
      <c r="G20797" s="16">
        <v>2.7456503638504191</v>
      </c>
    </row>
    <row r="20798" spans="1:7" x14ac:dyDescent="0.3">
      <c r="A20798" s="13" t="s">
        <v>141</v>
      </c>
      <c r="B20798" s="14" t="s">
        <v>1</v>
      </c>
      <c r="C20798" s="14" t="s">
        <v>70</v>
      </c>
      <c r="D20798" s="14" t="s">
        <v>142</v>
      </c>
      <c r="E20798" s="15">
        <v>45734</v>
      </c>
      <c r="F20798" s="14" t="s">
        <v>28</v>
      </c>
      <c r="G20798" s="16">
        <v>2.7491090449123834</v>
      </c>
    </row>
    <row r="20799" spans="1:7" x14ac:dyDescent="0.3">
      <c r="A20799" s="13" t="s">
        <v>141</v>
      </c>
      <c r="B20799" s="14" t="s">
        <v>1</v>
      </c>
      <c r="C20799" s="14" t="s">
        <v>70</v>
      </c>
      <c r="D20799" s="14" t="s">
        <v>142</v>
      </c>
      <c r="E20799" s="15">
        <v>45735</v>
      </c>
      <c r="F20799" s="14" t="s">
        <v>28</v>
      </c>
      <c r="G20799" s="16">
        <v>2.7716137842293866</v>
      </c>
    </row>
    <row r="20800" spans="1:7" x14ac:dyDescent="0.3">
      <c r="A20800" s="13" t="s">
        <v>141</v>
      </c>
      <c r="B20800" s="14" t="s">
        <v>1</v>
      </c>
      <c r="C20800" s="14" t="s">
        <v>70</v>
      </c>
      <c r="D20800" s="14" t="s">
        <v>142</v>
      </c>
      <c r="E20800" s="15">
        <v>45736</v>
      </c>
      <c r="F20800" s="14" t="s">
        <v>28</v>
      </c>
      <c r="G20800" s="16">
        <v>2.7844274835169647</v>
      </c>
    </row>
    <row r="20801" spans="1:7" x14ac:dyDescent="0.3">
      <c r="A20801" s="13" t="s">
        <v>141</v>
      </c>
      <c r="B20801" s="14" t="s">
        <v>1</v>
      </c>
      <c r="C20801" s="14" t="s">
        <v>70</v>
      </c>
      <c r="D20801" s="14" t="s">
        <v>142</v>
      </c>
      <c r="E20801" s="15">
        <v>45737</v>
      </c>
      <c r="F20801" s="14" t="s">
        <v>28</v>
      </c>
      <c r="G20801" s="16">
        <v>2.7892084740095089</v>
      </c>
    </row>
    <row r="20802" spans="1:7" x14ac:dyDescent="0.3">
      <c r="A20802" s="13" t="s">
        <v>141</v>
      </c>
      <c r="B20802" s="14" t="s">
        <v>1</v>
      </c>
      <c r="C20802" s="14" t="s">
        <v>70</v>
      </c>
      <c r="D20802" s="14" t="s">
        <v>142</v>
      </c>
      <c r="E20802" s="15">
        <v>45738</v>
      </c>
      <c r="F20802" s="14" t="s">
        <v>28</v>
      </c>
      <c r="G20802" s="16">
        <v>2.7892084740095089</v>
      </c>
    </row>
    <row r="20803" spans="1:7" x14ac:dyDescent="0.3">
      <c r="A20803" s="13" t="s">
        <v>141</v>
      </c>
      <c r="B20803" s="14" t="s">
        <v>1</v>
      </c>
      <c r="C20803" s="14" t="s">
        <v>70</v>
      </c>
      <c r="D20803" s="14" t="s">
        <v>142</v>
      </c>
      <c r="E20803" s="15">
        <v>45739</v>
      </c>
      <c r="F20803" s="14" t="s">
        <v>28</v>
      </c>
      <c r="G20803" s="16">
        <v>2.7892084740095089</v>
      </c>
    </row>
    <row r="20804" spans="1:7" x14ac:dyDescent="0.3">
      <c r="A20804" s="13" t="s">
        <v>141</v>
      </c>
      <c r="B20804" s="14" t="s">
        <v>1</v>
      </c>
      <c r="C20804" s="14" t="s">
        <v>70</v>
      </c>
      <c r="D20804" s="14" t="s">
        <v>142</v>
      </c>
      <c r="E20804" s="15">
        <v>45740</v>
      </c>
      <c r="F20804" s="14" t="s">
        <v>28</v>
      </c>
      <c r="G20804" s="16">
        <v>2.7987545180628937</v>
      </c>
    </row>
    <row r="20805" spans="1:7" x14ac:dyDescent="0.3">
      <c r="A20805" s="13" t="s">
        <v>141</v>
      </c>
      <c r="B20805" s="14" t="s">
        <v>1</v>
      </c>
      <c r="C20805" s="14" t="s">
        <v>70</v>
      </c>
      <c r="D20805" s="14" t="s">
        <v>142</v>
      </c>
      <c r="E20805" s="15">
        <v>45741</v>
      </c>
      <c r="F20805" s="14" t="s">
        <v>28</v>
      </c>
      <c r="G20805" s="16">
        <v>2.803168816530258</v>
      </c>
    </row>
    <row r="20806" spans="1:7" x14ac:dyDescent="0.3">
      <c r="A20806" s="13" t="s">
        <v>141</v>
      </c>
      <c r="B20806" s="14" t="s">
        <v>1</v>
      </c>
      <c r="C20806" s="14" t="s">
        <v>70</v>
      </c>
      <c r="D20806" s="14" t="s">
        <v>142</v>
      </c>
      <c r="E20806" s="15">
        <v>45742</v>
      </c>
      <c r="F20806" s="14" t="s">
        <v>28</v>
      </c>
      <c r="G20806" s="16">
        <v>2.8164540995202416</v>
      </c>
    </row>
    <row r="20807" spans="1:7" x14ac:dyDescent="0.3">
      <c r="A20807" s="13" t="s">
        <v>141</v>
      </c>
      <c r="B20807" s="14" t="s">
        <v>1</v>
      </c>
      <c r="C20807" s="14" t="s">
        <v>70</v>
      </c>
      <c r="D20807" s="14" t="s">
        <v>142</v>
      </c>
      <c r="E20807" s="15">
        <v>45743</v>
      </c>
      <c r="F20807" s="14" t="s">
        <v>28</v>
      </c>
      <c r="G20807" s="16">
        <v>2.8291226588804692</v>
      </c>
    </row>
    <row r="20808" spans="1:7" x14ac:dyDescent="0.3">
      <c r="A20808" s="13" t="s">
        <v>141</v>
      </c>
      <c r="B20808" s="14" t="s">
        <v>1</v>
      </c>
      <c r="C20808" s="14" t="s">
        <v>70</v>
      </c>
      <c r="D20808" s="14" t="s">
        <v>142</v>
      </c>
      <c r="E20808" s="15">
        <v>45744</v>
      </c>
      <c r="F20808" s="14" t="s">
        <v>28</v>
      </c>
      <c r="G20808" s="16">
        <v>2.9311195983258642</v>
      </c>
    </row>
    <row r="20809" spans="1:7" x14ac:dyDescent="0.3">
      <c r="A20809" s="13" t="s">
        <v>141</v>
      </c>
      <c r="B20809" s="14" t="s">
        <v>1</v>
      </c>
      <c r="C20809" s="14" t="s">
        <v>70</v>
      </c>
      <c r="D20809" s="14" t="s">
        <v>142</v>
      </c>
      <c r="E20809" s="15">
        <v>45745</v>
      </c>
      <c r="F20809" s="14" t="s">
        <v>28</v>
      </c>
      <c r="G20809" s="16">
        <v>2.9311195983258642</v>
      </c>
    </row>
    <row r="20810" spans="1:7" x14ac:dyDescent="0.3">
      <c r="A20810" s="13" t="s">
        <v>141</v>
      </c>
      <c r="B20810" s="14" t="s">
        <v>1</v>
      </c>
      <c r="C20810" s="14" t="s">
        <v>70</v>
      </c>
      <c r="D20810" s="14" t="s">
        <v>142</v>
      </c>
      <c r="E20810" s="15">
        <v>45746</v>
      </c>
      <c r="F20810" s="14" t="s">
        <v>28</v>
      </c>
      <c r="G20810" s="16">
        <v>2.9311195983258642</v>
      </c>
    </row>
    <row r="20811" spans="1:7" x14ac:dyDescent="0.3">
      <c r="A20811" s="13" t="s">
        <v>141</v>
      </c>
      <c r="B20811" s="14" t="s">
        <v>1</v>
      </c>
      <c r="C20811" s="14" t="s">
        <v>70</v>
      </c>
      <c r="D20811" s="14" t="s">
        <v>142</v>
      </c>
      <c r="E20811" s="15">
        <v>45747</v>
      </c>
      <c r="F20811" s="14" t="s">
        <v>28</v>
      </c>
      <c r="G20811" s="16">
        <v>2.9784921683416106</v>
      </c>
    </row>
    <row r="20812" spans="1:7" x14ac:dyDescent="0.3">
      <c r="A20812" s="13" t="s">
        <v>143</v>
      </c>
      <c r="B20812" s="14" t="s">
        <v>1</v>
      </c>
      <c r="C20812" s="14" t="s">
        <v>41</v>
      </c>
      <c r="D20812" s="14" t="s">
        <v>144</v>
      </c>
      <c r="E20812" s="15">
        <v>45383</v>
      </c>
      <c r="F20812" s="14" t="s">
        <v>43</v>
      </c>
      <c r="G20812" s="16">
        <v>0</v>
      </c>
    </row>
    <row r="20813" spans="1:7" x14ac:dyDescent="0.3">
      <c r="A20813" s="13" t="s">
        <v>143</v>
      </c>
      <c r="B20813" s="14" t="s">
        <v>1</v>
      </c>
      <c r="C20813" s="14" t="s">
        <v>41</v>
      </c>
      <c r="D20813" s="14" t="s">
        <v>144</v>
      </c>
      <c r="E20813" s="15">
        <v>45384</v>
      </c>
      <c r="F20813" s="14" t="s">
        <v>43</v>
      </c>
      <c r="G20813" s="16">
        <v>0</v>
      </c>
    </row>
    <row r="20814" spans="1:7" x14ac:dyDescent="0.3">
      <c r="A20814" s="13" t="s">
        <v>143</v>
      </c>
      <c r="B20814" s="14" t="s">
        <v>1</v>
      </c>
      <c r="C20814" s="14" t="s">
        <v>41</v>
      </c>
      <c r="D20814" s="14" t="s">
        <v>144</v>
      </c>
      <c r="E20814" s="15">
        <v>45385</v>
      </c>
      <c r="F20814" s="14" t="s">
        <v>43</v>
      </c>
      <c r="G20814" s="16">
        <v>0</v>
      </c>
    </row>
    <row r="20815" spans="1:7" x14ac:dyDescent="0.3">
      <c r="A20815" s="13" t="s">
        <v>143</v>
      </c>
      <c r="B20815" s="14" t="s">
        <v>1</v>
      </c>
      <c r="C20815" s="14" t="s">
        <v>41</v>
      </c>
      <c r="D20815" s="14" t="s">
        <v>144</v>
      </c>
      <c r="E20815" s="15">
        <v>45386</v>
      </c>
      <c r="F20815" s="14" t="s">
        <v>43</v>
      </c>
      <c r="G20815" s="16">
        <v>0</v>
      </c>
    </row>
    <row r="20816" spans="1:7" x14ac:dyDescent="0.3">
      <c r="A20816" s="13" t="s">
        <v>143</v>
      </c>
      <c r="B20816" s="14" t="s">
        <v>1</v>
      </c>
      <c r="C20816" s="14" t="s">
        <v>41</v>
      </c>
      <c r="D20816" s="14" t="s">
        <v>144</v>
      </c>
      <c r="E20816" s="15">
        <v>45387</v>
      </c>
      <c r="F20816" s="14" t="s">
        <v>43</v>
      </c>
      <c r="G20816" s="16">
        <v>0</v>
      </c>
    </row>
    <row r="20817" spans="1:7" x14ac:dyDescent="0.3">
      <c r="A20817" s="13" t="s">
        <v>143</v>
      </c>
      <c r="B20817" s="14" t="s">
        <v>1</v>
      </c>
      <c r="C20817" s="14" t="s">
        <v>41</v>
      </c>
      <c r="D20817" s="14" t="s">
        <v>144</v>
      </c>
      <c r="E20817" s="15">
        <v>45388</v>
      </c>
      <c r="F20817" s="14" t="s">
        <v>43</v>
      </c>
      <c r="G20817" s="16">
        <v>0</v>
      </c>
    </row>
    <row r="20818" spans="1:7" x14ac:dyDescent="0.3">
      <c r="A20818" s="13" t="s">
        <v>143</v>
      </c>
      <c r="B20818" s="14" t="s">
        <v>1</v>
      </c>
      <c r="C20818" s="14" t="s">
        <v>41</v>
      </c>
      <c r="D20818" s="14" t="s">
        <v>144</v>
      </c>
      <c r="E20818" s="15">
        <v>45389</v>
      </c>
      <c r="F20818" s="14" t="s">
        <v>43</v>
      </c>
      <c r="G20818" s="16">
        <v>0</v>
      </c>
    </row>
    <row r="20819" spans="1:7" x14ac:dyDescent="0.3">
      <c r="A20819" s="13" t="s">
        <v>143</v>
      </c>
      <c r="B20819" s="14" t="s">
        <v>1</v>
      </c>
      <c r="C20819" s="14" t="s">
        <v>41</v>
      </c>
      <c r="D20819" s="14" t="s">
        <v>144</v>
      </c>
      <c r="E20819" s="15">
        <v>45390</v>
      </c>
      <c r="F20819" s="14" t="s">
        <v>43</v>
      </c>
      <c r="G20819" s="16">
        <v>0</v>
      </c>
    </row>
    <row r="20820" spans="1:7" x14ac:dyDescent="0.3">
      <c r="A20820" s="13" t="s">
        <v>143</v>
      </c>
      <c r="B20820" s="14" t="s">
        <v>1</v>
      </c>
      <c r="C20820" s="14" t="s">
        <v>41</v>
      </c>
      <c r="D20820" s="14" t="s">
        <v>144</v>
      </c>
      <c r="E20820" s="15">
        <v>45391</v>
      </c>
      <c r="F20820" s="14" t="s">
        <v>43</v>
      </c>
      <c r="G20820" s="16">
        <v>0</v>
      </c>
    </row>
    <row r="20821" spans="1:7" x14ac:dyDescent="0.3">
      <c r="A20821" s="13" t="s">
        <v>143</v>
      </c>
      <c r="B20821" s="14" t="s">
        <v>1</v>
      </c>
      <c r="C20821" s="14" t="s">
        <v>41</v>
      </c>
      <c r="D20821" s="14" t="s">
        <v>144</v>
      </c>
      <c r="E20821" s="15">
        <v>45392</v>
      </c>
      <c r="F20821" s="14" t="s">
        <v>43</v>
      </c>
      <c r="G20821" s="16">
        <v>0</v>
      </c>
    </row>
    <row r="20822" spans="1:7" x14ac:dyDescent="0.3">
      <c r="A20822" s="13" t="s">
        <v>143</v>
      </c>
      <c r="B20822" s="14" t="s">
        <v>1</v>
      </c>
      <c r="C20822" s="14" t="s">
        <v>41</v>
      </c>
      <c r="D20822" s="14" t="s">
        <v>144</v>
      </c>
      <c r="E20822" s="15">
        <v>45393</v>
      </c>
      <c r="F20822" s="14" t="s">
        <v>43</v>
      </c>
      <c r="G20822" s="16">
        <v>0</v>
      </c>
    </row>
    <row r="20823" spans="1:7" x14ac:dyDescent="0.3">
      <c r="A20823" s="13" t="s">
        <v>143</v>
      </c>
      <c r="B20823" s="14" t="s">
        <v>1</v>
      </c>
      <c r="C20823" s="14" t="s">
        <v>41</v>
      </c>
      <c r="D20823" s="14" t="s">
        <v>144</v>
      </c>
      <c r="E20823" s="15">
        <v>45394</v>
      </c>
      <c r="F20823" s="14" t="s">
        <v>43</v>
      </c>
      <c r="G20823" s="16">
        <v>0</v>
      </c>
    </row>
    <row r="20824" spans="1:7" x14ac:dyDescent="0.3">
      <c r="A20824" s="13" t="s">
        <v>143</v>
      </c>
      <c r="B20824" s="14" t="s">
        <v>1</v>
      </c>
      <c r="C20824" s="14" t="s">
        <v>41</v>
      </c>
      <c r="D20824" s="14" t="s">
        <v>144</v>
      </c>
      <c r="E20824" s="15">
        <v>45395</v>
      </c>
      <c r="F20824" s="14" t="s">
        <v>43</v>
      </c>
      <c r="G20824" s="16">
        <v>0</v>
      </c>
    </row>
    <row r="20825" spans="1:7" x14ac:dyDescent="0.3">
      <c r="A20825" s="13" t="s">
        <v>143</v>
      </c>
      <c r="B20825" s="14" t="s">
        <v>1</v>
      </c>
      <c r="C20825" s="14" t="s">
        <v>41</v>
      </c>
      <c r="D20825" s="14" t="s">
        <v>144</v>
      </c>
      <c r="E20825" s="15">
        <v>45396</v>
      </c>
      <c r="F20825" s="14" t="s">
        <v>43</v>
      </c>
      <c r="G20825" s="16">
        <v>0</v>
      </c>
    </row>
    <row r="20826" spans="1:7" x14ac:dyDescent="0.3">
      <c r="A20826" s="13" t="s">
        <v>143</v>
      </c>
      <c r="B20826" s="14" t="s">
        <v>1</v>
      </c>
      <c r="C20826" s="14" t="s">
        <v>41</v>
      </c>
      <c r="D20826" s="14" t="s">
        <v>144</v>
      </c>
      <c r="E20826" s="15">
        <v>45397</v>
      </c>
      <c r="F20826" s="14" t="s">
        <v>43</v>
      </c>
      <c r="G20826" s="16">
        <v>0</v>
      </c>
    </row>
    <row r="20827" spans="1:7" x14ac:dyDescent="0.3">
      <c r="A20827" s="13" t="s">
        <v>143</v>
      </c>
      <c r="B20827" s="14" t="s">
        <v>1</v>
      </c>
      <c r="C20827" s="14" t="s">
        <v>41</v>
      </c>
      <c r="D20827" s="14" t="s">
        <v>144</v>
      </c>
      <c r="E20827" s="15">
        <v>45398</v>
      </c>
      <c r="F20827" s="14" t="s">
        <v>43</v>
      </c>
      <c r="G20827" s="16">
        <v>0</v>
      </c>
    </row>
    <row r="20828" spans="1:7" x14ac:dyDescent="0.3">
      <c r="A20828" s="13" t="s">
        <v>143</v>
      </c>
      <c r="B20828" s="14" t="s">
        <v>1</v>
      </c>
      <c r="C20828" s="14" t="s">
        <v>41</v>
      </c>
      <c r="D20828" s="14" t="s">
        <v>144</v>
      </c>
      <c r="E20828" s="15">
        <v>45399</v>
      </c>
      <c r="F20828" s="14" t="s">
        <v>43</v>
      </c>
      <c r="G20828" s="16">
        <v>0</v>
      </c>
    </row>
    <row r="20829" spans="1:7" x14ac:dyDescent="0.3">
      <c r="A20829" s="13" t="s">
        <v>143</v>
      </c>
      <c r="B20829" s="14" t="s">
        <v>1</v>
      </c>
      <c r="C20829" s="14" t="s">
        <v>41</v>
      </c>
      <c r="D20829" s="14" t="s">
        <v>144</v>
      </c>
      <c r="E20829" s="15">
        <v>45400</v>
      </c>
      <c r="F20829" s="14" t="s">
        <v>43</v>
      </c>
      <c r="G20829" s="16">
        <v>0</v>
      </c>
    </row>
    <row r="20830" spans="1:7" x14ac:dyDescent="0.3">
      <c r="A20830" s="13" t="s">
        <v>143</v>
      </c>
      <c r="B20830" s="14" t="s">
        <v>1</v>
      </c>
      <c r="C20830" s="14" t="s">
        <v>41</v>
      </c>
      <c r="D20830" s="14" t="s">
        <v>144</v>
      </c>
      <c r="E20830" s="15">
        <v>45401</v>
      </c>
      <c r="F20830" s="14" t="s">
        <v>43</v>
      </c>
      <c r="G20830" s="16">
        <v>0</v>
      </c>
    </row>
    <row r="20831" spans="1:7" x14ac:dyDescent="0.3">
      <c r="A20831" s="13" t="s">
        <v>143</v>
      </c>
      <c r="B20831" s="14" t="s">
        <v>1</v>
      </c>
      <c r="C20831" s="14" t="s">
        <v>41</v>
      </c>
      <c r="D20831" s="14" t="s">
        <v>144</v>
      </c>
      <c r="E20831" s="15">
        <v>45402</v>
      </c>
      <c r="F20831" s="14" t="s">
        <v>43</v>
      </c>
      <c r="G20831" s="16">
        <v>0</v>
      </c>
    </row>
    <row r="20832" spans="1:7" x14ac:dyDescent="0.3">
      <c r="A20832" s="13" t="s">
        <v>143</v>
      </c>
      <c r="B20832" s="14" t="s">
        <v>1</v>
      </c>
      <c r="C20832" s="14" t="s">
        <v>41</v>
      </c>
      <c r="D20832" s="14" t="s">
        <v>144</v>
      </c>
      <c r="E20832" s="15">
        <v>45403</v>
      </c>
      <c r="F20832" s="14" t="s">
        <v>43</v>
      </c>
      <c r="G20832" s="16">
        <v>0</v>
      </c>
    </row>
    <row r="20833" spans="1:7" x14ac:dyDescent="0.3">
      <c r="A20833" s="13" t="s">
        <v>143</v>
      </c>
      <c r="B20833" s="14" t="s">
        <v>1</v>
      </c>
      <c r="C20833" s="14" t="s">
        <v>41</v>
      </c>
      <c r="D20833" s="14" t="s">
        <v>144</v>
      </c>
      <c r="E20833" s="15">
        <v>45404</v>
      </c>
      <c r="F20833" s="14" t="s">
        <v>43</v>
      </c>
      <c r="G20833" s="16">
        <v>0</v>
      </c>
    </row>
    <row r="20834" spans="1:7" x14ac:dyDescent="0.3">
      <c r="A20834" s="13" t="s">
        <v>143</v>
      </c>
      <c r="B20834" s="14" t="s">
        <v>1</v>
      </c>
      <c r="C20834" s="14" t="s">
        <v>41</v>
      </c>
      <c r="D20834" s="14" t="s">
        <v>144</v>
      </c>
      <c r="E20834" s="15">
        <v>45405</v>
      </c>
      <c r="F20834" s="14" t="s">
        <v>43</v>
      </c>
      <c r="G20834" s="16">
        <v>0</v>
      </c>
    </row>
    <row r="20835" spans="1:7" x14ac:dyDescent="0.3">
      <c r="A20835" s="13" t="s">
        <v>143</v>
      </c>
      <c r="B20835" s="14" t="s">
        <v>1</v>
      </c>
      <c r="C20835" s="14" t="s">
        <v>41</v>
      </c>
      <c r="D20835" s="14" t="s">
        <v>144</v>
      </c>
      <c r="E20835" s="15">
        <v>45406</v>
      </c>
      <c r="F20835" s="14" t="s">
        <v>43</v>
      </c>
      <c r="G20835" s="16">
        <v>0</v>
      </c>
    </row>
    <row r="20836" spans="1:7" x14ac:dyDescent="0.3">
      <c r="A20836" s="13" t="s">
        <v>143</v>
      </c>
      <c r="B20836" s="14" t="s">
        <v>1</v>
      </c>
      <c r="C20836" s="14" t="s">
        <v>41</v>
      </c>
      <c r="D20836" s="14" t="s">
        <v>144</v>
      </c>
      <c r="E20836" s="15">
        <v>45407</v>
      </c>
      <c r="F20836" s="14" t="s">
        <v>43</v>
      </c>
      <c r="G20836" s="16">
        <v>0</v>
      </c>
    </row>
    <row r="20837" spans="1:7" x14ac:dyDescent="0.3">
      <c r="A20837" s="13" t="s">
        <v>143</v>
      </c>
      <c r="B20837" s="14" t="s">
        <v>1</v>
      </c>
      <c r="C20837" s="14" t="s">
        <v>41</v>
      </c>
      <c r="D20837" s="14" t="s">
        <v>144</v>
      </c>
      <c r="E20837" s="15">
        <v>45408</v>
      </c>
      <c r="F20837" s="14" t="s">
        <v>43</v>
      </c>
      <c r="G20837" s="16">
        <v>0</v>
      </c>
    </row>
    <row r="20838" spans="1:7" x14ac:dyDescent="0.3">
      <c r="A20838" s="13" t="s">
        <v>143</v>
      </c>
      <c r="B20838" s="14" t="s">
        <v>1</v>
      </c>
      <c r="C20838" s="14" t="s">
        <v>41</v>
      </c>
      <c r="D20838" s="14" t="s">
        <v>144</v>
      </c>
      <c r="E20838" s="15">
        <v>45409</v>
      </c>
      <c r="F20838" s="14" t="s">
        <v>43</v>
      </c>
      <c r="G20838" s="16">
        <v>0</v>
      </c>
    </row>
    <row r="20839" spans="1:7" x14ac:dyDescent="0.3">
      <c r="A20839" s="13" t="s">
        <v>143</v>
      </c>
      <c r="B20839" s="14" t="s">
        <v>1</v>
      </c>
      <c r="C20839" s="14" t="s">
        <v>41</v>
      </c>
      <c r="D20839" s="14" t="s">
        <v>144</v>
      </c>
      <c r="E20839" s="15">
        <v>45410</v>
      </c>
      <c r="F20839" s="14" t="s">
        <v>43</v>
      </c>
      <c r="G20839" s="16">
        <v>0</v>
      </c>
    </row>
    <row r="20840" spans="1:7" x14ac:dyDescent="0.3">
      <c r="A20840" s="13" t="s">
        <v>143</v>
      </c>
      <c r="B20840" s="14" t="s">
        <v>1</v>
      </c>
      <c r="C20840" s="14" t="s">
        <v>41</v>
      </c>
      <c r="D20840" s="14" t="s">
        <v>144</v>
      </c>
      <c r="E20840" s="15">
        <v>45411</v>
      </c>
      <c r="F20840" s="14" t="s">
        <v>43</v>
      </c>
      <c r="G20840" s="16">
        <v>0</v>
      </c>
    </row>
    <row r="20841" spans="1:7" x14ac:dyDescent="0.3">
      <c r="A20841" s="13" t="s">
        <v>143</v>
      </c>
      <c r="B20841" s="14" t="s">
        <v>1</v>
      </c>
      <c r="C20841" s="14" t="s">
        <v>41</v>
      </c>
      <c r="D20841" s="14" t="s">
        <v>144</v>
      </c>
      <c r="E20841" s="15">
        <v>45412</v>
      </c>
      <c r="F20841" s="14" t="s">
        <v>43</v>
      </c>
      <c r="G20841" s="16">
        <v>0</v>
      </c>
    </row>
    <row r="20842" spans="1:7" x14ac:dyDescent="0.3">
      <c r="A20842" s="13" t="s">
        <v>143</v>
      </c>
      <c r="B20842" s="14" t="s">
        <v>1</v>
      </c>
      <c r="C20842" s="14" t="s">
        <v>41</v>
      </c>
      <c r="D20842" s="14" t="s">
        <v>144</v>
      </c>
      <c r="E20842" s="15">
        <v>45413</v>
      </c>
      <c r="F20842" s="14" t="s">
        <v>43</v>
      </c>
      <c r="G20842" s="16">
        <v>0</v>
      </c>
    </row>
    <row r="20843" spans="1:7" x14ac:dyDescent="0.3">
      <c r="A20843" s="13" t="s">
        <v>143</v>
      </c>
      <c r="B20843" s="14" t="s">
        <v>1</v>
      </c>
      <c r="C20843" s="14" t="s">
        <v>41</v>
      </c>
      <c r="D20843" s="14" t="s">
        <v>144</v>
      </c>
      <c r="E20843" s="15">
        <v>45414</v>
      </c>
      <c r="F20843" s="14" t="s">
        <v>43</v>
      </c>
      <c r="G20843" s="16">
        <v>0</v>
      </c>
    </row>
    <row r="20844" spans="1:7" x14ac:dyDescent="0.3">
      <c r="A20844" s="13" t="s">
        <v>143</v>
      </c>
      <c r="B20844" s="14" t="s">
        <v>1</v>
      </c>
      <c r="C20844" s="14" t="s">
        <v>41</v>
      </c>
      <c r="D20844" s="14" t="s">
        <v>144</v>
      </c>
      <c r="E20844" s="15">
        <v>45415</v>
      </c>
      <c r="F20844" s="14" t="s">
        <v>43</v>
      </c>
      <c r="G20844" s="16">
        <v>0</v>
      </c>
    </row>
    <row r="20845" spans="1:7" x14ac:dyDescent="0.3">
      <c r="A20845" s="13" t="s">
        <v>143</v>
      </c>
      <c r="B20845" s="14" t="s">
        <v>1</v>
      </c>
      <c r="C20845" s="14" t="s">
        <v>41</v>
      </c>
      <c r="D20845" s="14" t="s">
        <v>144</v>
      </c>
      <c r="E20845" s="15">
        <v>45416</v>
      </c>
      <c r="F20845" s="14" t="s">
        <v>43</v>
      </c>
      <c r="G20845" s="16">
        <v>0</v>
      </c>
    </row>
    <row r="20846" spans="1:7" x14ac:dyDescent="0.3">
      <c r="A20846" s="13" t="s">
        <v>143</v>
      </c>
      <c r="B20846" s="14" t="s">
        <v>1</v>
      </c>
      <c r="C20846" s="14" t="s">
        <v>41</v>
      </c>
      <c r="D20846" s="14" t="s">
        <v>144</v>
      </c>
      <c r="E20846" s="15">
        <v>45417</v>
      </c>
      <c r="F20846" s="14" t="s">
        <v>43</v>
      </c>
      <c r="G20846" s="16">
        <v>0</v>
      </c>
    </row>
    <row r="20847" spans="1:7" x14ac:dyDescent="0.3">
      <c r="A20847" s="13" t="s">
        <v>143</v>
      </c>
      <c r="B20847" s="14" t="s">
        <v>1</v>
      </c>
      <c r="C20847" s="14" t="s">
        <v>41</v>
      </c>
      <c r="D20847" s="14" t="s">
        <v>144</v>
      </c>
      <c r="E20847" s="15">
        <v>45418</v>
      </c>
      <c r="F20847" s="14" t="s">
        <v>43</v>
      </c>
      <c r="G20847" s="16">
        <v>0</v>
      </c>
    </row>
    <row r="20848" spans="1:7" x14ac:dyDescent="0.3">
      <c r="A20848" s="13" t="s">
        <v>143</v>
      </c>
      <c r="B20848" s="14" t="s">
        <v>1</v>
      </c>
      <c r="C20848" s="14" t="s">
        <v>41</v>
      </c>
      <c r="D20848" s="14" t="s">
        <v>144</v>
      </c>
      <c r="E20848" s="15">
        <v>45419</v>
      </c>
      <c r="F20848" s="14" t="s">
        <v>43</v>
      </c>
      <c r="G20848" s="16">
        <v>0</v>
      </c>
    </row>
    <row r="20849" spans="1:7" x14ac:dyDescent="0.3">
      <c r="A20849" s="13" t="s">
        <v>143</v>
      </c>
      <c r="B20849" s="14" t="s">
        <v>1</v>
      </c>
      <c r="C20849" s="14" t="s">
        <v>41</v>
      </c>
      <c r="D20849" s="14" t="s">
        <v>144</v>
      </c>
      <c r="E20849" s="15">
        <v>45420</v>
      </c>
      <c r="F20849" s="14" t="s">
        <v>43</v>
      </c>
      <c r="G20849" s="16">
        <v>0</v>
      </c>
    </row>
    <row r="20850" spans="1:7" x14ac:dyDescent="0.3">
      <c r="A20850" s="13" t="s">
        <v>143</v>
      </c>
      <c r="B20850" s="14" t="s">
        <v>1</v>
      </c>
      <c r="C20850" s="14" t="s">
        <v>41</v>
      </c>
      <c r="D20850" s="14" t="s">
        <v>144</v>
      </c>
      <c r="E20850" s="15">
        <v>45421</v>
      </c>
      <c r="F20850" s="14" t="s">
        <v>43</v>
      </c>
      <c r="G20850" s="16">
        <v>0</v>
      </c>
    </row>
    <row r="20851" spans="1:7" x14ac:dyDescent="0.3">
      <c r="A20851" s="13" t="s">
        <v>143</v>
      </c>
      <c r="B20851" s="14" t="s">
        <v>1</v>
      </c>
      <c r="C20851" s="14" t="s">
        <v>41</v>
      </c>
      <c r="D20851" s="14" t="s">
        <v>144</v>
      </c>
      <c r="E20851" s="15">
        <v>45422</v>
      </c>
      <c r="F20851" s="14" t="s">
        <v>43</v>
      </c>
      <c r="G20851" s="16">
        <v>0</v>
      </c>
    </row>
    <row r="20852" spans="1:7" x14ac:dyDescent="0.3">
      <c r="A20852" s="13" t="s">
        <v>143</v>
      </c>
      <c r="B20852" s="14" t="s">
        <v>1</v>
      </c>
      <c r="C20852" s="14" t="s">
        <v>41</v>
      </c>
      <c r="D20852" s="14" t="s">
        <v>144</v>
      </c>
      <c r="E20852" s="15">
        <v>45423</v>
      </c>
      <c r="F20852" s="14" t="s">
        <v>43</v>
      </c>
      <c r="G20852" s="16">
        <v>0</v>
      </c>
    </row>
    <row r="20853" spans="1:7" x14ac:dyDescent="0.3">
      <c r="A20853" s="13" t="s">
        <v>143</v>
      </c>
      <c r="B20853" s="14" t="s">
        <v>1</v>
      </c>
      <c r="C20853" s="14" t="s">
        <v>41</v>
      </c>
      <c r="D20853" s="14" t="s">
        <v>144</v>
      </c>
      <c r="E20853" s="15">
        <v>45424</v>
      </c>
      <c r="F20853" s="14" t="s">
        <v>43</v>
      </c>
      <c r="G20853" s="16">
        <v>0</v>
      </c>
    </row>
    <row r="20854" spans="1:7" x14ac:dyDescent="0.3">
      <c r="A20854" s="13" t="s">
        <v>143</v>
      </c>
      <c r="B20854" s="14" t="s">
        <v>1</v>
      </c>
      <c r="C20854" s="14" t="s">
        <v>41</v>
      </c>
      <c r="D20854" s="14" t="s">
        <v>144</v>
      </c>
      <c r="E20854" s="15">
        <v>45425</v>
      </c>
      <c r="F20854" s="14" t="s">
        <v>43</v>
      </c>
      <c r="G20854" s="16">
        <v>0</v>
      </c>
    </row>
    <row r="20855" spans="1:7" x14ac:dyDescent="0.3">
      <c r="A20855" s="13" t="s">
        <v>143</v>
      </c>
      <c r="B20855" s="14" t="s">
        <v>1</v>
      </c>
      <c r="C20855" s="14" t="s">
        <v>41</v>
      </c>
      <c r="D20855" s="14" t="s">
        <v>144</v>
      </c>
      <c r="E20855" s="15">
        <v>45426</v>
      </c>
      <c r="F20855" s="14" t="s">
        <v>43</v>
      </c>
      <c r="G20855" s="16">
        <v>0</v>
      </c>
    </row>
    <row r="20856" spans="1:7" x14ac:dyDescent="0.3">
      <c r="A20856" s="13" t="s">
        <v>143</v>
      </c>
      <c r="B20856" s="14" t="s">
        <v>1</v>
      </c>
      <c r="C20856" s="14" t="s">
        <v>41</v>
      </c>
      <c r="D20856" s="14" t="s">
        <v>144</v>
      </c>
      <c r="E20856" s="15">
        <v>45427</v>
      </c>
      <c r="F20856" s="14" t="s">
        <v>43</v>
      </c>
      <c r="G20856" s="16">
        <v>0</v>
      </c>
    </row>
    <row r="20857" spans="1:7" x14ac:dyDescent="0.3">
      <c r="A20857" s="13" t="s">
        <v>143</v>
      </c>
      <c r="B20857" s="14" t="s">
        <v>1</v>
      </c>
      <c r="C20857" s="14" t="s">
        <v>41</v>
      </c>
      <c r="D20857" s="14" t="s">
        <v>144</v>
      </c>
      <c r="E20857" s="15">
        <v>45428</v>
      </c>
      <c r="F20857" s="14" t="s">
        <v>43</v>
      </c>
      <c r="G20857" s="16">
        <v>0</v>
      </c>
    </row>
    <row r="20858" spans="1:7" x14ac:dyDescent="0.3">
      <c r="A20858" s="13" t="s">
        <v>143</v>
      </c>
      <c r="B20858" s="14" t="s">
        <v>1</v>
      </c>
      <c r="C20858" s="14" t="s">
        <v>41</v>
      </c>
      <c r="D20858" s="14" t="s">
        <v>144</v>
      </c>
      <c r="E20858" s="15">
        <v>45429</v>
      </c>
      <c r="F20858" s="14" t="s">
        <v>43</v>
      </c>
      <c r="G20858" s="16">
        <v>0</v>
      </c>
    </row>
    <row r="20859" spans="1:7" x14ac:dyDescent="0.3">
      <c r="A20859" s="13" t="s">
        <v>143</v>
      </c>
      <c r="B20859" s="14" t="s">
        <v>1</v>
      </c>
      <c r="C20859" s="14" t="s">
        <v>41</v>
      </c>
      <c r="D20859" s="14" t="s">
        <v>144</v>
      </c>
      <c r="E20859" s="15">
        <v>45430</v>
      </c>
      <c r="F20859" s="14" t="s">
        <v>43</v>
      </c>
      <c r="G20859" s="16">
        <v>0</v>
      </c>
    </row>
    <row r="20860" spans="1:7" x14ac:dyDescent="0.3">
      <c r="A20860" s="13" t="s">
        <v>143</v>
      </c>
      <c r="B20860" s="14" t="s">
        <v>1</v>
      </c>
      <c r="C20860" s="14" t="s">
        <v>41</v>
      </c>
      <c r="D20860" s="14" t="s">
        <v>144</v>
      </c>
      <c r="E20860" s="15">
        <v>45431</v>
      </c>
      <c r="F20860" s="14" t="s">
        <v>43</v>
      </c>
      <c r="G20860" s="16">
        <v>0</v>
      </c>
    </row>
    <row r="20861" spans="1:7" x14ac:dyDescent="0.3">
      <c r="A20861" s="13" t="s">
        <v>143</v>
      </c>
      <c r="B20861" s="14" t="s">
        <v>1</v>
      </c>
      <c r="C20861" s="14" t="s">
        <v>41</v>
      </c>
      <c r="D20861" s="14" t="s">
        <v>144</v>
      </c>
      <c r="E20861" s="15">
        <v>45432</v>
      </c>
      <c r="F20861" s="14" t="s">
        <v>43</v>
      </c>
      <c r="G20861" s="16">
        <v>0</v>
      </c>
    </row>
    <row r="20862" spans="1:7" x14ac:dyDescent="0.3">
      <c r="A20862" s="13" t="s">
        <v>143</v>
      </c>
      <c r="B20862" s="14" t="s">
        <v>1</v>
      </c>
      <c r="C20862" s="14" t="s">
        <v>41</v>
      </c>
      <c r="D20862" s="14" t="s">
        <v>144</v>
      </c>
      <c r="E20862" s="15">
        <v>45433</v>
      </c>
      <c r="F20862" s="14" t="s">
        <v>43</v>
      </c>
      <c r="G20862" s="16">
        <v>0</v>
      </c>
    </row>
    <row r="20863" spans="1:7" x14ac:dyDescent="0.3">
      <c r="A20863" s="13" t="s">
        <v>143</v>
      </c>
      <c r="B20863" s="14" t="s">
        <v>1</v>
      </c>
      <c r="C20863" s="14" t="s">
        <v>41</v>
      </c>
      <c r="D20863" s="14" t="s">
        <v>144</v>
      </c>
      <c r="E20863" s="15">
        <v>45434</v>
      </c>
      <c r="F20863" s="14" t="s">
        <v>43</v>
      </c>
      <c r="G20863" s="16">
        <v>0</v>
      </c>
    </row>
    <row r="20864" spans="1:7" x14ac:dyDescent="0.3">
      <c r="A20864" s="13" t="s">
        <v>143</v>
      </c>
      <c r="B20864" s="14" t="s">
        <v>1</v>
      </c>
      <c r="C20864" s="14" t="s">
        <v>41</v>
      </c>
      <c r="D20864" s="14" t="s">
        <v>144</v>
      </c>
      <c r="E20864" s="15">
        <v>45435</v>
      </c>
      <c r="F20864" s="14" t="s">
        <v>43</v>
      </c>
      <c r="G20864" s="16">
        <v>0</v>
      </c>
    </row>
    <row r="20865" spans="1:7" x14ac:dyDescent="0.3">
      <c r="A20865" s="13" t="s">
        <v>143</v>
      </c>
      <c r="B20865" s="14" t="s">
        <v>1</v>
      </c>
      <c r="C20865" s="14" t="s">
        <v>41</v>
      </c>
      <c r="D20865" s="14" t="s">
        <v>144</v>
      </c>
      <c r="E20865" s="15">
        <v>45436</v>
      </c>
      <c r="F20865" s="14" t="s">
        <v>43</v>
      </c>
      <c r="G20865" s="16">
        <v>0</v>
      </c>
    </row>
    <row r="20866" spans="1:7" x14ac:dyDescent="0.3">
      <c r="A20866" s="13" t="s">
        <v>143</v>
      </c>
      <c r="B20866" s="14" t="s">
        <v>1</v>
      </c>
      <c r="C20866" s="14" t="s">
        <v>41</v>
      </c>
      <c r="D20866" s="14" t="s">
        <v>144</v>
      </c>
      <c r="E20866" s="15">
        <v>45437</v>
      </c>
      <c r="F20866" s="14" t="s">
        <v>43</v>
      </c>
      <c r="G20866" s="16">
        <v>0</v>
      </c>
    </row>
    <row r="20867" spans="1:7" x14ac:dyDescent="0.3">
      <c r="A20867" s="13" t="s">
        <v>143</v>
      </c>
      <c r="B20867" s="14" t="s">
        <v>1</v>
      </c>
      <c r="C20867" s="14" t="s">
        <v>41</v>
      </c>
      <c r="D20867" s="14" t="s">
        <v>144</v>
      </c>
      <c r="E20867" s="15">
        <v>45438</v>
      </c>
      <c r="F20867" s="14" t="s">
        <v>43</v>
      </c>
      <c r="G20867" s="16">
        <v>0</v>
      </c>
    </row>
    <row r="20868" spans="1:7" x14ac:dyDescent="0.3">
      <c r="A20868" s="13" t="s">
        <v>143</v>
      </c>
      <c r="B20868" s="14" t="s">
        <v>1</v>
      </c>
      <c r="C20868" s="14" t="s">
        <v>41</v>
      </c>
      <c r="D20868" s="14" t="s">
        <v>144</v>
      </c>
      <c r="E20868" s="15">
        <v>45439</v>
      </c>
      <c r="F20868" s="14" t="s">
        <v>43</v>
      </c>
      <c r="G20868" s="16">
        <v>0</v>
      </c>
    </row>
    <row r="20869" spans="1:7" x14ac:dyDescent="0.3">
      <c r="A20869" s="13" t="s">
        <v>143</v>
      </c>
      <c r="B20869" s="14" t="s">
        <v>1</v>
      </c>
      <c r="C20869" s="14" t="s">
        <v>41</v>
      </c>
      <c r="D20869" s="14" t="s">
        <v>144</v>
      </c>
      <c r="E20869" s="15">
        <v>45440</v>
      </c>
      <c r="F20869" s="14" t="s">
        <v>43</v>
      </c>
      <c r="G20869" s="16">
        <v>0</v>
      </c>
    </row>
    <row r="20870" spans="1:7" x14ac:dyDescent="0.3">
      <c r="A20870" s="13" t="s">
        <v>143</v>
      </c>
      <c r="B20870" s="14" t="s">
        <v>1</v>
      </c>
      <c r="C20870" s="14" t="s">
        <v>41</v>
      </c>
      <c r="D20870" s="14" t="s">
        <v>144</v>
      </c>
      <c r="E20870" s="15">
        <v>45441</v>
      </c>
      <c r="F20870" s="14" t="s">
        <v>43</v>
      </c>
      <c r="G20870" s="16">
        <v>0</v>
      </c>
    </row>
    <row r="20871" spans="1:7" x14ac:dyDescent="0.3">
      <c r="A20871" s="13" t="s">
        <v>143</v>
      </c>
      <c r="B20871" s="14" t="s">
        <v>1</v>
      </c>
      <c r="C20871" s="14" t="s">
        <v>41</v>
      </c>
      <c r="D20871" s="14" t="s">
        <v>144</v>
      </c>
      <c r="E20871" s="15">
        <v>45442</v>
      </c>
      <c r="F20871" s="14" t="s">
        <v>43</v>
      </c>
      <c r="G20871" s="16">
        <v>0</v>
      </c>
    </row>
    <row r="20872" spans="1:7" x14ac:dyDescent="0.3">
      <c r="A20872" s="13" t="s">
        <v>143</v>
      </c>
      <c r="B20872" s="14" t="s">
        <v>1</v>
      </c>
      <c r="C20872" s="14" t="s">
        <v>41</v>
      </c>
      <c r="D20872" s="14" t="s">
        <v>144</v>
      </c>
      <c r="E20872" s="15">
        <v>45443</v>
      </c>
      <c r="F20872" s="14" t="s">
        <v>43</v>
      </c>
      <c r="G20872" s="16">
        <v>0</v>
      </c>
    </row>
    <row r="20873" spans="1:7" x14ac:dyDescent="0.3">
      <c r="A20873" s="13" t="s">
        <v>143</v>
      </c>
      <c r="B20873" s="14" t="s">
        <v>1</v>
      </c>
      <c r="C20873" s="14" t="s">
        <v>41</v>
      </c>
      <c r="D20873" s="14" t="s">
        <v>144</v>
      </c>
      <c r="E20873" s="15">
        <v>45444</v>
      </c>
      <c r="F20873" s="14" t="s">
        <v>43</v>
      </c>
      <c r="G20873" s="16">
        <v>0</v>
      </c>
    </row>
    <row r="20874" spans="1:7" x14ac:dyDescent="0.3">
      <c r="A20874" s="13" t="s">
        <v>143</v>
      </c>
      <c r="B20874" s="14" t="s">
        <v>1</v>
      </c>
      <c r="C20874" s="14" t="s">
        <v>41</v>
      </c>
      <c r="D20874" s="14" t="s">
        <v>144</v>
      </c>
      <c r="E20874" s="15">
        <v>45445</v>
      </c>
      <c r="F20874" s="14" t="s">
        <v>43</v>
      </c>
      <c r="G20874" s="16">
        <v>0</v>
      </c>
    </row>
    <row r="20875" spans="1:7" x14ac:dyDescent="0.3">
      <c r="A20875" s="13" t="s">
        <v>143</v>
      </c>
      <c r="B20875" s="14" t="s">
        <v>1</v>
      </c>
      <c r="C20875" s="14" t="s">
        <v>41</v>
      </c>
      <c r="D20875" s="14" t="s">
        <v>144</v>
      </c>
      <c r="E20875" s="15">
        <v>45446</v>
      </c>
      <c r="F20875" s="14" t="s">
        <v>43</v>
      </c>
      <c r="G20875" s="16">
        <v>0</v>
      </c>
    </row>
    <row r="20876" spans="1:7" x14ac:dyDescent="0.3">
      <c r="A20876" s="13" t="s">
        <v>143</v>
      </c>
      <c r="B20876" s="14" t="s">
        <v>1</v>
      </c>
      <c r="C20876" s="14" t="s">
        <v>41</v>
      </c>
      <c r="D20876" s="14" t="s">
        <v>144</v>
      </c>
      <c r="E20876" s="15">
        <v>45447</v>
      </c>
      <c r="F20876" s="14" t="s">
        <v>43</v>
      </c>
      <c r="G20876" s="16">
        <v>0</v>
      </c>
    </row>
    <row r="20877" spans="1:7" x14ac:dyDescent="0.3">
      <c r="A20877" s="13" t="s">
        <v>143</v>
      </c>
      <c r="B20877" s="14" t="s">
        <v>1</v>
      </c>
      <c r="C20877" s="14" t="s">
        <v>41</v>
      </c>
      <c r="D20877" s="14" t="s">
        <v>144</v>
      </c>
      <c r="E20877" s="15">
        <v>45448</v>
      </c>
      <c r="F20877" s="14" t="s">
        <v>43</v>
      </c>
      <c r="G20877" s="16">
        <v>0</v>
      </c>
    </row>
    <row r="20878" spans="1:7" x14ac:dyDescent="0.3">
      <c r="A20878" s="13" t="s">
        <v>143</v>
      </c>
      <c r="B20878" s="14" t="s">
        <v>1</v>
      </c>
      <c r="C20878" s="14" t="s">
        <v>41</v>
      </c>
      <c r="D20878" s="14" t="s">
        <v>144</v>
      </c>
      <c r="E20878" s="15">
        <v>45449</v>
      </c>
      <c r="F20878" s="14" t="s">
        <v>43</v>
      </c>
      <c r="G20878" s="16">
        <v>0</v>
      </c>
    </row>
    <row r="20879" spans="1:7" x14ac:dyDescent="0.3">
      <c r="A20879" s="13" t="s">
        <v>143</v>
      </c>
      <c r="B20879" s="14" t="s">
        <v>1</v>
      </c>
      <c r="C20879" s="14" t="s">
        <v>41</v>
      </c>
      <c r="D20879" s="14" t="s">
        <v>144</v>
      </c>
      <c r="E20879" s="15">
        <v>45450</v>
      </c>
      <c r="F20879" s="14" t="s">
        <v>43</v>
      </c>
      <c r="G20879" s="16">
        <v>0</v>
      </c>
    </row>
    <row r="20880" spans="1:7" x14ac:dyDescent="0.3">
      <c r="A20880" s="13" t="s">
        <v>143</v>
      </c>
      <c r="B20880" s="14" t="s">
        <v>1</v>
      </c>
      <c r="C20880" s="14" t="s">
        <v>41</v>
      </c>
      <c r="D20880" s="14" t="s">
        <v>144</v>
      </c>
      <c r="E20880" s="15">
        <v>45451</v>
      </c>
      <c r="F20880" s="14" t="s">
        <v>43</v>
      </c>
      <c r="G20880" s="16">
        <v>0</v>
      </c>
    </row>
    <row r="20881" spans="1:7" x14ac:dyDescent="0.3">
      <c r="A20881" s="13" t="s">
        <v>143</v>
      </c>
      <c r="B20881" s="14" t="s">
        <v>1</v>
      </c>
      <c r="C20881" s="14" t="s">
        <v>41</v>
      </c>
      <c r="D20881" s="14" t="s">
        <v>144</v>
      </c>
      <c r="E20881" s="15">
        <v>45452</v>
      </c>
      <c r="F20881" s="14" t="s">
        <v>43</v>
      </c>
      <c r="G20881" s="16">
        <v>0</v>
      </c>
    </row>
    <row r="20882" spans="1:7" x14ac:dyDescent="0.3">
      <c r="A20882" s="13" t="s">
        <v>143</v>
      </c>
      <c r="B20882" s="14" t="s">
        <v>1</v>
      </c>
      <c r="C20882" s="14" t="s">
        <v>41</v>
      </c>
      <c r="D20882" s="14" t="s">
        <v>144</v>
      </c>
      <c r="E20882" s="15">
        <v>45453</v>
      </c>
      <c r="F20882" s="14" t="s">
        <v>43</v>
      </c>
      <c r="G20882" s="16">
        <v>0</v>
      </c>
    </row>
    <row r="20883" spans="1:7" x14ac:dyDescent="0.3">
      <c r="A20883" s="13" t="s">
        <v>143</v>
      </c>
      <c r="B20883" s="14" t="s">
        <v>1</v>
      </c>
      <c r="C20883" s="14" t="s">
        <v>41</v>
      </c>
      <c r="D20883" s="14" t="s">
        <v>144</v>
      </c>
      <c r="E20883" s="15">
        <v>45454</v>
      </c>
      <c r="F20883" s="14" t="s">
        <v>43</v>
      </c>
      <c r="G20883" s="16">
        <v>0</v>
      </c>
    </row>
    <row r="20884" spans="1:7" x14ac:dyDescent="0.3">
      <c r="A20884" s="13" t="s">
        <v>143</v>
      </c>
      <c r="B20884" s="14" t="s">
        <v>1</v>
      </c>
      <c r="C20884" s="14" t="s">
        <v>41</v>
      </c>
      <c r="D20884" s="14" t="s">
        <v>144</v>
      </c>
      <c r="E20884" s="15">
        <v>45455</v>
      </c>
      <c r="F20884" s="14" t="s">
        <v>43</v>
      </c>
      <c r="G20884" s="16">
        <v>0</v>
      </c>
    </row>
    <row r="20885" spans="1:7" x14ac:dyDescent="0.3">
      <c r="A20885" s="13" t="s">
        <v>143</v>
      </c>
      <c r="B20885" s="14" t="s">
        <v>1</v>
      </c>
      <c r="C20885" s="14" t="s">
        <v>41</v>
      </c>
      <c r="D20885" s="14" t="s">
        <v>144</v>
      </c>
      <c r="E20885" s="15">
        <v>45456</v>
      </c>
      <c r="F20885" s="14" t="s">
        <v>43</v>
      </c>
      <c r="G20885" s="16">
        <v>0</v>
      </c>
    </row>
    <row r="20886" spans="1:7" x14ac:dyDescent="0.3">
      <c r="A20886" s="13" t="s">
        <v>143</v>
      </c>
      <c r="B20886" s="14" t="s">
        <v>1</v>
      </c>
      <c r="C20886" s="14" t="s">
        <v>41</v>
      </c>
      <c r="D20886" s="14" t="s">
        <v>144</v>
      </c>
      <c r="E20886" s="15">
        <v>45457</v>
      </c>
      <c r="F20886" s="14" t="s">
        <v>43</v>
      </c>
      <c r="G20886" s="16">
        <v>0</v>
      </c>
    </row>
    <row r="20887" spans="1:7" x14ac:dyDescent="0.3">
      <c r="A20887" s="13" t="s">
        <v>143</v>
      </c>
      <c r="B20887" s="14" t="s">
        <v>1</v>
      </c>
      <c r="C20887" s="14" t="s">
        <v>41</v>
      </c>
      <c r="D20887" s="14" t="s">
        <v>144</v>
      </c>
      <c r="E20887" s="15">
        <v>45458</v>
      </c>
      <c r="F20887" s="14" t="s">
        <v>43</v>
      </c>
      <c r="G20887" s="16">
        <v>0</v>
      </c>
    </row>
    <row r="20888" spans="1:7" x14ac:dyDescent="0.3">
      <c r="A20888" s="13" t="s">
        <v>143</v>
      </c>
      <c r="B20888" s="14" t="s">
        <v>1</v>
      </c>
      <c r="C20888" s="14" t="s">
        <v>41</v>
      </c>
      <c r="D20888" s="14" t="s">
        <v>144</v>
      </c>
      <c r="E20888" s="15">
        <v>45459</v>
      </c>
      <c r="F20888" s="14" t="s">
        <v>43</v>
      </c>
      <c r="G20888" s="16">
        <v>0</v>
      </c>
    </row>
    <row r="20889" spans="1:7" x14ac:dyDescent="0.3">
      <c r="A20889" s="13" t="s">
        <v>143</v>
      </c>
      <c r="B20889" s="14" t="s">
        <v>1</v>
      </c>
      <c r="C20889" s="14" t="s">
        <v>41</v>
      </c>
      <c r="D20889" s="14" t="s">
        <v>144</v>
      </c>
      <c r="E20889" s="15">
        <v>45460</v>
      </c>
      <c r="F20889" s="14" t="s">
        <v>43</v>
      </c>
      <c r="G20889" s="16">
        <v>0</v>
      </c>
    </row>
    <row r="20890" spans="1:7" x14ac:dyDescent="0.3">
      <c r="A20890" s="13" t="s">
        <v>143</v>
      </c>
      <c r="B20890" s="14" t="s">
        <v>1</v>
      </c>
      <c r="C20890" s="14" t="s">
        <v>41</v>
      </c>
      <c r="D20890" s="14" t="s">
        <v>144</v>
      </c>
      <c r="E20890" s="15">
        <v>45461</v>
      </c>
      <c r="F20890" s="14" t="s">
        <v>43</v>
      </c>
      <c r="G20890" s="16">
        <v>0</v>
      </c>
    </row>
    <row r="20891" spans="1:7" x14ac:dyDescent="0.3">
      <c r="A20891" s="13" t="s">
        <v>143</v>
      </c>
      <c r="B20891" s="14" t="s">
        <v>1</v>
      </c>
      <c r="C20891" s="14" t="s">
        <v>41</v>
      </c>
      <c r="D20891" s="14" t="s">
        <v>144</v>
      </c>
      <c r="E20891" s="15">
        <v>45462</v>
      </c>
      <c r="F20891" s="14" t="s">
        <v>43</v>
      </c>
      <c r="G20891" s="16">
        <v>0</v>
      </c>
    </row>
    <row r="20892" spans="1:7" x14ac:dyDescent="0.3">
      <c r="A20892" s="13" t="s">
        <v>143</v>
      </c>
      <c r="B20892" s="14" t="s">
        <v>1</v>
      </c>
      <c r="C20892" s="14" t="s">
        <v>41</v>
      </c>
      <c r="D20892" s="14" t="s">
        <v>144</v>
      </c>
      <c r="E20892" s="15">
        <v>45463</v>
      </c>
      <c r="F20892" s="14" t="s">
        <v>43</v>
      </c>
      <c r="G20892" s="16">
        <v>0</v>
      </c>
    </row>
    <row r="20893" spans="1:7" x14ac:dyDescent="0.3">
      <c r="A20893" s="13" t="s">
        <v>143</v>
      </c>
      <c r="B20893" s="14" t="s">
        <v>1</v>
      </c>
      <c r="C20893" s="14" t="s">
        <v>41</v>
      </c>
      <c r="D20893" s="14" t="s">
        <v>144</v>
      </c>
      <c r="E20893" s="15">
        <v>45464</v>
      </c>
      <c r="F20893" s="14" t="s">
        <v>43</v>
      </c>
      <c r="G20893" s="16">
        <v>0</v>
      </c>
    </row>
    <row r="20894" spans="1:7" x14ac:dyDescent="0.3">
      <c r="A20894" s="13" t="s">
        <v>143</v>
      </c>
      <c r="B20894" s="14" t="s">
        <v>1</v>
      </c>
      <c r="C20894" s="14" t="s">
        <v>41</v>
      </c>
      <c r="D20894" s="14" t="s">
        <v>144</v>
      </c>
      <c r="E20894" s="15">
        <v>45465</v>
      </c>
      <c r="F20894" s="14" t="s">
        <v>43</v>
      </c>
      <c r="G20894" s="16">
        <v>0</v>
      </c>
    </row>
    <row r="20895" spans="1:7" x14ac:dyDescent="0.3">
      <c r="A20895" s="13" t="s">
        <v>143</v>
      </c>
      <c r="B20895" s="14" t="s">
        <v>1</v>
      </c>
      <c r="C20895" s="14" t="s">
        <v>41</v>
      </c>
      <c r="D20895" s="14" t="s">
        <v>144</v>
      </c>
      <c r="E20895" s="15">
        <v>45466</v>
      </c>
      <c r="F20895" s="14" t="s">
        <v>43</v>
      </c>
      <c r="G20895" s="16">
        <v>0</v>
      </c>
    </row>
    <row r="20896" spans="1:7" x14ac:dyDescent="0.3">
      <c r="A20896" s="13" t="s">
        <v>143</v>
      </c>
      <c r="B20896" s="14" t="s">
        <v>1</v>
      </c>
      <c r="C20896" s="14" t="s">
        <v>41</v>
      </c>
      <c r="D20896" s="14" t="s">
        <v>144</v>
      </c>
      <c r="E20896" s="15">
        <v>45467</v>
      </c>
      <c r="F20896" s="14" t="s">
        <v>43</v>
      </c>
      <c r="G20896" s="16">
        <v>0</v>
      </c>
    </row>
    <row r="20897" spans="1:7" x14ac:dyDescent="0.3">
      <c r="A20897" s="13" t="s">
        <v>143</v>
      </c>
      <c r="B20897" s="14" t="s">
        <v>1</v>
      </c>
      <c r="C20897" s="14" t="s">
        <v>41</v>
      </c>
      <c r="D20897" s="14" t="s">
        <v>144</v>
      </c>
      <c r="E20897" s="15">
        <v>45468</v>
      </c>
      <c r="F20897" s="14" t="s">
        <v>43</v>
      </c>
      <c r="G20897" s="16">
        <v>0</v>
      </c>
    </row>
    <row r="20898" spans="1:7" x14ac:dyDescent="0.3">
      <c r="A20898" s="13" t="s">
        <v>143</v>
      </c>
      <c r="B20898" s="14" t="s">
        <v>1</v>
      </c>
      <c r="C20898" s="14" t="s">
        <v>41</v>
      </c>
      <c r="D20898" s="14" t="s">
        <v>144</v>
      </c>
      <c r="E20898" s="15">
        <v>45469</v>
      </c>
      <c r="F20898" s="14" t="s">
        <v>43</v>
      </c>
      <c r="G20898" s="16">
        <v>0</v>
      </c>
    </row>
    <row r="20899" spans="1:7" x14ac:dyDescent="0.3">
      <c r="A20899" s="13" t="s">
        <v>143</v>
      </c>
      <c r="B20899" s="14" t="s">
        <v>1</v>
      </c>
      <c r="C20899" s="14" t="s">
        <v>41</v>
      </c>
      <c r="D20899" s="14" t="s">
        <v>144</v>
      </c>
      <c r="E20899" s="15">
        <v>45470</v>
      </c>
      <c r="F20899" s="14" t="s">
        <v>43</v>
      </c>
      <c r="G20899" s="16">
        <v>0</v>
      </c>
    </row>
    <row r="20900" spans="1:7" x14ac:dyDescent="0.3">
      <c r="A20900" s="13" t="s">
        <v>143</v>
      </c>
      <c r="B20900" s="14" t="s">
        <v>1</v>
      </c>
      <c r="C20900" s="14" t="s">
        <v>41</v>
      </c>
      <c r="D20900" s="14" t="s">
        <v>144</v>
      </c>
      <c r="E20900" s="15">
        <v>45471</v>
      </c>
      <c r="F20900" s="14" t="s">
        <v>43</v>
      </c>
      <c r="G20900" s="16">
        <v>8.5732481372510581</v>
      </c>
    </row>
    <row r="20901" spans="1:7" x14ac:dyDescent="0.3">
      <c r="A20901" s="13" t="s">
        <v>143</v>
      </c>
      <c r="B20901" s="14" t="s">
        <v>1</v>
      </c>
      <c r="C20901" s="14" t="s">
        <v>41</v>
      </c>
      <c r="D20901" s="14" t="s">
        <v>144</v>
      </c>
      <c r="E20901" s="15">
        <v>45472</v>
      </c>
      <c r="F20901" s="14" t="s">
        <v>43</v>
      </c>
      <c r="G20901" s="16">
        <v>8.5732481372510581</v>
      </c>
    </row>
    <row r="20902" spans="1:7" x14ac:dyDescent="0.3">
      <c r="A20902" s="13" t="s">
        <v>143</v>
      </c>
      <c r="B20902" s="14" t="s">
        <v>1</v>
      </c>
      <c r="C20902" s="14" t="s">
        <v>41</v>
      </c>
      <c r="D20902" s="14" t="s">
        <v>144</v>
      </c>
      <c r="E20902" s="15">
        <v>45473</v>
      </c>
      <c r="F20902" s="14" t="s">
        <v>43</v>
      </c>
      <c r="G20902" s="16">
        <v>8.5732481372510581</v>
      </c>
    </row>
    <row r="20903" spans="1:7" x14ac:dyDescent="0.3">
      <c r="A20903" s="13" t="s">
        <v>143</v>
      </c>
      <c r="B20903" s="14" t="s">
        <v>1</v>
      </c>
      <c r="C20903" s="14" t="s">
        <v>41</v>
      </c>
      <c r="D20903" s="14" t="s">
        <v>144</v>
      </c>
      <c r="E20903" s="15">
        <v>45474</v>
      </c>
      <c r="F20903" s="14" t="s">
        <v>43</v>
      </c>
      <c r="G20903" s="16">
        <v>8.3765235369530764</v>
      </c>
    </row>
    <row r="20904" spans="1:7" x14ac:dyDescent="0.3">
      <c r="A20904" s="13" t="s">
        <v>143</v>
      </c>
      <c r="B20904" s="14" t="s">
        <v>1</v>
      </c>
      <c r="C20904" s="14" t="s">
        <v>41</v>
      </c>
      <c r="D20904" s="14" t="s">
        <v>144</v>
      </c>
      <c r="E20904" s="15">
        <v>45475</v>
      </c>
      <c r="F20904" s="14" t="s">
        <v>43</v>
      </c>
      <c r="G20904" s="16">
        <v>7.7705543060280595</v>
      </c>
    </row>
    <row r="20905" spans="1:7" x14ac:dyDescent="0.3">
      <c r="A20905" s="13" t="s">
        <v>143</v>
      </c>
      <c r="B20905" s="14" t="s">
        <v>1</v>
      </c>
      <c r="C20905" s="14" t="s">
        <v>41</v>
      </c>
      <c r="D20905" s="14" t="s">
        <v>144</v>
      </c>
      <c r="E20905" s="15">
        <v>45476</v>
      </c>
      <c r="F20905" s="14" t="s">
        <v>43</v>
      </c>
      <c r="G20905" s="16">
        <v>7.5718761183904943</v>
      </c>
    </row>
    <row r="20906" spans="1:7" x14ac:dyDescent="0.3">
      <c r="A20906" s="13" t="s">
        <v>143</v>
      </c>
      <c r="B20906" s="14" t="s">
        <v>1</v>
      </c>
      <c r="C20906" s="14" t="s">
        <v>41</v>
      </c>
      <c r="D20906" s="14" t="s">
        <v>144</v>
      </c>
      <c r="E20906" s="15">
        <v>45477</v>
      </c>
      <c r="F20906" s="14" t="s">
        <v>43</v>
      </c>
      <c r="G20906" s="16">
        <v>7.3702795186244625</v>
      </c>
    </row>
    <row r="20907" spans="1:7" x14ac:dyDescent="0.3">
      <c r="A20907" s="13" t="s">
        <v>143</v>
      </c>
      <c r="B20907" s="14" t="s">
        <v>1</v>
      </c>
      <c r="C20907" s="14" t="s">
        <v>41</v>
      </c>
      <c r="D20907" s="14" t="s">
        <v>144</v>
      </c>
      <c r="E20907" s="15">
        <v>45478</v>
      </c>
      <c r="F20907" s="14" t="s">
        <v>43</v>
      </c>
      <c r="G20907" s="16">
        <v>7.1681955194302782</v>
      </c>
    </row>
    <row r="20908" spans="1:7" x14ac:dyDescent="0.3">
      <c r="A20908" s="13" t="s">
        <v>143</v>
      </c>
      <c r="B20908" s="14" t="s">
        <v>1</v>
      </c>
      <c r="C20908" s="14" t="s">
        <v>41</v>
      </c>
      <c r="D20908" s="14" t="s">
        <v>144</v>
      </c>
      <c r="E20908" s="15">
        <v>45479</v>
      </c>
      <c r="F20908" s="14" t="s">
        <v>43</v>
      </c>
      <c r="G20908" s="16">
        <v>7.1681955194302782</v>
      </c>
    </row>
    <row r="20909" spans="1:7" x14ac:dyDescent="0.3">
      <c r="A20909" s="13" t="s">
        <v>143</v>
      </c>
      <c r="B20909" s="14" t="s">
        <v>1</v>
      </c>
      <c r="C20909" s="14" t="s">
        <v>41</v>
      </c>
      <c r="D20909" s="14" t="s">
        <v>144</v>
      </c>
      <c r="E20909" s="15">
        <v>45480</v>
      </c>
      <c r="F20909" s="14" t="s">
        <v>43</v>
      </c>
      <c r="G20909" s="16">
        <v>7.1681955194302782</v>
      </c>
    </row>
    <row r="20910" spans="1:7" x14ac:dyDescent="0.3">
      <c r="A20910" s="13" t="s">
        <v>143</v>
      </c>
      <c r="B20910" s="14" t="s">
        <v>1</v>
      </c>
      <c r="C20910" s="14" t="s">
        <v>41</v>
      </c>
      <c r="D20910" s="14" t="s">
        <v>144</v>
      </c>
      <c r="E20910" s="15">
        <v>45481</v>
      </c>
      <c r="F20910" s="14" t="s">
        <v>43</v>
      </c>
      <c r="G20910" s="16">
        <v>6.964362733747631</v>
      </c>
    </row>
    <row r="20911" spans="1:7" x14ac:dyDescent="0.3">
      <c r="A20911" s="13" t="s">
        <v>143</v>
      </c>
      <c r="B20911" s="14" t="s">
        <v>1</v>
      </c>
      <c r="C20911" s="14" t="s">
        <v>41</v>
      </c>
      <c r="D20911" s="14" t="s">
        <v>144</v>
      </c>
      <c r="E20911" s="15">
        <v>45482</v>
      </c>
      <c r="F20911" s="14" t="s">
        <v>43</v>
      </c>
      <c r="G20911" s="16">
        <v>6.3665263574007103</v>
      </c>
    </row>
    <row r="20912" spans="1:7" x14ac:dyDescent="0.3">
      <c r="A20912" s="13" t="s">
        <v>143</v>
      </c>
      <c r="B20912" s="14" t="s">
        <v>1</v>
      </c>
      <c r="C20912" s="14" t="s">
        <v>41</v>
      </c>
      <c r="D20912" s="14" t="s">
        <v>144</v>
      </c>
      <c r="E20912" s="15">
        <v>45483</v>
      </c>
      <c r="F20912" s="14" t="s">
        <v>43</v>
      </c>
      <c r="G20912" s="16">
        <v>6.1638851403063999</v>
      </c>
    </row>
    <row r="20913" spans="1:7" x14ac:dyDescent="0.3">
      <c r="A20913" s="13" t="s">
        <v>143</v>
      </c>
      <c r="B20913" s="14" t="s">
        <v>1</v>
      </c>
      <c r="C20913" s="14" t="s">
        <v>41</v>
      </c>
      <c r="D20913" s="14" t="s">
        <v>144</v>
      </c>
      <c r="E20913" s="15">
        <v>45484</v>
      </c>
      <c r="F20913" s="14" t="s">
        <v>43</v>
      </c>
      <c r="G20913" s="16">
        <v>5.9589093264968822</v>
      </c>
    </row>
    <row r="20914" spans="1:7" x14ac:dyDescent="0.3">
      <c r="A20914" s="13" t="s">
        <v>143</v>
      </c>
      <c r="B20914" s="14" t="s">
        <v>1</v>
      </c>
      <c r="C20914" s="14" t="s">
        <v>41</v>
      </c>
      <c r="D20914" s="14" t="s">
        <v>144</v>
      </c>
      <c r="E20914" s="15">
        <v>45485</v>
      </c>
      <c r="F20914" s="14" t="s">
        <v>43</v>
      </c>
      <c r="G20914" s="16">
        <v>5.7524453818275996</v>
      </c>
    </row>
    <row r="20915" spans="1:7" x14ac:dyDescent="0.3">
      <c r="A20915" s="13" t="s">
        <v>143</v>
      </c>
      <c r="B20915" s="14" t="s">
        <v>1</v>
      </c>
      <c r="C20915" s="14" t="s">
        <v>41</v>
      </c>
      <c r="D20915" s="14" t="s">
        <v>144</v>
      </c>
      <c r="E20915" s="15">
        <v>45486</v>
      </c>
      <c r="F20915" s="14" t="s">
        <v>43</v>
      </c>
      <c r="G20915" s="16">
        <v>5.7524453818275996</v>
      </c>
    </row>
    <row r="20916" spans="1:7" x14ac:dyDescent="0.3">
      <c r="A20916" s="13" t="s">
        <v>143</v>
      </c>
      <c r="B20916" s="14" t="s">
        <v>1</v>
      </c>
      <c r="C20916" s="14" t="s">
        <v>41</v>
      </c>
      <c r="D20916" s="14" t="s">
        <v>144</v>
      </c>
      <c r="E20916" s="15">
        <v>45487</v>
      </c>
      <c r="F20916" s="14" t="s">
        <v>43</v>
      </c>
      <c r="G20916" s="16">
        <v>5.7524453818275996</v>
      </c>
    </row>
    <row r="20917" spans="1:7" x14ac:dyDescent="0.3">
      <c r="A20917" s="13" t="s">
        <v>143</v>
      </c>
      <c r="B20917" s="14" t="s">
        <v>1</v>
      </c>
      <c r="C20917" s="14" t="s">
        <v>41</v>
      </c>
      <c r="D20917" s="14" t="s">
        <v>144</v>
      </c>
      <c r="E20917" s="15">
        <v>45488</v>
      </c>
      <c r="F20917" s="14" t="s">
        <v>43</v>
      </c>
      <c r="G20917" s="16">
        <v>5.7524453818275996</v>
      </c>
    </row>
    <row r="20918" spans="1:7" x14ac:dyDescent="0.3">
      <c r="A20918" s="13" t="s">
        <v>143</v>
      </c>
      <c r="B20918" s="14" t="s">
        <v>1</v>
      </c>
      <c r="C20918" s="14" t="s">
        <v>41</v>
      </c>
      <c r="D20918" s="14" t="s">
        <v>144</v>
      </c>
      <c r="E20918" s="15">
        <v>45489</v>
      </c>
      <c r="F20918" s="14" t="s">
        <v>43</v>
      </c>
      <c r="G20918" s="16">
        <v>5.5445917170971422</v>
      </c>
    </row>
    <row r="20919" spans="1:7" x14ac:dyDescent="0.3">
      <c r="A20919" s="13" t="s">
        <v>143</v>
      </c>
      <c r="B20919" s="14" t="s">
        <v>1</v>
      </c>
      <c r="C20919" s="14" t="s">
        <v>41</v>
      </c>
      <c r="D20919" s="14" t="s">
        <v>144</v>
      </c>
      <c r="E20919" s="15">
        <v>45490</v>
      </c>
      <c r="F20919" s="14" t="s">
        <v>43</v>
      </c>
      <c r="G20919" s="16">
        <v>4.7420921317602618</v>
      </c>
    </row>
    <row r="20920" spans="1:7" x14ac:dyDescent="0.3">
      <c r="A20920" s="13" t="s">
        <v>143</v>
      </c>
      <c r="B20920" s="14" t="s">
        <v>1</v>
      </c>
      <c r="C20920" s="14" t="s">
        <v>41</v>
      </c>
      <c r="D20920" s="14" t="s">
        <v>144</v>
      </c>
      <c r="E20920" s="15">
        <v>45491</v>
      </c>
      <c r="F20920" s="14" t="s">
        <v>43</v>
      </c>
      <c r="G20920" s="16">
        <v>4.5359506819377113</v>
      </c>
    </row>
    <row r="20921" spans="1:7" x14ac:dyDescent="0.3">
      <c r="A20921" s="13" t="s">
        <v>143</v>
      </c>
      <c r="B20921" s="14" t="s">
        <v>1</v>
      </c>
      <c r="C20921" s="14" t="s">
        <v>41</v>
      </c>
      <c r="D20921" s="14" t="s">
        <v>144</v>
      </c>
      <c r="E20921" s="15">
        <v>45492</v>
      </c>
      <c r="F20921" s="14" t="s">
        <v>43</v>
      </c>
      <c r="G20921" s="16">
        <v>4.328615668713339</v>
      </c>
    </row>
    <row r="20922" spans="1:7" x14ac:dyDescent="0.3">
      <c r="A20922" s="13" t="s">
        <v>143</v>
      </c>
      <c r="B20922" s="14" t="s">
        <v>1</v>
      </c>
      <c r="C20922" s="14" t="s">
        <v>41</v>
      </c>
      <c r="D20922" s="14" t="s">
        <v>144</v>
      </c>
      <c r="E20922" s="15">
        <v>45493</v>
      </c>
      <c r="F20922" s="14" t="s">
        <v>43</v>
      </c>
      <c r="G20922" s="16">
        <v>4.328615668713339</v>
      </c>
    </row>
    <row r="20923" spans="1:7" x14ac:dyDescent="0.3">
      <c r="A20923" s="13" t="s">
        <v>143</v>
      </c>
      <c r="B20923" s="14" t="s">
        <v>1</v>
      </c>
      <c r="C20923" s="14" t="s">
        <v>41</v>
      </c>
      <c r="D20923" s="14" t="s">
        <v>144</v>
      </c>
      <c r="E20923" s="15">
        <v>45494</v>
      </c>
      <c r="F20923" s="14" t="s">
        <v>43</v>
      </c>
      <c r="G20923" s="16">
        <v>4.328615668713339</v>
      </c>
    </row>
    <row r="20924" spans="1:7" x14ac:dyDescent="0.3">
      <c r="A20924" s="13" t="s">
        <v>143</v>
      </c>
      <c r="B20924" s="14" t="s">
        <v>1</v>
      </c>
      <c r="C20924" s="14" t="s">
        <v>41</v>
      </c>
      <c r="D20924" s="14" t="s">
        <v>144</v>
      </c>
      <c r="E20924" s="15">
        <v>45495</v>
      </c>
      <c r="F20924" s="14" t="s">
        <v>43</v>
      </c>
      <c r="G20924" s="16">
        <v>4.1245807419308838</v>
      </c>
    </row>
    <row r="20925" spans="1:7" x14ac:dyDescent="0.3">
      <c r="A20925" s="13" t="s">
        <v>143</v>
      </c>
      <c r="B20925" s="14" t="s">
        <v>1</v>
      </c>
      <c r="C20925" s="14" t="s">
        <v>41</v>
      </c>
      <c r="D20925" s="14" t="s">
        <v>144</v>
      </c>
      <c r="E20925" s="15">
        <v>45496</v>
      </c>
      <c r="F20925" s="14" t="s">
        <v>43</v>
      </c>
      <c r="G20925" s="16">
        <v>3.524488231532497</v>
      </c>
    </row>
    <row r="20926" spans="1:7" x14ac:dyDescent="0.3">
      <c r="A20926" s="13" t="s">
        <v>143</v>
      </c>
      <c r="B20926" s="14" t="s">
        <v>1</v>
      </c>
      <c r="C20926" s="14" t="s">
        <v>41</v>
      </c>
      <c r="D20926" s="14" t="s">
        <v>144</v>
      </c>
      <c r="E20926" s="15">
        <v>45497</v>
      </c>
      <c r="F20926" s="14" t="s">
        <v>43</v>
      </c>
      <c r="G20926" s="16">
        <v>3.322511952266499</v>
      </c>
    </row>
    <row r="20927" spans="1:7" x14ac:dyDescent="0.3">
      <c r="A20927" s="13" t="s">
        <v>143</v>
      </c>
      <c r="B20927" s="14" t="s">
        <v>1</v>
      </c>
      <c r="C20927" s="14" t="s">
        <v>41</v>
      </c>
      <c r="D20927" s="14" t="s">
        <v>144</v>
      </c>
      <c r="E20927" s="15">
        <v>45498</v>
      </c>
      <c r="F20927" s="14" t="s">
        <v>43</v>
      </c>
      <c r="G20927" s="16">
        <v>3.1200795256502789</v>
      </c>
    </row>
    <row r="20928" spans="1:7" x14ac:dyDescent="0.3">
      <c r="A20928" s="13" t="s">
        <v>143</v>
      </c>
      <c r="B20928" s="14" t="s">
        <v>1</v>
      </c>
      <c r="C20928" s="14" t="s">
        <v>41</v>
      </c>
      <c r="D20928" s="14" t="s">
        <v>144</v>
      </c>
      <c r="E20928" s="15">
        <v>45499</v>
      </c>
      <c r="F20928" s="14" t="s">
        <v>43</v>
      </c>
      <c r="G20928" s="16">
        <v>2.9204178949646384</v>
      </c>
    </row>
    <row r="20929" spans="1:7" x14ac:dyDescent="0.3">
      <c r="A20929" s="13" t="s">
        <v>143</v>
      </c>
      <c r="B20929" s="14" t="s">
        <v>1</v>
      </c>
      <c r="C20929" s="14" t="s">
        <v>41</v>
      </c>
      <c r="D20929" s="14" t="s">
        <v>144</v>
      </c>
      <c r="E20929" s="15">
        <v>45500</v>
      </c>
      <c r="F20929" s="14" t="s">
        <v>43</v>
      </c>
      <c r="G20929" s="16">
        <v>2.9204178949646384</v>
      </c>
    </row>
    <row r="20930" spans="1:7" x14ac:dyDescent="0.3">
      <c r="A20930" s="13" t="s">
        <v>143</v>
      </c>
      <c r="B20930" s="14" t="s">
        <v>1</v>
      </c>
      <c r="C20930" s="14" t="s">
        <v>41</v>
      </c>
      <c r="D20930" s="14" t="s">
        <v>144</v>
      </c>
      <c r="E20930" s="15">
        <v>45501</v>
      </c>
      <c r="F20930" s="14" t="s">
        <v>43</v>
      </c>
      <c r="G20930" s="16">
        <v>2.9204178949646384</v>
      </c>
    </row>
    <row r="20931" spans="1:7" x14ac:dyDescent="0.3">
      <c r="A20931" s="13" t="s">
        <v>143</v>
      </c>
      <c r="B20931" s="14" t="s">
        <v>1</v>
      </c>
      <c r="C20931" s="14" t="s">
        <v>41</v>
      </c>
      <c r="D20931" s="14" t="s">
        <v>144</v>
      </c>
      <c r="E20931" s="15">
        <v>45502</v>
      </c>
      <c r="F20931" s="14" t="s">
        <v>43</v>
      </c>
      <c r="G20931" s="16">
        <v>2.7270252981243339</v>
      </c>
    </row>
    <row r="20932" spans="1:7" x14ac:dyDescent="0.3">
      <c r="A20932" s="13" t="s">
        <v>143</v>
      </c>
      <c r="B20932" s="14" t="s">
        <v>1</v>
      </c>
      <c r="C20932" s="14" t="s">
        <v>41</v>
      </c>
      <c r="D20932" s="14" t="s">
        <v>144</v>
      </c>
      <c r="E20932" s="15">
        <v>45503</v>
      </c>
      <c r="F20932" s="14" t="s">
        <v>43</v>
      </c>
      <c r="G20932" s="16">
        <v>2.1623021606895749</v>
      </c>
    </row>
    <row r="20933" spans="1:7" x14ac:dyDescent="0.3">
      <c r="A20933" s="13" t="s">
        <v>143</v>
      </c>
      <c r="B20933" s="14" t="s">
        <v>1</v>
      </c>
      <c r="C20933" s="14" t="s">
        <v>41</v>
      </c>
      <c r="D20933" s="14" t="s">
        <v>144</v>
      </c>
      <c r="E20933" s="15">
        <v>45504</v>
      </c>
      <c r="F20933" s="14" t="s">
        <v>43</v>
      </c>
      <c r="G20933" s="16">
        <v>2.0250170178023259</v>
      </c>
    </row>
    <row r="20934" spans="1:7" x14ac:dyDescent="0.3">
      <c r="A20934" s="13" t="s">
        <v>143</v>
      </c>
      <c r="B20934" s="14" t="s">
        <v>1</v>
      </c>
      <c r="C20934" s="14" t="s">
        <v>41</v>
      </c>
      <c r="D20934" s="14" t="s">
        <v>144</v>
      </c>
      <c r="E20934" s="15">
        <v>45505</v>
      </c>
      <c r="F20934" s="14" t="s">
        <v>43</v>
      </c>
      <c r="G20934" s="16">
        <v>1.8284174258160673</v>
      </c>
    </row>
    <row r="20935" spans="1:7" x14ac:dyDescent="0.3">
      <c r="A20935" s="13" t="s">
        <v>143</v>
      </c>
      <c r="B20935" s="14" t="s">
        <v>1</v>
      </c>
      <c r="C20935" s="14" t="s">
        <v>41</v>
      </c>
      <c r="D20935" s="14" t="s">
        <v>144</v>
      </c>
      <c r="E20935" s="15">
        <v>45506</v>
      </c>
      <c r="F20935" s="14" t="s">
        <v>43</v>
      </c>
      <c r="G20935" s="16">
        <v>1.5968668126500853</v>
      </c>
    </row>
    <row r="20936" spans="1:7" x14ac:dyDescent="0.3">
      <c r="A20936" s="13" t="s">
        <v>143</v>
      </c>
      <c r="B20936" s="14" t="s">
        <v>1</v>
      </c>
      <c r="C20936" s="14" t="s">
        <v>41</v>
      </c>
      <c r="D20936" s="14" t="s">
        <v>144</v>
      </c>
      <c r="E20936" s="15">
        <v>45507</v>
      </c>
      <c r="F20936" s="14" t="s">
        <v>43</v>
      </c>
      <c r="G20936" s="16">
        <v>1.5968668126500853</v>
      </c>
    </row>
    <row r="20937" spans="1:7" x14ac:dyDescent="0.3">
      <c r="A20937" s="13" t="s">
        <v>143</v>
      </c>
      <c r="B20937" s="14" t="s">
        <v>1</v>
      </c>
      <c r="C20937" s="14" t="s">
        <v>41</v>
      </c>
      <c r="D20937" s="14" t="s">
        <v>144</v>
      </c>
      <c r="E20937" s="15">
        <v>45508</v>
      </c>
      <c r="F20937" s="14" t="s">
        <v>43</v>
      </c>
      <c r="G20937" s="16">
        <v>1.5968668126500853</v>
      </c>
    </row>
    <row r="20938" spans="1:7" x14ac:dyDescent="0.3">
      <c r="A20938" s="13" t="s">
        <v>143</v>
      </c>
      <c r="B20938" s="14" t="s">
        <v>1</v>
      </c>
      <c r="C20938" s="14" t="s">
        <v>41</v>
      </c>
      <c r="D20938" s="14" t="s">
        <v>144</v>
      </c>
      <c r="E20938" s="15">
        <v>45509</v>
      </c>
      <c r="F20938" s="14" t="s">
        <v>43</v>
      </c>
      <c r="G20938" s="16">
        <v>1.5968668126500853</v>
      </c>
    </row>
    <row r="20939" spans="1:7" x14ac:dyDescent="0.3">
      <c r="A20939" s="13" t="s">
        <v>143</v>
      </c>
      <c r="B20939" s="14" t="s">
        <v>1</v>
      </c>
      <c r="C20939" s="14" t="s">
        <v>41</v>
      </c>
      <c r="D20939" s="14" t="s">
        <v>144</v>
      </c>
      <c r="E20939" s="15">
        <v>45510</v>
      </c>
      <c r="F20939" s="14" t="s">
        <v>43</v>
      </c>
      <c r="G20939" s="16">
        <v>4.7251893009371893</v>
      </c>
    </row>
    <row r="20940" spans="1:7" x14ac:dyDescent="0.3">
      <c r="A20940" s="13" t="s">
        <v>143</v>
      </c>
      <c r="B20940" s="14" t="s">
        <v>1</v>
      </c>
      <c r="C20940" s="14" t="s">
        <v>41</v>
      </c>
      <c r="D20940" s="14" t="s">
        <v>144</v>
      </c>
      <c r="E20940" s="15">
        <v>45511</v>
      </c>
      <c r="F20940" s="14" t="s">
        <v>43</v>
      </c>
      <c r="G20940" s="16">
        <v>0.69425345534303939</v>
      </c>
    </row>
    <row r="20941" spans="1:7" x14ac:dyDescent="0.3">
      <c r="A20941" s="13" t="s">
        <v>143</v>
      </c>
      <c r="B20941" s="14" t="s">
        <v>1</v>
      </c>
      <c r="C20941" s="14" t="s">
        <v>41</v>
      </c>
      <c r="D20941" s="14" t="s">
        <v>144</v>
      </c>
      <c r="E20941" s="15">
        <v>45512</v>
      </c>
      <c r="F20941" s="14" t="s">
        <v>43</v>
      </c>
      <c r="G20941" s="16">
        <v>0.71543609222637028</v>
      </c>
    </row>
    <row r="20942" spans="1:7" x14ac:dyDescent="0.3">
      <c r="A20942" s="13" t="s">
        <v>143</v>
      </c>
      <c r="B20942" s="14" t="s">
        <v>1</v>
      </c>
      <c r="C20942" s="14" t="s">
        <v>41</v>
      </c>
      <c r="D20942" s="14" t="s">
        <v>144</v>
      </c>
      <c r="E20942" s="15">
        <v>45513</v>
      </c>
      <c r="F20942" s="14" t="s">
        <v>43</v>
      </c>
      <c r="G20942" s="16">
        <v>0.70699613722331811</v>
      </c>
    </row>
    <row r="20943" spans="1:7" x14ac:dyDescent="0.3">
      <c r="A20943" s="13" t="s">
        <v>143</v>
      </c>
      <c r="B20943" s="14" t="s">
        <v>1</v>
      </c>
      <c r="C20943" s="14" t="s">
        <v>41</v>
      </c>
      <c r="D20943" s="14" t="s">
        <v>144</v>
      </c>
      <c r="E20943" s="15">
        <v>45514</v>
      </c>
      <c r="F20943" s="14" t="s">
        <v>43</v>
      </c>
      <c r="G20943" s="16">
        <v>0.70699613722331811</v>
      </c>
    </row>
    <row r="20944" spans="1:7" x14ac:dyDescent="0.3">
      <c r="A20944" s="13" t="s">
        <v>143</v>
      </c>
      <c r="B20944" s="14" t="s">
        <v>1</v>
      </c>
      <c r="C20944" s="14" t="s">
        <v>41</v>
      </c>
      <c r="D20944" s="14" t="s">
        <v>144</v>
      </c>
      <c r="E20944" s="15">
        <v>45515</v>
      </c>
      <c r="F20944" s="14" t="s">
        <v>43</v>
      </c>
      <c r="G20944" s="16">
        <v>0.70699613722331811</v>
      </c>
    </row>
    <row r="20945" spans="1:7" x14ac:dyDescent="0.3">
      <c r="A20945" s="13" t="s">
        <v>143</v>
      </c>
      <c r="B20945" s="14" t="s">
        <v>1</v>
      </c>
      <c r="C20945" s="14" t="s">
        <v>41</v>
      </c>
      <c r="D20945" s="14" t="s">
        <v>144</v>
      </c>
      <c r="E20945" s="15">
        <v>45516</v>
      </c>
      <c r="F20945" s="14" t="s">
        <v>43</v>
      </c>
      <c r="G20945" s="16">
        <v>0.70699613722331811</v>
      </c>
    </row>
    <row r="20946" spans="1:7" x14ac:dyDescent="0.3">
      <c r="A20946" s="13" t="s">
        <v>143</v>
      </c>
      <c r="B20946" s="14" t="s">
        <v>1</v>
      </c>
      <c r="C20946" s="14" t="s">
        <v>41</v>
      </c>
      <c r="D20946" s="14" t="s">
        <v>144</v>
      </c>
      <c r="E20946" s="15">
        <v>45517</v>
      </c>
      <c r="F20946" s="14" t="s">
        <v>43</v>
      </c>
      <c r="G20946" s="16">
        <v>0.5324282316646739</v>
      </c>
    </row>
    <row r="20947" spans="1:7" x14ac:dyDescent="0.3">
      <c r="A20947" s="13" t="s">
        <v>143</v>
      </c>
      <c r="B20947" s="14" t="s">
        <v>1</v>
      </c>
      <c r="C20947" s="14" t="s">
        <v>41</v>
      </c>
      <c r="D20947" s="14" t="s">
        <v>144</v>
      </c>
      <c r="E20947" s="15">
        <v>45518</v>
      </c>
      <c r="F20947" s="14" t="s">
        <v>43</v>
      </c>
      <c r="G20947" s="16">
        <v>0</v>
      </c>
    </row>
    <row r="20948" spans="1:7" x14ac:dyDescent="0.3">
      <c r="A20948" s="13" t="s">
        <v>143</v>
      </c>
      <c r="B20948" s="14" t="s">
        <v>1</v>
      </c>
      <c r="C20948" s="14" t="s">
        <v>41</v>
      </c>
      <c r="D20948" s="14" t="s">
        <v>144</v>
      </c>
      <c r="E20948" s="15">
        <v>45519</v>
      </c>
      <c r="F20948" s="14" t="s">
        <v>43</v>
      </c>
      <c r="G20948" s="16">
        <v>0</v>
      </c>
    </row>
    <row r="20949" spans="1:7" x14ac:dyDescent="0.3">
      <c r="A20949" s="13" t="s">
        <v>143</v>
      </c>
      <c r="B20949" s="14" t="s">
        <v>1</v>
      </c>
      <c r="C20949" s="14" t="s">
        <v>41</v>
      </c>
      <c r="D20949" s="14" t="s">
        <v>144</v>
      </c>
      <c r="E20949" s="15">
        <v>45520</v>
      </c>
      <c r="F20949" s="14" t="s">
        <v>43</v>
      </c>
      <c r="G20949" s="16">
        <v>0</v>
      </c>
    </row>
    <row r="20950" spans="1:7" x14ac:dyDescent="0.3">
      <c r="A20950" s="13" t="s">
        <v>143</v>
      </c>
      <c r="B20950" s="14" t="s">
        <v>1</v>
      </c>
      <c r="C20950" s="14" t="s">
        <v>41</v>
      </c>
      <c r="D20950" s="14" t="s">
        <v>144</v>
      </c>
      <c r="E20950" s="15">
        <v>45521</v>
      </c>
      <c r="F20950" s="14" t="s">
        <v>43</v>
      </c>
      <c r="G20950" s="16">
        <v>0</v>
      </c>
    </row>
    <row r="20951" spans="1:7" x14ac:dyDescent="0.3">
      <c r="A20951" s="13" t="s">
        <v>143</v>
      </c>
      <c r="B20951" s="14" t="s">
        <v>1</v>
      </c>
      <c r="C20951" s="14" t="s">
        <v>41</v>
      </c>
      <c r="D20951" s="14" t="s">
        <v>144</v>
      </c>
      <c r="E20951" s="15">
        <v>45522</v>
      </c>
      <c r="F20951" s="14" t="s">
        <v>43</v>
      </c>
      <c r="G20951" s="16">
        <v>0</v>
      </c>
    </row>
    <row r="20952" spans="1:7" x14ac:dyDescent="0.3">
      <c r="A20952" s="13" t="s">
        <v>143</v>
      </c>
      <c r="B20952" s="14" t="s">
        <v>1</v>
      </c>
      <c r="C20952" s="14" t="s">
        <v>41</v>
      </c>
      <c r="D20952" s="14" t="s">
        <v>144</v>
      </c>
      <c r="E20952" s="15">
        <v>45523</v>
      </c>
      <c r="F20952" s="14" t="s">
        <v>43</v>
      </c>
      <c r="G20952" s="16">
        <v>0</v>
      </c>
    </row>
    <row r="20953" spans="1:7" x14ac:dyDescent="0.3">
      <c r="A20953" s="13" t="s">
        <v>143</v>
      </c>
      <c r="B20953" s="14" t="s">
        <v>1</v>
      </c>
      <c r="C20953" s="14" t="s">
        <v>41</v>
      </c>
      <c r="D20953" s="14" t="s">
        <v>144</v>
      </c>
      <c r="E20953" s="15">
        <v>45524</v>
      </c>
      <c r="F20953" s="14" t="s">
        <v>43</v>
      </c>
      <c r="G20953" s="16">
        <v>0</v>
      </c>
    </row>
    <row r="20954" spans="1:7" x14ac:dyDescent="0.3">
      <c r="A20954" s="13" t="s">
        <v>143</v>
      </c>
      <c r="B20954" s="14" t="s">
        <v>1</v>
      </c>
      <c r="C20954" s="14" t="s">
        <v>41</v>
      </c>
      <c r="D20954" s="14" t="s">
        <v>144</v>
      </c>
      <c r="E20954" s="15">
        <v>45525</v>
      </c>
      <c r="F20954" s="14" t="s">
        <v>43</v>
      </c>
      <c r="G20954" s="16">
        <v>0</v>
      </c>
    </row>
    <row r="20955" spans="1:7" x14ac:dyDescent="0.3">
      <c r="A20955" s="13" t="s">
        <v>143</v>
      </c>
      <c r="B20955" s="14" t="s">
        <v>1</v>
      </c>
      <c r="C20955" s="14" t="s">
        <v>41</v>
      </c>
      <c r="D20955" s="14" t="s">
        <v>144</v>
      </c>
      <c r="E20955" s="15">
        <v>45526</v>
      </c>
      <c r="F20955" s="14" t="s">
        <v>43</v>
      </c>
      <c r="G20955" s="16">
        <v>0</v>
      </c>
    </row>
    <row r="20956" spans="1:7" x14ac:dyDescent="0.3">
      <c r="A20956" s="13" t="s">
        <v>143</v>
      </c>
      <c r="B20956" s="14" t="s">
        <v>1</v>
      </c>
      <c r="C20956" s="14" t="s">
        <v>41</v>
      </c>
      <c r="D20956" s="14" t="s">
        <v>144</v>
      </c>
      <c r="E20956" s="15">
        <v>45527</v>
      </c>
      <c r="F20956" s="14" t="s">
        <v>43</v>
      </c>
      <c r="G20956" s="16">
        <v>0</v>
      </c>
    </row>
    <row r="20957" spans="1:7" x14ac:dyDescent="0.3">
      <c r="A20957" s="13" t="s">
        <v>143</v>
      </c>
      <c r="B20957" s="14" t="s">
        <v>1</v>
      </c>
      <c r="C20957" s="14" t="s">
        <v>41</v>
      </c>
      <c r="D20957" s="14" t="s">
        <v>144</v>
      </c>
      <c r="E20957" s="15">
        <v>45528</v>
      </c>
      <c r="F20957" s="14" t="s">
        <v>43</v>
      </c>
      <c r="G20957" s="16">
        <v>0</v>
      </c>
    </row>
    <row r="20958" spans="1:7" x14ac:dyDescent="0.3">
      <c r="A20958" s="13" t="s">
        <v>143</v>
      </c>
      <c r="B20958" s="14" t="s">
        <v>1</v>
      </c>
      <c r="C20958" s="14" t="s">
        <v>41</v>
      </c>
      <c r="D20958" s="14" t="s">
        <v>144</v>
      </c>
      <c r="E20958" s="15">
        <v>45529</v>
      </c>
      <c r="F20958" s="14" t="s">
        <v>43</v>
      </c>
      <c r="G20958" s="16">
        <v>0</v>
      </c>
    </row>
    <row r="20959" spans="1:7" x14ac:dyDescent="0.3">
      <c r="A20959" s="13" t="s">
        <v>143</v>
      </c>
      <c r="B20959" s="14" t="s">
        <v>1</v>
      </c>
      <c r="C20959" s="14" t="s">
        <v>41</v>
      </c>
      <c r="D20959" s="14" t="s">
        <v>144</v>
      </c>
      <c r="E20959" s="15">
        <v>45530</v>
      </c>
      <c r="F20959" s="14" t="s">
        <v>43</v>
      </c>
      <c r="G20959" s="16">
        <v>0</v>
      </c>
    </row>
    <row r="20960" spans="1:7" x14ac:dyDescent="0.3">
      <c r="A20960" s="13" t="s">
        <v>143</v>
      </c>
      <c r="B20960" s="14" t="s">
        <v>1</v>
      </c>
      <c r="C20960" s="14" t="s">
        <v>41</v>
      </c>
      <c r="D20960" s="14" t="s">
        <v>144</v>
      </c>
      <c r="E20960" s="15">
        <v>45531</v>
      </c>
      <c r="F20960" s="14" t="s">
        <v>43</v>
      </c>
      <c r="G20960" s="16">
        <v>0</v>
      </c>
    </row>
    <row r="20961" spans="1:7" x14ac:dyDescent="0.3">
      <c r="A20961" s="13" t="s">
        <v>143</v>
      </c>
      <c r="B20961" s="14" t="s">
        <v>1</v>
      </c>
      <c r="C20961" s="14" t="s">
        <v>41</v>
      </c>
      <c r="D20961" s="14" t="s">
        <v>144</v>
      </c>
      <c r="E20961" s="15">
        <v>45532</v>
      </c>
      <c r="F20961" s="14" t="s">
        <v>43</v>
      </c>
      <c r="G20961" s="16">
        <v>0</v>
      </c>
    </row>
    <row r="20962" spans="1:7" x14ac:dyDescent="0.3">
      <c r="A20962" s="13" t="s">
        <v>143</v>
      </c>
      <c r="B20962" s="14" t="s">
        <v>1</v>
      </c>
      <c r="C20962" s="14" t="s">
        <v>41</v>
      </c>
      <c r="D20962" s="14" t="s">
        <v>144</v>
      </c>
      <c r="E20962" s="15">
        <v>45533</v>
      </c>
      <c r="F20962" s="14" t="s">
        <v>43</v>
      </c>
      <c r="G20962" s="16">
        <v>0</v>
      </c>
    </row>
    <row r="20963" spans="1:7" x14ac:dyDescent="0.3">
      <c r="A20963" s="13" t="s">
        <v>143</v>
      </c>
      <c r="B20963" s="14" t="s">
        <v>1</v>
      </c>
      <c r="C20963" s="14" t="s">
        <v>41</v>
      </c>
      <c r="D20963" s="14" t="s">
        <v>144</v>
      </c>
      <c r="E20963" s="15">
        <v>45534</v>
      </c>
      <c r="F20963" s="14" t="s">
        <v>43</v>
      </c>
      <c r="G20963" s="16">
        <v>0</v>
      </c>
    </row>
    <row r="20964" spans="1:7" x14ac:dyDescent="0.3">
      <c r="A20964" s="13" t="s">
        <v>143</v>
      </c>
      <c r="B20964" s="14" t="s">
        <v>1</v>
      </c>
      <c r="C20964" s="14" t="s">
        <v>41</v>
      </c>
      <c r="D20964" s="14" t="s">
        <v>144</v>
      </c>
      <c r="E20964" s="15">
        <v>45535</v>
      </c>
      <c r="F20964" s="14" t="s">
        <v>43</v>
      </c>
      <c r="G20964" s="16">
        <v>0</v>
      </c>
    </row>
    <row r="20965" spans="1:7" x14ac:dyDescent="0.3">
      <c r="A20965" s="13" t="s">
        <v>143</v>
      </c>
      <c r="B20965" s="14" t="s">
        <v>1</v>
      </c>
      <c r="C20965" s="14" t="s">
        <v>41</v>
      </c>
      <c r="D20965" s="14" t="s">
        <v>144</v>
      </c>
      <c r="E20965" s="15">
        <v>45536</v>
      </c>
      <c r="F20965" s="14" t="s">
        <v>43</v>
      </c>
      <c r="G20965" s="16">
        <v>0</v>
      </c>
    </row>
    <row r="20966" spans="1:7" x14ac:dyDescent="0.3">
      <c r="A20966" s="13" t="s">
        <v>143</v>
      </c>
      <c r="B20966" s="14" t="s">
        <v>1</v>
      </c>
      <c r="C20966" s="14" t="s">
        <v>41</v>
      </c>
      <c r="D20966" s="14" t="s">
        <v>144</v>
      </c>
      <c r="E20966" s="15">
        <v>45537</v>
      </c>
      <c r="F20966" s="14" t="s">
        <v>43</v>
      </c>
      <c r="G20966" s="16">
        <v>0</v>
      </c>
    </row>
    <row r="20967" spans="1:7" x14ac:dyDescent="0.3">
      <c r="A20967" s="13" t="s">
        <v>143</v>
      </c>
      <c r="B20967" s="14" t="s">
        <v>1</v>
      </c>
      <c r="C20967" s="14" t="s">
        <v>41</v>
      </c>
      <c r="D20967" s="14" t="s">
        <v>144</v>
      </c>
      <c r="E20967" s="15">
        <v>45538</v>
      </c>
      <c r="F20967" s="14" t="s">
        <v>43</v>
      </c>
      <c r="G20967" s="16">
        <v>0</v>
      </c>
    </row>
    <row r="20968" spans="1:7" x14ac:dyDescent="0.3">
      <c r="A20968" s="13" t="s">
        <v>143</v>
      </c>
      <c r="B20968" s="14" t="s">
        <v>1</v>
      </c>
      <c r="C20968" s="14" t="s">
        <v>41</v>
      </c>
      <c r="D20968" s="14" t="s">
        <v>144</v>
      </c>
      <c r="E20968" s="15">
        <v>45539</v>
      </c>
      <c r="F20968" s="14" t="s">
        <v>43</v>
      </c>
      <c r="G20968" s="16">
        <v>0</v>
      </c>
    </row>
    <row r="20969" spans="1:7" x14ac:dyDescent="0.3">
      <c r="A20969" s="13" t="s">
        <v>143</v>
      </c>
      <c r="B20969" s="14" t="s">
        <v>1</v>
      </c>
      <c r="C20969" s="14" t="s">
        <v>41</v>
      </c>
      <c r="D20969" s="14" t="s">
        <v>144</v>
      </c>
      <c r="E20969" s="15">
        <v>45540</v>
      </c>
      <c r="F20969" s="14" t="s">
        <v>43</v>
      </c>
      <c r="G20969" s="16">
        <v>0</v>
      </c>
    </row>
    <row r="20970" spans="1:7" x14ac:dyDescent="0.3">
      <c r="A20970" s="13" t="s">
        <v>143</v>
      </c>
      <c r="B20970" s="14" t="s">
        <v>1</v>
      </c>
      <c r="C20970" s="14" t="s">
        <v>41</v>
      </c>
      <c r="D20970" s="14" t="s">
        <v>144</v>
      </c>
      <c r="E20970" s="15">
        <v>45541</v>
      </c>
      <c r="F20970" s="14" t="s">
        <v>43</v>
      </c>
      <c r="G20970" s="16">
        <v>0</v>
      </c>
    </row>
    <row r="20971" spans="1:7" x14ac:dyDescent="0.3">
      <c r="A20971" s="13" t="s">
        <v>143</v>
      </c>
      <c r="B20971" s="14" t="s">
        <v>1</v>
      </c>
      <c r="C20971" s="14" t="s">
        <v>41</v>
      </c>
      <c r="D20971" s="14" t="s">
        <v>144</v>
      </c>
      <c r="E20971" s="15">
        <v>45542</v>
      </c>
      <c r="F20971" s="14" t="s">
        <v>43</v>
      </c>
      <c r="G20971" s="16">
        <v>0</v>
      </c>
    </row>
    <row r="20972" spans="1:7" x14ac:dyDescent="0.3">
      <c r="A20972" s="13" t="s">
        <v>143</v>
      </c>
      <c r="B20972" s="14" t="s">
        <v>1</v>
      </c>
      <c r="C20972" s="14" t="s">
        <v>41</v>
      </c>
      <c r="D20972" s="14" t="s">
        <v>144</v>
      </c>
      <c r="E20972" s="15">
        <v>45543</v>
      </c>
      <c r="F20972" s="14" t="s">
        <v>43</v>
      </c>
      <c r="G20972" s="16">
        <v>0</v>
      </c>
    </row>
    <row r="20973" spans="1:7" x14ac:dyDescent="0.3">
      <c r="A20973" s="13" t="s">
        <v>143</v>
      </c>
      <c r="B20973" s="14" t="s">
        <v>1</v>
      </c>
      <c r="C20973" s="14" t="s">
        <v>41</v>
      </c>
      <c r="D20973" s="14" t="s">
        <v>144</v>
      </c>
      <c r="E20973" s="15">
        <v>45544</v>
      </c>
      <c r="F20973" s="14" t="s">
        <v>43</v>
      </c>
      <c r="G20973" s="16">
        <v>0</v>
      </c>
    </row>
    <row r="20974" spans="1:7" x14ac:dyDescent="0.3">
      <c r="A20974" s="13" t="s">
        <v>143</v>
      </c>
      <c r="B20974" s="14" t="s">
        <v>1</v>
      </c>
      <c r="C20974" s="14" t="s">
        <v>41</v>
      </c>
      <c r="D20974" s="14" t="s">
        <v>144</v>
      </c>
      <c r="E20974" s="15">
        <v>45545</v>
      </c>
      <c r="F20974" s="14" t="s">
        <v>43</v>
      </c>
      <c r="G20974" s="16">
        <v>0</v>
      </c>
    </row>
    <row r="20975" spans="1:7" x14ac:dyDescent="0.3">
      <c r="A20975" s="13" t="s">
        <v>143</v>
      </c>
      <c r="B20975" s="14" t="s">
        <v>1</v>
      </c>
      <c r="C20975" s="14" t="s">
        <v>41</v>
      </c>
      <c r="D20975" s="14" t="s">
        <v>144</v>
      </c>
      <c r="E20975" s="15">
        <v>45546</v>
      </c>
      <c r="F20975" s="14" t="s">
        <v>43</v>
      </c>
      <c r="G20975" s="16">
        <v>0</v>
      </c>
    </row>
    <row r="20976" spans="1:7" x14ac:dyDescent="0.3">
      <c r="A20976" s="13" t="s">
        <v>143</v>
      </c>
      <c r="B20976" s="14" t="s">
        <v>1</v>
      </c>
      <c r="C20976" s="14" t="s">
        <v>41</v>
      </c>
      <c r="D20976" s="14" t="s">
        <v>144</v>
      </c>
      <c r="E20976" s="15">
        <v>45547</v>
      </c>
      <c r="F20976" s="14" t="s">
        <v>43</v>
      </c>
      <c r="G20976" s="16">
        <v>0</v>
      </c>
    </row>
    <row r="20977" spans="1:7" x14ac:dyDescent="0.3">
      <c r="A20977" s="13" t="s">
        <v>143</v>
      </c>
      <c r="B20977" s="14" t="s">
        <v>1</v>
      </c>
      <c r="C20977" s="14" t="s">
        <v>41</v>
      </c>
      <c r="D20977" s="14" t="s">
        <v>144</v>
      </c>
      <c r="E20977" s="15">
        <v>45548</v>
      </c>
      <c r="F20977" s="14" t="s">
        <v>43</v>
      </c>
      <c r="G20977" s="16">
        <v>0</v>
      </c>
    </row>
    <row r="20978" spans="1:7" x14ac:dyDescent="0.3">
      <c r="A20978" s="13" t="s">
        <v>143</v>
      </c>
      <c r="B20978" s="14" t="s">
        <v>1</v>
      </c>
      <c r="C20978" s="14" t="s">
        <v>41</v>
      </c>
      <c r="D20978" s="14" t="s">
        <v>144</v>
      </c>
      <c r="E20978" s="15">
        <v>45549</v>
      </c>
      <c r="F20978" s="14" t="s">
        <v>43</v>
      </c>
      <c r="G20978" s="16">
        <v>0</v>
      </c>
    </row>
    <row r="20979" spans="1:7" x14ac:dyDescent="0.3">
      <c r="A20979" s="13" t="s">
        <v>143</v>
      </c>
      <c r="B20979" s="14" t="s">
        <v>1</v>
      </c>
      <c r="C20979" s="14" t="s">
        <v>41</v>
      </c>
      <c r="D20979" s="14" t="s">
        <v>144</v>
      </c>
      <c r="E20979" s="15">
        <v>45550</v>
      </c>
      <c r="F20979" s="14" t="s">
        <v>43</v>
      </c>
      <c r="G20979" s="16">
        <v>0</v>
      </c>
    </row>
    <row r="20980" spans="1:7" x14ac:dyDescent="0.3">
      <c r="A20980" s="13" t="s">
        <v>143</v>
      </c>
      <c r="B20980" s="14" t="s">
        <v>1</v>
      </c>
      <c r="C20980" s="14" t="s">
        <v>41</v>
      </c>
      <c r="D20980" s="14" t="s">
        <v>144</v>
      </c>
      <c r="E20980" s="15">
        <v>45551</v>
      </c>
      <c r="F20980" s="14" t="s">
        <v>43</v>
      </c>
      <c r="G20980" s="16">
        <v>0</v>
      </c>
    </row>
    <row r="20981" spans="1:7" x14ac:dyDescent="0.3">
      <c r="A20981" s="13" t="s">
        <v>143</v>
      </c>
      <c r="B20981" s="14" t="s">
        <v>1</v>
      </c>
      <c r="C20981" s="14" t="s">
        <v>41</v>
      </c>
      <c r="D20981" s="14" t="s">
        <v>144</v>
      </c>
      <c r="E20981" s="15">
        <v>45552</v>
      </c>
      <c r="F20981" s="14" t="s">
        <v>43</v>
      </c>
      <c r="G20981" s="16">
        <v>0</v>
      </c>
    </row>
    <row r="20982" spans="1:7" x14ac:dyDescent="0.3">
      <c r="A20982" s="13" t="s">
        <v>143</v>
      </c>
      <c r="B20982" s="14" t="s">
        <v>1</v>
      </c>
      <c r="C20982" s="14" t="s">
        <v>41</v>
      </c>
      <c r="D20982" s="14" t="s">
        <v>144</v>
      </c>
      <c r="E20982" s="15">
        <v>45553</v>
      </c>
      <c r="F20982" s="14" t="s">
        <v>43</v>
      </c>
      <c r="G20982" s="16">
        <v>0</v>
      </c>
    </row>
    <row r="20983" spans="1:7" x14ac:dyDescent="0.3">
      <c r="A20983" s="13" t="s">
        <v>143</v>
      </c>
      <c r="B20983" s="14" t="s">
        <v>1</v>
      </c>
      <c r="C20983" s="14" t="s">
        <v>41</v>
      </c>
      <c r="D20983" s="14" t="s">
        <v>144</v>
      </c>
      <c r="E20983" s="15">
        <v>45554</v>
      </c>
      <c r="F20983" s="14" t="s">
        <v>43</v>
      </c>
      <c r="G20983" s="16">
        <v>0</v>
      </c>
    </row>
    <row r="20984" spans="1:7" x14ac:dyDescent="0.3">
      <c r="A20984" s="13" t="s">
        <v>143</v>
      </c>
      <c r="B20984" s="14" t="s">
        <v>1</v>
      </c>
      <c r="C20984" s="14" t="s">
        <v>41</v>
      </c>
      <c r="D20984" s="14" t="s">
        <v>144</v>
      </c>
      <c r="E20984" s="15">
        <v>45555</v>
      </c>
      <c r="F20984" s="14" t="s">
        <v>43</v>
      </c>
      <c r="G20984" s="16">
        <v>0</v>
      </c>
    </row>
    <row r="20985" spans="1:7" x14ac:dyDescent="0.3">
      <c r="A20985" s="13" t="s">
        <v>143</v>
      </c>
      <c r="B20985" s="14" t="s">
        <v>1</v>
      </c>
      <c r="C20985" s="14" t="s">
        <v>41</v>
      </c>
      <c r="D20985" s="14" t="s">
        <v>144</v>
      </c>
      <c r="E20985" s="15">
        <v>45556</v>
      </c>
      <c r="F20985" s="14" t="s">
        <v>43</v>
      </c>
      <c r="G20985" s="16">
        <v>0</v>
      </c>
    </row>
    <row r="20986" spans="1:7" x14ac:dyDescent="0.3">
      <c r="A20986" s="13" t="s">
        <v>143</v>
      </c>
      <c r="B20986" s="14" t="s">
        <v>1</v>
      </c>
      <c r="C20986" s="14" t="s">
        <v>41</v>
      </c>
      <c r="D20986" s="14" t="s">
        <v>144</v>
      </c>
      <c r="E20986" s="15">
        <v>45557</v>
      </c>
      <c r="F20986" s="14" t="s">
        <v>43</v>
      </c>
      <c r="G20986" s="16">
        <v>0</v>
      </c>
    </row>
    <row r="20987" spans="1:7" x14ac:dyDescent="0.3">
      <c r="A20987" s="13" t="s">
        <v>143</v>
      </c>
      <c r="B20987" s="14" t="s">
        <v>1</v>
      </c>
      <c r="C20987" s="14" t="s">
        <v>41</v>
      </c>
      <c r="D20987" s="14" t="s">
        <v>144</v>
      </c>
      <c r="E20987" s="15">
        <v>45558</v>
      </c>
      <c r="F20987" s="14" t="s">
        <v>43</v>
      </c>
      <c r="G20987" s="16">
        <v>0</v>
      </c>
    </row>
    <row r="20988" spans="1:7" x14ac:dyDescent="0.3">
      <c r="A20988" s="13" t="s">
        <v>143</v>
      </c>
      <c r="B20988" s="14" t="s">
        <v>1</v>
      </c>
      <c r="C20988" s="14" t="s">
        <v>41</v>
      </c>
      <c r="D20988" s="14" t="s">
        <v>144</v>
      </c>
      <c r="E20988" s="15">
        <v>45559</v>
      </c>
      <c r="F20988" s="14" t="s">
        <v>43</v>
      </c>
      <c r="G20988" s="16">
        <v>0</v>
      </c>
    </row>
    <row r="20989" spans="1:7" x14ac:dyDescent="0.3">
      <c r="A20989" s="13" t="s">
        <v>143</v>
      </c>
      <c r="B20989" s="14" t="s">
        <v>1</v>
      </c>
      <c r="C20989" s="14" t="s">
        <v>41</v>
      </c>
      <c r="D20989" s="14" t="s">
        <v>144</v>
      </c>
      <c r="E20989" s="15">
        <v>45560</v>
      </c>
      <c r="F20989" s="14" t="s">
        <v>43</v>
      </c>
      <c r="G20989" s="16">
        <v>0</v>
      </c>
    </row>
    <row r="20990" spans="1:7" x14ac:dyDescent="0.3">
      <c r="A20990" s="13" t="s">
        <v>143</v>
      </c>
      <c r="B20990" s="14" t="s">
        <v>1</v>
      </c>
      <c r="C20990" s="14" t="s">
        <v>41</v>
      </c>
      <c r="D20990" s="14" t="s">
        <v>144</v>
      </c>
      <c r="E20990" s="15">
        <v>45561</v>
      </c>
      <c r="F20990" s="14" t="s">
        <v>43</v>
      </c>
      <c r="G20990" s="16">
        <v>0</v>
      </c>
    </row>
    <row r="20991" spans="1:7" x14ac:dyDescent="0.3">
      <c r="A20991" s="13" t="s">
        <v>143</v>
      </c>
      <c r="B20991" s="14" t="s">
        <v>1</v>
      </c>
      <c r="C20991" s="14" t="s">
        <v>41</v>
      </c>
      <c r="D20991" s="14" t="s">
        <v>144</v>
      </c>
      <c r="E20991" s="15">
        <v>45562</v>
      </c>
      <c r="F20991" s="14" t="s">
        <v>43</v>
      </c>
      <c r="G20991" s="16">
        <v>0</v>
      </c>
    </row>
    <row r="20992" spans="1:7" x14ac:dyDescent="0.3">
      <c r="A20992" s="13" t="s">
        <v>143</v>
      </c>
      <c r="B20992" s="14" t="s">
        <v>1</v>
      </c>
      <c r="C20992" s="14" t="s">
        <v>41</v>
      </c>
      <c r="D20992" s="14" t="s">
        <v>144</v>
      </c>
      <c r="E20992" s="15">
        <v>45563</v>
      </c>
      <c r="F20992" s="14" t="s">
        <v>43</v>
      </c>
      <c r="G20992" s="16">
        <v>0</v>
      </c>
    </row>
    <row r="20993" spans="1:7" x14ac:dyDescent="0.3">
      <c r="A20993" s="13" t="s">
        <v>143</v>
      </c>
      <c r="B20993" s="14" t="s">
        <v>1</v>
      </c>
      <c r="C20993" s="14" t="s">
        <v>41</v>
      </c>
      <c r="D20993" s="14" t="s">
        <v>144</v>
      </c>
      <c r="E20993" s="15">
        <v>45564</v>
      </c>
      <c r="F20993" s="14" t="s">
        <v>43</v>
      </c>
      <c r="G20993" s="16">
        <v>0</v>
      </c>
    </row>
    <row r="20994" spans="1:7" x14ac:dyDescent="0.3">
      <c r="A20994" s="13" t="s">
        <v>143</v>
      </c>
      <c r="B20994" s="14" t="s">
        <v>1</v>
      </c>
      <c r="C20994" s="14" t="s">
        <v>41</v>
      </c>
      <c r="D20994" s="14" t="s">
        <v>144</v>
      </c>
      <c r="E20994" s="15">
        <v>45565</v>
      </c>
      <c r="F20994" s="14" t="s">
        <v>43</v>
      </c>
      <c r="G20994" s="16">
        <v>63.23967428199505</v>
      </c>
    </row>
    <row r="20995" spans="1:7" x14ac:dyDescent="0.3">
      <c r="A20995" s="13" t="s">
        <v>143</v>
      </c>
      <c r="B20995" s="14" t="s">
        <v>1</v>
      </c>
      <c r="C20995" s="14" t="s">
        <v>41</v>
      </c>
      <c r="D20995" s="14" t="s">
        <v>144</v>
      </c>
      <c r="E20995" s="15">
        <v>45566</v>
      </c>
      <c r="F20995" s="14" t="s">
        <v>43</v>
      </c>
      <c r="G20995" s="16">
        <v>62.674668477823744</v>
      </c>
    </row>
    <row r="20996" spans="1:7" x14ac:dyDescent="0.3">
      <c r="A20996" s="13" t="s">
        <v>143</v>
      </c>
      <c r="B20996" s="14" t="s">
        <v>1</v>
      </c>
      <c r="C20996" s="14" t="s">
        <v>41</v>
      </c>
      <c r="D20996" s="14" t="s">
        <v>144</v>
      </c>
      <c r="E20996" s="15">
        <v>45567</v>
      </c>
      <c r="F20996" s="14" t="s">
        <v>43</v>
      </c>
      <c r="G20996" s="16">
        <v>62.487962364624885</v>
      </c>
    </row>
    <row r="20997" spans="1:7" x14ac:dyDescent="0.3">
      <c r="A20997" s="13" t="s">
        <v>143</v>
      </c>
      <c r="B20997" s="14" t="s">
        <v>1</v>
      </c>
      <c r="C20997" s="14" t="s">
        <v>41</v>
      </c>
      <c r="D20997" s="14" t="s">
        <v>144</v>
      </c>
      <c r="E20997" s="15">
        <v>45568</v>
      </c>
      <c r="F20997" s="14" t="s">
        <v>43</v>
      </c>
      <c r="G20997" s="16">
        <v>62.298466455910216</v>
      </c>
    </row>
    <row r="20998" spans="1:7" x14ac:dyDescent="0.3">
      <c r="A20998" s="13" t="s">
        <v>143</v>
      </c>
      <c r="B20998" s="14" t="s">
        <v>1</v>
      </c>
      <c r="C20998" s="14" t="s">
        <v>41</v>
      </c>
      <c r="D20998" s="14" t="s">
        <v>144</v>
      </c>
      <c r="E20998" s="15">
        <v>45569</v>
      </c>
      <c r="F20998" s="14" t="s">
        <v>43</v>
      </c>
      <c r="G20998" s="16">
        <v>62.111533503339935</v>
      </c>
    </row>
    <row r="20999" spans="1:7" x14ac:dyDescent="0.3">
      <c r="A20999" s="13" t="s">
        <v>143</v>
      </c>
      <c r="B20999" s="14" t="s">
        <v>1</v>
      </c>
      <c r="C20999" s="14" t="s">
        <v>41</v>
      </c>
      <c r="D20999" s="14" t="s">
        <v>144</v>
      </c>
      <c r="E20999" s="15">
        <v>45570</v>
      </c>
      <c r="F20999" s="14" t="s">
        <v>43</v>
      </c>
      <c r="G20999" s="16">
        <v>62.111533503339935</v>
      </c>
    </row>
    <row r="21000" spans="1:7" x14ac:dyDescent="0.3">
      <c r="A21000" s="13" t="s">
        <v>143</v>
      </c>
      <c r="B21000" s="14" t="s">
        <v>1</v>
      </c>
      <c r="C21000" s="14" t="s">
        <v>41</v>
      </c>
      <c r="D21000" s="14" t="s">
        <v>144</v>
      </c>
      <c r="E21000" s="15">
        <v>45571</v>
      </c>
      <c r="F21000" s="14" t="s">
        <v>43</v>
      </c>
      <c r="G21000" s="16">
        <v>62.111533503339935</v>
      </c>
    </row>
    <row r="21001" spans="1:7" x14ac:dyDescent="0.3">
      <c r="A21001" s="13" t="s">
        <v>143</v>
      </c>
      <c r="B21001" s="14" t="s">
        <v>1</v>
      </c>
      <c r="C21001" s="14" t="s">
        <v>41</v>
      </c>
      <c r="D21001" s="14" t="s">
        <v>144</v>
      </c>
      <c r="E21001" s="15">
        <v>45572</v>
      </c>
      <c r="F21001" s="14" t="s">
        <v>43</v>
      </c>
      <c r="G21001" s="16">
        <v>61.922670114843562</v>
      </c>
    </row>
    <row r="21002" spans="1:7" x14ac:dyDescent="0.3">
      <c r="A21002" s="13" t="s">
        <v>143</v>
      </c>
      <c r="B21002" s="14" t="s">
        <v>1</v>
      </c>
      <c r="C21002" s="14" t="s">
        <v>41</v>
      </c>
      <c r="D21002" s="14" t="s">
        <v>144</v>
      </c>
      <c r="E21002" s="15">
        <v>45573</v>
      </c>
      <c r="F21002" s="14" t="s">
        <v>43</v>
      </c>
      <c r="G21002" s="16">
        <v>61.365960714117577</v>
      </c>
    </row>
    <row r="21003" spans="1:7" x14ac:dyDescent="0.3">
      <c r="A21003" s="13" t="s">
        <v>143</v>
      </c>
      <c r="B21003" s="14" t="s">
        <v>1</v>
      </c>
      <c r="C21003" s="14" t="s">
        <v>41</v>
      </c>
      <c r="D21003" s="14" t="s">
        <v>144</v>
      </c>
      <c r="E21003" s="15">
        <v>45574</v>
      </c>
      <c r="F21003" s="14" t="s">
        <v>43</v>
      </c>
      <c r="G21003" s="16">
        <v>61.172787377564127</v>
      </c>
    </row>
    <row r="21004" spans="1:7" x14ac:dyDescent="0.3">
      <c r="A21004" s="13" t="s">
        <v>143</v>
      </c>
      <c r="B21004" s="14" t="s">
        <v>1</v>
      </c>
      <c r="C21004" s="14" t="s">
        <v>41</v>
      </c>
      <c r="D21004" s="14" t="s">
        <v>144</v>
      </c>
      <c r="E21004" s="15">
        <v>45575</v>
      </c>
      <c r="F21004" s="14" t="s">
        <v>43</v>
      </c>
      <c r="G21004" s="16">
        <v>60.982583335507357</v>
      </c>
    </row>
    <row r="21005" spans="1:7" x14ac:dyDescent="0.3">
      <c r="A21005" s="13" t="s">
        <v>143</v>
      </c>
      <c r="B21005" s="14" t="s">
        <v>1</v>
      </c>
      <c r="C21005" s="14" t="s">
        <v>41</v>
      </c>
      <c r="D21005" s="14" t="s">
        <v>144</v>
      </c>
      <c r="E21005" s="15">
        <v>45576</v>
      </c>
      <c r="F21005" s="14" t="s">
        <v>43</v>
      </c>
      <c r="G21005" s="16">
        <v>60.791721130520742</v>
      </c>
    </row>
    <row r="21006" spans="1:7" x14ac:dyDescent="0.3">
      <c r="A21006" s="13" t="s">
        <v>143</v>
      </c>
      <c r="B21006" s="14" t="s">
        <v>1</v>
      </c>
      <c r="C21006" s="14" t="s">
        <v>41</v>
      </c>
      <c r="D21006" s="14" t="s">
        <v>144</v>
      </c>
      <c r="E21006" s="15">
        <v>45577</v>
      </c>
      <c r="F21006" s="14" t="s">
        <v>43</v>
      </c>
      <c r="G21006" s="16">
        <v>60.791721130520742</v>
      </c>
    </row>
    <row r="21007" spans="1:7" x14ac:dyDescent="0.3">
      <c r="A21007" s="13" t="s">
        <v>143</v>
      </c>
      <c r="B21007" s="14" t="s">
        <v>1</v>
      </c>
      <c r="C21007" s="14" t="s">
        <v>41</v>
      </c>
      <c r="D21007" s="14" t="s">
        <v>144</v>
      </c>
      <c r="E21007" s="15">
        <v>45578</v>
      </c>
      <c r="F21007" s="14" t="s">
        <v>43</v>
      </c>
      <c r="G21007" s="16">
        <v>60.791721130520742</v>
      </c>
    </row>
    <row r="21008" spans="1:7" x14ac:dyDescent="0.3">
      <c r="A21008" s="13" t="s">
        <v>143</v>
      </c>
      <c r="B21008" s="14" t="s">
        <v>1</v>
      </c>
      <c r="C21008" s="14" t="s">
        <v>41</v>
      </c>
      <c r="D21008" s="14" t="s">
        <v>144</v>
      </c>
      <c r="E21008" s="15">
        <v>45579</v>
      </c>
      <c r="F21008" s="14" t="s">
        <v>43</v>
      </c>
      <c r="G21008" s="16">
        <v>60.791721130520742</v>
      </c>
    </row>
    <row r="21009" spans="1:7" x14ac:dyDescent="0.3">
      <c r="A21009" s="13" t="s">
        <v>143</v>
      </c>
      <c r="B21009" s="14" t="s">
        <v>1</v>
      </c>
      <c r="C21009" s="14" t="s">
        <v>41</v>
      </c>
      <c r="D21009" s="14" t="s">
        <v>144</v>
      </c>
      <c r="E21009" s="15">
        <v>45580</v>
      </c>
      <c r="F21009" s="14" t="s">
        <v>43</v>
      </c>
      <c r="G21009" s="16">
        <v>60.60032042859153</v>
      </c>
    </row>
    <row r="21010" spans="1:7" x14ac:dyDescent="0.3">
      <c r="A21010" s="13" t="s">
        <v>143</v>
      </c>
      <c r="B21010" s="14" t="s">
        <v>1</v>
      </c>
      <c r="C21010" s="14" t="s">
        <v>41</v>
      </c>
      <c r="D21010" s="14" t="s">
        <v>144</v>
      </c>
      <c r="E21010" s="15">
        <v>45581</v>
      </c>
      <c r="F21010" s="14" t="s">
        <v>43</v>
      </c>
      <c r="G21010" s="16">
        <v>59.855404045157947</v>
      </c>
    </row>
    <row r="21011" spans="1:7" x14ac:dyDescent="0.3">
      <c r="A21011" s="13" t="s">
        <v>143</v>
      </c>
      <c r="B21011" s="14" t="s">
        <v>1</v>
      </c>
      <c r="C21011" s="14" t="s">
        <v>41</v>
      </c>
      <c r="D21011" s="14" t="s">
        <v>144</v>
      </c>
      <c r="E21011" s="15">
        <v>45582</v>
      </c>
      <c r="F21011" s="14" t="s">
        <v>43</v>
      </c>
      <c r="G21011" s="16">
        <v>59.66334518029889</v>
      </c>
    </row>
    <row r="21012" spans="1:7" x14ac:dyDescent="0.3">
      <c r="A21012" s="13" t="s">
        <v>143</v>
      </c>
      <c r="B21012" s="14" t="s">
        <v>1</v>
      </c>
      <c r="C21012" s="14" t="s">
        <v>41</v>
      </c>
      <c r="D21012" s="14" t="s">
        <v>144</v>
      </c>
      <c r="E21012" s="15">
        <v>45583</v>
      </c>
      <c r="F21012" s="14" t="s">
        <v>43</v>
      </c>
      <c r="G21012" s="16">
        <v>59.473398222863068</v>
      </c>
    </row>
    <row r="21013" spans="1:7" x14ac:dyDescent="0.3">
      <c r="A21013" s="13" t="s">
        <v>143</v>
      </c>
      <c r="B21013" s="14" t="s">
        <v>1</v>
      </c>
      <c r="C21013" s="14" t="s">
        <v>41</v>
      </c>
      <c r="D21013" s="14" t="s">
        <v>144</v>
      </c>
      <c r="E21013" s="15">
        <v>45584</v>
      </c>
      <c r="F21013" s="14" t="s">
        <v>43</v>
      </c>
      <c r="G21013" s="16">
        <v>59.473398222863068</v>
      </c>
    </row>
    <row r="21014" spans="1:7" x14ac:dyDescent="0.3">
      <c r="A21014" s="13" t="s">
        <v>143</v>
      </c>
      <c r="B21014" s="14" t="s">
        <v>1</v>
      </c>
      <c r="C21014" s="14" t="s">
        <v>41</v>
      </c>
      <c r="D21014" s="14" t="s">
        <v>144</v>
      </c>
      <c r="E21014" s="15">
        <v>45585</v>
      </c>
      <c r="F21014" s="14" t="s">
        <v>43</v>
      </c>
      <c r="G21014" s="16">
        <v>59.473398222863068</v>
      </c>
    </row>
    <row r="21015" spans="1:7" x14ac:dyDescent="0.3">
      <c r="A21015" s="13" t="s">
        <v>143</v>
      </c>
      <c r="B21015" s="14" t="s">
        <v>1</v>
      </c>
      <c r="C21015" s="14" t="s">
        <v>41</v>
      </c>
      <c r="D21015" s="14" t="s">
        <v>144</v>
      </c>
      <c r="E21015" s="15">
        <v>45586</v>
      </c>
      <c r="F21015" s="14" t="s">
        <v>43</v>
      </c>
      <c r="G21015" s="16">
        <v>59.283883246491094</v>
      </c>
    </row>
    <row r="21016" spans="1:7" x14ac:dyDescent="0.3">
      <c r="A21016" s="13" t="s">
        <v>143</v>
      </c>
      <c r="B21016" s="14" t="s">
        <v>1</v>
      </c>
      <c r="C21016" s="14" t="s">
        <v>41</v>
      </c>
      <c r="D21016" s="14" t="s">
        <v>144</v>
      </c>
      <c r="E21016" s="15">
        <v>45587</v>
      </c>
      <c r="F21016" s="14" t="s">
        <v>43</v>
      </c>
      <c r="G21016" s="16">
        <v>58.727977974899183</v>
      </c>
    </row>
    <row r="21017" spans="1:7" x14ac:dyDescent="0.3">
      <c r="A21017" s="13" t="s">
        <v>143</v>
      </c>
      <c r="B21017" s="14" t="s">
        <v>1</v>
      </c>
      <c r="C21017" s="14" t="s">
        <v>41</v>
      </c>
      <c r="D21017" s="14" t="s">
        <v>144</v>
      </c>
      <c r="E21017" s="15">
        <v>45588</v>
      </c>
      <c r="F21017" s="14" t="s">
        <v>43</v>
      </c>
      <c r="G21017" s="16">
        <v>59.589171789374724</v>
      </c>
    </row>
    <row r="21018" spans="1:7" x14ac:dyDescent="0.3">
      <c r="A21018" s="13" t="s">
        <v>143</v>
      </c>
      <c r="B21018" s="14" t="s">
        <v>1</v>
      </c>
      <c r="C21018" s="14" t="s">
        <v>41</v>
      </c>
      <c r="D21018" s="14" t="s">
        <v>144</v>
      </c>
      <c r="E21018" s="15">
        <v>45589</v>
      </c>
      <c r="F21018" s="14" t="s">
        <v>43</v>
      </c>
      <c r="G21018" s="16">
        <v>59.402505784006756</v>
      </c>
    </row>
    <row r="21019" spans="1:7" x14ac:dyDescent="0.3">
      <c r="A21019" s="13" t="s">
        <v>143</v>
      </c>
      <c r="B21019" s="14" t="s">
        <v>1</v>
      </c>
      <c r="C21019" s="14" t="s">
        <v>41</v>
      </c>
      <c r="D21019" s="14" t="s">
        <v>144</v>
      </c>
      <c r="E21019" s="15">
        <v>45590</v>
      </c>
      <c r="F21019" s="14" t="s">
        <v>43</v>
      </c>
      <c r="G21019" s="16">
        <v>59.216981865560996</v>
      </c>
    </row>
    <row r="21020" spans="1:7" x14ac:dyDescent="0.3">
      <c r="A21020" s="13" t="s">
        <v>143</v>
      </c>
      <c r="B21020" s="14" t="s">
        <v>1</v>
      </c>
      <c r="C21020" s="14" t="s">
        <v>41</v>
      </c>
      <c r="D21020" s="14" t="s">
        <v>144</v>
      </c>
      <c r="E21020" s="15">
        <v>45591</v>
      </c>
      <c r="F21020" s="14" t="s">
        <v>43</v>
      </c>
      <c r="G21020" s="16">
        <v>59.216981865560996</v>
      </c>
    </row>
    <row r="21021" spans="1:7" x14ac:dyDescent="0.3">
      <c r="A21021" s="13" t="s">
        <v>143</v>
      </c>
      <c r="B21021" s="14" t="s">
        <v>1</v>
      </c>
      <c r="C21021" s="14" t="s">
        <v>41</v>
      </c>
      <c r="D21021" s="14" t="s">
        <v>144</v>
      </c>
      <c r="E21021" s="15">
        <v>45592</v>
      </c>
      <c r="F21021" s="14" t="s">
        <v>43</v>
      </c>
      <c r="G21021" s="16">
        <v>59.216981865560996</v>
      </c>
    </row>
    <row r="21022" spans="1:7" x14ac:dyDescent="0.3">
      <c r="A21022" s="13" t="s">
        <v>143</v>
      </c>
      <c r="B21022" s="14" t="s">
        <v>1</v>
      </c>
      <c r="C21022" s="14" t="s">
        <v>41</v>
      </c>
      <c r="D21022" s="14" t="s">
        <v>144</v>
      </c>
      <c r="E21022" s="15">
        <v>45593</v>
      </c>
      <c r="F21022" s="14" t="s">
        <v>43</v>
      </c>
      <c r="G21022" s="16">
        <v>59.216981865560996</v>
      </c>
    </row>
    <row r="21023" spans="1:7" x14ac:dyDescent="0.3">
      <c r="A21023" s="13" t="s">
        <v>143</v>
      </c>
      <c r="B21023" s="14" t="s">
        <v>1</v>
      </c>
      <c r="C21023" s="14" t="s">
        <v>41</v>
      </c>
      <c r="D21023" s="14" t="s">
        <v>144</v>
      </c>
      <c r="E21023" s="15">
        <v>45594</v>
      </c>
      <c r="F21023" s="14" t="s">
        <v>43</v>
      </c>
      <c r="G21023" s="16">
        <v>59.154066928639345</v>
      </c>
    </row>
    <row r="21024" spans="1:7" x14ac:dyDescent="0.3">
      <c r="A21024" s="13" t="s">
        <v>143</v>
      </c>
      <c r="B21024" s="14" t="s">
        <v>1</v>
      </c>
      <c r="C21024" s="14" t="s">
        <v>41</v>
      </c>
      <c r="D21024" s="14" t="s">
        <v>144</v>
      </c>
      <c r="E21024" s="15">
        <v>45595</v>
      </c>
      <c r="F21024" s="14" t="s">
        <v>43</v>
      </c>
      <c r="G21024" s="16">
        <v>58.487335172728933</v>
      </c>
    </row>
    <row r="21025" spans="1:7" x14ac:dyDescent="0.3">
      <c r="A21025" s="13" t="s">
        <v>143</v>
      </c>
      <c r="B21025" s="14" t="s">
        <v>1</v>
      </c>
      <c r="C21025" s="14" t="s">
        <v>41</v>
      </c>
      <c r="D21025" s="14" t="s">
        <v>144</v>
      </c>
      <c r="E21025" s="15">
        <v>45596</v>
      </c>
      <c r="F21025" s="14" t="s">
        <v>43</v>
      </c>
      <c r="G21025" s="16">
        <v>58.65601074142895</v>
      </c>
    </row>
    <row r="21026" spans="1:7" x14ac:dyDescent="0.3">
      <c r="A21026" s="13" t="s">
        <v>143</v>
      </c>
      <c r="B21026" s="14" t="s">
        <v>1</v>
      </c>
      <c r="C21026" s="14" t="s">
        <v>41</v>
      </c>
      <c r="D21026" s="14" t="s">
        <v>144</v>
      </c>
      <c r="E21026" s="15">
        <v>45597</v>
      </c>
      <c r="F21026" s="14" t="s">
        <v>43</v>
      </c>
      <c r="G21026" s="16">
        <v>58.544656722384865</v>
      </c>
    </row>
    <row r="21027" spans="1:7" x14ac:dyDescent="0.3">
      <c r="A21027" s="13" t="s">
        <v>143</v>
      </c>
      <c r="B21027" s="14" t="s">
        <v>1</v>
      </c>
      <c r="C21027" s="14" t="s">
        <v>41</v>
      </c>
      <c r="D21027" s="14" t="s">
        <v>144</v>
      </c>
      <c r="E21027" s="15">
        <v>45598</v>
      </c>
      <c r="F21027" s="14" t="s">
        <v>43</v>
      </c>
      <c r="G21027" s="16">
        <v>58.544656722384865</v>
      </c>
    </row>
    <row r="21028" spans="1:7" x14ac:dyDescent="0.3">
      <c r="A21028" s="13" t="s">
        <v>143</v>
      </c>
      <c r="B21028" s="14" t="s">
        <v>1</v>
      </c>
      <c r="C21028" s="14" t="s">
        <v>41</v>
      </c>
      <c r="D21028" s="14" t="s">
        <v>144</v>
      </c>
      <c r="E21028" s="15">
        <v>45599</v>
      </c>
      <c r="F21028" s="14" t="s">
        <v>43</v>
      </c>
      <c r="G21028" s="16">
        <v>58.544656722384865</v>
      </c>
    </row>
    <row r="21029" spans="1:7" x14ac:dyDescent="0.3">
      <c r="A21029" s="13" t="s">
        <v>143</v>
      </c>
      <c r="B21029" s="14" t="s">
        <v>1</v>
      </c>
      <c r="C21029" s="14" t="s">
        <v>41</v>
      </c>
      <c r="D21029" s="14" t="s">
        <v>144</v>
      </c>
      <c r="E21029" s="15">
        <v>45600</v>
      </c>
      <c r="F21029" s="14" t="s">
        <v>43</v>
      </c>
      <c r="G21029" s="16">
        <v>58.544656722384865</v>
      </c>
    </row>
    <row r="21030" spans="1:7" x14ac:dyDescent="0.3">
      <c r="A21030" s="13" t="s">
        <v>143</v>
      </c>
      <c r="B21030" s="14" t="s">
        <v>1</v>
      </c>
      <c r="C21030" s="14" t="s">
        <v>41</v>
      </c>
      <c r="D21030" s="14" t="s">
        <v>144</v>
      </c>
      <c r="E21030" s="15">
        <v>45601</v>
      </c>
      <c r="F21030" s="14" t="s">
        <v>43</v>
      </c>
      <c r="G21030" s="16">
        <v>58.356439004215268</v>
      </c>
    </row>
    <row r="21031" spans="1:7" x14ac:dyDescent="0.3">
      <c r="A21031" s="13" t="s">
        <v>143</v>
      </c>
      <c r="B21031" s="14" t="s">
        <v>1</v>
      </c>
      <c r="C21031" s="14" t="s">
        <v>41</v>
      </c>
      <c r="D21031" s="14" t="s">
        <v>144</v>
      </c>
      <c r="E21031" s="15">
        <v>45602</v>
      </c>
      <c r="F21031" s="14" t="s">
        <v>43</v>
      </c>
      <c r="G21031" s="16">
        <v>57.632435574241491</v>
      </c>
    </row>
    <row r="21032" spans="1:7" x14ac:dyDescent="0.3">
      <c r="A21032" s="13" t="s">
        <v>143</v>
      </c>
      <c r="B21032" s="14" t="s">
        <v>1</v>
      </c>
      <c r="C21032" s="14" t="s">
        <v>41</v>
      </c>
      <c r="D21032" s="14" t="s">
        <v>144</v>
      </c>
      <c r="E21032" s="15">
        <v>45603</v>
      </c>
      <c r="F21032" s="14" t="s">
        <v>43</v>
      </c>
      <c r="G21032" s="16">
        <v>57.444777057257355</v>
      </c>
    </row>
    <row r="21033" spans="1:7" x14ac:dyDescent="0.3">
      <c r="A21033" s="13" t="s">
        <v>143</v>
      </c>
      <c r="B21033" s="14" t="s">
        <v>1</v>
      </c>
      <c r="C21033" s="14" t="s">
        <v>41</v>
      </c>
      <c r="D21033" s="14" t="s">
        <v>144</v>
      </c>
      <c r="E21033" s="15">
        <v>45604</v>
      </c>
      <c r="F21033" s="14" t="s">
        <v>43</v>
      </c>
      <c r="G21033" s="16">
        <v>58.230364320107675</v>
      </c>
    </row>
    <row r="21034" spans="1:7" x14ac:dyDescent="0.3">
      <c r="A21034" s="13" t="s">
        <v>143</v>
      </c>
      <c r="B21034" s="14" t="s">
        <v>1</v>
      </c>
      <c r="C21034" s="14" t="s">
        <v>41</v>
      </c>
      <c r="D21034" s="14" t="s">
        <v>144</v>
      </c>
      <c r="E21034" s="15">
        <v>45605</v>
      </c>
      <c r="F21034" s="14" t="s">
        <v>43</v>
      </c>
      <c r="G21034" s="16">
        <v>58.230364320107675</v>
      </c>
    </row>
    <row r="21035" spans="1:7" x14ac:dyDescent="0.3">
      <c r="A21035" s="13" t="s">
        <v>143</v>
      </c>
      <c r="B21035" s="14" t="s">
        <v>1</v>
      </c>
      <c r="C21035" s="14" t="s">
        <v>41</v>
      </c>
      <c r="D21035" s="14" t="s">
        <v>144</v>
      </c>
      <c r="E21035" s="15">
        <v>45606</v>
      </c>
      <c r="F21035" s="14" t="s">
        <v>43</v>
      </c>
      <c r="G21035" s="16">
        <v>58.230364320107675</v>
      </c>
    </row>
    <row r="21036" spans="1:7" x14ac:dyDescent="0.3">
      <c r="A21036" s="13" t="s">
        <v>143</v>
      </c>
      <c r="B21036" s="14" t="s">
        <v>1</v>
      </c>
      <c r="C21036" s="14" t="s">
        <v>41</v>
      </c>
      <c r="D21036" s="14" t="s">
        <v>144</v>
      </c>
      <c r="E21036" s="15">
        <v>45607</v>
      </c>
      <c r="F21036" s="14" t="s">
        <v>43</v>
      </c>
      <c r="G21036" s="16">
        <v>58.704599174693641</v>
      </c>
    </row>
    <row r="21037" spans="1:7" x14ac:dyDescent="0.3">
      <c r="A21037" s="13" t="s">
        <v>143</v>
      </c>
      <c r="B21037" s="14" t="s">
        <v>1</v>
      </c>
      <c r="C21037" s="14" t="s">
        <v>41</v>
      </c>
      <c r="D21037" s="14" t="s">
        <v>144</v>
      </c>
      <c r="E21037" s="15">
        <v>45608</v>
      </c>
      <c r="F21037" s="14" t="s">
        <v>43</v>
      </c>
      <c r="G21037" s="16">
        <v>58.135567393028538</v>
      </c>
    </row>
    <row r="21038" spans="1:7" x14ac:dyDescent="0.3">
      <c r="A21038" s="13" t="s">
        <v>143</v>
      </c>
      <c r="B21038" s="14" t="s">
        <v>1</v>
      </c>
      <c r="C21038" s="14" t="s">
        <v>41</v>
      </c>
      <c r="D21038" s="14" t="s">
        <v>144</v>
      </c>
      <c r="E21038" s="15">
        <v>45609</v>
      </c>
      <c r="F21038" s="14" t="s">
        <v>43</v>
      </c>
      <c r="G21038" s="16">
        <v>58.088605610711674</v>
      </c>
    </row>
    <row r="21039" spans="1:7" x14ac:dyDescent="0.3">
      <c r="A21039" s="13" t="s">
        <v>143</v>
      </c>
      <c r="B21039" s="14" t="s">
        <v>1</v>
      </c>
      <c r="C21039" s="14" t="s">
        <v>41</v>
      </c>
      <c r="D21039" s="14" t="s">
        <v>144</v>
      </c>
      <c r="E21039" s="15">
        <v>45610</v>
      </c>
      <c r="F21039" s="14" t="s">
        <v>43</v>
      </c>
      <c r="G21039" s="16">
        <v>57.894610653657146</v>
      </c>
    </row>
    <row r="21040" spans="1:7" x14ac:dyDescent="0.3">
      <c r="A21040" s="13" t="s">
        <v>143</v>
      </c>
      <c r="B21040" s="14" t="s">
        <v>1</v>
      </c>
      <c r="C21040" s="14" t="s">
        <v>41</v>
      </c>
      <c r="D21040" s="14" t="s">
        <v>144</v>
      </c>
      <c r="E21040" s="15">
        <v>45611</v>
      </c>
      <c r="F21040" s="14" t="s">
        <v>43</v>
      </c>
      <c r="G21040" s="16">
        <v>57.703056911673798</v>
      </c>
    </row>
    <row r="21041" spans="1:7" x14ac:dyDescent="0.3">
      <c r="A21041" s="13" t="s">
        <v>143</v>
      </c>
      <c r="B21041" s="14" t="s">
        <v>1</v>
      </c>
      <c r="C21041" s="14" t="s">
        <v>41</v>
      </c>
      <c r="D21041" s="14" t="s">
        <v>144</v>
      </c>
      <c r="E21041" s="15">
        <v>45612</v>
      </c>
      <c r="F21041" s="14" t="s">
        <v>43</v>
      </c>
      <c r="G21041" s="16">
        <v>57.703056911673798</v>
      </c>
    </row>
    <row r="21042" spans="1:7" x14ac:dyDescent="0.3">
      <c r="A21042" s="13" t="s">
        <v>143</v>
      </c>
      <c r="B21042" s="14" t="s">
        <v>1</v>
      </c>
      <c r="C21042" s="14" t="s">
        <v>41</v>
      </c>
      <c r="D21042" s="14" t="s">
        <v>144</v>
      </c>
      <c r="E21042" s="15">
        <v>45613</v>
      </c>
      <c r="F21042" s="14" t="s">
        <v>43</v>
      </c>
      <c r="G21042" s="16">
        <v>57.703056911673798</v>
      </c>
    </row>
    <row r="21043" spans="1:7" x14ac:dyDescent="0.3">
      <c r="A21043" s="13" t="s">
        <v>143</v>
      </c>
      <c r="B21043" s="14" t="s">
        <v>1</v>
      </c>
      <c r="C21043" s="14" t="s">
        <v>41</v>
      </c>
      <c r="D21043" s="14" t="s">
        <v>144</v>
      </c>
      <c r="E21043" s="15">
        <v>45614</v>
      </c>
      <c r="F21043" s="14" t="s">
        <v>43</v>
      </c>
      <c r="G21043" s="16">
        <v>58.171271071936332</v>
      </c>
    </row>
    <row r="21044" spans="1:7" x14ac:dyDescent="0.3">
      <c r="A21044" s="13" t="s">
        <v>143</v>
      </c>
      <c r="B21044" s="14" t="s">
        <v>1</v>
      </c>
      <c r="C21044" s="14" t="s">
        <v>41</v>
      </c>
      <c r="D21044" s="14" t="s">
        <v>144</v>
      </c>
      <c r="E21044" s="15">
        <v>45615</v>
      </c>
      <c r="F21044" s="14" t="s">
        <v>43</v>
      </c>
      <c r="G21044" s="16">
        <v>57.607324675164264</v>
      </c>
    </row>
    <row r="21045" spans="1:7" x14ac:dyDescent="0.3">
      <c r="A21045" s="13" t="s">
        <v>143</v>
      </c>
      <c r="B21045" s="14" t="s">
        <v>1</v>
      </c>
      <c r="C21045" s="14" t="s">
        <v>41</v>
      </c>
      <c r="D21045" s="14" t="s">
        <v>144</v>
      </c>
      <c r="E21045" s="15">
        <v>45616</v>
      </c>
      <c r="F21045" s="14" t="s">
        <v>43</v>
      </c>
      <c r="G21045" s="16">
        <v>57.49956641410111</v>
      </c>
    </row>
    <row r="21046" spans="1:7" x14ac:dyDescent="0.3">
      <c r="A21046" s="13" t="s">
        <v>143</v>
      </c>
      <c r="B21046" s="14" t="s">
        <v>1</v>
      </c>
      <c r="C21046" s="14" t="s">
        <v>41</v>
      </c>
      <c r="D21046" s="14" t="s">
        <v>144</v>
      </c>
      <c r="E21046" s="15">
        <v>45617</v>
      </c>
      <c r="F21046" s="14" t="s">
        <v>43</v>
      </c>
      <c r="G21046" s="16">
        <v>57.307317744136327</v>
      </c>
    </row>
    <row r="21047" spans="1:7" x14ac:dyDescent="0.3">
      <c r="A21047" s="13" t="s">
        <v>143</v>
      </c>
      <c r="B21047" s="14" t="s">
        <v>1</v>
      </c>
      <c r="C21047" s="14" t="s">
        <v>41</v>
      </c>
      <c r="D21047" s="14" t="s">
        <v>144</v>
      </c>
      <c r="E21047" s="15">
        <v>45618</v>
      </c>
      <c r="F21047" s="14" t="s">
        <v>43</v>
      </c>
      <c r="G21047" s="16">
        <v>57.11624799423435</v>
      </c>
    </row>
    <row r="21048" spans="1:7" x14ac:dyDescent="0.3">
      <c r="A21048" s="13" t="s">
        <v>143</v>
      </c>
      <c r="B21048" s="14" t="s">
        <v>1</v>
      </c>
      <c r="C21048" s="14" t="s">
        <v>41</v>
      </c>
      <c r="D21048" s="14" t="s">
        <v>144</v>
      </c>
      <c r="E21048" s="15">
        <v>45619</v>
      </c>
      <c r="F21048" s="14" t="s">
        <v>43</v>
      </c>
      <c r="G21048" s="16">
        <v>57.11624799423435</v>
      </c>
    </row>
    <row r="21049" spans="1:7" x14ac:dyDescent="0.3">
      <c r="A21049" s="13" t="s">
        <v>143</v>
      </c>
      <c r="B21049" s="14" t="s">
        <v>1</v>
      </c>
      <c r="C21049" s="14" t="s">
        <v>41</v>
      </c>
      <c r="D21049" s="14" t="s">
        <v>144</v>
      </c>
      <c r="E21049" s="15">
        <v>45620</v>
      </c>
      <c r="F21049" s="14" t="s">
        <v>43</v>
      </c>
      <c r="G21049" s="16">
        <v>57.11624799423435</v>
      </c>
    </row>
    <row r="21050" spans="1:7" x14ac:dyDescent="0.3">
      <c r="A21050" s="13" t="s">
        <v>143</v>
      </c>
      <c r="B21050" s="14" t="s">
        <v>1</v>
      </c>
      <c r="C21050" s="14" t="s">
        <v>41</v>
      </c>
      <c r="D21050" s="14" t="s">
        <v>144</v>
      </c>
      <c r="E21050" s="15">
        <v>45621</v>
      </c>
      <c r="F21050" s="14" t="s">
        <v>43</v>
      </c>
      <c r="G21050" s="16">
        <v>56.92625954681035</v>
      </c>
    </row>
    <row r="21051" spans="1:7" x14ac:dyDescent="0.3">
      <c r="A21051" s="13" t="s">
        <v>143</v>
      </c>
      <c r="B21051" s="14" t="s">
        <v>1</v>
      </c>
      <c r="C21051" s="14" t="s">
        <v>41</v>
      </c>
      <c r="D21051" s="14" t="s">
        <v>144</v>
      </c>
      <c r="E21051" s="15">
        <v>45622</v>
      </c>
      <c r="F21051" s="14" t="s">
        <v>43</v>
      </c>
      <c r="G21051" s="16">
        <v>56.365021184716412</v>
      </c>
    </row>
    <row r="21052" spans="1:7" x14ac:dyDescent="0.3">
      <c r="A21052" s="13" t="s">
        <v>143</v>
      </c>
      <c r="B21052" s="14" t="s">
        <v>1</v>
      </c>
      <c r="C21052" s="14" t="s">
        <v>41</v>
      </c>
      <c r="D21052" s="14" t="s">
        <v>144</v>
      </c>
      <c r="E21052" s="15">
        <v>45623</v>
      </c>
      <c r="F21052" s="14" t="s">
        <v>43</v>
      </c>
      <c r="G21052" s="16">
        <v>56.172661244357748</v>
      </c>
    </row>
    <row r="21053" spans="1:7" x14ac:dyDescent="0.3">
      <c r="A21053" s="13" t="s">
        <v>143</v>
      </c>
      <c r="B21053" s="14" t="s">
        <v>1</v>
      </c>
      <c r="C21053" s="14" t="s">
        <v>41</v>
      </c>
      <c r="D21053" s="14" t="s">
        <v>144</v>
      </c>
      <c r="E21053" s="15">
        <v>45624</v>
      </c>
      <c r="F21053" s="14" t="s">
        <v>43</v>
      </c>
      <c r="G21053" s="16">
        <v>55.98632560599922</v>
      </c>
    </row>
    <row r="21054" spans="1:7" x14ac:dyDescent="0.3">
      <c r="A21054" s="13" t="s">
        <v>143</v>
      </c>
      <c r="B21054" s="14" t="s">
        <v>1</v>
      </c>
      <c r="C21054" s="14" t="s">
        <v>41</v>
      </c>
      <c r="D21054" s="14" t="s">
        <v>144</v>
      </c>
      <c r="E21054" s="15">
        <v>45625</v>
      </c>
      <c r="F21054" s="14" t="s">
        <v>43</v>
      </c>
      <c r="G21054" s="16">
        <v>56.23506403412987</v>
      </c>
    </row>
    <row r="21055" spans="1:7" x14ac:dyDescent="0.3">
      <c r="A21055" s="13" t="s">
        <v>143</v>
      </c>
      <c r="B21055" s="14" t="s">
        <v>1</v>
      </c>
      <c r="C21055" s="14" t="s">
        <v>41</v>
      </c>
      <c r="D21055" s="14" t="s">
        <v>144</v>
      </c>
      <c r="E21055" s="15">
        <v>45626</v>
      </c>
      <c r="F21055" s="14" t="s">
        <v>43</v>
      </c>
      <c r="G21055" s="16">
        <v>56.23506403412987</v>
      </c>
    </row>
    <row r="21056" spans="1:7" x14ac:dyDescent="0.3">
      <c r="A21056" s="13" t="s">
        <v>143</v>
      </c>
      <c r="B21056" s="14" t="s">
        <v>1</v>
      </c>
      <c r="C21056" s="14" t="s">
        <v>41</v>
      </c>
      <c r="D21056" s="14" t="s">
        <v>144</v>
      </c>
      <c r="E21056" s="15">
        <v>45627</v>
      </c>
      <c r="F21056" s="14" t="s">
        <v>43</v>
      </c>
      <c r="G21056" s="16">
        <v>56.23506403412987</v>
      </c>
    </row>
    <row r="21057" spans="1:7" x14ac:dyDescent="0.3">
      <c r="A21057" s="13" t="s">
        <v>143</v>
      </c>
      <c r="B21057" s="14" t="s">
        <v>1</v>
      </c>
      <c r="C21057" s="14" t="s">
        <v>41</v>
      </c>
      <c r="D21057" s="14" t="s">
        <v>144</v>
      </c>
      <c r="E21057" s="15">
        <v>45628</v>
      </c>
      <c r="F21057" s="14" t="s">
        <v>43</v>
      </c>
      <c r="G21057" s="16">
        <v>56.044056404509142</v>
      </c>
    </row>
    <row r="21058" spans="1:7" x14ac:dyDescent="0.3">
      <c r="A21058" s="13" t="s">
        <v>143</v>
      </c>
      <c r="B21058" s="14" t="s">
        <v>1</v>
      </c>
      <c r="C21058" s="14" t="s">
        <v>41</v>
      </c>
      <c r="D21058" s="14" t="s">
        <v>144</v>
      </c>
      <c r="E21058" s="15">
        <v>45629</v>
      </c>
      <c r="F21058" s="14" t="s">
        <v>43</v>
      </c>
      <c r="G21058" s="16">
        <v>56.123546681256229</v>
      </c>
    </row>
    <row r="21059" spans="1:7" x14ac:dyDescent="0.3">
      <c r="A21059" s="13" t="s">
        <v>143</v>
      </c>
      <c r="B21059" s="14" t="s">
        <v>1</v>
      </c>
      <c r="C21059" s="14" t="s">
        <v>41</v>
      </c>
      <c r="D21059" s="14" t="s">
        <v>144</v>
      </c>
      <c r="E21059" s="15">
        <v>45630</v>
      </c>
      <c r="F21059" s="14" t="s">
        <v>43</v>
      </c>
      <c r="G21059" s="16">
        <v>55.93162436314244</v>
      </c>
    </row>
    <row r="21060" spans="1:7" x14ac:dyDescent="0.3">
      <c r="A21060" s="13" t="s">
        <v>143</v>
      </c>
      <c r="B21060" s="14" t="s">
        <v>1</v>
      </c>
      <c r="C21060" s="14" t="s">
        <v>41</v>
      </c>
      <c r="D21060" s="14" t="s">
        <v>144</v>
      </c>
      <c r="E21060" s="15">
        <v>45631</v>
      </c>
      <c r="F21060" s="14" t="s">
        <v>43</v>
      </c>
      <c r="G21060" s="16">
        <v>55.73536307551727</v>
      </c>
    </row>
    <row r="21061" spans="1:7" x14ac:dyDescent="0.3">
      <c r="A21061" s="13" t="s">
        <v>143</v>
      </c>
      <c r="B21061" s="14" t="s">
        <v>1</v>
      </c>
      <c r="C21061" s="14" t="s">
        <v>41</v>
      </c>
      <c r="D21061" s="14" t="s">
        <v>144</v>
      </c>
      <c r="E21061" s="15">
        <v>45632</v>
      </c>
      <c r="F21061" s="14" t="s">
        <v>43</v>
      </c>
      <c r="G21061" s="16">
        <v>55.535630878559118</v>
      </c>
    </row>
    <row r="21062" spans="1:7" x14ac:dyDescent="0.3">
      <c r="A21062" s="13" t="s">
        <v>143</v>
      </c>
      <c r="B21062" s="14" t="s">
        <v>1</v>
      </c>
      <c r="C21062" s="14" t="s">
        <v>41</v>
      </c>
      <c r="D21062" s="14" t="s">
        <v>144</v>
      </c>
      <c r="E21062" s="15">
        <v>45633</v>
      </c>
      <c r="F21062" s="14" t="s">
        <v>43</v>
      </c>
      <c r="G21062" s="16">
        <v>55.535630878559118</v>
      </c>
    </row>
    <row r="21063" spans="1:7" x14ac:dyDescent="0.3">
      <c r="A21063" s="13" t="s">
        <v>143</v>
      </c>
      <c r="B21063" s="14" t="s">
        <v>1</v>
      </c>
      <c r="C21063" s="14" t="s">
        <v>41</v>
      </c>
      <c r="D21063" s="14" t="s">
        <v>144</v>
      </c>
      <c r="E21063" s="15">
        <v>45634</v>
      </c>
      <c r="F21063" s="14" t="s">
        <v>43</v>
      </c>
      <c r="G21063" s="16">
        <v>55.535630878559118</v>
      </c>
    </row>
    <row r="21064" spans="1:7" x14ac:dyDescent="0.3">
      <c r="A21064" s="13" t="s">
        <v>143</v>
      </c>
      <c r="B21064" s="14" t="s">
        <v>1</v>
      </c>
      <c r="C21064" s="14" t="s">
        <v>41</v>
      </c>
      <c r="D21064" s="14" t="s">
        <v>144</v>
      </c>
      <c r="E21064" s="15">
        <v>45635</v>
      </c>
      <c r="F21064" s="14" t="s">
        <v>43</v>
      </c>
      <c r="G21064" s="16">
        <v>55.340257621821976</v>
      </c>
    </row>
    <row r="21065" spans="1:7" x14ac:dyDescent="0.3">
      <c r="A21065" s="13" t="s">
        <v>143</v>
      </c>
      <c r="B21065" s="14" t="s">
        <v>1</v>
      </c>
      <c r="C21065" s="14" t="s">
        <v>41</v>
      </c>
      <c r="D21065" s="14" t="s">
        <v>144</v>
      </c>
      <c r="E21065" s="15">
        <v>45636</v>
      </c>
      <c r="F21065" s="14" t="s">
        <v>43</v>
      </c>
      <c r="G21065" s="16">
        <v>54.770638592218376</v>
      </c>
    </row>
    <row r="21066" spans="1:7" x14ac:dyDescent="0.3">
      <c r="A21066" s="13" t="s">
        <v>143</v>
      </c>
      <c r="B21066" s="14" t="s">
        <v>1</v>
      </c>
      <c r="C21066" s="14" t="s">
        <v>41</v>
      </c>
      <c r="D21066" s="14" t="s">
        <v>144</v>
      </c>
      <c r="E21066" s="15">
        <v>45637</v>
      </c>
      <c r="F21066" s="14" t="s">
        <v>43</v>
      </c>
      <c r="G21066" s="16">
        <v>54.576518830355418</v>
      </c>
    </row>
    <row r="21067" spans="1:7" x14ac:dyDescent="0.3">
      <c r="A21067" s="13" t="s">
        <v>143</v>
      </c>
      <c r="B21067" s="14" t="s">
        <v>1</v>
      </c>
      <c r="C21067" s="14" t="s">
        <v>41</v>
      </c>
      <c r="D21067" s="14" t="s">
        <v>144</v>
      </c>
      <c r="E21067" s="15">
        <v>45638</v>
      </c>
      <c r="F21067" s="14" t="s">
        <v>43</v>
      </c>
      <c r="G21067" s="16">
        <v>54.381945733383958</v>
      </c>
    </row>
    <row r="21068" spans="1:7" x14ac:dyDescent="0.3">
      <c r="A21068" s="13" t="s">
        <v>143</v>
      </c>
      <c r="B21068" s="14" t="s">
        <v>1</v>
      </c>
      <c r="C21068" s="14" t="s">
        <v>41</v>
      </c>
      <c r="D21068" s="14" t="s">
        <v>144</v>
      </c>
      <c r="E21068" s="15">
        <v>45639</v>
      </c>
      <c r="F21068" s="14" t="s">
        <v>43</v>
      </c>
      <c r="G21068" s="16">
        <v>54.186541854892056</v>
      </c>
    </row>
    <row r="21069" spans="1:7" x14ac:dyDescent="0.3">
      <c r="A21069" s="13" t="s">
        <v>143</v>
      </c>
      <c r="B21069" s="14" t="s">
        <v>1</v>
      </c>
      <c r="C21069" s="14" t="s">
        <v>41</v>
      </c>
      <c r="D21069" s="14" t="s">
        <v>144</v>
      </c>
      <c r="E21069" s="15">
        <v>45640</v>
      </c>
      <c r="F21069" s="14" t="s">
        <v>43</v>
      </c>
      <c r="G21069" s="16">
        <v>54.186541854892056</v>
      </c>
    </row>
    <row r="21070" spans="1:7" x14ac:dyDescent="0.3">
      <c r="A21070" s="13" t="s">
        <v>143</v>
      </c>
      <c r="B21070" s="14" t="s">
        <v>1</v>
      </c>
      <c r="C21070" s="14" t="s">
        <v>41</v>
      </c>
      <c r="D21070" s="14" t="s">
        <v>144</v>
      </c>
      <c r="E21070" s="15">
        <v>45641</v>
      </c>
      <c r="F21070" s="14" t="s">
        <v>43</v>
      </c>
      <c r="G21070" s="16">
        <v>54.186541854892056</v>
      </c>
    </row>
    <row r="21071" spans="1:7" x14ac:dyDescent="0.3">
      <c r="A21071" s="13" t="s">
        <v>143</v>
      </c>
      <c r="B21071" s="14" t="s">
        <v>1</v>
      </c>
      <c r="C21071" s="14" t="s">
        <v>41</v>
      </c>
      <c r="D21071" s="14" t="s">
        <v>144</v>
      </c>
      <c r="E21071" s="15">
        <v>45642</v>
      </c>
      <c r="F21071" s="14" t="s">
        <v>43</v>
      </c>
      <c r="G21071" s="16">
        <v>53.989373231359551</v>
      </c>
    </row>
    <row r="21072" spans="1:7" x14ac:dyDescent="0.3">
      <c r="A21072" s="13" t="s">
        <v>143</v>
      </c>
      <c r="B21072" s="14" t="s">
        <v>1</v>
      </c>
      <c r="C21072" s="14" t="s">
        <v>41</v>
      </c>
      <c r="D21072" s="14" t="s">
        <v>144</v>
      </c>
      <c r="E21072" s="15">
        <v>45643</v>
      </c>
      <c r="F21072" s="14" t="s">
        <v>43</v>
      </c>
      <c r="G21072" s="16">
        <v>53.416810519157089</v>
      </c>
    </row>
    <row r="21073" spans="1:7" x14ac:dyDescent="0.3">
      <c r="A21073" s="13" t="s">
        <v>143</v>
      </c>
      <c r="B21073" s="14" t="s">
        <v>1</v>
      </c>
      <c r="C21073" s="14" t="s">
        <v>41</v>
      </c>
      <c r="D21073" s="14" t="s">
        <v>144</v>
      </c>
      <c r="E21073" s="15">
        <v>45644</v>
      </c>
      <c r="F21073" s="14" t="s">
        <v>43</v>
      </c>
      <c r="G21073" s="16">
        <v>53.222875819203324</v>
      </c>
    </row>
    <row r="21074" spans="1:7" x14ac:dyDescent="0.3">
      <c r="A21074" s="13" t="s">
        <v>143</v>
      </c>
      <c r="B21074" s="14" t="s">
        <v>1</v>
      </c>
      <c r="C21074" s="14" t="s">
        <v>41</v>
      </c>
      <c r="D21074" s="14" t="s">
        <v>144</v>
      </c>
      <c r="E21074" s="15">
        <v>45645</v>
      </c>
      <c r="F21074" s="14" t="s">
        <v>43</v>
      </c>
      <c r="G21074" s="16">
        <v>53.029848455156902</v>
      </c>
    </row>
    <row r="21075" spans="1:7" x14ac:dyDescent="0.3">
      <c r="A21075" s="13" t="s">
        <v>143</v>
      </c>
      <c r="B21075" s="14" t="s">
        <v>1</v>
      </c>
      <c r="C21075" s="14" t="s">
        <v>41</v>
      </c>
      <c r="D21075" s="14" t="s">
        <v>144</v>
      </c>
      <c r="E21075" s="15">
        <v>45646</v>
      </c>
      <c r="F21075" s="14" t="s">
        <v>43</v>
      </c>
      <c r="G21075" s="16">
        <v>52.837163921625724</v>
      </c>
    </row>
    <row r="21076" spans="1:7" x14ac:dyDescent="0.3">
      <c r="A21076" s="13" t="s">
        <v>143</v>
      </c>
      <c r="B21076" s="14" t="s">
        <v>1</v>
      </c>
      <c r="C21076" s="14" t="s">
        <v>41</v>
      </c>
      <c r="D21076" s="14" t="s">
        <v>144</v>
      </c>
      <c r="E21076" s="15">
        <v>45647</v>
      </c>
      <c r="F21076" s="14" t="s">
        <v>43</v>
      </c>
      <c r="G21076" s="16">
        <v>52.837163921625724</v>
      </c>
    </row>
    <row r="21077" spans="1:7" x14ac:dyDescent="0.3">
      <c r="A21077" s="13" t="s">
        <v>143</v>
      </c>
      <c r="B21077" s="14" t="s">
        <v>1</v>
      </c>
      <c r="C21077" s="14" t="s">
        <v>41</v>
      </c>
      <c r="D21077" s="14" t="s">
        <v>144</v>
      </c>
      <c r="E21077" s="15">
        <v>45648</v>
      </c>
      <c r="F21077" s="14" t="s">
        <v>43</v>
      </c>
      <c r="G21077" s="16">
        <v>52.837163921625724</v>
      </c>
    </row>
    <row r="21078" spans="1:7" x14ac:dyDescent="0.3">
      <c r="A21078" s="13" t="s">
        <v>143</v>
      </c>
      <c r="B21078" s="14" t="s">
        <v>1</v>
      </c>
      <c r="C21078" s="14" t="s">
        <v>41</v>
      </c>
      <c r="D21078" s="14" t="s">
        <v>144</v>
      </c>
      <c r="E21078" s="15">
        <v>45649</v>
      </c>
      <c r="F21078" s="14" t="s">
        <v>43</v>
      </c>
      <c r="G21078" s="16">
        <v>52.644826878442039</v>
      </c>
    </row>
    <row r="21079" spans="1:7" x14ac:dyDescent="0.3">
      <c r="A21079" s="13" t="s">
        <v>143</v>
      </c>
      <c r="B21079" s="14" t="s">
        <v>1</v>
      </c>
      <c r="C21079" s="14" t="s">
        <v>41</v>
      </c>
      <c r="D21079" s="14" t="s">
        <v>144</v>
      </c>
      <c r="E21079" s="15">
        <v>45650</v>
      </c>
      <c r="F21079" s="14" t="s">
        <v>43</v>
      </c>
      <c r="G21079" s="16">
        <v>52.083085628095525</v>
      </c>
    </row>
    <row r="21080" spans="1:7" x14ac:dyDescent="0.3">
      <c r="A21080" s="13" t="s">
        <v>143</v>
      </c>
      <c r="B21080" s="14" t="s">
        <v>1</v>
      </c>
      <c r="C21080" s="14" t="s">
        <v>41</v>
      </c>
      <c r="D21080" s="14" t="s">
        <v>144</v>
      </c>
      <c r="E21080" s="15">
        <v>45651</v>
      </c>
      <c r="F21080" s="14" t="s">
        <v>43</v>
      </c>
      <c r="G21080" s="16">
        <v>52.083085628095525</v>
      </c>
    </row>
    <row r="21081" spans="1:7" x14ac:dyDescent="0.3">
      <c r="A21081" s="13" t="s">
        <v>143</v>
      </c>
      <c r="B21081" s="14" t="s">
        <v>1</v>
      </c>
      <c r="C21081" s="14" t="s">
        <v>41</v>
      </c>
      <c r="D21081" s="14" t="s">
        <v>144</v>
      </c>
      <c r="E21081" s="15">
        <v>45652</v>
      </c>
      <c r="F21081" s="14" t="s">
        <v>43</v>
      </c>
      <c r="G21081" s="16">
        <v>52.083085628095525</v>
      </c>
    </row>
    <row r="21082" spans="1:7" x14ac:dyDescent="0.3">
      <c r="A21082" s="13" t="s">
        <v>143</v>
      </c>
      <c r="B21082" s="14" t="s">
        <v>1</v>
      </c>
      <c r="C21082" s="14" t="s">
        <v>41</v>
      </c>
      <c r="D21082" s="14" t="s">
        <v>144</v>
      </c>
      <c r="E21082" s="15">
        <v>45653</v>
      </c>
      <c r="F21082" s="14" t="s">
        <v>43</v>
      </c>
      <c r="G21082" s="16">
        <v>52.083085628095525</v>
      </c>
    </row>
    <row r="21083" spans="1:7" x14ac:dyDescent="0.3">
      <c r="A21083" s="13" t="s">
        <v>143</v>
      </c>
      <c r="B21083" s="14" t="s">
        <v>1</v>
      </c>
      <c r="C21083" s="14" t="s">
        <v>41</v>
      </c>
      <c r="D21083" s="14" t="s">
        <v>144</v>
      </c>
      <c r="E21083" s="15">
        <v>45654</v>
      </c>
      <c r="F21083" s="14" t="s">
        <v>43</v>
      </c>
      <c r="G21083" s="16">
        <v>52.083085628095525</v>
      </c>
    </row>
    <row r="21084" spans="1:7" x14ac:dyDescent="0.3">
      <c r="A21084" s="13" t="s">
        <v>143</v>
      </c>
      <c r="B21084" s="14" t="s">
        <v>1</v>
      </c>
      <c r="C21084" s="14" t="s">
        <v>41</v>
      </c>
      <c r="D21084" s="14" t="s">
        <v>144</v>
      </c>
      <c r="E21084" s="15">
        <v>45655</v>
      </c>
      <c r="F21084" s="14" t="s">
        <v>43</v>
      </c>
      <c r="G21084" s="16">
        <v>52.083085628095525</v>
      </c>
    </row>
    <row r="21085" spans="1:7" x14ac:dyDescent="0.3">
      <c r="A21085" s="13" t="s">
        <v>143</v>
      </c>
      <c r="B21085" s="14" t="s">
        <v>1</v>
      </c>
      <c r="C21085" s="14" t="s">
        <v>41</v>
      </c>
      <c r="D21085" s="14" t="s">
        <v>144</v>
      </c>
      <c r="E21085" s="15">
        <v>45656</v>
      </c>
      <c r="F21085" s="14" t="s">
        <v>43</v>
      </c>
      <c r="G21085" s="16">
        <v>51.889869207997975</v>
      </c>
    </row>
    <row r="21086" spans="1:7" x14ac:dyDescent="0.3">
      <c r="A21086" s="13" t="s">
        <v>143</v>
      </c>
      <c r="B21086" s="14" t="s">
        <v>1</v>
      </c>
      <c r="C21086" s="14" t="s">
        <v>41</v>
      </c>
      <c r="D21086" s="14" t="s">
        <v>144</v>
      </c>
      <c r="E21086" s="15">
        <v>45657</v>
      </c>
      <c r="F21086" s="14" t="s">
        <v>43</v>
      </c>
      <c r="G21086" s="16">
        <v>51.889869207997975</v>
      </c>
    </row>
    <row r="21087" spans="1:7" x14ac:dyDescent="0.3">
      <c r="A21087" s="13" t="s">
        <v>143</v>
      </c>
      <c r="B21087" s="14" t="s">
        <v>1</v>
      </c>
      <c r="C21087" s="14" t="s">
        <v>41</v>
      </c>
      <c r="D21087" s="14" t="s">
        <v>144</v>
      </c>
      <c r="E21087" s="15">
        <v>45658</v>
      </c>
      <c r="F21087" s="14" t="s">
        <v>43</v>
      </c>
      <c r="G21087" s="16">
        <v>51.889869207997975</v>
      </c>
    </row>
    <row r="21088" spans="1:7" x14ac:dyDescent="0.3">
      <c r="A21088" s="13" t="s">
        <v>143</v>
      </c>
      <c r="B21088" s="14" t="s">
        <v>1</v>
      </c>
      <c r="C21088" s="14" t="s">
        <v>41</v>
      </c>
      <c r="D21088" s="14" t="s">
        <v>144</v>
      </c>
      <c r="E21088" s="15">
        <v>45659</v>
      </c>
      <c r="F21088" s="14" t="s">
        <v>43</v>
      </c>
      <c r="G21088" s="16">
        <v>51.889869207997975</v>
      </c>
    </row>
    <row r="21089" spans="1:7" x14ac:dyDescent="0.3">
      <c r="A21089" s="13" t="s">
        <v>143</v>
      </c>
      <c r="B21089" s="14" t="s">
        <v>1</v>
      </c>
      <c r="C21089" s="14" t="s">
        <v>41</v>
      </c>
      <c r="D21089" s="14" t="s">
        <v>144</v>
      </c>
      <c r="E21089" s="15">
        <v>45660</v>
      </c>
      <c r="F21089" s="14" t="s">
        <v>43</v>
      </c>
      <c r="G21089" s="16">
        <v>51.889869207997975</v>
      </c>
    </row>
    <row r="21090" spans="1:7" x14ac:dyDescent="0.3">
      <c r="A21090" s="13" t="s">
        <v>143</v>
      </c>
      <c r="B21090" s="14" t="s">
        <v>1</v>
      </c>
      <c r="C21090" s="14" t="s">
        <v>41</v>
      </c>
      <c r="D21090" s="14" t="s">
        <v>144</v>
      </c>
      <c r="E21090" s="15">
        <v>45661</v>
      </c>
      <c r="F21090" s="14" t="s">
        <v>43</v>
      </c>
      <c r="G21090" s="16">
        <v>51.889869207997975</v>
      </c>
    </row>
    <row r="21091" spans="1:7" x14ac:dyDescent="0.3">
      <c r="A21091" s="13" t="s">
        <v>143</v>
      </c>
      <c r="B21091" s="14" t="s">
        <v>1</v>
      </c>
      <c r="C21091" s="14" t="s">
        <v>41</v>
      </c>
      <c r="D21091" s="14" t="s">
        <v>144</v>
      </c>
      <c r="E21091" s="15">
        <v>45662</v>
      </c>
      <c r="F21091" s="14" t="s">
        <v>43</v>
      </c>
      <c r="G21091" s="16">
        <v>51.889869207997975</v>
      </c>
    </row>
    <row r="21092" spans="1:7" x14ac:dyDescent="0.3">
      <c r="A21092" s="13" t="s">
        <v>143</v>
      </c>
      <c r="B21092" s="14" t="s">
        <v>1</v>
      </c>
      <c r="C21092" s="14" t="s">
        <v>41</v>
      </c>
      <c r="D21092" s="14" t="s">
        <v>144</v>
      </c>
      <c r="E21092" s="15">
        <v>45663</v>
      </c>
      <c r="F21092" s="14" t="s">
        <v>43</v>
      </c>
      <c r="G21092" s="16">
        <v>60.731197455720967</v>
      </c>
    </row>
    <row r="21093" spans="1:7" x14ac:dyDescent="0.3">
      <c r="A21093" s="13" t="s">
        <v>143</v>
      </c>
      <c r="B21093" s="14" t="s">
        <v>1</v>
      </c>
      <c r="C21093" s="14" t="s">
        <v>41</v>
      </c>
      <c r="D21093" s="14" t="s">
        <v>144</v>
      </c>
      <c r="E21093" s="15">
        <v>45664</v>
      </c>
      <c r="F21093" s="14" t="s">
        <v>43</v>
      </c>
      <c r="G21093" s="16">
        <v>59.448681341840967</v>
      </c>
    </row>
    <row r="21094" spans="1:7" x14ac:dyDescent="0.3">
      <c r="A21094" s="13" t="s">
        <v>143</v>
      </c>
      <c r="B21094" s="14" t="s">
        <v>1</v>
      </c>
      <c r="C21094" s="14" t="s">
        <v>41</v>
      </c>
      <c r="D21094" s="14" t="s">
        <v>144</v>
      </c>
      <c r="E21094" s="15">
        <v>45665</v>
      </c>
      <c r="F21094" s="14" t="s">
        <v>43</v>
      </c>
      <c r="G21094" s="16">
        <v>59.252884040369437</v>
      </c>
    </row>
    <row r="21095" spans="1:7" x14ac:dyDescent="0.3">
      <c r="A21095" s="13" t="s">
        <v>143</v>
      </c>
      <c r="B21095" s="14" t="s">
        <v>1</v>
      </c>
      <c r="C21095" s="14" t="s">
        <v>41</v>
      </c>
      <c r="D21095" s="14" t="s">
        <v>144</v>
      </c>
      <c r="E21095" s="15">
        <v>45666</v>
      </c>
      <c r="F21095" s="14" t="s">
        <v>43</v>
      </c>
      <c r="G21095" s="16">
        <v>59.054898614813226</v>
      </c>
    </row>
    <row r="21096" spans="1:7" x14ac:dyDescent="0.3">
      <c r="A21096" s="13" t="s">
        <v>143</v>
      </c>
      <c r="B21096" s="14" t="s">
        <v>1</v>
      </c>
      <c r="C21096" s="14" t="s">
        <v>41</v>
      </c>
      <c r="D21096" s="14" t="s">
        <v>144</v>
      </c>
      <c r="E21096" s="15">
        <v>45667</v>
      </c>
      <c r="F21096" s="14" t="s">
        <v>43</v>
      </c>
      <c r="G21096" s="16">
        <v>58.858013575357404</v>
      </c>
    </row>
    <row r="21097" spans="1:7" x14ac:dyDescent="0.3">
      <c r="A21097" s="13" t="s">
        <v>143</v>
      </c>
      <c r="B21097" s="14" t="s">
        <v>1</v>
      </c>
      <c r="C21097" s="14" t="s">
        <v>41</v>
      </c>
      <c r="D21097" s="14" t="s">
        <v>144</v>
      </c>
      <c r="E21097" s="15">
        <v>45668</v>
      </c>
      <c r="F21097" s="14" t="s">
        <v>43</v>
      </c>
      <c r="G21097" s="16">
        <v>58.858013575357404</v>
      </c>
    </row>
    <row r="21098" spans="1:7" x14ac:dyDescent="0.3">
      <c r="A21098" s="13" t="s">
        <v>143</v>
      </c>
      <c r="B21098" s="14" t="s">
        <v>1</v>
      </c>
      <c r="C21098" s="14" t="s">
        <v>41</v>
      </c>
      <c r="D21098" s="14" t="s">
        <v>144</v>
      </c>
      <c r="E21098" s="15">
        <v>45669</v>
      </c>
      <c r="F21098" s="14" t="s">
        <v>43</v>
      </c>
      <c r="G21098" s="16">
        <v>58.858013575357404</v>
      </c>
    </row>
    <row r="21099" spans="1:7" x14ac:dyDescent="0.3">
      <c r="A21099" s="13" t="s">
        <v>143</v>
      </c>
      <c r="B21099" s="14" t="s">
        <v>1</v>
      </c>
      <c r="C21099" s="14" t="s">
        <v>41</v>
      </c>
      <c r="D21099" s="14" t="s">
        <v>144</v>
      </c>
      <c r="E21099" s="15">
        <v>45670</v>
      </c>
      <c r="F21099" s="14" t="s">
        <v>43</v>
      </c>
      <c r="G21099" s="16">
        <v>58.858013575357404</v>
      </c>
    </row>
    <row r="21100" spans="1:7" x14ac:dyDescent="0.3">
      <c r="A21100" s="13" t="s">
        <v>143</v>
      </c>
      <c r="B21100" s="14" t="s">
        <v>1</v>
      </c>
      <c r="C21100" s="14" t="s">
        <v>41</v>
      </c>
      <c r="D21100" s="14" t="s">
        <v>144</v>
      </c>
      <c r="E21100" s="15">
        <v>45671</v>
      </c>
      <c r="F21100" s="14" t="s">
        <v>43</v>
      </c>
      <c r="G21100" s="16">
        <v>58.664060901764991</v>
      </c>
    </row>
    <row r="21101" spans="1:7" x14ac:dyDescent="0.3">
      <c r="A21101" s="13" t="s">
        <v>143</v>
      </c>
      <c r="B21101" s="14" t="s">
        <v>1</v>
      </c>
      <c r="C21101" s="14" t="s">
        <v>41</v>
      </c>
      <c r="D21101" s="14" t="s">
        <v>144</v>
      </c>
      <c r="E21101" s="15">
        <v>45672</v>
      </c>
      <c r="F21101" s="14" t="s">
        <v>43</v>
      </c>
      <c r="G21101" s="16">
        <v>57.912015430941842</v>
      </c>
    </row>
    <row r="21102" spans="1:7" x14ac:dyDescent="0.3">
      <c r="A21102" s="13" t="s">
        <v>143</v>
      </c>
      <c r="B21102" s="14" t="s">
        <v>1</v>
      </c>
      <c r="C21102" s="14" t="s">
        <v>41</v>
      </c>
      <c r="D21102" s="14" t="s">
        <v>144</v>
      </c>
      <c r="E21102" s="15">
        <v>45673</v>
      </c>
      <c r="F21102" s="14" t="s">
        <v>43</v>
      </c>
      <c r="G21102" s="16">
        <v>57.721367244102183</v>
      </c>
    </row>
    <row r="21103" spans="1:7" x14ac:dyDescent="0.3">
      <c r="A21103" s="13" t="s">
        <v>143</v>
      </c>
      <c r="B21103" s="14" t="s">
        <v>1</v>
      </c>
      <c r="C21103" s="14" t="s">
        <v>41</v>
      </c>
      <c r="D21103" s="14" t="s">
        <v>144</v>
      </c>
      <c r="E21103" s="15">
        <v>45674</v>
      </c>
      <c r="F21103" s="14" t="s">
        <v>43</v>
      </c>
      <c r="G21103" s="16">
        <v>57.530414171095572</v>
      </c>
    </row>
    <row r="21104" spans="1:7" x14ac:dyDescent="0.3">
      <c r="A21104" s="13" t="s">
        <v>143</v>
      </c>
      <c r="B21104" s="14" t="s">
        <v>1</v>
      </c>
      <c r="C21104" s="14" t="s">
        <v>41</v>
      </c>
      <c r="D21104" s="14" t="s">
        <v>144</v>
      </c>
      <c r="E21104" s="15">
        <v>45675</v>
      </c>
      <c r="F21104" s="14" t="s">
        <v>43</v>
      </c>
      <c r="G21104" s="16">
        <v>57.530414171095572</v>
      </c>
    </row>
    <row r="21105" spans="1:7" x14ac:dyDescent="0.3">
      <c r="A21105" s="13" t="s">
        <v>143</v>
      </c>
      <c r="B21105" s="14" t="s">
        <v>1</v>
      </c>
      <c r="C21105" s="14" t="s">
        <v>41</v>
      </c>
      <c r="D21105" s="14" t="s">
        <v>144</v>
      </c>
      <c r="E21105" s="15">
        <v>45676</v>
      </c>
      <c r="F21105" s="14" t="s">
        <v>43</v>
      </c>
      <c r="G21105" s="16">
        <v>57.530414171095572</v>
      </c>
    </row>
    <row r="21106" spans="1:7" x14ac:dyDescent="0.3">
      <c r="A21106" s="13" t="s">
        <v>143</v>
      </c>
      <c r="B21106" s="14" t="s">
        <v>1</v>
      </c>
      <c r="C21106" s="14" t="s">
        <v>41</v>
      </c>
      <c r="D21106" s="14" t="s">
        <v>144</v>
      </c>
      <c r="E21106" s="15">
        <v>45677</v>
      </c>
      <c r="F21106" s="14" t="s">
        <v>43</v>
      </c>
      <c r="G21106" s="16">
        <v>57.339767981326872</v>
      </c>
    </row>
    <row r="21107" spans="1:7" x14ac:dyDescent="0.3">
      <c r="A21107" s="13" t="s">
        <v>143</v>
      </c>
      <c r="B21107" s="14" t="s">
        <v>1</v>
      </c>
      <c r="C21107" s="14" t="s">
        <v>41</v>
      </c>
      <c r="D21107" s="14" t="s">
        <v>144</v>
      </c>
      <c r="E21107" s="15">
        <v>45678</v>
      </c>
      <c r="F21107" s="14" t="s">
        <v>43</v>
      </c>
      <c r="G21107" s="16">
        <v>56.782051494660294</v>
      </c>
    </row>
    <row r="21108" spans="1:7" x14ac:dyDescent="0.3">
      <c r="A21108" s="13" t="s">
        <v>143</v>
      </c>
      <c r="B21108" s="14" t="s">
        <v>1</v>
      </c>
      <c r="C21108" s="14" t="s">
        <v>41</v>
      </c>
      <c r="D21108" s="14" t="s">
        <v>144</v>
      </c>
      <c r="E21108" s="15">
        <v>45679</v>
      </c>
      <c r="F21108" s="14" t="s">
        <v>43</v>
      </c>
      <c r="G21108" s="16">
        <v>56.589885018504361</v>
      </c>
    </row>
    <row r="21109" spans="1:7" x14ac:dyDescent="0.3">
      <c r="A21109" s="13" t="s">
        <v>143</v>
      </c>
      <c r="B21109" s="14" t="s">
        <v>1</v>
      </c>
      <c r="C21109" s="14" t="s">
        <v>41</v>
      </c>
      <c r="D21109" s="14" t="s">
        <v>144</v>
      </c>
      <c r="E21109" s="15">
        <v>45680</v>
      </c>
      <c r="F21109" s="14" t="s">
        <v>43</v>
      </c>
      <c r="G21109" s="16">
        <v>56.397686279080169</v>
      </c>
    </row>
    <row r="21110" spans="1:7" x14ac:dyDescent="0.3">
      <c r="A21110" s="13" t="s">
        <v>143</v>
      </c>
      <c r="B21110" s="14" t="s">
        <v>1</v>
      </c>
      <c r="C21110" s="14" t="s">
        <v>41</v>
      </c>
      <c r="D21110" s="14" t="s">
        <v>144</v>
      </c>
      <c r="E21110" s="15">
        <v>45681</v>
      </c>
      <c r="F21110" s="14" t="s">
        <v>43</v>
      </c>
      <c r="G21110" s="16">
        <v>56.203873838521396</v>
      </c>
    </row>
    <row r="21111" spans="1:7" x14ac:dyDescent="0.3">
      <c r="A21111" s="13" t="s">
        <v>143</v>
      </c>
      <c r="B21111" s="14" t="s">
        <v>1</v>
      </c>
      <c r="C21111" s="14" t="s">
        <v>41</v>
      </c>
      <c r="D21111" s="14" t="s">
        <v>144</v>
      </c>
      <c r="E21111" s="15">
        <v>45682</v>
      </c>
      <c r="F21111" s="14" t="s">
        <v>43</v>
      </c>
      <c r="G21111" s="16">
        <v>56.203873838521396</v>
      </c>
    </row>
    <row r="21112" spans="1:7" x14ac:dyDescent="0.3">
      <c r="A21112" s="13" t="s">
        <v>143</v>
      </c>
      <c r="B21112" s="14" t="s">
        <v>1</v>
      </c>
      <c r="C21112" s="14" t="s">
        <v>41</v>
      </c>
      <c r="D21112" s="14" t="s">
        <v>144</v>
      </c>
      <c r="E21112" s="15">
        <v>45683</v>
      </c>
      <c r="F21112" s="14" t="s">
        <v>43</v>
      </c>
      <c r="G21112" s="16">
        <v>56.203873838521396</v>
      </c>
    </row>
    <row r="21113" spans="1:7" x14ac:dyDescent="0.3">
      <c r="A21113" s="13" t="s">
        <v>143</v>
      </c>
      <c r="B21113" s="14" t="s">
        <v>1</v>
      </c>
      <c r="C21113" s="14" t="s">
        <v>41</v>
      </c>
      <c r="D21113" s="14" t="s">
        <v>144</v>
      </c>
      <c r="E21113" s="15">
        <v>45684</v>
      </c>
      <c r="F21113" s="14" t="s">
        <v>43</v>
      </c>
      <c r="G21113" s="16">
        <v>56.277989558418604</v>
      </c>
    </row>
    <row r="21114" spans="1:7" x14ac:dyDescent="0.3">
      <c r="A21114" s="13" t="s">
        <v>143</v>
      </c>
      <c r="B21114" s="14" t="s">
        <v>1</v>
      </c>
      <c r="C21114" s="14" t="s">
        <v>41</v>
      </c>
      <c r="D21114" s="14" t="s">
        <v>144</v>
      </c>
      <c r="E21114" s="15">
        <v>45685</v>
      </c>
      <c r="F21114" s="14" t="s">
        <v>43</v>
      </c>
      <c r="G21114" s="16">
        <v>55.707977667106505</v>
      </c>
    </row>
    <row r="21115" spans="1:7" x14ac:dyDescent="0.3">
      <c r="A21115" s="13" t="s">
        <v>143</v>
      </c>
      <c r="B21115" s="14" t="s">
        <v>1</v>
      </c>
      <c r="C21115" s="14" t="s">
        <v>41</v>
      </c>
      <c r="D21115" s="14" t="s">
        <v>144</v>
      </c>
      <c r="E21115" s="15">
        <v>45686</v>
      </c>
      <c r="F21115" s="14" t="s">
        <v>43</v>
      </c>
      <c r="G21115" s="16">
        <v>55.513560503787041</v>
      </c>
    </row>
    <row r="21116" spans="1:7" x14ac:dyDescent="0.3">
      <c r="A21116" s="13" t="s">
        <v>143</v>
      </c>
      <c r="B21116" s="14" t="s">
        <v>1</v>
      </c>
      <c r="C21116" s="14" t="s">
        <v>41</v>
      </c>
      <c r="D21116" s="14" t="s">
        <v>144</v>
      </c>
      <c r="E21116" s="15">
        <v>45687</v>
      </c>
      <c r="F21116" s="14" t="s">
        <v>43</v>
      </c>
      <c r="G21116" s="16">
        <v>55.319621726322104</v>
      </c>
    </row>
    <row r="21117" spans="1:7" x14ac:dyDescent="0.3">
      <c r="A21117" s="13" t="s">
        <v>143</v>
      </c>
      <c r="B21117" s="14" t="s">
        <v>1</v>
      </c>
      <c r="C21117" s="14" t="s">
        <v>41</v>
      </c>
      <c r="D21117" s="14" t="s">
        <v>144</v>
      </c>
      <c r="E21117" s="15">
        <v>45688</v>
      </c>
      <c r="F21117" s="14" t="s">
        <v>43</v>
      </c>
      <c r="G21117" s="16">
        <v>56.34305074188206</v>
      </c>
    </row>
    <row r="21118" spans="1:7" x14ac:dyDescent="0.3">
      <c r="A21118" s="13" t="s">
        <v>143</v>
      </c>
      <c r="B21118" s="14" t="s">
        <v>1</v>
      </c>
      <c r="C21118" s="14" t="s">
        <v>41</v>
      </c>
      <c r="D21118" s="14" t="s">
        <v>144</v>
      </c>
      <c r="E21118" s="15">
        <v>45689</v>
      </c>
      <c r="F21118" s="14" t="s">
        <v>43</v>
      </c>
      <c r="G21118" s="16">
        <v>56.34305074188206</v>
      </c>
    </row>
    <row r="21119" spans="1:7" x14ac:dyDescent="0.3">
      <c r="A21119" s="13" t="s">
        <v>143</v>
      </c>
      <c r="B21119" s="14" t="s">
        <v>1</v>
      </c>
      <c r="C21119" s="14" t="s">
        <v>41</v>
      </c>
      <c r="D21119" s="14" t="s">
        <v>144</v>
      </c>
      <c r="E21119" s="15">
        <v>45690</v>
      </c>
      <c r="F21119" s="14" t="s">
        <v>43</v>
      </c>
      <c r="G21119" s="16">
        <v>56.34305074188206</v>
      </c>
    </row>
    <row r="21120" spans="1:7" x14ac:dyDescent="0.3">
      <c r="A21120" s="13" t="s">
        <v>143</v>
      </c>
      <c r="B21120" s="14" t="s">
        <v>1</v>
      </c>
      <c r="C21120" s="14" t="s">
        <v>41</v>
      </c>
      <c r="D21120" s="14" t="s">
        <v>144</v>
      </c>
      <c r="E21120" s="15">
        <v>45691</v>
      </c>
      <c r="F21120" s="14" t="s">
        <v>43</v>
      </c>
      <c r="G21120" s="16">
        <v>56.34305074188206</v>
      </c>
    </row>
    <row r="21121" spans="1:7" x14ac:dyDescent="0.3">
      <c r="A21121" s="13" t="s">
        <v>143</v>
      </c>
      <c r="B21121" s="14" t="s">
        <v>1</v>
      </c>
      <c r="C21121" s="14" t="s">
        <v>41</v>
      </c>
      <c r="D21121" s="14" t="s">
        <v>144</v>
      </c>
      <c r="E21121" s="15">
        <v>45692</v>
      </c>
      <c r="F21121" s="14" t="s">
        <v>43</v>
      </c>
      <c r="G21121" s="16">
        <v>56.147366561151948</v>
      </c>
    </row>
    <row r="21122" spans="1:7" x14ac:dyDescent="0.3">
      <c r="A21122" s="13" t="s">
        <v>143</v>
      </c>
      <c r="B21122" s="14" t="s">
        <v>1</v>
      </c>
      <c r="C21122" s="14" t="s">
        <v>41</v>
      </c>
      <c r="D21122" s="14" t="s">
        <v>144</v>
      </c>
      <c r="E21122" s="15">
        <v>45693</v>
      </c>
      <c r="F21122" s="14" t="s">
        <v>43</v>
      </c>
      <c r="G21122" s="16">
        <v>55.56704116981274</v>
      </c>
    </row>
    <row r="21123" spans="1:7" x14ac:dyDescent="0.3">
      <c r="A21123" s="13" t="s">
        <v>143</v>
      </c>
      <c r="B21123" s="14" t="s">
        <v>1</v>
      </c>
      <c r="C21123" s="14" t="s">
        <v>41</v>
      </c>
      <c r="D21123" s="14" t="s">
        <v>144</v>
      </c>
      <c r="E21123" s="15">
        <v>45694</v>
      </c>
      <c r="F21123" s="14" t="s">
        <v>43</v>
      </c>
      <c r="G21123" s="16">
        <v>55.374585280019332</v>
      </c>
    </row>
    <row r="21124" spans="1:7" x14ac:dyDescent="0.3">
      <c r="A21124" s="13" t="s">
        <v>143</v>
      </c>
      <c r="B21124" s="14" t="s">
        <v>1</v>
      </c>
      <c r="C21124" s="14" t="s">
        <v>41</v>
      </c>
      <c r="D21124" s="14" t="s">
        <v>144</v>
      </c>
      <c r="E21124" s="15">
        <v>45695</v>
      </c>
      <c r="F21124" s="14" t="s">
        <v>43</v>
      </c>
      <c r="G21124" s="16">
        <v>55.181945520832855</v>
      </c>
    </row>
    <row r="21125" spans="1:7" x14ac:dyDescent="0.3">
      <c r="A21125" s="13" t="s">
        <v>143</v>
      </c>
      <c r="B21125" s="14" t="s">
        <v>1</v>
      </c>
      <c r="C21125" s="14" t="s">
        <v>41</v>
      </c>
      <c r="D21125" s="14" t="s">
        <v>144</v>
      </c>
      <c r="E21125" s="15">
        <v>45696</v>
      </c>
      <c r="F21125" s="14" t="s">
        <v>43</v>
      </c>
      <c r="G21125" s="16">
        <v>55.181945520832855</v>
      </c>
    </row>
    <row r="21126" spans="1:7" x14ac:dyDescent="0.3">
      <c r="A21126" s="13" t="s">
        <v>143</v>
      </c>
      <c r="B21126" s="14" t="s">
        <v>1</v>
      </c>
      <c r="C21126" s="14" t="s">
        <v>41</v>
      </c>
      <c r="D21126" s="14" t="s">
        <v>144</v>
      </c>
      <c r="E21126" s="15">
        <v>45697</v>
      </c>
      <c r="F21126" s="14" t="s">
        <v>43</v>
      </c>
      <c r="G21126" s="16">
        <v>55.181945520832855</v>
      </c>
    </row>
    <row r="21127" spans="1:7" x14ac:dyDescent="0.3">
      <c r="A21127" s="13" t="s">
        <v>143</v>
      </c>
      <c r="B21127" s="14" t="s">
        <v>1</v>
      </c>
      <c r="C21127" s="14" t="s">
        <v>41</v>
      </c>
      <c r="D21127" s="14" t="s">
        <v>144</v>
      </c>
      <c r="E21127" s="15">
        <v>45698</v>
      </c>
      <c r="F21127" s="14" t="s">
        <v>43</v>
      </c>
      <c r="G21127" s="16">
        <v>54.988695575607437</v>
      </c>
    </row>
    <row r="21128" spans="1:7" x14ac:dyDescent="0.3">
      <c r="A21128" s="13" t="s">
        <v>143</v>
      </c>
      <c r="B21128" s="14" t="s">
        <v>1</v>
      </c>
      <c r="C21128" s="14" t="s">
        <v>41</v>
      </c>
      <c r="D21128" s="14" t="s">
        <v>144</v>
      </c>
      <c r="E21128" s="15">
        <v>45699</v>
      </c>
      <c r="F21128" s="14" t="s">
        <v>43</v>
      </c>
      <c r="G21128" s="16">
        <v>54.988695575607437</v>
      </c>
    </row>
    <row r="21129" spans="1:7" x14ac:dyDescent="0.3">
      <c r="A21129" s="13" t="s">
        <v>143</v>
      </c>
      <c r="B21129" s="14" t="s">
        <v>1</v>
      </c>
      <c r="C21129" s="14" t="s">
        <v>41</v>
      </c>
      <c r="D21129" s="14" t="s">
        <v>144</v>
      </c>
      <c r="E21129" s="15">
        <v>45700</v>
      </c>
      <c r="F21129" s="14" t="s">
        <v>43</v>
      </c>
      <c r="G21129" s="16">
        <v>54.425089824122864</v>
      </c>
    </row>
    <row r="21130" spans="1:7" x14ac:dyDescent="0.3">
      <c r="A21130" s="13" t="s">
        <v>143</v>
      </c>
      <c r="B21130" s="14" t="s">
        <v>1</v>
      </c>
      <c r="C21130" s="14" t="s">
        <v>41</v>
      </c>
      <c r="D21130" s="14" t="s">
        <v>144</v>
      </c>
      <c r="E21130" s="15">
        <v>45701</v>
      </c>
      <c r="F21130" s="14" t="s">
        <v>43</v>
      </c>
      <c r="G21130" s="16">
        <v>54.126394809071577</v>
      </c>
    </row>
    <row r="21131" spans="1:7" x14ac:dyDescent="0.3">
      <c r="A21131" s="13" t="s">
        <v>143</v>
      </c>
      <c r="B21131" s="14" t="s">
        <v>1</v>
      </c>
      <c r="C21131" s="14" t="s">
        <v>41</v>
      </c>
      <c r="D21131" s="14" t="s">
        <v>144</v>
      </c>
      <c r="E21131" s="15">
        <v>45702</v>
      </c>
      <c r="F21131" s="14" t="s">
        <v>43</v>
      </c>
      <c r="G21131" s="16">
        <v>54.05584633076846</v>
      </c>
    </row>
    <row r="21132" spans="1:7" x14ac:dyDescent="0.3">
      <c r="A21132" s="13" t="s">
        <v>143</v>
      </c>
      <c r="B21132" s="14" t="s">
        <v>1</v>
      </c>
      <c r="C21132" s="14" t="s">
        <v>41</v>
      </c>
      <c r="D21132" s="14" t="s">
        <v>144</v>
      </c>
      <c r="E21132" s="15">
        <v>45703</v>
      </c>
      <c r="F21132" s="14" t="s">
        <v>43</v>
      </c>
      <c r="G21132" s="16">
        <v>54.05584633076846</v>
      </c>
    </row>
    <row r="21133" spans="1:7" x14ac:dyDescent="0.3">
      <c r="A21133" s="13" t="s">
        <v>143</v>
      </c>
      <c r="B21133" s="14" t="s">
        <v>1</v>
      </c>
      <c r="C21133" s="14" t="s">
        <v>41</v>
      </c>
      <c r="D21133" s="14" t="s">
        <v>144</v>
      </c>
      <c r="E21133" s="15">
        <v>45704</v>
      </c>
      <c r="F21133" s="14" t="s">
        <v>43</v>
      </c>
      <c r="G21133" s="16">
        <v>54.05584633076846</v>
      </c>
    </row>
    <row r="21134" spans="1:7" x14ac:dyDescent="0.3">
      <c r="A21134" s="13" t="s">
        <v>143</v>
      </c>
      <c r="B21134" s="14" t="s">
        <v>1</v>
      </c>
      <c r="C21134" s="14" t="s">
        <v>41</v>
      </c>
      <c r="D21134" s="14" t="s">
        <v>144</v>
      </c>
      <c r="E21134" s="15">
        <v>45705</v>
      </c>
      <c r="F21134" s="14" t="s">
        <v>43</v>
      </c>
      <c r="G21134" s="16">
        <v>53.861808670407292</v>
      </c>
    </row>
    <row r="21135" spans="1:7" x14ac:dyDescent="0.3">
      <c r="A21135" s="13" t="s">
        <v>143</v>
      </c>
      <c r="B21135" s="14" t="s">
        <v>1</v>
      </c>
      <c r="C21135" s="14" t="s">
        <v>41</v>
      </c>
      <c r="D21135" s="14" t="s">
        <v>144</v>
      </c>
      <c r="E21135" s="15">
        <v>45706</v>
      </c>
      <c r="F21135" s="14" t="s">
        <v>43</v>
      </c>
      <c r="G21135" s="16">
        <v>53.292722461233453</v>
      </c>
    </row>
    <row r="21136" spans="1:7" x14ac:dyDescent="0.3">
      <c r="A21136" s="13" t="s">
        <v>143</v>
      </c>
      <c r="B21136" s="14" t="s">
        <v>1</v>
      </c>
      <c r="C21136" s="14" t="s">
        <v>41</v>
      </c>
      <c r="D21136" s="14" t="s">
        <v>144</v>
      </c>
      <c r="E21136" s="15">
        <v>45707</v>
      </c>
      <c r="F21136" s="14" t="s">
        <v>43</v>
      </c>
      <c r="G21136" s="16">
        <v>53.097828336492348</v>
      </c>
    </row>
    <row r="21137" spans="1:7" x14ac:dyDescent="0.3">
      <c r="A21137" s="13" t="s">
        <v>143</v>
      </c>
      <c r="B21137" s="14" t="s">
        <v>1</v>
      </c>
      <c r="C21137" s="14" t="s">
        <v>41</v>
      </c>
      <c r="D21137" s="14" t="s">
        <v>144</v>
      </c>
      <c r="E21137" s="15">
        <v>45708</v>
      </c>
      <c r="F21137" s="14" t="s">
        <v>43</v>
      </c>
      <c r="G21137" s="16">
        <v>54.03358170515493</v>
      </c>
    </row>
    <row r="21138" spans="1:7" x14ac:dyDescent="0.3">
      <c r="A21138" s="13" t="s">
        <v>143</v>
      </c>
      <c r="B21138" s="14" t="s">
        <v>1</v>
      </c>
      <c r="C21138" s="14" t="s">
        <v>41</v>
      </c>
      <c r="D21138" s="14" t="s">
        <v>144</v>
      </c>
      <c r="E21138" s="15">
        <v>45709</v>
      </c>
      <c r="F21138" s="14" t="s">
        <v>43</v>
      </c>
      <c r="G21138" s="16">
        <v>53.838852224213291</v>
      </c>
    </row>
    <row r="21139" spans="1:7" x14ac:dyDescent="0.3">
      <c r="A21139" s="13" t="s">
        <v>143</v>
      </c>
      <c r="B21139" s="14" t="s">
        <v>1</v>
      </c>
      <c r="C21139" s="14" t="s">
        <v>41</v>
      </c>
      <c r="D21139" s="14" t="s">
        <v>144</v>
      </c>
      <c r="E21139" s="15">
        <v>45710</v>
      </c>
      <c r="F21139" s="14" t="s">
        <v>43</v>
      </c>
      <c r="G21139" s="16">
        <v>53.838852224213291</v>
      </c>
    </row>
    <row r="21140" spans="1:7" x14ac:dyDescent="0.3">
      <c r="A21140" s="13" t="s">
        <v>143</v>
      </c>
      <c r="B21140" s="14" t="s">
        <v>1</v>
      </c>
      <c r="C21140" s="14" t="s">
        <v>41</v>
      </c>
      <c r="D21140" s="14" t="s">
        <v>144</v>
      </c>
      <c r="E21140" s="15">
        <v>45711</v>
      </c>
      <c r="F21140" s="14" t="s">
        <v>43</v>
      </c>
      <c r="G21140" s="16">
        <v>53.838852224213291</v>
      </c>
    </row>
    <row r="21141" spans="1:7" x14ac:dyDescent="0.3">
      <c r="A21141" s="13" t="s">
        <v>143</v>
      </c>
      <c r="B21141" s="14" t="s">
        <v>1</v>
      </c>
      <c r="C21141" s="14" t="s">
        <v>41</v>
      </c>
      <c r="D21141" s="14" t="s">
        <v>144</v>
      </c>
      <c r="E21141" s="15">
        <v>45712</v>
      </c>
      <c r="F21141" s="14" t="s">
        <v>43</v>
      </c>
      <c r="G21141" s="16">
        <v>53.838852224213291</v>
      </c>
    </row>
    <row r="21142" spans="1:7" x14ac:dyDescent="0.3">
      <c r="A21142" s="13" t="s">
        <v>143</v>
      </c>
      <c r="B21142" s="14" t="s">
        <v>1</v>
      </c>
      <c r="C21142" s="14" t="s">
        <v>41</v>
      </c>
      <c r="D21142" s="14" t="s">
        <v>144</v>
      </c>
      <c r="E21142" s="15">
        <v>45713</v>
      </c>
      <c r="F21142" s="14" t="s">
        <v>43</v>
      </c>
      <c r="G21142" s="16">
        <v>53.646046753825736</v>
      </c>
    </row>
    <row r="21143" spans="1:7" x14ac:dyDescent="0.3">
      <c r="A21143" s="13" t="s">
        <v>143</v>
      </c>
      <c r="B21143" s="14" t="s">
        <v>1</v>
      </c>
      <c r="C21143" s="14" t="s">
        <v>41</v>
      </c>
      <c r="D21143" s="14" t="s">
        <v>144</v>
      </c>
      <c r="E21143" s="15">
        <v>45714</v>
      </c>
      <c r="F21143" s="14" t="s">
        <v>43</v>
      </c>
      <c r="G21143" s="16">
        <v>52.891510940430265</v>
      </c>
    </row>
    <row r="21144" spans="1:7" x14ac:dyDescent="0.3">
      <c r="A21144" s="13" t="s">
        <v>143</v>
      </c>
      <c r="B21144" s="14" t="s">
        <v>1</v>
      </c>
      <c r="C21144" s="14" t="s">
        <v>41</v>
      </c>
      <c r="D21144" s="14" t="s">
        <v>144</v>
      </c>
      <c r="E21144" s="15">
        <v>45715</v>
      </c>
      <c r="F21144" s="14" t="s">
        <v>43</v>
      </c>
      <c r="G21144" s="16">
        <v>52.700624203551953</v>
      </c>
    </row>
    <row r="21145" spans="1:7" x14ac:dyDescent="0.3">
      <c r="A21145" s="13" t="s">
        <v>143</v>
      </c>
      <c r="B21145" s="14" t="s">
        <v>1</v>
      </c>
      <c r="C21145" s="14" t="s">
        <v>41</v>
      </c>
      <c r="D21145" s="14" t="s">
        <v>144</v>
      </c>
      <c r="E21145" s="15">
        <v>45716</v>
      </c>
      <c r="F21145" s="14" t="s">
        <v>43</v>
      </c>
      <c r="G21145" s="16">
        <v>53.270655144773897</v>
      </c>
    </row>
    <row r="21146" spans="1:7" x14ac:dyDescent="0.3">
      <c r="A21146" s="13" t="s">
        <v>143</v>
      </c>
      <c r="B21146" s="14" t="s">
        <v>1</v>
      </c>
      <c r="C21146" s="14" t="s">
        <v>41</v>
      </c>
      <c r="D21146" s="14" t="s">
        <v>144</v>
      </c>
      <c r="E21146" s="15">
        <v>45717</v>
      </c>
      <c r="F21146" s="14" t="s">
        <v>43</v>
      </c>
      <c r="G21146" s="16">
        <v>53.270655144773897</v>
      </c>
    </row>
    <row r="21147" spans="1:7" x14ac:dyDescent="0.3">
      <c r="A21147" s="13" t="s">
        <v>143</v>
      </c>
      <c r="B21147" s="14" t="s">
        <v>1</v>
      </c>
      <c r="C21147" s="14" t="s">
        <v>41</v>
      </c>
      <c r="D21147" s="14" t="s">
        <v>144</v>
      </c>
      <c r="E21147" s="15">
        <v>45718</v>
      </c>
      <c r="F21147" s="14" t="s">
        <v>43</v>
      </c>
      <c r="G21147" s="16">
        <v>53.270655144773897</v>
      </c>
    </row>
    <row r="21148" spans="1:7" x14ac:dyDescent="0.3">
      <c r="A21148" s="13" t="s">
        <v>143</v>
      </c>
      <c r="B21148" s="14" t="s">
        <v>1</v>
      </c>
      <c r="C21148" s="14" t="s">
        <v>41</v>
      </c>
      <c r="D21148" s="14" t="s">
        <v>144</v>
      </c>
      <c r="E21148" s="15">
        <v>45719</v>
      </c>
      <c r="F21148" s="14" t="s">
        <v>43</v>
      </c>
      <c r="G21148" s="16">
        <v>53.077527391525507</v>
      </c>
    </row>
    <row r="21149" spans="1:7" x14ac:dyDescent="0.3">
      <c r="A21149" s="13" t="s">
        <v>143</v>
      </c>
      <c r="B21149" s="14" t="s">
        <v>1</v>
      </c>
      <c r="C21149" s="14" t="s">
        <v>41</v>
      </c>
      <c r="D21149" s="14" t="s">
        <v>144</v>
      </c>
      <c r="E21149" s="15">
        <v>45720</v>
      </c>
      <c r="F21149" s="14" t="s">
        <v>43</v>
      </c>
      <c r="G21149" s="16">
        <v>52.713748905817965</v>
      </c>
    </row>
    <row r="21150" spans="1:7" x14ac:dyDescent="0.3">
      <c r="A21150" s="13" t="s">
        <v>143</v>
      </c>
      <c r="B21150" s="14" t="s">
        <v>1</v>
      </c>
      <c r="C21150" s="14" t="s">
        <v>41</v>
      </c>
      <c r="D21150" s="14" t="s">
        <v>144</v>
      </c>
      <c r="E21150" s="15">
        <v>45721</v>
      </c>
      <c r="F21150" s="14" t="s">
        <v>43</v>
      </c>
      <c r="G21150" s="16">
        <v>52.521229934394157</v>
      </c>
    </row>
    <row r="21151" spans="1:7" x14ac:dyDescent="0.3">
      <c r="A21151" s="13" t="s">
        <v>143</v>
      </c>
      <c r="B21151" s="14" t="s">
        <v>1</v>
      </c>
      <c r="C21151" s="14" t="s">
        <v>41</v>
      </c>
      <c r="D21151" s="14" t="s">
        <v>144</v>
      </c>
      <c r="E21151" s="15">
        <v>45722</v>
      </c>
      <c r="F21151" s="14" t="s">
        <v>43</v>
      </c>
      <c r="G21151" s="16">
        <v>52.330061128250193</v>
      </c>
    </row>
    <row r="21152" spans="1:7" x14ac:dyDescent="0.3">
      <c r="A21152" s="13" t="s">
        <v>143</v>
      </c>
      <c r="B21152" s="14" t="s">
        <v>1</v>
      </c>
      <c r="C21152" s="14" t="s">
        <v>41</v>
      </c>
      <c r="D21152" s="14" t="s">
        <v>144</v>
      </c>
      <c r="E21152" s="15">
        <v>45723</v>
      </c>
      <c r="F21152" s="14" t="s">
        <v>43</v>
      </c>
      <c r="G21152" s="16">
        <v>52.256881037482955</v>
      </c>
    </row>
    <row r="21153" spans="1:7" x14ac:dyDescent="0.3">
      <c r="A21153" s="13" t="s">
        <v>143</v>
      </c>
      <c r="B21153" s="14" t="s">
        <v>1</v>
      </c>
      <c r="C21153" s="14" t="s">
        <v>41</v>
      </c>
      <c r="D21153" s="14" t="s">
        <v>144</v>
      </c>
      <c r="E21153" s="15">
        <v>45724</v>
      </c>
      <c r="F21153" s="14" t="s">
        <v>43</v>
      </c>
      <c r="G21153" s="16">
        <v>52.256881037482955</v>
      </c>
    </row>
    <row r="21154" spans="1:7" x14ac:dyDescent="0.3">
      <c r="A21154" s="13" t="s">
        <v>143</v>
      </c>
      <c r="B21154" s="14" t="s">
        <v>1</v>
      </c>
      <c r="C21154" s="14" t="s">
        <v>41</v>
      </c>
      <c r="D21154" s="14" t="s">
        <v>144</v>
      </c>
      <c r="E21154" s="15">
        <v>45725</v>
      </c>
      <c r="F21154" s="14" t="s">
        <v>43</v>
      </c>
      <c r="G21154" s="16">
        <v>52.256881037482955</v>
      </c>
    </row>
    <row r="21155" spans="1:7" x14ac:dyDescent="0.3">
      <c r="A21155" s="13" t="s">
        <v>143</v>
      </c>
      <c r="B21155" s="14" t="s">
        <v>1</v>
      </c>
      <c r="C21155" s="14" t="s">
        <v>41</v>
      </c>
      <c r="D21155" s="14" t="s">
        <v>144</v>
      </c>
      <c r="E21155" s="15">
        <v>45726</v>
      </c>
      <c r="F21155" s="14" t="s">
        <v>43</v>
      </c>
      <c r="G21155" s="16">
        <v>52.063362408017426</v>
      </c>
    </row>
    <row r="21156" spans="1:7" x14ac:dyDescent="0.3">
      <c r="A21156" s="13" t="s">
        <v>143</v>
      </c>
      <c r="B21156" s="14" t="s">
        <v>1</v>
      </c>
      <c r="C21156" s="14" t="s">
        <v>41</v>
      </c>
      <c r="D21156" s="14" t="s">
        <v>144</v>
      </c>
      <c r="E21156" s="15">
        <v>45727</v>
      </c>
      <c r="F21156" s="14" t="s">
        <v>43</v>
      </c>
      <c r="G21156" s="16">
        <v>51.504917299582345</v>
      </c>
    </row>
    <row r="21157" spans="1:7" x14ac:dyDescent="0.3">
      <c r="A21157" s="13" t="s">
        <v>143</v>
      </c>
      <c r="B21157" s="14" t="s">
        <v>1</v>
      </c>
      <c r="C21157" s="14" t="s">
        <v>41</v>
      </c>
      <c r="D21157" s="14" t="s">
        <v>144</v>
      </c>
      <c r="E21157" s="15">
        <v>45728</v>
      </c>
      <c r="F21157" s="14" t="s">
        <v>43</v>
      </c>
      <c r="G21157" s="16">
        <v>51.315429788320394</v>
      </c>
    </row>
    <row r="21158" spans="1:7" x14ac:dyDescent="0.3">
      <c r="A21158" s="13" t="s">
        <v>143</v>
      </c>
      <c r="B21158" s="14" t="s">
        <v>1</v>
      </c>
      <c r="C21158" s="14" t="s">
        <v>41</v>
      </c>
      <c r="D21158" s="14" t="s">
        <v>144</v>
      </c>
      <c r="E21158" s="15">
        <v>45729</v>
      </c>
      <c r="F21158" s="14" t="s">
        <v>43</v>
      </c>
      <c r="G21158" s="16">
        <v>51.128462509590086</v>
      </c>
    </row>
    <row r="21159" spans="1:7" x14ac:dyDescent="0.3">
      <c r="A21159" s="13" t="s">
        <v>143</v>
      </c>
      <c r="B21159" s="14" t="s">
        <v>1</v>
      </c>
      <c r="C21159" s="14" t="s">
        <v>41</v>
      </c>
      <c r="D21159" s="14" t="s">
        <v>144</v>
      </c>
      <c r="E21159" s="15">
        <v>45730</v>
      </c>
      <c r="F21159" s="14" t="s">
        <v>43</v>
      </c>
      <c r="G21159" s="16">
        <v>50.939050229149991</v>
      </c>
    </row>
    <row r="21160" spans="1:7" x14ac:dyDescent="0.3">
      <c r="A21160" s="13" t="s">
        <v>143</v>
      </c>
      <c r="B21160" s="14" t="s">
        <v>1</v>
      </c>
      <c r="C21160" s="14" t="s">
        <v>41</v>
      </c>
      <c r="D21160" s="14" t="s">
        <v>144</v>
      </c>
      <c r="E21160" s="15">
        <v>45731</v>
      </c>
      <c r="F21160" s="14" t="s">
        <v>43</v>
      </c>
      <c r="G21160" s="16">
        <v>50.939050229149991</v>
      </c>
    </row>
    <row r="21161" spans="1:7" x14ac:dyDescent="0.3">
      <c r="A21161" s="13" t="s">
        <v>143</v>
      </c>
      <c r="B21161" s="14" t="s">
        <v>1</v>
      </c>
      <c r="C21161" s="14" t="s">
        <v>41</v>
      </c>
      <c r="D21161" s="14" t="s">
        <v>144</v>
      </c>
      <c r="E21161" s="15">
        <v>45732</v>
      </c>
      <c r="F21161" s="14" t="s">
        <v>43</v>
      </c>
      <c r="G21161" s="16">
        <v>50.939050229149991</v>
      </c>
    </row>
    <row r="21162" spans="1:7" x14ac:dyDescent="0.3">
      <c r="A21162" s="13" t="s">
        <v>143</v>
      </c>
      <c r="B21162" s="14" t="s">
        <v>1</v>
      </c>
      <c r="C21162" s="14" t="s">
        <v>41</v>
      </c>
      <c r="D21162" s="14" t="s">
        <v>144</v>
      </c>
      <c r="E21162" s="15">
        <v>45733</v>
      </c>
      <c r="F21162" s="14" t="s">
        <v>43</v>
      </c>
      <c r="G21162" s="16">
        <v>50.939050229149991</v>
      </c>
    </row>
    <row r="21163" spans="1:7" x14ac:dyDescent="0.3">
      <c r="A21163" s="13" t="s">
        <v>143</v>
      </c>
      <c r="B21163" s="14" t="s">
        <v>1</v>
      </c>
      <c r="C21163" s="14" t="s">
        <v>41</v>
      </c>
      <c r="D21163" s="14" t="s">
        <v>144</v>
      </c>
      <c r="E21163" s="15">
        <v>45734</v>
      </c>
      <c r="F21163" s="14" t="s">
        <v>43</v>
      </c>
      <c r="G21163" s="16">
        <v>50.749087395877332</v>
      </c>
    </row>
    <row r="21164" spans="1:7" x14ac:dyDescent="0.3">
      <c r="A21164" s="13" t="s">
        <v>143</v>
      </c>
      <c r="B21164" s="14" t="s">
        <v>1</v>
      </c>
      <c r="C21164" s="14" t="s">
        <v>41</v>
      </c>
      <c r="D21164" s="14" t="s">
        <v>144</v>
      </c>
      <c r="E21164" s="15">
        <v>45735</v>
      </c>
      <c r="F21164" s="14" t="s">
        <v>43</v>
      </c>
      <c r="G21164" s="16">
        <v>50.329109744412492</v>
      </c>
    </row>
    <row r="21165" spans="1:7" x14ac:dyDescent="0.3">
      <c r="A21165" s="13" t="s">
        <v>143</v>
      </c>
      <c r="B21165" s="14" t="s">
        <v>1</v>
      </c>
      <c r="C21165" s="14" t="s">
        <v>41</v>
      </c>
      <c r="D21165" s="14" t="s">
        <v>144</v>
      </c>
      <c r="E21165" s="15">
        <v>45736</v>
      </c>
      <c r="F21165" s="14" t="s">
        <v>43</v>
      </c>
      <c r="G21165" s="16">
        <v>50.329109744412492</v>
      </c>
    </row>
    <row r="21166" spans="1:7" x14ac:dyDescent="0.3">
      <c r="A21166" s="13" t="s">
        <v>143</v>
      </c>
      <c r="B21166" s="14" t="s">
        <v>1</v>
      </c>
      <c r="C21166" s="14" t="s">
        <v>41</v>
      </c>
      <c r="D21166" s="14" t="s">
        <v>144</v>
      </c>
      <c r="E21166" s="15">
        <v>45737</v>
      </c>
      <c r="F21166" s="14" t="s">
        <v>43</v>
      </c>
      <c r="G21166" s="16">
        <v>50.133097669147361</v>
      </c>
    </row>
    <row r="21167" spans="1:7" x14ac:dyDescent="0.3">
      <c r="A21167" s="13" t="s">
        <v>143</v>
      </c>
      <c r="B21167" s="14" t="s">
        <v>1</v>
      </c>
      <c r="C21167" s="14" t="s">
        <v>41</v>
      </c>
      <c r="D21167" s="14" t="s">
        <v>144</v>
      </c>
      <c r="E21167" s="15">
        <v>45738</v>
      </c>
      <c r="F21167" s="14" t="s">
        <v>43</v>
      </c>
      <c r="G21167" s="16">
        <v>50.133097669147361</v>
      </c>
    </row>
    <row r="21168" spans="1:7" x14ac:dyDescent="0.3">
      <c r="A21168" s="13" t="s">
        <v>143</v>
      </c>
      <c r="B21168" s="14" t="s">
        <v>1</v>
      </c>
      <c r="C21168" s="14" t="s">
        <v>41</v>
      </c>
      <c r="D21168" s="14" t="s">
        <v>144</v>
      </c>
      <c r="E21168" s="15">
        <v>45739</v>
      </c>
      <c r="F21168" s="14" t="s">
        <v>43</v>
      </c>
      <c r="G21168" s="16">
        <v>50.133097669147361</v>
      </c>
    </row>
    <row r="21169" spans="1:7" x14ac:dyDescent="0.3">
      <c r="A21169" s="13" t="s">
        <v>143</v>
      </c>
      <c r="B21169" s="14" t="s">
        <v>1</v>
      </c>
      <c r="C21169" s="14" t="s">
        <v>41</v>
      </c>
      <c r="D21169" s="14" t="s">
        <v>144</v>
      </c>
      <c r="E21169" s="15">
        <v>45740</v>
      </c>
      <c r="F21169" s="14" t="s">
        <v>43</v>
      </c>
      <c r="G21169" s="16">
        <v>49.745023585447257</v>
      </c>
    </row>
    <row r="21170" spans="1:7" x14ac:dyDescent="0.3">
      <c r="A21170" s="13" t="s">
        <v>143</v>
      </c>
      <c r="B21170" s="14" t="s">
        <v>1</v>
      </c>
      <c r="C21170" s="14" t="s">
        <v>41</v>
      </c>
      <c r="D21170" s="14" t="s">
        <v>144</v>
      </c>
      <c r="E21170" s="15">
        <v>45741</v>
      </c>
      <c r="F21170" s="14" t="s">
        <v>43</v>
      </c>
      <c r="G21170" s="16">
        <v>49.164169950852369</v>
      </c>
    </row>
    <row r="21171" spans="1:7" x14ac:dyDescent="0.3">
      <c r="A21171" s="13" t="s">
        <v>143</v>
      </c>
      <c r="B21171" s="14" t="s">
        <v>1</v>
      </c>
      <c r="C21171" s="14" t="s">
        <v>41</v>
      </c>
      <c r="D21171" s="14" t="s">
        <v>144</v>
      </c>
      <c r="E21171" s="15">
        <v>45742</v>
      </c>
      <c r="F21171" s="14" t="s">
        <v>43</v>
      </c>
      <c r="G21171" s="16">
        <v>48.967515062318199</v>
      </c>
    </row>
    <row r="21172" spans="1:7" x14ac:dyDescent="0.3">
      <c r="A21172" s="13" t="s">
        <v>143</v>
      </c>
      <c r="B21172" s="14" t="s">
        <v>1</v>
      </c>
      <c r="C21172" s="14" t="s">
        <v>41</v>
      </c>
      <c r="D21172" s="14" t="s">
        <v>144</v>
      </c>
      <c r="E21172" s="15">
        <v>45743</v>
      </c>
      <c r="F21172" s="14" t="s">
        <v>43</v>
      </c>
      <c r="G21172" s="16">
        <v>48.828505062514246</v>
      </c>
    </row>
    <row r="21173" spans="1:7" x14ac:dyDescent="0.3">
      <c r="A21173" s="13" t="s">
        <v>143</v>
      </c>
      <c r="B21173" s="14" t="s">
        <v>1</v>
      </c>
      <c r="C21173" s="14" t="s">
        <v>41</v>
      </c>
      <c r="D21173" s="14" t="s">
        <v>144</v>
      </c>
      <c r="E21173" s="15">
        <v>45744</v>
      </c>
      <c r="F21173" s="14" t="s">
        <v>43</v>
      </c>
      <c r="G21173" s="16">
        <v>48.630474474825007</v>
      </c>
    </row>
    <row r="21174" spans="1:7" x14ac:dyDescent="0.3">
      <c r="A21174" s="13" t="s">
        <v>143</v>
      </c>
      <c r="B21174" s="14" t="s">
        <v>1</v>
      </c>
      <c r="C21174" s="14" t="s">
        <v>41</v>
      </c>
      <c r="D21174" s="14" t="s">
        <v>144</v>
      </c>
      <c r="E21174" s="15">
        <v>45745</v>
      </c>
      <c r="F21174" s="14" t="s">
        <v>43</v>
      </c>
      <c r="G21174" s="16">
        <v>48.630474474825007</v>
      </c>
    </row>
    <row r="21175" spans="1:7" x14ac:dyDescent="0.3">
      <c r="A21175" s="13" t="s">
        <v>143</v>
      </c>
      <c r="B21175" s="14" t="s">
        <v>1</v>
      </c>
      <c r="C21175" s="14" t="s">
        <v>41</v>
      </c>
      <c r="D21175" s="14" t="s">
        <v>144</v>
      </c>
      <c r="E21175" s="15">
        <v>45746</v>
      </c>
      <c r="F21175" s="14" t="s">
        <v>43</v>
      </c>
      <c r="G21175" s="16">
        <v>48.630474474825007</v>
      </c>
    </row>
    <row r="21176" spans="1:7" x14ac:dyDescent="0.3">
      <c r="A21176" s="13" t="s">
        <v>143</v>
      </c>
      <c r="B21176" s="14" t="s">
        <v>1</v>
      </c>
      <c r="C21176" s="14" t="s">
        <v>41</v>
      </c>
      <c r="D21176" s="14" t="s">
        <v>144</v>
      </c>
      <c r="E21176" s="15">
        <v>45747</v>
      </c>
      <c r="F21176" s="14" t="s">
        <v>43</v>
      </c>
      <c r="G21176" s="16">
        <v>128.78725407105065</v>
      </c>
    </row>
    <row r="21177" spans="1:7" x14ac:dyDescent="0.3">
      <c r="A21177" s="13" t="s">
        <v>145</v>
      </c>
      <c r="B21177" s="14" t="s">
        <v>1</v>
      </c>
      <c r="C21177" s="14" t="s">
        <v>41</v>
      </c>
      <c r="D21177" s="14" t="s">
        <v>146</v>
      </c>
      <c r="E21177" s="15">
        <v>45383</v>
      </c>
      <c r="F21177" s="14" t="s">
        <v>61</v>
      </c>
      <c r="G21177" s="16">
        <v>0</v>
      </c>
    </row>
    <row r="21178" spans="1:7" x14ac:dyDescent="0.3">
      <c r="A21178" s="13" t="s">
        <v>145</v>
      </c>
      <c r="B21178" s="14" t="s">
        <v>1</v>
      </c>
      <c r="C21178" s="14" t="s">
        <v>41</v>
      </c>
      <c r="D21178" s="14" t="s">
        <v>146</v>
      </c>
      <c r="E21178" s="15">
        <v>45384</v>
      </c>
      <c r="F21178" s="14" t="s">
        <v>61</v>
      </c>
      <c r="G21178" s="16">
        <v>0</v>
      </c>
    </row>
    <row r="21179" spans="1:7" x14ac:dyDescent="0.3">
      <c r="A21179" s="13" t="s">
        <v>145</v>
      </c>
      <c r="B21179" s="14" t="s">
        <v>1</v>
      </c>
      <c r="C21179" s="14" t="s">
        <v>41</v>
      </c>
      <c r="D21179" s="14" t="s">
        <v>146</v>
      </c>
      <c r="E21179" s="15">
        <v>45385</v>
      </c>
      <c r="F21179" s="14" t="s">
        <v>61</v>
      </c>
      <c r="G21179" s="16">
        <v>0</v>
      </c>
    </row>
    <row r="21180" spans="1:7" x14ac:dyDescent="0.3">
      <c r="A21180" s="13" t="s">
        <v>145</v>
      </c>
      <c r="B21180" s="14" t="s">
        <v>1</v>
      </c>
      <c r="C21180" s="14" t="s">
        <v>41</v>
      </c>
      <c r="D21180" s="14" t="s">
        <v>146</v>
      </c>
      <c r="E21180" s="15">
        <v>45386</v>
      </c>
      <c r="F21180" s="14" t="s">
        <v>61</v>
      </c>
      <c r="G21180" s="16">
        <v>0</v>
      </c>
    </row>
    <row r="21181" spans="1:7" x14ac:dyDescent="0.3">
      <c r="A21181" s="13" t="s">
        <v>145</v>
      </c>
      <c r="B21181" s="14" t="s">
        <v>1</v>
      </c>
      <c r="C21181" s="14" t="s">
        <v>41</v>
      </c>
      <c r="D21181" s="14" t="s">
        <v>146</v>
      </c>
      <c r="E21181" s="15">
        <v>45387</v>
      </c>
      <c r="F21181" s="14" t="s">
        <v>61</v>
      </c>
      <c r="G21181" s="16">
        <v>0</v>
      </c>
    </row>
    <row r="21182" spans="1:7" x14ac:dyDescent="0.3">
      <c r="A21182" s="13" t="s">
        <v>145</v>
      </c>
      <c r="B21182" s="14" t="s">
        <v>1</v>
      </c>
      <c r="C21182" s="14" t="s">
        <v>41</v>
      </c>
      <c r="D21182" s="14" t="s">
        <v>146</v>
      </c>
      <c r="E21182" s="15">
        <v>45388</v>
      </c>
      <c r="F21182" s="14" t="s">
        <v>61</v>
      </c>
      <c r="G21182" s="16">
        <v>0</v>
      </c>
    </row>
    <row r="21183" spans="1:7" x14ac:dyDescent="0.3">
      <c r="A21183" s="13" t="s">
        <v>145</v>
      </c>
      <c r="B21183" s="14" t="s">
        <v>1</v>
      </c>
      <c r="C21183" s="14" t="s">
        <v>41</v>
      </c>
      <c r="D21183" s="14" t="s">
        <v>146</v>
      </c>
      <c r="E21183" s="15">
        <v>45389</v>
      </c>
      <c r="F21183" s="14" t="s">
        <v>61</v>
      </c>
      <c r="G21183" s="16">
        <v>0</v>
      </c>
    </row>
    <row r="21184" spans="1:7" x14ac:dyDescent="0.3">
      <c r="A21184" s="13" t="s">
        <v>145</v>
      </c>
      <c r="B21184" s="14" t="s">
        <v>1</v>
      </c>
      <c r="C21184" s="14" t="s">
        <v>41</v>
      </c>
      <c r="D21184" s="14" t="s">
        <v>146</v>
      </c>
      <c r="E21184" s="15">
        <v>45390</v>
      </c>
      <c r="F21184" s="14" t="s">
        <v>61</v>
      </c>
      <c r="G21184" s="16">
        <v>0</v>
      </c>
    </row>
    <row r="21185" spans="1:7" x14ac:dyDescent="0.3">
      <c r="A21185" s="13" t="s">
        <v>145</v>
      </c>
      <c r="B21185" s="14" t="s">
        <v>1</v>
      </c>
      <c r="C21185" s="14" t="s">
        <v>41</v>
      </c>
      <c r="D21185" s="14" t="s">
        <v>146</v>
      </c>
      <c r="E21185" s="15">
        <v>45391</v>
      </c>
      <c r="F21185" s="14" t="s">
        <v>61</v>
      </c>
      <c r="G21185" s="16">
        <v>0</v>
      </c>
    </row>
    <row r="21186" spans="1:7" x14ac:dyDescent="0.3">
      <c r="A21186" s="13" t="s">
        <v>145</v>
      </c>
      <c r="B21186" s="14" t="s">
        <v>1</v>
      </c>
      <c r="C21186" s="14" t="s">
        <v>41</v>
      </c>
      <c r="D21186" s="14" t="s">
        <v>146</v>
      </c>
      <c r="E21186" s="15">
        <v>45392</v>
      </c>
      <c r="F21186" s="14" t="s">
        <v>61</v>
      </c>
      <c r="G21186" s="16">
        <v>0</v>
      </c>
    </row>
    <row r="21187" spans="1:7" x14ac:dyDescent="0.3">
      <c r="A21187" s="13" t="s">
        <v>145</v>
      </c>
      <c r="B21187" s="14" t="s">
        <v>1</v>
      </c>
      <c r="C21187" s="14" t="s">
        <v>41</v>
      </c>
      <c r="D21187" s="14" t="s">
        <v>146</v>
      </c>
      <c r="E21187" s="15">
        <v>45393</v>
      </c>
      <c r="F21187" s="14" t="s">
        <v>61</v>
      </c>
      <c r="G21187" s="16">
        <v>0</v>
      </c>
    </row>
    <row r="21188" spans="1:7" x14ac:dyDescent="0.3">
      <c r="A21188" s="13" t="s">
        <v>145</v>
      </c>
      <c r="B21188" s="14" t="s">
        <v>1</v>
      </c>
      <c r="C21188" s="14" t="s">
        <v>41</v>
      </c>
      <c r="D21188" s="14" t="s">
        <v>146</v>
      </c>
      <c r="E21188" s="15">
        <v>45394</v>
      </c>
      <c r="F21188" s="14" t="s">
        <v>61</v>
      </c>
      <c r="G21188" s="16">
        <v>0</v>
      </c>
    </row>
    <row r="21189" spans="1:7" x14ac:dyDescent="0.3">
      <c r="A21189" s="13" t="s">
        <v>145</v>
      </c>
      <c r="B21189" s="14" t="s">
        <v>1</v>
      </c>
      <c r="C21189" s="14" t="s">
        <v>41</v>
      </c>
      <c r="D21189" s="14" t="s">
        <v>146</v>
      </c>
      <c r="E21189" s="15">
        <v>45395</v>
      </c>
      <c r="F21189" s="14" t="s">
        <v>61</v>
      </c>
      <c r="G21189" s="16">
        <v>0</v>
      </c>
    </row>
    <row r="21190" spans="1:7" x14ac:dyDescent="0.3">
      <c r="A21190" s="13" t="s">
        <v>145</v>
      </c>
      <c r="B21190" s="14" t="s">
        <v>1</v>
      </c>
      <c r="C21190" s="14" t="s">
        <v>41</v>
      </c>
      <c r="D21190" s="14" t="s">
        <v>146</v>
      </c>
      <c r="E21190" s="15">
        <v>45396</v>
      </c>
      <c r="F21190" s="14" t="s">
        <v>61</v>
      </c>
      <c r="G21190" s="16">
        <v>0</v>
      </c>
    </row>
    <row r="21191" spans="1:7" x14ac:dyDescent="0.3">
      <c r="A21191" s="13" t="s">
        <v>145</v>
      </c>
      <c r="B21191" s="14" t="s">
        <v>1</v>
      </c>
      <c r="C21191" s="14" t="s">
        <v>41</v>
      </c>
      <c r="D21191" s="14" t="s">
        <v>146</v>
      </c>
      <c r="E21191" s="15">
        <v>45397</v>
      </c>
      <c r="F21191" s="14" t="s">
        <v>61</v>
      </c>
      <c r="G21191" s="16">
        <v>0</v>
      </c>
    </row>
    <row r="21192" spans="1:7" x14ac:dyDescent="0.3">
      <c r="A21192" s="13" t="s">
        <v>145</v>
      </c>
      <c r="B21192" s="14" t="s">
        <v>1</v>
      </c>
      <c r="C21192" s="14" t="s">
        <v>41</v>
      </c>
      <c r="D21192" s="14" t="s">
        <v>146</v>
      </c>
      <c r="E21192" s="15">
        <v>45398</v>
      </c>
      <c r="F21192" s="14" t="s">
        <v>61</v>
      </c>
      <c r="G21192" s="16">
        <v>0</v>
      </c>
    </row>
    <row r="21193" spans="1:7" x14ac:dyDescent="0.3">
      <c r="A21193" s="13" t="s">
        <v>145</v>
      </c>
      <c r="B21193" s="14" t="s">
        <v>1</v>
      </c>
      <c r="C21193" s="14" t="s">
        <v>41</v>
      </c>
      <c r="D21193" s="14" t="s">
        <v>146</v>
      </c>
      <c r="E21193" s="15">
        <v>45399</v>
      </c>
      <c r="F21193" s="14" t="s">
        <v>61</v>
      </c>
      <c r="G21193" s="16">
        <v>0</v>
      </c>
    </row>
    <row r="21194" spans="1:7" x14ac:dyDescent="0.3">
      <c r="A21194" s="13" t="s">
        <v>145</v>
      </c>
      <c r="B21194" s="14" t="s">
        <v>1</v>
      </c>
      <c r="C21194" s="14" t="s">
        <v>41</v>
      </c>
      <c r="D21194" s="14" t="s">
        <v>146</v>
      </c>
      <c r="E21194" s="15">
        <v>45400</v>
      </c>
      <c r="F21194" s="14" t="s">
        <v>61</v>
      </c>
      <c r="G21194" s="16">
        <v>0</v>
      </c>
    </row>
    <row r="21195" spans="1:7" x14ac:dyDescent="0.3">
      <c r="A21195" s="13" t="s">
        <v>145</v>
      </c>
      <c r="B21195" s="14" t="s">
        <v>1</v>
      </c>
      <c r="C21195" s="14" t="s">
        <v>41</v>
      </c>
      <c r="D21195" s="14" t="s">
        <v>146</v>
      </c>
      <c r="E21195" s="15">
        <v>45401</v>
      </c>
      <c r="F21195" s="14" t="s">
        <v>61</v>
      </c>
      <c r="G21195" s="16">
        <v>0</v>
      </c>
    </row>
    <row r="21196" spans="1:7" x14ac:dyDescent="0.3">
      <c r="A21196" s="13" t="s">
        <v>145</v>
      </c>
      <c r="B21196" s="14" t="s">
        <v>1</v>
      </c>
      <c r="C21196" s="14" t="s">
        <v>41</v>
      </c>
      <c r="D21196" s="14" t="s">
        <v>146</v>
      </c>
      <c r="E21196" s="15">
        <v>45402</v>
      </c>
      <c r="F21196" s="14" t="s">
        <v>61</v>
      </c>
      <c r="G21196" s="16">
        <v>0</v>
      </c>
    </row>
    <row r="21197" spans="1:7" x14ac:dyDescent="0.3">
      <c r="A21197" s="13" t="s">
        <v>145</v>
      </c>
      <c r="B21197" s="14" t="s">
        <v>1</v>
      </c>
      <c r="C21197" s="14" t="s">
        <v>41</v>
      </c>
      <c r="D21197" s="14" t="s">
        <v>146</v>
      </c>
      <c r="E21197" s="15">
        <v>45403</v>
      </c>
      <c r="F21197" s="14" t="s">
        <v>61</v>
      </c>
      <c r="G21197" s="16">
        <v>0</v>
      </c>
    </row>
    <row r="21198" spans="1:7" x14ac:dyDescent="0.3">
      <c r="A21198" s="13" t="s">
        <v>145</v>
      </c>
      <c r="B21198" s="14" t="s">
        <v>1</v>
      </c>
      <c r="C21198" s="14" t="s">
        <v>41</v>
      </c>
      <c r="D21198" s="14" t="s">
        <v>146</v>
      </c>
      <c r="E21198" s="15">
        <v>45404</v>
      </c>
      <c r="F21198" s="14" t="s">
        <v>61</v>
      </c>
      <c r="G21198" s="16">
        <v>0</v>
      </c>
    </row>
    <row r="21199" spans="1:7" x14ac:dyDescent="0.3">
      <c r="A21199" s="13" t="s">
        <v>145</v>
      </c>
      <c r="B21199" s="14" t="s">
        <v>1</v>
      </c>
      <c r="C21199" s="14" t="s">
        <v>41</v>
      </c>
      <c r="D21199" s="14" t="s">
        <v>146</v>
      </c>
      <c r="E21199" s="15">
        <v>45405</v>
      </c>
      <c r="F21199" s="14" t="s">
        <v>61</v>
      </c>
      <c r="G21199" s="16">
        <v>0</v>
      </c>
    </row>
    <row r="21200" spans="1:7" x14ac:dyDescent="0.3">
      <c r="A21200" s="13" t="s">
        <v>145</v>
      </c>
      <c r="B21200" s="14" t="s">
        <v>1</v>
      </c>
      <c r="C21200" s="14" t="s">
        <v>41</v>
      </c>
      <c r="D21200" s="14" t="s">
        <v>146</v>
      </c>
      <c r="E21200" s="15">
        <v>45406</v>
      </c>
      <c r="F21200" s="14" t="s">
        <v>61</v>
      </c>
      <c r="G21200" s="16">
        <v>0</v>
      </c>
    </row>
    <row r="21201" spans="1:7" x14ac:dyDescent="0.3">
      <c r="A21201" s="13" t="s">
        <v>145</v>
      </c>
      <c r="B21201" s="14" t="s">
        <v>1</v>
      </c>
      <c r="C21201" s="14" t="s">
        <v>41</v>
      </c>
      <c r="D21201" s="14" t="s">
        <v>146</v>
      </c>
      <c r="E21201" s="15">
        <v>45407</v>
      </c>
      <c r="F21201" s="14" t="s">
        <v>61</v>
      </c>
      <c r="G21201" s="16">
        <v>0</v>
      </c>
    </row>
    <row r="21202" spans="1:7" x14ac:dyDescent="0.3">
      <c r="A21202" s="13" t="s">
        <v>145</v>
      </c>
      <c r="B21202" s="14" t="s">
        <v>1</v>
      </c>
      <c r="C21202" s="14" t="s">
        <v>41</v>
      </c>
      <c r="D21202" s="14" t="s">
        <v>146</v>
      </c>
      <c r="E21202" s="15">
        <v>45408</v>
      </c>
      <c r="F21202" s="14" t="s">
        <v>61</v>
      </c>
      <c r="G21202" s="16">
        <v>0</v>
      </c>
    </row>
    <row r="21203" spans="1:7" x14ac:dyDescent="0.3">
      <c r="A21203" s="13" t="s">
        <v>145</v>
      </c>
      <c r="B21203" s="14" t="s">
        <v>1</v>
      </c>
      <c r="C21203" s="14" t="s">
        <v>41</v>
      </c>
      <c r="D21203" s="14" t="s">
        <v>146</v>
      </c>
      <c r="E21203" s="15">
        <v>45409</v>
      </c>
      <c r="F21203" s="14" t="s">
        <v>61</v>
      </c>
      <c r="G21203" s="16">
        <v>0</v>
      </c>
    </row>
    <row r="21204" spans="1:7" x14ac:dyDescent="0.3">
      <c r="A21204" s="13" t="s">
        <v>145</v>
      </c>
      <c r="B21204" s="14" t="s">
        <v>1</v>
      </c>
      <c r="C21204" s="14" t="s">
        <v>41</v>
      </c>
      <c r="D21204" s="14" t="s">
        <v>146</v>
      </c>
      <c r="E21204" s="15">
        <v>45410</v>
      </c>
      <c r="F21204" s="14" t="s">
        <v>61</v>
      </c>
      <c r="G21204" s="16">
        <v>0</v>
      </c>
    </row>
    <row r="21205" spans="1:7" x14ac:dyDescent="0.3">
      <c r="A21205" s="13" t="s">
        <v>145</v>
      </c>
      <c r="B21205" s="14" t="s">
        <v>1</v>
      </c>
      <c r="C21205" s="14" t="s">
        <v>41</v>
      </c>
      <c r="D21205" s="14" t="s">
        <v>146</v>
      </c>
      <c r="E21205" s="15">
        <v>45411</v>
      </c>
      <c r="F21205" s="14" t="s">
        <v>61</v>
      </c>
      <c r="G21205" s="16">
        <v>0</v>
      </c>
    </row>
    <row r="21206" spans="1:7" x14ac:dyDescent="0.3">
      <c r="A21206" s="13" t="s">
        <v>145</v>
      </c>
      <c r="B21206" s="14" t="s">
        <v>1</v>
      </c>
      <c r="C21206" s="14" t="s">
        <v>41</v>
      </c>
      <c r="D21206" s="14" t="s">
        <v>146</v>
      </c>
      <c r="E21206" s="15">
        <v>45412</v>
      </c>
      <c r="F21206" s="14" t="s">
        <v>61</v>
      </c>
      <c r="G21206" s="16">
        <v>0</v>
      </c>
    </row>
    <row r="21207" spans="1:7" x14ac:dyDescent="0.3">
      <c r="A21207" s="13" t="s">
        <v>145</v>
      </c>
      <c r="B21207" s="14" t="s">
        <v>1</v>
      </c>
      <c r="C21207" s="14" t="s">
        <v>41</v>
      </c>
      <c r="D21207" s="14" t="s">
        <v>146</v>
      </c>
      <c r="E21207" s="15">
        <v>45413</v>
      </c>
      <c r="F21207" s="14" t="s">
        <v>61</v>
      </c>
      <c r="G21207" s="16">
        <v>0</v>
      </c>
    </row>
    <row r="21208" spans="1:7" x14ac:dyDescent="0.3">
      <c r="A21208" s="13" t="s">
        <v>145</v>
      </c>
      <c r="B21208" s="14" t="s">
        <v>1</v>
      </c>
      <c r="C21208" s="14" t="s">
        <v>41</v>
      </c>
      <c r="D21208" s="14" t="s">
        <v>146</v>
      </c>
      <c r="E21208" s="15">
        <v>45414</v>
      </c>
      <c r="F21208" s="14" t="s">
        <v>61</v>
      </c>
      <c r="G21208" s="16">
        <v>0</v>
      </c>
    </row>
    <row r="21209" spans="1:7" x14ac:dyDescent="0.3">
      <c r="A21209" s="13" t="s">
        <v>145</v>
      </c>
      <c r="B21209" s="14" t="s">
        <v>1</v>
      </c>
      <c r="C21209" s="14" t="s">
        <v>41</v>
      </c>
      <c r="D21209" s="14" t="s">
        <v>146</v>
      </c>
      <c r="E21209" s="15">
        <v>45415</v>
      </c>
      <c r="F21209" s="14" t="s">
        <v>61</v>
      </c>
      <c r="G21209" s="16">
        <v>0</v>
      </c>
    </row>
    <row r="21210" spans="1:7" x14ac:dyDescent="0.3">
      <c r="A21210" s="13" t="s">
        <v>145</v>
      </c>
      <c r="B21210" s="14" t="s">
        <v>1</v>
      </c>
      <c r="C21210" s="14" t="s">
        <v>41</v>
      </c>
      <c r="D21210" s="14" t="s">
        <v>146</v>
      </c>
      <c r="E21210" s="15">
        <v>45416</v>
      </c>
      <c r="F21210" s="14" t="s">
        <v>61</v>
      </c>
      <c r="G21210" s="16">
        <v>0</v>
      </c>
    </row>
    <row r="21211" spans="1:7" x14ac:dyDescent="0.3">
      <c r="A21211" s="13" t="s">
        <v>145</v>
      </c>
      <c r="B21211" s="14" t="s">
        <v>1</v>
      </c>
      <c r="C21211" s="14" t="s">
        <v>41</v>
      </c>
      <c r="D21211" s="14" t="s">
        <v>146</v>
      </c>
      <c r="E21211" s="15">
        <v>45417</v>
      </c>
      <c r="F21211" s="14" t="s">
        <v>61</v>
      </c>
      <c r="G21211" s="16">
        <v>0</v>
      </c>
    </row>
    <row r="21212" spans="1:7" x14ac:dyDescent="0.3">
      <c r="A21212" s="13" t="s">
        <v>145</v>
      </c>
      <c r="B21212" s="14" t="s">
        <v>1</v>
      </c>
      <c r="C21212" s="14" t="s">
        <v>41</v>
      </c>
      <c r="D21212" s="14" t="s">
        <v>146</v>
      </c>
      <c r="E21212" s="15">
        <v>45418</v>
      </c>
      <c r="F21212" s="14" t="s">
        <v>61</v>
      </c>
      <c r="G21212" s="16">
        <v>0</v>
      </c>
    </row>
    <row r="21213" spans="1:7" x14ac:dyDescent="0.3">
      <c r="A21213" s="13" t="s">
        <v>145</v>
      </c>
      <c r="B21213" s="14" t="s">
        <v>1</v>
      </c>
      <c r="C21213" s="14" t="s">
        <v>41</v>
      </c>
      <c r="D21213" s="14" t="s">
        <v>146</v>
      </c>
      <c r="E21213" s="15">
        <v>45419</v>
      </c>
      <c r="F21213" s="14" t="s">
        <v>61</v>
      </c>
      <c r="G21213" s="16">
        <v>0</v>
      </c>
    </row>
    <row r="21214" spans="1:7" x14ac:dyDescent="0.3">
      <c r="A21214" s="13" t="s">
        <v>145</v>
      </c>
      <c r="B21214" s="14" t="s">
        <v>1</v>
      </c>
      <c r="C21214" s="14" t="s">
        <v>41</v>
      </c>
      <c r="D21214" s="14" t="s">
        <v>146</v>
      </c>
      <c r="E21214" s="15">
        <v>45420</v>
      </c>
      <c r="F21214" s="14" t="s">
        <v>61</v>
      </c>
      <c r="G21214" s="16">
        <v>0</v>
      </c>
    </row>
    <row r="21215" spans="1:7" x14ac:dyDescent="0.3">
      <c r="A21215" s="13" t="s">
        <v>145</v>
      </c>
      <c r="B21215" s="14" t="s">
        <v>1</v>
      </c>
      <c r="C21215" s="14" t="s">
        <v>41</v>
      </c>
      <c r="D21215" s="14" t="s">
        <v>146</v>
      </c>
      <c r="E21215" s="15">
        <v>45421</v>
      </c>
      <c r="F21215" s="14" t="s">
        <v>61</v>
      </c>
      <c r="G21215" s="16">
        <v>0</v>
      </c>
    </row>
    <row r="21216" spans="1:7" x14ac:dyDescent="0.3">
      <c r="A21216" s="13" t="s">
        <v>145</v>
      </c>
      <c r="B21216" s="14" t="s">
        <v>1</v>
      </c>
      <c r="C21216" s="14" t="s">
        <v>41</v>
      </c>
      <c r="D21216" s="14" t="s">
        <v>146</v>
      </c>
      <c r="E21216" s="15">
        <v>45422</v>
      </c>
      <c r="F21216" s="14" t="s">
        <v>61</v>
      </c>
      <c r="G21216" s="16">
        <v>0</v>
      </c>
    </row>
    <row r="21217" spans="1:7" x14ac:dyDescent="0.3">
      <c r="A21217" s="13" t="s">
        <v>145</v>
      </c>
      <c r="B21217" s="14" t="s">
        <v>1</v>
      </c>
      <c r="C21217" s="14" t="s">
        <v>41</v>
      </c>
      <c r="D21217" s="14" t="s">
        <v>146</v>
      </c>
      <c r="E21217" s="15">
        <v>45423</v>
      </c>
      <c r="F21217" s="14" t="s">
        <v>61</v>
      </c>
      <c r="G21217" s="16">
        <v>0</v>
      </c>
    </row>
    <row r="21218" spans="1:7" x14ac:dyDescent="0.3">
      <c r="A21218" s="13" t="s">
        <v>145</v>
      </c>
      <c r="B21218" s="14" t="s">
        <v>1</v>
      </c>
      <c r="C21218" s="14" t="s">
        <v>41</v>
      </c>
      <c r="D21218" s="14" t="s">
        <v>146</v>
      </c>
      <c r="E21218" s="15">
        <v>45424</v>
      </c>
      <c r="F21218" s="14" t="s">
        <v>61</v>
      </c>
      <c r="G21218" s="16">
        <v>0</v>
      </c>
    </row>
    <row r="21219" spans="1:7" x14ac:dyDescent="0.3">
      <c r="A21219" s="13" t="s">
        <v>145</v>
      </c>
      <c r="B21219" s="14" t="s">
        <v>1</v>
      </c>
      <c r="C21219" s="14" t="s">
        <v>41</v>
      </c>
      <c r="D21219" s="14" t="s">
        <v>146</v>
      </c>
      <c r="E21219" s="15">
        <v>45425</v>
      </c>
      <c r="F21219" s="14" t="s">
        <v>61</v>
      </c>
      <c r="G21219" s="16">
        <v>0</v>
      </c>
    </row>
    <row r="21220" spans="1:7" x14ac:dyDescent="0.3">
      <c r="A21220" s="13" t="s">
        <v>145</v>
      </c>
      <c r="B21220" s="14" t="s">
        <v>1</v>
      </c>
      <c r="C21220" s="14" t="s">
        <v>41</v>
      </c>
      <c r="D21220" s="14" t="s">
        <v>146</v>
      </c>
      <c r="E21220" s="15">
        <v>45426</v>
      </c>
      <c r="F21220" s="14" t="s">
        <v>61</v>
      </c>
      <c r="G21220" s="16">
        <v>0</v>
      </c>
    </row>
    <row r="21221" spans="1:7" x14ac:dyDescent="0.3">
      <c r="A21221" s="13" t="s">
        <v>145</v>
      </c>
      <c r="B21221" s="14" t="s">
        <v>1</v>
      </c>
      <c r="C21221" s="14" t="s">
        <v>41</v>
      </c>
      <c r="D21221" s="14" t="s">
        <v>146</v>
      </c>
      <c r="E21221" s="15">
        <v>45427</v>
      </c>
      <c r="F21221" s="14" t="s">
        <v>61</v>
      </c>
      <c r="G21221" s="16">
        <v>0</v>
      </c>
    </row>
    <row r="21222" spans="1:7" x14ac:dyDescent="0.3">
      <c r="A21222" s="13" t="s">
        <v>145</v>
      </c>
      <c r="B21222" s="14" t="s">
        <v>1</v>
      </c>
      <c r="C21222" s="14" t="s">
        <v>41</v>
      </c>
      <c r="D21222" s="14" t="s">
        <v>146</v>
      </c>
      <c r="E21222" s="15">
        <v>45428</v>
      </c>
      <c r="F21222" s="14" t="s">
        <v>61</v>
      </c>
      <c r="G21222" s="16">
        <v>0</v>
      </c>
    </row>
    <row r="21223" spans="1:7" x14ac:dyDescent="0.3">
      <c r="A21223" s="13" t="s">
        <v>145</v>
      </c>
      <c r="B21223" s="14" t="s">
        <v>1</v>
      </c>
      <c r="C21223" s="14" t="s">
        <v>41</v>
      </c>
      <c r="D21223" s="14" t="s">
        <v>146</v>
      </c>
      <c r="E21223" s="15">
        <v>45429</v>
      </c>
      <c r="F21223" s="14" t="s">
        <v>61</v>
      </c>
      <c r="G21223" s="16">
        <v>0</v>
      </c>
    </row>
    <row r="21224" spans="1:7" x14ac:dyDescent="0.3">
      <c r="A21224" s="13" t="s">
        <v>145</v>
      </c>
      <c r="B21224" s="14" t="s">
        <v>1</v>
      </c>
      <c r="C21224" s="14" t="s">
        <v>41</v>
      </c>
      <c r="D21224" s="14" t="s">
        <v>146</v>
      </c>
      <c r="E21224" s="15">
        <v>45430</v>
      </c>
      <c r="F21224" s="14" t="s">
        <v>61</v>
      </c>
      <c r="G21224" s="16">
        <v>0</v>
      </c>
    </row>
    <row r="21225" spans="1:7" x14ac:dyDescent="0.3">
      <c r="A21225" s="13" t="s">
        <v>145</v>
      </c>
      <c r="B21225" s="14" t="s">
        <v>1</v>
      </c>
      <c r="C21225" s="14" t="s">
        <v>41</v>
      </c>
      <c r="D21225" s="14" t="s">
        <v>146</v>
      </c>
      <c r="E21225" s="15">
        <v>45431</v>
      </c>
      <c r="F21225" s="14" t="s">
        <v>61</v>
      </c>
      <c r="G21225" s="16">
        <v>0</v>
      </c>
    </row>
    <row r="21226" spans="1:7" x14ac:dyDescent="0.3">
      <c r="A21226" s="13" t="s">
        <v>145</v>
      </c>
      <c r="B21226" s="14" t="s">
        <v>1</v>
      </c>
      <c r="C21226" s="14" t="s">
        <v>41</v>
      </c>
      <c r="D21226" s="14" t="s">
        <v>146</v>
      </c>
      <c r="E21226" s="15">
        <v>45432</v>
      </c>
      <c r="F21226" s="14" t="s">
        <v>61</v>
      </c>
      <c r="G21226" s="16">
        <v>0</v>
      </c>
    </row>
    <row r="21227" spans="1:7" x14ac:dyDescent="0.3">
      <c r="A21227" s="13" t="s">
        <v>145</v>
      </c>
      <c r="B21227" s="14" t="s">
        <v>1</v>
      </c>
      <c r="C21227" s="14" t="s">
        <v>41</v>
      </c>
      <c r="D21227" s="14" t="s">
        <v>146</v>
      </c>
      <c r="E21227" s="15">
        <v>45433</v>
      </c>
      <c r="F21227" s="14" t="s">
        <v>61</v>
      </c>
      <c r="G21227" s="16">
        <v>0</v>
      </c>
    </row>
    <row r="21228" spans="1:7" x14ac:dyDescent="0.3">
      <c r="A21228" s="13" t="s">
        <v>145</v>
      </c>
      <c r="B21228" s="14" t="s">
        <v>1</v>
      </c>
      <c r="C21228" s="14" t="s">
        <v>41</v>
      </c>
      <c r="D21228" s="14" t="s">
        <v>146</v>
      </c>
      <c r="E21228" s="15">
        <v>45434</v>
      </c>
      <c r="F21228" s="14" t="s">
        <v>61</v>
      </c>
      <c r="G21228" s="16">
        <v>0</v>
      </c>
    </row>
    <row r="21229" spans="1:7" x14ac:dyDescent="0.3">
      <c r="A21229" s="13" t="s">
        <v>145</v>
      </c>
      <c r="B21229" s="14" t="s">
        <v>1</v>
      </c>
      <c r="C21229" s="14" t="s">
        <v>41</v>
      </c>
      <c r="D21229" s="14" t="s">
        <v>146</v>
      </c>
      <c r="E21229" s="15">
        <v>45435</v>
      </c>
      <c r="F21229" s="14" t="s">
        <v>61</v>
      </c>
      <c r="G21229" s="16">
        <v>0</v>
      </c>
    </row>
    <row r="21230" spans="1:7" x14ac:dyDescent="0.3">
      <c r="A21230" s="13" t="s">
        <v>145</v>
      </c>
      <c r="B21230" s="14" t="s">
        <v>1</v>
      </c>
      <c r="C21230" s="14" t="s">
        <v>41</v>
      </c>
      <c r="D21230" s="14" t="s">
        <v>146</v>
      </c>
      <c r="E21230" s="15">
        <v>45436</v>
      </c>
      <c r="F21230" s="14" t="s">
        <v>61</v>
      </c>
      <c r="G21230" s="16">
        <v>0</v>
      </c>
    </row>
    <row r="21231" spans="1:7" x14ac:dyDescent="0.3">
      <c r="A21231" s="13" t="s">
        <v>145</v>
      </c>
      <c r="B21231" s="14" t="s">
        <v>1</v>
      </c>
      <c r="C21231" s="14" t="s">
        <v>41</v>
      </c>
      <c r="D21231" s="14" t="s">
        <v>146</v>
      </c>
      <c r="E21231" s="15">
        <v>45437</v>
      </c>
      <c r="F21231" s="14" t="s">
        <v>61</v>
      </c>
      <c r="G21231" s="16">
        <v>0</v>
      </c>
    </row>
    <row r="21232" spans="1:7" x14ac:dyDescent="0.3">
      <c r="A21232" s="13" t="s">
        <v>145</v>
      </c>
      <c r="B21232" s="14" t="s">
        <v>1</v>
      </c>
      <c r="C21232" s="14" t="s">
        <v>41</v>
      </c>
      <c r="D21232" s="14" t="s">
        <v>146</v>
      </c>
      <c r="E21232" s="15">
        <v>45438</v>
      </c>
      <c r="F21232" s="14" t="s">
        <v>61</v>
      </c>
      <c r="G21232" s="16">
        <v>0</v>
      </c>
    </row>
    <row r="21233" spans="1:7" x14ac:dyDescent="0.3">
      <c r="A21233" s="13" t="s">
        <v>145</v>
      </c>
      <c r="B21233" s="14" t="s">
        <v>1</v>
      </c>
      <c r="C21233" s="14" t="s">
        <v>41</v>
      </c>
      <c r="D21233" s="14" t="s">
        <v>146</v>
      </c>
      <c r="E21233" s="15">
        <v>45439</v>
      </c>
      <c r="F21233" s="14" t="s">
        <v>61</v>
      </c>
      <c r="G21233" s="16">
        <v>0</v>
      </c>
    </row>
    <row r="21234" spans="1:7" x14ac:dyDescent="0.3">
      <c r="A21234" s="13" t="s">
        <v>145</v>
      </c>
      <c r="B21234" s="14" t="s">
        <v>1</v>
      </c>
      <c r="C21234" s="14" t="s">
        <v>41</v>
      </c>
      <c r="D21234" s="14" t="s">
        <v>146</v>
      </c>
      <c r="E21234" s="15">
        <v>45440</v>
      </c>
      <c r="F21234" s="14" t="s">
        <v>61</v>
      </c>
      <c r="G21234" s="16">
        <v>0</v>
      </c>
    </row>
    <row r="21235" spans="1:7" x14ac:dyDescent="0.3">
      <c r="A21235" s="13" t="s">
        <v>145</v>
      </c>
      <c r="B21235" s="14" t="s">
        <v>1</v>
      </c>
      <c r="C21235" s="14" t="s">
        <v>41</v>
      </c>
      <c r="D21235" s="14" t="s">
        <v>146</v>
      </c>
      <c r="E21235" s="15">
        <v>45441</v>
      </c>
      <c r="F21235" s="14" t="s">
        <v>61</v>
      </c>
      <c r="G21235" s="16">
        <v>0</v>
      </c>
    </row>
    <row r="21236" spans="1:7" x14ac:dyDescent="0.3">
      <c r="A21236" s="13" t="s">
        <v>145</v>
      </c>
      <c r="B21236" s="14" t="s">
        <v>1</v>
      </c>
      <c r="C21236" s="14" t="s">
        <v>41</v>
      </c>
      <c r="D21236" s="14" t="s">
        <v>146</v>
      </c>
      <c r="E21236" s="15">
        <v>45442</v>
      </c>
      <c r="F21236" s="14" t="s">
        <v>61</v>
      </c>
      <c r="G21236" s="16">
        <v>0</v>
      </c>
    </row>
    <row r="21237" spans="1:7" x14ac:dyDescent="0.3">
      <c r="A21237" s="13" t="s">
        <v>145</v>
      </c>
      <c r="B21237" s="14" t="s">
        <v>1</v>
      </c>
      <c r="C21237" s="14" t="s">
        <v>41</v>
      </c>
      <c r="D21237" s="14" t="s">
        <v>146</v>
      </c>
      <c r="E21237" s="15">
        <v>45443</v>
      </c>
      <c r="F21237" s="14" t="s">
        <v>61</v>
      </c>
      <c r="G21237" s="16">
        <v>0</v>
      </c>
    </row>
    <row r="21238" spans="1:7" x14ac:dyDescent="0.3">
      <c r="A21238" s="13" t="s">
        <v>145</v>
      </c>
      <c r="B21238" s="14" t="s">
        <v>1</v>
      </c>
      <c r="C21238" s="14" t="s">
        <v>41</v>
      </c>
      <c r="D21238" s="14" t="s">
        <v>146</v>
      </c>
      <c r="E21238" s="15">
        <v>45444</v>
      </c>
      <c r="F21238" s="14" t="s">
        <v>61</v>
      </c>
      <c r="G21238" s="16">
        <v>0</v>
      </c>
    </row>
    <row r="21239" spans="1:7" x14ac:dyDescent="0.3">
      <c r="A21239" s="13" t="s">
        <v>145</v>
      </c>
      <c r="B21239" s="14" t="s">
        <v>1</v>
      </c>
      <c r="C21239" s="14" t="s">
        <v>41</v>
      </c>
      <c r="D21239" s="14" t="s">
        <v>146</v>
      </c>
      <c r="E21239" s="15">
        <v>45445</v>
      </c>
      <c r="F21239" s="14" t="s">
        <v>61</v>
      </c>
      <c r="G21239" s="16">
        <v>0</v>
      </c>
    </row>
    <row r="21240" spans="1:7" x14ac:dyDescent="0.3">
      <c r="A21240" s="13" t="s">
        <v>145</v>
      </c>
      <c r="B21240" s="14" t="s">
        <v>1</v>
      </c>
      <c r="C21240" s="14" t="s">
        <v>41</v>
      </c>
      <c r="D21240" s="14" t="s">
        <v>146</v>
      </c>
      <c r="E21240" s="15">
        <v>45446</v>
      </c>
      <c r="F21240" s="14" t="s">
        <v>61</v>
      </c>
      <c r="G21240" s="16">
        <v>0</v>
      </c>
    </row>
    <row r="21241" spans="1:7" x14ac:dyDescent="0.3">
      <c r="A21241" s="13" t="s">
        <v>145</v>
      </c>
      <c r="B21241" s="14" t="s">
        <v>1</v>
      </c>
      <c r="C21241" s="14" t="s">
        <v>41</v>
      </c>
      <c r="D21241" s="14" t="s">
        <v>146</v>
      </c>
      <c r="E21241" s="15">
        <v>45447</v>
      </c>
      <c r="F21241" s="14" t="s">
        <v>61</v>
      </c>
      <c r="G21241" s="16">
        <v>0</v>
      </c>
    </row>
    <row r="21242" spans="1:7" x14ac:dyDescent="0.3">
      <c r="A21242" s="13" t="s">
        <v>145</v>
      </c>
      <c r="B21242" s="14" t="s">
        <v>1</v>
      </c>
      <c r="C21242" s="14" t="s">
        <v>41</v>
      </c>
      <c r="D21242" s="14" t="s">
        <v>146</v>
      </c>
      <c r="E21242" s="15">
        <v>45448</v>
      </c>
      <c r="F21242" s="14" t="s">
        <v>61</v>
      </c>
      <c r="G21242" s="16">
        <v>0</v>
      </c>
    </row>
    <row r="21243" spans="1:7" x14ac:dyDescent="0.3">
      <c r="A21243" s="13" t="s">
        <v>145</v>
      </c>
      <c r="B21243" s="14" t="s">
        <v>1</v>
      </c>
      <c r="C21243" s="14" t="s">
        <v>41</v>
      </c>
      <c r="D21243" s="14" t="s">
        <v>146</v>
      </c>
      <c r="E21243" s="15">
        <v>45449</v>
      </c>
      <c r="F21243" s="14" t="s">
        <v>61</v>
      </c>
      <c r="G21243" s="16">
        <v>0</v>
      </c>
    </row>
    <row r="21244" spans="1:7" x14ac:dyDescent="0.3">
      <c r="A21244" s="13" t="s">
        <v>145</v>
      </c>
      <c r="B21244" s="14" t="s">
        <v>1</v>
      </c>
      <c r="C21244" s="14" t="s">
        <v>41</v>
      </c>
      <c r="D21244" s="14" t="s">
        <v>146</v>
      </c>
      <c r="E21244" s="15">
        <v>45450</v>
      </c>
      <c r="F21244" s="14" t="s">
        <v>61</v>
      </c>
      <c r="G21244" s="16">
        <v>0</v>
      </c>
    </row>
    <row r="21245" spans="1:7" x14ac:dyDescent="0.3">
      <c r="A21245" s="13" t="s">
        <v>145</v>
      </c>
      <c r="B21245" s="14" t="s">
        <v>1</v>
      </c>
      <c r="C21245" s="14" t="s">
        <v>41</v>
      </c>
      <c r="D21245" s="14" t="s">
        <v>146</v>
      </c>
      <c r="E21245" s="15">
        <v>45451</v>
      </c>
      <c r="F21245" s="14" t="s">
        <v>61</v>
      </c>
      <c r="G21245" s="16">
        <v>0</v>
      </c>
    </row>
    <row r="21246" spans="1:7" x14ac:dyDescent="0.3">
      <c r="A21246" s="13" t="s">
        <v>145</v>
      </c>
      <c r="B21246" s="14" t="s">
        <v>1</v>
      </c>
      <c r="C21246" s="14" t="s">
        <v>41</v>
      </c>
      <c r="D21246" s="14" t="s">
        <v>146</v>
      </c>
      <c r="E21246" s="15">
        <v>45452</v>
      </c>
      <c r="F21246" s="14" t="s">
        <v>61</v>
      </c>
      <c r="G21246" s="16">
        <v>0</v>
      </c>
    </row>
    <row r="21247" spans="1:7" x14ac:dyDescent="0.3">
      <c r="A21247" s="13" t="s">
        <v>145</v>
      </c>
      <c r="B21247" s="14" t="s">
        <v>1</v>
      </c>
      <c r="C21247" s="14" t="s">
        <v>41</v>
      </c>
      <c r="D21247" s="14" t="s">
        <v>146</v>
      </c>
      <c r="E21247" s="15">
        <v>45453</v>
      </c>
      <c r="F21247" s="14" t="s">
        <v>61</v>
      </c>
      <c r="G21247" s="16">
        <v>0</v>
      </c>
    </row>
    <row r="21248" spans="1:7" x14ac:dyDescent="0.3">
      <c r="A21248" s="13" t="s">
        <v>145</v>
      </c>
      <c r="B21248" s="14" t="s">
        <v>1</v>
      </c>
      <c r="C21248" s="14" t="s">
        <v>41</v>
      </c>
      <c r="D21248" s="14" t="s">
        <v>146</v>
      </c>
      <c r="E21248" s="15">
        <v>45454</v>
      </c>
      <c r="F21248" s="14" t="s">
        <v>61</v>
      </c>
      <c r="G21248" s="16">
        <v>0</v>
      </c>
    </row>
    <row r="21249" spans="1:7" x14ac:dyDescent="0.3">
      <c r="A21249" s="13" t="s">
        <v>145</v>
      </c>
      <c r="B21249" s="14" t="s">
        <v>1</v>
      </c>
      <c r="C21249" s="14" t="s">
        <v>41</v>
      </c>
      <c r="D21249" s="14" t="s">
        <v>146</v>
      </c>
      <c r="E21249" s="15">
        <v>45455</v>
      </c>
      <c r="F21249" s="14" t="s">
        <v>61</v>
      </c>
      <c r="G21249" s="16">
        <v>0</v>
      </c>
    </row>
    <row r="21250" spans="1:7" x14ac:dyDescent="0.3">
      <c r="A21250" s="13" t="s">
        <v>145</v>
      </c>
      <c r="B21250" s="14" t="s">
        <v>1</v>
      </c>
      <c r="C21250" s="14" t="s">
        <v>41</v>
      </c>
      <c r="D21250" s="14" t="s">
        <v>146</v>
      </c>
      <c r="E21250" s="15">
        <v>45456</v>
      </c>
      <c r="F21250" s="14" t="s">
        <v>61</v>
      </c>
      <c r="G21250" s="16">
        <v>0</v>
      </c>
    </row>
    <row r="21251" spans="1:7" x14ac:dyDescent="0.3">
      <c r="A21251" s="13" t="s">
        <v>145</v>
      </c>
      <c r="B21251" s="14" t="s">
        <v>1</v>
      </c>
      <c r="C21251" s="14" t="s">
        <v>41</v>
      </c>
      <c r="D21251" s="14" t="s">
        <v>146</v>
      </c>
      <c r="E21251" s="15">
        <v>45457</v>
      </c>
      <c r="F21251" s="14" t="s">
        <v>61</v>
      </c>
      <c r="G21251" s="16">
        <v>0</v>
      </c>
    </row>
    <row r="21252" spans="1:7" x14ac:dyDescent="0.3">
      <c r="A21252" s="13" t="s">
        <v>145</v>
      </c>
      <c r="B21252" s="14" t="s">
        <v>1</v>
      </c>
      <c r="C21252" s="14" t="s">
        <v>41</v>
      </c>
      <c r="D21252" s="14" t="s">
        <v>146</v>
      </c>
      <c r="E21252" s="15">
        <v>45458</v>
      </c>
      <c r="F21252" s="14" t="s">
        <v>61</v>
      </c>
      <c r="G21252" s="16">
        <v>0</v>
      </c>
    </row>
    <row r="21253" spans="1:7" x14ac:dyDescent="0.3">
      <c r="A21253" s="13" t="s">
        <v>145</v>
      </c>
      <c r="B21253" s="14" t="s">
        <v>1</v>
      </c>
      <c r="C21253" s="14" t="s">
        <v>41</v>
      </c>
      <c r="D21253" s="14" t="s">
        <v>146</v>
      </c>
      <c r="E21253" s="15">
        <v>45459</v>
      </c>
      <c r="F21253" s="14" t="s">
        <v>61</v>
      </c>
      <c r="G21253" s="16">
        <v>0</v>
      </c>
    </row>
    <row r="21254" spans="1:7" x14ac:dyDescent="0.3">
      <c r="A21254" s="13" t="s">
        <v>145</v>
      </c>
      <c r="B21254" s="14" t="s">
        <v>1</v>
      </c>
      <c r="C21254" s="14" t="s">
        <v>41</v>
      </c>
      <c r="D21254" s="14" t="s">
        <v>146</v>
      </c>
      <c r="E21254" s="15">
        <v>45460</v>
      </c>
      <c r="F21254" s="14" t="s">
        <v>61</v>
      </c>
      <c r="G21254" s="16">
        <v>0</v>
      </c>
    </row>
    <row r="21255" spans="1:7" x14ac:dyDescent="0.3">
      <c r="A21255" s="13" t="s">
        <v>145</v>
      </c>
      <c r="B21255" s="14" t="s">
        <v>1</v>
      </c>
      <c r="C21255" s="14" t="s">
        <v>41</v>
      </c>
      <c r="D21255" s="14" t="s">
        <v>146</v>
      </c>
      <c r="E21255" s="15">
        <v>45461</v>
      </c>
      <c r="F21255" s="14" t="s">
        <v>61</v>
      </c>
      <c r="G21255" s="16">
        <v>0</v>
      </c>
    </row>
    <row r="21256" spans="1:7" x14ac:dyDescent="0.3">
      <c r="A21256" s="13" t="s">
        <v>145</v>
      </c>
      <c r="B21256" s="14" t="s">
        <v>1</v>
      </c>
      <c r="C21256" s="14" t="s">
        <v>41</v>
      </c>
      <c r="D21256" s="14" t="s">
        <v>146</v>
      </c>
      <c r="E21256" s="15">
        <v>45462</v>
      </c>
      <c r="F21256" s="14" t="s">
        <v>61</v>
      </c>
      <c r="G21256" s="16">
        <v>0</v>
      </c>
    </row>
    <row r="21257" spans="1:7" x14ac:dyDescent="0.3">
      <c r="A21257" s="13" t="s">
        <v>145</v>
      </c>
      <c r="B21257" s="14" t="s">
        <v>1</v>
      </c>
      <c r="C21257" s="14" t="s">
        <v>41</v>
      </c>
      <c r="D21257" s="14" t="s">
        <v>146</v>
      </c>
      <c r="E21257" s="15">
        <v>45463</v>
      </c>
      <c r="F21257" s="14" t="s">
        <v>61</v>
      </c>
      <c r="G21257" s="16">
        <v>0</v>
      </c>
    </row>
    <row r="21258" spans="1:7" x14ac:dyDescent="0.3">
      <c r="A21258" s="13" t="s">
        <v>145</v>
      </c>
      <c r="B21258" s="14" t="s">
        <v>1</v>
      </c>
      <c r="C21258" s="14" t="s">
        <v>41</v>
      </c>
      <c r="D21258" s="14" t="s">
        <v>146</v>
      </c>
      <c r="E21258" s="15">
        <v>45464</v>
      </c>
      <c r="F21258" s="14" t="s">
        <v>61</v>
      </c>
      <c r="G21258" s="16">
        <v>0</v>
      </c>
    </row>
    <row r="21259" spans="1:7" x14ac:dyDescent="0.3">
      <c r="A21259" s="13" t="s">
        <v>145</v>
      </c>
      <c r="B21259" s="14" t="s">
        <v>1</v>
      </c>
      <c r="C21259" s="14" t="s">
        <v>41</v>
      </c>
      <c r="D21259" s="14" t="s">
        <v>146</v>
      </c>
      <c r="E21259" s="15">
        <v>45465</v>
      </c>
      <c r="F21259" s="14" t="s">
        <v>61</v>
      </c>
      <c r="G21259" s="16">
        <v>0</v>
      </c>
    </row>
    <row r="21260" spans="1:7" x14ac:dyDescent="0.3">
      <c r="A21260" s="13" t="s">
        <v>145</v>
      </c>
      <c r="B21260" s="14" t="s">
        <v>1</v>
      </c>
      <c r="C21260" s="14" t="s">
        <v>41</v>
      </c>
      <c r="D21260" s="14" t="s">
        <v>146</v>
      </c>
      <c r="E21260" s="15">
        <v>45466</v>
      </c>
      <c r="F21260" s="14" t="s">
        <v>61</v>
      </c>
      <c r="G21260" s="16">
        <v>0</v>
      </c>
    </row>
    <row r="21261" spans="1:7" x14ac:dyDescent="0.3">
      <c r="A21261" s="13" t="s">
        <v>145</v>
      </c>
      <c r="B21261" s="14" t="s">
        <v>1</v>
      </c>
      <c r="C21261" s="14" t="s">
        <v>41</v>
      </c>
      <c r="D21261" s="14" t="s">
        <v>146</v>
      </c>
      <c r="E21261" s="15">
        <v>45467</v>
      </c>
      <c r="F21261" s="14" t="s">
        <v>61</v>
      </c>
      <c r="G21261" s="16">
        <v>0</v>
      </c>
    </row>
    <row r="21262" spans="1:7" x14ac:dyDescent="0.3">
      <c r="A21262" s="13" t="s">
        <v>145</v>
      </c>
      <c r="B21262" s="14" t="s">
        <v>1</v>
      </c>
      <c r="C21262" s="14" t="s">
        <v>41</v>
      </c>
      <c r="D21262" s="14" t="s">
        <v>146</v>
      </c>
      <c r="E21262" s="15">
        <v>45468</v>
      </c>
      <c r="F21262" s="14" t="s">
        <v>61</v>
      </c>
      <c r="G21262" s="16">
        <v>0</v>
      </c>
    </row>
    <row r="21263" spans="1:7" x14ac:dyDescent="0.3">
      <c r="A21263" s="13" t="s">
        <v>145</v>
      </c>
      <c r="B21263" s="14" t="s">
        <v>1</v>
      </c>
      <c r="C21263" s="14" t="s">
        <v>41</v>
      </c>
      <c r="D21263" s="14" t="s">
        <v>146</v>
      </c>
      <c r="E21263" s="15">
        <v>45469</v>
      </c>
      <c r="F21263" s="14" t="s">
        <v>61</v>
      </c>
      <c r="G21263" s="16">
        <v>0</v>
      </c>
    </row>
    <row r="21264" spans="1:7" x14ac:dyDescent="0.3">
      <c r="A21264" s="13" t="s">
        <v>145</v>
      </c>
      <c r="B21264" s="14" t="s">
        <v>1</v>
      </c>
      <c r="C21264" s="14" t="s">
        <v>41</v>
      </c>
      <c r="D21264" s="14" t="s">
        <v>146</v>
      </c>
      <c r="E21264" s="15">
        <v>45470</v>
      </c>
      <c r="F21264" s="14" t="s">
        <v>61</v>
      </c>
      <c r="G21264" s="16">
        <v>0</v>
      </c>
    </row>
    <row r="21265" spans="1:7" x14ac:dyDescent="0.3">
      <c r="A21265" s="13" t="s">
        <v>145</v>
      </c>
      <c r="B21265" s="14" t="s">
        <v>1</v>
      </c>
      <c r="C21265" s="14" t="s">
        <v>41</v>
      </c>
      <c r="D21265" s="14" t="s">
        <v>146</v>
      </c>
      <c r="E21265" s="15">
        <v>45471</v>
      </c>
      <c r="F21265" s="14" t="s">
        <v>61</v>
      </c>
      <c r="G21265" s="16">
        <v>0</v>
      </c>
    </row>
    <row r="21266" spans="1:7" x14ac:dyDescent="0.3">
      <c r="A21266" s="13" t="s">
        <v>145</v>
      </c>
      <c r="B21266" s="14" t="s">
        <v>1</v>
      </c>
      <c r="C21266" s="14" t="s">
        <v>41</v>
      </c>
      <c r="D21266" s="14" t="s">
        <v>146</v>
      </c>
      <c r="E21266" s="15">
        <v>45472</v>
      </c>
      <c r="F21266" s="14" t="s">
        <v>61</v>
      </c>
      <c r="G21266" s="16">
        <v>0</v>
      </c>
    </row>
    <row r="21267" spans="1:7" x14ac:dyDescent="0.3">
      <c r="A21267" s="13" t="s">
        <v>145</v>
      </c>
      <c r="B21267" s="14" t="s">
        <v>1</v>
      </c>
      <c r="C21267" s="14" t="s">
        <v>41</v>
      </c>
      <c r="D21267" s="14" t="s">
        <v>146</v>
      </c>
      <c r="E21267" s="15">
        <v>45473</v>
      </c>
      <c r="F21267" s="14" t="s">
        <v>61</v>
      </c>
      <c r="G21267" s="16">
        <v>0</v>
      </c>
    </row>
    <row r="21268" spans="1:7" x14ac:dyDescent="0.3">
      <c r="A21268" s="13" t="s">
        <v>145</v>
      </c>
      <c r="B21268" s="14" t="s">
        <v>1</v>
      </c>
      <c r="C21268" s="14" t="s">
        <v>41</v>
      </c>
      <c r="D21268" s="14" t="s">
        <v>146</v>
      </c>
      <c r="E21268" s="15">
        <v>45474</v>
      </c>
      <c r="F21268" s="14" t="s">
        <v>61</v>
      </c>
      <c r="G21268" s="16">
        <v>0</v>
      </c>
    </row>
    <row r="21269" spans="1:7" x14ac:dyDescent="0.3">
      <c r="A21269" s="13" t="s">
        <v>145</v>
      </c>
      <c r="B21269" s="14" t="s">
        <v>1</v>
      </c>
      <c r="C21269" s="14" t="s">
        <v>41</v>
      </c>
      <c r="D21269" s="14" t="s">
        <v>146</v>
      </c>
      <c r="E21269" s="15">
        <v>45475</v>
      </c>
      <c r="F21269" s="14" t="s">
        <v>61</v>
      </c>
      <c r="G21269" s="16">
        <v>0</v>
      </c>
    </row>
    <row r="21270" spans="1:7" x14ac:dyDescent="0.3">
      <c r="A21270" s="13" t="s">
        <v>145</v>
      </c>
      <c r="B21270" s="14" t="s">
        <v>1</v>
      </c>
      <c r="C21270" s="14" t="s">
        <v>41</v>
      </c>
      <c r="D21270" s="14" t="s">
        <v>146</v>
      </c>
      <c r="E21270" s="15">
        <v>45476</v>
      </c>
      <c r="F21270" s="14" t="s">
        <v>61</v>
      </c>
      <c r="G21270" s="16">
        <v>0</v>
      </c>
    </row>
    <row r="21271" spans="1:7" x14ac:dyDescent="0.3">
      <c r="A21271" s="13" t="s">
        <v>145</v>
      </c>
      <c r="B21271" s="14" t="s">
        <v>1</v>
      </c>
      <c r="C21271" s="14" t="s">
        <v>41</v>
      </c>
      <c r="D21271" s="14" t="s">
        <v>146</v>
      </c>
      <c r="E21271" s="15">
        <v>45477</v>
      </c>
      <c r="F21271" s="14" t="s">
        <v>61</v>
      </c>
      <c r="G21271" s="16">
        <v>0</v>
      </c>
    </row>
    <row r="21272" spans="1:7" x14ac:dyDescent="0.3">
      <c r="A21272" s="13" t="s">
        <v>145</v>
      </c>
      <c r="B21272" s="14" t="s">
        <v>1</v>
      </c>
      <c r="C21272" s="14" t="s">
        <v>41</v>
      </c>
      <c r="D21272" s="14" t="s">
        <v>146</v>
      </c>
      <c r="E21272" s="15">
        <v>45478</v>
      </c>
      <c r="F21272" s="14" t="s">
        <v>61</v>
      </c>
      <c r="G21272" s="16">
        <v>0</v>
      </c>
    </row>
    <row r="21273" spans="1:7" x14ac:dyDescent="0.3">
      <c r="A21273" s="13" t="s">
        <v>145</v>
      </c>
      <c r="B21273" s="14" t="s">
        <v>1</v>
      </c>
      <c r="C21273" s="14" t="s">
        <v>41</v>
      </c>
      <c r="D21273" s="14" t="s">
        <v>146</v>
      </c>
      <c r="E21273" s="15">
        <v>45479</v>
      </c>
      <c r="F21273" s="14" t="s">
        <v>61</v>
      </c>
      <c r="G21273" s="16">
        <v>0</v>
      </c>
    </row>
    <row r="21274" spans="1:7" x14ac:dyDescent="0.3">
      <c r="A21274" s="13" t="s">
        <v>145</v>
      </c>
      <c r="B21274" s="14" t="s">
        <v>1</v>
      </c>
      <c r="C21274" s="14" t="s">
        <v>41</v>
      </c>
      <c r="D21274" s="14" t="s">
        <v>146</v>
      </c>
      <c r="E21274" s="15">
        <v>45480</v>
      </c>
      <c r="F21274" s="14" t="s">
        <v>61</v>
      </c>
      <c r="G21274" s="16">
        <v>0</v>
      </c>
    </row>
    <row r="21275" spans="1:7" x14ac:dyDescent="0.3">
      <c r="A21275" s="13" t="s">
        <v>145</v>
      </c>
      <c r="B21275" s="14" t="s">
        <v>1</v>
      </c>
      <c r="C21275" s="14" t="s">
        <v>41</v>
      </c>
      <c r="D21275" s="14" t="s">
        <v>146</v>
      </c>
      <c r="E21275" s="15">
        <v>45481</v>
      </c>
      <c r="F21275" s="14" t="s">
        <v>61</v>
      </c>
      <c r="G21275" s="16">
        <v>0</v>
      </c>
    </row>
    <row r="21276" spans="1:7" x14ac:dyDescent="0.3">
      <c r="A21276" s="13" t="s">
        <v>145</v>
      </c>
      <c r="B21276" s="14" t="s">
        <v>1</v>
      </c>
      <c r="C21276" s="14" t="s">
        <v>41</v>
      </c>
      <c r="D21276" s="14" t="s">
        <v>146</v>
      </c>
      <c r="E21276" s="15">
        <v>45482</v>
      </c>
      <c r="F21276" s="14" t="s">
        <v>61</v>
      </c>
      <c r="G21276" s="16">
        <v>0</v>
      </c>
    </row>
    <row r="21277" spans="1:7" x14ac:dyDescent="0.3">
      <c r="A21277" s="13" t="s">
        <v>145</v>
      </c>
      <c r="B21277" s="14" t="s">
        <v>1</v>
      </c>
      <c r="C21277" s="14" t="s">
        <v>41</v>
      </c>
      <c r="D21277" s="14" t="s">
        <v>146</v>
      </c>
      <c r="E21277" s="15">
        <v>45483</v>
      </c>
      <c r="F21277" s="14" t="s">
        <v>61</v>
      </c>
      <c r="G21277" s="16">
        <v>0</v>
      </c>
    </row>
    <row r="21278" spans="1:7" x14ac:dyDescent="0.3">
      <c r="A21278" s="13" t="s">
        <v>145</v>
      </c>
      <c r="B21278" s="14" t="s">
        <v>1</v>
      </c>
      <c r="C21278" s="14" t="s">
        <v>41</v>
      </c>
      <c r="D21278" s="14" t="s">
        <v>146</v>
      </c>
      <c r="E21278" s="15">
        <v>45484</v>
      </c>
      <c r="F21278" s="14" t="s">
        <v>61</v>
      </c>
      <c r="G21278" s="16">
        <v>0</v>
      </c>
    </row>
    <row r="21279" spans="1:7" x14ac:dyDescent="0.3">
      <c r="A21279" s="13" t="s">
        <v>145</v>
      </c>
      <c r="B21279" s="14" t="s">
        <v>1</v>
      </c>
      <c r="C21279" s="14" t="s">
        <v>41</v>
      </c>
      <c r="D21279" s="14" t="s">
        <v>146</v>
      </c>
      <c r="E21279" s="15">
        <v>45485</v>
      </c>
      <c r="F21279" s="14" t="s">
        <v>61</v>
      </c>
      <c r="G21279" s="16">
        <v>0</v>
      </c>
    </row>
    <row r="21280" spans="1:7" x14ac:dyDescent="0.3">
      <c r="A21280" s="13" t="s">
        <v>145</v>
      </c>
      <c r="B21280" s="14" t="s">
        <v>1</v>
      </c>
      <c r="C21280" s="14" t="s">
        <v>41</v>
      </c>
      <c r="D21280" s="14" t="s">
        <v>146</v>
      </c>
      <c r="E21280" s="15">
        <v>45486</v>
      </c>
      <c r="F21280" s="14" t="s">
        <v>61</v>
      </c>
      <c r="G21280" s="16">
        <v>0</v>
      </c>
    </row>
    <row r="21281" spans="1:7" x14ac:dyDescent="0.3">
      <c r="A21281" s="13" t="s">
        <v>145</v>
      </c>
      <c r="B21281" s="14" t="s">
        <v>1</v>
      </c>
      <c r="C21281" s="14" t="s">
        <v>41</v>
      </c>
      <c r="D21281" s="14" t="s">
        <v>146</v>
      </c>
      <c r="E21281" s="15">
        <v>45487</v>
      </c>
      <c r="F21281" s="14" t="s">
        <v>61</v>
      </c>
      <c r="G21281" s="16">
        <v>0</v>
      </c>
    </row>
    <row r="21282" spans="1:7" x14ac:dyDescent="0.3">
      <c r="A21282" s="13" t="s">
        <v>145</v>
      </c>
      <c r="B21282" s="14" t="s">
        <v>1</v>
      </c>
      <c r="C21282" s="14" t="s">
        <v>41</v>
      </c>
      <c r="D21282" s="14" t="s">
        <v>146</v>
      </c>
      <c r="E21282" s="15">
        <v>45488</v>
      </c>
      <c r="F21282" s="14" t="s">
        <v>61</v>
      </c>
      <c r="G21282" s="16">
        <v>0</v>
      </c>
    </row>
    <row r="21283" spans="1:7" x14ac:dyDescent="0.3">
      <c r="A21283" s="13" t="s">
        <v>145</v>
      </c>
      <c r="B21283" s="14" t="s">
        <v>1</v>
      </c>
      <c r="C21283" s="14" t="s">
        <v>41</v>
      </c>
      <c r="D21283" s="14" t="s">
        <v>146</v>
      </c>
      <c r="E21283" s="15">
        <v>45489</v>
      </c>
      <c r="F21283" s="14" t="s">
        <v>61</v>
      </c>
      <c r="G21283" s="16">
        <v>0</v>
      </c>
    </row>
    <row r="21284" spans="1:7" x14ac:dyDescent="0.3">
      <c r="A21284" s="13" t="s">
        <v>145</v>
      </c>
      <c r="B21284" s="14" t="s">
        <v>1</v>
      </c>
      <c r="C21284" s="14" t="s">
        <v>41</v>
      </c>
      <c r="D21284" s="14" t="s">
        <v>146</v>
      </c>
      <c r="E21284" s="15">
        <v>45490</v>
      </c>
      <c r="F21284" s="14" t="s">
        <v>61</v>
      </c>
      <c r="G21284" s="16">
        <v>0</v>
      </c>
    </row>
    <row r="21285" spans="1:7" x14ac:dyDescent="0.3">
      <c r="A21285" s="13" t="s">
        <v>145</v>
      </c>
      <c r="B21285" s="14" t="s">
        <v>1</v>
      </c>
      <c r="C21285" s="14" t="s">
        <v>41</v>
      </c>
      <c r="D21285" s="14" t="s">
        <v>146</v>
      </c>
      <c r="E21285" s="15">
        <v>45491</v>
      </c>
      <c r="F21285" s="14" t="s">
        <v>61</v>
      </c>
      <c r="G21285" s="16">
        <v>0</v>
      </c>
    </row>
    <row r="21286" spans="1:7" x14ac:dyDescent="0.3">
      <c r="A21286" s="13" t="s">
        <v>145</v>
      </c>
      <c r="B21286" s="14" t="s">
        <v>1</v>
      </c>
      <c r="C21286" s="14" t="s">
        <v>41</v>
      </c>
      <c r="D21286" s="14" t="s">
        <v>146</v>
      </c>
      <c r="E21286" s="15">
        <v>45492</v>
      </c>
      <c r="F21286" s="14" t="s">
        <v>61</v>
      </c>
      <c r="G21286" s="16">
        <v>0</v>
      </c>
    </row>
    <row r="21287" spans="1:7" x14ac:dyDescent="0.3">
      <c r="A21287" s="13" t="s">
        <v>145</v>
      </c>
      <c r="B21287" s="14" t="s">
        <v>1</v>
      </c>
      <c r="C21287" s="14" t="s">
        <v>41</v>
      </c>
      <c r="D21287" s="14" t="s">
        <v>146</v>
      </c>
      <c r="E21287" s="15">
        <v>45493</v>
      </c>
      <c r="F21287" s="14" t="s">
        <v>61</v>
      </c>
      <c r="G21287" s="16">
        <v>0</v>
      </c>
    </row>
    <row r="21288" spans="1:7" x14ac:dyDescent="0.3">
      <c r="A21288" s="13" t="s">
        <v>145</v>
      </c>
      <c r="B21288" s="14" t="s">
        <v>1</v>
      </c>
      <c r="C21288" s="14" t="s">
        <v>41</v>
      </c>
      <c r="D21288" s="14" t="s">
        <v>146</v>
      </c>
      <c r="E21288" s="15">
        <v>45494</v>
      </c>
      <c r="F21288" s="14" t="s">
        <v>61</v>
      </c>
      <c r="G21288" s="16">
        <v>0</v>
      </c>
    </row>
    <row r="21289" spans="1:7" x14ac:dyDescent="0.3">
      <c r="A21289" s="13" t="s">
        <v>145</v>
      </c>
      <c r="B21289" s="14" t="s">
        <v>1</v>
      </c>
      <c r="C21289" s="14" t="s">
        <v>41</v>
      </c>
      <c r="D21289" s="14" t="s">
        <v>146</v>
      </c>
      <c r="E21289" s="15">
        <v>45495</v>
      </c>
      <c r="F21289" s="14" t="s">
        <v>61</v>
      </c>
      <c r="G21289" s="16">
        <v>0</v>
      </c>
    </row>
    <row r="21290" spans="1:7" x14ac:dyDescent="0.3">
      <c r="A21290" s="13" t="s">
        <v>145</v>
      </c>
      <c r="B21290" s="14" t="s">
        <v>1</v>
      </c>
      <c r="C21290" s="14" t="s">
        <v>41</v>
      </c>
      <c r="D21290" s="14" t="s">
        <v>146</v>
      </c>
      <c r="E21290" s="15">
        <v>45496</v>
      </c>
      <c r="F21290" s="14" t="s">
        <v>61</v>
      </c>
      <c r="G21290" s="16">
        <v>0</v>
      </c>
    </row>
    <row r="21291" spans="1:7" x14ac:dyDescent="0.3">
      <c r="A21291" s="13" t="s">
        <v>145</v>
      </c>
      <c r="B21291" s="14" t="s">
        <v>1</v>
      </c>
      <c r="C21291" s="14" t="s">
        <v>41</v>
      </c>
      <c r="D21291" s="14" t="s">
        <v>146</v>
      </c>
      <c r="E21291" s="15">
        <v>45497</v>
      </c>
      <c r="F21291" s="14" t="s">
        <v>61</v>
      </c>
      <c r="G21291" s="16">
        <v>0</v>
      </c>
    </row>
    <row r="21292" spans="1:7" x14ac:dyDescent="0.3">
      <c r="A21292" s="13" t="s">
        <v>145</v>
      </c>
      <c r="B21292" s="14" t="s">
        <v>1</v>
      </c>
      <c r="C21292" s="14" t="s">
        <v>41</v>
      </c>
      <c r="D21292" s="14" t="s">
        <v>146</v>
      </c>
      <c r="E21292" s="15">
        <v>45498</v>
      </c>
      <c r="F21292" s="14" t="s">
        <v>61</v>
      </c>
      <c r="G21292" s="16">
        <v>0</v>
      </c>
    </row>
    <row r="21293" spans="1:7" x14ac:dyDescent="0.3">
      <c r="A21293" s="13" t="s">
        <v>145</v>
      </c>
      <c r="B21293" s="14" t="s">
        <v>1</v>
      </c>
      <c r="C21293" s="14" t="s">
        <v>41</v>
      </c>
      <c r="D21293" s="14" t="s">
        <v>146</v>
      </c>
      <c r="E21293" s="15">
        <v>45499</v>
      </c>
      <c r="F21293" s="14" t="s">
        <v>61</v>
      </c>
      <c r="G21293" s="16">
        <v>0</v>
      </c>
    </row>
    <row r="21294" spans="1:7" x14ac:dyDescent="0.3">
      <c r="A21294" s="13" t="s">
        <v>145</v>
      </c>
      <c r="B21294" s="14" t="s">
        <v>1</v>
      </c>
      <c r="C21294" s="14" t="s">
        <v>41</v>
      </c>
      <c r="D21294" s="14" t="s">
        <v>146</v>
      </c>
      <c r="E21294" s="15">
        <v>45500</v>
      </c>
      <c r="F21294" s="14" t="s">
        <v>61</v>
      </c>
      <c r="G21294" s="16">
        <v>0</v>
      </c>
    </row>
    <row r="21295" spans="1:7" x14ac:dyDescent="0.3">
      <c r="A21295" s="13" t="s">
        <v>145</v>
      </c>
      <c r="B21295" s="14" t="s">
        <v>1</v>
      </c>
      <c r="C21295" s="14" t="s">
        <v>41</v>
      </c>
      <c r="D21295" s="14" t="s">
        <v>146</v>
      </c>
      <c r="E21295" s="15">
        <v>45501</v>
      </c>
      <c r="F21295" s="14" t="s">
        <v>61</v>
      </c>
      <c r="G21295" s="16">
        <v>0</v>
      </c>
    </row>
    <row r="21296" spans="1:7" x14ac:dyDescent="0.3">
      <c r="A21296" s="13" t="s">
        <v>145</v>
      </c>
      <c r="B21296" s="14" t="s">
        <v>1</v>
      </c>
      <c r="C21296" s="14" t="s">
        <v>41</v>
      </c>
      <c r="D21296" s="14" t="s">
        <v>146</v>
      </c>
      <c r="E21296" s="15">
        <v>45502</v>
      </c>
      <c r="F21296" s="14" t="s">
        <v>61</v>
      </c>
      <c r="G21296" s="16">
        <v>0</v>
      </c>
    </row>
    <row r="21297" spans="1:7" x14ac:dyDescent="0.3">
      <c r="A21297" s="13" t="s">
        <v>145</v>
      </c>
      <c r="B21297" s="14" t="s">
        <v>1</v>
      </c>
      <c r="C21297" s="14" t="s">
        <v>41</v>
      </c>
      <c r="D21297" s="14" t="s">
        <v>146</v>
      </c>
      <c r="E21297" s="15">
        <v>45503</v>
      </c>
      <c r="F21297" s="14" t="s">
        <v>61</v>
      </c>
      <c r="G21297" s="16">
        <v>0</v>
      </c>
    </row>
    <row r="21298" spans="1:7" x14ac:dyDescent="0.3">
      <c r="A21298" s="13" t="s">
        <v>145</v>
      </c>
      <c r="B21298" s="14" t="s">
        <v>1</v>
      </c>
      <c r="C21298" s="14" t="s">
        <v>41</v>
      </c>
      <c r="D21298" s="14" t="s">
        <v>146</v>
      </c>
      <c r="E21298" s="15">
        <v>45504</v>
      </c>
      <c r="F21298" s="14" t="s">
        <v>61</v>
      </c>
      <c r="G21298" s="16">
        <v>0</v>
      </c>
    </row>
    <row r="21299" spans="1:7" x14ac:dyDescent="0.3">
      <c r="A21299" s="13" t="s">
        <v>145</v>
      </c>
      <c r="B21299" s="14" t="s">
        <v>1</v>
      </c>
      <c r="C21299" s="14" t="s">
        <v>41</v>
      </c>
      <c r="D21299" s="14" t="s">
        <v>146</v>
      </c>
      <c r="E21299" s="15">
        <v>45505</v>
      </c>
      <c r="F21299" s="14" t="s">
        <v>61</v>
      </c>
      <c r="G21299" s="16">
        <v>0</v>
      </c>
    </row>
    <row r="21300" spans="1:7" x14ac:dyDescent="0.3">
      <c r="A21300" s="13" t="s">
        <v>145</v>
      </c>
      <c r="B21300" s="14" t="s">
        <v>1</v>
      </c>
      <c r="C21300" s="14" t="s">
        <v>41</v>
      </c>
      <c r="D21300" s="14" t="s">
        <v>146</v>
      </c>
      <c r="E21300" s="15">
        <v>45506</v>
      </c>
      <c r="F21300" s="14" t="s">
        <v>61</v>
      </c>
      <c r="G21300" s="16">
        <v>0</v>
      </c>
    </row>
    <row r="21301" spans="1:7" x14ac:dyDescent="0.3">
      <c r="A21301" s="13" t="s">
        <v>145</v>
      </c>
      <c r="B21301" s="14" t="s">
        <v>1</v>
      </c>
      <c r="C21301" s="14" t="s">
        <v>41</v>
      </c>
      <c r="D21301" s="14" t="s">
        <v>146</v>
      </c>
      <c r="E21301" s="15">
        <v>45507</v>
      </c>
      <c r="F21301" s="14" t="s">
        <v>61</v>
      </c>
      <c r="G21301" s="16">
        <v>0</v>
      </c>
    </row>
    <row r="21302" spans="1:7" x14ac:dyDescent="0.3">
      <c r="A21302" s="13" t="s">
        <v>145</v>
      </c>
      <c r="B21302" s="14" t="s">
        <v>1</v>
      </c>
      <c r="C21302" s="14" t="s">
        <v>41</v>
      </c>
      <c r="D21302" s="14" t="s">
        <v>146</v>
      </c>
      <c r="E21302" s="15">
        <v>45508</v>
      </c>
      <c r="F21302" s="14" t="s">
        <v>61</v>
      </c>
      <c r="G21302" s="16">
        <v>0</v>
      </c>
    </row>
    <row r="21303" spans="1:7" x14ac:dyDescent="0.3">
      <c r="A21303" s="13" t="s">
        <v>145</v>
      </c>
      <c r="B21303" s="14" t="s">
        <v>1</v>
      </c>
      <c r="C21303" s="14" t="s">
        <v>41</v>
      </c>
      <c r="D21303" s="14" t="s">
        <v>146</v>
      </c>
      <c r="E21303" s="15">
        <v>45509</v>
      </c>
      <c r="F21303" s="14" t="s">
        <v>61</v>
      </c>
      <c r="G21303" s="16">
        <v>0</v>
      </c>
    </row>
    <row r="21304" spans="1:7" x14ac:dyDescent="0.3">
      <c r="A21304" s="13" t="s">
        <v>145</v>
      </c>
      <c r="B21304" s="14" t="s">
        <v>1</v>
      </c>
      <c r="C21304" s="14" t="s">
        <v>41</v>
      </c>
      <c r="D21304" s="14" t="s">
        <v>146</v>
      </c>
      <c r="E21304" s="15">
        <v>45510</v>
      </c>
      <c r="F21304" s="14" t="s">
        <v>61</v>
      </c>
      <c r="G21304" s="16">
        <v>0</v>
      </c>
    </row>
    <row r="21305" spans="1:7" x14ac:dyDescent="0.3">
      <c r="A21305" s="13" t="s">
        <v>145</v>
      </c>
      <c r="B21305" s="14" t="s">
        <v>1</v>
      </c>
      <c r="C21305" s="14" t="s">
        <v>41</v>
      </c>
      <c r="D21305" s="14" t="s">
        <v>146</v>
      </c>
      <c r="E21305" s="15">
        <v>45511</v>
      </c>
      <c r="F21305" s="14" t="s">
        <v>61</v>
      </c>
      <c r="G21305" s="16">
        <v>0</v>
      </c>
    </row>
    <row r="21306" spans="1:7" x14ac:dyDescent="0.3">
      <c r="A21306" s="13" t="s">
        <v>145</v>
      </c>
      <c r="B21306" s="14" t="s">
        <v>1</v>
      </c>
      <c r="C21306" s="14" t="s">
        <v>41</v>
      </c>
      <c r="D21306" s="14" t="s">
        <v>146</v>
      </c>
      <c r="E21306" s="15">
        <v>45512</v>
      </c>
      <c r="F21306" s="14" t="s">
        <v>61</v>
      </c>
      <c r="G21306" s="16">
        <v>0</v>
      </c>
    </row>
    <row r="21307" spans="1:7" x14ac:dyDescent="0.3">
      <c r="A21307" s="13" t="s">
        <v>145</v>
      </c>
      <c r="B21307" s="14" t="s">
        <v>1</v>
      </c>
      <c r="C21307" s="14" t="s">
        <v>41</v>
      </c>
      <c r="D21307" s="14" t="s">
        <v>146</v>
      </c>
      <c r="E21307" s="15">
        <v>45513</v>
      </c>
      <c r="F21307" s="14" t="s">
        <v>61</v>
      </c>
      <c r="G21307" s="16">
        <v>0</v>
      </c>
    </row>
    <row r="21308" spans="1:7" x14ac:dyDescent="0.3">
      <c r="A21308" s="13" t="s">
        <v>145</v>
      </c>
      <c r="B21308" s="14" t="s">
        <v>1</v>
      </c>
      <c r="C21308" s="14" t="s">
        <v>41</v>
      </c>
      <c r="D21308" s="14" t="s">
        <v>146</v>
      </c>
      <c r="E21308" s="15">
        <v>45514</v>
      </c>
      <c r="F21308" s="14" t="s">
        <v>61</v>
      </c>
      <c r="G21308" s="16">
        <v>0</v>
      </c>
    </row>
    <row r="21309" spans="1:7" x14ac:dyDescent="0.3">
      <c r="A21309" s="13" t="s">
        <v>145</v>
      </c>
      <c r="B21309" s="14" t="s">
        <v>1</v>
      </c>
      <c r="C21309" s="14" t="s">
        <v>41</v>
      </c>
      <c r="D21309" s="14" t="s">
        <v>146</v>
      </c>
      <c r="E21309" s="15">
        <v>45515</v>
      </c>
      <c r="F21309" s="14" t="s">
        <v>61</v>
      </c>
      <c r="G21309" s="16">
        <v>0</v>
      </c>
    </row>
    <row r="21310" spans="1:7" x14ac:dyDescent="0.3">
      <c r="A21310" s="13" t="s">
        <v>145</v>
      </c>
      <c r="B21310" s="14" t="s">
        <v>1</v>
      </c>
      <c r="C21310" s="14" t="s">
        <v>41</v>
      </c>
      <c r="D21310" s="14" t="s">
        <v>146</v>
      </c>
      <c r="E21310" s="15">
        <v>45516</v>
      </c>
      <c r="F21310" s="14" t="s">
        <v>61</v>
      </c>
      <c r="G21310" s="16">
        <v>0</v>
      </c>
    </row>
    <row r="21311" spans="1:7" x14ac:dyDescent="0.3">
      <c r="A21311" s="13" t="s">
        <v>145</v>
      </c>
      <c r="B21311" s="14" t="s">
        <v>1</v>
      </c>
      <c r="C21311" s="14" t="s">
        <v>41</v>
      </c>
      <c r="D21311" s="14" t="s">
        <v>146</v>
      </c>
      <c r="E21311" s="15">
        <v>45517</v>
      </c>
      <c r="F21311" s="14" t="s">
        <v>61</v>
      </c>
      <c r="G21311" s="16">
        <v>0</v>
      </c>
    </row>
    <row r="21312" spans="1:7" x14ac:dyDescent="0.3">
      <c r="A21312" s="13" t="s">
        <v>145</v>
      </c>
      <c r="B21312" s="14" t="s">
        <v>1</v>
      </c>
      <c r="C21312" s="14" t="s">
        <v>41</v>
      </c>
      <c r="D21312" s="14" t="s">
        <v>146</v>
      </c>
      <c r="E21312" s="15">
        <v>45518</v>
      </c>
      <c r="F21312" s="14" t="s">
        <v>61</v>
      </c>
      <c r="G21312" s="16">
        <v>0</v>
      </c>
    </row>
    <row r="21313" spans="1:7" x14ac:dyDescent="0.3">
      <c r="A21313" s="13" t="s">
        <v>145</v>
      </c>
      <c r="B21313" s="14" t="s">
        <v>1</v>
      </c>
      <c r="C21313" s="14" t="s">
        <v>41</v>
      </c>
      <c r="D21313" s="14" t="s">
        <v>146</v>
      </c>
      <c r="E21313" s="15">
        <v>45519</v>
      </c>
      <c r="F21313" s="14" t="s">
        <v>61</v>
      </c>
      <c r="G21313" s="16">
        <v>0</v>
      </c>
    </row>
    <row r="21314" spans="1:7" x14ac:dyDescent="0.3">
      <c r="A21314" s="13" t="s">
        <v>145</v>
      </c>
      <c r="B21314" s="14" t="s">
        <v>1</v>
      </c>
      <c r="C21314" s="14" t="s">
        <v>41</v>
      </c>
      <c r="D21314" s="14" t="s">
        <v>146</v>
      </c>
      <c r="E21314" s="15">
        <v>45520</v>
      </c>
      <c r="F21314" s="14" t="s">
        <v>61</v>
      </c>
      <c r="G21314" s="16">
        <v>0</v>
      </c>
    </row>
    <row r="21315" spans="1:7" x14ac:dyDescent="0.3">
      <c r="A21315" s="13" t="s">
        <v>145</v>
      </c>
      <c r="B21315" s="14" t="s">
        <v>1</v>
      </c>
      <c r="C21315" s="14" t="s">
        <v>41</v>
      </c>
      <c r="D21315" s="14" t="s">
        <v>146</v>
      </c>
      <c r="E21315" s="15">
        <v>45521</v>
      </c>
      <c r="F21315" s="14" t="s">
        <v>61</v>
      </c>
      <c r="G21315" s="16">
        <v>0</v>
      </c>
    </row>
    <row r="21316" spans="1:7" x14ac:dyDescent="0.3">
      <c r="A21316" s="13" t="s">
        <v>145</v>
      </c>
      <c r="B21316" s="14" t="s">
        <v>1</v>
      </c>
      <c r="C21316" s="14" t="s">
        <v>41</v>
      </c>
      <c r="D21316" s="14" t="s">
        <v>146</v>
      </c>
      <c r="E21316" s="15">
        <v>45522</v>
      </c>
      <c r="F21316" s="14" t="s">
        <v>61</v>
      </c>
      <c r="G21316" s="16">
        <v>0</v>
      </c>
    </row>
    <row r="21317" spans="1:7" x14ac:dyDescent="0.3">
      <c r="A21317" s="13" t="s">
        <v>145</v>
      </c>
      <c r="B21317" s="14" t="s">
        <v>1</v>
      </c>
      <c r="C21317" s="14" t="s">
        <v>41</v>
      </c>
      <c r="D21317" s="14" t="s">
        <v>146</v>
      </c>
      <c r="E21317" s="15">
        <v>45523</v>
      </c>
      <c r="F21317" s="14" t="s">
        <v>61</v>
      </c>
      <c r="G21317" s="16">
        <v>0</v>
      </c>
    </row>
    <row r="21318" spans="1:7" x14ac:dyDescent="0.3">
      <c r="A21318" s="13" t="s">
        <v>145</v>
      </c>
      <c r="B21318" s="14" t="s">
        <v>1</v>
      </c>
      <c r="C21318" s="14" t="s">
        <v>41</v>
      </c>
      <c r="D21318" s="14" t="s">
        <v>146</v>
      </c>
      <c r="E21318" s="15">
        <v>45524</v>
      </c>
      <c r="F21318" s="14" t="s">
        <v>61</v>
      </c>
      <c r="G21318" s="16">
        <v>0</v>
      </c>
    </row>
    <row r="21319" spans="1:7" x14ac:dyDescent="0.3">
      <c r="A21319" s="13" t="s">
        <v>145</v>
      </c>
      <c r="B21319" s="14" t="s">
        <v>1</v>
      </c>
      <c r="C21319" s="14" t="s">
        <v>41</v>
      </c>
      <c r="D21319" s="14" t="s">
        <v>146</v>
      </c>
      <c r="E21319" s="15">
        <v>45525</v>
      </c>
      <c r="F21319" s="14" t="s">
        <v>61</v>
      </c>
      <c r="G21319" s="16">
        <v>0</v>
      </c>
    </row>
    <row r="21320" spans="1:7" x14ac:dyDescent="0.3">
      <c r="A21320" s="13" t="s">
        <v>145</v>
      </c>
      <c r="B21320" s="14" t="s">
        <v>1</v>
      </c>
      <c r="C21320" s="14" t="s">
        <v>41</v>
      </c>
      <c r="D21320" s="14" t="s">
        <v>146</v>
      </c>
      <c r="E21320" s="15">
        <v>45526</v>
      </c>
      <c r="F21320" s="14" t="s">
        <v>61</v>
      </c>
      <c r="G21320" s="16">
        <v>0</v>
      </c>
    </row>
    <row r="21321" spans="1:7" x14ac:dyDescent="0.3">
      <c r="A21321" s="13" t="s">
        <v>145</v>
      </c>
      <c r="B21321" s="14" t="s">
        <v>1</v>
      </c>
      <c r="C21321" s="14" t="s">
        <v>41</v>
      </c>
      <c r="D21321" s="14" t="s">
        <v>146</v>
      </c>
      <c r="E21321" s="15">
        <v>45527</v>
      </c>
      <c r="F21321" s="14" t="s">
        <v>61</v>
      </c>
      <c r="G21321" s="16">
        <v>0</v>
      </c>
    </row>
    <row r="21322" spans="1:7" x14ac:dyDescent="0.3">
      <c r="A21322" s="13" t="s">
        <v>145</v>
      </c>
      <c r="B21322" s="14" t="s">
        <v>1</v>
      </c>
      <c r="C21322" s="14" t="s">
        <v>41</v>
      </c>
      <c r="D21322" s="14" t="s">
        <v>146</v>
      </c>
      <c r="E21322" s="15">
        <v>45528</v>
      </c>
      <c r="F21322" s="14" t="s">
        <v>61</v>
      </c>
      <c r="G21322" s="16">
        <v>0</v>
      </c>
    </row>
    <row r="21323" spans="1:7" x14ac:dyDescent="0.3">
      <c r="A21323" s="13" t="s">
        <v>145</v>
      </c>
      <c r="B21323" s="14" t="s">
        <v>1</v>
      </c>
      <c r="C21323" s="14" t="s">
        <v>41</v>
      </c>
      <c r="D21323" s="14" t="s">
        <v>146</v>
      </c>
      <c r="E21323" s="15">
        <v>45529</v>
      </c>
      <c r="F21323" s="14" t="s">
        <v>61</v>
      </c>
      <c r="G21323" s="16">
        <v>0</v>
      </c>
    </row>
    <row r="21324" spans="1:7" x14ac:dyDescent="0.3">
      <c r="A21324" s="13" t="s">
        <v>145</v>
      </c>
      <c r="B21324" s="14" t="s">
        <v>1</v>
      </c>
      <c r="C21324" s="14" t="s">
        <v>41</v>
      </c>
      <c r="D21324" s="14" t="s">
        <v>146</v>
      </c>
      <c r="E21324" s="15">
        <v>45530</v>
      </c>
      <c r="F21324" s="14" t="s">
        <v>61</v>
      </c>
      <c r="G21324" s="16">
        <v>0</v>
      </c>
    </row>
    <row r="21325" spans="1:7" x14ac:dyDescent="0.3">
      <c r="A21325" s="13" t="s">
        <v>145</v>
      </c>
      <c r="B21325" s="14" t="s">
        <v>1</v>
      </c>
      <c r="C21325" s="14" t="s">
        <v>41</v>
      </c>
      <c r="D21325" s="14" t="s">
        <v>146</v>
      </c>
      <c r="E21325" s="15">
        <v>45531</v>
      </c>
      <c r="F21325" s="14" t="s">
        <v>61</v>
      </c>
      <c r="G21325" s="16">
        <v>0</v>
      </c>
    </row>
    <row r="21326" spans="1:7" x14ac:dyDescent="0.3">
      <c r="A21326" s="13" t="s">
        <v>145</v>
      </c>
      <c r="B21326" s="14" t="s">
        <v>1</v>
      </c>
      <c r="C21326" s="14" t="s">
        <v>41</v>
      </c>
      <c r="D21326" s="14" t="s">
        <v>146</v>
      </c>
      <c r="E21326" s="15">
        <v>45532</v>
      </c>
      <c r="F21326" s="14" t="s">
        <v>61</v>
      </c>
      <c r="G21326" s="16">
        <v>0</v>
      </c>
    </row>
    <row r="21327" spans="1:7" x14ac:dyDescent="0.3">
      <c r="A21327" s="13" t="s">
        <v>145</v>
      </c>
      <c r="B21327" s="14" t="s">
        <v>1</v>
      </c>
      <c r="C21327" s="14" t="s">
        <v>41</v>
      </c>
      <c r="D21327" s="14" t="s">
        <v>146</v>
      </c>
      <c r="E21327" s="15">
        <v>45533</v>
      </c>
      <c r="F21327" s="14" t="s">
        <v>61</v>
      </c>
      <c r="G21327" s="16">
        <v>0</v>
      </c>
    </row>
    <row r="21328" spans="1:7" x14ac:dyDescent="0.3">
      <c r="A21328" s="13" t="s">
        <v>145</v>
      </c>
      <c r="B21328" s="14" t="s">
        <v>1</v>
      </c>
      <c r="C21328" s="14" t="s">
        <v>41</v>
      </c>
      <c r="D21328" s="14" t="s">
        <v>146</v>
      </c>
      <c r="E21328" s="15">
        <v>45534</v>
      </c>
      <c r="F21328" s="14" t="s">
        <v>61</v>
      </c>
      <c r="G21328" s="16">
        <v>0</v>
      </c>
    </row>
    <row r="21329" spans="1:7" x14ac:dyDescent="0.3">
      <c r="A21329" s="13" t="s">
        <v>145</v>
      </c>
      <c r="B21329" s="14" t="s">
        <v>1</v>
      </c>
      <c r="C21329" s="14" t="s">
        <v>41</v>
      </c>
      <c r="D21329" s="14" t="s">
        <v>146</v>
      </c>
      <c r="E21329" s="15">
        <v>45535</v>
      </c>
      <c r="F21329" s="14" t="s">
        <v>61</v>
      </c>
      <c r="G21329" s="16">
        <v>0</v>
      </c>
    </row>
    <row r="21330" spans="1:7" x14ac:dyDescent="0.3">
      <c r="A21330" s="13" t="s">
        <v>145</v>
      </c>
      <c r="B21330" s="14" t="s">
        <v>1</v>
      </c>
      <c r="C21330" s="14" t="s">
        <v>41</v>
      </c>
      <c r="D21330" s="14" t="s">
        <v>146</v>
      </c>
      <c r="E21330" s="15">
        <v>45536</v>
      </c>
      <c r="F21330" s="14" t="s">
        <v>61</v>
      </c>
      <c r="G21330" s="16">
        <v>0</v>
      </c>
    </row>
    <row r="21331" spans="1:7" x14ac:dyDescent="0.3">
      <c r="A21331" s="13" t="s">
        <v>145</v>
      </c>
      <c r="B21331" s="14" t="s">
        <v>1</v>
      </c>
      <c r="C21331" s="14" t="s">
        <v>41</v>
      </c>
      <c r="D21331" s="14" t="s">
        <v>146</v>
      </c>
      <c r="E21331" s="15">
        <v>45537</v>
      </c>
      <c r="F21331" s="14" t="s">
        <v>61</v>
      </c>
      <c r="G21331" s="16">
        <v>0</v>
      </c>
    </row>
    <row r="21332" spans="1:7" x14ac:dyDescent="0.3">
      <c r="A21332" s="13" t="s">
        <v>145</v>
      </c>
      <c r="B21332" s="14" t="s">
        <v>1</v>
      </c>
      <c r="C21332" s="14" t="s">
        <v>41</v>
      </c>
      <c r="D21332" s="14" t="s">
        <v>146</v>
      </c>
      <c r="E21332" s="15">
        <v>45538</v>
      </c>
      <c r="F21332" s="14" t="s">
        <v>61</v>
      </c>
      <c r="G21332" s="16">
        <v>0</v>
      </c>
    </row>
    <row r="21333" spans="1:7" x14ac:dyDescent="0.3">
      <c r="A21333" s="13" t="s">
        <v>145</v>
      </c>
      <c r="B21333" s="14" t="s">
        <v>1</v>
      </c>
      <c r="C21333" s="14" t="s">
        <v>41</v>
      </c>
      <c r="D21333" s="14" t="s">
        <v>146</v>
      </c>
      <c r="E21333" s="15">
        <v>45539</v>
      </c>
      <c r="F21333" s="14" t="s">
        <v>61</v>
      </c>
      <c r="G21333" s="16">
        <v>0</v>
      </c>
    </row>
    <row r="21334" spans="1:7" x14ac:dyDescent="0.3">
      <c r="A21334" s="13" t="s">
        <v>145</v>
      </c>
      <c r="B21334" s="14" t="s">
        <v>1</v>
      </c>
      <c r="C21334" s="14" t="s">
        <v>41</v>
      </c>
      <c r="D21334" s="14" t="s">
        <v>146</v>
      </c>
      <c r="E21334" s="15">
        <v>45540</v>
      </c>
      <c r="F21334" s="14" t="s">
        <v>61</v>
      </c>
      <c r="G21334" s="16">
        <v>0</v>
      </c>
    </row>
    <row r="21335" spans="1:7" x14ac:dyDescent="0.3">
      <c r="A21335" s="13" t="s">
        <v>145</v>
      </c>
      <c r="B21335" s="14" t="s">
        <v>1</v>
      </c>
      <c r="C21335" s="14" t="s">
        <v>41</v>
      </c>
      <c r="D21335" s="14" t="s">
        <v>146</v>
      </c>
      <c r="E21335" s="15">
        <v>45541</v>
      </c>
      <c r="F21335" s="14" t="s">
        <v>61</v>
      </c>
      <c r="G21335" s="16">
        <v>0</v>
      </c>
    </row>
    <row r="21336" spans="1:7" x14ac:dyDescent="0.3">
      <c r="A21336" s="13" t="s">
        <v>145</v>
      </c>
      <c r="B21336" s="14" t="s">
        <v>1</v>
      </c>
      <c r="C21336" s="14" t="s">
        <v>41</v>
      </c>
      <c r="D21336" s="14" t="s">
        <v>146</v>
      </c>
      <c r="E21336" s="15">
        <v>45542</v>
      </c>
      <c r="F21336" s="14" t="s">
        <v>61</v>
      </c>
      <c r="G21336" s="16">
        <v>0</v>
      </c>
    </row>
    <row r="21337" spans="1:7" x14ac:dyDescent="0.3">
      <c r="A21337" s="13" t="s">
        <v>145</v>
      </c>
      <c r="B21337" s="14" t="s">
        <v>1</v>
      </c>
      <c r="C21337" s="14" t="s">
        <v>41</v>
      </c>
      <c r="D21337" s="14" t="s">
        <v>146</v>
      </c>
      <c r="E21337" s="15">
        <v>45543</v>
      </c>
      <c r="F21337" s="14" t="s">
        <v>61</v>
      </c>
      <c r="G21337" s="16">
        <v>0</v>
      </c>
    </row>
    <row r="21338" spans="1:7" x14ac:dyDescent="0.3">
      <c r="A21338" s="13" t="s">
        <v>145</v>
      </c>
      <c r="B21338" s="14" t="s">
        <v>1</v>
      </c>
      <c r="C21338" s="14" t="s">
        <v>41</v>
      </c>
      <c r="D21338" s="14" t="s">
        <v>146</v>
      </c>
      <c r="E21338" s="15">
        <v>45544</v>
      </c>
      <c r="F21338" s="14" t="s">
        <v>61</v>
      </c>
      <c r="G21338" s="16">
        <v>0</v>
      </c>
    </row>
    <row r="21339" spans="1:7" x14ac:dyDescent="0.3">
      <c r="A21339" s="13" t="s">
        <v>145</v>
      </c>
      <c r="B21339" s="14" t="s">
        <v>1</v>
      </c>
      <c r="C21339" s="14" t="s">
        <v>41</v>
      </c>
      <c r="D21339" s="14" t="s">
        <v>146</v>
      </c>
      <c r="E21339" s="15">
        <v>45545</v>
      </c>
      <c r="F21339" s="14" t="s">
        <v>61</v>
      </c>
      <c r="G21339" s="16">
        <v>0</v>
      </c>
    </row>
    <row r="21340" spans="1:7" x14ac:dyDescent="0.3">
      <c r="A21340" s="13" t="s">
        <v>145</v>
      </c>
      <c r="B21340" s="14" t="s">
        <v>1</v>
      </c>
      <c r="C21340" s="14" t="s">
        <v>41</v>
      </c>
      <c r="D21340" s="14" t="s">
        <v>146</v>
      </c>
      <c r="E21340" s="15">
        <v>45546</v>
      </c>
      <c r="F21340" s="14" t="s">
        <v>61</v>
      </c>
      <c r="G21340" s="16">
        <v>0</v>
      </c>
    </row>
    <row r="21341" spans="1:7" x14ac:dyDescent="0.3">
      <c r="A21341" s="13" t="s">
        <v>145</v>
      </c>
      <c r="B21341" s="14" t="s">
        <v>1</v>
      </c>
      <c r="C21341" s="14" t="s">
        <v>41</v>
      </c>
      <c r="D21341" s="14" t="s">
        <v>146</v>
      </c>
      <c r="E21341" s="15">
        <v>45547</v>
      </c>
      <c r="F21341" s="14" t="s">
        <v>61</v>
      </c>
      <c r="G21341" s="16">
        <v>0</v>
      </c>
    </row>
    <row r="21342" spans="1:7" x14ac:dyDescent="0.3">
      <c r="A21342" s="13" t="s">
        <v>145</v>
      </c>
      <c r="B21342" s="14" t="s">
        <v>1</v>
      </c>
      <c r="C21342" s="14" t="s">
        <v>41</v>
      </c>
      <c r="D21342" s="14" t="s">
        <v>146</v>
      </c>
      <c r="E21342" s="15">
        <v>45548</v>
      </c>
      <c r="F21342" s="14" t="s">
        <v>61</v>
      </c>
      <c r="G21342" s="16">
        <v>0</v>
      </c>
    </row>
    <row r="21343" spans="1:7" x14ac:dyDescent="0.3">
      <c r="A21343" s="13" t="s">
        <v>145</v>
      </c>
      <c r="B21343" s="14" t="s">
        <v>1</v>
      </c>
      <c r="C21343" s="14" t="s">
        <v>41</v>
      </c>
      <c r="D21343" s="14" t="s">
        <v>146</v>
      </c>
      <c r="E21343" s="15">
        <v>45549</v>
      </c>
      <c r="F21343" s="14" t="s">
        <v>61</v>
      </c>
      <c r="G21343" s="16">
        <v>0</v>
      </c>
    </row>
    <row r="21344" spans="1:7" x14ac:dyDescent="0.3">
      <c r="A21344" s="13" t="s">
        <v>145</v>
      </c>
      <c r="B21344" s="14" t="s">
        <v>1</v>
      </c>
      <c r="C21344" s="14" t="s">
        <v>41</v>
      </c>
      <c r="D21344" s="14" t="s">
        <v>146</v>
      </c>
      <c r="E21344" s="15">
        <v>45550</v>
      </c>
      <c r="F21344" s="14" t="s">
        <v>61</v>
      </c>
      <c r="G21344" s="16">
        <v>0</v>
      </c>
    </row>
    <row r="21345" spans="1:7" x14ac:dyDescent="0.3">
      <c r="A21345" s="13" t="s">
        <v>145</v>
      </c>
      <c r="B21345" s="14" t="s">
        <v>1</v>
      </c>
      <c r="C21345" s="14" t="s">
        <v>41</v>
      </c>
      <c r="D21345" s="14" t="s">
        <v>146</v>
      </c>
      <c r="E21345" s="15">
        <v>45551</v>
      </c>
      <c r="F21345" s="14" t="s">
        <v>61</v>
      </c>
      <c r="G21345" s="16">
        <v>0</v>
      </c>
    </row>
    <row r="21346" spans="1:7" x14ac:dyDescent="0.3">
      <c r="A21346" s="13" t="s">
        <v>145</v>
      </c>
      <c r="B21346" s="14" t="s">
        <v>1</v>
      </c>
      <c r="C21346" s="14" t="s">
        <v>41</v>
      </c>
      <c r="D21346" s="14" t="s">
        <v>146</v>
      </c>
      <c r="E21346" s="15">
        <v>45552</v>
      </c>
      <c r="F21346" s="14" t="s">
        <v>61</v>
      </c>
      <c r="G21346" s="16">
        <v>0</v>
      </c>
    </row>
    <row r="21347" spans="1:7" x14ac:dyDescent="0.3">
      <c r="A21347" s="13" t="s">
        <v>145</v>
      </c>
      <c r="B21347" s="14" t="s">
        <v>1</v>
      </c>
      <c r="C21347" s="14" t="s">
        <v>41</v>
      </c>
      <c r="D21347" s="14" t="s">
        <v>146</v>
      </c>
      <c r="E21347" s="15">
        <v>45553</v>
      </c>
      <c r="F21347" s="14" t="s">
        <v>61</v>
      </c>
      <c r="G21347" s="16">
        <v>0</v>
      </c>
    </row>
    <row r="21348" spans="1:7" x14ac:dyDescent="0.3">
      <c r="A21348" s="13" t="s">
        <v>145</v>
      </c>
      <c r="B21348" s="14" t="s">
        <v>1</v>
      </c>
      <c r="C21348" s="14" t="s">
        <v>41</v>
      </c>
      <c r="D21348" s="14" t="s">
        <v>146</v>
      </c>
      <c r="E21348" s="15">
        <v>45554</v>
      </c>
      <c r="F21348" s="14" t="s">
        <v>61</v>
      </c>
      <c r="G21348" s="16">
        <v>0</v>
      </c>
    </row>
    <row r="21349" spans="1:7" x14ac:dyDescent="0.3">
      <c r="A21349" s="13" t="s">
        <v>145</v>
      </c>
      <c r="B21349" s="14" t="s">
        <v>1</v>
      </c>
      <c r="C21349" s="14" t="s">
        <v>41</v>
      </c>
      <c r="D21349" s="14" t="s">
        <v>146</v>
      </c>
      <c r="E21349" s="15">
        <v>45555</v>
      </c>
      <c r="F21349" s="14" t="s">
        <v>61</v>
      </c>
      <c r="G21349" s="16">
        <v>0</v>
      </c>
    </row>
    <row r="21350" spans="1:7" x14ac:dyDescent="0.3">
      <c r="A21350" s="13" t="s">
        <v>145</v>
      </c>
      <c r="B21350" s="14" t="s">
        <v>1</v>
      </c>
      <c r="C21350" s="14" t="s">
        <v>41</v>
      </c>
      <c r="D21350" s="14" t="s">
        <v>146</v>
      </c>
      <c r="E21350" s="15">
        <v>45556</v>
      </c>
      <c r="F21350" s="14" t="s">
        <v>61</v>
      </c>
      <c r="G21350" s="16">
        <v>0</v>
      </c>
    </row>
    <row r="21351" spans="1:7" x14ac:dyDescent="0.3">
      <c r="A21351" s="13" t="s">
        <v>145</v>
      </c>
      <c r="B21351" s="14" t="s">
        <v>1</v>
      </c>
      <c r="C21351" s="14" t="s">
        <v>41</v>
      </c>
      <c r="D21351" s="14" t="s">
        <v>146</v>
      </c>
      <c r="E21351" s="15">
        <v>45557</v>
      </c>
      <c r="F21351" s="14" t="s">
        <v>61</v>
      </c>
      <c r="G21351" s="16">
        <v>0</v>
      </c>
    </row>
    <row r="21352" spans="1:7" x14ac:dyDescent="0.3">
      <c r="A21352" s="13" t="s">
        <v>145</v>
      </c>
      <c r="B21352" s="14" t="s">
        <v>1</v>
      </c>
      <c r="C21352" s="14" t="s">
        <v>41</v>
      </c>
      <c r="D21352" s="14" t="s">
        <v>146</v>
      </c>
      <c r="E21352" s="15">
        <v>45558</v>
      </c>
      <c r="F21352" s="14" t="s">
        <v>61</v>
      </c>
      <c r="G21352" s="16">
        <v>0</v>
      </c>
    </row>
    <row r="21353" spans="1:7" x14ac:dyDescent="0.3">
      <c r="A21353" s="13" t="s">
        <v>145</v>
      </c>
      <c r="B21353" s="14" t="s">
        <v>1</v>
      </c>
      <c r="C21353" s="14" t="s">
        <v>41</v>
      </c>
      <c r="D21353" s="14" t="s">
        <v>146</v>
      </c>
      <c r="E21353" s="15">
        <v>45559</v>
      </c>
      <c r="F21353" s="14" t="s">
        <v>61</v>
      </c>
      <c r="G21353" s="16">
        <v>0</v>
      </c>
    </row>
    <row r="21354" spans="1:7" x14ac:dyDescent="0.3">
      <c r="A21354" s="13" t="s">
        <v>145</v>
      </c>
      <c r="B21354" s="14" t="s">
        <v>1</v>
      </c>
      <c r="C21354" s="14" t="s">
        <v>41</v>
      </c>
      <c r="D21354" s="14" t="s">
        <v>146</v>
      </c>
      <c r="E21354" s="15">
        <v>45560</v>
      </c>
      <c r="F21354" s="14" t="s">
        <v>61</v>
      </c>
      <c r="G21354" s="16">
        <v>0</v>
      </c>
    </row>
    <row r="21355" spans="1:7" x14ac:dyDescent="0.3">
      <c r="A21355" s="13" t="s">
        <v>145</v>
      </c>
      <c r="B21355" s="14" t="s">
        <v>1</v>
      </c>
      <c r="C21355" s="14" t="s">
        <v>41</v>
      </c>
      <c r="D21355" s="14" t="s">
        <v>146</v>
      </c>
      <c r="E21355" s="15">
        <v>45561</v>
      </c>
      <c r="F21355" s="14" t="s">
        <v>61</v>
      </c>
      <c r="G21355" s="16">
        <v>0</v>
      </c>
    </row>
    <row r="21356" spans="1:7" x14ac:dyDescent="0.3">
      <c r="A21356" s="13" t="s">
        <v>145</v>
      </c>
      <c r="B21356" s="14" t="s">
        <v>1</v>
      </c>
      <c r="C21356" s="14" t="s">
        <v>41</v>
      </c>
      <c r="D21356" s="14" t="s">
        <v>146</v>
      </c>
      <c r="E21356" s="15">
        <v>45562</v>
      </c>
      <c r="F21356" s="14" t="s">
        <v>61</v>
      </c>
      <c r="G21356" s="16">
        <v>0</v>
      </c>
    </row>
    <row r="21357" spans="1:7" x14ac:dyDescent="0.3">
      <c r="A21357" s="13" t="s">
        <v>145</v>
      </c>
      <c r="B21357" s="14" t="s">
        <v>1</v>
      </c>
      <c r="C21357" s="14" t="s">
        <v>41</v>
      </c>
      <c r="D21357" s="14" t="s">
        <v>146</v>
      </c>
      <c r="E21357" s="15">
        <v>45563</v>
      </c>
      <c r="F21357" s="14" t="s">
        <v>61</v>
      </c>
      <c r="G21357" s="16">
        <v>0</v>
      </c>
    </row>
    <row r="21358" spans="1:7" x14ac:dyDescent="0.3">
      <c r="A21358" s="13" t="s">
        <v>145</v>
      </c>
      <c r="B21358" s="14" t="s">
        <v>1</v>
      </c>
      <c r="C21358" s="14" t="s">
        <v>41</v>
      </c>
      <c r="D21358" s="14" t="s">
        <v>146</v>
      </c>
      <c r="E21358" s="15">
        <v>45564</v>
      </c>
      <c r="F21358" s="14" t="s">
        <v>61</v>
      </c>
      <c r="G21358" s="16">
        <v>0</v>
      </c>
    </row>
    <row r="21359" spans="1:7" x14ac:dyDescent="0.3">
      <c r="A21359" s="13" t="s">
        <v>145</v>
      </c>
      <c r="B21359" s="14" t="s">
        <v>1</v>
      </c>
      <c r="C21359" s="14" t="s">
        <v>41</v>
      </c>
      <c r="D21359" s="14" t="s">
        <v>146</v>
      </c>
      <c r="E21359" s="15">
        <v>45565</v>
      </c>
      <c r="F21359" s="14" t="s">
        <v>61</v>
      </c>
      <c r="G21359" s="16">
        <v>0.37146130915099074</v>
      </c>
    </row>
    <row r="21360" spans="1:7" x14ac:dyDescent="0.3">
      <c r="A21360" s="13" t="s">
        <v>145</v>
      </c>
      <c r="B21360" s="14" t="s">
        <v>1</v>
      </c>
      <c r="C21360" s="14" t="s">
        <v>41</v>
      </c>
      <c r="D21360" s="14" t="s">
        <v>146</v>
      </c>
      <c r="E21360" s="15">
        <v>45566</v>
      </c>
      <c r="F21360" s="14" t="s">
        <v>61</v>
      </c>
      <c r="G21360" s="16">
        <v>0.36105331909627131</v>
      </c>
    </row>
    <row r="21361" spans="1:7" x14ac:dyDescent="0.3">
      <c r="A21361" s="13" t="s">
        <v>145</v>
      </c>
      <c r="B21361" s="14" t="s">
        <v>1</v>
      </c>
      <c r="C21361" s="14" t="s">
        <v>41</v>
      </c>
      <c r="D21361" s="14" t="s">
        <v>146</v>
      </c>
      <c r="E21361" s="15">
        <v>45567</v>
      </c>
      <c r="F21361" s="14" t="s">
        <v>61</v>
      </c>
      <c r="G21361" s="16">
        <v>0.35061228289451701</v>
      </c>
    </row>
    <row r="21362" spans="1:7" x14ac:dyDescent="0.3">
      <c r="A21362" s="13" t="s">
        <v>145</v>
      </c>
      <c r="B21362" s="14" t="s">
        <v>1</v>
      </c>
      <c r="C21362" s="14" t="s">
        <v>41</v>
      </c>
      <c r="D21362" s="14" t="s">
        <v>146</v>
      </c>
      <c r="E21362" s="15">
        <v>45568</v>
      </c>
      <c r="F21362" s="14" t="s">
        <v>61</v>
      </c>
      <c r="G21362" s="16">
        <v>0.34575426413260407</v>
      </c>
    </row>
    <row r="21363" spans="1:7" x14ac:dyDescent="0.3">
      <c r="A21363" s="13" t="s">
        <v>145</v>
      </c>
      <c r="B21363" s="14" t="s">
        <v>1</v>
      </c>
      <c r="C21363" s="14" t="s">
        <v>41</v>
      </c>
      <c r="D21363" s="14" t="s">
        <v>146</v>
      </c>
      <c r="E21363" s="15">
        <v>45569</v>
      </c>
      <c r="F21363" s="14" t="s">
        <v>61</v>
      </c>
      <c r="G21363" s="16">
        <v>0.33923086477839381</v>
      </c>
    </row>
    <row r="21364" spans="1:7" x14ac:dyDescent="0.3">
      <c r="A21364" s="13" t="s">
        <v>145</v>
      </c>
      <c r="B21364" s="14" t="s">
        <v>1</v>
      </c>
      <c r="C21364" s="14" t="s">
        <v>41</v>
      </c>
      <c r="D21364" s="14" t="s">
        <v>146</v>
      </c>
      <c r="E21364" s="15">
        <v>45570</v>
      </c>
      <c r="F21364" s="14" t="s">
        <v>61</v>
      </c>
      <c r="G21364" s="16">
        <v>0.33923086477839381</v>
      </c>
    </row>
    <row r="21365" spans="1:7" x14ac:dyDescent="0.3">
      <c r="A21365" s="13" t="s">
        <v>145</v>
      </c>
      <c r="B21365" s="14" t="s">
        <v>1</v>
      </c>
      <c r="C21365" s="14" t="s">
        <v>41</v>
      </c>
      <c r="D21365" s="14" t="s">
        <v>146</v>
      </c>
      <c r="E21365" s="15">
        <v>45571</v>
      </c>
      <c r="F21365" s="14" t="s">
        <v>61</v>
      </c>
      <c r="G21365" s="16">
        <v>0.33923086477839381</v>
      </c>
    </row>
    <row r="21366" spans="1:7" x14ac:dyDescent="0.3">
      <c r="A21366" s="13" t="s">
        <v>145</v>
      </c>
      <c r="B21366" s="14" t="s">
        <v>1</v>
      </c>
      <c r="C21366" s="14" t="s">
        <v>41</v>
      </c>
      <c r="D21366" s="14" t="s">
        <v>146</v>
      </c>
      <c r="E21366" s="15">
        <v>45572</v>
      </c>
      <c r="F21366" s="14" t="s">
        <v>61</v>
      </c>
      <c r="G21366" s="16">
        <v>0.3363389586272198</v>
      </c>
    </row>
    <row r="21367" spans="1:7" x14ac:dyDescent="0.3">
      <c r="A21367" s="13" t="s">
        <v>145</v>
      </c>
      <c r="B21367" s="14" t="s">
        <v>1</v>
      </c>
      <c r="C21367" s="14" t="s">
        <v>41</v>
      </c>
      <c r="D21367" s="14" t="s">
        <v>146</v>
      </c>
      <c r="E21367" s="15">
        <v>45573</v>
      </c>
      <c r="F21367" s="14" t="s">
        <v>61</v>
      </c>
      <c r="G21367" s="16">
        <v>0.32373690887936152</v>
      </c>
    </row>
    <row r="21368" spans="1:7" x14ac:dyDescent="0.3">
      <c r="A21368" s="13" t="s">
        <v>145</v>
      </c>
      <c r="B21368" s="14" t="s">
        <v>1</v>
      </c>
      <c r="C21368" s="14" t="s">
        <v>41</v>
      </c>
      <c r="D21368" s="14" t="s">
        <v>146</v>
      </c>
      <c r="E21368" s="15">
        <v>45574</v>
      </c>
      <c r="F21368" s="14" t="s">
        <v>61</v>
      </c>
      <c r="G21368" s="16">
        <v>0.31831074679064592</v>
      </c>
    </row>
    <row r="21369" spans="1:7" x14ac:dyDescent="0.3">
      <c r="A21369" s="13" t="s">
        <v>145</v>
      </c>
      <c r="B21369" s="14" t="s">
        <v>1</v>
      </c>
      <c r="C21369" s="14" t="s">
        <v>41</v>
      </c>
      <c r="D21369" s="14" t="s">
        <v>146</v>
      </c>
      <c r="E21369" s="15">
        <v>45575</v>
      </c>
      <c r="F21369" s="14" t="s">
        <v>61</v>
      </c>
      <c r="G21369" s="16">
        <v>0.31576707454395647</v>
      </c>
    </row>
    <row r="21370" spans="1:7" x14ac:dyDescent="0.3">
      <c r="A21370" s="13" t="s">
        <v>145</v>
      </c>
      <c r="B21370" s="14" t="s">
        <v>1</v>
      </c>
      <c r="C21370" s="14" t="s">
        <v>41</v>
      </c>
      <c r="D21370" s="14" t="s">
        <v>146</v>
      </c>
      <c r="E21370" s="15">
        <v>45576</v>
      </c>
      <c r="F21370" s="14" t="s">
        <v>61</v>
      </c>
      <c r="G21370" s="16">
        <v>0.31026521940935714</v>
      </c>
    </row>
    <row r="21371" spans="1:7" x14ac:dyDescent="0.3">
      <c r="A21371" s="13" t="s">
        <v>145</v>
      </c>
      <c r="B21371" s="14" t="s">
        <v>1</v>
      </c>
      <c r="C21371" s="14" t="s">
        <v>41</v>
      </c>
      <c r="D21371" s="14" t="s">
        <v>146</v>
      </c>
      <c r="E21371" s="15">
        <v>45577</v>
      </c>
      <c r="F21371" s="14" t="s">
        <v>61</v>
      </c>
      <c r="G21371" s="16">
        <v>0.31026521940935714</v>
      </c>
    </row>
    <row r="21372" spans="1:7" x14ac:dyDescent="0.3">
      <c r="A21372" s="13" t="s">
        <v>145</v>
      </c>
      <c r="B21372" s="14" t="s">
        <v>1</v>
      </c>
      <c r="C21372" s="14" t="s">
        <v>41</v>
      </c>
      <c r="D21372" s="14" t="s">
        <v>146</v>
      </c>
      <c r="E21372" s="15">
        <v>45578</v>
      </c>
      <c r="F21372" s="14" t="s">
        <v>61</v>
      </c>
      <c r="G21372" s="16">
        <v>0.31026521940935714</v>
      </c>
    </row>
    <row r="21373" spans="1:7" x14ac:dyDescent="0.3">
      <c r="A21373" s="13" t="s">
        <v>145</v>
      </c>
      <c r="B21373" s="14" t="s">
        <v>1</v>
      </c>
      <c r="C21373" s="14" t="s">
        <v>41</v>
      </c>
      <c r="D21373" s="14" t="s">
        <v>146</v>
      </c>
      <c r="E21373" s="15">
        <v>45579</v>
      </c>
      <c r="F21373" s="14" t="s">
        <v>61</v>
      </c>
      <c r="G21373" s="16">
        <v>0.31026521940935714</v>
      </c>
    </row>
    <row r="21374" spans="1:7" x14ac:dyDescent="0.3">
      <c r="A21374" s="13" t="s">
        <v>145</v>
      </c>
      <c r="B21374" s="14" t="s">
        <v>1</v>
      </c>
      <c r="C21374" s="14" t="s">
        <v>41</v>
      </c>
      <c r="D21374" s="14" t="s">
        <v>146</v>
      </c>
      <c r="E21374" s="15">
        <v>45580</v>
      </c>
      <c r="F21374" s="14" t="s">
        <v>61</v>
      </c>
      <c r="G21374" s="16">
        <v>0.30723362438903007</v>
      </c>
    </row>
    <row r="21375" spans="1:7" x14ac:dyDescent="0.3">
      <c r="A21375" s="13" t="s">
        <v>145</v>
      </c>
      <c r="B21375" s="14" t="s">
        <v>1</v>
      </c>
      <c r="C21375" s="14" t="s">
        <v>41</v>
      </c>
      <c r="D21375" s="14" t="s">
        <v>146</v>
      </c>
      <c r="E21375" s="15">
        <v>45581</v>
      </c>
      <c r="F21375" s="14" t="s">
        <v>61</v>
      </c>
      <c r="G21375" s="16">
        <v>0.29028118579548423</v>
      </c>
    </row>
    <row r="21376" spans="1:7" x14ac:dyDescent="0.3">
      <c r="A21376" s="13" t="s">
        <v>145</v>
      </c>
      <c r="B21376" s="14" t="s">
        <v>1</v>
      </c>
      <c r="C21376" s="14" t="s">
        <v>41</v>
      </c>
      <c r="D21376" s="14" t="s">
        <v>146</v>
      </c>
      <c r="E21376" s="15">
        <v>45582</v>
      </c>
      <c r="F21376" s="14" t="s">
        <v>61</v>
      </c>
      <c r="G21376" s="16">
        <v>0.28579352987597589</v>
      </c>
    </row>
    <row r="21377" spans="1:7" x14ac:dyDescent="0.3">
      <c r="A21377" s="13" t="s">
        <v>145</v>
      </c>
      <c r="B21377" s="14" t="s">
        <v>1</v>
      </c>
      <c r="C21377" s="14" t="s">
        <v>41</v>
      </c>
      <c r="D21377" s="14" t="s">
        <v>146</v>
      </c>
      <c r="E21377" s="15">
        <v>45583</v>
      </c>
      <c r="F21377" s="14" t="s">
        <v>61</v>
      </c>
      <c r="G21377" s="16">
        <v>0.2819089491433745</v>
      </c>
    </row>
    <row r="21378" spans="1:7" x14ac:dyDescent="0.3">
      <c r="A21378" s="13" t="s">
        <v>145</v>
      </c>
      <c r="B21378" s="14" t="s">
        <v>1</v>
      </c>
      <c r="C21378" s="14" t="s">
        <v>41</v>
      </c>
      <c r="D21378" s="14" t="s">
        <v>146</v>
      </c>
      <c r="E21378" s="15">
        <v>45584</v>
      </c>
      <c r="F21378" s="14" t="s">
        <v>61</v>
      </c>
      <c r="G21378" s="16">
        <v>0.2819089491433745</v>
      </c>
    </row>
    <row r="21379" spans="1:7" x14ac:dyDescent="0.3">
      <c r="A21379" s="13" t="s">
        <v>145</v>
      </c>
      <c r="B21379" s="14" t="s">
        <v>1</v>
      </c>
      <c r="C21379" s="14" t="s">
        <v>41</v>
      </c>
      <c r="D21379" s="14" t="s">
        <v>146</v>
      </c>
      <c r="E21379" s="15">
        <v>45585</v>
      </c>
      <c r="F21379" s="14" t="s">
        <v>61</v>
      </c>
      <c r="G21379" s="16">
        <v>0.2819089491433745</v>
      </c>
    </row>
    <row r="21380" spans="1:7" x14ac:dyDescent="0.3">
      <c r="A21380" s="13" t="s">
        <v>145</v>
      </c>
      <c r="B21380" s="14" t="s">
        <v>1</v>
      </c>
      <c r="C21380" s="14" t="s">
        <v>41</v>
      </c>
      <c r="D21380" s="14" t="s">
        <v>146</v>
      </c>
      <c r="E21380" s="15">
        <v>45586</v>
      </c>
      <c r="F21380" s="14" t="s">
        <v>61</v>
      </c>
      <c r="G21380" s="16">
        <v>0.27662742924942207</v>
      </c>
    </row>
    <row r="21381" spans="1:7" x14ac:dyDescent="0.3">
      <c r="A21381" s="13" t="s">
        <v>145</v>
      </c>
      <c r="B21381" s="14" t="s">
        <v>1</v>
      </c>
      <c r="C21381" s="14" t="s">
        <v>41</v>
      </c>
      <c r="D21381" s="14" t="s">
        <v>146</v>
      </c>
      <c r="E21381" s="15">
        <v>45587</v>
      </c>
      <c r="F21381" s="14" t="s">
        <v>61</v>
      </c>
      <c r="G21381" s="16">
        <v>0.26410199413455449</v>
      </c>
    </row>
    <row r="21382" spans="1:7" x14ac:dyDescent="0.3">
      <c r="A21382" s="13" t="s">
        <v>145</v>
      </c>
      <c r="B21382" s="14" t="s">
        <v>1</v>
      </c>
      <c r="C21382" s="14" t="s">
        <v>41</v>
      </c>
      <c r="D21382" s="14" t="s">
        <v>146</v>
      </c>
      <c r="E21382" s="15">
        <v>45588</v>
      </c>
      <c r="F21382" s="14" t="s">
        <v>61</v>
      </c>
      <c r="G21382" s="16">
        <v>0.26900734269747156</v>
      </c>
    </row>
    <row r="21383" spans="1:7" x14ac:dyDescent="0.3">
      <c r="A21383" s="13" t="s">
        <v>145</v>
      </c>
      <c r="B21383" s="14" t="s">
        <v>1</v>
      </c>
      <c r="C21383" s="14" t="s">
        <v>41</v>
      </c>
      <c r="D21383" s="14" t="s">
        <v>146</v>
      </c>
      <c r="E21383" s="15">
        <v>45589</v>
      </c>
      <c r="F21383" s="14" t="s">
        <v>61</v>
      </c>
      <c r="G21383" s="16">
        <v>0.26543229561453907</v>
      </c>
    </row>
    <row r="21384" spans="1:7" x14ac:dyDescent="0.3">
      <c r="A21384" s="13" t="s">
        <v>145</v>
      </c>
      <c r="B21384" s="14" t="s">
        <v>1</v>
      </c>
      <c r="C21384" s="14" t="s">
        <v>41</v>
      </c>
      <c r="D21384" s="14" t="s">
        <v>146</v>
      </c>
      <c r="E21384" s="15">
        <v>45590</v>
      </c>
      <c r="F21384" s="14" t="s">
        <v>61</v>
      </c>
      <c r="G21384" s="16">
        <v>0.26127440252072925</v>
      </c>
    </row>
    <row r="21385" spans="1:7" x14ac:dyDescent="0.3">
      <c r="A21385" s="13" t="s">
        <v>145</v>
      </c>
      <c r="B21385" s="14" t="s">
        <v>1</v>
      </c>
      <c r="C21385" s="14" t="s">
        <v>41</v>
      </c>
      <c r="D21385" s="14" t="s">
        <v>146</v>
      </c>
      <c r="E21385" s="15">
        <v>45591</v>
      </c>
      <c r="F21385" s="14" t="s">
        <v>61</v>
      </c>
      <c r="G21385" s="16">
        <v>0.26127440252072925</v>
      </c>
    </row>
    <row r="21386" spans="1:7" x14ac:dyDescent="0.3">
      <c r="A21386" s="13" t="s">
        <v>145</v>
      </c>
      <c r="B21386" s="14" t="s">
        <v>1</v>
      </c>
      <c r="C21386" s="14" t="s">
        <v>41</v>
      </c>
      <c r="D21386" s="14" t="s">
        <v>146</v>
      </c>
      <c r="E21386" s="15">
        <v>45592</v>
      </c>
      <c r="F21386" s="14" t="s">
        <v>61</v>
      </c>
      <c r="G21386" s="16">
        <v>0.26127440252072925</v>
      </c>
    </row>
    <row r="21387" spans="1:7" x14ac:dyDescent="0.3">
      <c r="A21387" s="13" t="s">
        <v>145</v>
      </c>
      <c r="B21387" s="14" t="s">
        <v>1</v>
      </c>
      <c r="C21387" s="14" t="s">
        <v>41</v>
      </c>
      <c r="D21387" s="14" t="s">
        <v>146</v>
      </c>
      <c r="E21387" s="15">
        <v>45593</v>
      </c>
      <c r="F21387" s="14" t="s">
        <v>61</v>
      </c>
      <c r="G21387" s="16">
        <v>0.26127440252072925</v>
      </c>
    </row>
    <row r="21388" spans="1:7" x14ac:dyDescent="0.3">
      <c r="A21388" s="13" t="s">
        <v>145</v>
      </c>
      <c r="B21388" s="14" t="s">
        <v>1</v>
      </c>
      <c r="C21388" s="14" t="s">
        <v>41</v>
      </c>
      <c r="D21388" s="14" t="s">
        <v>146</v>
      </c>
      <c r="E21388" s="15">
        <v>45594</v>
      </c>
      <c r="F21388" s="14" t="s">
        <v>61</v>
      </c>
      <c r="G21388" s="16">
        <v>0.25624295589277163</v>
      </c>
    </row>
    <row r="21389" spans="1:7" x14ac:dyDescent="0.3">
      <c r="A21389" s="13" t="s">
        <v>145</v>
      </c>
      <c r="B21389" s="14" t="s">
        <v>1</v>
      </c>
      <c r="C21389" s="14" t="s">
        <v>41</v>
      </c>
      <c r="D21389" s="14" t="s">
        <v>146</v>
      </c>
      <c r="E21389" s="15">
        <v>45595</v>
      </c>
      <c r="F21389" s="14" t="s">
        <v>61</v>
      </c>
      <c r="G21389" s="16">
        <v>0.23976780608611839</v>
      </c>
    </row>
    <row r="21390" spans="1:7" x14ac:dyDescent="0.3">
      <c r="A21390" s="13" t="s">
        <v>145</v>
      </c>
      <c r="B21390" s="14" t="s">
        <v>1</v>
      </c>
      <c r="C21390" s="14" t="s">
        <v>41</v>
      </c>
      <c r="D21390" s="14" t="s">
        <v>146</v>
      </c>
      <c r="E21390" s="15">
        <v>45596</v>
      </c>
      <c r="F21390" s="14" t="s">
        <v>61</v>
      </c>
      <c r="G21390" s="16">
        <v>0.24116978929262908</v>
      </c>
    </row>
    <row r="21391" spans="1:7" x14ac:dyDescent="0.3">
      <c r="A21391" s="13" t="s">
        <v>145</v>
      </c>
      <c r="B21391" s="14" t="s">
        <v>1</v>
      </c>
      <c r="C21391" s="14" t="s">
        <v>41</v>
      </c>
      <c r="D21391" s="14" t="s">
        <v>146</v>
      </c>
      <c r="E21391" s="15">
        <v>45597</v>
      </c>
      <c r="F21391" s="14" t="s">
        <v>61</v>
      </c>
      <c r="G21391" s="16">
        <v>0.23740271689195905</v>
      </c>
    </row>
    <row r="21392" spans="1:7" x14ac:dyDescent="0.3">
      <c r="A21392" s="13" t="s">
        <v>145</v>
      </c>
      <c r="B21392" s="14" t="s">
        <v>1</v>
      </c>
      <c r="C21392" s="14" t="s">
        <v>41</v>
      </c>
      <c r="D21392" s="14" t="s">
        <v>146</v>
      </c>
      <c r="E21392" s="15">
        <v>45598</v>
      </c>
      <c r="F21392" s="14" t="s">
        <v>61</v>
      </c>
      <c r="G21392" s="16">
        <v>0.23740271689195905</v>
      </c>
    </row>
    <row r="21393" spans="1:7" x14ac:dyDescent="0.3">
      <c r="A21393" s="13" t="s">
        <v>145</v>
      </c>
      <c r="B21393" s="14" t="s">
        <v>1</v>
      </c>
      <c r="C21393" s="14" t="s">
        <v>41</v>
      </c>
      <c r="D21393" s="14" t="s">
        <v>146</v>
      </c>
      <c r="E21393" s="15">
        <v>45599</v>
      </c>
      <c r="F21393" s="14" t="s">
        <v>61</v>
      </c>
      <c r="G21393" s="16">
        <v>0.23740271689195905</v>
      </c>
    </row>
    <row r="21394" spans="1:7" x14ac:dyDescent="0.3">
      <c r="A21394" s="13" t="s">
        <v>145</v>
      </c>
      <c r="B21394" s="14" t="s">
        <v>1</v>
      </c>
      <c r="C21394" s="14" t="s">
        <v>41</v>
      </c>
      <c r="D21394" s="14" t="s">
        <v>146</v>
      </c>
      <c r="E21394" s="15">
        <v>45600</v>
      </c>
      <c r="F21394" s="14" t="s">
        <v>61</v>
      </c>
      <c r="G21394" s="16">
        <v>0.23740271689195905</v>
      </c>
    </row>
    <row r="21395" spans="1:7" x14ac:dyDescent="0.3">
      <c r="A21395" s="13" t="s">
        <v>145</v>
      </c>
      <c r="B21395" s="14" t="s">
        <v>1</v>
      </c>
      <c r="C21395" s="14" t="s">
        <v>41</v>
      </c>
      <c r="D21395" s="14" t="s">
        <v>146</v>
      </c>
      <c r="E21395" s="15">
        <v>45601</v>
      </c>
      <c r="F21395" s="14" t="s">
        <v>61</v>
      </c>
      <c r="G21395" s="16">
        <v>0.23325659204632002</v>
      </c>
    </row>
    <row r="21396" spans="1:7" x14ac:dyDescent="0.3">
      <c r="A21396" s="13" t="s">
        <v>145</v>
      </c>
      <c r="B21396" s="14" t="s">
        <v>1</v>
      </c>
      <c r="C21396" s="14" t="s">
        <v>41</v>
      </c>
      <c r="D21396" s="14" t="s">
        <v>146</v>
      </c>
      <c r="E21396" s="15">
        <v>45602</v>
      </c>
      <c r="F21396" s="14" t="s">
        <v>61</v>
      </c>
      <c r="G21396" s="16">
        <v>0.2166671542385615</v>
      </c>
    </row>
    <row r="21397" spans="1:7" x14ac:dyDescent="0.3">
      <c r="A21397" s="13" t="s">
        <v>145</v>
      </c>
      <c r="B21397" s="14" t="s">
        <v>1</v>
      </c>
      <c r="C21397" s="14" t="s">
        <v>41</v>
      </c>
      <c r="D21397" s="14" t="s">
        <v>146</v>
      </c>
      <c r="E21397" s="15">
        <v>45603</v>
      </c>
      <c r="F21397" s="14" t="s">
        <v>61</v>
      </c>
      <c r="G21397" s="16">
        <v>0.21332150882286269</v>
      </c>
    </row>
    <row r="21398" spans="1:7" x14ac:dyDescent="0.3">
      <c r="A21398" s="13" t="s">
        <v>145</v>
      </c>
      <c r="B21398" s="14" t="s">
        <v>1</v>
      </c>
      <c r="C21398" s="14" t="s">
        <v>41</v>
      </c>
      <c r="D21398" s="14" t="s">
        <v>146</v>
      </c>
      <c r="E21398" s="15">
        <v>45604</v>
      </c>
      <c r="F21398" s="14" t="s">
        <v>61</v>
      </c>
      <c r="G21398" s="16">
        <v>0.22221007856126176</v>
      </c>
    </row>
    <row r="21399" spans="1:7" x14ac:dyDescent="0.3">
      <c r="A21399" s="13" t="s">
        <v>145</v>
      </c>
      <c r="B21399" s="14" t="s">
        <v>1</v>
      </c>
      <c r="C21399" s="14" t="s">
        <v>41</v>
      </c>
      <c r="D21399" s="14" t="s">
        <v>146</v>
      </c>
      <c r="E21399" s="15">
        <v>45605</v>
      </c>
      <c r="F21399" s="14" t="s">
        <v>61</v>
      </c>
      <c r="G21399" s="16">
        <v>0.22221007856126176</v>
      </c>
    </row>
    <row r="21400" spans="1:7" x14ac:dyDescent="0.3">
      <c r="A21400" s="13" t="s">
        <v>145</v>
      </c>
      <c r="B21400" s="14" t="s">
        <v>1</v>
      </c>
      <c r="C21400" s="14" t="s">
        <v>41</v>
      </c>
      <c r="D21400" s="14" t="s">
        <v>146</v>
      </c>
      <c r="E21400" s="15">
        <v>45606</v>
      </c>
      <c r="F21400" s="14" t="s">
        <v>61</v>
      </c>
      <c r="G21400" s="16">
        <v>0.22221007856126176</v>
      </c>
    </row>
    <row r="21401" spans="1:7" x14ac:dyDescent="0.3">
      <c r="A21401" s="13" t="s">
        <v>145</v>
      </c>
      <c r="B21401" s="14" t="s">
        <v>1</v>
      </c>
      <c r="C21401" s="14" t="s">
        <v>41</v>
      </c>
      <c r="D21401" s="14" t="s">
        <v>146</v>
      </c>
      <c r="E21401" s="15">
        <v>45607</v>
      </c>
      <c r="F21401" s="14" t="s">
        <v>61</v>
      </c>
      <c r="G21401" s="16">
        <v>0.22510613288252554</v>
      </c>
    </row>
    <row r="21402" spans="1:7" x14ac:dyDescent="0.3">
      <c r="A21402" s="13" t="s">
        <v>145</v>
      </c>
      <c r="B21402" s="14" t="s">
        <v>1</v>
      </c>
      <c r="C21402" s="14" t="s">
        <v>41</v>
      </c>
      <c r="D21402" s="14" t="s">
        <v>146</v>
      </c>
      <c r="E21402" s="15">
        <v>45608</v>
      </c>
      <c r="F21402" s="14" t="s">
        <v>61</v>
      </c>
      <c r="G21402" s="16">
        <v>0.21163258141941388</v>
      </c>
    </row>
    <row r="21403" spans="1:7" x14ac:dyDescent="0.3">
      <c r="A21403" s="13" t="s">
        <v>145</v>
      </c>
      <c r="B21403" s="14" t="s">
        <v>1</v>
      </c>
      <c r="C21403" s="14" t="s">
        <v>41</v>
      </c>
      <c r="D21403" s="14" t="s">
        <v>146</v>
      </c>
      <c r="E21403" s="15">
        <v>45609</v>
      </c>
      <c r="F21403" s="14" t="s">
        <v>61</v>
      </c>
      <c r="G21403" s="16">
        <v>0.20900513183242403</v>
      </c>
    </row>
    <row r="21404" spans="1:7" x14ac:dyDescent="0.3">
      <c r="A21404" s="13" t="s">
        <v>145</v>
      </c>
      <c r="B21404" s="14" t="s">
        <v>1</v>
      </c>
      <c r="C21404" s="14" t="s">
        <v>41</v>
      </c>
      <c r="D21404" s="14" t="s">
        <v>146</v>
      </c>
      <c r="E21404" s="15">
        <v>45610</v>
      </c>
      <c r="F21404" s="14" t="s">
        <v>61</v>
      </c>
      <c r="G21404" s="16">
        <v>0.20434630670747189</v>
      </c>
    </row>
    <row r="21405" spans="1:7" x14ac:dyDescent="0.3">
      <c r="A21405" s="13" t="s">
        <v>145</v>
      </c>
      <c r="B21405" s="14" t="s">
        <v>1</v>
      </c>
      <c r="C21405" s="14" t="s">
        <v>41</v>
      </c>
      <c r="D21405" s="14" t="s">
        <v>146</v>
      </c>
      <c r="E21405" s="15">
        <v>45611</v>
      </c>
      <c r="F21405" s="14" t="s">
        <v>61</v>
      </c>
      <c r="G21405" s="16">
        <v>0.20236452067513311</v>
      </c>
    </row>
    <row r="21406" spans="1:7" x14ac:dyDescent="0.3">
      <c r="A21406" s="13" t="s">
        <v>145</v>
      </c>
      <c r="B21406" s="14" t="s">
        <v>1</v>
      </c>
      <c r="C21406" s="14" t="s">
        <v>41</v>
      </c>
      <c r="D21406" s="14" t="s">
        <v>146</v>
      </c>
      <c r="E21406" s="15">
        <v>45612</v>
      </c>
      <c r="F21406" s="14" t="s">
        <v>61</v>
      </c>
      <c r="G21406" s="16">
        <v>0.20236452067513311</v>
      </c>
    </row>
    <row r="21407" spans="1:7" x14ac:dyDescent="0.3">
      <c r="A21407" s="13" t="s">
        <v>145</v>
      </c>
      <c r="B21407" s="14" t="s">
        <v>1</v>
      </c>
      <c r="C21407" s="14" t="s">
        <v>41</v>
      </c>
      <c r="D21407" s="14" t="s">
        <v>146</v>
      </c>
      <c r="E21407" s="15">
        <v>45613</v>
      </c>
      <c r="F21407" s="14" t="s">
        <v>61</v>
      </c>
      <c r="G21407" s="16">
        <v>0.20236452067513311</v>
      </c>
    </row>
    <row r="21408" spans="1:7" x14ac:dyDescent="0.3">
      <c r="A21408" s="13" t="s">
        <v>145</v>
      </c>
      <c r="B21408" s="14" t="s">
        <v>1</v>
      </c>
      <c r="C21408" s="14" t="s">
        <v>41</v>
      </c>
      <c r="D21408" s="14" t="s">
        <v>146</v>
      </c>
      <c r="E21408" s="15">
        <v>45614</v>
      </c>
      <c r="F21408" s="14" t="s">
        <v>61</v>
      </c>
      <c r="G21408" s="16">
        <v>0.20392140069019685</v>
      </c>
    </row>
    <row r="21409" spans="1:7" x14ac:dyDescent="0.3">
      <c r="A21409" s="13" t="s">
        <v>145</v>
      </c>
      <c r="B21409" s="14" t="s">
        <v>1</v>
      </c>
      <c r="C21409" s="14" t="s">
        <v>41</v>
      </c>
      <c r="D21409" s="14" t="s">
        <v>146</v>
      </c>
      <c r="E21409" s="15">
        <v>45615</v>
      </c>
      <c r="F21409" s="14" t="s">
        <v>61</v>
      </c>
      <c r="G21409" s="16">
        <v>0.19121346268908387</v>
      </c>
    </row>
    <row r="21410" spans="1:7" x14ac:dyDescent="0.3">
      <c r="A21410" s="13" t="s">
        <v>145</v>
      </c>
      <c r="B21410" s="14" t="s">
        <v>1</v>
      </c>
      <c r="C21410" s="14" t="s">
        <v>41</v>
      </c>
      <c r="D21410" s="14" t="s">
        <v>146</v>
      </c>
      <c r="E21410" s="15">
        <v>45616</v>
      </c>
      <c r="F21410" s="14" t="s">
        <v>61</v>
      </c>
      <c r="G21410" s="16">
        <v>0.18791290040239103</v>
      </c>
    </row>
    <row r="21411" spans="1:7" x14ac:dyDescent="0.3">
      <c r="A21411" s="13" t="s">
        <v>145</v>
      </c>
      <c r="B21411" s="14" t="s">
        <v>1</v>
      </c>
      <c r="C21411" s="14" t="s">
        <v>41</v>
      </c>
      <c r="D21411" s="14" t="s">
        <v>146</v>
      </c>
      <c r="E21411" s="15">
        <v>45617</v>
      </c>
      <c r="F21411" s="14" t="s">
        <v>61</v>
      </c>
      <c r="G21411" s="16">
        <v>0.18593151413309578</v>
      </c>
    </row>
    <row r="21412" spans="1:7" x14ac:dyDescent="0.3">
      <c r="A21412" s="13" t="s">
        <v>145</v>
      </c>
      <c r="B21412" s="14" t="s">
        <v>1</v>
      </c>
      <c r="C21412" s="14" t="s">
        <v>41</v>
      </c>
      <c r="D21412" s="14" t="s">
        <v>146</v>
      </c>
      <c r="E21412" s="15">
        <v>45618</v>
      </c>
      <c r="F21412" s="14" t="s">
        <v>61</v>
      </c>
      <c r="G21412" s="16">
        <v>0.18232808009487467</v>
      </c>
    </row>
    <row r="21413" spans="1:7" x14ac:dyDescent="0.3">
      <c r="A21413" s="13" t="s">
        <v>145</v>
      </c>
      <c r="B21413" s="14" t="s">
        <v>1</v>
      </c>
      <c r="C21413" s="14" t="s">
        <v>41</v>
      </c>
      <c r="D21413" s="14" t="s">
        <v>146</v>
      </c>
      <c r="E21413" s="15">
        <v>45619</v>
      </c>
      <c r="F21413" s="14" t="s">
        <v>61</v>
      </c>
      <c r="G21413" s="16">
        <v>0.18232808009487467</v>
      </c>
    </row>
    <row r="21414" spans="1:7" x14ac:dyDescent="0.3">
      <c r="A21414" s="13" t="s">
        <v>145</v>
      </c>
      <c r="B21414" s="14" t="s">
        <v>1</v>
      </c>
      <c r="C21414" s="14" t="s">
        <v>41</v>
      </c>
      <c r="D21414" s="14" t="s">
        <v>146</v>
      </c>
      <c r="E21414" s="15">
        <v>45620</v>
      </c>
      <c r="F21414" s="14" t="s">
        <v>61</v>
      </c>
      <c r="G21414" s="16">
        <v>0.18232808009487467</v>
      </c>
    </row>
    <row r="21415" spans="1:7" x14ac:dyDescent="0.3">
      <c r="A21415" s="13" t="s">
        <v>145</v>
      </c>
      <c r="B21415" s="14" t="s">
        <v>1</v>
      </c>
      <c r="C21415" s="14" t="s">
        <v>41</v>
      </c>
      <c r="D21415" s="14" t="s">
        <v>146</v>
      </c>
      <c r="E21415" s="15">
        <v>45621</v>
      </c>
      <c r="F21415" s="14" t="s">
        <v>61</v>
      </c>
      <c r="G21415" s="16">
        <v>0.17744558054441037</v>
      </c>
    </row>
    <row r="21416" spans="1:7" x14ac:dyDescent="0.3">
      <c r="A21416" s="13" t="s">
        <v>145</v>
      </c>
      <c r="B21416" s="14" t="s">
        <v>1</v>
      </c>
      <c r="C21416" s="14" t="s">
        <v>41</v>
      </c>
      <c r="D21416" s="14" t="s">
        <v>146</v>
      </c>
      <c r="E21416" s="15">
        <v>45622</v>
      </c>
      <c r="F21416" s="14" t="s">
        <v>61</v>
      </c>
      <c r="G21416" s="16">
        <v>0.16613836764702414</v>
      </c>
    </row>
    <row r="21417" spans="1:7" x14ac:dyDescent="0.3">
      <c r="A21417" s="13" t="s">
        <v>145</v>
      </c>
      <c r="B21417" s="14" t="s">
        <v>1</v>
      </c>
      <c r="C21417" s="14" t="s">
        <v>41</v>
      </c>
      <c r="D21417" s="14" t="s">
        <v>146</v>
      </c>
      <c r="E21417" s="15">
        <v>45623</v>
      </c>
      <c r="F21417" s="14" t="s">
        <v>61</v>
      </c>
      <c r="G21417" s="16">
        <v>0.16274040938380863</v>
      </c>
    </row>
    <row r="21418" spans="1:7" x14ac:dyDescent="0.3">
      <c r="A21418" s="13" t="s">
        <v>145</v>
      </c>
      <c r="B21418" s="14" t="s">
        <v>1</v>
      </c>
      <c r="C21418" s="14" t="s">
        <v>41</v>
      </c>
      <c r="D21418" s="14" t="s">
        <v>146</v>
      </c>
      <c r="E21418" s="15">
        <v>45624</v>
      </c>
      <c r="F21418" s="14" t="s">
        <v>61</v>
      </c>
      <c r="G21418" s="16">
        <v>0.15822649999020402</v>
      </c>
    </row>
    <row r="21419" spans="1:7" x14ac:dyDescent="0.3">
      <c r="A21419" s="13" t="s">
        <v>145</v>
      </c>
      <c r="B21419" s="14" t="s">
        <v>1</v>
      </c>
      <c r="C21419" s="14" t="s">
        <v>41</v>
      </c>
      <c r="D21419" s="14" t="s">
        <v>146</v>
      </c>
      <c r="E21419" s="15">
        <v>45625</v>
      </c>
      <c r="F21419" s="14" t="s">
        <v>61</v>
      </c>
      <c r="G21419" s="16">
        <v>0.16048437836366583</v>
      </c>
    </row>
    <row r="21420" spans="1:7" x14ac:dyDescent="0.3">
      <c r="A21420" s="13" t="s">
        <v>145</v>
      </c>
      <c r="B21420" s="14" t="s">
        <v>1</v>
      </c>
      <c r="C21420" s="14" t="s">
        <v>41</v>
      </c>
      <c r="D21420" s="14" t="s">
        <v>146</v>
      </c>
      <c r="E21420" s="15">
        <v>45626</v>
      </c>
      <c r="F21420" s="14" t="s">
        <v>61</v>
      </c>
      <c r="G21420" s="16">
        <v>0.16048437836366583</v>
      </c>
    </row>
    <row r="21421" spans="1:7" x14ac:dyDescent="0.3">
      <c r="A21421" s="13" t="s">
        <v>145</v>
      </c>
      <c r="B21421" s="14" t="s">
        <v>1</v>
      </c>
      <c r="C21421" s="14" t="s">
        <v>41</v>
      </c>
      <c r="D21421" s="14" t="s">
        <v>146</v>
      </c>
      <c r="E21421" s="15">
        <v>45627</v>
      </c>
      <c r="F21421" s="14" t="s">
        <v>61</v>
      </c>
      <c r="G21421" s="16">
        <v>0.16048437836366583</v>
      </c>
    </row>
    <row r="21422" spans="1:7" x14ac:dyDescent="0.3">
      <c r="A21422" s="13" t="s">
        <v>145</v>
      </c>
      <c r="B21422" s="14" t="s">
        <v>1</v>
      </c>
      <c r="C21422" s="14" t="s">
        <v>41</v>
      </c>
      <c r="D21422" s="14" t="s">
        <v>146</v>
      </c>
      <c r="E21422" s="15">
        <v>45628</v>
      </c>
      <c r="F21422" s="14" t="s">
        <v>61</v>
      </c>
      <c r="G21422" s="16">
        <v>0.15753614589590956</v>
      </c>
    </row>
    <row r="21423" spans="1:7" x14ac:dyDescent="0.3">
      <c r="A21423" s="13" t="s">
        <v>145</v>
      </c>
      <c r="B21423" s="14" t="s">
        <v>1</v>
      </c>
      <c r="C21423" s="14" t="s">
        <v>41</v>
      </c>
      <c r="D21423" s="14" t="s">
        <v>146</v>
      </c>
      <c r="E21423" s="15">
        <v>45629</v>
      </c>
      <c r="F21423" s="14" t="s">
        <v>61</v>
      </c>
      <c r="G21423" s="16">
        <v>0.15183276833722531</v>
      </c>
    </row>
    <row r="21424" spans="1:7" x14ac:dyDescent="0.3">
      <c r="A21424" s="13" t="s">
        <v>145</v>
      </c>
      <c r="B21424" s="14" t="s">
        <v>1</v>
      </c>
      <c r="C21424" s="14" t="s">
        <v>41</v>
      </c>
      <c r="D21424" s="14" t="s">
        <v>146</v>
      </c>
      <c r="E21424" s="15">
        <v>45630</v>
      </c>
      <c r="F21424" s="14" t="s">
        <v>61</v>
      </c>
      <c r="G21424" s="16">
        <v>0.14648793550947678</v>
      </c>
    </row>
    <row r="21425" spans="1:7" x14ac:dyDescent="0.3">
      <c r="A21425" s="13" t="s">
        <v>145</v>
      </c>
      <c r="B21425" s="14" t="s">
        <v>1</v>
      </c>
      <c r="C21425" s="14" t="s">
        <v>41</v>
      </c>
      <c r="D21425" s="14" t="s">
        <v>146</v>
      </c>
      <c r="E21425" s="15">
        <v>45631</v>
      </c>
      <c r="F21425" s="14" t="s">
        <v>61</v>
      </c>
      <c r="G21425" s="16">
        <v>0.14160781023036881</v>
      </c>
    </row>
    <row r="21426" spans="1:7" x14ac:dyDescent="0.3">
      <c r="A21426" s="13" t="s">
        <v>145</v>
      </c>
      <c r="B21426" s="14" t="s">
        <v>1</v>
      </c>
      <c r="C21426" s="14" t="s">
        <v>41</v>
      </c>
      <c r="D21426" s="14" t="s">
        <v>146</v>
      </c>
      <c r="E21426" s="15">
        <v>45632</v>
      </c>
      <c r="F21426" s="14" t="s">
        <v>61</v>
      </c>
      <c r="G21426" s="16">
        <v>0.13753199234352687</v>
      </c>
    </row>
    <row r="21427" spans="1:7" x14ac:dyDescent="0.3">
      <c r="A21427" s="13" t="s">
        <v>145</v>
      </c>
      <c r="B21427" s="14" t="s">
        <v>1</v>
      </c>
      <c r="C21427" s="14" t="s">
        <v>41</v>
      </c>
      <c r="D21427" s="14" t="s">
        <v>146</v>
      </c>
      <c r="E21427" s="15">
        <v>45633</v>
      </c>
      <c r="F21427" s="14" t="s">
        <v>61</v>
      </c>
      <c r="G21427" s="16">
        <v>0.13753199234352687</v>
      </c>
    </row>
    <row r="21428" spans="1:7" x14ac:dyDescent="0.3">
      <c r="A21428" s="13" t="s">
        <v>145</v>
      </c>
      <c r="B21428" s="14" t="s">
        <v>1</v>
      </c>
      <c r="C21428" s="14" t="s">
        <v>41</v>
      </c>
      <c r="D21428" s="14" t="s">
        <v>146</v>
      </c>
      <c r="E21428" s="15">
        <v>45634</v>
      </c>
      <c r="F21428" s="14" t="s">
        <v>61</v>
      </c>
      <c r="G21428" s="16">
        <v>0.13753199234352687</v>
      </c>
    </row>
    <row r="21429" spans="1:7" x14ac:dyDescent="0.3">
      <c r="A21429" s="13" t="s">
        <v>145</v>
      </c>
      <c r="B21429" s="14" t="s">
        <v>1</v>
      </c>
      <c r="C21429" s="14" t="s">
        <v>41</v>
      </c>
      <c r="D21429" s="14" t="s">
        <v>146</v>
      </c>
      <c r="E21429" s="15">
        <v>45635</v>
      </c>
      <c r="F21429" s="14" t="s">
        <v>61</v>
      </c>
      <c r="G21429" s="16">
        <v>0.13233122305039027</v>
      </c>
    </row>
    <row r="21430" spans="1:7" x14ac:dyDescent="0.3">
      <c r="A21430" s="13" t="s">
        <v>145</v>
      </c>
      <c r="B21430" s="14" t="s">
        <v>1</v>
      </c>
      <c r="C21430" s="14" t="s">
        <v>41</v>
      </c>
      <c r="D21430" s="14" t="s">
        <v>146</v>
      </c>
      <c r="E21430" s="15">
        <v>45636</v>
      </c>
      <c r="F21430" s="14" t="s">
        <v>61</v>
      </c>
      <c r="G21430" s="16">
        <v>0.11920772525214625</v>
      </c>
    </row>
    <row r="21431" spans="1:7" x14ac:dyDescent="0.3">
      <c r="A21431" s="13" t="s">
        <v>145</v>
      </c>
      <c r="B21431" s="14" t="s">
        <v>1</v>
      </c>
      <c r="C21431" s="14" t="s">
        <v>41</v>
      </c>
      <c r="D21431" s="14" t="s">
        <v>146</v>
      </c>
      <c r="E21431" s="15">
        <v>45637</v>
      </c>
      <c r="F21431" s="14" t="s">
        <v>61</v>
      </c>
      <c r="G21431" s="16">
        <v>0.11488168342875639</v>
      </c>
    </row>
    <row r="21432" spans="1:7" x14ac:dyDescent="0.3">
      <c r="A21432" s="13" t="s">
        <v>145</v>
      </c>
      <c r="B21432" s="14" t="s">
        <v>1</v>
      </c>
      <c r="C21432" s="14" t="s">
        <v>41</v>
      </c>
      <c r="D21432" s="14" t="s">
        <v>146</v>
      </c>
      <c r="E21432" s="15">
        <v>45638</v>
      </c>
      <c r="F21432" s="14" t="s">
        <v>61</v>
      </c>
      <c r="G21432" s="16">
        <v>0.11075786752519624</v>
      </c>
    </row>
    <row r="21433" spans="1:7" x14ac:dyDescent="0.3">
      <c r="A21433" s="13" t="s">
        <v>145</v>
      </c>
      <c r="B21433" s="14" t="s">
        <v>1</v>
      </c>
      <c r="C21433" s="14" t="s">
        <v>41</v>
      </c>
      <c r="D21433" s="14" t="s">
        <v>146</v>
      </c>
      <c r="E21433" s="15">
        <v>45639</v>
      </c>
      <c r="F21433" s="14" t="s">
        <v>61</v>
      </c>
      <c r="G21433" s="16">
        <v>0.10532861635104311</v>
      </c>
    </row>
    <row r="21434" spans="1:7" x14ac:dyDescent="0.3">
      <c r="A21434" s="13" t="s">
        <v>145</v>
      </c>
      <c r="B21434" s="14" t="s">
        <v>1</v>
      </c>
      <c r="C21434" s="14" t="s">
        <v>41</v>
      </c>
      <c r="D21434" s="14" t="s">
        <v>146</v>
      </c>
      <c r="E21434" s="15">
        <v>45640</v>
      </c>
      <c r="F21434" s="14" t="s">
        <v>61</v>
      </c>
      <c r="G21434" s="16">
        <v>0.10532861635104311</v>
      </c>
    </row>
    <row r="21435" spans="1:7" x14ac:dyDescent="0.3">
      <c r="A21435" s="13" t="s">
        <v>145</v>
      </c>
      <c r="B21435" s="14" t="s">
        <v>1</v>
      </c>
      <c r="C21435" s="14" t="s">
        <v>41</v>
      </c>
      <c r="D21435" s="14" t="s">
        <v>146</v>
      </c>
      <c r="E21435" s="15">
        <v>45641</v>
      </c>
      <c r="F21435" s="14" t="s">
        <v>61</v>
      </c>
      <c r="G21435" s="16">
        <v>0.10532861635104311</v>
      </c>
    </row>
    <row r="21436" spans="1:7" x14ac:dyDescent="0.3">
      <c r="A21436" s="13" t="s">
        <v>145</v>
      </c>
      <c r="B21436" s="14" t="s">
        <v>1</v>
      </c>
      <c r="C21436" s="14" t="s">
        <v>41</v>
      </c>
      <c r="D21436" s="14" t="s">
        <v>146</v>
      </c>
      <c r="E21436" s="15">
        <v>45642</v>
      </c>
      <c r="F21436" s="14" t="s">
        <v>61</v>
      </c>
      <c r="G21436" s="16">
        <v>0.10054465836285659</v>
      </c>
    </row>
    <row r="21437" spans="1:7" x14ac:dyDescent="0.3">
      <c r="A21437" s="13" t="s">
        <v>145</v>
      </c>
      <c r="B21437" s="14" t="s">
        <v>1</v>
      </c>
      <c r="C21437" s="14" t="s">
        <v>41</v>
      </c>
      <c r="D21437" s="14" t="s">
        <v>146</v>
      </c>
      <c r="E21437" s="15">
        <v>45643</v>
      </c>
      <c r="F21437" s="14" t="s">
        <v>61</v>
      </c>
      <c r="G21437" s="16">
        <v>8.8226666058940403E-2</v>
      </c>
    </row>
    <row r="21438" spans="1:7" x14ac:dyDescent="0.3">
      <c r="A21438" s="13" t="s">
        <v>145</v>
      </c>
      <c r="B21438" s="14" t="s">
        <v>1</v>
      </c>
      <c r="C21438" s="14" t="s">
        <v>41</v>
      </c>
      <c r="D21438" s="14" t="s">
        <v>146</v>
      </c>
      <c r="E21438" s="15">
        <v>45644</v>
      </c>
      <c r="F21438" s="14" t="s">
        <v>61</v>
      </c>
      <c r="G21438" s="16">
        <v>8.431128910199813E-2</v>
      </c>
    </row>
    <row r="21439" spans="1:7" x14ac:dyDescent="0.3">
      <c r="A21439" s="13" t="s">
        <v>145</v>
      </c>
      <c r="B21439" s="14" t="s">
        <v>1</v>
      </c>
      <c r="C21439" s="14" t="s">
        <v>41</v>
      </c>
      <c r="D21439" s="14" t="s">
        <v>146</v>
      </c>
      <c r="E21439" s="15">
        <v>45645</v>
      </c>
      <c r="F21439" s="14" t="s">
        <v>61</v>
      </c>
      <c r="G21439" s="16">
        <v>7.8563505109333506E-2</v>
      </c>
    </row>
    <row r="21440" spans="1:7" x14ac:dyDescent="0.3">
      <c r="A21440" s="13" t="s">
        <v>145</v>
      </c>
      <c r="B21440" s="14" t="s">
        <v>1</v>
      </c>
      <c r="C21440" s="14" t="s">
        <v>41</v>
      </c>
      <c r="D21440" s="14" t="s">
        <v>146</v>
      </c>
      <c r="E21440" s="15">
        <v>45646</v>
      </c>
      <c r="F21440" s="14" t="s">
        <v>61</v>
      </c>
      <c r="G21440" s="16">
        <v>7.4351803324634411E-2</v>
      </c>
    </row>
    <row r="21441" spans="1:7" x14ac:dyDescent="0.3">
      <c r="A21441" s="13" t="s">
        <v>145</v>
      </c>
      <c r="B21441" s="14" t="s">
        <v>1</v>
      </c>
      <c r="C21441" s="14" t="s">
        <v>41</v>
      </c>
      <c r="D21441" s="14" t="s">
        <v>146</v>
      </c>
      <c r="E21441" s="15">
        <v>45647</v>
      </c>
      <c r="F21441" s="14" t="s">
        <v>61</v>
      </c>
      <c r="G21441" s="16">
        <v>7.4351803324634411E-2</v>
      </c>
    </row>
    <row r="21442" spans="1:7" x14ac:dyDescent="0.3">
      <c r="A21442" s="13" t="s">
        <v>145</v>
      </c>
      <c r="B21442" s="14" t="s">
        <v>1</v>
      </c>
      <c r="C21442" s="14" t="s">
        <v>41</v>
      </c>
      <c r="D21442" s="14" t="s">
        <v>146</v>
      </c>
      <c r="E21442" s="15">
        <v>45648</v>
      </c>
      <c r="F21442" s="14" t="s">
        <v>61</v>
      </c>
      <c r="G21442" s="16">
        <v>7.4351803324634411E-2</v>
      </c>
    </row>
    <row r="21443" spans="1:7" x14ac:dyDescent="0.3">
      <c r="A21443" s="13" t="s">
        <v>145</v>
      </c>
      <c r="B21443" s="14" t="s">
        <v>1</v>
      </c>
      <c r="C21443" s="14" t="s">
        <v>41</v>
      </c>
      <c r="D21443" s="14" t="s">
        <v>146</v>
      </c>
      <c r="E21443" s="15">
        <v>45649</v>
      </c>
      <c r="F21443" s="14" t="s">
        <v>61</v>
      </c>
      <c r="G21443" s="16">
        <v>6.9893623711394806E-2</v>
      </c>
    </row>
    <row r="21444" spans="1:7" x14ac:dyDescent="0.3">
      <c r="A21444" s="13" t="s">
        <v>145</v>
      </c>
      <c r="B21444" s="14" t="s">
        <v>1</v>
      </c>
      <c r="C21444" s="14" t="s">
        <v>41</v>
      </c>
      <c r="D21444" s="14" t="s">
        <v>146</v>
      </c>
      <c r="E21444" s="15">
        <v>45650</v>
      </c>
      <c r="F21444" s="14" t="s">
        <v>61</v>
      </c>
      <c r="G21444" s="16">
        <v>5.7278194799565293E-2</v>
      </c>
    </row>
    <row r="21445" spans="1:7" x14ac:dyDescent="0.3">
      <c r="A21445" s="13" t="s">
        <v>145</v>
      </c>
      <c r="B21445" s="14" t="s">
        <v>1</v>
      </c>
      <c r="C21445" s="14" t="s">
        <v>41</v>
      </c>
      <c r="D21445" s="14" t="s">
        <v>146</v>
      </c>
      <c r="E21445" s="15">
        <v>45651</v>
      </c>
      <c r="F21445" s="14" t="s">
        <v>61</v>
      </c>
      <c r="G21445" s="16">
        <v>5.7278194799565293E-2</v>
      </c>
    </row>
    <row r="21446" spans="1:7" x14ac:dyDescent="0.3">
      <c r="A21446" s="13" t="s">
        <v>145</v>
      </c>
      <c r="B21446" s="14" t="s">
        <v>1</v>
      </c>
      <c r="C21446" s="14" t="s">
        <v>41</v>
      </c>
      <c r="D21446" s="14" t="s">
        <v>146</v>
      </c>
      <c r="E21446" s="15">
        <v>45652</v>
      </c>
      <c r="F21446" s="14" t="s">
        <v>61</v>
      </c>
      <c r="G21446" s="16">
        <v>5.7278194799565293E-2</v>
      </c>
    </row>
    <row r="21447" spans="1:7" x14ac:dyDescent="0.3">
      <c r="A21447" s="13" t="s">
        <v>145</v>
      </c>
      <c r="B21447" s="14" t="s">
        <v>1</v>
      </c>
      <c r="C21447" s="14" t="s">
        <v>41</v>
      </c>
      <c r="D21447" s="14" t="s">
        <v>146</v>
      </c>
      <c r="E21447" s="15">
        <v>45653</v>
      </c>
      <c r="F21447" s="14" t="s">
        <v>61</v>
      </c>
      <c r="G21447" s="16">
        <v>5.7278194799565293E-2</v>
      </c>
    </row>
    <row r="21448" spans="1:7" x14ac:dyDescent="0.3">
      <c r="A21448" s="13" t="s">
        <v>145</v>
      </c>
      <c r="B21448" s="14" t="s">
        <v>1</v>
      </c>
      <c r="C21448" s="14" t="s">
        <v>41</v>
      </c>
      <c r="D21448" s="14" t="s">
        <v>146</v>
      </c>
      <c r="E21448" s="15">
        <v>45654</v>
      </c>
      <c r="F21448" s="14" t="s">
        <v>61</v>
      </c>
      <c r="G21448" s="16">
        <v>5.7278194799565293E-2</v>
      </c>
    </row>
    <row r="21449" spans="1:7" x14ac:dyDescent="0.3">
      <c r="A21449" s="13" t="s">
        <v>145</v>
      </c>
      <c r="B21449" s="14" t="s">
        <v>1</v>
      </c>
      <c r="C21449" s="14" t="s">
        <v>41</v>
      </c>
      <c r="D21449" s="14" t="s">
        <v>146</v>
      </c>
      <c r="E21449" s="15">
        <v>45655</v>
      </c>
      <c r="F21449" s="14" t="s">
        <v>61</v>
      </c>
      <c r="G21449" s="16">
        <v>5.7278194799565293E-2</v>
      </c>
    </row>
    <row r="21450" spans="1:7" x14ac:dyDescent="0.3">
      <c r="A21450" s="13" t="s">
        <v>145</v>
      </c>
      <c r="B21450" s="14" t="s">
        <v>1</v>
      </c>
      <c r="C21450" s="14" t="s">
        <v>41</v>
      </c>
      <c r="D21450" s="14" t="s">
        <v>146</v>
      </c>
      <c r="E21450" s="15">
        <v>45656</v>
      </c>
      <c r="F21450" s="14" t="s">
        <v>61</v>
      </c>
      <c r="G21450" s="16">
        <v>5.3056086138429485E-2</v>
      </c>
    </row>
    <row r="21451" spans="1:7" x14ac:dyDescent="0.3">
      <c r="A21451" s="13" t="s">
        <v>145</v>
      </c>
      <c r="B21451" s="14" t="s">
        <v>1</v>
      </c>
      <c r="C21451" s="14" t="s">
        <v>41</v>
      </c>
      <c r="D21451" s="14" t="s">
        <v>146</v>
      </c>
      <c r="E21451" s="15">
        <v>45657</v>
      </c>
      <c r="F21451" s="14" t="s">
        <v>61</v>
      </c>
      <c r="G21451" s="16">
        <v>5.3056086138429485E-2</v>
      </c>
    </row>
    <row r="21452" spans="1:7" x14ac:dyDescent="0.3">
      <c r="A21452" s="13" t="s">
        <v>145</v>
      </c>
      <c r="B21452" s="14" t="s">
        <v>1</v>
      </c>
      <c r="C21452" s="14" t="s">
        <v>41</v>
      </c>
      <c r="D21452" s="14" t="s">
        <v>146</v>
      </c>
      <c r="E21452" s="15">
        <v>45658</v>
      </c>
      <c r="F21452" s="14" t="s">
        <v>61</v>
      </c>
      <c r="G21452" s="16">
        <v>5.3056086138429485E-2</v>
      </c>
    </row>
    <row r="21453" spans="1:7" x14ac:dyDescent="0.3">
      <c r="A21453" s="13" t="s">
        <v>145</v>
      </c>
      <c r="B21453" s="14" t="s">
        <v>1</v>
      </c>
      <c r="C21453" s="14" t="s">
        <v>41</v>
      </c>
      <c r="D21453" s="14" t="s">
        <v>146</v>
      </c>
      <c r="E21453" s="15">
        <v>45659</v>
      </c>
      <c r="F21453" s="14" t="s">
        <v>61</v>
      </c>
      <c r="G21453" s="16">
        <v>5.3056086138429485E-2</v>
      </c>
    </row>
    <row r="21454" spans="1:7" x14ac:dyDescent="0.3">
      <c r="A21454" s="13" t="s">
        <v>145</v>
      </c>
      <c r="B21454" s="14" t="s">
        <v>1</v>
      </c>
      <c r="C21454" s="14" t="s">
        <v>41</v>
      </c>
      <c r="D21454" s="14" t="s">
        <v>146</v>
      </c>
      <c r="E21454" s="15">
        <v>45660</v>
      </c>
      <c r="F21454" s="14" t="s">
        <v>61</v>
      </c>
      <c r="G21454" s="16">
        <v>5.3056086138429485E-2</v>
      </c>
    </row>
    <row r="21455" spans="1:7" x14ac:dyDescent="0.3">
      <c r="A21455" s="13" t="s">
        <v>145</v>
      </c>
      <c r="B21455" s="14" t="s">
        <v>1</v>
      </c>
      <c r="C21455" s="14" t="s">
        <v>41</v>
      </c>
      <c r="D21455" s="14" t="s">
        <v>146</v>
      </c>
      <c r="E21455" s="15">
        <v>45661</v>
      </c>
      <c r="F21455" s="14" t="s">
        <v>61</v>
      </c>
      <c r="G21455" s="16">
        <v>5.3056086138429485E-2</v>
      </c>
    </row>
    <row r="21456" spans="1:7" x14ac:dyDescent="0.3">
      <c r="A21456" s="13" t="s">
        <v>145</v>
      </c>
      <c r="B21456" s="14" t="s">
        <v>1</v>
      </c>
      <c r="C21456" s="14" t="s">
        <v>41</v>
      </c>
      <c r="D21456" s="14" t="s">
        <v>146</v>
      </c>
      <c r="E21456" s="15">
        <v>45662</v>
      </c>
      <c r="F21456" s="14" t="s">
        <v>61</v>
      </c>
      <c r="G21456" s="16">
        <v>5.3056086138429485E-2</v>
      </c>
    </row>
    <row r="21457" spans="1:7" x14ac:dyDescent="0.3">
      <c r="A21457" s="13" t="s">
        <v>145</v>
      </c>
      <c r="B21457" s="14" t="s">
        <v>1</v>
      </c>
      <c r="C21457" s="14" t="s">
        <v>41</v>
      </c>
      <c r="D21457" s="14" t="s">
        <v>146</v>
      </c>
      <c r="E21457" s="15">
        <v>45663</v>
      </c>
      <c r="F21457" s="14" t="s">
        <v>61</v>
      </c>
      <c r="G21457" s="16">
        <v>0.13838207167350719</v>
      </c>
    </row>
    <row r="21458" spans="1:7" x14ac:dyDescent="0.3">
      <c r="A21458" s="13" t="s">
        <v>145</v>
      </c>
      <c r="B21458" s="14" t="s">
        <v>1</v>
      </c>
      <c r="C21458" s="14" t="s">
        <v>41</v>
      </c>
      <c r="D21458" s="14" t="s">
        <v>146</v>
      </c>
      <c r="E21458" s="15">
        <v>45664</v>
      </c>
      <c r="F21458" s="14" t="s">
        <v>61</v>
      </c>
      <c r="G21458" s="16">
        <v>0.10856872360795829</v>
      </c>
    </row>
    <row r="21459" spans="1:7" x14ac:dyDescent="0.3">
      <c r="A21459" s="13" t="s">
        <v>145</v>
      </c>
      <c r="B21459" s="14" t="s">
        <v>1</v>
      </c>
      <c r="C21459" s="14" t="s">
        <v>41</v>
      </c>
      <c r="D21459" s="14" t="s">
        <v>146</v>
      </c>
      <c r="E21459" s="15">
        <v>45665</v>
      </c>
      <c r="F21459" s="14" t="s">
        <v>61</v>
      </c>
      <c r="G21459" s="16">
        <v>0.10421792837571787</v>
      </c>
    </row>
    <row r="21460" spans="1:7" x14ac:dyDescent="0.3">
      <c r="A21460" s="13" t="s">
        <v>145</v>
      </c>
      <c r="B21460" s="14" t="s">
        <v>1</v>
      </c>
      <c r="C21460" s="14" t="s">
        <v>41</v>
      </c>
      <c r="D21460" s="14" t="s">
        <v>146</v>
      </c>
      <c r="E21460" s="15">
        <v>45666</v>
      </c>
      <c r="F21460" s="14" t="s">
        <v>61</v>
      </c>
      <c r="G21460" s="16">
        <v>0.10009420921721172</v>
      </c>
    </row>
    <row r="21461" spans="1:7" x14ac:dyDescent="0.3">
      <c r="A21461" s="13" t="s">
        <v>145</v>
      </c>
      <c r="B21461" s="14" t="s">
        <v>1</v>
      </c>
      <c r="C21461" s="14" t="s">
        <v>41</v>
      </c>
      <c r="D21461" s="14" t="s">
        <v>146</v>
      </c>
      <c r="E21461" s="15">
        <v>45667</v>
      </c>
      <c r="F21461" s="14" t="s">
        <v>61</v>
      </c>
      <c r="G21461" s="16">
        <v>9.6481670559808705E-2</v>
      </c>
    </row>
    <row r="21462" spans="1:7" x14ac:dyDescent="0.3">
      <c r="A21462" s="13" t="s">
        <v>145</v>
      </c>
      <c r="B21462" s="14" t="s">
        <v>1</v>
      </c>
      <c r="C21462" s="14" t="s">
        <v>41</v>
      </c>
      <c r="D21462" s="14" t="s">
        <v>146</v>
      </c>
      <c r="E21462" s="15">
        <v>45668</v>
      </c>
      <c r="F21462" s="14" t="s">
        <v>61</v>
      </c>
      <c r="G21462" s="16">
        <v>9.6481670559808705E-2</v>
      </c>
    </row>
    <row r="21463" spans="1:7" x14ac:dyDescent="0.3">
      <c r="A21463" s="13" t="s">
        <v>145</v>
      </c>
      <c r="B21463" s="14" t="s">
        <v>1</v>
      </c>
      <c r="C21463" s="14" t="s">
        <v>41</v>
      </c>
      <c r="D21463" s="14" t="s">
        <v>146</v>
      </c>
      <c r="E21463" s="15">
        <v>45669</v>
      </c>
      <c r="F21463" s="14" t="s">
        <v>61</v>
      </c>
      <c r="G21463" s="16">
        <v>9.6481670559808705E-2</v>
      </c>
    </row>
    <row r="21464" spans="1:7" x14ac:dyDescent="0.3">
      <c r="A21464" s="13" t="s">
        <v>145</v>
      </c>
      <c r="B21464" s="14" t="s">
        <v>1</v>
      </c>
      <c r="C21464" s="14" t="s">
        <v>41</v>
      </c>
      <c r="D21464" s="14" t="s">
        <v>146</v>
      </c>
      <c r="E21464" s="15">
        <v>45670</v>
      </c>
      <c r="F21464" s="14" t="s">
        <v>61</v>
      </c>
      <c r="G21464" s="16">
        <v>9.6481670559808705E-2</v>
      </c>
    </row>
    <row r="21465" spans="1:7" x14ac:dyDescent="0.3">
      <c r="A21465" s="13" t="s">
        <v>145</v>
      </c>
      <c r="B21465" s="14" t="s">
        <v>1</v>
      </c>
      <c r="C21465" s="14" t="s">
        <v>41</v>
      </c>
      <c r="D21465" s="14" t="s">
        <v>146</v>
      </c>
      <c r="E21465" s="15">
        <v>45671</v>
      </c>
      <c r="F21465" s="14" t="s">
        <v>61</v>
      </c>
      <c r="G21465" s="16">
        <v>9.1401553789604364E-2</v>
      </c>
    </row>
    <row r="21466" spans="1:7" x14ac:dyDescent="0.3">
      <c r="A21466" s="13" t="s">
        <v>145</v>
      </c>
      <c r="B21466" s="14" t="s">
        <v>1</v>
      </c>
      <c r="C21466" s="14" t="s">
        <v>41</v>
      </c>
      <c r="D21466" s="14" t="s">
        <v>146</v>
      </c>
      <c r="E21466" s="15">
        <v>45672</v>
      </c>
      <c r="F21466" s="14" t="s">
        <v>61</v>
      </c>
      <c r="G21466" s="16">
        <v>7.5205518578386477E-2</v>
      </c>
    </row>
    <row r="21467" spans="1:7" x14ac:dyDescent="0.3">
      <c r="A21467" s="13" t="s">
        <v>145</v>
      </c>
      <c r="B21467" s="14" t="s">
        <v>1</v>
      </c>
      <c r="C21467" s="14" t="s">
        <v>41</v>
      </c>
      <c r="D21467" s="14" t="s">
        <v>146</v>
      </c>
      <c r="E21467" s="15">
        <v>45673</v>
      </c>
      <c r="F21467" s="14" t="s">
        <v>61</v>
      </c>
      <c r="G21467" s="16">
        <v>7.1472468562171418E-2</v>
      </c>
    </row>
    <row r="21468" spans="1:7" x14ac:dyDescent="0.3">
      <c r="A21468" s="13" t="s">
        <v>145</v>
      </c>
      <c r="B21468" s="14" t="s">
        <v>1</v>
      </c>
      <c r="C21468" s="14" t="s">
        <v>41</v>
      </c>
      <c r="D21468" s="14" t="s">
        <v>146</v>
      </c>
      <c r="E21468" s="15">
        <v>45674</v>
      </c>
      <c r="F21468" s="14" t="s">
        <v>61</v>
      </c>
      <c r="G21468" s="16">
        <v>6.6855515948240379E-2</v>
      </c>
    </row>
    <row r="21469" spans="1:7" x14ac:dyDescent="0.3">
      <c r="A21469" s="13" t="s">
        <v>145</v>
      </c>
      <c r="B21469" s="14" t="s">
        <v>1</v>
      </c>
      <c r="C21469" s="14" t="s">
        <v>41</v>
      </c>
      <c r="D21469" s="14" t="s">
        <v>146</v>
      </c>
      <c r="E21469" s="15">
        <v>45675</v>
      </c>
      <c r="F21469" s="14" t="s">
        <v>61</v>
      </c>
      <c r="G21469" s="16">
        <v>6.6855515948240379E-2</v>
      </c>
    </row>
    <row r="21470" spans="1:7" x14ac:dyDescent="0.3">
      <c r="A21470" s="13" t="s">
        <v>145</v>
      </c>
      <c r="B21470" s="14" t="s">
        <v>1</v>
      </c>
      <c r="C21470" s="14" t="s">
        <v>41</v>
      </c>
      <c r="D21470" s="14" t="s">
        <v>146</v>
      </c>
      <c r="E21470" s="15">
        <v>45676</v>
      </c>
      <c r="F21470" s="14" t="s">
        <v>61</v>
      </c>
      <c r="G21470" s="16">
        <v>6.6855515948240379E-2</v>
      </c>
    </row>
    <row r="21471" spans="1:7" x14ac:dyDescent="0.3">
      <c r="A21471" s="13" t="s">
        <v>145</v>
      </c>
      <c r="B21471" s="14" t="s">
        <v>1</v>
      </c>
      <c r="C21471" s="14" t="s">
        <v>41</v>
      </c>
      <c r="D21471" s="14" t="s">
        <v>146</v>
      </c>
      <c r="E21471" s="15">
        <v>45677</v>
      </c>
      <c r="F21471" s="14" t="s">
        <v>61</v>
      </c>
      <c r="G21471" s="16">
        <v>6.2009389442236246E-2</v>
      </c>
    </row>
    <row r="21472" spans="1:7" x14ac:dyDescent="0.3">
      <c r="A21472" s="13" t="s">
        <v>145</v>
      </c>
      <c r="B21472" s="14" t="s">
        <v>1</v>
      </c>
      <c r="C21472" s="14" t="s">
        <v>41</v>
      </c>
      <c r="D21472" s="14" t="s">
        <v>146</v>
      </c>
      <c r="E21472" s="15">
        <v>45678</v>
      </c>
      <c r="F21472" s="14" t="s">
        <v>61</v>
      </c>
      <c r="G21472" s="16">
        <v>4.9470013287034979E-2</v>
      </c>
    </row>
    <row r="21473" spans="1:7" x14ac:dyDescent="0.3">
      <c r="A21473" s="13" t="s">
        <v>145</v>
      </c>
      <c r="B21473" s="14" t="s">
        <v>1</v>
      </c>
      <c r="C21473" s="14" t="s">
        <v>41</v>
      </c>
      <c r="D21473" s="14" t="s">
        <v>146</v>
      </c>
      <c r="E21473" s="15">
        <v>45679</v>
      </c>
      <c r="F21473" s="14" t="s">
        <v>61</v>
      </c>
      <c r="G21473" s="16">
        <v>4.5010342539142684E-2</v>
      </c>
    </row>
    <row r="21474" spans="1:7" x14ac:dyDescent="0.3">
      <c r="A21474" s="13" t="s">
        <v>145</v>
      </c>
      <c r="B21474" s="14" t="s">
        <v>1</v>
      </c>
      <c r="C21474" s="14" t="s">
        <v>41</v>
      </c>
      <c r="D21474" s="14" t="s">
        <v>146</v>
      </c>
      <c r="E21474" s="15">
        <v>45680</v>
      </c>
      <c r="F21474" s="14" t="s">
        <v>61</v>
      </c>
      <c r="G21474" s="16">
        <v>4.0859130797656414E-2</v>
      </c>
    </row>
    <row r="21475" spans="1:7" x14ac:dyDescent="0.3">
      <c r="A21475" s="13" t="s">
        <v>145</v>
      </c>
      <c r="B21475" s="14" t="s">
        <v>1</v>
      </c>
      <c r="C21475" s="14" t="s">
        <v>41</v>
      </c>
      <c r="D21475" s="14" t="s">
        <v>146</v>
      </c>
      <c r="E21475" s="15">
        <v>45681</v>
      </c>
      <c r="F21475" s="14" t="s">
        <v>61</v>
      </c>
      <c r="G21475" s="16">
        <v>3.6272807760260678E-2</v>
      </c>
    </row>
    <row r="21476" spans="1:7" x14ac:dyDescent="0.3">
      <c r="A21476" s="13" t="s">
        <v>145</v>
      </c>
      <c r="B21476" s="14" t="s">
        <v>1</v>
      </c>
      <c r="C21476" s="14" t="s">
        <v>41</v>
      </c>
      <c r="D21476" s="14" t="s">
        <v>146</v>
      </c>
      <c r="E21476" s="15">
        <v>45682</v>
      </c>
      <c r="F21476" s="14" t="s">
        <v>61</v>
      </c>
      <c r="G21476" s="16">
        <v>3.6272807760260678E-2</v>
      </c>
    </row>
    <row r="21477" spans="1:7" x14ac:dyDescent="0.3">
      <c r="A21477" s="13" t="s">
        <v>145</v>
      </c>
      <c r="B21477" s="14" t="s">
        <v>1</v>
      </c>
      <c r="C21477" s="14" t="s">
        <v>41</v>
      </c>
      <c r="D21477" s="14" t="s">
        <v>146</v>
      </c>
      <c r="E21477" s="15">
        <v>45683</v>
      </c>
      <c r="F21477" s="14" t="s">
        <v>61</v>
      </c>
      <c r="G21477" s="16">
        <v>3.6272807760260678E-2</v>
      </c>
    </row>
    <row r="21478" spans="1:7" x14ac:dyDescent="0.3">
      <c r="A21478" s="13" t="s">
        <v>145</v>
      </c>
      <c r="B21478" s="14" t="s">
        <v>1</v>
      </c>
      <c r="C21478" s="14" t="s">
        <v>41</v>
      </c>
      <c r="D21478" s="14" t="s">
        <v>146</v>
      </c>
      <c r="E21478" s="15">
        <v>45684</v>
      </c>
      <c r="F21478" s="14" t="s">
        <v>61</v>
      </c>
      <c r="G21478" s="16">
        <v>3.5289989775520218E-2</v>
      </c>
    </row>
    <row r="21479" spans="1:7" x14ac:dyDescent="0.3">
      <c r="A21479" s="13" t="s">
        <v>145</v>
      </c>
      <c r="B21479" s="14" t="s">
        <v>1</v>
      </c>
      <c r="C21479" s="14" t="s">
        <v>41</v>
      </c>
      <c r="D21479" s="14" t="s">
        <v>146</v>
      </c>
      <c r="E21479" s="15">
        <v>45685</v>
      </c>
      <c r="F21479" s="14" t="s">
        <v>61</v>
      </c>
      <c r="G21479" s="16">
        <v>2.2232602404547764E-2</v>
      </c>
    </row>
    <row r="21480" spans="1:7" x14ac:dyDescent="0.3">
      <c r="A21480" s="13" t="s">
        <v>145</v>
      </c>
      <c r="B21480" s="14" t="s">
        <v>1</v>
      </c>
      <c r="C21480" s="14" t="s">
        <v>41</v>
      </c>
      <c r="D21480" s="14" t="s">
        <v>146</v>
      </c>
      <c r="E21480" s="15">
        <v>45686</v>
      </c>
      <c r="F21480" s="14" t="s">
        <v>61</v>
      </c>
      <c r="G21480" s="16">
        <v>1.795990474017814E-2</v>
      </c>
    </row>
    <row r="21481" spans="1:7" x14ac:dyDescent="0.3">
      <c r="A21481" s="13" t="s">
        <v>145</v>
      </c>
      <c r="B21481" s="14" t="s">
        <v>1</v>
      </c>
      <c r="C21481" s="14" t="s">
        <v>41</v>
      </c>
      <c r="D21481" s="14" t="s">
        <v>146</v>
      </c>
      <c r="E21481" s="15">
        <v>45687</v>
      </c>
      <c r="F21481" s="14" t="s">
        <v>61</v>
      </c>
      <c r="G21481" s="16">
        <v>1.3753795575786161E-2</v>
      </c>
    </row>
    <row r="21482" spans="1:7" x14ac:dyDescent="0.3">
      <c r="A21482" s="13" t="s">
        <v>145</v>
      </c>
      <c r="B21482" s="14" t="s">
        <v>1</v>
      </c>
      <c r="C21482" s="14" t="s">
        <v>41</v>
      </c>
      <c r="D21482" s="14" t="s">
        <v>146</v>
      </c>
      <c r="E21482" s="15">
        <v>45688</v>
      </c>
      <c r="F21482" s="14" t="s">
        <v>61</v>
      </c>
      <c r="G21482" s="16">
        <v>2.303610472419812E-2</v>
      </c>
    </row>
    <row r="21483" spans="1:7" x14ac:dyDescent="0.3">
      <c r="A21483" s="13" t="s">
        <v>145</v>
      </c>
      <c r="B21483" s="14" t="s">
        <v>1</v>
      </c>
      <c r="C21483" s="14" t="s">
        <v>41</v>
      </c>
      <c r="D21483" s="14" t="s">
        <v>146</v>
      </c>
      <c r="E21483" s="15">
        <v>45689</v>
      </c>
      <c r="F21483" s="14" t="s">
        <v>61</v>
      </c>
      <c r="G21483" s="16">
        <v>2.303610472419812E-2</v>
      </c>
    </row>
    <row r="21484" spans="1:7" x14ac:dyDescent="0.3">
      <c r="A21484" s="13" t="s">
        <v>145</v>
      </c>
      <c r="B21484" s="14" t="s">
        <v>1</v>
      </c>
      <c r="C21484" s="14" t="s">
        <v>41</v>
      </c>
      <c r="D21484" s="14" t="s">
        <v>146</v>
      </c>
      <c r="E21484" s="15">
        <v>45690</v>
      </c>
      <c r="F21484" s="14" t="s">
        <v>61</v>
      </c>
      <c r="G21484" s="16">
        <v>2.303610472419812E-2</v>
      </c>
    </row>
    <row r="21485" spans="1:7" x14ac:dyDescent="0.3">
      <c r="A21485" s="13" t="s">
        <v>145</v>
      </c>
      <c r="B21485" s="14" t="s">
        <v>1</v>
      </c>
      <c r="C21485" s="14" t="s">
        <v>41</v>
      </c>
      <c r="D21485" s="14" t="s">
        <v>146</v>
      </c>
      <c r="E21485" s="15">
        <v>45691</v>
      </c>
      <c r="F21485" s="14" t="s">
        <v>61</v>
      </c>
      <c r="G21485" s="16">
        <v>2.303610472419812E-2</v>
      </c>
    </row>
    <row r="21486" spans="1:7" x14ac:dyDescent="0.3">
      <c r="A21486" s="13" t="s">
        <v>145</v>
      </c>
      <c r="B21486" s="14" t="s">
        <v>1</v>
      </c>
      <c r="C21486" s="14" t="s">
        <v>41</v>
      </c>
      <c r="D21486" s="14" t="s">
        <v>146</v>
      </c>
      <c r="E21486" s="15">
        <v>45692</v>
      </c>
      <c r="F21486" s="14" t="s">
        <v>61</v>
      </c>
      <c r="G21486" s="16">
        <v>1.875554019914099E-2</v>
      </c>
    </row>
    <row r="21487" spans="1:7" x14ac:dyDescent="0.3">
      <c r="A21487" s="13" t="s">
        <v>145</v>
      </c>
      <c r="B21487" s="14" t="s">
        <v>1</v>
      </c>
      <c r="C21487" s="14" t="s">
        <v>41</v>
      </c>
      <c r="D21487" s="14" t="s">
        <v>146</v>
      </c>
      <c r="E21487" s="15">
        <v>45693</v>
      </c>
      <c r="F21487" s="14" t="s">
        <v>61</v>
      </c>
      <c r="G21487" s="16">
        <v>3.4263123461198744E-3</v>
      </c>
    </row>
    <row r="21488" spans="1:7" x14ac:dyDescent="0.3">
      <c r="A21488" s="13" t="s">
        <v>145</v>
      </c>
      <c r="B21488" s="14" t="s">
        <v>1</v>
      </c>
      <c r="C21488" s="14" t="s">
        <v>41</v>
      </c>
      <c r="D21488" s="14" t="s">
        <v>146</v>
      </c>
      <c r="E21488" s="15">
        <v>45694</v>
      </c>
      <c r="F21488" s="14" t="s">
        <v>61</v>
      </c>
      <c r="G21488" s="16">
        <v>0</v>
      </c>
    </row>
    <row r="21489" spans="1:7" x14ac:dyDescent="0.3">
      <c r="A21489" s="13" t="s">
        <v>145</v>
      </c>
      <c r="B21489" s="14" t="s">
        <v>1</v>
      </c>
      <c r="C21489" s="14" t="s">
        <v>41</v>
      </c>
      <c r="D21489" s="14" t="s">
        <v>146</v>
      </c>
      <c r="E21489" s="15">
        <v>45695</v>
      </c>
      <c r="F21489" s="14" t="s">
        <v>61</v>
      </c>
      <c r="G21489" s="16">
        <v>0</v>
      </c>
    </row>
    <row r="21490" spans="1:7" x14ac:dyDescent="0.3">
      <c r="A21490" s="13" t="s">
        <v>145</v>
      </c>
      <c r="B21490" s="14" t="s">
        <v>1</v>
      </c>
      <c r="C21490" s="14" t="s">
        <v>41</v>
      </c>
      <c r="D21490" s="14" t="s">
        <v>146</v>
      </c>
      <c r="E21490" s="15">
        <v>45696</v>
      </c>
      <c r="F21490" s="14" t="s">
        <v>61</v>
      </c>
      <c r="G21490" s="16">
        <v>0</v>
      </c>
    </row>
    <row r="21491" spans="1:7" x14ac:dyDescent="0.3">
      <c r="A21491" s="13" t="s">
        <v>145</v>
      </c>
      <c r="B21491" s="14" t="s">
        <v>1</v>
      </c>
      <c r="C21491" s="14" t="s">
        <v>41</v>
      </c>
      <c r="D21491" s="14" t="s">
        <v>146</v>
      </c>
      <c r="E21491" s="15">
        <v>45697</v>
      </c>
      <c r="F21491" s="14" t="s">
        <v>61</v>
      </c>
      <c r="G21491" s="16">
        <v>0</v>
      </c>
    </row>
    <row r="21492" spans="1:7" x14ac:dyDescent="0.3">
      <c r="A21492" s="13" t="s">
        <v>145</v>
      </c>
      <c r="B21492" s="14" t="s">
        <v>1</v>
      </c>
      <c r="C21492" s="14" t="s">
        <v>41</v>
      </c>
      <c r="D21492" s="14" t="s">
        <v>146</v>
      </c>
      <c r="E21492" s="15">
        <v>45698</v>
      </c>
      <c r="F21492" s="14" t="s">
        <v>61</v>
      </c>
      <c r="G21492" s="16">
        <v>0</v>
      </c>
    </row>
    <row r="21493" spans="1:7" x14ac:dyDescent="0.3">
      <c r="A21493" s="13" t="s">
        <v>145</v>
      </c>
      <c r="B21493" s="14" t="s">
        <v>1</v>
      </c>
      <c r="C21493" s="14" t="s">
        <v>41</v>
      </c>
      <c r="D21493" s="14" t="s">
        <v>146</v>
      </c>
      <c r="E21493" s="15">
        <v>45699</v>
      </c>
      <c r="F21493" s="14" t="s">
        <v>61</v>
      </c>
      <c r="G21493" s="16">
        <v>0</v>
      </c>
    </row>
    <row r="21494" spans="1:7" x14ac:dyDescent="0.3">
      <c r="A21494" s="13" t="s">
        <v>145</v>
      </c>
      <c r="B21494" s="14" t="s">
        <v>1</v>
      </c>
      <c r="C21494" s="14" t="s">
        <v>41</v>
      </c>
      <c r="D21494" s="14" t="s">
        <v>146</v>
      </c>
      <c r="E21494" s="15">
        <v>45700</v>
      </c>
      <c r="F21494" s="14" t="s">
        <v>61</v>
      </c>
      <c r="G21494" s="16">
        <v>0</v>
      </c>
    </row>
    <row r="21495" spans="1:7" x14ac:dyDescent="0.3">
      <c r="A21495" s="13" t="s">
        <v>145</v>
      </c>
      <c r="B21495" s="14" t="s">
        <v>1</v>
      </c>
      <c r="C21495" s="14" t="s">
        <v>41</v>
      </c>
      <c r="D21495" s="14" t="s">
        <v>146</v>
      </c>
      <c r="E21495" s="15">
        <v>45701</v>
      </c>
      <c r="F21495" s="14" t="s">
        <v>61</v>
      </c>
      <c r="G21495" s="16">
        <v>0</v>
      </c>
    </row>
    <row r="21496" spans="1:7" x14ac:dyDescent="0.3">
      <c r="A21496" s="13" t="s">
        <v>145</v>
      </c>
      <c r="B21496" s="14" t="s">
        <v>1</v>
      </c>
      <c r="C21496" s="14" t="s">
        <v>41</v>
      </c>
      <c r="D21496" s="14" t="s">
        <v>146</v>
      </c>
      <c r="E21496" s="15">
        <v>45702</v>
      </c>
      <c r="F21496" s="14" t="s">
        <v>61</v>
      </c>
      <c r="G21496" s="16">
        <v>0</v>
      </c>
    </row>
    <row r="21497" spans="1:7" x14ac:dyDescent="0.3">
      <c r="A21497" s="13" t="s">
        <v>145</v>
      </c>
      <c r="B21497" s="14" t="s">
        <v>1</v>
      </c>
      <c r="C21497" s="14" t="s">
        <v>41</v>
      </c>
      <c r="D21497" s="14" t="s">
        <v>146</v>
      </c>
      <c r="E21497" s="15">
        <v>45703</v>
      </c>
      <c r="F21497" s="14" t="s">
        <v>61</v>
      </c>
      <c r="G21497" s="16">
        <v>0</v>
      </c>
    </row>
    <row r="21498" spans="1:7" x14ac:dyDescent="0.3">
      <c r="A21498" s="13" t="s">
        <v>145</v>
      </c>
      <c r="B21498" s="14" t="s">
        <v>1</v>
      </c>
      <c r="C21498" s="14" t="s">
        <v>41</v>
      </c>
      <c r="D21498" s="14" t="s">
        <v>146</v>
      </c>
      <c r="E21498" s="15">
        <v>45704</v>
      </c>
      <c r="F21498" s="14" t="s">
        <v>61</v>
      </c>
      <c r="G21498" s="16">
        <v>0</v>
      </c>
    </row>
    <row r="21499" spans="1:7" x14ac:dyDescent="0.3">
      <c r="A21499" s="13" t="s">
        <v>145</v>
      </c>
      <c r="B21499" s="14" t="s">
        <v>1</v>
      </c>
      <c r="C21499" s="14" t="s">
        <v>41</v>
      </c>
      <c r="D21499" s="14" t="s">
        <v>146</v>
      </c>
      <c r="E21499" s="15">
        <v>45705</v>
      </c>
      <c r="F21499" s="14" t="s">
        <v>61</v>
      </c>
      <c r="G21499" s="16">
        <v>0</v>
      </c>
    </row>
    <row r="21500" spans="1:7" x14ac:dyDescent="0.3">
      <c r="A21500" s="13" t="s">
        <v>145</v>
      </c>
      <c r="B21500" s="14" t="s">
        <v>1</v>
      </c>
      <c r="C21500" s="14" t="s">
        <v>41</v>
      </c>
      <c r="D21500" s="14" t="s">
        <v>146</v>
      </c>
      <c r="E21500" s="15">
        <v>45706</v>
      </c>
      <c r="F21500" s="14" t="s">
        <v>61</v>
      </c>
      <c r="G21500" s="16">
        <v>0</v>
      </c>
    </row>
    <row r="21501" spans="1:7" x14ac:dyDescent="0.3">
      <c r="A21501" s="13" t="s">
        <v>145</v>
      </c>
      <c r="B21501" s="14" t="s">
        <v>1</v>
      </c>
      <c r="C21501" s="14" t="s">
        <v>41</v>
      </c>
      <c r="D21501" s="14" t="s">
        <v>146</v>
      </c>
      <c r="E21501" s="15">
        <v>45707</v>
      </c>
      <c r="F21501" s="14" t="s">
        <v>61</v>
      </c>
      <c r="G21501" s="16">
        <v>0</v>
      </c>
    </row>
    <row r="21502" spans="1:7" x14ac:dyDescent="0.3">
      <c r="A21502" s="13" t="s">
        <v>145</v>
      </c>
      <c r="B21502" s="14" t="s">
        <v>1</v>
      </c>
      <c r="C21502" s="14" t="s">
        <v>41</v>
      </c>
      <c r="D21502" s="14" t="s">
        <v>146</v>
      </c>
      <c r="E21502" s="15">
        <v>45708</v>
      </c>
      <c r="F21502" s="14" t="s">
        <v>61</v>
      </c>
      <c r="G21502" s="16">
        <v>0</v>
      </c>
    </row>
    <row r="21503" spans="1:7" x14ac:dyDescent="0.3">
      <c r="A21503" s="13" t="s">
        <v>145</v>
      </c>
      <c r="B21503" s="14" t="s">
        <v>1</v>
      </c>
      <c r="C21503" s="14" t="s">
        <v>41</v>
      </c>
      <c r="D21503" s="14" t="s">
        <v>146</v>
      </c>
      <c r="E21503" s="15">
        <v>45709</v>
      </c>
      <c r="F21503" s="14" t="s">
        <v>61</v>
      </c>
      <c r="G21503" s="16">
        <v>0</v>
      </c>
    </row>
    <row r="21504" spans="1:7" x14ac:dyDescent="0.3">
      <c r="A21504" s="13" t="s">
        <v>145</v>
      </c>
      <c r="B21504" s="14" t="s">
        <v>1</v>
      </c>
      <c r="C21504" s="14" t="s">
        <v>41</v>
      </c>
      <c r="D21504" s="14" t="s">
        <v>146</v>
      </c>
      <c r="E21504" s="15">
        <v>45710</v>
      </c>
      <c r="F21504" s="14" t="s">
        <v>61</v>
      </c>
      <c r="G21504" s="16">
        <v>0</v>
      </c>
    </row>
    <row r="21505" spans="1:7" x14ac:dyDescent="0.3">
      <c r="A21505" s="13" t="s">
        <v>145</v>
      </c>
      <c r="B21505" s="14" t="s">
        <v>1</v>
      </c>
      <c r="C21505" s="14" t="s">
        <v>41</v>
      </c>
      <c r="D21505" s="14" t="s">
        <v>146</v>
      </c>
      <c r="E21505" s="15">
        <v>45711</v>
      </c>
      <c r="F21505" s="14" t="s">
        <v>61</v>
      </c>
      <c r="G21505" s="16">
        <v>0</v>
      </c>
    </row>
    <row r="21506" spans="1:7" x14ac:dyDescent="0.3">
      <c r="A21506" s="13" t="s">
        <v>145</v>
      </c>
      <c r="B21506" s="14" t="s">
        <v>1</v>
      </c>
      <c r="C21506" s="14" t="s">
        <v>41</v>
      </c>
      <c r="D21506" s="14" t="s">
        <v>146</v>
      </c>
      <c r="E21506" s="15">
        <v>45712</v>
      </c>
      <c r="F21506" s="14" t="s">
        <v>61</v>
      </c>
      <c r="G21506" s="16">
        <v>0</v>
      </c>
    </row>
    <row r="21507" spans="1:7" x14ac:dyDescent="0.3">
      <c r="A21507" s="13" t="s">
        <v>145</v>
      </c>
      <c r="B21507" s="14" t="s">
        <v>1</v>
      </c>
      <c r="C21507" s="14" t="s">
        <v>41</v>
      </c>
      <c r="D21507" s="14" t="s">
        <v>146</v>
      </c>
      <c r="E21507" s="15">
        <v>45713</v>
      </c>
      <c r="F21507" s="14" t="s">
        <v>61</v>
      </c>
      <c r="G21507" s="16">
        <v>0</v>
      </c>
    </row>
    <row r="21508" spans="1:7" x14ac:dyDescent="0.3">
      <c r="A21508" s="13" t="s">
        <v>145</v>
      </c>
      <c r="B21508" s="14" t="s">
        <v>1</v>
      </c>
      <c r="C21508" s="14" t="s">
        <v>41</v>
      </c>
      <c r="D21508" s="14" t="s">
        <v>146</v>
      </c>
      <c r="E21508" s="15">
        <v>45714</v>
      </c>
      <c r="F21508" s="14" t="s">
        <v>61</v>
      </c>
      <c r="G21508" s="16">
        <v>0</v>
      </c>
    </row>
    <row r="21509" spans="1:7" x14ac:dyDescent="0.3">
      <c r="A21509" s="13" t="s">
        <v>145</v>
      </c>
      <c r="B21509" s="14" t="s">
        <v>1</v>
      </c>
      <c r="C21509" s="14" t="s">
        <v>41</v>
      </c>
      <c r="D21509" s="14" t="s">
        <v>146</v>
      </c>
      <c r="E21509" s="15">
        <v>45715</v>
      </c>
      <c r="F21509" s="14" t="s">
        <v>61</v>
      </c>
      <c r="G21509" s="16">
        <v>0</v>
      </c>
    </row>
    <row r="21510" spans="1:7" x14ac:dyDescent="0.3">
      <c r="A21510" s="13" t="s">
        <v>145</v>
      </c>
      <c r="B21510" s="14" t="s">
        <v>1</v>
      </c>
      <c r="C21510" s="14" t="s">
        <v>41</v>
      </c>
      <c r="D21510" s="14" t="s">
        <v>146</v>
      </c>
      <c r="E21510" s="15">
        <v>45716</v>
      </c>
      <c r="F21510" s="14" t="s">
        <v>61</v>
      </c>
      <c r="G21510" s="16">
        <v>0</v>
      </c>
    </row>
    <row r="21511" spans="1:7" x14ac:dyDescent="0.3">
      <c r="A21511" s="13" t="s">
        <v>145</v>
      </c>
      <c r="B21511" s="14" t="s">
        <v>1</v>
      </c>
      <c r="C21511" s="14" t="s">
        <v>41</v>
      </c>
      <c r="D21511" s="14" t="s">
        <v>146</v>
      </c>
      <c r="E21511" s="15">
        <v>45717</v>
      </c>
      <c r="F21511" s="14" t="s">
        <v>61</v>
      </c>
      <c r="G21511" s="16">
        <v>0</v>
      </c>
    </row>
    <row r="21512" spans="1:7" x14ac:dyDescent="0.3">
      <c r="A21512" s="13" t="s">
        <v>145</v>
      </c>
      <c r="B21512" s="14" t="s">
        <v>1</v>
      </c>
      <c r="C21512" s="14" t="s">
        <v>41</v>
      </c>
      <c r="D21512" s="14" t="s">
        <v>146</v>
      </c>
      <c r="E21512" s="15">
        <v>45718</v>
      </c>
      <c r="F21512" s="14" t="s">
        <v>61</v>
      </c>
      <c r="G21512" s="16">
        <v>0</v>
      </c>
    </row>
    <row r="21513" spans="1:7" x14ac:dyDescent="0.3">
      <c r="A21513" s="13" t="s">
        <v>145</v>
      </c>
      <c r="B21513" s="14" t="s">
        <v>1</v>
      </c>
      <c r="C21513" s="14" t="s">
        <v>41</v>
      </c>
      <c r="D21513" s="14" t="s">
        <v>146</v>
      </c>
      <c r="E21513" s="15">
        <v>45719</v>
      </c>
      <c r="F21513" s="14" t="s">
        <v>61</v>
      </c>
      <c r="G21513" s="16">
        <v>0</v>
      </c>
    </row>
    <row r="21514" spans="1:7" x14ac:dyDescent="0.3">
      <c r="A21514" s="13" t="s">
        <v>145</v>
      </c>
      <c r="B21514" s="14" t="s">
        <v>1</v>
      </c>
      <c r="C21514" s="14" t="s">
        <v>41</v>
      </c>
      <c r="D21514" s="14" t="s">
        <v>146</v>
      </c>
      <c r="E21514" s="15">
        <v>45720</v>
      </c>
      <c r="F21514" s="14" t="s">
        <v>61</v>
      </c>
      <c r="G21514" s="16">
        <v>0</v>
      </c>
    </row>
    <row r="21515" spans="1:7" x14ac:dyDescent="0.3">
      <c r="A21515" s="13" t="s">
        <v>145</v>
      </c>
      <c r="B21515" s="14" t="s">
        <v>1</v>
      </c>
      <c r="C21515" s="14" t="s">
        <v>41</v>
      </c>
      <c r="D21515" s="14" t="s">
        <v>146</v>
      </c>
      <c r="E21515" s="15">
        <v>45721</v>
      </c>
      <c r="F21515" s="14" t="s">
        <v>61</v>
      </c>
      <c r="G21515" s="16">
        <v>0</v>
      </c>
    </row>
    <row r="21516" spans="1:7" x14ac:dyDescent="0.3">
      <c r="A21516" s="13" t="s">
        <v>145</v>
      </c>
      <c r="B21516" s="14" t="s">
        <v>1</v>
      </c>
      <c r="C21516" s="14" t="s">
        <v>41</v>
      </c>
      <c r="D21516" s="14" t="s">
        <v>146</v>
      </c>
      <c r="E21516" s="15">
        <v>45722</v>
      </c>
      <c r="F21516" s="14" t="s">
        <v>61</v>
      </c>
      <c r="G21516" s="16">
        <v>0</v>
      </c>
    </row>
    <row r="21517" spans="1:7" x14ac:dyDescent="0.3">
      <c r="A21517" s="13" t="s">
        <v>145</v>
      </c>
      <c r="B21517" s="14" t="s">
        <v>1</v>
      </c>
      <c r="C21517" s="14" t="s">
        <v>41</v>
      </c>
      <c r="D21517" s="14" t="s">
        <v>146</v>
      </c>
      <c r="E21517" s="15">
        <v>45723</v>
      </c>
      <c r="F21517" s="14" t="s">
        <v>61</v>
      </c>
      <c r="G21517" s="16">
        <v>0</v>
      </c>
    </row>
    <row r="21518" spans="1:7" x14ac:dyDescent="0.3">
      <c r="A21518" s="13" t="s">
        <v>145</v>
      </c>
      <c r="B21518" s="14" t="s">
        <v>1</v>
      </c>
      <c r="C21518" s="14" t="s">
        <v>41</v>
      </c>
      <c r="D21518" s="14" t="s">
        <v>146</v>
      </c>
      <c r="E21518" s="15">
        <v>45724</v>
      </c>
      <c r="F21518" s="14" t="s">
        <v>61</v>
      </c>
      <c r="G21518" s="16">
        <v>0</v>
      </c>
    </row>
    <row r="21519" spans="1:7" x14ac:dyDescent="0.3">
      <c r="A21519" s="13" t="s">
        <v>145</v>
      </c>
      <c r="B21519" s="14" t="s">
        <v>1</v>
      </c>
      <c r="C21519" s="14" t="s">
        <v>41</v>
      </c>
      <c r="D21519" s="14" t="s">
        <v>146</v>
      </c>
      <c r="E21519" s="15">
        <v>45725</v>
      </c>
      <c r="F21519" s="14" t="s">
        <v>61</v>
      </c>
      <c r="G21519" s="16">
        <v>0</v>
      </c>
    </row>
    <row r="21520" spans="1:7" x14ac:dyDescent="0.3">
      <c r="A21520" s="13" t="s">
        <v>145</v>
      </c>
      <c r="B21520" s="14" t="s">
        <v>1</v>
      </c>
      <c r="C21520" s="14" t="s">
        <v>41</v>
      </c>
      <c r="D21520" s="14" t="s">
        <v>146</v>
      </c>
      <c r="E21520" s="15">
        <v>45726</v>
      </c>
      <c r="F21520" s="14" t="s">
        <v>61</v>
      </c>
      <c r="G21520" s="16">
        <v>0</v>
      </c>
    </row>
    <row r="21521" spans="1:7" x14ac:dyDescent="0.3">
      <c r="A21521" s="13" t="s">
        <v>145</v>
      </c>
      <c r="B21521" s="14" t="s">
        <v>1</v>
      </c>
      <c r="C21521" s="14" t="s">
        <v>41</v>
      </c>
      <c r="D21521" s="14" t="s">
        <v>146</v>
      </c>
      <c r="E21521" s="15">
        <v>45727</v>
      </c>
      <c r="F21521" s="14" t="s">
        <v>61</v>
      </c>
      <c r="G21521" s="16">
        <v>0</v>
      </c>
    </row>
    <row r="21522" spans="1:7" x14ac:dyDescent="0.3">
      <c r="A21522" s="13" t="s">
        <v>145</v>
      </c>
      <c r="B21522" s="14" t="s">
        <v>1</v>
      </c>
      <c r="C21522" s="14" t="s">
        <v>41</v>
      </c>
      <c r="D21522" s="14" t="s">
        <v>146</v>
      </c>
      <c r="E21522" s="15">
        <v>45728</v>
      </c>
      <c r="F21522" s="14" t="s">
        <v>61</v>
      </c>
      <c r="G21522" s="16">
        <v>0</v>
      </c>
    </row>
    <row r="21523" spans="1:7" x14ac:dyDescent="0.3">
      <c r="A21523" s="13" t="s">
        <v>145</v>
      </c>
      <c r="B21523" s="14" t="s">
        <v>1</v>
      </c>
      <c r="C21523" s="14" t="s">
        <v>41</v>
      </c>
      <c r="D21523" s="14" t="s">
        <v>146</v>
      </c>
      <c r="E21523" s="15">
        <v>45729</v>
      </c>
      <c r="F21523" s="14" t="s">
        <v>61</v>
      </c>
      <c r="G21523" s="16">
        <v>0</v>
      </c>
    </row>
    <row r="21524" spans="1:7" x14ac:dyDescent="0.3">
      <c r="A21524" s="13" t="s">
        <v>145</v>
      </c>
      <c r="B21524" s="14" t="s">
        <v>1</v>
      </c>
      <c r="C21524" s="14" t="s">
        <v>41</v>
      </c>
      <c r="D21524" s="14" t="s">
        <v>146</v>
      </c>
      <c r="E21524" s="15">
        <v>45730</v>
      </c>
      <c r="F21524" s="14" t="s">
        <v>61</v>
      </c>
      <c r="G21524" s="16">
        <v>0</v>
      </c>
    </row>
    <row r="21525" spans="1:7" x14ac:dyDescent="0.3">
      <c r="A21525" s="13" t="s">
        <v>145</v>
      </c>
      <c r="B21525" s="14" t="s">
        <v>1</v>
      </c>
      <c r="C21525" s="14" t="s">
        <v>41</v>
      </c>
      <c r="D21525" s="14" t="s">
        <v>146</v>
      </c>
      <c r="E21525" s="15">
        <v>45731</v>
      </c>
      <c r="F21525" s="14" t="s">
        <v>61</v>
      </c>
      <c r="G21525" s="16">
        <v>0</v>
      </c>
    </row>
    <row r="21526" spans="1:7" x14ac:dyDescent="0.3">
      <c r="A21526" s="13" t="s">
        <v>145</v>
      </c>
      <c r="B21526" s="14" t="s">
        <v>1</v>
      </c>
      <c r="C21526" s="14" t="s">
        <v>41</v>
      </c>
      <c r="D21526" s="14" t="s">
        <v>146</v>
      </c>
      <c r="E21526" s="15">
        <v>45732</v>
      </c>
      <c r="F21526" s="14" t="s">
        <v>61</v>
      </c>
      <c r="G21526" s="16">
        <v>0</v>
      </c>
    </row>
    <row r="21527" spans="1:7" x14ac:dyDescent="0.3">
      <c r="A21527" s="13" t="s">
        <v>145</v>
      </c>
      <c r="B21527" s="14" t="s">
        <v>1</v>
      </c>
      <c r="C21527" s="14" t="s">
        <v>41</v>
      </c>
      <c r="D21527" s="14" t="s">
        <v>146</v>
      </c>
      <c r="E21527" s="15">
        <v>45733</v>
      </c>
      <c r="F21527" s="14" t="s">
        <v>61</v>
      </c>
      <c r="G21527" s="16">
        <v>0</v>
      </c>
    </row>
    <row r="21528" spans="1:7" x14ac:dyDescent="0.3">
      <c r="A21528" s="13" t="s">
        <v>145</v>
      </c>
      <c r="B21528" s="14" t="s">
        <v>1</v>
      </c>
      <c r="C21528" s="14" t="s">
        <v>41</v>
      </c>
      <c r="D21528" s="14" t="s">
        <v>146</v>
      </c>
      <c r="E21528" s="15">
        <v>45734</v>
      </c>
      <c r="F21528" s="14" t="s">
        <v>61</v>
      </c>
      <c r="G21528" s="16">
        <v>0</v>
      </c>
    </row>
    <row r="21529" spans="1:7" x14ac:dyDescent="0.3">
      <c r="A21529" s="13" t="s">
        <v>145</v>
      </c>
      <c r="B21529" s="14" t="s">
        <v>1</v>
      </c>
      <c r="C21529" s="14" t="s">
        <v>41</v>
      </c>
      <c r="D21529" s="14" t="s">
        <v>146</v>
      </c>
      <c r="E21529" s="15">
        <v>45735</v>
      </c>
      <c r="F21529" s="14" t="s">
        <v>61</v>
      </c>
      <c r="G21529" s="16">
        <v>0</v>
      </c>
    </row>
    <row r="21530" spans="1:7" x14ac:dyDescent="0.3">
      <c r="A21530" s="13" t="s">
        <v>145</v>
      </c>
      <c r="B21530" s="14" t="s">
        <v>1</v>
      </c>
      <c r="C21530" s="14" t="s">
        <v>41</v>
      </c>
      <c r="D21530" s="14" t="s">
        <v>146</v>
      </c>
      <c r="E21530" s="15">
        <v>45736</v>
      </c>
      <c r="F21530" s="14" t="s">
        <v>61</v>
      </c>
      <c r="G21530" s="16">
        <v>0</v>
      </c>
    </row>
    <row r="21531" spans="1:7" x14ac:dyDescent="0.3">
      <c r="A21531" s="13" t="s">
        <v>145</v>
      </c>
      <c r="B21531" s="14" t="s">
        <v>1</v>
      </c>
      <c r="C21531" s="14" t="s">
        <v>41</v>
      </c>
      <c r="D21531" s="14" t="s">
        <v>146</v>
      </c>
      <c r="E21531" s="15">
        <v>45737</v>
      </c>
      <c r="F21531" s="14" t="s">
        <v>61</v>
      </c>
      <c r="G21531" s="16">
        <v>0</v>
      </c>
    </row>
    <row r="21532" spans="1:7" x14ac:dyDescent="0.3">
      <c r="A21532" s="13" t="s">
        <v>145</v>
      </c>
      <c r="B21532" s="14" t="s">
        <v>1</v>
      </c>
      <c r="C21532" s="14" t="s">
        <v>41</v>
      </c>
      <c r="D21532" s="14" t="s">
        <v>146</v>
      </c>
      <c r="E21532" s="15">
        <v>45738</v>
      </c>
      <c r="F21532" s="14" t="s">
        <v>61</v>
      </c>
      <c r="G21532" s="16">
        <v>0</v>
      </c>
    </row>
    <row r="21533" spans="1:7" x14ac:dyDescent="0.3">
      <c r="A21533" s="13" t="s">
        <v>145</v>
      </c>
      <c r="B21533" s="14" t="s">
        <v>1</v>
      </c>
      <c r="C21533" s="14" t="s">
        <v>41</v>
      </c>
      <c r="D21533" s="14" t="s">
        <v>146</v>
      </c>
      <c r="E21533" s="15">
        <v>45739</v>
      </c>
      <c r="F21533" s="14" t="s">
        <v>61</v>
      </c>
      <c r="G21533" s="16">
        <v>0</v>
      </c>
    </row>
    <row r="21534" spans="1:7" x14ac:dyDescent="0.3">
      <c r="A21534" s="13" t="s">
        <v>145</v>
      </c>
      <c r="B21534" s="14" t="s">
        <v>1</v>
      </c>
      <c r="C21534" s="14" t="s">
        <v>41</v>
      </c>
      <c r="D21534" s="14" t="s">
        <v>146</v>
      </c>
      <c r="E21534" s="15">
        <v>45740</v>
      </c>
      <c r="F21534" s="14" t="s">
        <v>61</v>
      </c>
      <c r="G21534" s="16">
        <v>0</v>
      </c>
    </row>
    <row r="21535" spans="1:7" x14ac:dyDescent="0.3">
      <c r="A21535" s="13" t="s">
        <v>145</v>
      </c>
      <c r="B21535" s="14" t="s">
        <v>1</v>
      </c>
      <c r="C21535" s="14" t="s">
        <v>41</v>
      </c>
      <c r="D21535" s="14" t="s">
        <v>146</v>
      </c>
      <c r="E21535" s="15">
        <v>45741</v>
      </c>
      <c r="F21535" s="14" t="s">
        <v>61</v>
      </c>
      <c r="G21535" s="16">
        <v>0</v>
      </c>
    </row>
    <row r="21536" spans="1:7" x14ac:dyDescent="0.3">
      <c r="A21536" s="13" t="s">
        <v>145</v>
      </c>
      <c r="B21536" s="14" t="s">
        <v>1</v>
      </c>
      <c r="C21536" s="14" t="s">
        <v>41</v>
      </c>
      <c r="D21536" s="14" t="s">
        <v>146</v>
      </c>
      <c r="E21536" s="15">
        <v>45742</v>
      </c>
      <c r="F21536" s="14" t="s">
        <v>61</v>
      </c>
      <c r="G21536" s="16">
        <v>0</v>
      </c>
    </row>
    <row r="21537" spans="1:7" x14ac:dyDescent="0.3">
      <c r="A21537" s="13" t="s">
        <v>145</v>
      </c>
      <c r="B21537" s="14" t="s">
        <v>1</v>
      </c>
      <c r="C21537" s="14" t="s">
        <v>41</v>
      </c>
      <c r="D21537" s="14" t="s">
        <v>146</v>
      </c>
      <c r="E21537" s="15">
        <v>45743</v>
      </c>
      <c r="F21537" s="14" t="s">
        <v>61</v>
      </c>
      <c r="G21537" s="16">
        <v>0</v>
      </c>
    </row>
    <row r="21538" spans="1:7" x14ac:dyDescent="0.3">
      <c r="A21538" s="13" t="s">
        <v>145</v>
      </c>
      <c r="B21538" s="14" t="s">
        <v>1</v>
      </c>
      <c r="C21538" s="14" t="s">
        <v>41</v>
      </c>
      <c r="D21538" s="14" t="s">
        <v>146</v>
      </c>
      <c r="E21538" s="15">
        <v>45744</v>
      </c>
      <c r="F21538" s="14" t="s">
        <v>61</v>
      </c>
      <c r="G21538" s="16">
        <v>0</v>
      </c>
    </row>
    <row r="21539" spans="1:7" x14ac:dyDescent="0.3">
      <c r="A21539" s="13" t="s">
        <v>145</v>
      </c>
      <c r="B21539" s="14" t="s">
        <v>1</v>
      </c>
      <c r="C21539" s="14" t="s">
        <v>41</v>
      </c>
      <c r="D21539" s="14" t="s">
        <v>146</v>
      </c>
      <c r="E21539" s="15">
        <v>45745</v>
      </c>
      <c r="F21539" s="14" t="s">
        <v>61</v>
      </c>
      <c r="G21539" s="16">
        <v>0</v>
      </c>
    </row>
    <row r="21540" spans="1:7" x14ac:dyDescent="0.3">
      <c r="A21540" s="13" t="s">
        <v>145</v>
      </c>
      <c r="B21540" s="14" t="s">
        <v>1</v>
      </c>
      <c r="C21540" s="14" t="s">
        <v>41</v>
      </c>
      <c r="D21540" s="14" t="s">
        <v>146</v>
      </c>
      <c r="E21540" s="15">
        <v>45746</v>
      </c>
      <c r="F21540" s="14" t="s">
        <v>61</v>
      </c>
      <c r="G21540" s="16">
        <v>0</v>
      </c>
    </row>
    <row r="21541" spans="1:7" x14ac:dyDescent="0.3">
      <c r="A21541" s="13" t="s">
        <v>145</v>
      </c>
      <c r="B21541" s="14" t="s">
        <v>1</v>
      </c>
      <c r="C21541" s="14" t="s">
        <v>41</v>
      </c>
      <c r="D21541" s="14" t="s">
        <v>146</v>
      </c>
      <c r="E21541" s="15">
        <v>45747</v>
      </c>
      <c r="F21541" s="14" t="s">
        <v>61</v>
      </c>
      <c r="G21541" s="16">
        <v>0.71892003836634499</v>
      </c>
    </row>
    <row r="21542" spans="1:7" x14ac:dyDescent="0.3">
      <c r="A21542" s="13" t="s">
        <v>147</v>
      </c>
      <c r="B21542" s="14" t="s">
        <v>1</v>
      </c>
      <c r="C21542" s="14" t="s">
        <v>99</v>
      </c>
      <c r="D21542" s="14" t="s">
        <v>14</v>
      </c>
      <c r="E21542" s="15">
        <v>45383</v>
      </c>
      <c r="F21542" s="14" t="s">
        <v>15</v>
      </c>
      <c r="G21542" s="16">
        <v>0</v>
      </c>
    </row>
    <row r="21543" spans="1:7" x14ac:dyDescent="0.3">
      <c r="A21543" s="13" t="s">
        <v>147</v>
      </c>
      <c r="B21543" s="14" t="s">
        <v>1</v>
      </c>
      <c r="C21543" s="14" t="s">
        <v>99</v>
      </c>
      <c r="D21543" s="14" t="s">
        <v>14</v>
      </c>
      <c r="E21543" s="15">
        <v>45384</v>
      </c>
      <c r="F21543" s="14" t="s">
        <v>15</v>
      </c>
      <c r="G21543" s="16">
        <v>0</v>
      </c>
    </row>
    <row r="21544" spans="1:7" x14ac:dyDescent="0.3">
      <c r="A21544" s="13" t="s">
        <v>147</v>
      </c>
      <c r="B21544" s="14" t="s">
        <v>1</v>
      </c>
      <c r="C21544" s="14" t="s">
        <v>99</v>
      </c>
      <c r="D21544" s="14" t="s">
        <v>14</v>
      </c>
      <c r="E21544" s="15">
        <v>45385</v>
      </c>
      <c r="F21544" s="14" t="s">
        <v>15</v>
      </c>
      <c r="G21544" s="16">
        <v>0</v>
      </c>
    </row>
    <row r="21545" spans="1:7" x14ac:dyDescent="0.3">
      <c r="A21545" s="13" t="s">
        <v>147</v>
      </c>
      <c r="B21545" s="14" t="s">
        <v>1</v>
      </c>
      <c r="C21545" s="14" t="s">
        <v>99</v>
      </c>
      <c r="D21545" s="14" t="s">
        <v>14</v>
      </c>
      <c r="E21545" s="15">
        <v>45386</v>
      </c>
      <c r="F21545" s="14" t="s">
        <v>15</v>
      </c>
      <c r="G21545" s="16">
        <v>0</v>
      </c>
    </row>
    <row r="21546" spans="1:7" x14ac:dyDescent="0.3">
      <c r="A21546" s="13" t="s">
        <v>147</v>
      </c>
      <c r="B21546" s="14" t="s">
        <v>1</v>
      </c>
      <c r="C21546" s="14" t="s">
        <v>99</v>
      </c>
      <c r="D21546" s="14" t="s">
        <v>14</v>
      </c>
      <c r="E21546" s="15">
        <v>45387</v>
      </c>
      <c r="F21546" s="14" t="s">
        <v>15</v>
      </c>
      <c r="G21546" s="16">
        <v>0</v>
      </c>
    </row>
    <row r="21547" spans="1:7" x14ac:dyDescent="0.3">
      <c r="A21547" s="13" t="s">
        <v>147</v>
      </c>
      <c r="B21547" s="14" t="s">
        <v>1</v>
      </c>
      <c r="C21547" s="14" t="s">
        <v>99</v>
      </c>
      <c r="D21547" s="14" t="s">
        <v>14</v>
      </c>
      <c r="E21547" s="15">
        <v>45388</v>
      </c>
      <c r="F21547" s="14" t="s">
        <v>15</v>
      </c>
      <c r="G21547" s="16">
        <v>0</v>
      </c>
    </row>
    <row r="21548" spans="1:7" x14ac:dyDescent="0.3">
      <c r="A21548" s="13" t="s">
        <v>147</v>
      </c>
      <c r="B21548" s="14" t="s">
        <v>1</v>
      </c>
      <c r="C21548" s="14" t="s">
        <v>99</v>
      </c>
      <c r="D21548" s="14" t="s">
        <v>14</v>
      </c>
      <c r="E21548" s="15">
        <v>45389</v>
      </c>
      <c r="F21548" s="14" t="s">
        <v>15</v>
      </c>
      <c r="G21548" s="16">
        <v>0</v>
      </c>
    </row>
    <row r="21549" spans="1:7" x14ac:dyDescent="0.3">
      <c r="A21549" s="13" t="s">
        <v>147</v>
      </c>
      <c r="B21549" s="14" t="s">
        <v>1</v>
      </c>
      <c r="C21549" s="14" t="s">
        <v>99</v>
      </c>
      <c r="D21549" s="14" t="s">
        <v>14</v>
      </c>
      <c r="E21549" s="15">
        <v>45390</v>
      </c>
      <c r="F21549" s="14" t="s">
        <v>15</v>
      </c>
      <c r="G21549" s="16">
        <v>0</v>
      </c>
    </row>
    <row r="21550" spans="1:7" x14ac:dyDescent="0.3">
      <c r="A21550" s="13" t="s">
        <v>147</v>
      </c>
      <c r="B21550" s="14" t="s">
        <v>1</v>
      </c>
      <c r="C21550" s="14" t="s">
        <v>99</v>
      </c>
      <c r="D21550" s="14" t="s">
        <v>14</v>
      </c>
      <c r="E21550" s="15">
        <v>45391</v>
      </c>
      <c r="F21550" s="14" t="s">
        <v>15</v>
      </c>
      <c r="G21550" s="16">
        <v>0</v>
      </c>
    </row>
    <row r="21551" spans="1:7" x14ac:dyDescent="0.3">
      <c r="A21551" s="13" t="s">
        <v>147</v>
      </c>
      <c r="B21551" s="14" t="s">
        <v>1</v>
      </c>
      <c r="C21551" s="14" t="s">
        <v>99</v>
      </c>
      <c r="D21551" s="14" t="s">
        <v>14</v>
      </c>
      <c r="E21551" s="15">
        <v>45392</v>
      </c>
      <c r="F21551" s="14" t="s">
        <v>15</v>
      </c>
      <c r="G21551" s="16">
        <v>0</v>
      </c>
    </row>
    <row r="21552" spans="1:7" x14ac:dyDescent="0.3">
      <c r="A21552" s="13" t="s">
        <v>147</v>
      </c>
      <c r="B21552" s="14" t="s">
        <v>1</v>
      </c>
      <c r="C21552" s="14" t="s">
        <v>99</v>
      </c>
      <c r="D21552" s="14" t="s">
        <v>14</v>
      </c>
      <c r="E21552" s="15">
        <v>45393</v>
      </c>
      <c r="F21552" s="14" t="s">
        <v>15</v>
      </c>
      <c r="G21552" s="16">
        <v>0</v>
      </c>
    </row>
    <row r="21553" spans="1:7" x14ac:dyDescent="0.3">
      <c r="A21553" s="13" t="s">
        <v>147</v>
      </c>
      <c r="B21553" s="14" t="s">
        <v>1</v>
      </c>
      <c r="C21553" s="14" t="s">
        <v>99</v>
      </c>
      <c r="D21553" s="14" t="s">
        <v>14</v>
      </c>
      <c r="E21553" s="15">
        <v>45394</v>
      </c>
      <c r="F21553" s="14" t="s">
        <v>15</v>
      </c>
      <c r="G21553" s="16">
        <v>0</v>
      </c>
    </row>
    <row r="21554" spans="1:7" x14ac:dyDescent="0.3">
      <c r="A21554" s="13" t="s">
        <v>147</v>
      </c>
      <c r="B21554" s="14" t="s">
        <v>1</v>
      </c>
      <c r="C21554" s="14" t="s">
        <v>99</v>
      </c>
      <c r="D21554" s="14" t="s">
        <v>14</v>
      </c>
      <c r="E21554" s="15">
        <v>45395</v>
      </c>
      <c r="F21554" s="14" t="s">
        <v>15</v>
      </c>
      <c r="G21554" s="16">
        <v>0</v>
      </c>
    </row>
    <row r="21555" spans="1:7" x14ac:dyDescent="0.3">
      <c r="A21555" s="13" t="s">
        <v>147</v>
      </c>
      <c r="B21555" s="14" t="s">
        <v>1</v>
      </c>
      <c r="C21555" s="14" t="s">
        <v>99</v>
      </c>
      <c r="D21555" s="14" t="s">
        <v>14</v>
      </c>
      <c r="E21555" s="15">
        <v>45396</v>
      </c>
      <c r="F21555" s="14" t="s">
        <v>15</v>
      </c>
      <c r="G21555" s="16">
        <v>0</v>
      </c>
    </row>
    <row r="21556" spans="1:7" x14ac:dyDescent="0.3">
      <c r="A21556" s="13" t="s">
        <v>147</v>
      </c>
      <c r="B21556" s="14" t="s">
        <v>1</v>
      </c>
      <c r="C21556" s="14" t="s">
        <v>99</v>
      </c>
      <c r="D21556" s="14" t="s">
        <v>14</v>
      </c>
      <c r="E21556" s="15">
        <v>45397</v>
      </c>
      <c r="F21556" s="14" t="s">
        <v>15</v>
      </c>
      <c r="G21556" s="16">
        <v>0</v>
      </c>
    </row>
    <row r="21557" spans="1:7" x14ac:dyDescent="0.3">
      <c r="A21557" s="13" t="s">
        <v>147</v>
      </c>
      <c r="B21557" s="14" t="s">
        <v>1</v>
      </c>
      <c r="C21557" s="14" t="s">
        <v>99</v>
      </c>
      <c r="D21557" s="14" t="s">
        <v>14</v>
      </c>
      <c r="E21557" s="15">
        <v>45398</v>
      </c>
      <c r="F21557" s="14" t="s">
        <v>15</v>
      </c>
      <c r="G21557" s="16">
        <v>0</v>
      </c>
    </row>
    <row r="21558" spans="1:7" x14ac:dyDescent="0.3">
      <c r="A21558" s="13" t="s">
        <v>147</v>
      </c>
      <c r="B21558" s="14" t="s">
        <v>1</v>
      </c>
      <c r="C21558" s="14" t="s">
        <v>99</v>
      </c>
      <c r="D21558" s="14" t="s">
        <v>14</v>
      </c>
      <c r="E21558" s="15">
        <v>45399</v>
      </c>
      <c r="F21558" s="14" t="s">
        <v>15</v>
      </c>
      <c r="G21558" s="16">
        <v>0</v>
      </c>
    </row>
    <row r="21559" spans="1:7" x14ac:dyDescent="0.3">
      <c r="A21559" s="13" t="s">
        <v>147</v>
      </c>
      <c r="B21559" s="14" t="s">
        <v>1</v>
      </c>
      <c r="C21559" s="14" t="s">
        <v>99</v>
      </c>
      <c r="D21559" s="14" t="s">
        <v>14</v>
      </c>
      <c r="E21559" s="15">
        <v>45400</v>
      </c>
      <c r="F21559" s="14" t="s">
        <v>15</v>
      </c>
      <c r="G21559" s="16">
        <v>0</v>
      </c>
    </row>
    <row r="21560" spans="1:7" x14ac:dyDescent="0.3">
      <c r="A21560" s="13" t="s">
        <v>147</v>
      </c>
      <c r="B21560" s="14" t="s">
        <v>1</v>
      </c>
      <c r="C21560" s="14" t="s">
        <v>99</v>
      </c>
      <c r="D21560" s="14" t="s">
        <v>14</v>
      </c>
      <c r="E21560" s="15">
        <v>45401</v>
      </c>
      <c r="F21560" s="14" t="s">
        <v>15</v>
      </c>
      <c r="G21560" s="16">
        <v>0</v>
      </c>
    </row>
    <row r="21561" spans="1:7" x14ac:dyDescent="0.3">
      <c r="A21561" s="13" t="s">
        <v>147</v>
      </c>
      <c r="B21561" s="14" t="s">
        <v>1</v>
      </c>
      <c r="C21561" s="14" t="s">
        <v>99</v>
      </c>
      <c r="D21561" s="14" t="s">
        <v>14</v>
      </c>
      <c r="E21561" s="15">
        <v>45402</v>
      </c>
      <c r="F21561" s="14" t="s">
        <v>15</v>
      </c>
      <c r="G21561" s="16">
        <v>0</v>
      </c>
    </row>
    <row r="21562" spans="1:7" x14ac:dyDescent="0.3">
      <c r="A21562" s="13" t="s">
        <v>147</v>
      </c>
      <c r="B21562" s="14" t="s">
        <v>1</v>
      </c>
      <c r="C21562" s="14" t="s">
        <v>99</v>
      </c>
      <c r="D21562" s="14" t="s">
        <v>14</v>
      </c>
      <c r="E21562" s="15">
        <v>45403</v>
      </c>
      <c r="F21562" s="14" t="s">
        <v>15</v>
      </c>
      <c r="G21562" s="16">
        <v>0</v>
      </c>
    </row>
    <row r="21563" spans="1:7" x14ac:dyDescent="0.3">
      <c r="A21563" s="13" t="s">
        <v>147</v>
      </c>
      <c r="B21563" s="14" t="s">
        <v>1</v>
      </c>
      <c r="C21563" s="14" t="s">
        <v>99</v>
      </c>
      <c r="D21563" s="14" t="s">
        <v>14</v>
      </c>
      <c r="E21563" s="15">
        <v>45404</v>
      </c>
      <c r="F21563" s="14" t="s">
        <v>15</v>
      </c>
      <c r="G21563" s="16">
        <v>0</v>
      </c>
    </row>
    <row r="21564" spans="1:7" x14ac:dyDescent="0.3">
      <c r="A21564" s="13" t="s">
        <v>147</v>
      </c>
      <c r="B21564" s="14" t="s">
        <v>1</v>
      </c>
      <c r="C21564" s="14" t="s">
        <v>99</v>
      </c>
      <c r="D21564" s="14" t="s">
        <v>14</v>
      </c>
      <c r="E21564" s="15">
        <v>45405</v>
      </c>
      <c r="F21564" s="14" t="s">
        <v>15</v>
      </c>
      <c r="G21564" s="16">
        <v>0</v>
      </c>
    </row>
    <row r="21565" spans="1:7" x14ac:dyDescent="0.3">
      <c r="A21565" s="13" t="s">
        <v>147</v>
      </c>
      <c r="B21565" s="14" t="s">
        <v>1</v>
      </c>
      <c r="C21565" s="14" t="s">
        <v>99</v>
      </c>
      <c r="D21565" s="14" t="s">
        <v>14</v>
      </c>
      <c r="E21565" s="15">
        <v>45406</v>
      </c>
      <c r="F21565" s="14" t="s">
        <v>15</v>
      </c>
      <c r="G21565" s="16">
        <v>0</v>
      </c>
    </row>
    <row r="21566" spans="1:7" x14ac:dyDescent="0.3">
      <c r="A21566" s="13" t="s">
        <v>147</v>
      </c>
      <c r="B21566" s="14" t="s">
        <v>1</v>
      </c>
      <c r="C21566" s="14" t="s">
        <v>99</v>
      </c>
      <c r="D21566" s="14" t="s">
        <v>14</v>
      </c>
      <c r="E21566" s="15">
        <v>45407</v>
      </c>
      <c r="F21566" s="14" t="s">
        <v>15</v>
      </c>
      <c r="G21566" s="16">
        <v>0</v>
      </c>
    </row>
    <row r="21567" spans="1:7" x14ac:dyDescent="0.3">
      <c r="A21567" s="13" t="s">
        <v>147</v>
      </c>
      <c r="B21567" s="14" t="s">
        <v>1</v>
      </c>
      <c r="C21567" s="14" t="s">
        <v>99</v>
      </c>
      <c r="D21567" s="14" t="s">
        <v>14</v>
      </c>
      <c r="E21567" s="15">
        <v>45408</v>
      </c>
      <c r="F21567" s="14" t="s">
        <v>15</v>
      </c>
      <c r="G21567" s="16">
        <v>0</v>
      </c>
    </row>
    <row r="21568" spans="1:7" x14ac:dyDescent="0.3">
      <c r="A21568" s="13" t="s">
        <v>147</v>
      </c>
      <c r="B21568" s="14" t="s">
        <v>1</v>
      </c>
      <c r="C21568" s="14" t="s">
        <v>99</v>
      </c>
      <c r="D21568" s="14" t="s">
        <v>14</v>
      </c>
      <c r="E21568" s="15">
        <v>45409</v>
      </c>
      <c r="F21568" s="14" t="s">
        <v>15</v>
      </c>
      <c r="G21568" s="16">
        <v>0</v>
      </c>
    </row>
    <row r="21569" spans="1:7" x14ac:dyDescent="0.3">
      <c r="A21569" s="13" t="s">
        <v>147</v>
      </c>
      <c r="B21569" s="14" t="s">
        <v>1</v>
      </c>
      <c r="C21569" s="14" t="s">
        <v>99</v>
      </c>
      <c r="D21569" s="14" t="s">
        <v>14</v>
      </c>
      <c r="E21569" s="15">
        <v>45410</v>
      </c>
      <c r="F21569" s="14" t="s">
        <v>15</v>
      </c>
      <c r="G21569" s="16">
        <v>0</v>
      </c>
    </row>
    <row r="21570" spans="1:7" x14ac:dyDescent="0.3">
      <c r="A21570" s="13" t="s">
        <v>147</v>
      </c>
      <c r="B21570" s="14" t="s">
        <v>1</v>
      </c>
      <c r="C21570" s="14" t="s">
        <v>99</v>
      </c>
      <c r="D21570" s="14" t="s">
        <v>14</v>
      </c>
      <c r="E21570" s="15">
        <v>45411</v>
      </c>
      <c r="F21570" s="14" t="s">
        <v>15</v>
      </c>
      <c r="G21570" s="16">
        <v>0</v>
      </c>
    </row>
    <row r="21571" spans="1:7" x14ac:dyDescent="0.3">
      <c r="A21571" s="13" t="s">
        <v>147</v>
      </c>
      <c r="B21571" s="14" t="s">
        <v>1</v>
      </c>
      <c r="C21571" s="14" t="s">
        <v>99</v>
      </c>
      <c r="D21571" s="14" t="s">
        <v>14</v>
      </c>
      <c r="E21571" s="15">
        <v>45412</v>
      </c>
      <c r="F21571" s="14" t="s">
        <v>15</v>
      </c>
      <c r="G21571" s="16">
        <v>0</v>
      </c>
    </row>
    <row r="21572" spans="1:7" x14ac:dyDescent="0.3">
      <c r="A21572" s="13" t="s">
        <v>147</v>
      </c>
      <c r="B21572" s="14" t="s">
        <v>1</v>
      </c>
      <c r="C21572" s="14" t="s">
        <v>99</v>
      </c>
      <c r="D21572" s="14" t="s">
        <v>14</v>
      </c>
      <c r="E21572" s="15">
        <v>45413</v>
      </c>
      <c r="F21572" s="14" t="s">
        <v>15</v>
      </c>
      <c r="G21572" s="16">
        <v>0</v>
      </c>
    </row>
    <row r="21573" spans="1:7" x14ac:dyDescent="0.3">
      <c r="A21573" s="13" t="s">
        <v>147</v>
      </c>
      <c r="B21573" s="14" t="s">
        <v>1</v>
      </c>
      <c r="C21573" s="14" t="s">
        <v>99</v>
      </c>
      <c r="D21573" s="14" t="s">
        <v>14</v>
      </c>
      <c r="E21573" s="15">
        <v>45414</v>
      </c>
      <c r="F21573" s="14" t="s">
        <v>15</v>
      </c>
      <c r="G21573" s="16">
        <v>0</v>
      </c>
    </row>
    <row r="21574" spans="1:7" x14ac:dyDescent="0.3">
      <c r="A21574" s="13" t="s">
        <v>147</v>
      </c>
      <c r="B21574" s="14" t="s">
        <v>1</v>
      </c>
      <c r="C21574" s="14" t="s">
        <v>99</v>
      </c>
      <c r="D21574" s="14" t="s">
        <v>14</v>
      </c>
      <c r="E21574" s="15">
        <v>45415</v>
      </c>
      <c r="F21574" s="14" t="s">
        <v>15</v>
      </c>
      <c r="G21574" s="16">
        <v>0</v>
      </c>
    </row>
    <row r="21575" spans="1:7" x14ac:dyDescent="0.3">
      <c r="A21575" s="13" t="s">
        <v>147</v>
      </c>
      <c r="B21575" s="14" t="s">
        <v>1</v>
      </c>
      <c r="C21575" s="14" t="s">
        <v>99</v>
      </c>
      <c r="D21575" s="14" t="s">
        <v>14</v>
      </c>
      <c r="E21575" s="15">
        <v>45416</v>
      </c>
      <c r="F21575" s="14" t="s">
        <v>15</v>
      </c>
      <c r="G21575" s="16">
        <v>0</v>
      </c>
    </row>
    <row r="21576" spans="1:7" x14ac:dyDescent="0.3">
      <c r="A21576" s="13" t="s">
        <v>147</v>
      </c>
      <c r="B21576" s="14" t="s">
        <v>1</v>
      </c>
      <c r="C21576" s="14" t="s">
        <v>99</v>
      </c>
      <c r="D21576" s="14" t="s">
        <v>14</v>
      </c>
      <c r="E21576" s="15">
        <v>45417</v>
      </c>
      <c r="F21576" s="14" t="s">
        <v>15</v>
      </c>
      <c r="G21576" s="16">
        <v>0</v>
      </c>
    </row>
    <row r="21577" spans="1:7" x14ac:dyDescent="0.3">
      <c r="A21577" s="13" t="s">
        <v>147</v>
      </c>
      <c r="B21577" s="14" t="s">
        <v>1</v>
      </c>
      <c r="C21577" s="14" t="s">
        <v>99</v>
      </c>
      <c r="D21577" s="14" t="s">
        <v>14</v>
      </c>
      <c r="E21577" s="15">
        <v>45418</v>
      </c>
      <c r="F21577" s="14" t="s">
        <v>15</v>
      </c>
      <c r="G21577" s="16">
        <v>0</v>
      </c>
    </row>
    <row r="21578" spans="1:7" x14ac:dyDescent="0.3">
      <c r="A21578" s="13" t="s">
        <v>147</v>
      </c>
      <c r="B21578" s="14" t="s">
        <v>1</v>
      </c>
      <c r="C21578" s="14" t="s">
        <v>99</v>
      </c>
      <c r="D21578" s="14" t="s">
        <v>14</v>
      </c>
      <c r="E21578" s="15">
        <v>45419</v>
      </c>
      <c r="F21578" s="14" t="s">
        <v>15</v>
      </c>
      <c r="G21578" s="16">
        <v>0</v>
      </c>
    </row>
    <row r="21579" spans="1:7" x14ac:dyDescent="0.3">
      <c r="A21579" s="13" t="s">
        <v>147</v>
      </c>
      <c r="B21579" s="14" t="s">
        <v>1</v>
      </c>
      <c r="C21579" s="14" t="s">
        <v>99</v>
      </c>
      <c r="D21579" s="14" t="s">
        <v>14</v>
      </c>
      <c r="E21579" s="15">
        <v>45420</v>
      </c>
      <c r="F21579" s="14" t="s">
        <v>15</v>
      </c>
      <c r="G21579" s="16">
        <v>0</v>
      </c>
    </row>
    <row r="21580" spans="1:7" x14ac:dyDescent="0.3">
      <c r="A21580" s="13" t="s">
        <v>147</v>
      </c>
      <c r="B21580" s="14" t="s">
        <v>1</v>
      </c>
      <c r="C21580" s="14" t="s">
        <v>99</v>
      </c>
      <c r="D21580" s="14" t="s">
        <v>14</v>
      </c>
      <c r="E21580" s="15">
        <v>45421</v>
      </c>
      <c r="F21580" s="14" t="s">
        <v>15</v>
      </c>
      <c r="G21580" s="16">
        <v>0</v>
      </c>
    </row>
    <row r="21581" spans="1:7" x14ac:dyDescent="0.3">
      <c r="A21581" s="13" t="s">
        <v>147</v>
      </c>
      <c r="B21581" s="14" t="s">
        <v>1</v>
      </c>
      <c r="C21581" s="14" t="s">
        <v>99</v>
      </c>
      <c r="D21581" s="14" t="s">
        <v>14</v>
      </c>
      <c r="E21581" s="15">
        <v>45422</v>
      </c>
      <c r="F21581" s="14" t="s">
        <v>15</v>
      </c>
      <c r="G21581" s="16">
        <v>0</v>
      </c>
    </row>
    <row r="21582" spans="1:7" x14ac:dyDescent="0.3">
      <c r="A21582" s="13" t="s">
        <v>147</v>
      </c>
      <c r="B21582" s="14" t="s">
        <v>1</v>
      </c>
      <c r="C21582" s="14" t="s">
        <v>99</v>
      </c>
      <c r="D21582" s="14" t="s">
        <v>14</v>
      </c>
      <c r="E21582" s="15">
        <v>45423</v>
      </c>
      <c r="F21582" s="14" t="s">
        <v>15</v>
      </c>
      <c r="G21582" s="16">
        <v>0</v>
      </c>
    </row>
    <row r="21583" spans="1:7" x14ac:dyDescent="0.3">
      <c r="A21583" s="13" t="s">
        <v>147</v>
      </c>
      <c r="B21583" s="14" t="s">
        <v>1</v>
      </c>
      <c r="C21583" s="14" t="s">
        <v>99</v>
      </c>
      <c r="D21583" s="14" t="s">
        <v>14</v>
      </c>
      <c r="E21583" s="15">
        <v>45424</v>
      </c>
      <c r="F21583" s="14" t="s">
        <v>15</v>
      </c>
      <c r="G21583" s="16">
        <v>0</v>
      </c>
    </row>
    <row r="21584" spans="1:7" x14ac:dyDescent="0.3">
      <c r="A21584" s="13" t="s">
        <v>147</v>
      </c>
      <c r="B21584" s="14" t="s">
        <v>1</v>
      </c>
      <c r="C21584" s="14" t="s">
        <v>99</v>
      </c>
      <c r="D21584" s="14" t="s">
        <v>14</v>
      </c>
      <c r="E21584" s="15">
        <v>45425</v>
      </c>
      <c r="F21584" s="14" t="s">
        <v>15</v>
      </c>
      <c r="G21584" s="16">
        <v>0</v>
      </c>
    </row>
    <row r="21585" spans="1:7" x14ac:dyDescent="0.3">
      <c r="A21585" s="13" t="s">
        <v>147</v>
      </c>
      <c r="B21585" s="14" t="s">
        <v>1</v>
      </c>
      <c r="C21585" s="14" t="s">
        <v>99</v>
      </c>
      <c r="D21585" s="14" t="s">
        <v>14</v>
      </c>
      <c r="E21585" s="15">
        <v>45426</v>
      </c>
      <c r="F21585" s="14" t="s">
        <v>15</v>
      </c>
      <c r="G21585" s="16">
        <v>0</v>
      </c>
    </row>
    <row r="21586" spans="1:7" x14ac:dyDescent="0.3">
      <c r="A21586" s="13" t="s">
        <v>147</v>
      </c>
      <c r="B21586" s="14" t="s">
        <v>1</v>
      </c>
      <c r="C21586" s="14" t="s">
        <v>99</v>
      </c>
      <c r="D21586" s="14" t="s">
        <v>14</v>
      </c>
      <c r="E21586" s="15">
        <v>45427</v>
      </c>
      <c r="F21586" s="14" t="s">
        <v>15</v>
      </c>
      <c r="G21586" s="16">
        <v>0</v>
      </c>
    </row>
    <row r="21587" spans="1:7" x14ac:dyDescent="0.3">
      <c r="A21587" s="13" t="s">
        <v>147</v>
      </c>
      <c r="B21587" s="14" t="s">
        <v>1</v>
      </c>
      <c r="C21587" s="14" t="s">
        <v>99</v>
      </c>
      <c r="D21587" s="14" t="s">
        <v>14</v>
      </c>
      <c r="E21587" s="15">
        <v>45428</v>
      </c>
      <c r="F21587" s="14" t="s">
        <v>15</v>
      </c>
      <c r="G21587" s="16">
        <v>0</v>
      </c>
    </row>
    <row r="21588" spans="1:7" x14ac:dyDescent="0.3">
      <c r="A21588" s="13" t="s">
        <v>147</v>
      </c>
      <c r="B21588" s="14" t="s">
        <v>1</v>
      </c>
      <c r="C21588" s="14" t="s">
        <v>99</v>
      </c>
      <c r="D21588" s="14" t="s">
        <v>14</v>
      </c>
      <c r="E21588" s="15">
        <v>45429</v>
      </c>
      <c r="F21588" s="14" t="s">
        <v>15</v>
      </c>
      <c r="G21588" s="16">
        <v>0</v>
      </c>
    </row>
    <row r="21589" spans="1:7" x14ac:dyDescent="0.3">
      <c r="A21589" s="13" t="s">
        <v>147</v>
      </c>
      <c r="B21589" s="14" t="s">
        <v>1</v>
      </c>
      <c r="C21589" s="14" t="s">
        <v>99</v>
      </c>
      <c r="D21589" s="14" t="s">
        <v>14</v>
      </c>
      <c r="E21589" s="15">
        <v>45430</v>
      </c>
      <c r="F21589" s="14" t="s">
        <v>15</v>
      </c>
      <c r="G21589" s="16">
        <v>0</v>
      </c>
    </row>
    <row r="21590" spans="1:7" x14ac:dyDescent="0.3">
      <c r="A21590" s="13" t="s">
        <v>147</v>
      </c>
      <c r="B21590" s="14" t="s">
        <v>1</v>
      </c>
      <c r="C21590" s="14" t="s">
        <v>99</v>
      </c>
      <c r="D21590" s="14" t="s">
        <v>14</v>
      </c>
      <c r="E21590" s="15">
        <v>45431</v>
      </c>
      <c r="F21590" s="14" t="s">
        <v>15</v>
      </c>
      <c r="G21590" s="16">
        <v>0</v>
      </c>
    </row>
    <row r="21591" spans="1:7" x14ac:dyDescent="0.3">
      <c r="A21591" s="13" t="s">
        <v>147</v>
      </c>
      <c r="B21591" s="14" t="s">
        <v>1</v>
      </c>
      <c r="C21591" s="14" t="s">
        <v>99</v>
      </c>
      <c r="D21591" s="14" t="s">
        <v>14</v>
      </c>
      <c r="E21591" s="15">
        <v>45432</v>
      </c>
      <c r="F21591" s="14" t="s">
        <v>15</v>
      </c>
      <c r="G21591" s="16">
        <v>0</v>
      </c>
    </row>
    <row r="21592" spans="1:7" x14ac:dyDescent="0.3">
      <c r="A21592" s="13" t="s">
        <v>147</v>
      </c>
      <c r="B21592" s="14" t="s">
        <v>1</v>
      </c>
      <c r="C21592" s="14" t="s">
        <v>99</v>
      </c>
      <c r="D21592" s="14" t="s">
        <v>14</v>
      </c>
      <c r="E21592" s="15">
        <v>45433</v>
      </c>
      <c r="F21592" s="14" t="s">
        <v>15</v>
      </c>
      <c r="G21592" s="16">
        <v>0</v>
      </c>
    </row>
    <row r="21593" spans="1:7" x14ac:dyDescent="0.3">
      <c r="A21593" s="13" t="s">
        <v>147</v>
      </c>
      <c r="B21593" s="14" t="s">
        <v>1</v>
      </c>
      <c r="C21593" s="14" t="s">
        <v>99</v>
      </c>
      <c r="D21593" s="14" t="s">
        <v>14</v>
      </c>
      <c r="E21593" s="15">
        <v>45434</v>
      </c>
      <c r="F21593" s="14" t="s">
        <v>15</v>
      </c>
      <c r="G21593" s="16">
        <v>0</v>
      </c>
    </row>
    <row r="21594" spans="1:7" x14ac:dyDescent="0.3">
      <c r="A21594" s="13" t="s">
        <v>147</v>
      </c>
      <c r="B21594" s="14" t="s">
        <v>1</v>
      </c>
      <c r="C21594" s="14" t="s">
        <v>99</v>
      </c>
      <c r="D21594" s="14" t="s">
        <v>14</v>
      </c>
      <c r="E21594" s="15">
        <v>45435</v>
      </c>
      <c r="F21594" s="14" t="s">
        <v>15</v>
      </c>
      <c r="G21594" s="16">
        <v>0</v>
      </c>
    </row>
    <row r="21595" spans="1:7" x14ac:dyDescent="0.3">
      <c r="A21595" s="13" t="s">
        <v>147</v>
      </c>
      <c r="B21595" s="14" t="s">
        <v>1</v>
      </c>
      <c r="C21595" s="14" t="s">
        <v>99</v>
      </c>
      <c r="D21595" s="14" t="s">
        <v>14</v>
      </c>
      <c r="E21595" s="15">
        <v>45436</v>
      </c>
      <c r="F21595" s="14" t="s">
        <v>15</v>
      </c>
      <c r="G21595" s="16">
        <v>0</v>
      </c>
    </row>
    <row r="21596" spans="1:7" x14ac:dyDescent="0.3">
      <c r="A21596" s="13" t="s">
        <v>147</v>
      </c>
      <c r="B21596" s="14" t="s">
        <v>1</v>
      </c>
      <c r="C21596" s="14" t="s">
        <v>99</v>
      </c>
      <c r="D21596" s="14" t="s">
        <v>14</v>
      </c>
      <c r="E21596" s="15">
        <v>45437</v>
      </c>
      <c r="F21596" s="14" t="s">
        <v>15</v>
      </c>
      <c r="G21596" s="16">
        <v>0</v>
      </c>
    </row>
    <row r="21597" spans="1:7" x14ac:dyDescent="0.3">
      <c r="A21597" s="13" t="s">
        <v>147</v>
      </c>
      <c r="B21597" s="14" t="s">
        <v>1</v>
      </c>
      <c r="C21597" s="14" t="s">
        <v>99</v>
      </c>
      <c r="D21597" s="14" t="s">
        <v>14</v>
      </c>
      <c r="E21597" s="15">
        <v>45438</v>
      </c>
      <c r="F21597" s="14" t="s">
        <v>15</v>
      </c>
      <c r="G21597" s="16">
        <v>0</v>
      </c>
    </row>
    <row r="21598" spans="1:7" x14ac:dyDescent="0.3">
      <c r="A21598" s="13" t="s">
        <v>147</v>
      </c>
      <c r="B21598" s="14" t="s">
        <v>1</v>
      </c>
      <c r="C21598" s="14" t="s">
        <v>99</v>
      </c>
      <c r="D21598" s="14" t="s">
        <v>14</v>
      </c>
      <c r="E21598" s="15">
        <v>45439</v>
      </c>
      <c r="F21598" s="14" t="s">
        <v>15</v>
      </c>
      <c r="G21598" s="16">
        <v>0</v>
      </c>
    </row>
    <row r="21599" spans="1:7" x14ac:dyDescent="0.3">
      <c r="A21599" s="13" t="s">
        <v>147</v>
      </c>
      <c r="B21599" s="14" t="s">
        <v>1</v>
      </c>
      <c r="C21599" s="14" t="s">
        <v>99</v>
      </c>
      <c r="D21599" s="14" t="s">
        <v>14</v>
      </c>
      <c r="E21599" s="15">
        <v>45440</v>
      </c>
      <c r="F21599" s="14" t="s">
        <v>15</v>
      </c>
      <c r="G21599" s="16">
        <v>0</v>
      </c>
    </row>
    <row r="21600" spans="1:7" x14ac:dyDescent="0.3">
      <c r="A21600" s="13" t="s">
        <v>147</v>
      </c>
      <c r="B21600" s="14" t="s">
        <v>1</v>
      </c>
      <c r="C21600" s="14" t="s">
        <v>99</v>
      </c>
      <c r="D21600" s="14" t="s">
        <v>14</v>
      </c>
      <c r="E21600" s="15">
        <v>45441</v>
      </c>
      <c r="F21600" s="14" t="s">
        <v>15</v>
      </c>
      <c r="G21600" s="16">
        <v>0</v>
      </c>
    </row>
    <row r="21601" spans="1:7" x14ac:dyDescent="0.3">
      <c r="A21601" s="13" t="s">
        <v>147</v>
      </c>
      <c r="B21601" s="14" t="s">
        <v>1</v>
      </c>
      <c r="C21601" s="14" t="s">
        <v>99</v>
      </c>
      <c r="D21601" s="14" t="s">
        <v>14</v>
      </c>
      <c r="E21601" s="15">
        <v>45442</v>
      </c>
      <c r="F21601" s="14" t="s">
        <v>15</v>
      </c>
      <c r="G21601" s="16">
        <v>0</v>
      </c>
    </row>
    <row r="21602" spans="1:7" x14ac:dyDescent="0.3">
      <c r="A21602" s="13" t="s">
        <v>147</v>
      </c>
      <c r="B21602" s="14" t="s">
        <v>1</v>
      </c>
      <c r="C21602" s="14" t="s">
        <v>99</v>
      </c>
      <c r="D21602" s="14" t="s">
        <v>14</v>
      </c>
      <c r="E21602" s="15">
        <v>45443</v>
      </c>
      <c r="F21602" s="14" t="s">
        <v>15</v>
      </c>
      <c r="G21602" s="16">
        <v>0</v>
      </c>
    </row>
    <row r="21603" spans="1:7" x14ac:dyDescent="0.3">
      <c r="A21603" s="13" t="s">
        <v>147</v>
      </c>
      <c r="B21603" s="14" t="s">
        <v>1</v>
      </c>
      <c r="C21603" s="14" t="s">
        <v>99</v>
      </c>
      <c r="D21603" s="14" t="s">
        <v>14</v>
      </c>
      <c r="E21603" s="15">
        <v>45444</v>
      </c>
      <c r="F21603" s="14" t="s">
        <v>15</v>
      </c>
      <c r="G21603" s="16">
        <v>0</v>
      </c>
    </row>
    <row r="21604" spans="1:7" x14ac:dyDescent="0.3">
      <c r="A21604" s="13" t="s">
        <v>147</v>
      </c>
      <c r="B21604" s="14" t="s">
        <v>1</v>
      </c>
      <c r="C21604" s="14" t="s">
        <v>99</v>
      </c>
      <c r="D21604" s="14" t="s">
        <v>14</v>
      </c>
      <c r="E21604" s="15">
        <v>45445</v>
      </c>
      <c r="F21604" s="14" t="s">
        <v>15</v>
      </c>
      <c r="G21604" s="16">
        <v>0</v>
      </c>
    </row>
    <row r="21605" spans="1:7" x14ac:dyDescent="0.3">
      <c r="A21605" s="13" t="s">
        <v>147</v>
      </c>
      <c r="B21605" s="14" t="s">
        <v>1</v>
      </c>
      <c r="C21605" s="14" t="s">
        <v>99</v>
      </c>
      <c r="D21605" s="14" t="s">
        <v>14</v>
      </c>
      <c r="E21605" s="15">
        <v>45446</v>
      </c>
      <c r="F21605" s="14" t="s">
        <v>15</v>
      </c>
      <c r="G21605" s="16">
        <v>0</v>
      </c>
    </row>
    <row r="21606" spans="1:7" x14ac:dyDescent="0.3">
      <c r="A21606" s="13" t="s">
        <v>147</v>
      </c>
      <c r="B21606" s="14" t="s">
        <v>1</v>
      </c>
      <c r="C21606" s="14" t="s">
        <v>99</v>
      </c>
      <c r="D21606" s="14" t="s">
        <v>14</v>
      </c>
      <c r="E21606" s="15">
        <v>45447</v>
      </c>
      <c r="F21606" s="14" t="s">
        <v>15</v>
      </c>
      <c r="G21606" s="16">
        <v>0</v>
      </c>
    </row>
    <row r="21607" spans="1:7" x14ac:dyDescent="0.3">
      <c r="A21607" s="13" t="s">
        <v>147</v>
      </c>
      <c r="B21607" s="14" t="s">
        <v>1</v>
      </c>
      <c r="C21607" s="14" t="s">
        <v>99</v>
      </c>
      <c r="D21607" s="14" t="s">
        <v>14</v>
      </c>
      <c r="E21607" s="15">
        <v>45448</v>
      </c>
      <c r="F21607" s="14" t="s">
        <v>15</v>
      </c>
      <c r="G21607" s="16">
        <v>0</v>
      </c>
    </row>
    <row r="21608" spans="1:7" x14ac:dyDescent="0.3">
      <c r="A21608" s="13" t="s">
        <v>147</v>
      </c>
      <c r="B21608" s="14" t="s">
        <v>1</v>
      </c>
      <c r="C21608" s="14" t="s">
        <v>99</v>
      </c>
      <c r="D21608" s="14" t="s">
        <v>14</v>
      </c>
      <c r="E21608" s="15">
        <v>45449</v>
      </c>
      <c r="F21608" s="14" t="s">
        <v>15</v>
      </c>
      <c r="G21608" s="16">
        <v>0</v>
      </c>
    </row>
    <row r="21609" spans="1:7" x14ac:dyDescent="0.3">
      <c r="A21609" s="13" t="s">
        <v>147</v>
      </c>
      <c r="B21609" s="14" t="s">
        <v>1</v>
      </c>
      <c r="C21609" s="14" t="s">
        <v>99</v>
      </c>
      <c r="D21609" s="14" t="s">
        <v>14</v>
      </c>
      <c r="E21609" s="15">
        <v>45450</v>
      </c>
      <c r="F21609" s="14" t="s">
        <v>15</v>
      </c>
      <c r="G21609" s="16">
        <v>0</v>
      </c>
    </row>
    <row r="21610" spans="1:7" x14ac:dyDescent="0.3">
      <c r="A21610" s="13" t="s">
        <v>147</v>
      </c>
      <c r="B21610" s="14" t="s">
        <v>1</v>
      </c>
      <c r="C21610" s="14" t="s">
        <v>99</v>
      </c>
      <c r="D21610" s="14" t="s">
        <v>14</v>
      </c>
      <c r="E21610" s="15">
        <v>45451</v>
      </c>
      <c r="F21610" s="14" t="s">
        <v>15</v>
      </c>
      <c r="G21610" s="16">
        <v>0</v>
      </c>
    </row>
    <row r="21611" spans="1:7" x14ac:dyDescent="0.3">
      <c r="A21611" s="13" t="s">
        <v>147</v>
      </c>
      <c r="B21611" s="14" t="s">
        <v>1</v>
      </c>
      <c r="C21611" s="14" t="s">
        <v>99</v>
      </c>
      <c r="D21611" s="14" t="s">
        <v>14</v>
      </c>
      <c r="E21611" s="15">
        <v>45452</v>
      </c>
      <c r="F21611" s="14" t="s">
        <v>15</v>
      </c>
      <c r="G21611" s="16">
        <v>0</v>
      </c>
    </row>
    <row r="21612" spans="1:7" x14ac:dyDescent="0.3">
      <c r="A21612" s="13" t="s">
        <v>147</v>
      </c>
      <c r="B21612" s="14" t="s">
        <v>1</v>
      </c>
      <c r="C21612" s="14" t="s">
        <v>99</v>
      </c>
      <c r="D21612" s="14" t="s">
        <v>14</v>
      </c>
      <c r="E21612" s="15">
        <v>45453</v>
      </c>
      <c r="F21612" s="14" t="s">
        <v>15</v>
      </c>
      <c r="G21612" s="16">
        <v>0</v>
      </c>
    </row>
    <row r="21613" spans="1:7" x14ac:dyDescent="0.3">
      <c r="A21613" s="13" t="s">
        <v>147</v>
      </c>
      <c r="B21613" s="14" t="s">
        <v>1</v>
      </c>
      <c r="C21613" s="14" t="s">
        <v>99</v>
      </c>
      <c r="D21613" s="14" t="s">
        <v>14</v>
      </c>
      <c r="E21613" s="15">
        <v>45454</v>
      </c>
      <c r="F21613" s="14" t="s">
        <v>15</v>
      </c>
      <c r="G21613" s="16">
        <v>0</v>
      </c>
    </row>
    <row r="21614" spans="1:7" x14ac:dyDescent="0.3">
      <c r="A21614" s="13" t="s">
        <v>147</v>
      </c>
      <c r="B21614" s="14" t="s">
        <v>1</v>
      </c>
      <c r="C21614" s="14" t="s">
        <v>99</v>
      </c>
      <c r="D21614" s="14" t="s">
        <v>14</v>
      </c>
      <c r="E21614" s="15">
        <v>45455</v>
      </c>
      <c r="F21614" s="14" t="s">
        <v>15</v>
      </c>
      <c r="G21614" s="16">
        <v>0</v>
      </c>
    </row>
    <row r="21615" spans="1:7" x14ac:dyDescent="0.3">
      <c r="A21615" s="13" t="s">
        <v>147</v>
      </c>
      <c r="B21615" s="14" t="s">
        <v>1</v>
      </c>
      <c r="C21615" s="14" t="s">
        <v>99</v>
      </c>
      <c r="D21615" s="14" t="s">
        <v>14</v>
      </c>
      <c r="E21615" s="15">
        <v>45456</v>
      </c>
      <c r="F21615" s="14" t="s">
        <v>15</v>
      </c>
      <c r="G21615" s="16">
        <v>0</v>
      </c>
    </row>
    <row r="21616" spans="1:7" x14ac:dyDescent="0.3">
      <c r="A21616" s="13" t="s">
        <v>147</v>
      </c>
      <c r="B21616" s="14" t="s">
        <v>1</v>
      </c>
      <c r="C21616" s="14" t="s">
        <v>99</v>
      </c>
      <c r="D21616" s="14" t="s">
        <v>14</v>
      </c>
      <c r="E21616" s="15">
        <v>45457</v>
      </c>
      <c r="F21616" s="14" t="s">
        <v>15</v>
      </c>
      <c r="G21616" s="16">
        <v>0</v>
      </c>
    </row>
    <row r="21617" spans="1:7" x14ac:dyDescent="0.3">
      <c r="A21617" s="13" t="s">
        <v>147</v>
      </c>
      <c r="B21617" s="14" t="s">
        <v>1</v>
      </c>
      <c r="C21617" s="14" t="s">
        <v>99</v>
      </c>
      <c r="D21617" s="14" t="s">
        <v>14</v>
      </c>
      <c r="E21617" s="15">
        <v>45458</v>
      </c>
      <c r="F21617" s="14" t="s">
        <v>15</v>
      </c>
      <c r="G21617" s="16">
        <v>0</v>
      </c>
    </row>
    <row r="21618" spans="1:7" x14ac:dyDescent="0.3">
      <c r="A21618" s="13" t="s">
        <v>147</v>
      </c>
      <c r="B21618" s="14" t="s">
        <v>1</v>
      </c>
      <c r="C21618" s="14" t="s">
        <v>99</v>
      </c>
      <c r="D21618" s="14" t="s">
        <v>14</v>
      </c>
      <c r="E21618" s="15">
        <v>45459</v>
      </c>
      <c r="F21618" s="14" t="s">
        <v>15</v>
      </c>
      <c r="G21618" s="16">
        <v>0</v>
      </c>
    </row>
    <row r="21619" spans="1:7" x14ac:dyDescent="0.3">
      <c r="A21619" s="13" t="s">
        <v>147</v>
      </c>
      <c r="B21619" s="14" t="s">
        <v>1</v>
      </c>
      <c r="C21619" s="14" t="s">
        <v>99</v>
      </c>
      <c r="D21619" s="14" t="s">
        <v>14</v>
      </c>
      <c r="E21619" s="15">
        <v>45460</v>
      </c>
      <c r="F21619" s="14" t="s">
        <v>15</v>
      </c>
      <c r="G21619" s="16">
        <v>0</v>
      </c>
    </row>
    <row r="21620" spans="1:7" x14ac:dyDescent="0.3">
      <c r="A21620" s="13" t="s">
        <v>147</v>
      </c>
      <c r="B21620" s="14" t="s">
        <v>1</v>
      </c>
      <c r="C21620" s="14" t="s">
        <v>99</v>
      </c>
      <c r="D21620" s="14" t="s">
        <v>14</v>
      </c>
      <c r="E21620" s="15">
        <v>45461</v>
      </c>
      <c r="F21620" s="14" t="s">
        <v>15</v>
      </c>
      <c r="G21620" s="16">
        <v>0</v>
      </c>
    </row>
    <row r="21621" spans="1:7" x14ac:dyDescent="0.3">
      <c r="A21621" s="13" t="s">
        <v>147</v>
      </c>
      <c r="B21621" s="14" t="s">
        <v>1</v>
      </c>
      <c r="C21621" s="14" t="s">
        <v>99</v>
      </c>
      <c r="D21621" s="14" t="s">
        <v>14</v>
      </c>
      <c r="E21621" s="15">
        <v>45462</v>
      </c>
      <c r="F21621" s="14" t="s">
        <v>15</v>
      </c>
      <c r="G21621" s="16">
        <v>0</v>
      </c>
    </row>
    <row r="21622" spans="1:7" x14ac:dyDescent="0.3">
      <c r="A21622" s="13" t="s">
        <v>147</v>
      </c>
      <c r="B21622" s="14" t="s">
        <v>1</v>
      </c>
      <c r="C21622" s="14" t="s">
        <v>99</v>
      </c>
      <c r="D21622" s="14" t="s">
        <v>14</v>
      </c>
      <c r="E21622" s="15">
        <v>45463</v>
      </c>
      <c r="F21622" s="14" t="s">
        <v>15</v>
      </c>
      <c r="G21622" s="16">
        <v>0</v>
      </c>
    </row>
    <row r="21623" spans="1:7" x14ac:dyDescent="0.3">
      <c r="A21623" s="13" t="s">
        <v>147</v>
      </c>
      <c r="B21623" s="14" t="s">
        <v>1</v>
      </c>
      <c r="C21623" s="14" t="s">
        <v>99</v>
      </c>
      <c r="D21623" s="14" t="s">
        <v>14</v>
      </c>
      <c r="E21623" s="15">
        <v>45464</v>
      </c>
      <c r="F21623" s="14" t="s">
        <v>15</v>
      </c>
      <c r="G21623" s="16">
        <v>0</v>
      </c>
    </row>
    <row r="21624" spans="1:7" x14ac:dyDescent="0.3">
      <c r="A21624" s="13" t="s">
        <v>147</v>
      </c>
      <c r="B21624" s="14" t="s">
        <v>1</v>
      </c>
      <c r="C21624" s="14" t="s">
        <v>99</v>
      </c>
      <c r="D21624" s="14" t="s">
        <v>14</v>
      </c>
      <c r="E21624" s="15">
        <v>45465</v>
      </c>
      <c r="F21624" s="14" t="s">
        <v>15</v>
      </c>
      <c r="G21624" s="16">
        <v>0</v>
      </c>
    </row>
    <row r="21625" spans="1:7" x14ac:dyDescent="0.3">
      <c r="A21625" s="13" t="s">
        <v>147</v>
      </c>
      <c r="B21625" s="14" t="s">
        <v>1</v>
      </c>
      <c r="C21625" s="14" t="s">
        <v>99</v>
      </c>
      <c r="D21625" s="14" t="s">
        <v>14</v>
      </c>
      <c r="E21625" s="15">
        <v>45466</v>
      </c>
      <c r="F21625" s="14" t="s">
        <v>15</v>
      </c>
      <c r="G21625" s="16">
        <v>0</v>
      </c>
    </row>
    <row r="21626" spans="1:7" x14ac:dyDescent="0.3">
      <c r="A21626" s="13" t="s">
        <v>147</v>
      </c>
      <c r="B21626" s="14" t="s">
        <v>1</v>
      </c>
      <c r="C21626" s="14" t="s">
        <v>99</v>
      </c>
      <c r="D21626" s="14" t="s">
        <v>14</v>
      </c>
      <c r="E21626" s="15">
        <v>45467</v>
      </c>
      <c r="F21626" s="14" t="s">
        <v>15</v>
      </c>
      <c r="G21626" s="16">
        <v>0</v>
      </c>
    </row>
    <row r="21627" spans="1:7" x14ac:dyDescent="0.3">
      <c r="A21627" s="13" t="s">
        <v>147</v>
      </c>
      <c r="B21627" s="14" t="s">
        <v>1</v>
      </c>
      <c r="C21627" s="14" t="s">
        <v>99</v>
      </c>
      <c r="D21627" s="14" t="s">
        <v>14</v>
      </c>
      <c r="E21627" s="15">
        <v>45468</v>
      </c>
      <c r="F21627" s="14" t="s">
        <v>15</v>
      </c>
      <c r="G21627" s="16">
        <v>0</v>
      </c>
    </row>
    <row r="21628" spans="1:7" x14ac:dyDescent="0.3">
      <c r="A21628" s="13" t="s">
        <v>147</v>
      </c>
      <c r="B21628" s="14" t="s">
        <v>1</v>
      </c>
      <c r="C21628" s="14" t="s">
        <v>99</v>
      </c>
      <c r="D21628" s="14" t="s">
        <v>14</v>
      </c>
      <c r="E21628" s="15">
        <v>45469</v>
      </c>
      <c r="F21628" s="14" t="s">
        <v>15</v>
      </c>
      <c r="G21628" s="16">
        <v>0</v>
      </c>
    </row>
    <row r="21629" spans="1:7" x14ac:dyDescent="0.3">
      <c r="A21629" s="13" t="s">
        <v>147</v>
      </c>
      <c r="B21629" s="14" t="s">
        <v>1</v>
      </c>
      <c r="C21629" s="14" t="s">
        <v>99</v>
      </c>
      <c r="D21629" s="14" t="s">
        <v>14</v>
      </c>
      <c r="E21629" s="15">
        <v>45470</v>
      </c>
      <c r="F21629" s="14" t="s">
        <v>15</v>
      </c>
      <c r="G21629" s="16">
        <v>0</v>
      </c>
    </row>
    <row r="21630" spans="1:7" x14ac:dyDescent="0.3">
      <c r="A21630" s="13" t="s">
        <v>147</v>
      </c>
      <c r="B21630" s="14" t="s">
        <v>1</v>
      </c>
      <c r="C21630" s="14" t="s">
        <v>99</v>
      </c>
      <c r="D21630" s="14" t="s">
        <v>14</v>
      </c>
      <c r="E21630" s="15">
        <v>45471</v>
      </c>
      <c r="F21630" s="14" t="s">
        <v>15</v>
      </c>
      <c r="G21630" s="16">
        <v>0</v>
      </c>
    </row>
    <row r="21631" spans="1:7" x14ac:dyDescent="0.3">
      <c r="A21631" s="13" t="s">
        <v>147</v>
      </c>
      <c r="B21631" s="14" t="s">
        <v>1</v>
      </c>
      <c r="C21631" s="14" t="s">
        <v>99</v>
      </c>
      <c r="D21631" s="14" t="s">
        <v>14</v>
      </c>
      <c r="E21631" s="15">
        <v>45472</v>
      </c>
      <c r="F21631" s="14" t="s">
        <v>15</v>
      </c>
      <c r="G21631" s="16">
        <v>0</v>
      </c>
    </row>
    <row r="21632" spans="1:7" x14ac:dyDescent="0.3">
      <c r="A21632" s="13" t="s">
        <v>147</v>
      </c>
      <c r="B21632" s="14" t="s">
        <v>1</v>
      </c>
      <c r="C21632" s="14" t="s">
        <v>99</v>
      </c>
      <c r="D21632" s="14" t="s">
        <v>14</v>
      </c>
      <c r="E21632" s="15">
        <v>45473</v>
      </c>
      <c r="F21632" s="14" t="s">
        <v>15</v>
      </c>
      <c r="G21632" s="16">
        <v>0</v>
      </c>
    </row>
    <row r="21633" spans="1:7" x14ac:dyDescent="0.3">
      <c r="A21633" s="13" t="s">
        <v>147</v>
      </c>
      <c r="B21633" s="14" t="s">
        <v>1</v>
      </c>
      <c r="C21633" s="14" t="s">
        <v>99</v>
      </c>
      <c r="D21633" s="14" t="s">
        <v>14</v>
      </c>
      <c r="E21633" s="15">
        <v>45474</v>
      </c>
      <c r="F21633" s="14" t="s">
        <v>15</v>
      </c>
      <c r="G21633" s="16">
        <v>0</v>
      </c>
    </row>
    <row r="21634" spans="1:7" x14ac:dyDescent="0.3">
      <c r="A21634" s="13" t="s">
        <v>147</v>
      </c>
      <c r="B21634" s="14" t="s">
        <v>1</v>
      </c>
      <c r="C21634" s="14" t="s">
        <v>99</v>
      </c>
      <c r="D21634" s="14" t="s">
        <v>14</v>
      </c>
      <c r="E21634" s="15">
        <v>45475</v>
      </c>
      <c r="F21634" s="14" t="s">
        <v>15</v>
      </c>
      <c r="G21634" s="16">
        <v>0</v>
      </c>
    </row>
    <row r="21635" spans="1:7" x14ac:dyDescent="0.3">
      <c r="A21635" s="13" t="s">
        <v>147</v>
      </c>
      <c r="B21635" s="14" t="s">
        <v>1</v>
      </c>
      <c r="C21635" s="14" t="s">
        <v>99</v>
      </c>
      <c r="D21635" s="14" t="s">
        <v>14</v>
      </c>
      <c r="E21635" s="15">
        <v>45476</v>
      </c>
      <c r="F21635" s="14" t="s">
        <v>15</v>
      </c>
      <c r="G21635" s="16">
        <v>0</v>
      </c>
    </row>
    <row r="21636" spans="1:7" x14ac:dyDescent="0.3">
      <c r="A21636" s="13" t="s">
        <v>147</v>
      </c>
      <c r="B21636" s="14" t="s">
        <v>1</v>
      </c>
      <c r="C21636" s="14" t="s">
        <v>99</v>
      </c>
      <c r="D21636" s="14" t="s">
        <v>14</v>
      </c>
      <c r="E21636" s="15">
        <v>45477</v>
      </c>
      <c r="F21636" s="14" t="s">
        <v>15</v>
      </c>
      <c r="G21636" s="16">
        <v>0</v>
      </c>
    </row>
    <row r="21637" spans="1:7" x14ac:dyDescent="0.3">
      <c r="A21637" s="13" t="s">
        <v>147</v>
      </c>
      <c r="B21637" s="14" t="s">
        <v>1</v>
      </c>
      <c r="C21637" s="14" t="s">
        <v>99</v>
      </c>
      <c r="D21637" s="14" t="s">
        <v>14</v>
      </c>
      <c r="E21637" s="15">
        <v>45478</v>
      </c>
      <c r="F21637" s="14" t="s">
        <v>15</v>
      </c>
      <c r="G21637" s="16">
        <v>0</v>
      </c>
    </row>
    <row r="21638" spans="1:7" x14ac:dyDescent="0.3">
      <c r="A21638" s="13" t="s">
        <v>147</v>
      </c>
      <c r="B21638" s="14" t="s">
        <v>1</v>
      </c>
      <c r="C21638" s="14" t="s">
        <v>99</v>
      </c>
      <c r="D21638" s="14" t="s">
        <v>14</v>
      </c>
      <c r="E21638" s="15">
        <v>45479</v>
      </c>
      <c r="F21638" s="14" t="s">
        <v>15</v>
      </c>
      <c r="G21638" s="16">
        <v>0</v>
      </c>
    </row>
    <row r="21639" spans="1:7" x14ac:dyDescent="0.3">
      <c r="A21639" s="13" t="s">
        <v>147</v>
      </c>
      <c r="B21639" s="14" t="s">
        <v>1</v>
      </c>
      <c r="C21639" s="14" t="s">
        <v>99</v>
      </c>
      <c r="D21639" s="14" t="s">
        <v>14</v>
      </c>
      <c r="E21639" s="15">
        <v>45480</v>
      </c>
      <c r="F21639" s="14" t="s">
        <v>15</v>
      </c>
      <c r="G21639" s="16">
        <v>0</v>
      </c>
    </row>
    <row r="21640" spans="1:7" x14ac:dyDescent="0.3">
      <c r="A21640" s="13" t="s">
        <v>147</v>
      </c>
      <c r="B21640" s="14" t="s">
        <v>1</v>
      </c>
      <c r="C21640" s="14" t="s">
        <v>99</v>
      </c>
      <c r="D21640" s="14" t="s">
        <v>14</v>
      </c>
      <c r="E21640" s="15">
        <v>45481</v>
      </c>
      <c r="F21640" s="14" t="s">
        <v>15</v>
      </c>
      <c r="G21640" s="16">
        <v>0</v>
      </c>
    </row>
    <row r="21641" spans="1:7" x14ac:dyDescent="0.3">
      <c r="A21641" s="13" t="s">
        <v>147</v>
      </c>
      <c r="B21641" s="14" t="s">
        <v>1</v>
      </c>
      <c r="C21641" s="14" t="s">
        <v>99</v>
      </c>
      <c r="D21641" s="14" t="s">
        <v>14</v>
      </c>
      <c r="E21641" s="15">
        <v>45482</v>
      </c>
      <c r="F21641" s="14" t="s">
        <v>15</v>
      </c>
      <c r="G21641" s="16">
        <v>0</v>
      </c>
    </row>
    <row r="21642" spans="1:7" x14ac:dyDescent="0.3">
      <c r="A21642" s="13" t="s">
        <v>147</v>
      </c>
      <c r="B21642" s="14" t="s">
        <v>1</v>
      </c>
      <c r="C21642" s="14" t="s">
        <v>99</v>
      </c>
      <c r="D21642" s="14" t="s">
        <v>14</v>
      </c>
      <c r="E21642" s="15">
        <v>45483</v>
      </c>
      <c r="F21642" s="14" t="s">
        <v>15</v>
      </c>
      <c r="G21642" s="16">
        <v>0</v>
      </c>
    </row>
    <row r="21643" spans="1:7" x14ac:dyDescent="0.3">
      <c r="A21643" s="13" t="s">
        <v>147</v>
      </c>
      <c r="B21643" s="14" t="s">
        <v>1</v>
      </c>
      <c r="C21643" s="14" t="s">
        <v>99</v>
      </c>
      <c r="D21643" s="14" t="s">
        <v>14</v>
      </c>
      <c r="E21643" s="15">
        <v>45484</v>
      </c>
      <c r="F21643" s="14" t="s">
        <v>15</v>
      </c>
      <c r="G21643" s="16">
        <v>0</v>
      </c>
    </row>
    <row r="21644" spans="1:7" x14ac:dyDescent="0.3">
      <c r="A21644" s="13" t="s">
        <v>147</v>
      </c>
      <c r="B21644" s="14" t="s">
        <v>1</v>
      </c>
      <c r="C21644" s="14" t="s">
        <v>99</v>
      </c>
      <c r="D21644" s="14" t="s">
        <v>14</v>
      </c>
      <c r="E21644" s="15">
        <v>45485</v>
      </c>
      <c r="F21644" s="14" t="s">
        <v>15</v>
      </c>
      <c r="G21644" s="16">
        <v>0</v>
      </c>
    </row>
    <row r="21645" spans="1:7" x14ac:dyDescent="0.3">
      <c r="A21645" s="13" t="s">
        <v>147</v>
      </c>
      <c r="B21645" s="14" t="s">
        <v>1</v>
      </c>
      <c r="C21645" s="14" t="s">
        <v>99</v>
      </c>
      <c r="D21645" s="14" t="s">
        <v>14</v>
      </c>
      <c r="E21645" s="15">
        <v>45486</v>
      </c>
      <c r="F21645" s="14" t="s">
        <v>15</v>
      </c>
      <c r="G21645" s="16">
        <v>0</v>
      </c>
    </row>
    <row r="21646" spans="1:7" x14ac:dyDescent="0.3">
      <c r="A21646" s="13" t="s">
        <v>147</v>
      </c>
      <c r="B21646" s="14" t="s">
        <v>1</v>
      </c>
      <c r="C21646" s="14" t="s">
        <v>99</v>
      </c>
      <c r="D21646" s="14" t="s">
        <v>14</v>
      </c>
      <c r="E21646" s="15">
        <v>45487</v>
      </c>
      <c r="F21646" s="14" t="s">
        <v>15</v>
      </c>
      <c r="G21646" s="16">
        <v>0</v>
      </c>
    </row>
    <row r="21647" spans="1:7" x14ac:dyDescent="0.3">
      <c r="A21647" s="13" t="s">
        <v>147</v>
      </c>
      <c r="B21647" s="14" t="s">
        <v>1</v>
      </c>
      <c r="C21647" s="14" t="s">
        <v>99</v>
      </c>
      <c r="D21647" s="14" t="s">
        <v>14</v>
      </c>
      <c r="E21647" s="15">
        <v>45488</v>
      </c>
      <c r="F21647" s="14" t="s">
        <v>15</v>
      </c>
      <c r="G21647" s="16">
        <v>0</v>
      </c>
    </row>
    <row r="21648" spans="1:7" x14ac:dyDescent="0.3">
      <c r="A21648" s="13" t="s">
        <v>147</v>
      </c>
      <c r="B21648" s="14" t="s">
        <v>1</v>
      </c>
      <c r="C21648" s="14" t="s">
        <v>99</v>
      </c>
      <c r="D21648" s="14" t="s">
        <v>14</v>
      </c>
      <c r="E21648" s="15">
        <v>45489</v>
      </c>
      <c r="F21648" s="14" t="s">
        <v>15</v>
      </c>
      <c r="G21648" s="16">
        <v>0</v>
      </c>
    </row>
    <row r="21649" spans="1:7" x14ac:dyDescent="0.3">
      <c r="A21649" s="13" t="s">
        <v>147</v>
      </c>
      <c r="B21649" s="14" t="s">
        <v>1</v>
      </c>
      <c r="C21649" s="14" t="s">
        <v>99</v>
      </c>
      <c r="D21649" s="14" t="s">
        <v>14</v>
      </c>
      <c r="E21649" s="15">
        <v>45490</v>
      </c>
      <c r="F21649" s="14" t="s">
        <v>15</v>
      </c>
      <c r="G21649" s="16">
        <v>0</v>
      </c>
    </row>
    <row r="21650" spans="1:7" x14ac:dyDescent="0.3">
      <c r="A21650" s="13" t="s">
        <v>147</v>
      </c>
      <c r="B21650" s="14" t="s">
        <v>1</v>
      </c>
      <c r="C21650" s="14" t="s">
        <v>99</v>
      </c>
      <c r="D21650" s="14" t="s">
        <v>14</v>
      </c>
      <c r="E21650" s="15">
        <v>45491</v>
      </c>
      <c r="F21650" s="14" t="s">
        <v>15</v>
      </c>
      <c r="G21650" s="16">
        <v>0</v>
      </c>
    </row>
    <row r="21651" spans="1:7" x14ac:dyDescent="0.3">
      <c r="A21651" s="13" t="s">
        <v>147</v>
      </c>
      <c r="B21651" s="14" t="s">
        <v>1</v>
      </c>
      <c r="C21651" s="14" t="s">
        <v>99</v>
      </c>
      <c r="D21651" s="14" t="s">
        <v>14</v>
      </c>
      <c r="E21651" s="15">
        <v>45492</v>
      </c>
      <c r="F21651" s="14" t="s">
        <v>15</v>
      </c>
      <c r="G21651" s="16">
        <v>0</v>
      </c>
    </row>
    <row r="21652" spans="1:7" x14ac:dyDescent="0.3">
      <c r="A21652" s="13" t="s">
        <v>147</v>
      </c>
      <c r="B21652" s="14" t="s">
        <v>1</v>
      </c>
      <c r="C21652" s="14" t="s">
        <v>99</v>
      </c>
      <c r="D21652" s="14" t="s">
        <v>14</v>
      </c>
      <c r="E21652" s="15">
        <v>45493</v>
      </c>
      <c r="F21652" s="14" t="s">
        <v>15</v>
      </c>
      <c r="G21652" s="16">
        <v>0</v>
      </c>
    </row>
    <row r="21653" spans="1:7" x14ac:dyDescent="0.3">
      <c r="A21653" s="13" t="s">
        <v>147</v>
      </c>
      <c r="B21653" s="14" t="s">
        <v>1</v>
      </c>
      <c r="C21653" s="14" t="s">
        <v>99</v>
      </c>
      <c r="D21653" s="14" t="s">
        <v>14</v>
      </c>
      <c r="E21653" s="15">
        <v>45494</v>
      </c>
      <c r="F21653" s="14" t="s">
        <v>15</v>
      </c>
      <c r="G21653" s="16">
        <v>0</v>
      </c>
    </row>
    <row r="21654" spans="1:7" x14ac:dyDescent="0.3">
      <c r="A21654" s="13" t="s">
        <v>147</v>
      </c>
      <c r="B21654" s="14" t="s">
        <v>1</v>
      </c>
      <c r="C21654" s="14" t="s">
        <v>99</v>
      </c>
      <c r="D21654" s="14" t="s">
        <v>14</v>
      </c>
      <c r="E21654" s="15">
        <v>45495</v>
      </c>
      <c r="F21654" s="14" t="s">
        <v>15</v>
      </c>
      <c r="G21654" s="16">
        <v>0</v>
      </c>
    </row>
    <row r="21655" spans="1:7" x14ac:dyDescent="0.3">
      <c r="A21655" s="13" t="s">
        <v>147</v>
      </c>
      <c r="B21655" s="14" t="s">
        <v>1</v>
      </c>
      <c r="C21655" s="14" t="s">
        <v>99</v>
      </c>
      <c r="D21655" s="14" t="s">
        <v>14</v>
      </c>
      <c r="E21655" s="15">
        <v>45496</v>
      </c>
      <c r="F21655" s="14" t="s">
        <v>15</v>
      </c>
      <c r="G21655" s="16">
        <v>0</v>
      </c>
    </row>
    <row r="21656" spans="1:7" x14ac:dyDescent="0.3">
      <c r="A21656" s="13" t="s">
        <v>147</v>
      </c>
      <c r="B21656" s="14" t="s">
        <v>1</v>
      </c>
      <c r="C21656" s="14" t="s">
        <v>99</v>
      </c>
      <c r="D21656" s="14" t="s">
        <v>14</v>
      </c>
      <c r="E21656" s="15">
        <v>45497</v>
      </c>
      <c r="F21656" s="14" t="s">
        <v>15</v>
      </c>
      <c r="G21656" s="16">
        <v>0</v>
      </c>
    </row>
    <row r="21657" spans="1:7" x14ac:dyDescent="0.3">
      <c r="A21657" s="13" t="s">
        <v>147</v>
      </c>
      <c r="B21657" s="14" t="s">
        <v>1</v>
      </c>
      <c r="C21657" s="14" t="s">
        <v>99</v>
      </c>
      <c r="D21657" s="14" t="s">
        <v>14</v>
      </c>
      <c r="E21657" s="15">
        <v>45498</v>
      </c>
      <c r="F21657" s="14" t="s">
        <v>15</v>
      </c>
      <c r="G21657" s="16">
        <v>0</v>
      </c>
    </row>
    <row r="21658" spans="1:7" x14ac:dyDescent="0.3">
      <c r="A21658" s="13" t="s">
        <v>147</v>
      </c>
      <c r="B21658" s="14" t="s">
        <v>1</v>
      </c>
      <c r="C21658" s="14" t="s">
        <v>99</v>
      </c>
      <c r="D21658" s="14" t="s">
        <v>14</v>
      </c>
      <c r="E21658" s="15">
        <v>45499</v>
      </c>
      <c r="F21658" s="14" t="s">
        <v>15</v>
      </c>
      <c r="G21658" s="16">
        <v>0</v>
      </c>
    </row>
    <row r="21659" spans="1:7" x14ac:dyDescent="0.3">
      <c r="A21659" s="13" t="s">
        <v>147</v>
      </c>
      <c r="B21659" s="14" t="s">
        <v>1</v>
      </c>
      <c r="C21659" s="14" t="s">
        <v>99</v>
      </c>
      <c r="D21659" s="14" t="s">
        <v>14</v>
      </c>
      <c r="E21659" s="15">
        <v>45500</v>
      </c>
      <c r="F21659" s="14" t="s">
        <v>15</v>
      </c>
      <c r="G21659" s="16">
        <v>0</v>
      </c>
    </row>
    <row r="21660" spans="1:7" x14ac:dyDescent="0.3">
      <c r="A21660" s="13" t="s">
        <v>147</v>
      </c>
      <c r="B21660" s="14" t="s">
        <v>1</v>
      </c>
      <c r="C21660" s="14" t="s">
        <v>99</v>
      </c>
      <c r="D21660" s="14" t="s">
        <v>14</v>
      </c>
      <c r="E21660" s="15">
        <v>45501</v>
      </c>
      <c r="F21660" s="14" t="s">
        <v>15</v>
      </c>
      <c r="G21660" s="16">
        <v>0</v>
      </c>
    </row>
    <row r="21661" spans="1:7" x14ac:dyDescent="0.3">
      <c r="A21661" s="13" t="s">
        <v>147</v>
      </c>
      <c r="B21661" s="14" t="s">
        <v>1</v>
      </c>
      <c r="C21661" s="14" t="s">
        <v>99</v>
      </c>
      <c r="D21661" s="14" t="s">
        <v>14</v>
      </c>
      <c r="E21661" s="15">
        <v>45502</v>
      </c>
      <c r="F21661" s="14" t="s">
        <v>15</v>
      </c>
      <c r="G21661" s="16">
        <v>0</v>
      </c>
    </row>
    <row r="21662" spans="1:7" x14ac:dyDescent="0.3">
      <c r="A21662" s="13" t="s">
        <v>147</v>
      </c>
      <c r="B21662" s="14" t="s">
        <v>1</v>
      </c>
      <c r="C21662" s="14" t="s">
        <v>99</v>
      </c>
      <c r="D21662" s="14" t="s">
        <v>14</v>
      </c>
      <c r="E21662" s="15">
        <v>45503</v>
      </c>
      <c r="F21662" s="14" t="s">
        <v>15</v>
      </c>
      <c r="G21662" s="16">
        <v>0</v>
      </c>
    </row>
    <row r="21663" spans="1:7" x14ac:dyDescent="0.3">
      <c r="A21663" s="13" t="s">
        <v>147</v>
      </c>
      <c r="B21663" s="14" t="s">
        <v>1</v>
      </c>
      <c r="C21663" s="14" t="s">
        <v>99</v>
      </c>
      <c r="D21663" s="14" t="s">
        <v>14</v>
      </c>
      <c r="E21663" s="15">
        <v>45504</v>
      </c>
      <c r="F21663" s="14" t="s">
        <v>15</v>
      </c>
      <c r="G21663" s="16">
        <v>0</v>
      </c>
    </row>
    <row r="21664" spans="1:7" x14ac:dyDescent="0.3">
      <c r="A21664" s="13" t="s">
        <v>147</v>
      </c>
      <c r="B21664" s="14" t="s">
        <v>1</v>
      </c>
      <c r="C21664" s="14" t="s">
        <v>99</v>
      </c>
      <c r="D21664" s="14" t="s">
        <v>14</v>
      </c>
      <c r="E21664" s="15">
        <v>45505</v>
      </c>
      <c r="F21664" s="14" t="s">
        <v>15</v>
      </c>
      <c r="G21664" s="16">
        <v>0</v>
      </c>
    </row>
    <row r="21665" spans="1:7" x14ac:dyDescent="0.3">
      <c r="A21665" s="13" t="s">
        <v>147</v>
      </c>
      <c r="B21665" s="14" t="s">
        <v>1</v>
      </c>
      <c r="C21665" s="14" t="s">
        <v>99</v>
      </c>
      <c r="D21665" s="14" t="s">
        <v>14</v>
      </c>
      <c r="E21665" s="15">
        <v>45506</v>
      </c>
      <c r="F21665" s="14" t="s">
        <v>15</v>
      </c>
      <c r="G21665" s="16">
        <v>0</v>
      </c>
    </row>
    <row r="21666" spans="1:7" x14ac:dyDescent="0.3">
      <c r="A21666" s="13" t="s">
        <v>147</v>
      </c>
      <c r="B21666" s="14" t="s">
        <v>1</v>
      </c>
      <c r="C21666" s="14" t="s">
        <v>99</v>
      </c>
      <c r="D21666" s="14" t="s">
        <v>14</v>
      </c>
      <c r="E21666" s="15">
        <v>45507</v>
      </c>
      <c r="F21666" s="14" t="s">
        <v>15</v>
      </c>
      <c r="G21666" s="16">
        <v>0</v>
      </c>
    </row>
    <row r="21667" spans="1:7" x14ac:dyDescent="0.3">
      <c r="A21667" s="13" t="s">
        <v>147</v>
      </c>
      <c r="B21667" s="14" t="s">
        <v>1</v>
      </c>
      <c r="C21667" s="14" t="s">
        <v>99</v>
      </c>
      <c r="D21667" s="14" t="s">
        <v>14</v>
      </c>
      <c r="E21667" s="15">
        <v>45508</v>
      </c>
      <c r="F21667" s="14" t="s">
        <v>15</v>
      </c>
      <c r="G21667" s="16">
        <v>0</v>
      </c>
    </row>
    <row r="21668" spans="1:7" x14ac:dyDescent="0.3">
      <c r="A21668" s="13" t="s">
        <v>147</v>
      </c>
      <c r="B21668" s="14" t="s">
        <v>1</v>
      </c>
      <c r="C21668" s="14" t="s">
        <v>99</v>
      </c>
      <c r="D21668" s="14" t="s">
        <v>14</v>
      </c>
      <c r="E21668" s="15">
        <v>45509</v>
      </c>
      <c r="F21668" s="14" t="s">
        <v>15</v>
      </c>
      <c r="G21668" s="16">
        <v>0</v>
      </c>
    </row>
    <row r="21669" spans="1:7" x14ac:dyDescent="0.3">
      <c r="A21669" s="13" t="s">
        <v>147</v>
      </c>
      <c r="B21669" s="14" t="s">
        <v>1</v>
      </c>
      <c r="C21669" s="14" t="s">
        <v>99</v>
      </c>
      <c r="D21669" s="14" t="s">
        <v>14</v>
      </c>
      <c r="E21669" s="15">
        <v>45510</v>
      </c>
      <c r="F21669" s="14" t="s">
        <v>15</v>
      </c>
      <c r="G21669" s="16">
        <v>0</v>
      </c>
    </row>
    <row r="21670" spans="1:7" x14ac:dyDescent="0.3">
      <c r="A21670" s="13" t="s">
        <v>147</v>
      </c>
      <c r="B21670" s="14" t="s">
        <v>1</v>
      </c>
      <c r="C21670" s="14" t="s">
        <v>99</v>
      </c>
      <c r="D21670" s="14" t="s">
        <v>14</v>
      </c>
      <c r="E21670" s="15">
        <v>45511</v>
      </c>
      <c r="F21670" s="14" t="s">
        <v>15</v>
      </c>
      <c r="G21670" s="16">
        <v>0</v>
      </c>
    </row>
    <row r="21671" spans="1:7" x14ac:dyDescent="0.3">
      <c r="A21671" s="13" t="s">
        <v>147</v>
      </c>
      <c r="B21671" s="14" t="s">
        <v>1</v>
      </c>
      <c r="C21671" s="14" t="s">
        <v>99</v>
      </c>
      <c r="D21671" s="14" t="s">
        <v>14</v>
      </c>
      <c r="E21671" s="15">
        <v>45512</v>
      </c>
      <c r="F21671" s="14" t="s">
        <v>15</v>
      </c>
      <c r="G21671" s="16">
        <v>0</v>
      </c>
    </row>
    <row r="21672" spans="1:7" x14ac:dyDescent="0.3">
      <c r="A21672" s="13" t="s">
        <v>147</v>
      </c>
      <c r="B21672" s="14" t="s">
        <v>1</v>
      </c>
      <c r="C21672" s="14" t="s">
        <v>99</v>
      </c>
      <c r="D21672" s="14" t="s">
        <v>14</v>
      </c>
      <c r="E21672" s="15">
        <v>45513</v>
      </c>
      <c r="F21672" s="14" t="s">
        <v>15</v>
      </c>
      <c r="G21672" s="16">
        <v>0</v>
      </c>
    </row>
    <row r="21673" spans="1:7" x14ac:dyDescent="0.3">
      <c r="A21673" s="13" t="s">
        <v>147</v>
      </c>
      <c r="B21673" s="14" t="s">
        <v>1</v>
      </c>
      <c r="C21673" s="14" t="s">
        <v>99</v>
      </c>
      <c r="D21673" s="14" t="s">
        <v>14</v>
      </c>
      <c r="E21673" s="15">
        <v>45514</v>
      </c>
      <c r="F21673" s="14" t="s">
        <v>15</v>
      </c>
      <c r="G21673" s="16">
        <v>0</v>
      </c>
    </row>
    <row r="21674" spans="1:7" x14ac:dyDescent="0.3">
      <c r="A21674" s="13" t="s">
        <v>147</v>
      </c>
      <c r="B21674" s="14" t="s">
        <v>1</v>
      </c>
      <c r="C21674" s="14" t="s">
        <v>99</v>
      </c>
      <c r="D21674" s="14" t="s">
        <v>14</v>
      </c>
      <c r="E21674" s="15">
        <v>45515</v>
      </c>
      <c r="F21674" s="14" t="s">
        <v>15</v>
      </c>
      <c r="G21674" s="16">
        <v>0</v>
      </c>
    </row>
    <row r="21675" spans="1:7" x14ac:dyDescent="0.3">
      <c r="A21675" s="13" t="s">
        <v>147</v>
      </c>
      <c r="B21675" s="14" t="s">
        <v>1</v>
      </c>
      <c r="C21675" s="14" t="s">
        <v>99</v>
      </c>
      <c r="D21675" s="14" t="s">
        <v>14</v>
      </c>
      <c r="E21675" s="15">
        <v>45516</v>
      </c>
      <c r="F21675" s="14" t="s">
        <v>15</v>
      </c>
      <c r="G21675" s="16">
        <v>0</v>
      </c>
    </row>
    <row r="21676" spans="1:7" x14ac:dyDescent="0.3">
      <c r="A21676" s="13" t="s">
        <v>147</v>
      </c>
      <c r="B21676" s="14" t="s">
        <v>1</v>
      </c>
      <c r="C21676" s="14" t="s">
        <v>99</v>
      </c>
      <c r="D21676" s="14" t="s">
        <v>14</v>
      </c>
      <c r="E21676" s="15">
        <v>45517</v>
      </c>
      <c r="F21676" s="14" t="s">
        <v>15</v>
      </c>
      <c r="G21676" s="16">
        <v>0</v>
      </c>
    </row>
    <row r="21677" spans="1:7" x14ac:dyDescent="0.3">
      <c r="A21677" s="13" t="s">
        <v>147</v>
      </c>
      <c r="B21677" s="14" t="s">
        <v>1</v>
      </c>
      <c r="C21677" s="14" t="s">
        <v>99</v>
      </c>
      <c r="D21677" s="14" t="s">
        <v>14</v>
      </c>
      <c r="E21677" s="15">
        <v>45518</v>
      </c>
      <c r="F21677" s="14" t="s">
        <v>15</v>
      </c>
      <c r="G21677" s="16">
        <v>0</v>
      </c>
    </row>
    <row r="21678" spans="1:7" x14ac:dyDescent="0.3">
      <c r="A21678" s="13" t="s">
        <v>147</v>
      </c>
      <c r="B21678" s="14" t="s">
        <v>1</v>
      </c>
      <c r="C21678" s="14" t="s">
        <v>99</v>
      </c>
      <c r="D21678" s="14" t="s">
        <v>14</v>
      </c>
      <c r="E21678" s="15">
        <v>45519</v>
      </c>
      <c r="F21678" s="14" t="s">
        <v>15</v>
      </c>
      <c r="G21678" s="16">
        <v>0</v>
      </c>
    </row>
    <row r="21679" spans="1:7" x14ac:dyDescent="0.3">
      <c r="A21679" s="13" t="s">
        <v>147</v>
      </c>
      <c r="B21679" s="14" t="s">
        <v>1</v>
      </c>
      <c r="C21679" s="14" t="s">
        <v>99</v>
      </c>
      <c r="D21679" s="14" t="s">
        <v>14</v>
      </c>
      <c r="E21679" s="15">
        <v>45520</v>
      </c>
      <c r="F21679" s="14" t="s">
        <v>15</v>
      </c>
      <c r="G21679" s="16">
        <v>0</v>
      </c>
    </row>
    <row r="21680" spans="1:7" x14ac:dyDescent="0.3">
      <c r="A21680" s="13" t="s">
        <v>147</v>
      </c>
      <c r="B21680" s="14" t="s">
        <v>1</v>
      </c>
      <c r="C21680" s="14" t="s">
        <v>99</v>
      </c>
      <c r="D21680" s="14" t="s">
        <v>14</v>
      </c>
      <c r="E21680" s="15">
        <v>45521</v>
      </c>
      <c r="F21680" s="14" t="s">
        <v>15</v>
      </c>
      <c r="G21680" s="16">
        <v>0</v>
      </c>
    </row>
    <row r="21681" spans="1:7" x14ac:dyDescent="0.3">
      <c r="A21681" s="13" t="s">
        <v>147</v>
      </c>
      <c r="B21681" s="14" t="s">
        <v>1</v>
      </c>
      <c r="C21681" s="14" t="s">
        <v>99</v>
      </c>
      <c r="D21681" s="14" t="s">
        <v>14</v>
      </c>
      <c r="E21681" s="15">
        <v>45522</v>
      </c>
      <c r="F21681" s="14" t="s">
        <v>15</v>
      </c>
      <c r="G21681" s="16">
        <v>0</v>
      </c>
    </row>
    <row r="21682" spans="1:7" x14ac:dyDescent="0.3">
      <c r="A21682" s="13" t="s">
        <v>147</v>
      </c>
      <c r="B21682" s="14" t="s">
        <v>1</v>
      </c>
      <c r="C21682" s="14" t="s">
        <v>99</v>
      </c>
      <c r="D21682" s="14" t="s">
        <v>14</v>
      </c>
      <c r="E21682" s="15">
        <v>45523</v>
      </c>
      <c r="F21682" s="14" t="s">
        <v>15</v>
      </c>
      <c r="G21682" s="16">
        <v>0</v>
      </c>
    </row>
    <row r="21683" spans="1:7" x14ac:dyDescent="0.3">
      <c r="A21683" s="13" t="s">
        <v>147</v>
      </c>
      <c r="B21683" s="14" t="s">
        <v>1</v>
      </c>
      <c r="C21683" s="14" t="s">
        <v>99</v>
      </c>
      <c r="D21683" s="14" t="s">
        <v>14</v>
      </c>
      <c r="E21683" s="15">
        <v>45524</v>
      </c>
      <c r="F21683" s="14" t="s">
        <v>15</v>
      </c>
      <c r="G21683" s="16">
        <v>0</v>
      </c>
    </row>
    <row r="21684" spans="1:7" x14ac:dyDescent="0.3">
      <c r="A21684" s="13" t="s">
        <v>147</v>
      </c>
      <c r="B21684" s="14" t="s">
        <v>1</v>
      </c>
      <c r="C21684" s="14" t="s">
        <v>99</v>
      </c>
      <c r="D21684" s="14" t="s">
        <v>14</v>
      </c>
      <c r="E21684" s="15">
        <v>45525</v>
      </c>
      <c r="F21684" s="14" t="s">
        <v>15</v>
      </c>
      <c r="G21684" s="16">
        <v>0</v>
      </c>
    </row>
    <row r="21685" spans="1:7" x14ac:dyDescent="0.3">
      <c r="A21685" s="13" t="s">
        <v>147</v>
      </c>
      <c r="B21685" s="14" t="s">
        <v>1</v>
      </c>
      <c r="C21685" s="14" t="s">
        <v>99</v>
      </c>
      <c r="D21685" s="14" t="s">
        <v>14</v>
      </c>
      <c r="E21685" s="15">
        <v>45526</v>
      </c>
      <c r="F21685" s="14" t="s">
        <v>15</v>
      </c>
      <c r="G21685" s="16">
        <v>0</v>
      </c>
    </row>
    <row r="21686" spans="1:7" x14ac:dyDescent="0.3">
      <c r="A21686" s="13" t="s">
        <v>147</v>
      </c>
      <c r="B21686" s="14" t="s">
        <v>1</v>
      </c>
      <c r="C21686" s="14" t="s">
        <v>99</v>
      </c>
      <c r="D21686" s="14" t="s">
        <v>14</v>
      </c>
      <c r="E21686" s="15">
        <v>45527</v>
      </c>
      <c r="F21686" s="14" t="s">
        <v>15</v>
      </c>
      <c r="G21686" s="16">
        <v>0</v>
      </c>
    </row>
    <row r="21687" spans="1:7" x14ac:dyDescent="0.3">
      <c r="A21687" s="13" t="s">
        <v>147</v>
      </c>
      <c r="B21687" s="14" t="s">
        <v>1</v>
      </c>
      <c r="C21687" s="14" t="s">
        <v>99</v>
      </c>
      <c r="D21687" s="14" t="s">
        <v>14</v>
      </c>
      <c r="E21687" s="15">
        <v>45528</v>
      </c>
      <c r="F21687" s="14" t="s">
        <v>15</v>
      </c>
      <c r="G21687" s="16">
        <v>0</v>
      </c>
    </row>
    <row r="21688" spans="1:7" x14ac:dyDescent="0.3">
      <c r="A21688" s="13" t="s">
        <v>147</v>
      </c>
      <c r="B21688" s="14" t="s">
        <v>1</v>
      </c>
      <c r="C21688" s="14" t="s">
        <v>99</v>
      </c>
      <c r="D21688" s="14" t="s">
        <v>14</v>
      </c>
      <c r="E21688" s="15">
        <v>45529</v>
      </c>
      <c r="F21688" s="14" t="s">
        <v>15</v>
      </c>
      <c r="G21688" s="16">
        <v>0</v>
      </c>
    </row>
    <row r="21689" spans="1:7" x14ac:dyDescent="0.3">
      <c r="A21689" s="13" t="s">
        <v>147</v>
      </c>
      <c r="B21689" s="14" t="s">
        <v>1</v>
      </c>
      <c r="C21689" s="14" t="s">
        <v>99</v>
      </c>
      <c r="D21689" s="14" t="s">
        <v>14</v>
      </c>
      <c r="E21689" s="15">
        <v>45530</v>
      </c>
      <c r="F21689" s="14" t="s">
        <v>15</v>
      </c>
      <c r="G21689" s="16">
        <v>0</v>
      </c>
    </row>
    <row r="21690" spans="1:7" x14ac:dyDescent="0.3">
      <c r="A21690" s="13" t="s">
        <v>147</v>
      </c>
      <c r="B21690" s="14" t="s">
        <v>1</v>
      </c>
      <c r="C21690" s="14" t="s">
        <v>99</v>
      </c>
      <c r="D21690" s="14" t="s">
        <v>14</v>
      </c>
      <c r="E21690" s="15">
        <v>45531</v>
      </c>
      <c r="F21690" s="14" t="s">
        <v>15</v>
      </c>
      <c r="G21690" s="16">
        <v>0</v>
      </c>
    </row>
    <row r="21691" spans="1:7" x14ac:dyDescent="0.3">
      <c r="A21691" s="13" t="s">
        <v>147</v>
      </c>
      <c r="B21691" s="14" t="s">
        <v>1</v>
      </c>
      <c r="C21691" s="14" t="s">
        <v>99</v>
      </c>
      <c r="D21691" s="14" t="s">
        <v>14</v>
      </c>
      <c r="E21691" s="15">
        <v>45532</v>
      </c>
      <c r="F21691" s="14" t="s">
        <v>15</v>
      </c>
      <c r="G21691" s="16">
        <v>0</v>
      </c>
    </row>
    <row r="21692" spans="1:7" x14ac:dyDescent="0.3">
      <c r="A21692" s="13" t="s">
        <v>147</v>
      </c>
      <c r="B21692" s="14" t="s">
        <v>1</v>
      </c>
      <c r="C21692" s="14" t="s">
        <v>99</v>
      </c>
      <c r="D21692" s="14" t="s">
        <v>14</v>
      </c>
      <c r="E21692" s="15">
        <v>45533</v>
      </c>
      <c r="F21692" s="14" t="s">
        <v>15</v>
      </c>
      <c r="G21692" s="16">
        <v>0</v>
      </c>
    </row>
    <row r="21693" spans="1:7" x14ac:dyDescent="0.3">
      <c r="A21693" s="13" t="s">
        <v>147</v>
      </c>
      <c r="B21693" s="14" t="s">
        <v>1</v>
      </c>
      <c r="C21693" s="14" t="s">
        <v>99</v>
      </c>
      <c r="D21693" s="14" t="s">
        <v>14</v>
      </c>
      <c r="E21693" s="15">
        <v>45534</v>
      </c>
      <c r="F21693" s="14" t="s">
        <v>15</v>
      </c>
      <c r="G21693" s="16">
        <v>0</v>
      </c>
    </row>
    <row r="21694" spans="1:7" x14ac:dyDescent="0.3">
      <c r="A21694" s="13" t="s">
        <v>147</v>
      </c>
      <c r="B21694" s="14" t="s">
        <v>1</v>
      </c>
      <c r="C21694" s="14" t="s">
        <v>99</v>
      </c>
      <c r="D21694" s="14" t="s">
        <v>14</v>
      </c>
      <c r="E21694" s="15">
        <v>45535</v>
      </c>
      <c r="F21694" s="14" t="s">
        <v>15</v>
      </c>
      <c r="G21694" s="16">
        <v>0</v>
      </c>
    </row>
    <row r="21695" spans="1:7" x14ac:dyDescent="0.3">
      <c r="A21695" s="13" t="s">
        <v>147</v>
      </c>
      <c r="B21695" s="14" t="s">
        <v>1</v>
      </c>
      <c r="C21695" s="14" t="s">
        <v>99</v>
      </c>
      <c r="D21695" s="14" t="s">
        <v>14</v>
      </c>
      <c r="E21695" s="15">
        <v>45536</v>
      </c>
      <c r="F21695" s="14" t="s">
        <v>15</v>
      </c>
      <c r="G21695" s="16">
        <v>0</v>
      </c>
    </row>
    <row r="21696" spans="1:7" x14ac:dyDescent="0.3">
      <c r="A21696" s="13" t="s">
        <v>147</v>
      </c>
      <c r="B21696" s="14" t="s">
        <v>1</v>
      </c>
      <c r="C21696" s="14" t="s">
        <v>99</v>
      </c>
      <c r="D21696" s="14" t="s">
        <v>14</v>
      </c>
      <c r="E21696" s="15">
        <v>45537</v>
      </c>
      <c r="F21696" s="14" t="s">
        <v>15</v>
      </c>
      <c r="G21696" s="16">
        <v>0</v>
      </c>
    </row>
    <row r="21697" spans="1:7" x14ac:dyDescent="0.3">
      <c r="A21697" s="13" t="s">
        <v>147</v>
      </c>
      <c r="B21697" s="14" t="s">
        <v>1</v>
      </c>
      <c r="C21697" s="14" t="s">
        <v>99</v>
      </c>
      <c r="D21697" s="14" t="s">
        <v>14</v>
      </c>
      <c r="E21697" s="15">
        <v>45538</v>
      </c>
      <c r="F21697" s="14" t="s">
        <v>15</v>
      </c>
      <c r="G21697" s="16">
        <v>0</v>
      </c>
    </row>
    <row r="21698" spans="1:7" x14ac:dyDescent="0.3">
      <c r="A21698" s="13" t="s">
        <v>147</v>
      </c>
      <c r="B21698" s="14" t="s">
        <v>1</v>
      </c>
      <c r="C21698" s="14" t="s">
        <v>99</v>
      </c>
      <c r="D21698" s="14" t="s">
        <v>14</v>
      </c>
      <c r="E21698" s="15">
        <v>45539</v>
      </c>
      <c r="F21698" s="14" t="s">
        <v>15</v>
      </c>
      <c r="G21698" s="16">
        <v>0</v>
      </c>
    </row>
    <row r="21699" spans="1:7" x14ac:dyDescent="0.3">
      <c r="A21699" s="13" t="s">
        <v>147</v>
      </c>
      <c r="B21699" s="14" t="s">
        <v>1</v>
      </c>
      <c r="C21699" s="14" t="s">
        <v>99</v>
      </c>
      <c r="D21699" s="14" t="s">
        <v>14</v>
      </c>
      <c r="E21699" s="15">
        <v>45540</v>
      </c>
      <c r="F21699" s="14" t="s">
        <v>15</v>
      </c>
      <c r="G21699" s="16">
        <v>0</v>
      </c>
    </row>
    <row r="21700" spans="1:7" x14ac:dyDescent="0.3">
      <c r="A21700" s="13" t="s">
        <v>147</v>
      </c>
      <c r="B21700" s="14" t="s">
        <v>1</v>
      </c>
      <c r="C21700" s="14" t="s">
        <v>99</v>
      </c>
      <c r="D21700" s="14" t="s">
        <v>14</v>
      </c>
      <c r="E21700" s="15">
        <v>45541</v>
      </c>
      <c r="F21700" s="14" t="s">
        <v>15</v>
      </c>
      <c r="G21700" s="16">
        <v>0</v>
      </c>
    </row>
    <row r="21701" spans="1:7" x14ac:dyDescent="0.3">
      <c r="A21701" s="13" t="s">
        <v>147</v>
      </c>
      <c r="B21701" s="14" t="s">
        <v>1</v>
      </c>
      <c r="C21701" s="14" t="s">
        <v>99</v>
      </c>
      <c r="D21701" s="14" t="s">
        <v>14</v>
      </c>
      <c r="E21701" s="15">
        <v>45542</v>
      </c>
      <c r="F21701" s="14" t="s">
        <v>15</v>
      </c>
      <c r="G21701" s="16">
        <v>0</v>
      </c>
    </row>
    <row r="21702" spans="1:7" x14ac:dyDescent="0.3">
      <c r="A21702" s="13" t="s">
        <v>147</v>
      </c>
      <c r="B21702" s="14" t="s">
        <v>1</v>
      </c>
      <c r="C21702" s="14" t="s">
        <v>99</v>
      </c>
      <c r="D21702" s="14" t="s">
        <v>14</v>
      </c>
      <c r="E21702" s="15">
        <v>45543</v>
      </c>
      <c r="F21702" s="14" t="s">
        <v>15</v>
      </c>
      <c r="G21702" s="16">
        <v>0</v>
      </c>
    </row>
    <row r="21703" spans="1:7" x14ac:dyDescent="0.3">
      <c r="A21703" s="13" t="s">
        <v>147</v>
      </c>
      <c r="B21703" s="14" t="s">
        <v>1</v>
      </c>
      <c r="C21703" s="14" t="s">
        <v>99</v>
      </c>
      <c r="D21703" s="14" t="s">
        <v>14</v>
      </c>
      <c r="E21703" s="15">
        <v>45544</v>
      </c>
      <c r="F21703" s="14" t="s">
        <v>15</v>
      </c>
      <c r="G21703" s="16">
        <v>0</v>
      </c>
    </row>
    <row r="21704" spans="1:7" x14ac:dyDescent="0.3">
      <c r="A21704" s="13" t="s">
        <v>147</v>
      </c>
      <c r="B21704" s="14" t="s">
        <v>1</v>
      </c>
      <c r="C21704" s="14" t="s">
        <v>99</v>
      </c>
      <c r="D21704" s="14" t="s">
        <v>14</v>
      </c>
      <c r="E21704" s="15">
        <v>45545</v>
      </c>
      <c r="F21704" s="14" t="s">
        <v>15</v>
      </c>
      <c r="G21704" s="16">
        <v>0</v>
      </c>
    </row>
    <row r="21705" spans="1:7" x14ac:dyDescent="0.3">
      <c r="A21705" s="13" t="s">
        <v>147</v>
      </c>
      <c r="B21705" s="14" t="s">
        <v>1</v>
      </c>
      <c r="C21705" s="14" t="s">
        <v>99</v>
      </c>
      <c r="D21705" s="14" t="s">
        <v>14</v>
      </c>
      <c r="E21705" s="15">
        <v>45546</v>
      </c>
      <c r="F21705" s="14" t="s">
        <v>15</v>
      </c>
      <c r="G21705" s="16">
        <v>0</v>
      </c>
    </row>
    <row r="21706" spans="1:7" x14ac:dyDescent="0.3">
      <c r="A21706" s="13" t="s">
        <v>147</v>
      </c>
      <c r="B21706" s="14" t="s">
        <v>1</v>
      </c>
      <c r="C21706" s="14" t="s">
        <v>99</v>
      </c>
      <c r="D21706" s="14" t="s">
        <v>14</v>
      </c>
      <c r="E21706" s="15">
        <v>45547</v>
      </c>
      <c r="F21706" s="14" t="s">
        <v>15</v>
      </c>
      <c r="G21706" s="16">
        <v>0</v>
      </c>
    </row>
    <row r="21707" spans="1:7" x14ac:dyDescent="0.3">
      <c r="A21707" s="13" t="s">
        <v>147</v>
      </c>
      <c r="B21707" s="14" t="s">
        <v>1</v>
      </c>
      <c r="C21707" s="14" t="s">
        <v>99</v>
      </c>
      <c r="D21707" s="14" t="s">
        <v>14</v>
      </c>
      <c r="E21707" s="15">
        <v>45548</v>
      </c>
      <c r="F21707" s="14" t="s">
        <v>15</v>
      </c>
      <c r="G21707" s="16">
        <v>0</v>
      </c>
    </row>
    <row r="21708" spans="1:7" x14ac:dyDescent="0.3">
      <c r="A21708" s="13" t="s">
        <v>147</v>
      </c>
      <c r="B21708" s="14" t="s">
        <v>1</v>
      </c>
      <c r="C21708" s="14" t="s">
        <v>99</v>
      </c>
      <c r="D21708" s="14" t="s">
        <v>14</v>
      </c>
      <c r="E21708" s="15">
        <v>45549</v>
      </c>
      <c r="F21708" s="14" t="s">
        <v>15</v>
      </c>
      <c r="G21708" s="16">
        <v>0</v>
      </c>
    </row>
    <row r="21709" spans="1:7" x14ac:dyDescent="0.3">
      <c r="A21709" s="13" t="s">
        <v>147</v>
      </c>
      <c r="B21709" s="14" t="s">
        <v>1</v>
      </c>
      <c r="C21709" s="14" t="s">
        <v>99</v>
      </c>
      <c r="D21709" s="14" t="s">
        <v>14</v>
      </c>
      <c r="E21709" s="15">
        <v>45550</v>
      </c>
      <c r="F21709" s="14" t="s">
        <v>15</v>
      </c>
      <c r="G21709" s="16">
        <v>0</v>
      </c>
    </row>
    <row r="21710" spans="1:7" x14ac:dyDescent="0.3">
      <c r="A21710" s="13" t="s">
        <v>147</v>
      </c>
      <c r="B21710" s="14" t="s">
        <v>1</v>
      </c>
      <c r="C21710" s="14" t="s">
        <v>99</v>
      </c>
      <c r="D21710" s="14" t="s">
        <v>14</v>
      </c>
      <c r="E21710" s="15">
        <v>45551</v>
      </c>
      <c r="F21710" s="14" t="s">
        <v>15</v>
      </c>
      <c r="G21710" s="16">
        <v>0</v>
      </c>
    </row>
    <row r="21711" spans="1:7" x14ac:dyDescent="0.3">
      <c r="A21711" s="13" t="s">
        <v>147</v>
      </c>
      <c r="B21711" s="14" t="s">
        <v>1</v>
      </c>
      <c r="C21711" s="14" t="s">
        <v>99</v>
      </c>
      <c r="D21711" s="14" t="s">
        <v>14</v>
      </c>
      <c r="E21711" s="15">
        <v>45552</v>
      </c>
      <c r="F21711" s="14" t="s">
        <v>15</v>
      </c>
      <c r="G21711" s="16">
        <v>0</v>
      </c>
    </row>
    <row r="21712" spans="1:7" x14ac:dyDescent="0.3">
      <c r="A21712" s="13" t="s">
        <v>147</v>
      </c>
      <c r="B21712" s="14" t="s">
        <v>1</v>
      </c>
      <c r="C21712" s="14" t="s">
        <v>99</v>
      </c>
      <c r="D21712" s="14" t="s">
        <v>14</v>
      </c>
      <c r="E21712" s="15">
        <v>45553</v>
      </c>
      <c r="F21712" s="14" t="s">
        <v>15</v>
      </c>
      <c r="G21712" s="16">
        <v>0</v>
      </c>
    </row>
    <row r="21713" spans="1:7" x14ac:dyDescent="0.3">
      <c r="A21713" s="13" t="s">
        <v>147</v>
      </c>
      <c r="B21713" s="14" t="s">
        <v>1</v>
      </c>
      <c r="C21713" s="14" t="s">
        <v>99</v>
      </c>
      <c r="D21713" s="14" t="s">
        <v>14</v>
      </c>
      <c r="E21713" s="15">
        <v>45554</v>
      </c>
      <c r="F21713" s="14" t="s">
        <v>15</v>
      </c>
      <c r="G21713" s="16">
        <v>0</v>
      </c>
    </row>
    <row r="21714" spans="1:7" x14ac:dyDescent="0.3">
      <c r="A21714" s="13" t="s">
        <v>147</v>
      </c>
      <c r="B21714" s="14" t="s">
        <v>1</v>
      </c>
      <c r="C21714" s="14" t="s">
        <v>99</v>
      </c>
      <c r="D21714" s="14" t="s">
        <v>14</v>
      </c>
      <c r="E21714" s="15">
        <v>45555</v>
      </c>
      <c r="F21714" s="14" t="s">
        <v>15</v>
      </c>
      <c r="G21714" s="16">
        <v>0</v>
      </c>
    </row>
    <row r="21715" spans="1:7" x14ac:dyDescent="0.3">
      <c r="A21715" s="13" t="s">
        <v>147</v>
      </c>
      <c r="B21715" s="14" t="s">
        <v>1</v>
      </c>
      <c r="C21715" s="14" t="s">
        <v>99</v>
      </c>
      <c r="D21715" s="14" t="s">
        <v>14</v>
      </c>
      <c r="E21715" s="15">
        <v>45556</v>
      </c>
      <c r="F21715" s="14" t="s">
        <v>15</v>
      </c>
      <c r="G21715" s="16">
        <v>0</v>
      </c>
    </row>
    <row r="21716" spans="1:7" x14ac:dyDescent="0.3">
      <c r="A21716" s="13" t="s">
        <v>147</v>
      </c>
      <c r="B21716" s="14" t="s">
        <v>1</v>
      </c>
      <c r="C21716" s="14" t="s">
        <v>99</v>
      </c>
      <c r="D21716" s="14" t="s">
        <v>14</v>
      </c>
      <c r="E21716" s="15">
        <v>45557</v>
      </c>
      <c r="F21716" s="14" t="s">
        <v>15</v>
      </c>
      <c r="G21716" s="16">
        <v>0</v>
      </c>
    </row>
    <row r="21717" spans="1:7" x14ac:dyDescent="0.3">
      <c r="A21717" s="13" t="s">
        <v>147</v>
      </c>
      <c r="B21717" s="14" t="s">
        <v>1</v>
      </c>
      <c r="C21717" s="14" t="s">
        <v>99</v>
      </c>
      <c r="D21717" s="14" t="s">
        <v>14</v>
      </c>
      <c r="E21717" s="15">
        <v>45558</v>
      </c>
      <c r="F21717" s="14" t="s">
        <v>15</v>
      </c>
      <c r="G21717" s="16">
        <v>0</v>
      </c>
    </row>
    <row r="21718" spans="1:7" x14ac:dyDescent="0.3">
      <c r="A21718" s="13" t="s">
        <v>147</v>
      </c>
      <c r="B21718" s="14" t="s">
        <v>1</v>
      </c>
      <c r="C21718" s="14" t="s">
        <v>99</v>
      </c>
      <c r="D21718" s="14" t="s">
        <v>14</v>
      </c>
      <c r="E21718" s="15">
        <v>45559</v>
      </c>
      <c r="F21718" s="14" t="s">
        <v>15</v>
      </c>
      <c r="G21718" s="16">
        <v>0</v>
      </c>
    </row>
    <row r="21719" spans="1:7" x14ac:dyDescent="0.3">
      <c r="A21719" s="13" t="s">
        <v>147</v>
      </c>
      <c r="B21719" s="14" t="s">
        <v>1</v>
      </c>
      <c r="C21719" s="14" t="s">
        <v>99</v>
      </c>
      <c r="D21719" s="14" t="s">
        <v>14</v>
      </c>
      <c r="E21719" s="15">
        <v>45560</v>
      </c>
      <c r="F21719" s="14" t="s">
        <v>15</v>
      </c>
      <c r="G21719" s="16">
        <v>0</v>
      </c>
    </row>
    <row r="21720" spans="1:7" x14ac:dyDescent="0.3">
      <c r="A21720" s="13" t="s">
        <v>147</v>
      </c>
      <c r="B21720" s="14" t="s">
        <v>1</v>
      </c>
      <c r="C21720" s="14" t="s">
        <v>99</v>
      </c>
      <c r="D21720" s="14" t="s">
        <v>14</v>
      </c>
      <c r="E21720" s="15">
        <v>45561</v>
      </c>
      <c r="F21720" s="14" t="s">
        <v>15</v>
      </c>
      <c r="G21720" s="16">
        <v>0</v>
      </c>
    </row>
    <row r="21721" spans="1:7" x14ac:dyDescent="0.3">
      <c r="A21721" s="13" t="s">
        <v>147</v>
      </c>
      <c r="B21721" s="14" t="s">
        <v>1</v>
      </c>
      <c r="C21721" s="14" t="s">
        <v>99</v>
      </c>
      <c r="D21721" s="14" t="s">
        <v>14</v>
      </c>
      <c r="E21721" s="15">
        <v>45562</v>
      </c>
      <c r="F21721" s="14" t="s">
        <v>15</v>
      </c>
      <c r="G21721" s="16">
        <v>0</v>
      </c>
    </row>
    <row r="21722" spans="1:7" x14ac:dyDescent="0.3">
      <c r="A21722" s="13" t="s">
        <v>147</v>
      </c>
      <c r="B21722" s="14" t="s">
        <v>1</v>
      </c>
      <c r="C21722" s="14" t="s">
        <v>99</v>
      </c>
      <c r="D21722" s="14" t="s">
        <v>14</v>
      </c>
      <c r="E21722" s="15">
        <v>45563</v>
      </c>
      <c r="F21722" s="14" t="s">
        <v>15</v>
      </c>
      <c r="G21722" s="16">
        <v>0</v>
      </c>
    </row>
    <row r="21723" spans="1:7" x14ac:dyDescent="0.3">
      <c r="A21723" s="13" t="s">
        <v>147</v>
      </c>
      <c r="B21723" s="14" t="s">
        <v>1</v>
      </c>
      <c r="C21723" s="14" t="s">
        <v>99</v>
      </c>
      <c r="D21723" s="14" t="s">
        <v>14</v>
      </c>
      <c r="E21723" s="15">
        <v>45564</v>
      </c>
      <c r="F21723" s="14" t="s">
        <v>15</v>
      </c>
      <c r="G21723" s="16">
        <v>0</v>
      </c>
    </row>
    <row r="21724" spans="1:7" x14ac:dyDescent="0.3">
      <c r="A21724" s="13" t="s">
        <v>147</v>
      </c>
      <c r="B21724" s="14" t="s">
        <v>1</v>
      </c>
      <c r="C21724" s="14" t="s">
        <v>99</v>
      </c>
      <c r="D21724" s="14" t="s">
        <v>14</v>
      </c>
      <c r="E21724" s="15">
        <v>45565</v>
      </c>
      <c r="F21724" s="14" t="s">
        <v>15</v>
      </c>
      <c r="G21724" s="16">
        <v>0</v>
      </c>
    </row>
    <row r="21725" spans="1:7" x14ac:dyDescent="0.3">
      <c r="A21725" s="13" t="s">
        <v>147</v>
      </c>
      <c r="B21725" s="14" t="s">
        <v>1</v>
      </c>
      <c r="C21725" s="14" t="s">
        <v>99</v>
      </c>
      <c r="D21725" s="14" t="s">
        <v>14</v>
      </c>
      <c r="E21725" s="15">
        <v>45566</v>
      </c>
      <c r="F21725" s="14" t="s">
        <v>15</v>
      </c>
      <c r="G21725" s="16">
        <v>0</v>
      </c>
    </row>
    <row r="21726" spans="1:7" x14ac:dyDescent="0.3">
      <c r="A21726" s="13" t="s">
        <v>147</v>
      </c>
      <c r="B21726" s="14" t="s">
        <v>1</v>
      </c>
      <c r="C21726" s="14" t="s">
        <v>99</v>
      </c>
      <c r="D21726" s="14" t="s">
        <v>14</v>
      </c>
      <c r="E21726" s="15">
        <v>45567</v>
      </c>
      <c r="F21726" s="14" t="s">
        <v>15</v>
      </c>
      <c r="G21726" s="16">
        <v>0</v>
      </c>
    </row>
    <row r="21727" spans="1:7" x14ac:dyDescent="0.3">
      <c r="A21727" s="13" t="s">
        <v>147</v>
      </c>
      <c r="B21727" s="14" t="s">
        <v>1</v>
      </c>
      <c r="C21727" s="14" t="s">
        <v>99</v>
      </c>
      <c r="D21727" s="14" t="s">
        <v>14</v>
      </c>
      <c r="E21727" s="15">
        <v>45568</v>
      </c>
      <c r="F21727" s="14" t="s">
        <v>15</v>
      </c>
      <c r="G21727" s="16">
        <v>0</v>
      </c>
    </row>
    <row r="21728" spans="1:7" x14ac:dyDescent="0.3">
      <c r="A21728" s="13" t="s">
        <v>147</v>
      </c>
      <c r="B21728" s="14" t="s">
        <v>1</v>
      </c>
      <c r="C21728" s="14" t="s">
        <v>99</v>
      </c>
      <c r="D21728" s="14" t="s">
        <v>14</v>
      </c>
      <c r="E21728" s="15">
        <v>45569</v>
      </c>
      <c r="F21728" s="14" t="s">
        <v>15</v>
      </c>
      <c r="G21728" s="16">
        <v>0</v>
      </c>
    </row>
    <row r="21729" spans="1:7" x14ac:dyDescent="0.3">
      <c r="A21729" s="13" t="s">
        <v>147</v>
      </c>
      <c r="B21729" s="14" t="s">
        <v>1</v>
      </c>
      <c r="C21729" s="14" t="s">
        <v>99</v>
      </c>
      <c r="D21729" s="14" t="s">
        <v>14</v>
      </c>
      <c r="E21729" s="15">
        <v>45570</v>
      </c>
      <c r="F21729" s="14" t="s">
        <v>15</v>
      </c>
      <c r="G21729" s="16">
        <v>0</v>
      </c>
    </row>
    <row r="21730" spans="1:7" x14ac:dyDescent="0.3">
      <c r="A21730" s="13" t="s">
        <v>147</v>
      </c>
      <c r="B21730" s="14" t="s">
        <v>1</v>
      </c>
      <c r="C21730" s="14" t="s">
        <v>99</v>
      </c>
      <c r="D21730" s="14" t="s">
        <v>14</v>
      </c>
      <c r="E21730" s="15">
        <v>45571</v>
      </c>
      <c r="F21730" s="14" t="s">
        <v>15</v>
      </c>
      <c r="G21730" s="16">
        <v>0</v>
      </c>
    </row>
    <row r="21731" spans="1:7" x14ac:dyDescent="0.3">
      <c r="A21731" s="13" t="s">
        <v>147</v>
      </c>
      <c r="B21731" s="14" t="s">
        <v>1</v>
      </c>
      <c r="C21731" s="14" t="s">
        <v>99</v>
      </c>
      <c r="D21731" s="14" t="s">
        <v>14</v>
      </c>
      <c r="E21731" s="15">
        <v>45572</v>
      </c>
      <c r="F21731" s="14" t="s">
        <v>15</v>
      </c>
      <c r="G21731" s="16">
        <v>0</v>
      </c>
    </row>
    <row r="21732" spans="1:7" x14ac:dyDescent="0.3">
      <c r="A21732" s="13" t="s">
        <v>147</v>
      </c>
      <c r="B21732" s="14" t="s">
        <v>1</v>
      </c>
      <c r="C21732" s="14" t="s">
        <v>99</v>
      </c>
      <c r="D21732" s="14" t="s">
        <v>14</v>
      </c>
      <c r="E21732" s="15">
        <v>45573</v>
      </c>
      <c r="F21732" s="14" t="s">
        <v>15</v>
      </c>
      <c r="G21732" s="16">
        <v>0</v>
      </c>
    </row>
    <row r="21733" spans="1:7" x14ac:dyDescent="0.3">
      <c r="A21733" s="13" t="s">
        <v>147</v>
      </c>
      <c r="B21733" s="14" t="s">
        <v>1</v>
      </c>
      <c r="C21733" s="14" t="s">
        <v>99</v>
      </c>
      <c r="D21733" s="14" t="s">
        <v>14</v>
      </c>
      <c r="E21733" s="15">
        <v>45574</v>
      </c>
      <c r="F21733" s="14" t="s">
        <v>15</v>
      </c>
      <c r="G21733" s="16">
        <v>0</v>
      </c>
    </row>
    <row r="21734" spans="1:7" x14ac:dyDescent="0.3">
      <c r="A21734" s="13" t="s">
        <v>147</v>
      </c>
      <c r="B21734" s="14" t="s">
        <v>1</v>
      </c>
      <c r="C21734" s="14" t="s">
        <v>99</v>
      </c>
      <c r="D21734" s="14" t="s">
        <v>14</v>
      </c>
      <c r="E21734" s="15">
        <v>45575</v>
      </c>
      <c r="F21734" s="14" t="s">
        <v>15</v>
      </c>
      <c r="G21734" s="16">
        <v>0</v>
      </c>
    </row>
    <row r="21735" spans="1:7" x14ac:dyDescent="0.3">
      <c r="A21735" s="13" t="s">
        <v>147</v>
      </c>
      <c r="B21735" s="14" t="s">
        <v>1</v>
      </c>
      <c r="C21735" s="14" t="s">
        <v>99</v>
      </c>
      <c r="D21735" s="14" t="s">
        <v>14</v>
      </c>
      <c r="E21735" s="15">
        <v>45576</v>
      </c>
      <c r="F21735" s="14" t="s">
        <v>15</v>
      </c>
      <c r="G21735" s="16">
        <v>0</v>
      </c>
    </row>
    <row r="21736" spans="1:7" x14ac:dyDescent="0.3">
      <c r="A21736" s="13" t="s">
        <v>147</v>
      </c>
      <c r="B21736" s="14" t="s">
        <v>1</v>
      </c>
      <c r="C21736" s="14" t="s">
        <v>99</v>
      </c>
      <c r="D21736" s="14" t="s">
        <v>14</v>
      </c>
      <c r="E21736" s="15">
        <v>45577</v>
      </c>
      <c r="F21736" s="14" t="s">
        <v>15</v>
      </c>
      <c r="G21736" s="16">
        <v>0</v>
      </c>
    </row>
    <row r="21737" spans="1:7" x14ac:dyDescent="0.3">
      <c r="A21737" s="13" t="s">
        <v>147</v>
      </c>
      <c r="B21737" s="14" t="s">
        <v>1</v>
      </c>
      <c r="C21737" s="14" t="s">
        <v>99</v>
      </c>
      <c r="D21737" s="14" t="s">
        <v>14</v>
      </c>
      <c r="E21737" s="15">
        <v>45578</v>
      </c>
      <c r="F21737" s="14" t="s">
        <v>15</v>
      </c>
      <c r="G21737" s="16">
        <v>0</v>
      </c>
    </row>
    <row r="21738" spans="1:7" x14ac:dyDescent="0.3">
      <c r="A21738" s="13" t="s">
        <v>147</v>
      </c>
      <c r="B21738" s="14" t="s">
        <v>1</v>
      </c>
      <c r="C21738" s="14" t="s">
        <v>99</v>
      </c>
      <c r="D21738" s="14" t="s">
        <v>14</v>
      </c>
      <c r="E21738" s="15">
        <v>45579</v>
      </c>
      <c r="F21738" s="14" t="s">
        <v>15</v>
      </c>
      <c r="G21738" s="16">
        <v>0</v>
      </c>
    </row>
    <row r="21739" spans="1:7" x14ac:dyDescent="0.3">
      <c r="A21739" s="13" t="s">
        <v>147</v>
      </c>
      <c r="B21739" s="14" t="s">
        <v>1</v>
      </c>
      <c r="C21739" s="14" t="s">
        <v>99</v>
      </c>
      <c r="D21739" s="14" t="s">
        <v>14</v>
      </c>
      <c r="E21739" s="15">
        <v>45580</v>
      </c>
      <c r="F21739" s="14" t="s">
        <v>15</v>
      </c>
      <c r="G21739" s="16">
        <v>0</v>
      </c>
    </row>
    <row r="21740" spans="1:7" x14ac:dyDescent="0.3">
      <c r="A21740" s="13" t="s">
        <v>147</v>
      </c>
      <c r="B21740" s="14" t="s">
        <v>1</v>
      </c>
      <c r="C21740" s="14" t="s">
        <v>99</v>
      </c>
      <c r="D21740" s="14" t="s">
        <v>14</v>
      </c>
      <c r="E21740" s="15">
        <v>45581</v>
      </c>
      <c r="F21740" s="14" t="s">
        <v>15</v>
      </c>
      <c r="G21740" s="16">
        <v>0</v>
      </c>
    </row>
    <row r="21741" spans="1:7" x14ac:dyDescent="0.3">
      <c r="A21741" s="13" t="s">
        <v>147</v>
      </c>
      <c r="B21741" s="14" t="s">
        <v>1</v>
      </c>
      <c r="C21741" s="14" t="s">
        <v>99</v>
      </c>
      <c r="D21741" s="14" t="s">
        <v>14</v>
      </c>
      <c r="E21741" s="15">
        <v>45582</v>
      </c>
      <c r="F21741" s="14" t="s">
        <v>15</v>
      </c>
      <c r="G21741" s="16">
        <v>0</v>
      </c>
    </row>
    <row r="21742" spans="1:7" x14ac:dyDescent="0.3">
      <c r="A21742" s="13" t="s">
        <v>147</v>
      </c>
      <c r="B21742" s="14" t="s">
        <v>1</v>
      </c>
      <c r="C21742" s="14" t="s">
        <v>99</v>
      </c>
      <c r="D21742" s="14" t="s">
        <v>14</v>
      </c>
      <c r="E21742" s="15">
        <v>45583</v>
      </c>
      <c r="F21742" s="14" t="s">
        <v>15</v>
      </c>
      <c r="G21742" s="16">
        <v>0</v>
      </c>
    </row>
    <row r="21743" spans="1:7" x14ac:dyDescent="0.3">
      <c r="A21743" s="13" t="s">
        <v>147</v>
      </c>
      <c r="B21743" s="14" t="s">
        <v>1</v>
      </c>
      <c r="C21743" s="14" t="s">
        <v>99</v>
      </c>
      <c r="D21743" s="14" t="s">
        <v>14</v>
      </c>
      <c r="E21743" s="15">
        <v>45584</v>
      </c>
      <c r="F21743" s="14" t="s">
        <v>15</v>
      </c>
      <c r="G21743" s="16">
        <v>0</v>
      </c>
    </row>
    <row r="21744" spans="1:7" x14ac:dyDescent="0.3">
      <c r="A21744" s="13" t="s">
        <v>147</v>
      </c>
      <c r="B21744" s="14" t="s">
        <v>1</v>
      </c>
      <c r="C21744" s="14" t="s">
        <v>99</v>
      </c>
      <c r="D21744" s="14" t="s">
        <v>14</v>
      </c>
      <c r="E21744" s="15">
        <v>45585</v>
      </c>
      <c r="F21744" s="14" t="s">
        <v>15</v>
      </c>
      <c r="G21744" s="16">
        <v>0</v>
      </c>
    </row>
    <row r="21745" spans="1:7" x14ac:dyDescent="0.3">
      <c r="A21745" s="13" t="s">
        <v>147</v>
      </c>
      <c r="B21745" s="14" t="s">
        <v>1</v>
      </c>
      <c r="C21745" s="14" t="s">
        <v>99</v>
      </c>
      <c r="D21745" s="14" t="s">
        <v>14</v>
      </c>
      <c r="E21745" s="15">
        <v>45586</v>
      </c>
      <c r="F21745" s="14" t="s">
        <v>15</v>
      </c>
      <c r="G21745" s="16">
        <v>0</v>
      </c>
    </row>
    <row r="21746" spans="1:7" x14ac:dyDescent="0.3">
      <c r="A21746" s="13" t="s">
        <v>147</v>
      </c>
      <c r="B21746" s="14" t="s">
        <v>1</v>
      </c>
      <c r="C21746" s="14" t="s">
        <v>99</v>
      </c>
      <c r="D21746" s="14" t="s">
        <v>14</v>
      </c>
      <c r="E21746" s="15">
        <v>45587</v>
      </c>
      <c r="F21746" s="14" t="s">
        <v>15</v>
      </c>
      <c r="G21746" s="16">
        <v>0</v>
      </c>
    </row>
    <row r="21747" spans="1:7" x14ac:dyDescent="0.3">
      <c r="A21747" s="13" t="s">
        <v>147</v>
      </c>
      <c r="B21747" s="14" t="s">
        <v>1</v>
      </c>
      <c r="C21747" s="14" t="s">
        <v>99</v>
      </c>
      <c r="D21747" s="14" t="s">
        <v>14</v>
      </c>
      <c r="E21747" s="15">
        <v>45588</v>
      </c>
      <c r="F21747" s="14" t="s">
        <v>15</v>
      </c>
      <c r="G21747" s="16">
        <v>0</v>
      </c>
    </row>
    <row r="21748" spans="1:7" x14ac:dyDescent="0.3">
      <c r="A21748" s="13" t="s">
        <v>147</v>
      </c>
      <c r="B21748" s="14" t="s">
        <v>1</v>
      </c>
      <c r="C21748" s="14" t="s">
        <v>99</v>
      </c>
      <c r="D21748" s="14" t="s">
        <v>14</v>
      </c>
      <c r="E21748" s="15">
        <v>45589</v>
      </c>
      <c r="F21748" s="14" t="s">
        <v>15</v>
      </c>
      <c r="G21748" s="16">
        <v>0</v>
      </c>
    </row>
    <row r="21749" spans="1:7" x14ac:dyDescent="0.3">
      <c r="A21749" s="13" t="s">
        <v>147</v>
      </c>
      <c r="B21749" s="14" t="s">
        <v>1</v>
      </c>
      <c r="C21749" s="14" t="s">
        <v>99</v>
      </c>
      <c r="D21749" s="14" t="s">
        <v>14</v>
      </c>
      <c r="E21749" s="15">
        <v>45590</v>
      </c>
      <c r="F21749" s="14" t="s">
        <v>15</v>
      </c>
      <c r="G21749" s="16">
        <v>0</v>
      </c>
    </row>
    <row r="21750" spans="1:7" x14ac:dyDescent="0.3">
      <c r="A21750" s="13" t="s">
        <v>147</v>
      </c>
      <c r="B21750" s="14" t="s">
        <v>1</v>
      </c>
      <c r="C21750" s="14" t="s">
        <v>99</v>
      </c>
      <c r="D21750" s="14" t="s">
        <v>14</v>
      </c>
      <c r="E21750" s="15">
        <v>45591</v>
      </c>
      <c r="F21750" s="14" t="s">
        <v>15</v>
      </c>
      <c r="G21750" s="16">
        <v>0</v>
      </c>
    </row>
    <row r="21751" spans="1:7" x14ac:dyDescent="0.3">
      <c r="A21751" s="13" t="s">
        <v>147</v>
      </c>
      <c r="B21751" s="14" t="s">
        <v>1</v>
      </c>
      <c r="C21751" s="14" t="s">
        <v>99</v>
      </c>
      <c r="D21751" s="14" t="s">
        <v>14</v>
      </c>
      <c r="E21751" s="15">
        <v>45592</v>
      </c>
      <c r="F21751" s="14" t="s">
        <v>15</v>
      </c>
      <c r="G21751" s="16">
        <v>0</v>
      </c>
    </row>
    <row r="21752" spans="1:7" x14ac:dyDescent="0.3">
      <c r="A21752" s="13" t="s">
        <v>147</v>
      </c>
      <c r="B21752" s="14" t="s">
        <v>1</v>
      </c>
      <c r="C21752" s="14" t="s">
        <v>99</v>
      </c>
      <c r="D21752" s="14" t="s">
        <v>14</v>
      </c>
      <c r="E21752" s="15">
        <v>45593</v>
      </c>
      <c r="F21752" s="14" t="s">
        <v>15</v>
      </c>
      <c r="G21752" s="16">
        <v>0</v>
      </c>
    </row>
    <row r="21753" spans="1:7" x14ac:dyDescent="0.3">
      <c r="A21753" s="13" t="s">
        <v>147</v>
      </c>
      <c r="B21753" s="14" t="s">
        <v>1</v>
      </c>
      <c r="C21753" s="14" t="s">
        <v>99</v>
      </c>
      <c r="D21753" s="14" t="s">
        <v>14</v>
      </c>
      <c r="E21753" s="15">
        <v>45594</v>
      </c>
      <c r="F21753" s="14" t="s">
        <v>15</v>
      </c>
      <c r="G21753" s="16">
        <v>0</v>
      </c>
    </row>
    <row r="21754" spans="1:7" x14ac:dyDescent="0.3">
      <c r="A21754" s="13" t="s">
        <v>147</v>
      </c>
      <c r="B21754" s="14" t="s">
        <v>1</v>
      </c>
      <c r="C21754" s="14" t="s">
        <v>99</v>
      </c>
      <c r="D21754" s="14" t="s">
        <v>14</v>
      </c>
      <c r="E21754" s="15">
        <v>45595</v>
      </c>
      <c r="F21754" s="14" t="s">
        <v>15</v>
      </c>
      <c r="G21754" s="16">
        <v>0</v>
      </c>
    </row>
    <row r="21755" spans="1:7" x14ac:dyDescent="0.3">
      <c r="A21755" s="13" t="s">
        <v>147</v>
      </c>
      <c r="B21755" s="14" t="s">
        <v>1</v>
      </c>
      <c r="C21755" s="14" t="s">
        <v>99</v>
      </c>
      <c r="D21755" s="14" t="s">
        <v>14</v>
      </c>
      <c r="E21755" s="15">
        <v>45596</v>
      </c>
      <c r="F21755" s="14" t="s">
        <v>15</v>
      </c>
      <c r="G21755" s="16">
        <v>0</v>
      </c>
    </row>
    <row r="21756" spans="1:7" x14ac:dyDescent="0.3">
      <c r="A21756" s="13" t="s">
        <v>147</v>
      </c>
      <c r="B21756" s="14" t="s">
        <v>1</v>
      </c>
      <c r="C21756" s="14" t="s">
        <v>99</v>
      </c>
      <c r="D21756" s="14" t="s">
        <v>14</v>
      </c>
      <c r="E21756" s="15">
        <v>45597</v>
      </c>
      <c r="F21756" s="14" t="s">
        <v>15</v>
      </c>
      <c r="G21756" s="16">
        <v>0</v>
      </c>
    </row>
    <row r="21757" spans="1:7" x14ac:dyDescent="0.3">
      <c r="A21757" s="13" t="s">
        <v>147</v>
      </c>
      <c r="B21757" s="14" t="s">
        <v>1</v>
      </c>
      <c r="C21757" s="14" t="s">
        <v>99</v>
      </c>
      <c r="D21757" s="14" t="s">
        <v>14</v>
      </c>
      <c r="E21757" s="15">
        <v>45598</v>
      </c>
      <c r="F21757" s="14" t="s">
        <v>15</v>
      </c>
      <c r="G21757" s="16">
        <v>0</v>
      </c>
    </row>
    <row r="21758" spans="1:7" x14ac:dyDescent="0.3">
      <c r="A21758" s="13" t="s">
        <v>147</v>
      </c>
      <c r="B21758" s="14" t="s">
        <v>1</v>
      </c>
      <c r="C21758" s="14" t="s">
        <v>99</v>
      </c>
      <c r="D21758" s="14" t="s">
        <v>14</v>
      </c>
      <c r="E21758" s="15">
        <v>45599</v>
      </c>
      <c r="F21758" s="14" t="s">
        <v>15</v>
      </c>
      <c r="G21758" s="16">
        <v>0</v>
      </c>
    </row>
    <row r="21759" spans="1:7" x14ac:dyDescent="0.3">
      <c r="A21759" s="13" t="s">
        <v>147</v>
      </c>
      <c r="B21759" s="14" t="s">
        <v>1</v>
      </c>
      <c r="C21759" s="14" t="s">
        <v>99</v>
      </c>
      <c r="D21759" s="14" t="s">
        <v>14</v>
      </c>
      <c r="E21759" s="15">
        <v>45600</v>
      </c>
      <c r="F21759" s="14" t="s">
        <v>15</v>
      </c>
      <c r="G21759" s="16">
        <v>0</v>
      </c>
    </row>
    <row r="21760" spans="1:7" x14ac:dyDescent="0.3">
      <c r="A21760" s="13" t="s">
        <v>147</v>
      </c>
      <c r="B21760" s="14" t="s">
        <v>1</v>
      </c>
      <c r="C21760" s="14" t="s">
        <v>99</v>
      </c>
      <c r="D21760" s="14" t="s">
        <v>14</v>
      </c>
      <c r="E21760" s="15">
        <v>45601</v>
      </c>
      <c r="F21760" s="14" t="s">
        <v>15</v>
      </c>
      <c r="G21760" s="16">
        <v>0</v>
      </c>
    </row>
    <row r="21761" spans="1:7" x14ac:dyDescent="0.3">
      <c r="A21761" s="13" t="s">
        <v>147</v>
      </c>
      <c r="B21761" s="14" t="s">
        <v>1</v>
      </c>
      <c r="C21761" s="14" t="s">
        <v>99</v>
      </c>
      <c r="D21761" s="14" t="s">
        <v>14</v>
      </c>
      <c r="E21761" s="15">
        <v>45602</v>
      </c>
      <c r="F21761" s="14" t="s">
        <v>15</v>
      </c>
      <c r="G21761" s="16">
        <v>0</v>
      </c>
    </row>
    <row r="21762" spans="1:7" x14ac:dyDescent="0.3">
      <c r="A21762" s="13" t="s">
        <v>147</v>
      </c>
      <c r="B21762" s="14" t="s">
        <v>1</v>
      </c>
      <c r="C21762" s="14" t="s">
        <v>99</v>
      </c>
      <c r="D21762" s="14" t="s">
        <v>14</v>
      </c>
      <c r="E21762" s="15">
        <v>45603</v>
      </c>
      <c r="F21762" s="14" t="s">
        <v>15</v>
      </c>
      <c r="G21762" s="16">
        <v>0</v>
      </c>
    </row>
    <row r="21763" spans="1:7" x14ac:dyDescent="0.3">
      <c r="A21763" s="13" t="s">
        <v>147</v>
      </c>
      <c r="B21763" s="14" t="s">
        <v>1</v>
      </c>
      <c r="C21763" s="14" t="s">
        <v>99</v>
      </c>
      <c r="D21763" s="14" t="s">
        <v>14</v>
      </c>
      <c r="E21763" s="15">
        <v>45604</v>
      </c>
      <c r="F21763" s="14" t="s">
        <v>15</v>
      </c>
      <c r="G21763" s="16">
        <v>0</v>
      </c>
    </row>
    <row r="21764" spans="1:7" x14ac:dyDescent="0.3">
      <c r="A21764" s="13" t="s">
        <v>147</v>
      </c>
      <c r="B21764" s="14" t="s">
        <v>1</v>
      </c>
      <c r="C21764" s="14" t="s">
        <v>99</v>
      </c>
      <c r="D21764" s="14" t="s">
        <v>14</v>
      </c>
      <c r="E21764" s="15">
        <v>45605</v>
      </c>
      <c r="F21764" s="14" t="s">
        <v>15</v>
      </c>
      <c r="G21764" s="16">
        <v>0</v>
      </c>
    </row>
    <row r="21765" spans="1:7" x14ac:dyDescent="0.3">
      <c r="A21765" s="13" t="s">
        <v>147</v>
      </c>
      <c r="B21765" s="14" t="s">
        <v>1</v>
      </c>
      <c r="C21765" s="14" t="s">
        <v>99</v>
      </c>
      <c r="D21765" s="14" t="s">
        <v>14</v>
      </c>
      <c r="E21765" s="15">
        <v>45606</v>
      </c>
      <c r="F21765" s="14" t="s">
        <v>15</v>
      </c>
      <c r="G21765" s="16">
        <v>0</v>
      </c>
    </row>
    <row r="21766" spans="1:7" x14ac:dyDescent="0.3">
      <c r="A21766" s="13" t="s">
        <v>147</v>
      </c>
      <c r="B21766" s="14" t="s">
        <v>1</v>
      </c>
      <c r="C21766" s="14" t="s">
        <v>99</v>
      </c>
      <c r="D21766" s="14" t="s">
        <v>14</v>
      </c>
      <c r="E21766" s="15">
        <v>45607</v>
      </c>
      <c r="F21766" s="14" t="s">
        <v>15</v>
      </c>
      <c r="G21766" s="16">
        <v>0</v>
      </c>
    </row>
    <row r="21767" spans="1:7" x14ac:dyDescent="0.3">
      <c r="A21767" s="13" t="s">
        <v>147</v>
      </c>
      <c r="B21767" s="14" t="s">
        <v>1</v>
      </c>
      <c r="C21767" s="14" t="s">
        <v>99</v>
      </c>
      <c r="D21767" s="14" t="s">
        <v>14</v>
      </c>
      <c r="E21767" s="15">
        <v>45608</v>
      </c>
      <c r="F21767" s="14" t="s">
        <v>15</v>
      </c>
      <c r="G21767" s="16">
        <v>0</v>
      </c>
    </row>
    <row r="21768" spans="1:7" x14ac:dyDescent="0.3">
      <c r="A21768" s="13" t="s">
        <v>147</v>
      </c>
      <c r="B21768" s="14" t="s">
        <v>1</v>
      </c>
      <c r="C21768" s="14" t="s">
        <v>99</v>
      </c>
      <c r="D21768" s="14" t="s">
        <v>14</v>
      </c>
      <c r="E21768" s="15">
        <v>45609</v>
      </c>
      <c r="F21768" s="14" t="s">
        <v>15</v>
      </c>
      <c r="G21768" s="16">
        <v>0</v>
      </c>
    </row>
    <row r="21769" spans="1:7" x14ac:dyDescent="0.3">
      <c r="A21769" s="13" t="s">
        <v>147</v>
      </c>
      <c r="B21769" s="14" t="s">
        <v>1</v>
      </c>
      <c r="C21769" s="14" t="s">
        <v>99</v>
      </c>
      <c r="D21769" s="14" t="s">
        <v>14</v>
      </c>
      <c r="E21769" s="15">
        <v>45610</v>
      </c>
      <c r="F21769" s="14" t="s">
        <v>15</v>
      </c>
      <c r="G21769" s="16">
        <v>0</v>
      </c>
    </row>
    <row r="21770" spans="1:7" x14ac:dyDescent="0.3">
      <c r="A21770" s="13" t="s">
        <v>147</v>
      </c>
      <c r="B21770" s="14" t="s">
        <v>1</v>
      </c>
      <c r="C21770" s="14" t="s">
        <v>99</v>
      </c>
      <c r="D21770" s="14" t="s">
        <v>14</v>
      </c>
      <c r="E21770" s="15">
        <v>45611</v>
      </c>
      <c r="F21770" s="14" t="s">
        <v>15</v>
      </c>
      <c r="G21770" s="16">
        <v>0</v>
      </c>
    </row>
    <row r="21771" spans="1:7" x14ac:dyDescent="0.3">
      <c r="A21771" s="13" t="s">
        <v>147</v>
      </c>
      <c r="B21771" s="14" t="s">
        <v>1</v>
      </c>
      <c r="C21771" s="14" t="s">
        <v>99</v>
      </c>
      <c r="D21771" s="14" t="s">
        <v>14</v>
      </c>
      <c r="E21771" s="15">
        <v>45612</v>
      </c>
      <c r="F21771" s="14" t="s">
        <v>15</v>
      </c>
      <c r="G21771" s="16">
        <v>0</v>
      </c>
    </row>
    <row r="21772" spans="1:7" x14ac:dyDescent="0.3">
      <c r="A21772" s="13" t="s">
        <v>147</v>
      </c>
      <c r="B21772" s="14" t="s">
        <v>1</v>
      </c>
      <c r="C21772" s="14" t="s">
        <v>99</v>
      </c>
      <c r="D21772" s="14" t="s">
        <v>14</v>
      </c>
      <c r="E21772" s="15">
        <v>45613</v>
      </c>
      <c r="F21772" s="14" t="s">
        <v>15</v>
      </c>
      <c r="G21772" s="16">
        <v>0</v>
      </c>
    </row>
    <row r="21773" spans="1:7" x14ac:dyDescent="0.3">
      <c r="A21773" s="13" t="s">
        <v>147</v>
      </c>
      <c r="B21773" s="14" t="s">
        <v>1</v>
      </c>
      <c r="C21773" s="14" t="s">
        <v>99</v>
      </c>
      <c r="D21773" s="14" t="s">
        <v>14</v>
      </c>
      <c r="E21773" s="15">
        <v>45614</v>
      </c>
      <c r="F21773" s="14" t="s">
        <v>15</v>
      </c>
      <c r="G21773" s="16">
        <v>0</v>
      </c>
    </row>
    <row r="21774" spans="1:7" x14ac:dyDescent="0.3">
      <c r="A21774" s="13" t="s">
        <v>147</v>
      </c>
      <c r="B21774" s="14" t="s">
        <v>1</v>
      </c>
      <c r="C21774" s="14" t="s">
        <v>99</v>
      </c>
      <c r="D21774" s="14" t="s">
        <v>14</v>
      </c>
      <c r="E21774" s="15">
        <v>45615</v>
      </c>
      <c r="F21774" s="14" t="s">
        <v>15</v>
      </c>
      <c r="G21774" s="16">
        <v>0</v>
      </c>
    </row>
    <row r="21775" spans="1:7" x14ac:dyDescent="0.3">
      <c r="A21775" s="13" t="s">
        <v>147</v>
      </c>
      <c r="B21775" s="14" t="s">
        <v>1</v>
      </c>
      <c r="C21775" s="14" t="s">
        <v>99</v>
      </c>
      <c r="D21775" s="14" t="s">
        <v>14</v>
      </c>
      <c r="E21775" s="15">
        <v>45616</v>
      </c>
      <c r="F21775" s="14" t="s">
        <v>15</v>
      </c>
      <c r="G21775" s="16">
        <v>0</v>
      </c>
    </row>
    <row r="21776" spans="1:7" x14ac:dyDescent="0.3">
      <c r="A21776" s="13" t="s">
        <v>147</v>
      </c>
      <c r="B21776" s="14" t="s">
        <v>1</v>
      </c>
      <c r="C21776" s="14" t="s">
        <v>99</v>
      </c>
      <c r="D21776" s="14" t="s">
        <v>14</v>
      </c>
      <c r="E21776" s="15">
        <v>45617</v>
      </c>
      <c r="F21776" s="14" t="s">
        <v>15</v>
      </c>
      <c r="G21776" s="16">
        <v>0</v>
      </c>
    </row>
    <row r="21777" spans="1:7" x14ac:dyDescent="0.3">
      <c r="A21777" s="13" t="s">
        <v>147</v>
      </c>
      <c r="B21777" s="14" t="s">
        <v>1</v>
      </c>
      <c r="C21777" s="14" t="s">
        <v>99</v>
      </c>
      <c r="D21777" s="14" t="s">
        <v>14</v>
      </c>
      <c r="E21777" s="15">
        <v>45618</v>
      </c>
      <c r="F21777" s="14" t="s">
        <v>15</v>
      </c>
      <c r="G21777" s="16">
        <v>0</v>
      </c>
    </row>
    <row r="21778" spans="1:7" x14ac:dyDescent="0.3">
      <c r="A21778" s="13" t="s">
        <v>147</v>
      </c>
      <c r="B21778" s="14" t="s">
        <v>1</v>
      </c>
      <c r="C21778" s="14" t="s">
        <v>99</v>
      </c>
      <c r="D21778" s="14" t="s">
        <v>14</v>
      </c>
      <c r="E21778" s="15">
        <v>45619</v>
      </c>
      <c r="F21778" s="14" t="s">
        <v>15</v>
      </c>
      <c r="G21778" s="16">
        <v>0</v>
      </c>
    </row>
    <row r="21779" spans="1:7" x14ac:dyDescent="0.3">
      <c r="A21779" s="13" t="s">
        <v>147</v>
      </c>
      <c r="B21779" s="14" t="s">
        <v>1</v>
      </c>
      <c r="C21779" s="14" t="s">
        <v>99</v>
      </c>
      <c r="D21779" s="14" t="s">
        <v>14</v>
      </c>
      <c r="E21779" s="15">
        <v>45620</v>
      </c>
      <c r="F21779" s="14" t="s">
        <v>15</v>
      </c>
      <c r="G21779" s="16">
        <v>0</v>
      </c>
    </row>
    <row r="21780" spans="1:7" x14ac:dyDescent="0.3">
      <c r="A21780" s="13" t="s">
        <v>147</v>
      </c>
      <c r="B21780" s="14" t="s">
        <v>1</v>
      </c>
      <c r="C21780" s="14" t="s">
        <v>99</v>
      </c>
      <c r="D21780" s="14" t="s">
        <v>14</v>
      </c>
      <c r="E21780" s="15">
        <v>45621</v>
      </c>
      <c r="F21780" s="14" t="s">
        <v>15</v>
      </c>
      <c r="G21780" s="16">
        <v>0</v>
      </c>
    </row>
    <row r="21781" spans="1:7" x14ac:dyDescent="0.3">
      <c r="A21781" s="13" t="s">
        <v>147</v>
      </c>
      <c r="B21781" s="14" t="s">
        <v>1</v>
      </c>
      <c r="C21781" s="14" t="s">
        <v>99</v>
      </c>
      <c r="D21781" s="14" t="s">
        <v>14</v>
      </c>
      <c r="E21781" s="15">
        <v>45622</v>
      </c>
      <c r="F21781" s="14" t="s">
        <v>15</v>
      </c>
      <c r="G21781" s="16">
        <v>0</v>
      </c>
    </row>
    <row r="21782" spans="1:7" x14ac:dyDescent="0.3">
      <c r="A21782" s="13" t="s">
        <v>147</v>
      </c>
      <c r="B21782" s="14" t="s">
        <v>1</v>
      </c>
      <c r="C21782" s="14" t="s">
        <v>99</v>
      </c>
      <c r="D21782" s="14" t="s">
        <v>14</v>
      </c>
      <c r="E21782" s="15">
        <v>45623</v>
      </c>
      <c r="F21782" s="14" t="s">
        <v>15</v>
      </c>
      <c r="G21782" s="16">
        <v>0</v>
      </c>
    </row>
    <row r="21783" spans="1:7" x14ac:dyDescent="0.3">
      <c r="A21783" s="13" t="s">
        <v>147</v>
      </c>
      <c r="B21783" s="14" t="s">
        <v>1</v>
      </c>
      <c r="C21783" s="14" t="s">
        <v>99</v>
      </c>
      <c r="D21783" s="14" t="s">
        <v>14</v>
      </c>
      <c r="E21783" s="15">
        <v>45624</v>
      </c>
      <c r="F21783" s="14" t="s">
        <v>15</v>
      </c>
      <c r="G21783" s="16">
        <v>0</v>
      </c>
    </row>
    <row r="21784" spans="1:7" x14ac:dyDescent="0.3">
      <c r="A21784" s="13" t="s">
        <v>147</v>
      </c>
      <c r="B21784" s="14" t="s">
        <v>1</v>
      </c>
      <c r="C21784" s="14" t="s">
        <v>99</v>
      </c>
      <c r="D21784" s="14" t="s">
        <v>14</v>
      </c>
      <c r="E21784" s="15">
        <v>45625</v>
      </c>
      <c r="F21784" s="14" t="s">
        <v>15</v>
      </c>
      <c r="G21784" s="16">
        <v>0</v>
      </c>
    </row>
    <row r="21785" spans="1:7" x14ac:dyDescent="0.3">
      <c r="A21785" s="13" t="s">
        <v>147</v>
      </c>
      <c r="B21785" s="14" t="s">
        <v>1</v>
      </c>
      <c r="C21785" s="14" t="s">
        <v>99</v>
      </c>
      <c r="D21785" s="14" t="s">
        <v>14</v>
      </c>
      <c r="E21785" s="15">
        <v>45626</v>
      </c>
      <c r="F21785" s="14" t="s">
        <v>15</v>
      </c>
      <c r="G21785" s="16">
        <v>0</v>
      </c>
    </row>
    <row r="21786" spans="1:7" x14ac:dyDescent="0.3">
      <c r="A21786" s="13" t="s">
        <v>147</v>
      </c>
      <c r="B21786" s="14" t="s">
        <v>1</v>
      </c>
      <c r="C21786" s="14" t="s">
        <v>99</v>
      </c>
      <c r="D21786" s="14" t="s">
        <v>14</v>
      </c>
      <c r="E21786" s="15">
        <v>45627</v>
      </c>
      <c r="F21786" s="14" t="s">
        <v>15</v>
      </c>
      <c r="G21786" s="16">
        <v>0</v>
      </c>
    </row>
    <row r="21787" spans="1:7" x14ac:dyDescent="0.3">
      <c r="A21787" s="13" t="s">
        <v>147</v>
      </c>
      <c r="B21787" s="14" t="s">
        <v>1</v>
      </c>
      <c r="C21787" s="14" t="s">
        <v>99</v>
      </c>
      <c r="D21787" s="14" t="s">
        <v>14</v>
      </c>
      <c r="E21787" s="15">
        <v>45628</v>
      </c>
      <c r="F21787" s="14" t="s">
        <v>15</v>
      </c>
      <c r="G21787" s="16">
        <v>0</v>
      </c>
    </row>
    <row r="21788" spans="1:7" x14ac:dyDescent="0.3">
      <c r="A21788" s="13" t="s">
        <v>147</v>
      </c>
      <c r="B21788" s="14" t="s">
        <v>1</v>
      </c>
      <c r="C21788" s="14" t="s">
        <v>99</v>
      </c>
      <c r="D21788" s="14" t="s">
        <v>14</v>
      </c>
      <c r="E21788" s="15">
        <v>45629</v>
      </c>
      <c r="F21788" s="14" t="s">
        <v>15</v>
      </c>
      <c r="G21788" s="16">
        <v>0</v>
      </c>
    </row>
    <row r="21789" spans="1:7" x14ac:dyDescent="0.3">
      <c r="A21789" s="13" t="s">
        <v>147</v>
      </c>
      <c r="B21789" s="14" t="s">
        <v>1</v>
      </c>
      <c r="C21789" s="14" t="s">
        <v>99</v>
      </c>
      <c r="D21789" s="14" t="s">
        <v>14</v>
      </c>
      <c r="E21789" s="15">
        <v>45630</v>
      </c>
      <c r="F21789" s="14" t="s">
        <v>15</v>
      </c>
      <c r="G21789" s="16">
        <v>0</v>
      </c>
    </row>
    <row r="21790" spans="1:7" x14ac:dyDescent="0.3">
      <c r="A21790" s="13" t="s">
        <v>147</v>
      </c>
      <c r="B21790" s="14" t="s">
        <v>1</v>
      </c>
      <c r="C21790" s="14" t="s">
        <v>99</v>
      </c>
      <c r="D21790" s="14" t="s">
        <v>14</v>
      </c>
      <c r="E21790" s="15">
        <v>45631</v>
      </c>
      <c r="F21790" s="14" t="s">
        <v>15</v>
      </c>
      <c r="G21790" s="16">
        <v>0</v>
      </c>
    </row>
    <row r="21791" spans="1:7" x14ac:dyDescent="0.3">
      <c r="A21791" s="13" t="s">
        <v>147</v>
      </c>
      <c r="B21791" s="14" t="s">
        <v>1</v>
      </c>
      <c r="C21791" s="14" t="s">
        <v>99</v>
      </c>
      <c r="D21791" s="14" t="s">
        <v>14</v>
      </c>
      <c r="E21791" s="15">
        <v>45632</v>
      </c>
      <c r="F21791" s="14" t="s">
        <v>15</v>
      </c>
      <c r="G21791" s="16">
        <v>0</v>
      </c>
    </row>
    <row r="21792" spans="1:7" x14ac:dyDescent="0.3">
      <c r="A21792" s="13" t="s">
        <v>147</v>
      </c>
      <c r="B21792" s="14" t="s">
        <v>1</v>
      </c>
      <c r="C21792" s="14" t="s">
        <v>99</v>
      </c>
      <c r="D21792" s="14" t="s">
        <v>14</v>
      </c>
      <c r="E21792" s="15">
        <v>45633</v>
      </c>
      <c r="F21792" s="14" t="s">
        <v>15</v>
      </c>
      <c r="G21792" s="16">
        <v>0</v>
      </c>
    </row>
    <row r="21793" spans="1:7" x14ac:dyDescent="0.3">
      <c r="A21793" s="13" t="s">
        <v>147</v>
      </c>
      <c r="B21793" s="14" t="s">
        <v>1</v>
      </c>
      <c r="C21793" s="14" t="s">
        <v>99</v>
      </c>
      <c r="D21793" s="14" t="s">
        <v>14</v>
      </c>
      <c r="E21793" s="15">
        <v>45634</v>
      </c>
      <c r="F21793" s="14" t="s">
        <v>15</v>
      </c>
      <c r="G21793" s="16">
        <v>0</v>
      </c>
    </row>
    <row r="21794" spans="1:7" x14ac:dyDescent="0.3">
      <c r="A21794" s="13" t="s">
        <v>147</v>
      </c>
      <c r="B21794" s="14" t="s">
        <v>1</v>
      </c>
      <c r="C21794" s="14" t="s">
        <v>99</v>
      </c>
      <c r="D21794" s="14" t="s">
        <v>14</v>
      </c>
      <c r="E21794" s="15">
        <v>45635</v>
      </c>
      <c r="F21794" s="14" t="s">
        <v>15</v>
      </c>
      <c r="G21794" s="16">
        <v>0</v>
      </c>
    </row>
    <row r="21795" spans="1:7" x14ac:dyDescent="0.3">
      <c r="A21795" s="13" t="s">
        <v>147</v>
      </c>
      <c r="B21795" s="14" t="s">
        <v>1</v>
      </c>
      <c r="C21795" s="14" t="s">
        <v>99</v>
      </c>
      <c r="D21795" s="14" t="s">
        <v>14</v>
      </c>
      <c r="E21795" s="15">
        <v>45636</v>
      </c>
      <c r="F21795" s="14" t="s">
        <v>15</v>
      </c>
      <c r="G21795" s="16">
        <v>0</v>
      </c>
    </row>
    <row r="21796" spans="1:7" x14ac:dyDescent="0.3">
      <c r="A21796" s="13" t="s">
        <v>147</v>
      </c>
      <c r="B21796" s="14" t="s">
        <v>1</v>
      </c>
      <c r="C21796" s="14" t="s">
        <v>99</v>
      </c>
      <c r="D21796" s="14" t="s">
        <v>14</v>
      </c>
      <c r="E21796" s="15">
        <v>45637</v>
      </c>
      <c r="F21796" s="14" t="s">
        <v>15</v>
      </c>
      <c r="G21796" s="16">
        <v>0</v>
      </c>
    </row>
    <row r="21797" spans="1:7" x14ac:dyDescent="0.3">
      <c r="A21797" s="13" t="s">
        <v>147</v>
      </c>
      <c r="B21797" s="14" t="s">
        <v>1</v>
      </c>
      <c r="C21797" s="14" t="s">
        <v>99</v>
      </c>
      <c r="D21797" s="14" t="s">
        <v>14</v>
      </c>
      <c r="E21797" s="15">
        <v>45638</v>
      </c>
      <c r="F21797" s="14" t="s">
        <v>15</v>
      </c>
      <c r="G21797" s="16">
        <v>0</v>
      </c>
    </row>
    <row r="21798" spans="1:7" x14ac:dyDescent="0.3">
      <c r="A21798" s="13" t="s">
        <v>147</v>
      </c>
      <c r="B21798" s="14" t="s">
        <v>1</v>
      </c>
      <c r="C21798" s="14" t="s">
        <v>99</v>
      </c>
      <c r="D21798" s="14" t="s">
        <v>14</v>
      </c>
      <c r="E21798" s="15">
        <v>45639</v>
      </c>
      <c r="F21798" s="14" t="s">
        <v>15</v>
      </c>
      <c r="G21798" s="16">
        <v>0</v>
      </c>
    </row>
    <row r="21799" spans="1:7" x14ac:dyDescent="0.3">
      <c r="A21799" s="13" t="s">
        <v>147</v>
      </c>
      <c r="B21799" s="14" t="s">
        <v>1</v>
      </c>
      <c r="C21799" s="14" t="s">
        <v>99</v>
      </c>
      <c r="D21799" s="14" t="s">
        <v>14</v>
      </c>
      <c r="E21799" s="15">
        <v>45640</v>
      </c>
      <c r="F21799" s="14" t="s">
        <v>15</v>
      </c>
      <c r="G21799" s="16">
        <v>0</v>
      </c>
    </row>
    <row r="21800" spans="1:7" x14ac:dyDescent="0.3">
      <c r="A21800" s="13" t="s">
        <v>147</v>
      </c>
      <c r="B21800" s="14" t="s">
        <v>1</v>
      </c>
      <c r="C21800" s="14" t="s">
        <v>99</v>
      </c>
      <c r="D21800" s="14" t="s">
        <v>14</v>
      </c>
      <c r="E21800" s="15">
        <v>45641</v>
      </c>
      <c r="F21800" s="14" t="s">
        <v>15</v>
      </c>
      <c r="G21800" s="16">
        <v>0</v>
      </c>
    </row>
    <row r="21801" spans="1:7" x14ac:dyDescent="0.3">
      <c r="A21801" s="13" t="s">
        <v>147</v>
      </c>
      <c r="B21801" s="14" t="s">
        <v>1</v>
      </c>
      <c r="C21801" s="14" t="s">
        <v>99</v>
      </c>
      <c r="D21801" s="14" t="s">
        <v>14</v>
      </c>
      <c r="E21801" s="15">
        <v>45642</v>
      </c>
      <c r="F21801" s="14" t="s">
        <v>15</v>
      </c>
      <c r="G21801" s="16">
        <v>0</v>
      </c>
    </row>
    <row r="21802" spans="1:7" x14ac:dyDescent="0.3">
      <c r="A21802" s="13" t="s">
        <v>147</v>
      </c>
      <c r="B21802" s="14" t="s">
        <v>1</v>
      </c>
      <c r="C21802" s="14" t="s">
        <v>99</v>
      </c>
      <c r="D21802" s="14" t="s">
        <v>14</v>
      </c>
      <c r="E21802" s="15">
        <v>45643</v>
      </c>
      <c r="F21802" s="14" t="s">
        <v>15</v>
      </c>
      <c r="G21802" s="16">
        <v>0</v>
      </c>
    </row>
    <row r="21803" spans="1:7" x14ac:dyDescent="0.3">
      <c r="A21803" s="13" t="s">
        <v>147</v>
      </c>
      <c r="B21803" s="14" t="s">
        <v>1</v>
      </c>
      <c r="C21803" s="14" t="s">
        <v>99</v>
      </c>
      <c r="D21803" s="14" t="s">
        <v>14</v>
      </c>
      <c r="E21803" s="15">
        <v>45644</v>
      </c>
      <c r="F21803" s="14" t="s">
        <v>15</v>
      </c>
      <c r="G21803" s="16">
        <v>0</v>
      </c>
    </row>
    <row r="21804" spans="1:7" x14ac:dyDescent="0.3">
      <c r="A21804" s="13" t="s">
        <v>147</v>
      </c>
      <c r="B21804" s="14" t="s">
        <v>1</v>
      </c>
      <c r="C21804" s="14" t="s">
        <v>99</v>
      </c>
      <c r="D21804" s="14" t="s">
        <v>14</v>
      </c>
      <c r="E21804" s="15">
        <v>45645</v>
      </c>
      <c r="F21804" s="14" t="s">
        <v>15</v>
      </c>
      <c r="G21804" s="16">
        <v>0</v>
      </c>
    </row>
    <row r="21805" spans="1:7" x14ac:dyDescent="0.3">
      <c r="A21805" s="13" t="s">
        <v>147</v>
      </c>
      <c r="B21805" s="14" t="s">
        <v>1</v>
      </c>
      <c r="C21805" s="14" t="s">
        <v>99</v>
      </c>
      <c r="D21805" s="14" t="s">
        <v>14</v>
      </c>
      <c r="E21805" s="15">
        <v>45646</v>
      </c>
      <c r="F21805" s="14" t="s">
        <v>15</v>
      </c>
      <c r="G21805" s="16">
        <v>0</v>
      </c>
    </row>
    <row r="21806" spans="1:7" x14ac:dyDescent="0.3">
      <c r="A21806" s="13" t="s">
        <v>147</v>
      </c>
      <c r="B21806" s="14" t="s">
        <v>1</v>
      </c>
      <c r="C21806" s="14" t="s">
        <v>99</v>
      </c>
      <c r="D21806" s="14" t="s">
        <v>14</v>
      </c>
      <c r="E21806" s="15">
        <v>45647</v>
      </c>
      <c r="F21806" s="14" t="s">
        <v>15</v>
      </c>
      <c r="G21806" s="16">
        <v>0</v>
      </c>
    </row>
    <row r="21807" spans="1:7" x14ac:dyDescent="0.3">
      <c r="A21807" s="13" t="s">
        <v>147</v>
      </c>
      <c r="B21807" s="14" t="s">
        <v>1</v>
      </c>
      <c r="C21807" s="14" t="s">
        <v>99</v>
      </c>
      <c r="D21807" s="14" t="s">
        <v>14</v>
      </c>
      <c r="E21807" s="15">
        <v>45648</v>
      </c>
      <c r="F21807" s="14" t="s">
        <v>15</v>
      </c>
      <c r="G21807" s="16">
        <v>0</v>
      </c>
    </row>
    <row r="21808" spans="1:7" x14ac:dyDescent="0.3">
      <c r="A21808" s="13" t="s">
        <v>147</v>
      </c>
      <c r="B21808" s="14" t="s">
        <v>1</v>
      </c>
      <c r="C21808" s="14" t="s">
        <v>99</v>
      </c>
      <c r="D21808" s="14" t="s">
        <v>14</v>
      </c>
      <c r="E21808" s="15">
        <v>45649</v>
      </c>
      <c r="F21808" s="14" t="s">
        <v>15</v>
      </c>
      <c r="G21808" s="16">
        <v>0</v>
      </c>
    </row>
    <row r="21809" spans="1:7" x14ac:dyDescent="0.3">
      <c r="A21809" s="13" t="s">
        <v>147</v>
      </c>
      <c r="B21809" s="14" t="s">
        <v>1</v>
      </c>
      <c r="C21809" s="14" t="s">
        <v>99</v>
      </c>
      <c r="D21809" s="14" t="s">
        <v>14</v>
      </c>
      <c r="E21809" s="15">
        <v>45650</v>
      </c>
      <c r="F21809" s="14" t="s">
        <v>15</v>
      </c>
      <c r="G21809" s="16">
        <v>0</v>
      </c>
    </row>
    <row r="21810" spans="1:7" x14ac:dyDescent="0.3">
      <c r="A21810" s="13" t="s">
        <v>147</v>
      </c>
      <c r="B21810" s="14" t="s">
        <v>1</v>
      </c>
      <c r="C21810" s="14" t="s">
        <v>99</v>
      </c>
      <c r="D21810" s="14" t="s">
        <v>14</v>
      </c>
      <c r="E21810" s="15">
        <v>45651</v>
      </c>
      <c r="F21810" s="14" t="s">
        <v>15</v>
      </c>
      <c r="G21810" s="16">
        <v>0</v>
      </c>
    </row>
    <row r="21811" spans="1:7" x14ac:dyDescent="0.3">
      <c r="A21811" s="13" t="s">
        <v>147</v>
      </c>
      <c r="B21811" s="14" t="s">
        <v>1</v>
      </c>
      <c r="C21811" s="14" t="s">
        <v>99</v>
      </c>
      <c r="D21811" s="14" t="s">
        <v>14</v>
      </c>
      <c r="E21811" s="15">
        <v>45652</v>
      </c>
      <c r="F21811" s="14" t="s">
        <v>15</v>
      </c>
      <c r="G21811" s="16">
        <v>0</v>
      </c>
    </row>
    <row r="21812" spans="1:7" x14ac:dyDescent="0.3">
      <c r="A21812" s="13" t="s">
        <v>147</v>
      </c>
      <c r="B21812" s="14" t="s">
        <v>1</v>
      </c>
      <c r="C21812" s="14" t="s">
        <v>99</v>
      </c>
      <c r="D21812" s="14" t="s">
        <v>14</v>
      </c>
      <c r="E21812" s="15">
        <v>45653</v>
      </c>
      <c r="F21812" s="14" t="s">
        <v>15</v>
      </c>
      <c r="G21812" s="16">
        <v>0</v>
      </c>
    </row>
    <row r="21813" spans="1:7" x14ac:dyDescent="0.3">
      <c r="A21813" s="13" t="s">
        <v>147</v>
      </c>
      <c r="B21813" s="14" t="s">
        <v>1</v>
      </c>
      <c r="C21813" s="14" t="s">
        <v>99</v>
      </c>
      <c r="D21813" s="14" t="s">
        <v>14</v>
      </c>
      <c r="E21813" s="15">
        <v>45654</v>
      </c>
      <c r="F21813" s="14" t="s">
        <v>15</v>
      </c>
      <c r="G21813" s="16">
        <v>0</v>
      </c>
    </row>
    <row r="21814" spans="1:7" x14ac:dyDescent="0.3">
      <c r="A21814" s="13" t="s">
        <v>147</v>
      </c>
      <c r="B21814" s="14" t="s">
        <v>1</v>
      </c>
      <c r="C21814" s="14" t="s">
        <v>99</v>
      </c>
      <c r="D21814" s="14" t="s">
        <v>14</v>
      </c>
      <c r="E21814" s="15">
        <v>45655</v>
      </c>
      <c r="F21814" s="14" t="s">
        <v>15</v>
      </c>
      <c r="G21814" s="16">
        <v>0</v>
      </c>
    </row>
    <row r="21815" spans="1:7" x14ac:dyDescent="0.3">
      <c r="A21815" s="13" t="s">
        <v>147</v>
      </c>
      <c r="B21815" s="14" t="s">
        <v>1</v>
      </c>
      <c r="C21815" s="14" t="s">
        <v>99</v>
      </c>
      <c r="D21815" s="14" t="s">
        <v>14</v>
      </c>
      <c r="E21815" s="15">
        <v>45656</v>
      </c>
      <c r="F21815" s="14" t="s">
        <v>15</v>
      </c>
      <c r="G21815" s="16">
        <v>0</v>
      </c>
    </row>
    <row r="21816" spans="1:7" x14ac:dyDescent="0.3">
      <c r="A21816" s="13" t="s">
        <v>147</v>
      </c>
      <c r="B21816" s="14" t="s">
        <v>1</v>
      </c>
      <c r="C21816" s="14" t="s">
        <v>99</v>
      </c>
      <c r="D21816" s="14" t="s">
        <v>14</v>
      </c>
      <c r="E21816" s="15">
        <v>45657</v>
      </c>
      <c r="F21816" s="14" t="s">
        <v>15</v>
      </c>
      <c r="G21816" s="16">
        <v>0</v>
      </c>
    </row>
    <row r="21817" spans="1:7" x14ac:dyDescent="0.3">
      <c r="A21817" s="13" t="s">
        <v>147</v>
      </c>
      <c r="B21817" s="14" t="s">
        <v>1</v>
      </c>
      <c r="C21817" s="14" t="s">
        <v>99</v>
      </c>
      <c r="D21817" s="14" t="s">
        <v>14</v>
      </c>
      <c r="E21817" s="15">
        <v>45658</v>
      </c>
      <c r="F21817" s="14" t="s">
        <v>15</v>
      </c>
      <c r="G21817" s="16">
        <v>0</v>
      </c>
    </row>
    <row r="21818" spans="1:7" x14ac:dyDescent="0.3">
      <c r="A21818" s="13" t="s">
        <v>147</v>
      </c>
      <c r="B21818" s="14" t="s">
        <v>1</v>
      </c>
      <c r="C21818" s="14" t="s">
        <v>99</v>
      </c>
      <c r="D21818" s="14" t="s">
        <v>14</v>
      </c>
      <c r="E21818" s="15">
        <v>45659</v>
      </c>
      <c r="F21818" s="14" t="s">
        <v>15</v>
      </c>
      <c r="G21818" s="16">
        <v>0</v>
      </c>
    </row>
    <row r="21819" spans="1:7" x14ac:dyDescent="0.3">
      <c r="A21819" s="13" t="s">
        <v>147</v>
      </c>
      <c r="B21819" s="14" t="s">
        <v>1</v>
      </c>
      <c r="C21819" s="14" t="s">
        <v>99</v>
      </c>
      <c r="D21819" s="14" t="s">
        <v>14</v>
      </c>
      <c r="E21819" s="15">
        <v>45660</v>
      </c>
      <c r="F21819" s="14" t="s">
        <v>15</v>
      </c>
      <c r="G21819" s="16">
        <v>0</v>
      </c>
    </row>
    <row r="21820" spans="1:7" x14ac:dyDescent="0.3">
      <c r="A21820" s="13" t="s">
        <v>147</v>
      </c>
      <c r="B21820" s="14" t="s">
        <v>1</v>
      </c>
      <c r="C21820" s="14" t="s">
        <v>99</v>
      </c>
      <c r="D21820" s="14" t="s">
        <v>14</v>
      </c>
      <c r="E21820" s="15">
        <v>45661</v>
      </c>
      <c r="F21820" s="14" t="s">
        <v>15</v>
      </c>
      <c r="G21820" s="16">
        <v>0</v>
      </c>
    </row>
    <row r="21821" spans="1:7" x14ac:dyDescent="0.3">
      <c r="A21821" s="13" t="s">
        <v>147</v>
      </c>
      <c r="B21821" s="14" t="s">
        <v>1</v>
      </c>
      <c r="C21821" s="14" t="s">
        <v>99</v>
      </c>
      <c r="D21821" s="14" t="s">
        <v>14</v>
      </c>
      <c r="E21821" s="15">
        <v>45662</v>
      </c>
      <c r="F21821" s="14" t="s">
        <v>15</v>
      </c>
      <c r="G21821" s="16">
        <v>0</v>
      </c>
    </row>
    <row r="21822" spans="1:7" x14ac:dyDescent="0.3">
      <c r="A21822" s="13" t="s">
        <v>147</v>
      </c>
      <c r="B21822" s="14" t="s">
        <v>1</v>
      </c>
      <c r="C21822" s="14" t="s">
        <v>99</v>
      </c>
      <c r="D21822" s="14" t="s">
        <v>14</v>
      </c>
      <c r="E21822" s="15">
        <v>45663</v>
      </c>
      <c r="F21822" s="14" t="s">
        <v>15</v>
      </c>
      <c r="G21822" s="16">
        <v>0</v>
      </c>
    </row>
    <row r="21823" spans="1:7" x14ac:dyDescent="0.3">
      <c r="A21823" s="13" t="s">
        <v>147</v>
      </c>
      <c r="B21823" s="14" t="s">
        <v>1</v>
      </c>
      <c r="C21823" s="14" t="s">
        <v>99</v>
      </c>
      <c r="D21823" s="14" t="s">
        <v>14</v>
      </c>
      <c r="E21823" s="15">
        <v>45664</v>
      </c>
      <c r="F21823" s="14" t="s">
        <v>15</v>
      </c>
      <c r="G21823" s="16">
        <v>0</v>
      </c>
    </row>
    <row r="21824" spans="1:7" x14ac:dyDescent="0.3">
      <c r="A21824" s="13" t="s">
        <v>147</v>
      </c>
      <c r="B21824" s="14" t="s">
        <v>1</v>
      </c>
      <c r="C21824" s="14" t="s">
        <v>99</v>
      </c>
      <c r="D21824" s="14" t="s">
        <v>14</v>
      </c>
      <c r="E21824" s="15">
        <v>45665</v>
      </c>
      <c r="F21824" s="14" t="s">
        <v>15</v>
      </c>
      <c r="G21824" s="16">
        <v>0</v>
      </c>
    </row>
    <row r="21825" spans="1:7" x14ac:dyDescent="0.3">
      <c r="A21825" s="13" t="s">
        <v>147</v>
      </c>
      <c r="B21825" s="14" t="s">
        <v>1</v>
      </c>
      <c r="C21825" s="14" t="s">
        <v>99</v>
      </c>
      <c r="D21825" s="14" t="s">
        <v>14</v>
      </c>
      <c r="E21825" s="15">
        <v>45666</v>
      </c>
      <c r="F21825" s="14" t="s">
        <v>15</v>
      </c>
      <c r="G21825" s="16">
        <v>0</v>
      </c>
    </row>
    <row r="21826" spans="1:7" x14ac:dyDescent="0.3">
      <c r="A21826" s="13" t="s">
        <v>147</v>
      </c>
      <c r="B21826" s="14" t="s">
        <v>1</v>
      </c>
      <c r="C21826" s="14" t="s">
        <v>99</v>
      </c>
      <c r="D21826" s="14" t="s">
        <v>14</v>
      </c>
      <c r="E21826" s="15">
        <v>45667</v>
      </c>
      <c r="F21826" s="14" t="s">
        <v>15</v>
      </c>
      <c r="G21826" s="16">
        <v>0</v>
      </c>
    </row>
    <row r="21827" spans="1:7" x14ac:dyDescent="0.3">
      <c r="A21827" s="13" t="s">
        <v>147</v>
      </c>
      <c r="B21827" s="14" t="s">
        <v>1</v>
      </c>
      <c r="C21827" s="14" t="s">
        <v>99</v>
      </c>
      <c r="D21827" s="14" t="s">
        <v>14</v>
      </c>
      <c r="E21827" s="15">
        <v>45668</v>
      </c>
      <c r="F21827" s="14" t="s">
        <v>15</v>
      </c>
      <c r="G21827" s="16">
        <v>0</v>
      </c>
    </row>
    <row r="21828" spans="1:7" x14ac:dyDescent="0.3">
      <c r="A21828" s="13" t="s">
        <v>147</v>
      </c>
      <c r="B21828" s="14" t="s">
        <v>1</v>
      </c>
      <c r="C21828" s="14" t="s">
        <v>99</v>
      </c>
      <c r="D21828" s="14" t="s">
        <v>14</v>
      </c>
      <c r="E21828" s="15">
        <v>45669</v>
      </c>
      <c r="F21828" s="14" t="s">
        <v>15</v>
      </c>
      <c r="G21828" s="16">
        <v>0</v>
      </c>
    </row>
    <row r="21829" spans="1:7" x14ac:dyDescent="0.3">
      <c r="A21829" s="13" t="s">
        <v>147</v>
      </c>
      <c r="B21829" s="14" t="s">
        <v>1</v>
      </c>
      <c r="C21829" s="14" t="s">
        <v>99</v>
      </c>
      <c r="D21829" s="14" t="s">
        <v>14</v>
      </c>
      <c r="E21829" s="15">
        <v>45670</v>
      </c>
      <c r="F21829" s="14" t="s">
        <v>15</v>
      </c>
      <c r="G21829" s="16">
        <v>0</v>
      </c>
    </row>
    <row r="21830" spans="1:7" x14ac:dyDescent="0.3">
      <c r="A21830" s="13" t="s">
        <v>147</v>
      </c>
      <c r="B21830" s="14" t="s">
        <v>1</v>
      </c>
      <c r="C21830" s="14" t="s">
        <v>99</v>
      </c>
      <c r="D21830" s="14" t="s">
        <v>14</v>
      </c>
      <c r="E21830" s="15">
        <v>45671</v>
      </c>
      <c r="F21830" s="14" t="s">
        <v>15</v>
      </c>
      <c r="G21830" s="16">
        <v>0</v>
      </c>
    </row>
    <row r="21831" spans="1:7" x14ac:dyDescent="0.3">
      <c r="A21831" s="13" t="s">
        <v>147</v>
      </c>
      <c r="B21831" s="14" t="s">
        <v>1</v>
      </c>
      <c r="C21831" s="14" t="s">
        <v>99</v>
      </c>
      <c r="D21831" s="14" t="s">
        <v>14</v>
      </c>
      <c r="E21831" s="15">
        <v>45672</v>
      </c>
      <c r="F21831" s="14" t="s">
        <v>15</v>
      </c>
      <c r="G21831" s="16">
        <v>0</v>
      </c>
    </row>
    <row r="21832" spans="1:7" x14ac:dyDescent="0.3">
      <c r="A21832" s="13" t="s">
        <v>147</v>
      </c>
      <c r="B21832" s="14" t="s">
        <v>1</v>
      </c>
      <c r="C21832" s="14" t="s">
        <v>99</v>
      </c>
      <c r="D21832" s="14" t="s">
        <v>14</v>
      </c>
      <c r="E21832" s="15">
        <v>45673</v>
      </c>
      <c r="F21832" s="14" t="s">
        <v>15</v>
      </c>
      <c r="G21832" s="16">
        <v>0</v>
      </c>
    </row>
    <row r="21833" spans="1:7" x14ac:dyDescent="0.3">
      <c r="A21833" s="13" t="s">
        <v>147</v>
      </c>
      <c r="B21833" s="14" t="s">
        <v>1</v>
      </c>
      <c r="C21833" s="14" t="s">
        <v>99</v>
      </c>
      <c r="D21833" s="14" t="s">
        <v>14</v>
      </c>
      <c r="E21833" s="15">
        <v>45674</v>
      </c>
      <c r="F21833" s="14" t="s">
        <v>15</v>
      </c>
      <c r="G21833" s="16">
        <v>0</v>
      </c>
    </row>
    <row r="21834" spans="1:7" x14ac:dyDescent="0.3">
      <c r="A21834" s="13" t="s">
        <v>147</v>
      </c>
      <c r="B21834" s="14" t="s">
        <v>1</v>
      </c>
      <c r="C21834" s="14" t="s">
        <v>99</v>
      </c>
      <c r="D21834" s="14" t="s">
        <v>14</v>
      </c>
      <c r="E21834" s="15">
        <v>45675</v>
      </c>
      <c r="F21834" s="14" t="s">
        <v>15</v>
      </c>
      <c r="G21834" s="16">
        <v>0</v>
      </c>
    </row>
    <row r="21835" spans="1:7" x14ac:dyDescent="0.3">
      <c r="A21835" s="13" t="s">
        <v>147</v>
      </c>
      <c r="B21835" s="14" t="s">
        <v>1</v>
      </c>
      <c r="C21835" s="14" t="s">
        <v>99</v>
      </c>
      <c r="D21835" s="14" t="s">
        <v>14</v>
      </c>
      <c r="E21835" s="15">
        <v>45676</v>
      </c>
      <c r="F21835" s="14" t="s">
        <v>15</v>
      </c>
      <c r="G21835" s="16">
        <v>0</v>
      </c>
    </row>
    <row r="21836" spans="1:7" x14ac:dyDescent="0.3">
      <c r="A21836" s="13" t="s">
        <v>147</v>
      </c>
      <c r="B21836" s="14" t="s">
        <v>1</v>
      </c>
      <c r="C21836" s="14" t="s">
        <v>99</v>
      </c>
      <c r="D21836" s="14" t="s">
        <v>14</v>
      </c>
      <c r="E21836" s="15">
        <v>45677</v>
      </c>
      <c r="F21836" s="14" t="s">
        <v>15</v>
      </c>
      <c r="G21836" s="16">
        <v>0</v>
      </c>
    </row>
    <row r="21837" spans="1:7" x14ac:dyDescent="0.3">
      <c r="A21837" s="13" t="s">
        <v>147</v>
      </c>
      <c r="B21837" s="14" t="s">
        <v>1</v>
      </c>
      <c r="C21837" s="14" t="s">
        <v>99</v>
      </c>
      <c r="D21837" s="14" t="s">
        <v>14</v>
      </c>
      <c r="E21837" s="15">
        <v>45678</v>
      </c>
      <c r="F21837" s="14" t="s">
        <v>15</v>
      </c>
      <c r="G21837" s="16">
        <v>0</v>
      </c>
    </row>
    <row r="21838" spans="1:7" x14ac:dyDescent="0.3">
      <c r="A21838" s="13" t="s">
        <v>147</v>
      </c>
      <c r="B21838" s="14" t="s">
        <v>1</v>
      </c>
      <c r="C21838" s="14" t="s">
        <v>99</v>
      </c>
      <c r="D21838" s="14" t="s">
        <v>14</v>
      </c>
      <c r="E21838" s="15">
        <v>45679</v>
      </c>
      <c r="F21838" s="14" t="s">
        <v>15</v>
      </c>
      <c r="G21838" s="16">
        <v>0</v>
      </c>
    </row>
    <row r="21839" spans="1:7" x14ac:dyDescent="0.3">
      <c r="A21839" s="13" t="s">
        <v>147</v>
      </c>
      <c r="B21839" s="14" t="s">
        <v>1</v>
      </c>
      <c r="C21839" s="14" t="s">
        <v>99</v>
      </c>
      <c r="D21839" s="14" t="s">
        <v>14</v>
      </c>
      <c r="E21839" s="15">
        <v>45680</v>
      </c>
      <c r="F21839" s="14" t="s">
        <v>15</v>
      </c>
      <c r="G21839" s="16">
        <v>0</v>
      </c>
    </row>
    <row r="21840" spans="1:7" x14ac:dyDescent="0.3">
      <c r="A21840" s="13" t="s">
        <v>147</v>
      </c>
      <c r="B21840" s="14" t="s">
        <v>1</v>
      </c>
      <c r="C21840" s="14" t="s">
        <v>99</v>
      </c>
      <c r="D21840" s="14" t="s">
        <v>14</v>
      </c>
      <c r="E21840" s="15">
        <v>45681</v>
      </c>
      <c r="F21840" s="14" t="s">
        <v>15</v>
      </c>
      <c r="G21840" s="16">
        <v>0</v>
      </c>
    </row>
    <row r="21841" spans="1:7" x14ac:dyDescent="0.3">
      <c r="A21841" s="13" t="s">
        <v>147</v>
      </c>
      <c r="B21841" s="14" t="s">
        <v>1</v>
      </c>
      <c r="C21841" s="14" t="s">
        <v>99</v>
      </c>
      <c r="D21841" s="14" t="s">
        <v>14</v>
      </c>
      <c r="E21841" s="15">
        <v>45682</v>
      </c>
      <c r="F21841" s="14" t="s">
        <v>15</v>
      </c>
      <c r="G21841" s="16">
        <v>0</v>
      </c>
    </row>
    <row r="21842" spans="1:7" x14ac:dyDescent="0.3">
      <c r="A21842" s="13" t="s">
        <v>147</v>
      </c>
      <c r="B21842" s="14" t="s">
        <v>1</v>
      </c>
      <c r="C21842" s="14" t="s">
        <v>99</v>
      </c>
      <c r="D21842" s="14" t="s">
        <v>14</v>
      </c>
      <c r="E21842" s="15">
        <v>45683</v>
      </c>
      <c r="F21842" s="14" t="s">
        <v>15</v>
      </c>
      <c r="G21842" s="16">
        <v>0</v>
      </c>
    </row>
    <row r="21843" spans="1:7" x14ac:dyDescent="0.3">
      <c r="A21843" s="13" t="s">
        <v>147</v>
      </c>
      <c r="B21843" s="14" t="s">
        <v>1</v>
      </c>
      <c r="C21843" s="14" t="s">
        <v>99</v>
      </c>
      <c r="D21843" s="14" t="s">
        <v>14</v>
      </c>
      <c r="E21843" s="15">
        <v>45684</v>
      </c>
      <c r="F21843" s="14" t="s">
        <v>15</v>
      </c>
      <c r="G21843" s="16">
        <v>0</v>
      </c>
    </row>
    <row r="21844" spans="1:7" x14ac:dyDescent="0.3">
      <c r="A21844" s="13" t="s">
        <v>147</v>
      </c>
      <c r="B21844" s="14" t="s">
        <v>1</v>
      </c>
      <c r="C21844" s="14" t="s">
        <v>99</v>
      </c>
      <c r="D21844" s="14" t="s">
        <v>14</v>
      </c>
      <c r="E21844" s="15">
        <v>45685</v>
      </c>
      <c r="F21844" s="14" t="s">
        <v>15</v>
      </c>
      <c r="G21844" s="16">
        <v>0</v>
      </c>
    </row>
    <row r="21845" spans="1:7" x14ac:dyDescent="0.3">
      <c r="A21845" s="13" t="s">
        <v>147</v>
      </c>
      <c r="B21845" s="14" t="s">
        <v>1</v>
      </c>
      <c r="C21845" s="14" t="s">
        <v>99</v>
      </c>
      <c r="D21845" s="14" t="s">
        <v>14</v>
      </c>
      <c r="E21845" s="15">
        <v>45686</v>
      </c>
      <c r="F21845" s="14" t="s">
        <v>15</v>
      </c>
      <c r="G21845" s="16">
        <v>0</v>
      </c>
    </row>
    <row r="21846" spans="1:7" x14ac:dyDescent="0.3">
      <c r="A21846" s="13" t="s">
        <v>147</v>
      </c>
      <c r="B21846" s="14" t="s">
        <v>1</v>
      </c>
      <c r="C21846" s="14" t="s">
        <v>99</v>
      </c>
      <c r="D21846" s="14" t="s">
        <v>14</v>
      </c>
      <c r="E21846" s="15">
        <v>45687</v>
      </c>
      <c r="F21846" s="14" t="s">
        <v>15</v>
      </c>
      <c r="G21846" s="16">
        <v>0</v>
      </c>
    </row>
    <row r="21847" spans="1:7" x14ac:dyDescent="0.3">
      <c r="A21847" s="13" t="s">
        <v>147</v>
      </c>
      <c r="B21847" s="14" t="s">
        <v>1</v>
      </c>
      <c r="C21847" s="14" t="s">
        <v>99</v>
      </c>
      <c r="D21847" s="14" t="s">
        <v>14</v>
      </c>
      <c r="E21847" s="15">
        <v>45688</v>
      </c>
      <c r="F21847" s="14" t="s">
        <v>15</v>
      </c>
      <c r="G21847" s="16">
        <v>0</v>
      </c>
    </row>
    <row r="21848" spans="1:7" x14ac:dyDescent="0.3">
      <c r="A21848" s="13" t="s">
        <v>147</v>
      </c>
      <c r="B21848" s="14" t="s">
        <v>1</v>
      </c>
      <c r="C21848" s="14" t="s">
        <v>99</v>
      </c>
      <c r="D21848" s="14" t="s">
        <v>14</v>
      </c>
      <c r="E21848" s="15">
        <v>45689</v>
      </c>
      <c r="F21848" s="14" t="s">
        <v>15</v>
      </c>
      <c r="G21848" s="16">
        <v>0</v>
      </c>
    </row>
    <row r="21849" spans="1:7" x14ac:dyDescent="0.3">
      <c r="A21849" s="13" t="s">
        <v>147</v>
      </c>
      <c r="B21849" s="14" t="s">
        <v>1</v>
      </c>
      <c r="C21849" s="14" t="s">
        <v>99</v>
      </c>
      <c r="D21849" s="14" t="s">
        <v>14</v>
      </c>
      <c r="E21849" s="15">
        <v>45690</v>
      </c>
      <c r="F21849" s="14" t="s">
        <v>15</v>
      </c>
      <c r="G21849" s="16">
        <v>0</v>
      </c>
    </row>
    <row r="21850" spans="1:7" x14ac:dyDescent="0.3">
      <c r="A21850" s="13" t="s">
        <v>147</v>
      </c>
      <c r="B21850" s="14" t="s">
        <v>1</v>
      </c>
      <c r="C21850" s="14" t="s">
        <v>99</v>
      </c>
      <c r="D21850" s="14" t="s">
        <v>14</v>
      </c>
      <c r="E21850" s="15">
        <v>45691</v>
      </c>
      <c r="F21850" s="14" t="s">
        <v>15</v>
      </c>
      <c r="G21850" s="16">
        <v>0</v>
      </c>
    </row>
    <row r="21851" spans="1:7" x14ac:dyDescent="0.3">
      <c r="A21851" s="13" t="s">
        <v>147</v>
      </c>
      <c r="B21851" s="14" t="s">
        <v>1</v>
      </c>
      <c r="C21851" s="14" t="s">
        <v>99</v>
      </c>
      <c r="D21851" s="14" t="s">
        <v>14</v>
      </c>
      <c r="E21851" s="15">
        <v>45692</v>
      </c>
      <c r="F21851" s="14" t="s">
        <v>15</v>
      </c>
      <c r="G21851" s="16">
        <v>0</v>
      </c>
    </row>
    <row r="21852" spans="1:7" x14ac:dyDescent="0.3">
      <c r="A21852" s="13" t="s">
        <v>147</v>
      </c>
      <c r="B21852" s="14" t="s">
        <v>1</v>
      </c>
      <c r="C21852" s="14" t="s">
        <v>99</v>
      </c>
      <c r="D21852" s="14" t="s">
        <v>14</v>
      </c>
      <c r="E21852" s="15">
        <v>45693</v>
      </c>
      <c r="F21852" s="14" t="s">
        <v>15</v>
      </c>
      <c r="G21852" s="16">
        <v>0</v>
      </c>
    </row>
    <row r="21853" spans="1:7" x14ac:dyDescent="0.3">
      <c r="A21853" s="13" t="s">
        <v>147</v>
      </c>
      <c r="B21853" s="14" t="s">
        <v>1</v>
      </c>
      <c r="C21853" s="14" t="s">
        <v>99</v>
      </c>
      <c r="D21853" s="14" t="s">
        <v>14</v>
      </c>
      <c r="E21853" s="15">
        <v>45694</v>
      </c>
      <c r="F21853" s="14" t="s">
        <v>15</v>
      </c>
      <c r="G21853" s="16">
        <v>0</v>
      </c>
    </row>
    <row r="21854" spans="1:7" x14ac:dyDescent="0.3">
      <c r="A21854" s="13" t="s">
        <v>147</v>
      </c>
      <c r="B21854" s="14" t="s">
        <v>1</v>
      </c>
      <c r="C21854" s="14" t="s">
        <v>99</v>
      </c>
      <c r="D21854" s="14" t="s">
        <v>14</v>
      </c>
      <c r="E21854" s="15">
        <v>45695</v>
      </c>
      <c r="F21854" s="14" t="s">
        <v>15</v>
      </c>
      <c r="G21854" s="16">
        <v>0</v>
      </c>
    </row>
    <row r="21855" spans="1:7" x14ac:dyDescent="0.3">
      <c r="A21855" s="13" t="s">
        <v>147</v>
      </c>
      <c r="B21855" s="14" t="s">
        <v>1</v>
      </c>
      <c r="C21855" s="14" t="s">
        <v>99</v>
      </c>
      <c r="D21855" s="14" t="s">
        <v>14</v>
      </c>
      <c r="E21855" s="15">
        <v>45696</v>
      </c>
      <c r="F21855" s="14" t="s">
        <v>15</v>
      </c>
      <c r="G21855" s="16">
        <v>0</v>
      </c>
    </row>
    <row r="21856" spans="1:7" x14ac:dyDescent="0.3">
      <c r="A21856" s="13" t="s">
        <v>147</v>
      </c>
      <c r="B21856" s="14" t="s">
        <v>1</v>
      </c>
      <c r="C21856" s="14" t="s">
        <v>99</v>
      </c>
      <c r="D21856" s="14" t="s">
        <v>14</v>
      </c>
      <c r="E21856" s="15">
        <v>45697</v>
      </c>
      <c r="F21856" s="14" t="s">
        <v>15</v>
      </c>
      <c r="G21856" s="16">
        <v>0</v>
      </c>
    </row>
    <row r="21857" spans="1:7" x14ac:dyDescent="0.3">
      <c r="A21857" s="13" t="s">
        <v>147</v>
      </c>
      <c r="B21857" s="14" t="s">
        <v>1</v>
      </c>
      <c r="C21857" s="14" t="s">
        <v>99</v>
      </c>
      <c r="D21857" s="14" t="s">
        <v>14</v>
      </c>
      <c r="E21857" s="15">
        <v>45698</v>
      </c>
      <c r="F21857" s="14" t="s">
        <v>15</v>
      </c>
      <c r="G21857" s="16">
        <v>0</v>
      </c>
    </row>
    <row r="21858" spans="1:7" x14ac:dyDescent="0.3">
      <c r="A21858" s="13" t="s">
        <v>147</v>
      </c>
      <c r="B21858" s="14" t="s">
        <v>1</v>
      </c>
      <c r="C21858" s="14" t="s">
        <v>99</v>
      </c>
      <c r="D21858" s="14" t="s">
        <v>14</v>
      </c>
      <c r="E21858" s="15">
        <v>45699</v>
      </c>
      <c r="F21858" s="14" t="s">
        <v>15</v>
      </c>
      <c r="G21858" s="16">
        <v>0</v>
      </c>
    </row>
    <row r="21859" spans="1:7" x14ac:dyDescent="0.3">
      <c r="A21859" s="13" t="s">
        <v>147</v>
      </c>
      <c r="B21859" s="14" t="s">
        <v>1</v>
      </c>
      <c r="C21859" s="14" t="s">
        <v>99</v>
      </c>
      <c r="D21859" s="14" t="s">
        <v>14</v>
      </c>
      <c r="E21859" s="15">
        <v>45700</v>
      </c>
      <c r="F21859" s="14" t="s">
        <v>15</v>
      </c>
      <c r="G21859" s="16">
        <v>0</v>
      </c>
    </row>
    <row r="21860" spans="1:7" x14ac:dyDescent="0.3">
      <c r="A21860" s="13" t="s">
        <v>147</v>
      </c>
      <c r="B21860" s="14" t="s">
        <v>1</v>
      </c>
      <c r="C21860" s="14" t="s">
        <v>99</v>
      </c>
      <c r="D21860" s="14" t="s">
        <v>14</v>
      </c>
      <c r="E21860" s="15">
        <v>45701</v>
      </c>
      <c r="F21860" s="14" t="s">
        <v>15</v>
      </c>
      <c r="G21860" s="16">
        <v>0</v>
      </c>
    </row>
    <row r="21861" spans="1:7" x14ac:dyDescent="0.3">
      <c r="A21861" s="13" t="s">
        <v>147</v>
      </c>
      <c r="B21861" s="14" t="s">
        <v>1</v>
      </c>
      <c r="C21861" s="14" t="s">
        <v>99</v>
      </c>
      <c r="D21861" s="14" t="s">
        <v>14</v>
      </c>
      <c r="E21861" s="15">
        <v>45702</v>
      </c>
      <c r="F21861" s="14" t="s">
        <v>15</v>
      </c>
      <c r="G21861" s="16">
        <v>0</v>
      </c>
    </row>
    <row r="21862" spans="1:7" x14ac:dyDescent="0.3">
      <c r="A21862" s="13" t="s">
        <v>147</v>
      </c>
      <c r="B21862" s="14" t="s">
        <v>1</v>
      </c>
      <c r="C21862" s="14" t="s">
        <v>99</v>
      </c>
      <c r="D21862" s="14" t="s">
        <v>14</v>
      </c>
      <c r="E21862" s="15">
        <v>45703</v>
      </c>
      <c r="F21862" s="14" t="s">
        <v>15</v>
      </c>
      <c r="G21862" s="16">
        <v>0</v>
      </c>
    </row>
    <row r="21863" spans="1:7" x14ac:dyDescent="0.3">
      <c r="A21863" s="13" t="s">
        <v>147</v>
      </c>
      <c r="B21863" s="14" t="s">
        <v>1</v>
      </c>
      <c r="C21863" s="14" t="s">
        <v>99</v>
      </c>
      <c r="D21863" s="14" t="s">
        <v>14</v>
      </c>
      <c r="E21863" s="15">
        <v>45704</v>
      </c>
      <c r="F21863" s="14" t="s">
        <v>15</v>
      </c>
      <c r="G21863" s="16">
        <v>0</v>
      </c>
    </row>
    <row r="21864" spans="1:7" x14ac:dyDescent="0.3">
      <c r="A21864" s="13" t="s">
        <v>147</v>
      </c>
      <c r="B21864" s="14" t="s">
        <v>1</v>
      </c>
      <c r="C21864" s="14" t="s">
        <v>99</v>
      </c>
      <c r="D21864" s="14" t="s">
        <v>14</v>
      </c>
      <c r="E21864" s="15">
        <v>45705</v>
      </c>
      <c r="F21864" s="14" t="s">
        <v>15</v>
      </c>
      <c r="G21864" s="16">
        <v>0</v>
      </c>
    </row>
    <row r="21865" spans="1:7" x14ac:dyDescent="0.3">
      <c r="A21865" s="13" t="s">
        <v>147</v>
      </c>
      <c r="B21865" s="14" t="s">
        <v>1</v>
      </c>
      <c r="C21865" s="14" t="s">
        <v>99</v>
      </c>
      <c r="D21865" s="14" t="s">
        <v>14</v>
      </c>
      <c r="E21865" s="15">
        <v>45706</v>
      </c>
      <c r="F21865" s="14" t="s">
        <v>15</v>
      </c>
      <c r="G21865" s="16">
        <v>0</v>
      </c>
    </row>
    <row r="21866" spans="1:7" x14ac:dyDescent="0.3">
      <c r="A21866" s="13" t="s">
        <v>147</v>
      </c>
      <c r="B21866" s="14" t="s">
        <v>1</v>
      </c>
      <c r="C21866" s="14" t="s">
        <v>99</v>
      </c>
      <c r="D21866" s="14" t="s">
        <v>14</v>
      </c>
      <c r="E21866" s="15">
        <v>45707</v>
      </c>
      <c r="F21866" s="14" t="s">
        <v>15</v>
      </c>
      <c r="G21866" s="16">
        <v>0</v>
      </c>
    </row>
    <row r="21867" spans="1:7" x14ac:dyDescent="0.3">
      <c r="A21867" s="13" t="s">
        <v>147</v>
      </c>
      <c r="B21867" s="14" t="s">
        <v>1</v>
      </c>
      <c r="C21867" s="14" t="s">
        <v>99</v>
      </c>
      <c r="D21867" s="14" t="s">
        <v>14</v>
      </c>
      <c r="E21867" s="15">
        <v>45708</v>
      </c>
      <c r="F21867" s="14" t="s">
        <v>15</v>
      </c>
      <c r="G21867" s="16">
        <v>0</v>
      </c>
    </row>
    <row r="21868" spans="1:7" x14ac:dyDescent="0.3">
      <c r="A21868" s="13" t="s">
        <v>147</v>
      </c>
      <c r="B21868" s="14" t="s">
        <v>1</v>
      </c>
      <c r="C21868" s="14" t="s">
        <v>99</v>
      </c>
      <c r="D21868" s="14" t="s">
        <v>14</v>
      </c>
      <c r="E21868" s="15">
        <v>45709</v>
      </c>
      <c r="F21868" s="14" t="s">
        <v>15</v>
      </c>
      <c r="G21868" s="16">
        <v>0</v>
      </c>
    </row>
    <row r="21869" spans="1:7" x14ac:dyDescent="0.3">
      <c r="A21869" s="13" t="s">
        <v>147</v>
      </c>
      <c r="B21869" s="14" t="s">
        <v>1</v>
      </c>
      <c r="C21869" s="14" t="s">
        <v>99</v>
      </c>
      <c r="D21869" s="14" t="s">
        <v>14</v>
      </c>
      <c r="E21869" s="15">
        <v>45710</v>
      </c>
      <c r="F21869" s="14" t="s">
        <v>15</v>
      </c>
      <c r="G21869" s="16">
        <v>0</v>
      </c>
    </row>
    <row r="21870" spans="1:7" x14ac:dyDescent="0.3">
      <c r="A21870" s="13" t="s">
        <v>147</v>
      </c>
      <c r="B21870" s="14" t="s">
        <v>1</v>
      </c>
      <c r="C21870" s="14" t="s">
        <v>99</v>
      </c>
      <c r="D21870" s="14" t="s">
        <v>14</v>
      </c>
      <c r="E21870" s="15">
        <v>45711</v>
      </c>
      <c r="F21870" s="14" t="s">
        <v>15</v>
      </c>
      <c r="G21870" s="16">
        <v>0</v>
      </c>
    </row>
    <row r="21871" spans="1:7" x14ac:dyDescent="0.3">
      <c r="A21871" s="13" t="s">
        <v>147</v>
      </c>
      <c r="B21871" s="14" t="s">
        <v>1</v>
      </c>
      <c r="C21871" s="14" t="s">
        <v>99</v>
      </c>
      <c r="D21871" s="14" t="s">
        <v>14</v>
      </c>
      <c r="E21871" s="15">
        <v>45712</v>
      </c>
      <c r="F21871" s="14" t="s">
        <v>15</v>
      </c>
      <c r="G21871" s="16">
        <v>0</v>
      </c>
    </row>
    <row r="21872" spans="1:7" x14ac:dyDescent="0.3">
      <c r="A21872" s="13" t="s">
        <v>147</v>
      </c>
      <c r="B21872" s="14" t="s">
        <v>1</v>
      </c>
      <c r="C21872" s="14" t="s">
        <v>99</v>
      </c>
      <c r="D21872" s="14" t="s">
        <v>14</v>
      </c>
      <c r="E21872" s="15">
        <v>45713</v>
      </c>
      <c r="F21872" s="14" t="s">
        <v>15</v>
      </c>
      <c r="G21872" s="16">
        <v>0</v>
      </c>
    </row>
    <row r="21873" spans="1:7" x14ac:dyDescent="0.3">
      <c r="A21873" s="13" t="s">
        <v>147</v>
      </c>
      <c r="B21873" s="14" t="s">
        <v>1</v>
      </c>
      <c r="C21873" s="14" t="s">
        <v>99</v>
      </c>
      <c r="D21873" s="14" t="s">
        <v>14</v>
      </c>
      <c r="E21873" s="15">
        <v>45714</v>
      </c>
      <c r="F21873" s="14" t="s">
        <v>15</v>
      </c>
      <c r="G21873" s="16">
        <v>0</v>
      </c>
    </row>
    <row r="21874" spans="1:7" x14ac:dyDescent="0.3">
      <c r="A21874" s="13" t="s">
        <v>147</v>
      </c>
      <c r="B21874" s="14" t="s">
        <v>1</v>
      </c>
      <c r="C21874" s="14" t="s">
        <v>99</v>
      </c>
      <c r="D21874" s="14" t="s">
        <v>14</v>
      </c>
      <c r="E21874" s="15">
        <v>45715</v>
      </c>
      <c r="F21874" s="14" t="s">
        <v>15</v>
      </c>
      <c r="G21874" s="16">
        <v>0</v>
      </c>
    </row>
    <row r="21875" spans="1:7" x14ac:dyDescent="0.3">
      <c r="A21875" s="13" t="s">
        <v>147</v>
      </c>
      <c r="B21875" s="14" t="s">
        <v>1</v>
      </c>
      <c r="C21875" s="14" t="s">
        <v>99</v>
      </c>
      <c r="D21875" s="14" t="s">
        <v>14</v>
      </c>
      <c r="E21875" s="15">
        <v>45716</v>
      </c>
      <c r="F21875" s="14" t="s">
        <v>15</v>
      </c>
      <c r="G21875" s="16">
        <v>0</v>
      </c>
    </row>
    <row r="21876" spans="1:7" x14ac:dyDescent="0.3">
      <c r="A21876" s="13" t="s">
        <v>147</v>
      </c>
      <c r="B21876" s="14" t="s">
        <v>1</v>
      </c>
      <c r="C21876" s="14" t="s">
        <v>99</v>
      </c>
      <c r="D21876" s="14" t="s">
        <v>14</v>
      </c>
      <c r="E21876" s="15">
        <v>45717</v>
      </c>
      <c r="F21876" s="14" t="s">
        <v>15</v>
      </c>
      <c r="G21876" s="16">
        <v>0</v>
      </c>
    </row>
    <row r="21877" spans="1:7" x14ac:dyDescent="0.3">
      <c r="A21877" s="13" t="s">
        <v>147</v>
      </c>
      <c r="B21877" s="14" t="s">
        <v>1</v>
      </c>
      <c r="C21877" s="14" t="s">
        <v>99</v>
      </c>
      <c r="D21877" s="14" t="s">
        <v>14</v>
      </c>
      <c r="E21877" s="15">
        <v>45718</v>
      </c>
      <c r="F21877" s="14" t="s">
        <v>15</v>
      </c>
      <c r="G21877" s="16">
        <v>0</v>
      </c>
    </row>
    <row r="21878" spans="1:7" x14ac:dyDescent="0.3">
      <c r="A21878" s="13" t="s">
        <v>147</v>
      </c>
      <c r="B21878" s="14" t="s">
        <v>1</v>
      </c>
      <c r="C21878" s="14" t="s">
        <v>99</v>
      </c>
      <c r="D21878" s="14" t="s">
        <v>14</v>
      </c>
      <c r="E21878" s="15">
        <v>45719</v>
      </c>
      <c r="F21878" s="14" t="s">
        <v>15</v>
      </c>
      <c r="G21878" s="16">
        <v>0</v>
      </c>
    </row>
    <row r="21879" spans="1:7" x14ac:dyDescent="0.3">
      <c r="A21879" s="13" t="s">
        <v>147</v>
      </c>
      <c r="B21879" s="14" t="s">
        <v>1</v>
      </c>
      <c r="C21879" s="14" t="s">
        <v>99</v>
      </c>
      <c r="D21879" s="14" t="s">
        <v>14</v>
      </c>
      <c r="E21879" s="15">
        <v>45720</v>
      </c>
      <c r="F21879" s="14" t="s">
        <v>15</v>
      </c>
      <c r="G21879" s="16">
        <v>0</v>
      </c>
    </row>
    <row r="21880" spans="1:7" x14ac:dyDescent="0.3">
      <c r="A21880" s="13" t="s">
        <v>147</v>
      </c>
      <c r="B21880" s="14" t="s">
        <v>1</v>
      </c>
      <c r="C21880" s="14" t="s">
        <v>99</v>
      </c>
      <c r="D21880" s="14" t="s">
        <v>14</v>
      </c>
      <c r="E21880" s="15">
        <v>45721</v>
      </c>
      <c r="F21880" s="14" t="s">
        <v>15</v>
      </c>
      <c r="G21880" s="16">
        <v>0</v>
      </c>
    </row>
    <row r="21881" spans="1:7" x14ac:dyDescent="0.3">
      <c r="A21881" s="13" t="s">
        <v>147</v>
      </c>
      <c r="B21881" s="14" t="s">
        <v>1</v>
      </c>
      <c r="C21881" s="14" t="s">
        <v>99</v>
      </c>
      <c r="D21881" s="14" t="s">
        <v>14</v>
      </c>
      <c r="E21881" s="15">
        <v>45722</v>
      </c>
      <c r="F21881" s="14" t="s">
        <v>15</v>
      </c>
      <c r="G21881" s="16">
        <v>0</v>
      </c>
    </row>
    <row r="21882" spans="1:7" x14ac:dyDescent="0.3">
      <c r="A21882" s="13" t="s">
        <v>147</v>
      </c>
      <c r="B21882" s="14" t="s">
        <v>1</v>
      </c>
      <c r="C21882" s="14" t="s">
        <v>99</v>
      </c>
      <c r="D21882" s="14" t="s">
        <v>14</v>
      </c>
      <c r="E21882" s="15">
        <v>45723</v>
      </c>
      <c r="F21882" s="14" t="s">
        <v>15</v>
      </c>
      <c r="G21882" s="16">
        <v>0</v>
      </c>
    </row>
    <row r="21883" spans="1:7" x14ac:dyDescent="0.3">
      <c r="A21883" s="13" t="s">
        <v>147</v>
      </c>
      <c r="B21883" s="14" t="s">
        <v>1</v>
      </c>
      <c r="C21883" s="14" t="s">
        <v>99</v>
      </c>
      <c r="D21883" s="14" t="s">
        <v>14</v>
      </c>
      <c r="E21883" s="15">
        <v>45724</v>
      </c>
      <c r="F21883" s="14" t="s">
        <v>15</v>
      </c>
      <c r="G21883" s="16">
        <v>0</v>
      </c>
    </row>
    <row r="21884" spans="1:7" x14ac:dyDescent="0.3">
      <c r="A21884" s="13" t="s">
        <v>147</v>
      </c>
      <c r="B21884" s="14" t="s">
        <v>1</v>
      </c>
      <c r="C21884" s="14" t="s">
        <v>99</v>
      </c>
      <c r="D21884" s="14" t="s">
        <v>14</v>
      </c>
      <c r="E21884" s="15">
        <v>45725</v>
      </c>
      <c r="F21884" s="14" t="s">
        <v>15</v>
      </c>
      <c r="G21884" s="16">
        <v>0</v>
      </c>
    </row>
    <row r="21885" spans="1:7" x14ac:dyDescent="0.3">
      <c r="A21885" s="13" t="s">
        <v>147</v>
      </c>
      <c r="B21885" s="14" t="s">
        <v>1</v>
      </c>
      <c r="C21885" s="14" t="s">
        <v>99</v>
      </c>
      <c r="D21885" s="14" t="s">
        <v>14</v>
      </c>
      <c r="E21885" s="15">
        <v>45726</v>
      </c>
      <c r="F21885" s="14" t="s">
        <v>15</v>
      </c>
      <c r="G21885" s="16">
        <v>0</v>
      </c>
    </row>
    <row r="21886" spans="1:7" x14ac:dyDescent="0.3">
      <c r="A21886" s="13" t="s">
        <v>147</v>
      </c>
      <c r="B21886" s="14" t="s">
        <v>1</v>
      </c>
      <c r="C21886" s="14" t="s">
        <v>99</v>
      </c>
      <c r="D21886" s="14" t="s">
        <v>14</v>
      </c>
      <c r="E21886" s="15">
        <v>45727</v>
      </c>
      <c r="F21886" s="14" t="s">
        <v>15</v>
      </c>
      <c r="G21886" s="16">
        <v>0</v>
      </c>
    </row>
    <row r="21887" spans="1:7" x14ac:dyDescent="0.3">
      <c r="A21887" s="13" t="s">
        <v>147</v>
      </c>
      <c r="B21887" s="14" t="s">
        <v>1</v>
      </c>
      <c r="C21887" s="14" t="s">
        <v>99</v>
      </c>
      <c r="D21887" s="14" t="s">
        <v>14</v>
      </c>
      <c r="E21887" s="15">
        <v>45728</v>
      </c>
      <c r="F21887" s="14" t="s">
        <v>15</v>
      </c>
      <c r="G21887" s="16">
        <v>0</v>
      </c>
    </row>
    <row r="21888" spans="1:7" x14ac:dyDescent="0.3">
      <c r="A21888" s="13" t="s">
        <v>147</v>
      </c>
      <c r="B21888" s="14" t="s">
        <v>1</v>
      </c>
      <c r="C21888" s="14" t="s">
        <v>99</v>
      </c>
      <c r="D21888" s="14" t="s">
        <v>14</v>
      </c>
      <c r="E21888" s="15">
        <v>45729</v>
      </c>
      <c r="F21888" s="14" t="s">
        <v>15</v>
      </c>
      <c r="G21888" s="16">
        <v>0</v>
      </c>
    </row>
    <row r="21889" spans="1:7" x14ac:dyDescent="0.3">
      <c r="A21889" s="13" t="s">
        <v>147</v>
      </c>
      <c r="B21889" s="14" t="s">
        <v>1</v>
      </c>
      <c r="C21889" s="14" t="s">
        <v>99</v>
      </c>
      <c r="D21889" s="14" t="s">
        <v>14</v>
      </c>
      <c r="E21889" s="15">
        <v>45730</v>
      </c>
      <c r="F21889" s="14" t="s">
        <v>15</v>
      </c>
      <c r="G21889" s="16">
        <v>0</v>
      </c>
    </row>
    <row r="21890" spans="1:7" x14ac:dyDescent="0.3">
      <c r="A21890" s="13" t="s">
        <v>147</v>
      </c>
      <c r="B21890" s="14" t="s">
        <v>1</v>
      </c>
      <c r="C21890" s="14" t="s">
        <v>99</v>
      </c>
      <c r="D21890" s="14" t="s">
        <v>14</v>
      </c>
      <c r="E21890" s="15">
        <v>45731</v>
      </c>
      <c r="F21890" s="14" t="s">
        <v>15</v>
      </c>
      <c r="G21890" s="16">
        <v>0</v>
      </c>
    </row>
    <row r="21891" spans="1:7" x14ac:dyDescent="0.3">
      <c r="A21891" s="13" t="s">
        <v>147</v>
      </c>
      <c r="B21891" s="14" t="s">
        <v>1</v>
      </c>
      <c r="C21891" s="14" t="s">
        <v>99</v>
      </c>
      <c r="D21891" s="14" t="s">
        <v>14</v>
      </c>
      <c r="E21891" s="15">
        <v>45732</v>
      </c>
      <c r="F21891" s="14" t="s">
        <v>15</v>
      </c>
      <c r="G21891" s="16">
        <v>0</v>
      </c>
    </row>
    <row r="21892" spans="1:7" x14ac:dyDescent="0.3">
      <c r="A21892" s="13" t="s">
        <v>147</v>
      </c>
      <c r="B21892" s="14" t="s">
        <v>1</v>
      </c>
      <c r="C21892" s="14" t="s">
        <v>99</v>
      </c>
      <c r="D21892" s="14" t="s">
        <v>14</v>
      </c>
      <c r="E21892" s="15">
        <v>45733</v>
      </c>
      <c r="F21892" s="14" t="s">
        <v>15</v>
      </c>
      <c r="G21892" s="16">
        <v>0</v>
      </c>
    </row>
    <row r="21893" spans="1:7" x14ac:dyDescent="0.3">
      <c r="A21893" s="13" t="s">
        <v>147</v>
      </c>
      <c r="B21893" s="14" t="s">
        <v>1</v>
      </c>
      <c r="C21893" s="14" t="s">
        <v>99</v>
      </c>
      <c r="D21893" s="14" t="s">
        <v>14</v>
      </c>
      <c r="E21893" s="15">
        <v>45734</v>
      </c>
      <c r="F21893" s="14" t="s">
        <v>15</v>
      </c>
      <c r="G21893" s="16">
        <v>0</v>
      </c>
    </row>
    <row r="21894" spans="1:7" x14ac:dyDescent="0.3">
      <c r="A21894" s="13" t="s">
        <v>147</v>
      </c>
      <c r="B21894" s="14" t="s">
        <v>1</v>
      </c>
      <c r="C21894" s="14" t="s">
        <v>99</v>
      </c>
      <c r="D21894" s="14" t="s">
        <v>14</v>
      </c>
      <c r="E21894" s="15">
        <v>45735</v>
      </c>
      <c r="F21894" s="14" t="s">
        <v>15</v>
      </c>
      <c r="G21894" s="16">
        <v>0</v>
      </c>
    </row>
    <row r="21895" spans="1:7" x14ac:dyDescent="0.3">
      <c r="A21895" s="13" t="s">
        <v>147</v>
      </c>
      <c r="B21895" s="14" t="s">
        <v>1</v>
      </c>
      <c r="C21895" s="14" t="s">
        <v>99</v>
      </c>
      <c r="D21895" s="14" t="s">
        <v>14</v>
      </c>
      <c r="E21895" s="15">
        <v>45736</v>
      </c>
      <c r="F21895" s="14" t="s">
        <v>15</v>
      </c>
      <c r="G21895" s="16">
        <v>0</v>
      </c>
    </row>
    <row r="21896" spans="1:7" x14ac:dyDescent="0.3">
      <c r="A21896" s="13" t="s">
        <v>147</v>
      </c>
      <c r="B21896" s="14" t="s">
        <v>1</v>
      </c>
      <c r="C21896" s="14" t="s">
        <v>99</v>
      </c>
      <c r="D21896" s="14" t="s">
        <v>14</v>
      </c>
      <c r="E21896" s="15">
        <v>45737</v>
      </c>
      <c r="F21896" s="14" t="s">
        <v>15</v>
      </c>
      <c r="G21896" s="16">
        <v>0</v>
      </c>
    </row>
    <row r="21897" spans="1:7" x14ac:dyDescent="0.3">
      <c r="A21897" s="13" t="s">
        <v>147</v>
      </c>
      <c r="B21897" s="14" t="s">
        <v>1</v>
      </c>
      <c r="C21897" s="14" t="s">
        <v>99</v>
      </c>
      <c r="D21897" s="14" t="s">
        <v>14</v>
      </c>
      <c r="E21897" s="15">
        <v>45738</v>
      </c>
      <c r="F21897" s="14" t="s">
        <v>15</v>
      </c>
      <c r="G21897" s="16">
        <v>0</v>
      </c>
    </row>
    <row r="21898" spans="1:7" x14ac:dyDescent="0.3">
      <c r="A21898" s="13" t="s">
        <v>147</v>
      </c>
      <c r="B21898" s="14" t="s">
        <v>1</v>
      </c>
      <c r="C21898" s="14" t="s">
        <v>99</v>
      </c>
      <c r="D21898" s="14" t="s">
        <v>14</v>
      </c>
      <c r="E21898" s="15">
        <v>45739</v>
      </c>
      <c r="F21898" s="14" t="s">
        <v>15</v>
      </c>
      <c r="G21898" s="16">
        <v>0</v>
      </c>
    </row>
    <row r="21899" spans="1:7" x14ac:dyDescent="0.3">
      <c r="A21899" s="13" t="s">
        <v>147</v>
      </c>
      <c r="B21899" s="14" t="s">
        <v>1</v>
      </c>
      <c r="C21899" s="14" t="s">
        <v>99</v>
      </c>
      <c r="D21899" s="14" t="s">
        <v>14</v>
      </c>
      <c r="E21899" s="15">
        <v>45740</v>
      </c>
      <c r="F21899" s="14" t="s">
        <v>15</v>
      </c>
      <c r="G21899" s="16">
        <v>0</v>
      </c>
    </row>
    <row r="21900" spans="1:7" x14ac:dyDescent="0.3">
      <c r="A21900" s="13" t="s">
        <v>147</v>
      </c>
      <c r="B21900" s="14" t="s">
        <v>1</v>
      </c>
      <c r="C21900" s="14" t="s">
        <v>99</v>
      </c>
      <c r="D21900" s="14" t="s">
        <v>14</v>
      </c>
      <c r="E21900" s="15">
        <v>45741</v>
      </c>
      <c r="F21900" s="14" t="s">
        <v>15</v>
      </c>
      <c r="G21900" s="16">
        <v>0</v>
      </c>
    </row>
    <row r="21901" spans="1:7" x14ac:dyDescent="0.3">
      <c r="A21901" s="13" t="s">
        <v>147</v>
      </c>
      <c r="B21901" s="14" t="s">
        <v>1</v>
      </c>
      <c r="C21901" s="14" t="s">
        <v>99</v>
      </c>
      <c r="D21901" s="14" t="s">
        <v>14</v>
      </c>
      <c r="E21901" s="15">
        <v>45742</v>
      </c>
      <c r="F21901" s="14" t="s">
        <v>15</v>
      </c>
      <c r="G21901" s="16">
        <v>0</v>
      </c>
    </row>
    <row r="21902" spans="1:7" x14ac:dyDescent="0.3">
      <c r="A21902" s="13" t="s">
        <v>147</v>
      </c>
      <c r="B21902" s="14" t="s">
        <v>1</v>
      </c>
      <c r="C21902" s="14" t="s">
        <v>99</v>
      </c>
      <c r="D21902" s="14" t="s">
        <v>14</v>
      </c>
      <c r="E21902" s="15">
        <v>45743</v>
      </c>
      <c r="F21902" s="14" t="s">
        <v>15</v>
      </c>
      <c r="G21902" s="16">
        <v>0</v>
      </c>
    </row>
    <row r="21903" spans="1:7" x14ac:dyDescent="0.3">
      <c r="A21903" s="13" t="s">
        <v>147</v>
      </c>
      <c r="B21903" s="14" t="s">
        <v>1</v>
      </c>
      <c r="C21903" s="14" t="s">
        <v>99</v>
      </c>
      <c r="D21903" s="14" t="s">
        <v>14</v>
      </c>
      <c r="E21903" s="15">
        <v>45744</v>
      </c>
      <c r="F21903" s="14" t="s">
        <v>15</v>
      </c>
      <c r="G21903" s="16">
        <v>0</v>
      </c>
    </row>
    <row r="21904" spans="1:7" x14ac:dyDescent="0.3">
      <c r="A21904" s="13" t="s">
        <v>147</v>
      </c>
      <c r="B21904" s="14" t="s">
        <v>1</v>
      </c>
      <c r="C21904" s="14" t="s">
        <v>99</v>
      </c>
      <c r="D21904" s="14" t="s">
        <v>14</v>
      </c>
      <c r="E21904" s="15">
        <v>45745</v>
      </c>
      <c r="F21904" s="14" t="s">
        <v>15</v>
      </c>
      <c r="G21904" s="16">
        <v>0</v>
      </c>
    </row>
    <row r="21905" spans="1:7" x14ac:dyDescent="0.3">
      <c r="A21905" s="13" t="s">
        <v>147</v>
      </c>
      <c r="B21905" s="14" t="s">
        <v>1</v>
      </c>
      <c r="C21905" s="14" t="s">
        <v>99</v>
      </c>
      <c r="D21905" s="14" t="s">
        <v>14</v>
      </c>
      <c r="E21905" s="15">
        <v>45746</v>
      </c>
      <c r="F21905" s="14" t="s">
        <v>15</v>
      </c>
      <c r="G21905" s="16">
        <v>0</v>
      </c>
    </row>
    <row r="21906" spans="1:7" x14ac:dyDescent="0.3">
      <c r="A21906" s="13" t="s">
        <v>147</v>
      </c>
      <c r="B21906" s="14" t="s">
        <v>1</v>
      </c>
      <c r="C21906" s="14" t="s">
        <v>99</v>
      </c>
      <c r="D21906" s="14" t="s">
        <v>14</v>
      </c>
      <c r="E21906" s="15">
        <v>45747</v>
      </c>
      <c r="F21906" s="14" t="s">
        <v>15</v>
      </c>
      <c r="G21906" s="16">
        <v>0</v>
      </c>
    </row>
    <row r="21907" spans="1:7" x14ac:dyDescent="0.3">
      <c r="A21907" s="13" t="s">
        <v>148</v>
      </c>
      <c r="B21907" s="14" t="s">
        <v>1</v>
      </c>
      <c r="C21907" s="14" t="s">
        <v>101</v>
      </c>
      <c r="D21907" s="14" t="s">
        <v>31</v>
      </c>
      <c r="E21907" s="15">
        <v>45383</v>
      </c>
      <c r="F21907" s="14" t="s">
        <v>15</v>
      </c>
      <c r="G21907" s="16">
        <v>0</v>
      </c>
    </row>
    <row r="21908" spans="1:7" x14ac:dyDescent="0.3">
      <c r="A21908" s="13" t="s">
        <v>148</v>
      </c>
      <c r="B21908" s="14" t="s">
        <v>1</v>
      </c>
      <c r="C21908" s="14" t="s">
        <v>101</v>
      </c>
      <c r="D21908" s="14" t="s">
        <v>31</v>
      </c>
      <c r="E21908" s="15">
        <v>45384</v>
      </c>
      <c r="F21908" s="14" t="s">
        <v>15</v>
      </c>
      <c r="G21908" s="16">
        <v>0</v>
      </c>
    </row>
    <row r="21909" spans="1:7" x14ac:dyDescent="0.3">
      <c r="A21909" s="13" t="s">
        <v>148</v>
      </c>
      <c r="B21909" s="14" t="s">
        <v>1</v>
      </c>
      <c r="C21909" s="14" t="s">
        <v>101</v>
      </c>
      <c r="D21909" s="14" t="s">
        <v>31</v>
      </c>
      <c r="E21909" s="15">
        <v>45385</v>
      </c>
      <c r="F21909" s="14" t="s">
        <v>15</v>
      </c>
      <c r="G21909" s="16">
        <v>0</v>
      </c>
    </row>
    <row r="21910" spans="1:7" x14ac:dyDescent="0.3">
      <c r="A21910" s="13" t="s">
        <v>148</v>
      </c>
      <c r="B21910" s="14" t="s">
        <v>1</v>
      </c>
      <c r="C21910" s="14" t="s">
        <v>101</v>
      </c>
      <c r="D21910" s="14" t="s">
        <v>31</v>
      </c>
      <c r="E21910" s="15">
        <v>45386</v>
      </c>
      <c r="F21910" s="14" t="s">
        <v>15</v>
      </c>
      <c r="G21910" s="16">
        <v>0</v>
      </c>
    </row>
    <row r="21911" spans="1:7" x14ac:dyDescent="0.3">
      <c r="A21911" s="13" t="s">
        <v>148</v>
      </c>
      <c r="B21911" s="14" t="s">
        <v>1</v>
      </c>
      <c r="C21911" s="14" t="s">
        <v>101</v>
      </c>
      <c r="D21911" s="14" t="s">
        <v>31</v>
      </c>
      <c r="E21911" s="15">
        <v>45387</v>
      </c>
      <c r="F21911" s="14" t="s">
        <v>15</v>
      </c>
      <c r="G21911" s="16">
        <v>0</v>
      </c>
    </row>
    <row r="21912" spans="1:7" x14ac:dyDescent="0.3">
      <c r="A21912" s="13" t="s">
        <v>148</v>
      </c>
      <c r="B21912" s="14" t="s">
        <v>1</v>
      </c>
      <c r="C21912" s="14" t="s">
        <v>101</v>
      </c>
      <c r="D21912" s="14" t="s">
        <v>31</v>
      </c>
      <c r="E21912" s="15">
        <v>45388</v>
      </c>
      <c r="F21912" s="14" t="s">
        <v>15</v>
      </c>
      <c r="G21912" s="16">
        <v>0</v>
      </c>
    </row>
    <row r="21913" spans="1:7" x14ac:dyDescent="0.3">
      <c r="A21913" s="13" t="s">
        <v>148</v>
      </c>
      <c r="B21913" s="14" t="s">
        <v>1</v>
      </c>
      <c r="C21913" s="14" t="s">
        <v>101</v>
      </c>
      <c r="D21913" s="14" t="s">
        <v>31</v>
      </c>
      <c r="E21913" s="15">
        <v>45389</v>
      </c>
      <c r="F21913" s="14" t="s">
        <v>15</v>
      </c>
      <c r="G21913" s="16">
        <v>0</v>
      </c>
    </row>
    <row r="21914" spans="1:7" x14ac:dyDescent="0.3">
      <c r="A21914" s="13" t="s">
        <v>148</v>
      </c>
      <c r="B21914" s="14" t="s">
        <v>1</v>
      </c>
      <c r="C21914" s="14" t="s">
        <v>101</v>
      </c>
      <c r="D21914" s="14" t="s">
        <v>31</v>
      </c>
      <c r="E21914" s="15">
        <v>45390</v>
      </c>
      <c r="F21914" s="14" t="s">
        <v>15</v>
      </c>
      <c r="G21914" s="16">
        <v>0</v>
      </c>
    </row>
    <row r="21915" spans="1:7" x14ac:dyDescent="0.3">
      <c r="A21915" s="13" t="s">
        <v>148</v>
      </c>
      <c r="B21915" s="14" t="s">
        <v>1</v>
      </c>
      <c r="C21915" s="14" t="s">
        <v>101</v>
      </c>
      <c r="D21915" s="14" t="s">
        <v>31</v>
      </c>
      <c r="E21915" s="15">
        <v>45391</v>
      </c>
      <c r="F21915" s="14" t="s">
        <v>15</v>
      </c>
      <c r="G21915" s="16">
        <v>0</v>
      </c>
    </row>
    <row r="21916" spans="1:7" x14ac:dyDescent="0.3">
      <c r="A21916" s="13" t="s">
        <v>148</v>
      </c>
      <c r="B21916" s="14" t="s">
        <v>1</v>
      </c>
      <c r="C21916" s="14" t="s">
        <v>101</v>
      </c>
      <c r="D21916" s="14" t="s">
        <v>31</v>
      </c>
      <c r="E21916" s="15">
        <v>45392</v>
      </c>
      <c r="F21916" s="14" t="s">
        <v>15</v>
      </c>
      <c r="G21916" s="16">
        <v>0</v>
      </c>
    </row>
    <row r="21917" spans="1:7" x14ac:dyDescent="0.3">
      <c r="A21917" s="13" t="s">
        <v>148</v>
      </c>
      <c r="B21917" s="14" t="s">
        <v>1</v>
      </c>
      <c r="C21917" s="14" t="s">
        <v>101</v>
      </c>
      <c r="D21917" s="14" t="s">
        <v>31</v>
      </c>
      <c r="E21917" s="15">
        <v>45393</v>
      </c>
      <c r="F21917" s="14" t="s">
        <v>15</v>
      </c>
      <c r="G21917" s="16">
        <v>0</v>
      </c>
    </row>
    <row r="21918" spans="1:7" x14ac:dyDescent="0.3">
      <c r="A21918" s="13" t="s">
        <v>148</v>
      </c>
      <c r="B21918" s="14" t="s">
        <v>1</v>
      </c>
      <c r="C21918" s="14" t="s">
        <v>101</v>
      </c>
      <c r="D21918" s="14" t="s">
        <v>31</v>
      </c>
      <c r="E21918" s="15">
        <v>45394</v>
      </c>
      <c r="F21918" s="14" t="s">
        <v>15</v>
      </c>
      <c r="G21918" s="16">
        <v>6.4020427168010735E-2</v>
      </c>
    </row>
    <row r="21919" spans="1:7" x14ac:dyDescent="0.3">
      <c r="A21919" s="13" t="s">
        <v>148</v>
      </c>
      <c r="B21919" s="14" t="s">
        <v>1</v>
      </c>
      <c r="C21919" s="14" t="s">
        <v>101</v>
      </c>
      <c r="D21919" s="14" t="s">
        <v>31</v>
      </c>
      <c r="E21919" s="15">
        <v>45395</v>
      </c>
      <c r="F21919" s="14" t="s">
        <v>15</v>
      </c>
      <c r="G21919" s="16">
        <v>6.4020427168010735E-2</v>
      </c>
    </row>
    <row r="21920" spans="1:7" x14ac:dyDescent="0.3">
      <c r="A21920" s="13" t="s">
        <v>148</v>
      </c>
      <c r="B21920" s="14" t="s">
        <v>1</v>
      </c>
      <c r="C21920" s="14" t="s">
        <v>101</v>
      </c>
      <c r="D21920" s="14" t="s">
        <v>31</v>
      </c>
      <c r="E21920" s="15">
        <v>45396</v>
      </c>
      <c r="F21920" s="14" t="s">
        <v>15</v>
      </c>
      <c r="G21920" s="16">
        <v>6.4020427168010735E-2</v>
      </c>
    </row>
    <row r="21921" spans="1:7" x14ac:dyDescent="0.3">
      <c r="A21921" s="13" t="s">
        <v>148</v>
      </c>
      <c r="B21921" s="14" t="s">
        <v>1</v>
      </c>
      <c r="C21921" s="14" t="s">
        <v>101</v>
      </c>
      <c r="D21921" s="14" t="s">
        <v>31</v>
      </c>
      <c r="E21921" s="15">
        <v>45397</v>
      </c>
      <c r="F21921" s="14" t="s">
        <v>15</v>
      </c>
      <c r="G21921" s="16">
        <v>6.12335044559916E-2</v>
      </c>
    </row>
    <row r="21922" spans="1:7" x14ac:dyDescent="0.3">
      <c r="A21922" s="13" t="s">
        <v>148</v>
      </c>
      <c r="B21922" s="14" t="s">
        <v>1</v>
      </c>
      <c r="C21922" s="14" t="s">
        <v>101</v>
      </c>
      <c r="D21922" s="14" t="s">
        <v>31</v>
      </c>
      <c r="E21922" s="15">
        <v>45398</v>
      </c>
      <c r="F21922" s="14" t="s">
        <v>15</v>
      </c>
      <c r="G21922" s="16">
        <v>5.3935289698141126E-2</v>
      </c>
    </row>
    <row r="21923" spans="1:7" x14ac:dyDescent="0.3">
      <c r="A21923" s="13" t="s">
        <v>148</v>
      </c>
      <c r="B21923" s="14" t="s">
        <v>1</v>
      </c>
      <c r="C21923" s="14" t="s">
        <v>101</v>
      </c>
      <c r="D21923" s="14" t="s">
        <v>31</v>
      </c>
      <c r="E21923" s="15">
        <v>45399</v>
      </c>
      <c r="F21923" s="14" t="s">
        <v>15</v>
      </c>
      <c r="G21923" s="16">
        <v>5.2278308407482918E-2</v>
      </c>
    </row>
    <row r="21924" spans="1:7" x14ac:dyDescent="0.3">
      <c r="A21924" s="13" t="s">
        <v>148</v>
      </c>
      <c r="B21924" s="14" t="s">
        <v>1</v>
      </c>
      <c r="C21924" s="14" t="s">
        <v>101</v>
      </c>
      <c r="D21924" s="14" t="s">
        <v>31</v>
      </c>
      <c r="E21924" s="15">
        <v>45400</v>
      </c>
      <c r="F21924" s="14" t="s">
        <v>15</v>
      </c>
      <c r="G21924" s="16">
        <v>4.9538911761116064E-2</v>
      </c>
    </row>
    <row r="21925" spans="1:7" x14ac:dyDescent="0.3">
      <c r="A21925" s="13" t="s">
        <v>148</v>
      </c>
      <c r="B21925" s="14" t="s">
        <v>1</v>
      </c>
      <c r="C21925" s="14" t="s">
        <v>101</v>
      </c>
      <c r="D21925" s="14" t="s">
        <v>31</v>
      </c>
      <c r="E21925" s="15">
        <v>45401</v>
      </c>
      <c r="F21925" s="14" t="s">
        <v>15</v>
      </c>
      <c r="G21925" s="16">
        <v>5.3203744566173147E-2</v>
      </c>
    </row>
    <row r="21926" spans="1:7" x14ac:dyDescent="0.3">
      <c r="A21926" s="13" t="s">
        <v>148</v>
      </c>
      <c r="B21926" s="14" t="s">
        <v>1</v>
      </c>
      <c r="C21926" s="14" t="s">
        <v>101</v>
      </c>
      <c r="D21926" s="14" t="s">
        <v>31</v>
      </c>
      <c r="E21926" s="15">
        <v>45402</v>
      </c>
      <c r="F21926" s="14" t="s">
        <v>15</v>
      </c>
      <c r="G21926" s="16">
        <v>5.3203744566173147E-2</v>
      </c>
    </row>
    <row r="21927" spans="1:7" x14ac:dyDescent="0.3">
      <c r="A21927" s="13" t="s">
        <v>148</v>
      </c>
      <c r="B21927" s="14" t="s">
        <v>1</v>
      </c>
      <c r="C21927" s="14" t="s">
        <v>101</v>
      </c>
      <c r="D21927" s="14" t="s">
        <v>31</v>
      </c>
      <c r="E21927" s="15">
        <v>45403</v>
      </c>
      <c r="F21927" s="14" t="s">
        <v>15</v>
      </c>
      <c r="G21927" s="16">
        <v>5.3203744566173147E-2</v>
      </c>
    </row>
    <row r="21928" spans="1:7" x14ac:dyDescent="0.3">
      <c r="A21928" s="13" t="s">
        <v>148</v>
      </c>
      <c r="B21928" s="14" t="s">
        <v>1</v>
      </c>
      <c r="C21928" s="14" t="s">
        <v>101</v>
      </c>
      <c r="D21928" s="14" t="s">
        <v>31</v>
      </c>
      <c r="E21928" s="15">
        <v>45404</v>
      </c>
      <c r="F21928" s="14" t="s">
        <v>15</v>
      </c>
      <c r="G21928" s="16">
        <v>5.0470242625623628E-2</v>
      </c>
    </row>
    <row r="21929" spans="1:7" x14ac:dyDescent="0.3">
      <c r="A21929" s="13" t="s">
        <v>148</v>
      </c>
      <c r="B21929" s="14" t="s">
        <v>1</v>
      </c>
      <c r="C21929" s="14" t="s">
        <v>101</v>
      </c>
      <c r="D21929" s="14" t="s">
        <v>31</v>
      </c>
      <c r="E21929" s="15">
        <v>45405</v>
      </c>
      <c r="F21929" s="14" t="s">
        <v>15</v>
      </c>
      <c r="G21929" s="16">
        <v>0.11856715736709156</v>
      </c>
    </row>
    <row r="21930" spans="1:7" x14ac:dyDescent="0.3">
      <c r="A21930" s="13" t="s">
        <v>148</v>
      </c>
      <c r="B21930" s="14" t="s">
        <v>1</v>
      </c>
      <c r="C21930" s="14" t="s">
        <v>101</v>
      </c>
      <c r="D21930" s="14" t="s">
        <v>31</v>
      </c>
      <c r="E21930" s="15">
        <v>45406</v>
      </c>
      <c r="F21930" s="14" t="s">
        <v>15</v>
      </c>
      <c r="G21930" s="16">
        <v>0.12013973802610731</v>
      </c>
    </row>
    <row r="21931" spans="1:7" x14ac:dyDescent="0.3">
      <c r="A21931" s="13" t="s">
        <v>148</v>
      </c>
      <c r="B21931" s="14" t="s">
        <v>1</v>
      </c>
      <c r="C21931" s="14" t="s">
        <v>101</v>
      </c>
      <c r="D21931" s="14" t="s">
        <v>31</v>
      </c>
      <c r="E21931" s="15">
        <v>45407</v>
      </c>
      <c r="F21931" s="14" t="s">
        <v>15</v>
      </c>
      <c r="G21931" s="16">
        <v>0.11311304815496795</v>
      </c>
    </row>
    <row r="21932" spans="1:7" x14ac:dyDescent="0.3">
      <c r="A21932" s="13" t="s">
        <v>148</v>
      </c>
      <c r="B21932" s="14" t="s">
        <v>1</v>
      </c>
      <c r="C21932" s="14" t="s">
        <v>101</v>
      </c>
      <c r="D21932" s="14" t="s">
        <v>31</v>
      </c>
      <c r="E21932" s="15">
        <v>45408</v>
      </c>
      <c r="F21932" s="14" t="s">
        <v>15</v>
      </c>
      <c r="G21932" s="16">
        <v>0.11202159020366059</v>
      </c>
    </row>
    <row r="21933" spans="1:7" x14ac:dyDescent="0.3">
      <c r="A21933" s="13" t="s">
        <v>148</v>
      </c>
      <c r="B21933" s="14" t="s">
        <v>1</v>
      </c>
      <c r="C21933" s="14" t="s">
        <v>101</v>
      </c>
      <c r="D21933" s="14" t="s">
        <v>31</v>
      </c>
      <c r="E21933" s="15">
        <v>45409</v>
      </c>
      <c r="F21933" s="14" t="s">
        <v>15</v>
      </c>
      <c r="G21933" s="16">
        <v>0.11202159020366059</v>
      </c>
    </row>
    <row r="21934" spans="1:7" x14ac:dyDescent="0.3">
      <c r="A21934" s="13" t="s">
        <v>148</v>
      </c>
      <c r="B21934" s="14" t="s">
        <v>1</v>
      </c>
      <c r="C21934" s="14" t="s">
        <v>101</v>
      </c>
      <c r="D21934" s="14" t="s">
        <v>31</v>
      </c>
      <c r="E21934" s="15">
        <v>45410</v>
      </c>
      <c r="F21934" s="14" t="s">
        <v>15</v>
      </c>
      <c r="G21934" s="16">
        <v>0.11202159020366059</v>
      </c>
    </row>
    <row r="21935" spans="1:7" x14ac:dyDescent="0.3">
      <c r="A21935" s="13" t="s">
        <v>148</v>
      </c>
      <c r="B21935" s="14" t="s">
        <v>1</v>
      </c>
      <c r="C21935" s="14" t="s">
        <v>101</v>
      </c>
      <c r="D21935" s="14" t="s">
        <v>31</v>
      </c>
      <c r="E21935" s="15">
        <v>45411</v>
      </c>
      <c r="F21935" s="14" t="s">
        <v>15</v>
      </c>
      <c r="G21935" s="16">
        <v>0.1092608252487059</v>
      </c>
    </row>
    <row r="21936" spans="1:7" x14ac:dyDescent="0.3">
      <c r="A21936" s="13" t="s">
        <v>148</v>
      </c>
      <c r="B21936" s="14" t="s">
        <v>1</v>
      </c>
      <c r="C21936" s="14" t="s">
        <v>101</v>
      </c>
      <c r="D21936" s="14" t="s">
        <v>31</v>
      </c>
      <c r="E21936" s="15">
        <v>45412</v>
      </c>
      <c r="F21936" s="14" t="s">
        <v>15</v>
      </c>
      <c r="G21936" s="16">
        <v>0.10865015424062516</v>
      </c>
    </row>
    <row r="21937" spans="1:7" x14ac:dyDescent="0.3">
      <c r="A21937" s="13" t="s">
        <v>148</v>
      </c>
      <c r="B21937" s="14" t="s">
        <v>1</v>
      </c>
      <c r="C21937" s="14" t="s">
        <v>101</v>
      </c>
      <c r="D21937" s="14" t="s">
        <v>31</v>
      </c>
      <c r="E21937" s="15">
        <v>45413</v>
      </c>
      <c r="F21937" s="14" t="s">
        <v>15</v>
      </c>
      <c r="G21937" s="16">
        <v>0.25620070343664858</v>
      </c>
    </row>
    <row r="21938" spans="1:7" x14ac:dyDescent="0.3">
      <c r="A21938" s="13" t="s">
        <v>148</v>
      </c>
      <c r="B21938" s="14" t="s">
        <v>1</v>
      </c>
      <c r="C21938" s="14" t="s">
        <v>101</v>
      </c>
      <c r="D21938" s="14" t="s">
        <v>31</v>
      </c>
      <c r="E21938" s="15">
        <v>45414</v>
      </c>
      <c r="F21938" s="14" t="s">
        <v>15</v>
      </c>
      <c r="G21938" s="16">
        <v>0.25244041742654155</v>
      </c>
    </row>
    <row r="21939" spans="1:7" x14ac:dyDescent="0.3">
      <c r="A21939" s="13" t="s">
        <v>148</v>
      </c>
      <c r="B21939" s="14" t="s">
        <v>1</v>
      </c>
      <c r="C21939" s="14" t="s">
        <v>101</v>
      </c>
      <c r="D21939" s="14" t="s">
        <v>31</v>
      </c>
      <c r="E21939" s="15">
        <v>45415</v>
      </c>
      <c r="F21939" s="14" t="s">
        <v>15</v>
      </c>
      <c r="G21939" s="16">
        <v>0.24965349471452239</v>
      </c>
    </row>
    <row r="21940" spans="1:7" x14ac:dyDescent="0.3">
      <c r="A21940" s="13" t="s">
        <v>148</v>
      </c>
      <c r="B21940" s="14" t="s">
        <v>1</v>
      </c>
      <c r="C21940" s="14" t="s">
        <v>101</v>
      </c>
      <c r="D21940" s="14" t="s">
        <v>31</v>
      </c>
      <c r="E21940" s="15">
        <v>45416</v>
      </c>
      <c r="F21940" s="14" t="s">
        <v>15</v>
      </c>
      <c r="G21940" s="16">
        <v>0.24965349471452239</v>
      </c>
    </row>
    <row r="21941" spans="1:7" x14ac:dyDescent="0.3">
      <c r="A21941" s="13" t="s">
        <v>148</v>
      </c>
      <c r="B21941" s="14" t="s">
        <v>1</v>
      </c>
      <c r="C21941" s="14" t="s">
        <v>101</v>
      </c>
      <c r="D21941" s="14" t="s">
        <v>31</v>
      </c>
      <c r="E21941" s="15">
        <v>45417</v>
      </c>
      <c r="F21941" s="14" t="s">
        <v>15</v>
      </c>
      <c r="G21941" s="16">
        <v>0.24965349471452239</v>
      </c>
    </row>
    <row r="21942" spans="1:7" x14ac:dyDescent="0.3">
      <c r="A21942" s="13" t="s">
        <v>148</v>
      </c>
      <c r="B21942" s="14" t="s">
        <v>1</v>
      </c>
      <c r="C21942" s="14" t="s">
        <v>101</v>
      </c>
      <c r="D21942" s="14" t="s">
        <v>31</v>
      </c>
      <c r="E21942" s="15">
        <v>45418</v>
      </c>
      <c r="F21942" s="14" t="s">
        <v>15</v>
      </c>
      <c r="G21942" s="16">
        <v>0.24965349471452239</v>
      </c>
    </row>
    <row r="21943" spans="1:7" x14ac:dyDescent="0.3">
      <c r="A21943" s="13" t="s">
        <v>148</v>
      </c>
      <c r="B21943" s="14" t="s">
        <v>1</v>
      </c>
      <c r="C21943" s="14" t="s">
        <v>101</v>
      </c>
      <c r="D21943" s="14" t="s">
        <v>31</v>
      </c>
      <c r="E21943" s="15">
        <v>45419</v>
      </c>
      <c r="F21943" s="14" t="s">
        <v>15</v>
      </c>
      <c r="G21943" s="16">
        <v>0.26356701042124842</v>
      </c>
    </row>
    <row r="21944" spans="1:7" x14ac:dyDescent="0.3">
      <c r="A21944" s="13" t="s">
        <v>148</v>
      </c>
      <c r="B21944" s="14" t="s">
        <v>1</v>
      </c>
      <c r="C21944" s="14" t="s">
        <v>101</v>
      </c>
      <c r="D21944" s="14" t="s">
        <v>31</v>
      </c>
      <c r="E21944" s="15">
        <v>45420</v>
      </c>
      <c r="F21944" s="14" t="s">
        <v>15</v>
      </c>
      <c r="G21944" s="16">
        <v>0.31478148770186093</v>
      </c>
    </row>
    <row r="21945" spans="1:7" x14ac:dyDescent="0.3">
      <c r="A21945" s="13" t="s">
        <v>148</v>
      </c>
      <c r="B21945" s="14" t="s">
        <v>1</v>
      </c>
      <c r="C21945" s="14" t="s">
        <v>101</v>
      </c>
      <c r="D21945" s="14" t="s">
        <v>31</v>
      </c>
      <c r="E21945" s="15">
        <v>45421</v>
      </c>
      <c r="F21945" s="14" t="s">
        <v>15</v>
      </c>
      <c r="G21945" s="16">
        <v>0.37221156384774245</v>
      </c>
    </row>
    <row r="21946" spans="1:7" x14ac:dyDescent="0.3">
      <c r="A21946" s="13" t="s">
        <v>148</v>
      </c>
      <c r="B21946" s="14" t="s">
        <v>1</v>
      </c>
      <c r="C21946" s="14" t="s">
        <v>101</v>
      </c>
      <c r="D21946" s="14" t="s">
        <v>31</v>
      </c>
      <c r="E21946" s="15">
        <v>45422</v>
      </c>
      <c r="F21946" s="14" t="s">
        <v>15</v>
      </c>
      <c r="G21946" s="16">
        <v>0.38636713091209296</v>
      </c>
    </row>
    <row r="21947" spans="1:7" x14ac:dyDescent="0.3">
      <c r="A21947" s="13" t="s">
        <v>148</v>
      </c>
      <c r="B21947" s="14" t="s">
        <v>1</v>
      </c>
      <c r="C21947" s="14" t="s">
        <v>101</v>
      </c>
      <c r="D21947" s="14" t="s">
        <v>31</v>
      </c>
      <c r="E21947" s="15">
        <v>45423</v>
      </c>
      <c r="F21947" s="14" t="s">
        <v>15</v>
      </c>
      <c r="G21947" s="16">
        <v>0.38636713091209296</v>
      </c>
    </row>
    <row r="21948" spans="1:7" x14ac:dyDescent="0.3">
      <c r="A21948" s="13" t="s">
        <v>148</v>
      </c>
      <c r="B21948" s="14" t="s">
        <v>1</v>
      </c>
      <c r="C21948" s="14" t="s">
        <v>101</v>
      </c>
      <c r="D21948" s="14" t="s">
        <v>31</v>
      </c>
      <c r="E21948" s="15">
        <v>45424</v>
      </c>
      <c r="F21948" s="14" t="s">
        <v>15</v>
      </c>
      <c r="G21948" s="16">
        <v>0.38636713091209296</v>
      </c>
    </row>
    <row r="21949" spans="1:7" x14ac:dyDescent="0.3">
      <c r="A21949" s="13" t="s">
        <v>148</v>
      </c>
      <c r="B21949" s="14" t="s">
        <v>1</v>
      </c>
      <c r="C21949" s="14" t="s">
        <v>101</v>
      </c>
      <c r="D21949" s="14" t="s">
        <v>31</v>
      </c>
      <c r="E21949" s="15">
        <v>45425</v>
      </c>
      <c r="F21949" s="14" t="s">
        <v>15</v>
      </c>
      <c r="G21949" s="16">
        <v>0.38671066540819377</v>
      </c>
    </row>
    <row r="21950" spans="1:7" x14ac:dyDescent="0.3">
      <c r="A21950" s="13" t="s">
        <v>148</v>
      </c>
      <c r="B21950" s="14" t="s">
        <v>1</v>
      </c>
      <c r="C21950" s="14" t="s">
        <v>101</v>
      </c>
      <c r="D21950" s="14" t="s">
        <v>31</v>
      </c>
      <c r="E21950" s="15">
        <v>45426</v>
      </c>
      <c r="F21950" s="14" t="s">
        <v>15</v>
      </c>
      <c r="G21950" s="16">
        <v>0.37216380459058573</v>
      </c>
    </row>
    <row r="21951" spans="1:7" x14ac:dyDescent="0.3">
      <c r="A21951" s="13" t="s">
        <v>148</v>
      </c>
      <c r="B21951" s="14" t="s">
        <v>1</v>
      </c>
      <c r="C21951" s="14" t="s">
        <v>101</v>
      </c>
      <c r="D21951" s="14" t="s">
        <v>31</v>
      </c>
      <c r="E21951" s="15">
        <v>45427</v>
      </c>
      <c r="F21951" s="14" t="s">
        <v>15</v>
      </c>
      <c r="G21951" s="16">
        <v>0.36930761908521292</v>
      </c>
    </row>
    <row r="21952" spans="1:7" x14ac:dyDescent="0.3">
      <c r="A21952" s="13" t="s">
        <v>148</v>
      </c>
      <c r="B21952" s="14" t="s">
        <v>1</v>
      </c>
      <c r="C21952" s="14" t="s">
        <v>101</v>
      </c>
      <c r="D21952" s="14" t="s">
        <v>31</v>
      </c>
      <c r="E21952" s="15">
        <v>45428</v>
      </c>
      <c r="F21952" s="14" t="s">
        <v>15</v>
      </c>
      <c r="G21952" s="16">
        <v>0.40870836906965324</v>
      </c>
    </row>
    <row r="21953" spans="1:7" x14ac:dyDescent="0.3">
      <c r="A21953" s="13" t="s">
        <v>148</v>
      </c>
      <c r="B21953" s="14" t="s">
        <v>1</v>
      </c>
      <c r="C21953" s="14" t="s">
        <v>101</v>
      </c>
      <c r="D21953" s="14" t="s">
        <v>31</v>
      </c>
      <c r="E21953" s="15">
        <v>45429</v>
      </c>
      <c r="F21953" s="14" t="s">
        <v>15</v>
      </c>
      <c r="G21953" s="16">
        <v>0.44195688827636087</v>
      </c>
    </row>
    <row r="21954" spans="1:7" x14ac:dyDescent="0.3">
      <c r="A21954" s="13" t="s">
        <v>148</v>
      </c>
      <c r="B21954" s="14" t="s">
        <v>1</v>
      </c>
      <c r="C21954" s="14" t="s">
        <v>101</v>
      </c>
      <c r="D21954" s="14" t="s">
        <v>31</v>
      </c>
      <c r="E21954" s="15">
        <v>45430</v>
      </c>
      <c r="F21954" s="14" t="s">
        <v>15</v>
      </c>
      <c r="G21954" s="16">
        <v>0.44195688827636087</v>
      </c>
    </row>
    <row r="21955" spans="1:7" x14ac:dyDescent="0.3">
      <c r="A21955" s="13" t="s">
        <v>148</v>
      </c>
      <c r="B21955" s="14" t="s">
        <v>1</v>
      </c>
      <c r="C21955" s="14" t="s">
        <v>101</v>
      </c>
      <c r="D21955" s="14" t="s">
        <v>31</v>
      </c>
      <c r="E21955" s="15">
        <v>45431</v>
      </c>
      <c r="F21955" s="14" t="s">
        <v>15</v>
      </c>
      <c r="G21955" s="16">
        <v>0.44195688827636087</v>
      </c>
    </row>
    <row r="21956" spans="1:7" x14ac:dyDescent="0.3">
      <c r="A21956" s="13" t="s">
        <v>148</v>
      </c>
      <c r="B21956" s="14" t="s">
        <v>1</v>
      </c>
      <c r="C21956" s="14" t="s">
        <v>101</v>
      </c>
      <c r="D21956" s="14" t="s">
        <v>31</v>
      </c>
      <c r="E21956" s="15">
        <v>45432</v>
      </c>
      <c r="F21956" s="14" t="s">
        <v>15</v>
      </c>
      <c r="G21956" s="16">
        <v>0.43907712394771864</v>
      </c>
    </row>
    <row r="21957" spans="1:7" x14ac:dyDescent="0.3">
      <c r="A21957" s="13" t="s">
        <v>148</v>
      </c>
      <c r="B21957" s="14" t="s">
        <v>1</v>
      </c>
      <c r="C21957" s="14" t="s">
        <v>101</v>
      </c>
      <c r="D21957" s="14" t="s">
        <v>31</v>
      </c>
      <c r="E21957" s="15">
        <v>45433</v>
      </c>
      <c r="F21957" s="14" t="s">
        <v>15</v>
      </c>
      <c r="G21957" s="16">
        <v>0.43143627941423535</v>
      </c>
    </row>
    <row r="21958" spans="1:7" x14ac:dyDescent="0.3">
      <c r="A21958" s="13" t="s">
        <v>148</v>
      </c>
      <c r="B21958" s="14" t="s">
        <v>1</v>
      </c>
      <c r="C21958" s="14" t="s">
        <v>101</v>
      </c>
      <c r="D21958" s="14" t="s">
        <v>31</v>
      </c>
      <c r="E21958" s="15">
        <v>45434</v>
      </c>
      <c r="F21958" s="14" t="s">
        <v>15</v>
      </c>
      <c r="G21958" s="16">
        <v>0.42855798876204748</v>
      </c>
    </row>
    <row r="21959" spans="1:7" x14ac:dyDescent="0.3">
      <c r="A21959" s="13" t="s">
        <v>148</v>
      </c>
      <c r="B21959" s="14" t="s">
        <v>1</v>
      </c>
      <c r="C21959" s="14" t="s">
        <v>101</v>
      </c>
      <c r="D21959" s="14" t="s">
        <v>31</v>
      </c>
      <c r="E21959" s="15">
        <v>45435</v>
      </c>
      <c r="F21959" s="14" t="s">
        <v>15</v>
      </c>
      <c r="G21959" s="16">
        <v>0.42568117178631393</v>
      </c>
    </row>
    <row r="21960" spans="1:7" x14ac:dyDescent="0.3">
      <c r="A21960" s="13" t="s">
        <v>148</v>
      </c>
      <c r="B21960" s="14" t="s">
        <v>1</v>
      </c>
      <c r="C21960" s="14" t="s">
        <v>101</v>
      </c>
      <c r="D21960" s="14" t="s">
        <v>31</v>
      </c>
      <c r="E21960" s="15">
        <v>45436</v>
      </c>
      <c r="F21960" s="14" t="s">
        <v>15</v>
      </c>
      <c r="G21960" s="16">
        <v>0.43220530533189339</v>
      </c>
    </row>
    <row r="21961" spans="1:7" x14ac:dyDescent="0.3">
      <c r="A21961" s="13" t="s">
        <v>148</v>
      </c>
      <c r="B21961" s="14" t="s">
        <v>1</v>
      </c>
      <c r="C21961" s="14" t="s">
        <v>101</v>
      </c>
      <c r="D21961" s="14" t="s">
        <v>31</v>
      </c>
      <c r="E21961" s="15">
        <v>45437</v>
      </c>
      <c r="F21961" s="14" t="s">
        <v>15</v>
      </c>
      <c r="G21961" s="16">
        <v>0.43220530533189339</v>
      </c>
    </row>
    <row r="21962" spans="1:7" x14ac:dyDescent="0.3">
      <c r="A21962" s="13" t="s">
        <v>148</v>
      </c>
      <c r="B21962" s="14" t="s">
        <v>1</v>
      </c>
      <c r="C21962" s="14" t="s">
        <v>101</v>
      </c>
      <c r="D21962" s="14" t="s">
        <v>31</v>
      </c>
      <c r="E21962" s="15">
        <v>45438</v>
      </c>
      <c r="F21962" s="14" t="s">
        <v>15</v>
      </c>
      <c r="G21962" s="16">
        <v>0.43220530533189339</v>
      </c>
    </row>
    <row r="21963" spans="1:7" x14ac:dyDescent="0.3">
      <c r="A21963" s="13" t="s">
        <v>148</v>
      </c>
      <c r="B21963" s="14" t="s">
        <v>1</v>
      </c>
      <c r="C21963" s="14" t="s">
        <v>101</v>
      </c>
      <c r="D21963" s="14" t="s">
        <v>31</v>
      </c>
      <c r="E21963" s="15">
        <v>45439</v>
      </c>
      <c r="F21963" s="14" t="s">
        <v>15</v>
      </c>
      <c r="G21963" s="16">
        <v>0.42935096192208844</v>
      </c>
    </row>
    <row r="21964" spans="1:7" x14ac:dyDescent="0.3">
      <c r="A21964" s="13" t="s">
        <v>148</v>
      </c>
      <c r="B21964" s="14" t="s">
        <v>1</v>
      </c>
      <c r="C21964" s="14" t="s">
        <v>101</v>
      </c>
      <c r="D21964" s="14" t="s">
        <v>31</v>
      </c>
      <c r="E21964" s="15">
        <v>45440</v>
      </c>
      <c r="F21964" s="14" t="s">
        <v>15</v>
      </c>
      <c r="G21964" s="16">
        <v>0.42175764345425748</v>
      </c>
    </row>
    <row r="21965" spans="1:7" x14ac:dyDescent="0.3">
      <c r="A21965" s="13" t="s">
        <v>148</v>
      </c>
      <c r="B21965" s="14" t="s">
        <v>1</v>
      </c>
      <c r="C21965" s="14" t="s">
        <v>101</v>
      </c>
      <c r="D21965" s="14" t="s">
        <v>31</v>
      </c>
      <c r="E21965" s="15">
        <v>45441</v>
      </c>
      <c r="F21965" s="14" t="s">
        <v>15</v>
      </c>
      <c r="G21965" s="16">
        <v>0.45234359772709631</v>
      </c>
    </row>
    <row r="21966" spans="1:7" x14ac:dyDescent="0.3">
      <c r="A21966" s="13" t="s">
        <v>148</v>
      </c>
      <c r="B21966" s="14" t="s">
        <v>1</v>
      </c>
      <c r="C21966" s="14" t="s">
        <v>101</v>
      </c>
      <c r="D21966" s="14" t="s">
        <v>31</v>
      </c>
      <c r="E21966" s="15">
        <v>45442</v>
      </c>
      <c r="F21966" s="14" t="s">
        <v>15</v>
      </c>
      <c r="G21966" s="16">
        <v>0.44948299119236046</v>
      </c>
    </row>
    <row r="21967" spans="1:7" x14ac:dyDescent="0.3">
      <c r="A21967" s="13" t="s">
        <v>148</v>
      </c>
      <c r="B21967" s="14" t="s">
        <v>1</v>
      </c>
      <c r="C21967" s="14" t="s">
        <v>101</v>
      </c>
      <c r="D21967" s="14" t="s">
        <v>31</v>
      </c>
      <c r="E21967" s="15">
        <v>45443</v>
      </c>
      <c r="F21967" s="14" t="s">
        <v>15</v>
      </c>
      <c r="G21967" s="16">
        <v>0.45147778015554302</v>
      </c>
    </row>
    <row r="21968" spans="1:7" x14ac:dyDescent="0.3">
      <c r="A21968" s="13" t="s">
        <v>148</v>
      </c>
      <c r="B21968" s="14" t="s">
        <v>1</v>
      </c>
      <c r="C21968" s="14" t="s">
        <v>101</v>
      </c>
      <c r="D21968" s="14" t="s">
        <v>31</v>
      </c>
      <c r="E21968" s="15">
        <v>45444</v>
      </c>
      <c r="F21968" s="14" t="s">
        <v>15</v>
      </c>
      <c r="G21968" s="16">
        <v>0.45147778015554302</v>
      </c>
    </row>
    <row r="21969" spans="1:7" x14ac:dyDescent="0.3">
      <c r="A21969" s="13" t="s">
        <v>148</v>
      </c>
      <c r="B21969" s="14" t="s">
        <v>1</v>
      </c>
      <c r="C21969" s="14" t="s">
        <v>101</v>
      </c>
      <c r="D21969" s="14" t="s">
        <v>31</v>
      </c>
      <c r="E21969" s="15">
        <v>45445</v>
      </c>
      <c r="F21969" s="14" t="s">
        <v>15</v>
      </c>
      <c r="G21969" s="16">
        <v>0.45147778015554302</v>
      </c>
    </row>
    <row r="21970" spans="1:7" x14ac:dyDescent="0.3">
      <c r="A21970" s="13" t="s">
        <v>148</v>
      </c>
      <c r="B21970" s="14" t="s">
        <v>1</v>
      </c>
      <c r="C21970" s="14" t="s">
        <v>101</v>
      </c>
      <c r="D21970" s="14" t="s">
        <v>31</v>
      </c>
      <c r="E21970" s="15">
        <v>45446</v>
      </c>
      <c r="F21970" s="14" t="s">
        <v>15</v>
      </c>
      <c r="G21970" s="16">
        <v>0.45147778015554302</v>
      </c>
    </row>
    <row r="21971" spans="1:7" x14ac:dyDescent="0.3">
      <c r="A21971" s="13" t="s">
        <v>148</v>
      </c>
      <c r="B21971" s="14" t="s">
        <v>1</v>
      </c>
      <c r="C21971" s="14" t="s">
        <v>101</v>
      </c>
      <c r="D21971" s="14" t="s">
        <v>31</v>
      </c>
      <c r="E21971" s="15">
        <v>45447</v>
      </c>
      <c r="F21971" s="14" t="s">
        <v>15</v>
      </c>
      <c r="G21971" s="16">
        <v>0.48253273195997376</v>
      </c>
    </row>
    <row r="21972" spans="1:7" x14ac:dyDescent="0.3">
      <c r="A21972" s="13" t="s">
        <v>148</v>
      </c>
      <c r="B21972" s="14" t="s">
        <v>1</v>
      </c>
      <c r="C21972" s="14" t="s">
        <v>101</v>
      </c>
      <c r="D21972" s="14" t="s">
        <v>31</v>
      </c>
      <c r="E21972" s="15">
        <v>45448</v>
      </c>
      <c r="F21972" s="14" t="s">
        <v>15</v>
      </c>
      <c r="G21972" s="16">
        <v>0.48849171058531599</v>
      </c>
    </row>
    <row r="21973" spans="1:7" x14ac:dyDescent="0.3">
      <c r="A21973" s="13" t="s">
        <v>148</v>
      </c>
      <c r="B21973" s="14" t="s">
        <v>1</v>
      </c>
      <c r="C21973" s="14" t="s">
        <v>101</v>
      </c>
      <c r="D21973" s="14" t="s">
        <v>31</v>
      </c>
      <c r="E21973" s="15">
        <v>45449</v>
      </c>
      <c r="F21973" s="14" t="s">
        <v>15</v>
      </c>
      <c r="G21973" s="16">
        <v>0.49663578297332267</v>
      </c>
    </row>
    <row r="21974" spans="1:7" x14ac:dyDescent="0.3">
      <c r="A21974" s="13" t="s">
        <v>148</v>
      </c>
      <c r="B21974" s="14" t="s">
        <v>1</v>
      </c>
      <c r="C21974" s="14" t="s">
        <v>101</v>
      </c>
      <c r="D21974" s="14" t="s">
        <v>31</v>
      </c>
      <c r="E21974" s="15">
        <v>45450</v>
      </c>
      <c r="F21974" s="14" t="s">
        <v>15</v>
      </c>
      <c r="G21974" s="16">
        <v>0.49853994083456366</v>
      </c>
    </row>
    <row r="21975" spans="1:7" x14ac:dyDescent="0.3">
      <c r="A21975" s="13" t="s">
        <v>148</v>
      </c>
      <c r="B21975" s="14" t="s">
        <v>1</v>
      </c>
      <c r="C21975" s="14" t="s">
        <v>101</v>
      </c>
      <c r="D21975" s="14" t="s">
        <v>31</v>
      </c>
      <c r="E21975" s="15">
        <v>45451</v>
      </c>
      <c r="F21975" s="14" t="s">
        <v>15</v>
      </c>
      <c r="G21975" s="16">
        <v>0.49853994083456366</v>
      </c>
    </row>
    <row r="21976" spans="1:7" x14ac:dyDescent="0.3">
      <c r="A21976" s="13" t="s">
        <v>148</v>
      </c>
      <c r="B21976" s="14" t="s">
        <v>1</v>
      </c>
      <c r="C21976" s="14" t="s">
        <v>101</v>
      </c>
      <c r="D21976" s="14" t="s">
        <v>31</v>
      </c>
      <c r="E21976" s="15">
        <v>45452</v>
      </c>
      <c r="F21976" s="14" t="s">
        <v>15</v>
      </c>
      <c r="G21976" s="16">
        <v>0.49853994083456366</v>
      </c>
    </row>
    <row r="21977" spans="1:7" x14ac:dyDescent="0.3">
      <c r="A21977" s="13" t="s">
        <v>148</v>
      </c>
      <c r="B21977" s="14" t="s">
        <v>1</v>
      </c>
      <c r="C21977" s="14" t="s">
        <v>101</v>
      </c>
      <c r="D21977" s="14" t="s">
        <v>31</v>
      </c>
      <c r="E21977" s="15">
        <v>45453</v>
      </c>
      <c r="F21977" s="14" t="s">
        <v>15</v>
      </c>
      <c r="G21977" s="16">
        <v>0.50321755778286203</v>
      </c>
    </row>
    <row r="21978" spans="1:7" x14ac:dyDescent="0.3">
      <c r="A21978" s="13" t="s">
        <v>148</v>
      </c>
      <c r="B21978" s="14" t="s">
        <v>1</v>
      </c>
      <c r="C21978" s="14" t="s">
        <v>101</v>
      </c>
      <c r="D21978" s="14" t="s">
        <v>31</v>
      </c>
      <c r="E21978" s="15">
        <v>45454</v>
      </c>
      <c r="F21978" s="14" t="s">
        <v>15</v>
      </c>
      <c r="G21978" s="16">
        <v>0.56205831071465528</v>
      </c>
    </row>
    <row r="21979" spans="1:7" x14ac:dyDescent="0.3">
      <c r="A21979" s="13" t="s">
        <v>148</v>
      </c>
      <c r="B21979" s="14" t="s">
        <v>1</v>
      </c>
      <c r="C21979" s="14" t="s">
        <v>101</v>
      </c>
      <c r="D21979" s="14" t="s">
        <v>31</v>
      </c>
      <c r="E21979" s="15">
        <v>45455</v>
      </c>
      <c r="F21979" s="14" t="s">
        <v>15</v>
      </c>
      <c r="G21979" s="16">
        <v>0.55920949359155414</v>
      </c>
    </row>
    <row r="21980" spans="1:7" x14ac:dyDescent="0.3">
      <c r="A21980" s="13" t="s">
        <v>148</v>
      </c>
      <c r="B21980" s="14" t="s">
        <v>1</v>
      </c>
      <c r="C21980" s="14" t="s">
        <v>101</v>
      </c>
      <c r="D21980" s="14" t="s">
        <v>31</v>
      </c>
      <c r="E21980" s="15">
        <v>45456</v>
      </c>
      <c r="F21980" s="14" t="s">
        <v>15</v>
      </c>
      <c r="G21980" s="16">
        <v>0.55637283429920115</v>
      </c>
    </row>
    <row r="21981" spans="1:7" x14ac:dyDescent="0.3">
      <c r="A21981" s="13" t="s">
        <v>148</v>
      </c>
      <c r="B21981" s="14" t="s">
        <v>1</v>
      </c>
      <c r="C21981" s="14" t="s">
        <v>101</v>
      </c>
      <c r="D21981" s="14" t="s">
        <v>31</v>
      </c>
      <c r="E21981" s="15">
        <v>45457</v>
      </c>
      <c r="F21981" s="14" t="s">
        <v>15</v>
      </c>
      <c r="G21981" s="16">
        <v>0.558873462705334</v>
      </c>
    </row>
    <row r="21982" spans="1:7" x14ac:dyDescent="0.3">
      <c r="A21982" s="13" t="s">
        <v>148</v>
      </c>
      <c r="B21982" s="14" t="s">
        <v>1</v>
      </c>
      <c r="C21982" s="14" t="s">
        <v>101</v>
      </c>
      <c r="D21982" s="14" t="s">
        <v>31</v>
      </c>
      <c r="E21982" s="15">
        <v>45458</v>
      </c>
      <c r="F21982" s="14" t="s">
        <v>15</v>
      </c>
      <c r="G21982" s="16">
        <v>0.558873462705334</v>
      </c>
    </row>
    <row r="21983" spans="1:7" x14ac:dyDescent="0.3">
      <c r="A21983" s="13" t="s">
        <v>148</v>
      </c>
      <c r="B21983" s="14" t="s">
        <v>1</v>
      </c>
      <c r="C21983" s="14" t="s">
        <v>101</v>
      </c>
      <c r="D21983" s="14" t="s">
        <v>31</v>
      </c>
      <c r="E21983" s="15">
        <v>45459</v>
      </c>
      <c r="F21983" s="14" t="s">
        <v>15</v>
      </c>
      <c r="G21983" s="16">
        <v>0.558873462705334</v>
      </c>
    </row>
    <row r="21984" spans="1:7" x14ac:dyDescent="0.3">
      <c r="A21984" s="13" t="s">
        <v>148</v>
      </c>
      <c r="B21984" s="14" t="s">
        <v>1</v>
      </c>
      <c r="C21984" s="14" t="s">
        <v>101</v>
      </c>
      <c r="D21984" s="14" t="s">
        <v>31</v>
      </c>
      <c r="E21984" s="15">
        <v>45460</v>
      </c>
      <c r="F21984" s="14" t="s">
        <v>15</v>
      </c>
      <c r="G21984" s="16">
        <v>0.55817879213935628</v>
      </c>
    </row>
    <row r="21985" spans="1:7" x14ac:dyDescent="0.3">
      <c r="A21985" s="13" t="s">
        <v>148</v>
      </c>
      <c r="B21985" s="14" t="s">
        <v>1</v>
      </c>
      <c r="C21985" s="14" t="s">
        <v>101</v>
      </c>
      <c r="D21985" s="14" t="s">
        <v>31</v>
      </c>
      <c r="E21985" s="15">
        <v>45461</v>
      </c>
      <c r="F21985" s="14" t="s">
        <v>15</v>
      </c>
      <c r="G21985" s="16">
        <v>0.57284572493336072</v>
      </c>
    </row>
    <row r="21986" spans="1:7" x14ac:dyDescent="0.3">
      <c r="A21986" s="13" t="s">
        <v>148</v>
      </c>
      <c r="B21986" s="14" t="s">
        <v>1</v>
      </c>
      <c r="C21986" s="14" t="s">
        <v>101</v>
      </c>
      <c r="D21986" s="14" t="s">
        <v>31</v>
      </c>
      <c r="E21986" s="15">
        <v>45462</v>
      </c>
      <c r="F21986" s="14" t="s">
        <v>15</v>
      </c>
      <c r="G21986" s="16">
        <v>0.57663766233260416</v>
      </c>
    </row>
    <row r="21987" spans="1:7" x14ac:dyDescent="0.3">
      <c r="A21987" s="13" t="s">
        <v>148</v>
      </c>
      <c r="B21987" s="14" t="s">
        <v>1</v>
      </c>
      <c r="C21987" s="14" t="s">
        <v>101</v>
      </c>
      <c r="D21987" s="14" t="s">
        <v>31</v>
      </c>
      <c r="E21987" s="15">
        <v>45463</v>
      </c>
      <c r="F21987" s="14" t="s">
        <v>15</v>
      </c>
      <c r="G21987" s="16">
        <v>0.57378037156989048</v>
      </c>
    </row>
    <row r="21988" spans="1:7" x14ac:dyDescent="0.3">
      <c r="A21988" s="13" t="s">
        <v>148</v>
      </c>
      <c r="B21988" s="14" t="s">
        <v>1</v>
      </c>
      <c r="C21988" s="14" t="s">
        <v>101</v>
      </c>
      <c r="D21988" s="14" t="s">
        <v>31</v>
      </c>
      <c r="E21988" s="15">
        <v>45464</v>
      </c>
      <c r="F21988" s="14" t="s">
        <v>15</v>
      </c>
      <c r="G21988" s="16">
        <v>0.57567200318126965</v>
      </c>
    </row>
    <row r="21989" spans="1:7" x14ac:dyDescent="0.3">
      <c r="A21989" s="13" t="s">
        <v>148</v>
      </c>
      <c r="B21989" s="14" t="s">
        <v>1</v>
      </c>
      <c r="C21989" s="14" t="s">
        <v>101</v>
      </c>
      <c r="D21989" s="14" t="s">
        <v>31</v>
      </c>
      <c r="E21989" s="15">
        <v>45465</v>
      </c>
      <c r="F21989" s="14" t="s">
        <v>15</v>
      </c>
      <c r="G21989" s="16">
        <v>0.57567200318126965</v>
      </c>
    </row>
    <row r="21990" spans="1:7" x14ac:dyDescent="0.3">
      <c r="A21990" s="13" t="s">
        <v>148</v>
      </c>
      <c r="B21990" s="14" t="s">
        <v>1</v>
      </c>
      <c r="C21990" s="14" t="s">
        <v>101</v>
      </c>
      <c r="D21990" s="14" t="s">
        <v>31</v>
      </c>
      <c r="E21990" s="15">
        <v>45466</v>
      </c>
      <c r="F21990" s="14" t="s">
        <v>15</v>
      </c>
      <c r="G21990" s="16">
        <v>0.57567200318126965</v>
      </c>
    </row>
    <row r="21991" spans="1:7" x14ac:dyDescent="0.3">
      <c r="A21991" s="13" t="s">
        <v>148</v>
      </c>
      <c r="B21991" s="14" t="s">
        <v>1</v>
      </c>
      <c r="C21991" s="14" t="s">
        <v>101</v>
      </c>
      <c r="D21991" s="14" t="s">
        <v>31</v>
      </c>
      <c r="E21991" s="15">
        <v>45467</v>
      </c>
      <c r="F21991" s="14" t="s">
        <v>15</v>
      </c>
      <c r="G21991" s="16">
        <v>0.57281250190387456</v>
      </c>
    </row>
    <row r="21992" spans="1:7" x14ac:dyDescent="0.3">
      <c r="A21992" s="13" t="s">
        <v>148</v>
      </c>
      <c r="B21992" s="14" t="s">
        <v>1</v>
      </c>
      <c r="C21992" s="14" t="s">
        <v>101</v>
      </c>
      <c r="D21992" s="14" t="s">
        <v>31</v>
      </c>
      <c r="E21992" s="15">
        <v>45468</v>
      </c>
      <c r="F21992" s="14" t="s">
        <v>15</v>
      </c>
      <c r="G21992" s="16">
        <v>0.56524718328867596</v>
      </c>
    </row>
    <row r="21993" spans="1:7" x14ac:dyDescent="0.3">
      <c r="A21993" s="13" t="s">
        <v>148</v>
      </c>
      <c r="B21993" s="14" t="s">
        <v>1</v>
      </c>
      <c r="C21993" s="14" t="s">
        <v>101</v>
      </c>
      <c r="D21993" s="14" t="s">
        <v>31</v>
      </c>
      <c r="E21993" s="15">
        <v>45469</v>
      </c>
      <c r="F21993" s="14" t="s">
        <v>15</v>
      </c>
      <c r="G21993" s="16">
        <v>0.56238399782014503</v>
      </c>
    </row>
    <row r="21994" spans="1:7" x14ac:dyDescent="0.3">
      <c r="A21994" s="13" t="s">
        <v>148</v>
      </c>
      <c r="B21994" s="14" t="s">
        <v>1</v>
      </c>
      <c r="C21994" s="14" t="s">
        <v>101</v>
      </c>
      <c r="D21994" s="14" t="s">
        <v>31</v>
      </c>
      <c r="E21994" s="15">
        <v>45470</v>
      </c>
      <c r="F21994" s="14" t="s">
        <v>15</v>
      </c>
      <c r="G21994" s="16">
        <v>0.55953444385881668</v>
      </c>
    </row>
    <row r="21995" spans="1:7" x14ac:dyDescent="0.3">
      <c r="A21995" s="13" t="s">
        <v>148</v>
      </c>
      <c r="B21995" s="14" t="s">
        <v>1</v>
      </c>
      <c r="C21995" s="14" t="s">
        <v>101</v>
      </c>
      <c r="D21995" s="14" t="s">
        <v>31</v>
      </c>
      <c r="E21995" s="15">
        <v>45471</v>
      </c>
      <c r="F21995" s="14" t="s">
        <v>15</v>
      </c>
      <c r="G21995" s="16">
        <v>0.57063765856712689</v>
      </c>
    </row>
    <row r="21996" spans="1:7" x14ac:dyDescent="0.3">
      <c r="A21996" s="13" t="s">
        <v>148</v>
      </c>
      <c r="B21996" s="14" t="s">
        <v>1</v>
      </c>
      <c r="C21996" s="14" t="s">
        <v>101</v>
      </c>
      <c r="D21996" s="14" t="s">
        <v>31</v>
      </c>
      <c r="E21996" s="15">
        <v>45472</v>
      </c>
      <c r="F21996" s="14" t="s">
        <v>15</v>
      </c>
      <c r="G21996" s="16">
        <v>0.57063765856712689</v>
      </c>
    </row>
    <row r="21997" spans="1:7" x14ac:dyDescent="0.3">
      <c r="A21997" s="13" t="s">
        <v>148</v>
      </c>
      <c r="B21997" s="14" t="s">
        <v>1</v>
      </c>
      <c r="C21997" s="14" t="s">
        <v>101</v>
      </c>
      <c r="D21997" s="14" t="s">
        <v>31</v>
      </c>
      <c r="E21997" s="15">
        <v>45473</v>
      </c>
      <c r="F21997" s="14" t="s">
        <v>15</v>
      </c>
      <c r="G21997" s="16">
        <v>0.57063765856712689</v>
      </c>
    </row>
    <row r="21998" spans="1:7" x14ac:dyDescent="0.3">
      <c r="A21998" s="13" t="s">
        <v>148</v>
      </c>
      <c r="B21998" s="14" t="s">
        <v>1</v>
      </c>
      <c r="C21998" s="14" t="s">
        <v>101</v>
      </c>
      <c r="D21998" s="14" t="s">
        <v>31</v>
      </c>
      <c r="E21998" s="15">
        <v>45474</v>
      </c>
      <c r="F21998" s="14" t="s">
        <v>15</v>
      </c>
      <c r="G21998" s="16">
        <v>0.57373586277549238</v>
      </c>
    </row>
    <row r="21999" spans="1:7" x14ac:dyDescent="0.3">
      <c r="A21999" s="13" t="s">
        <v>148</v>
      </c>
      <c r="B21999" s="14" t="s">
        <v>1</v>
      </c>
      <c r="C21999" s="14" t="s">
        <v>101</v>
      </c>
      <c r="D21999" s="14" t="s">
        <v>31</v>
      </c>
      <c r="E21999" s="15">
        <v>45475</v>
      </c>
      <c r="F21999" s="14" t="s">
        <v>15</v>
      </c>
      <c r="G21999" s="16">
        <v>0.56636691154783392</v>
      </c>
    </row>
    <row r="22000" spans="1:7" x14ac:dyDescent="0.3">
      <c r="A22000" s="13" t="s">
        <v>148</v>
      </c>
      <c r="B22000" s="14" t="s">
        <v>1</v>
      </c>
      <c r="C22000" s="14" t="s">
        <v>101</v>
      </c>
      <c r="D22000" s="14" t="s">
        <v>31</v>
      </c>
      <c r="E22000" s="15">
        <v>45476</v>
      </c>
      <c r="F22000" s="14" t="s">
        <v>15</v>
      </c>
      <c r="G22000" s="16">
        <v>0.56344441060201589</v>
      </c>
    </row>
    <row r="22001" spans="1:7" x14ac:dyDescent="0.3">
      <c r="A22001" s="13" t="s">
        <v>148</v>
      </c>
      <c r="B22001" s="14" t="s">
        <v>1</v>
      </c>
      <c r="C22001" s="14" t="s">
        <v>101</v>
      </c>
      <c r="D22001" s="14" t="s">
        <v>31</v>
      </c>
      <c r="E22001" s="15">
        <v>45477</v>
      </c>
      <c r="F22001" s="14" t="s">
        <v>15</v>
      </c>
      <c r="G22001" s="16">
        <v>0.56497462306296953</v>
      </c>
    </row>
    <row r="22002" spans="1:7" x14ac:dyDescent="0.3">
      <c r="A22002" s="13" t="s">
        <v>148</v>
      </c>
      <c r="B22002" s="14" t="s">
        <v>1</v>
      </c>
      <c r="C22002" s="14" t="s">
        <v>101</v>
      </c>
      <c r="D22002" s="14" t="s">
        <v>31</v>
      </c>
      <c r="E22002" s="15">
        <v>45478</v>
      </c>
      <c r="F22002" s="14" t="s">
        <v>15</v>
      </c>
      <c r="G22002" s="16">
        <v>0.56201380652933897</v>
      </c>
    </row>
    <row r="22003" spans="1:7" x14ac:dyDescent="0.3">
      <c r="A22003" s="13" t="s">
        <v>148</v>
      </c>
      <c r="B22003" s="14" t="s">
        <v>1</v>
      </c>
      <c r="C22003" s="14" t="s">
        <v>101</v>
      </c>
      <c r="D22003" s="14" t="s">
        <v>31</v>
      </c>
      <c r="E22003" s="15">
        <v>45479</v>
      </c>
      <c r="F22003" s="14" t="s">
        <v>15</v>
      </c>
      <c r="G22003" s="16">
        <v>0.56201380652933897</v>
      </c>
    </row>
    <row r="22004" spans="1:7" x14ac:dyDescent="0.3">
      <c r="A22004" s="13" t="s">
        <v>148</v>
      </c>
      <c r="B22004" s="14" t="s">
        <v>1</v>
      </c>
      <c r="C22004" s="14" t="s">
        <v>101</v>
      </c>
      <c r="D22004" s="14" t="s">
        <v>31</v>
      </c>
      <c r="E22004" s="15">
        <v>45480</v>
      </c>
      <c r="F22004" s="14" t="s">
        <v>15</v>
      </c>
      <c r="G22004" s="16">
        <v>0.56201380652933897</v>
      </c>
    </row>
    <row r="22005" spans="1:7" x14ac:dyDescent="0.3">
      <c r="A22005" s="13" t="s">
        <v>148</v>
      </c>
      <c r="B22005" s="14" t="s">
        <v>1</v>
      </c>
      <c r="C22005" s="14" t="s">
        <v>101</v>
      </c>
      <c r="D22005" s="14" t="s">
        <v>31</v>
      </c>
      <c r="E22005" s="15">
        <v>45481</v>
      </c>
      <c r="F22005" s="14" t="s">
        <v>15</v>
      </c>
      <c r="G22005" s="16">
        <v>0.56018440509352363</v>
      </c>
    </row>
    <row r="22006" spans="1:7" x14ac:dyDescent="0.3">
      <c r="A22006" s="13" t="s">
        <v>148</v>
      </c>
      <c r="B22006" s="14" t="s">
        <v>1</v>
      </c>
      <c r="C22006" s="14" t="s">
        <v>101</v>
      </c>
      <c r="D22006" s="14" t="s">
        <v>31</v>
      </c>
      <c r="E22006" s="15">
        <v>45482</v>
      </c>
      <c r="F22006" s="14" t="s">
        <v>15</v>
      </c>
      <c r="G22006" s="16">
        <v>0.55227203567332928</v>
      </c>
    </row>
    <row r="22007" spans="1:7" x14ac:dyDescent="0.3">
      <c r="A22007" s="13" t="s">
        <v>148</v>
      </c>
      <c r="B22007" s="14" t="s">
        <v>1</v>
      </c>
      <c r="C22007" s="14" t="s">
        <v>101</v>
      </c>
      <c r="D22007" s="14" t="s">
        <v>31</v>
      </c>
      <c r="E22007" s="15">
        <v>45483</v>
      </c>
      <c r="F22007" s="14" t="s">
        <v>15</v>
      </c>
      <c r="G22007" s="16">
        <v>0.54929979814717766</v>
      </c>
    </row>
    <row r="22008" spans="1:7" x14ac:dyDescent="0.3">
      <c r="A22008" s="13" t="s">
        <v>148</v>
      </c>
      <c r="B22008" s="14" t="s">
        <v>1</v>
      </c>
      <c r="C22008" s="14" t="s">
        <v>101</v>
      </c>
      <c r="D22008" s="14" t="s">
        <v>31</v>
      </c>
      <c r="E22008" s="15">
        <v>45484</v>
      </c>
      <c r="F22008" s="14" t="s">
        <v>15</v>
      </c>
      <c r="G22008" s="16">
        <v>0.54633456058418395</v>
      </c>
    </row>
    <row r="22009" spans="1:7" x14ac:dyDescent="0.3">
      <c r="A22009" s="13" t="s">
        <v>148</v>
      </c>
      <c r="B22009" s="14" t="s">
        <v>1</v>
      </c>
      <c r="C22009" s="14" t="s">
        <v>101</v>
      </c>
      <c r="D22009" s="14" t="s">
        <v>31</v>
      </c>
      <c r="E22009" s="15">
        <v>45485</v>
      </c>
      <c r="F22009" s="14" t="s">
        <v>15</v>
      </c>
      <c r="G22009" s="16">
        <v>0.55173022638485691</v>
      </c>
    </row>
    <row r="22010" spans="1:7" x14ac:dyDescent="0.3">
      <c r="A22010" s="13" t="s">
        <v>148</v>
      </c>
      <c r="B22010" s="14" t="s">
        <v>1</v>
      </c>
      <c r="C22010" s="14" t="s">
        <v>101</v>
      </c>
      <c r="D22010" s="14" t="s">
        <v>31</v>
      </c>
      <c r="E22010" s="15">
        <v>45486</v>
      </c>
      <c r="F22010" s="14" t="s">
        <v>15</v>
      </c>
      <c r="G22010" s="16">
        <v>0.55173022638485691</v>
      </c>
    </row>
    <row r="22011" spans="1:7" x14ac:dyDescent="0.3">
      <c r="A22011" s="13" t="s">
        <v>148</v>
      </c>
      <c r="B22011" s="14" t="s">
        <v>1</v>
      </c>
      <c r="C22011" s="14" t="s">
        <v>101</v>
      </c>
      <c r="D22011" s="14" t="s">
        <v>31</v>
      </c>
      <c r="E22011" s="15">
        <v>45487</v>
      </c>
      <c r="F22011" s="14" t="s">
        <v>15</v>
      </c>
      <c r="G22011" s="16">
        <v>0.55173022638485691</v>
      </c>
    </row>
    <row r="22012" spans="1:7" x14ac:dyDescent="0.3">
      <c r="A22012" s="13" t="s">
        <v>148</v>
      </c>
      <c r="B22012" s="14" t="s">
        <v>1</v>
      </c>
      <c r="C22012" s="14" t="s">
        <v>101</v>
      </c>
      <c r="D22012" s="14" t="s">
        <v>31</v>
      </c>
      <c r="E22012" s="15">
        <v>45488</v>
      </c>
      <c r="F22012" s="14" t="s">
        <v>15</v>
      </c>
      <c r="G22012" s="16">
        <v>0.55363770001812007</v>
      </c>
    </row>
    <row r="22013" spans="1:7" x14ac:dyDescent="0.3">
      <c r="A22013" s="13" t="s">
        <v>148</v>
      </c>
      <c r="B22013" s="14" t="s">
        <v>1</v>
      </c>
      <c r="C22013" s="14" t="s">
        <v>101</v>
      </c>
      <c r="D22013" s="14" t="s">
        <v>31</v>
      </c>
      <c r="E22013" s="15">
        <v>45489</v>
      </c>
      <c r="F22013" s="14" t="s">
        <v>15</v>
      </c>
      <c r="G22013" s="16">
        <v>0.54554222629847471</v>
      </c>
    </row>
    <row r="22014" spans="1:7" x14ac:dyDescent="0.3">
      <c r="A22014" s="13" t="s">
        <v>148</v>
      </c>
      <c r="B22014" s="14" t="s">
        <v>1</v>
      </c>
      <c r="C22014" s="14" t="s">
        <v>101</v>
      </c>
      <c r="D22014" s="14" t="s">
        <v>31</v>
      </c>
      <c r="E22014" s="15">
        <v>45490</v>
      </c>
      <c r="F22014" s="14" t="s">
        <v>15</v>
      </c>
      <c r="G22014" s="16">
        <v>0.54252025219198918</v>
      </c>
    </row>
    <row r="22015" spans="1:7" x14ac:dyDescent="0.3">
      <c r="A22015" s="13" t="s">
        <v>148</v>
      </c>
      <c r="B22015" s="14" t="s">
        <v>1</v>
      </c>
      <c r="C22015" s="14" t="s">
        <v>101</v>
      </c>
      <c r="D22015" s="14" t="s">
        <v>31</v>
      </c>
      <c r="E22015" s="15">
        <v>45491</v>
      </c>
      <c r="F22015" s="14" t="s">
        <v>15</v>
      </c>
      <c r="G22015" s="16">
        <v>0.5394695413946442</v>
      </c>
    </row>
    <row r="22016" spans="1:7" x14ac:dyDescent="0.3">
      <c r="A22016" s="13" t="s">
        <v>148</v>
      </c>
      <c r="B22016" s="14" t="s">
        <v>1</v>
      </c>
      <c r="C22016" s="14" t="s">
        <v>101</v>
      </c>
      <c r="D22016" s="14" t="s">
        <v>31</v>
      </c>
      <c r="E22016" s="15">
        <v>45492</v>
      </c>
      <c r="F22016" s="14" t="s">
        <v>15</v>
      </c>
      <c r="G22016" s="16">
        <v>0.54415784249723653</v>
      </c>
    </row>
    <row r="22017" spans="1:7" x14ac:dyDescent="0.3">
      <c r="A22017" s="13" t="s">
        <v>148</v>
      </c>
      <c r="B22017" s="14" t="s">
        <v>1</v>
      </c>
      <c r="C22017" s="14" t="s">
        <v>101</v>
      </c>
      <c r="D22017" s="14" t="s">
        <v>31</v>
      </c>
      <c r="E22017" s="15">
        <v>45493</v>
      </c>
      <c r="F22017" s="14" t="s">
        <v>15</v>
      </c>
      <c r="G22017" s="16">
        <v>0.54415784249723653</v>
      </c>
    </row>
    <row r="22018" spans="1:7" x14ac:dyDescent="0.3">
      <c r="A22018" s="13" t="s">
        <v>148</v>
      </c>
      <c r="B22018" s="14" t="s">
        <v>1</v>
      </c>
      <c r="C22018" s="14" t="s">
        <v>101</v>
      </c>
      <c r="D22018" s="14" t="s">
        <v>31</v>
      </c>
      <c r="E22018" s="15">
        <v>45494</v>
      </c>
      <c r="F22018" s="14" t="s">
        <v>15</v>
      </c>
      <c r="G22018" s="16">
        <v>0.54415784249723653</v>
      </c>
    </row>
    <row r="22019" spans="1:7" x14ac:dyDescent="0.3">
      <c r="A22019" s="13" t="s">
        <v>148</v>
      </c>
      <c r="B22019" s="14" t="s">
        <v>1</v>
      </c>
      <c r="C22019" s="14" t="s">
        <v>101</v>
      </c>
      <c r="D22019" s="14" t="s">
        <v>31</v>
      </c>
      <c r="E22019" s="15">
        <v>45495</v>
      </c>
      <c r="F22019" s="14" t="s">
        <v>15</v>
      </c>
      <c r="G22019" s="16">
        <v>0.54112850000847934</v>
      </c>
    </row>
    <row r="22020" spans="1:7" x14ac:dyDescent="0.3">
      <c r="A22020" s="13" t="s">
        <v>148</v>
      </c>
      <c r="B22020" s="14" t="s">
        <v>1</v>
      </c>
      <c r="C22020" s="14" t="s">
        <v>101</v>
      </c>
      <c r="D22020" s="14" t="s">
        <v>31</v>
      </c>
      <c r="E22020" s="15">
        <v>45496</v>
      </c>
      <c r="F22020" s="14" t="s">
        <v>15</v>
      </c>
      <c r="G22020" s="16">
        <v>0.53309271018523452</v>
      </c>
    </row>
    <row r="22021" spans="1:7" x14ac:dyDescent="0.3">
      <c r="A22021" s="13" t="s">
        <v>148</v>
      </c>
      <c r="B22021" s="14" t="s">
        <v>1</v>
      </c>
      <c r="C22021" s="14" t="s">
        <v>101</v>
      </c>
      <c r="D22021" s="14" t="s">
        <v>31</v>
      </c>
      <c r="E22021" s="15">
        <v>45497</v>
      </c>
      <c r="F22021" s="14" t="s">
        <v>15</v>
      </c>
      <c r="G22021" s="16">
        <v>0.53006078876268226</v>
      </c>
    </row>
    <row r="22022" spans="1:7" x14ac:dyDescent="0.3">
      <c r="A22022" s="13" t="s">
        <v>148</v>
      </c>
      <c r="B22022" s="14" t="s">
        <v>1</v>
      </c>
      <c r="C22022" s="14" t="s">
        <v>101</v>
      </c>
      <c r="D22022" s="14" t="s">
        <v>31</v>
      </c>
      <c r="E22022" s="15">
        <v>45498</v>
      </c>
      <c r="F22022" s="14" t="s">
        <v>15</v>
      </c>
      <c r="G22022" s="16">
        <v>0.52703697256062887</v>
      </c>
    </row>
    <row r="22023" spans="1:7" x14ac:dyDescent="0.3">
      <c r="A22023" s="13" t="s">
        <v>148</v>
      </c>
      <c r="B22023" s="14" t="s">
        <v>1</v>
      </c>
      <c r="C22023" s="14" t="s">
        <v>101</v>
      </c>
      <c r="D22023" s="14" t="s">
        <v>31</v>
      </c>
      <c r="E22023" s="15">
        <v>45499</v>
      </c>
      <c r="F22023" s="14" t="s">
        <v>15</v>
      </c>
      <c r="G22023" s="16">
        <v>0.58768592650189044</v>
      </c>
    </row>
    <row r="22024" spans="1:7" x14ac:dyDescent="0.3">
      <c r="A22024" s="13" t="s">
        <v>148</v>
      </c>
      <c r="B22024" s="14" t="s">
        <v>1</v>
      </c>
      <c r="C22024" s="14" t="s">
        <v>101</v>
      </c>
      <c r="D22024" s="14" t="s">
        <v>31</v>
      </c>
      <c r="E22024" s="15">
        <v>45500</v>
      </c>
      <c r="F22024" s="14" t="s">
        <v>15</v>
      </c>
      <c r="G22024" s="16">
        <v>0.58768592650189044</v>
      </c>
    </row>
    <row r="22025" spans="1:7" x14ac:dyDescent="0.3">
      <c r="A22025" s="13" t="s">
        <v>148</v>
      </c>
      <c r="B22025" s="14" t="s">
        <v>1</v>
      </c>
      <c r="C22025" s="14" t="s">
        <v>101</v>
      </c>
      <c r="D22025" s="14" t="s">
        <v>31</v>
      </c>
      <c r="E22025" s="15">
        <v>45501</v>
      </c>
      <c r="F22025" s="14" t="s">
        <v>15</v>
      </c>
      <c r="G22025" s="16">
        <v>0.58768592650189044</v>
      </c>
    </row>
    <row r="22026" spans="1:7" x14ac:dyDescent="0.3">
      <c r="A22026" s="13" t="s">
        <v>148</v>
      </c>
      <c r="B22026" s="14" t="s">
        <v>1</v>
      </c>
      <c r="C22026" s="14" t="s">
        <v>101</v>
      </c>
      <c r="D22026" s="14" t="s">
        <v>31</v>
      </c>
      <c r="E22026" s="15">
        <v>45502</v>
      </c>
      <c r="F22026" s="14" t="s">
        <v>15</v>
      </c>
      <c r="G22026" s="16">
        <v>0.59221359687096031</v>
      </c>
    </row>
    <row r="22027" spans="1:7" x14ac:dyDescent="0.3">
      <c r="A22027" s="13" t="s">
        <v>148</v>
      </c>
      <c r="B22027" s="14" t="s">
        <v>1</v>
      </c>
      <c r="C22027" s="14" t="s">
        <v>101</v>
      </c>
      <c r="D22027" s="14" t="s">
        <v>31</v>
      </c>
      <c r="E22027" s="15">
        <v>45503</v>
      </c>
      <c r="F22027" s="14" t="s">
        <v>15</v>
      </c>
      <c r="G22027" s="16">
        <v>0.58544664247489753</v>
      </c>
    </row>
    <row r="22028" spans="1:7" x14ac:dyDescent="0.3">
      <c r="A22028" s="13" t="s">
        <v>148</v>
      </c>
      <c r="B22028" s="14" t="s">
        <v>1</v>
      </c>
      <c r="C22028" s="14" t="s">
        <v>101</v>
      </c>
      <c r="D22028" s="14" t="s">
        <v>31</v>
      </c>
      <c r="E22028" s="15">
        <v>45504</v>
      </c>
      <c r="F22028" s="14" t="s">
        <v>15</v>
      </c>
      <c r="G22028" s="16">
        <v>0.58242503678752555</v>
      </c>
    </row>
    <row r="22029" spans="1:7" x14ac:dyDescent="0.3">
      <c r="A22029" s="13" t="s">
        <v>148</v>
      </c>
      <c r="B22029" s="14" t="s">
        <v>1</v>
      </c>
      <c r="C22029" s="14" t="s">
        <v>101</v>
      </c>
      <c r="D22029" s="14" t="s">
        <v>31</v>
      </c>
      <c r="E22029" s="15">
        <v>45505</v>
      </c>
      <c r="F22029" s="14" t="s">
        <v>15</v>
      </c>
      <c r="G22029" s="16">
        <v>0.58945427293782826</v>
      </c>
    </row>
    <row r="22030" spans="1:7" x14ac:dyDescent="0.3">
      <c r="A22030" s="13" t="s">
        <v>148</v>
      </c>
      <c r="B22030" s="14" t="s">
        <v>1</v>
      </c>
      <c r="C22030" s="14" t="s">
        <v>101</v>
      </c>
      <c r="D22030" s="14" t="s">
        <v>31</v>
      </c>
      <c r="E22030" s="15">
        <v>45506</v>
      </c>
      <c r="F22030" s="14" t="s">
        <v>15</v>
      </c>
      <c r="G22030" s="16">
        <v>0.58684824401057867</v>
      </c>
    </row>
    <row r="22031" spans="1:7" x14ac:dyDescent="0.3">
      <c r="A22031" s="13" t="s">
        <v>148</v>
      </c>
      <c r="B22031" s="14" t="s">
        <v>1</v>
      </c>
      <c r="C22031" s="14" t="s">
        <v>101</v>
      </c>
      <c r="D22031" s="14" t="s">
        <v>31</v>
      </c>
      <c r="E22031" s="15">
        <v>45507</v>
      </c>
      <c r="F22031" s="14" t="s">
        <v>15</v>
      </c>
      <c r="G22031" s="16">
        <v>0.58684824401057867</v>
      </c>
    </row>
    <row r="22032" spans="1:7" x14ac:dyDescent="0.3">
      <c r="A22032" s="13" t="s">
        <v>148</v>
      </c>
      <c r="B22032" s="14" t="s">
        <v>1</v>
      </c>
      <c r="C22032" s="14" t="s">
        <v>101</v>
      </c>
      <c r="D22032" s="14" t="s">
        <v>31</v>
      </c>
      <c r="E22032" s="15">
        <v>45508</v>
      </c>
      <c r="F22032" s="14" t="s">
        <v>15</v>
      </c>
      <c r="G22032" s="16">
        <v>0.58684824401057867</v>
      </c>
    </row>
    <row r="22033" spans="1:7" x14ac:dyDescent="0.3">
      <c r="A22033" s="13" t="s">
        <v>148</v>
      </c>
      <c r="B22033" s="14" t="s">
        <v>1</v>
      </c>
      <c r="C22033" s="14" t="s">
        <v>101</v>
      </c>
      <c r="D22033" s="14" t="s">
        <v>31</v>
      </c>
      <c r="E22033" s="15">
        <v>45509</v>
      </c>
      <c r="F22033" s="14" t="s">
        <v>15</v>
      </c>
      <c r="G22033" s="16">
        <v>0.58684824401057867</v>
      </c>
    </row>
    <row r="22034" spans="1:7" x14ac:dyDescent="0.3">
      <c r="A22034" s="13" t="s">
        <v>148</v>
      </c>
      <c r="B22034" s="14" t="s">
        <v>1</v>
      </c>
      <c r="C22034" s="14" t="s">
        <v>101</v>
      </c>
      <c r="D22034" s="14" t="s">
        <v>31</v>
      </c>
      <c r="E22034" s="15">
        <v>45510</v>
      </c>
      <c r="F22034" s="14" t="s">
        <v>15</v>
      </c>
      <c r="G22034" s="16">
        <v>0.58383732247750064</v>
      </c>
    </row>
    <row r="22035" spans="1:7" x14ac:dyDescent="0.3">
      <c r="A22035" s="13" t="s">
        <v>148</v>
      </c>
      <c r="B22035" s="14" t="s">
        <v>1</v>
      </c>
      <c r="C22035" s="14" t="s">
        <v>101</v>
      </c>
      <c r="D22035" s="14" t="s">
        <v>31</v>
      </c>
      <c r="E22035" s="15">
        <v>45511</v>
      </c>
      <c r="F22035" s="14" t="s">
        <v>15</v>
      </c>
      <c r="G22035" s="16">
        <v>0.57399075271099231</v>
      </c>
    </row>
    <row r="22036" spans="1:7" x14ac:dyDescent="0.3">
      <c r="A22036" s="13" t="s">
        <v>148</v>
      </c>
      <c r="B22036" s="14" t="s">
        <v>1</v>
      </c>
      <c r="C22036" s="14" t="s">
        <v>101</v>
      </c>
      <c r="D22036" s="14" t="s">
        <v>31</v>
      </c>
      <c r="E22036" s="15">
        <v>45512</v>
      </c>
      <c r="F22036" s="14" t="s">
        <v>15</v>
      </c>
      <c r="G22036" s="16">
        <v>0.57103914665520139</v>
      </c>
    </row>
    <row r="22037" spans="1:7" x14ac:dyDescent="0.3">
      <c r="A22037" s="13" t="s">
        <v>148</v>
      </c>
      <c r="B22037" s="14" t="s">
        <v>1</v>
      </c>
      <c r="C22037" s="14" t="s">
        <v>101</v>
      </c>
      <c r="D22037" s="14" t="s">
        <v>31</v>
      </c>
      <c r="E22037" s="15">
        <v>45513</v>
      </c>
      <c r="F22037" s="14" t="s">
        <v>15</v>
      </c>
      <c r="G22037" s="16">
        <v>0.56808201431270655</v>
      </c>
    </row>
    <row r="22038" spans="1:7" x14ac:dyDescent="0.3">
      <c r="A22038" s="13" t="s">
        <v>148</v>
      </c>
      <c r="B22038" s="14" t="s">
        <v>1</v>
      </c>
      <c r="C22038" s="14" t="s">
        <v>101</v>
      </c>
      <c r="D22038" s="14" t="s">
        <v>31</v>
      </c>
      <c r="E22038" s="15">
        <v>45514</v>
      </c>
      <c r="F22038" s="14" t="s">
        <v>15</v>
      </c>
      <c r="G22038" s="16">
        <v>0.56808201431270655</v>
      </c>
    </row>
    <row r="22039" spans="1:7" x14ac:dyDescent="0.3">
      <c r="A22039" s="13" t="s">
        <v>148</v>
      </c>
      <c r="B22039" s="14" t="s">
        <v>1</v>
      </c>
      <c r="C22039" s="14" t="s">
        <v>101</v>
      </c>
      <c r="D22039" s="14" t="s">
        <v>31</v>
      </c>
      <c r="E22039" s="15">
        <v>45515</v>
      </c>
      <c r="F22039" s="14" t="s">
        <v>15</v>
      </c>
      <c r="G22039" s="16">
        <v>0.56808201431270655</v>
      </c>
    </row>
    <row r="22040" spans="1:7" x14ac:dyDescent="0.3">
      <c r="A22040" s="13" t="s">
        <v>148</v>
      </c>
      <c r="B22040" s="14" t="s">
        <v>1</v>
      </c>
      <c r="C22040" s="14" t="s">
        <v>101</v>
      </c>
      <c r="D22040" s="14" t="s">
        <v>31</v>
      </c>
      <c r="E22040" s="15">
        <v>45516</v>
      </c>
      <c r="F22040" s="14" t="s">
        <v>15</v>
      </c>
      <c r="G22040" s="16">
        <v>0.56509946105137454</v>
      </c>
    </row>
    <row r="22041" spans="1:7" x14ac:dyDescent="0.3">
      <c r="A22041" s="13" t="s">
        <v>148</v>
      </c>
      <c r="B22041" s="14" t="s">
        <v>1</v>
      </c>
      <c r="C22041" s="14" t="s">
        <v>101</v>
      </c>
      <c r="D22041" s="14" t="s">
        <v>31</v>
      </c>
      <c r="E22041" s="15">
        <v>45517</v>
      </c>
      <c r="F22041" s="14" t="s">
        <v>15</v>
      </c>
      <c r="G22041" s="16">
        <v>0.55714840762425388</v>
      </c>
    </row>
    <row r="22042" spans="1:7" x14ac:dyDescent="0.3">
      <c r="A22042" s="13" t="s">
        <v>148</v>
      </c>
      <c r="B22042" s="14" t="s">
        <v>1</v>
      </c>
      <c r="C22042" s="14" t="s">
        <v>101</v>
      </c>
      <c r="D22042" s="14" t="s">
        <v>31</v>
      </c>
      <c r="E22042" s="15">
        <v>45518</v>
      </c>
      <c r="F22042" s="14" t="s">
        <v>15</v>
      </c>
      <c r="G22042" s="16">
        <v>0.56523684872610946</v>
      </c>
    </row>
    <row r="22043" spans="1:7" x14ac:dyDescent="0.3">
      <c r="A22043" s="13" t="s">
        <v>148</v>
      </c>
      <c r="B22043" s="14" t="s">
        <v>1</v>
      </c>
      <c r="C22043" s="14" t="s">
        <v>101</v>
      </c>
      <c r="D22043" s="14" t="s">
        <v>31</v>
      </c>
      <c r="E22043" s="15">
        <v>45519</v>
      </c>
      <c r="F22043" s="14" t="s">
        <v>15</v>
      </c>
      <c r="G22043" s="16">
        <v>0.56222813770771296</v>
      </c>
    </row>
    <row r="22044" spans="1:7" x14ac:dyDescent="0.3">
      <c r="A22044" s="13" t="s">
        <v>148</v>
      </c>
      <c r="B22044" s="14" t="s">
        <v>1</v>
      </c>
      <c r="C22044" s="14" t="s">
        <v>101</v>
      </c>
      <c r="D22044" s="14" t="s">
        <v>31</v>
      </c>
      <c r="E22044" s="15">
        <v>45520</v>
      </c>
      <c r="F22044" s="14" t="s">
        <v>15</v>
      </c>
      <c r="G22044" s="16">
        <v>0.57727196325491348</v>
      </c>
    </row>
    <row r="22045" spans="1:7" x14ac:dyDescent="0.3">
      <c r="A22045" s="13" t="s">
        <v>148</v>
      </c>
      <c r="B22045" s="14" t="s">
        <v>1</v>
      </c>
      <c r="C22045" s="14" t="s">
        <v>101</v>
      </c>
      <c r="D22045" s="14" t="s">
        <v>31</v>
      </c>
      <c r="E22045" s="15">
        <v>45521</v>
      </c>
      <c r="F22045" s="14" t="s">
        <v>15</v>
      </c>
      <c r="G22045" s="16">
        <v>0.57727196325491348</v>
      </c>
    </row>
    <row r="22046" spans="1:7" x14ac:dyDescent="0.3">
      <c r="A22046" s="13" t="s">
        <v>148</v>
      </c>
      <c r="B22046" s="14" t="s">
        <v>1</v>
      </c>
      <c r="C22046" s="14" t="s">
        <v>101</v>
      </c>
      <c r="D22046" s="14" t="s">
        <v>31</v>
      </c>
      <c r="E22046" s="15">
        <v>45522</v>
      </c>
      <c r="F22046" s="14" t="s">
        <v>15</v>
      </c>
      <c r="G22046" s="16">
        <v>0.57727196325491348</v>
      </c>
    </row>
    <row r="22047" spans="1:7" x14ac:dyDescent="0.3">
      <c r="A22047" s="13" t="s">
        <v>148</v>
      </c>
      <c r="B22047" s="14" t="s">
        <v>1</v>
      </c>
      <c r="C22047" s="14" t="s">
        <v>101</v>
      </c>
      <c r="D22047" s="14" t="s">
        <v>31</v>
      </c>
      <c r="E22047" s="15">
        <v>45523</v>
      </c>
      <c r="F22047" s="14" t="s">
        <v>15</v>
      </c>
      <c r="G22047" s="16">
        <v>0.58113095293282913</v>
      </c>
    </row>
    <row r="22048" spans="1:7" x14ac:dyDescent="0.3">
      <c r="A22048" s="13" t="s">
        <v>148</v>
      </c>
      <c r="B22048" s="14" t="s">
        <v>1</v>
      </c>
      <c r="C22048" s="14" t="s">
        <v>101</v>
      </c>
      <c r="D22048" s="14" t="s">
        <v>31</v>
      </c>
      <c r="E22048" s="15">
        <v>45524</v>
      </c>
      <c r="F22048" s="14" t="s">
        <v>15</v>
      </c>
      <c r="G22048" s="16">
        <v>0.57299532152980304</v>
      </c>
    </row>
    <row r="22049" spans="1:7" x14ac:dyDescent="0.3">
      <c r="A22049" s="13" t="s">
        <v>148</v>
      </c>
      <c r="B22049" s="14" t="s">
        <v>1</v>
      </c>
      <c r="C22049" s="14" t="s">
        <v>101</v>
      </c>
      <c r="D22049" s="14" t="s">
        <v>31</v>
      </c>
      <c r="E22049" s="15">
        <v>45525</v>
      </c>
      <c r="F22049" s="14" t="s">
        <v>15</v>
      </c>
      <c r="G22049" s="16">
        <v>0.56949366573743165</v>
      </c>
    </row>
    <row r="22050" spans="1:7" x14ac:dyDescent="0.3">
      <c r="A22050" s="13" t="s">
        <v>148</v>
      </c>
      <c r="B22050" s="14" t="s">
        <v>1</v>
      </c>
      <c r="C22050" s="14" t="s">
        <v>101</v>
      </c>
      <c r="D22050" s="14" t="s">
        <v>31</v>
      </c>
      <c r="E22050" s="15">
        <v>45526</v>
      </c>
      <c r="F22050" s="14" t="s">
        <v>15</v>
      </c>
      <c r="G22050" s="16">
        <v>0.62419117731786367</v>
      </c>
    </row>
    <row r="22051" spans="1:7" x14ac:dyDescent="0.3">
      <c r="A22051" s="13" t="s">
        <v>148</v>
      </c>
      <c r="B22051" s="14" t="s">
        <v>1</v>
      </c>
      <c r="C22051" s="14" t="s">
        <v>101</v>
      </c>
      <c r="D22051" s="14" t="s">
        <v>31</v>
      </c>
      <c r="E22051" s="15">
        <v>45527</v>
      </c>
      <c r="F22051" s="14" t="s">
        <v>15</v>
      </c>
      <c r="G22051" s="16">
        <v>0.621104729866501</v>
      </c>
    </row>
    <row r="22052" spans="1:7" x14ac:dyDescent="0.3">
      <c r="A22052" s="13" t="s">
        <v>148</v>
      </c>
      <c r="B22052" s="14" t="s">
        <v>1</v>
      </c>
      <c r="C22052" s="14" t="s">
        <v>101</v>
      </c>
      <c r="D22052" s="14" t="s">
        <v>31</v>
      </c>
      <c r="E22052" s="15">
        <v>45528</v>
      </c>
      <c r="F22052" s="14" t="s">
        <v>15</v>
      </c>
      <c r="G22052" s="16">
        <v>0.621104729866501</v>
      </c>
    </row>
    <row r="22053" spans="1:7" x14ac:dyDescent="0.3">
      <c r="A22053" s="13" t="s">
        <v>148</v>
      </c>
      <c r="B22053" s="14" t="s">
        <v>1</v>
      </c>
      <c r="C22053" s="14" t="s">
        <v>101</v>
      </c>
      <c r="D22053" s="14" t="s">
        <v>31</v>
      </c>
      <c r="E22053" s="15">
        <v>45529</v>
      </c>
      <c r="F22053" s="14" t="s">
        <v>15</v>
      </c>
      <c r="G22053" s="16">
        <v>0.621104729866501</v>
      </c>
    </row>
    <row r="22054" spans="1:7" x14ac:dyDescent="0.3">
      <c r="A22054" s="13" t="s">
        <v>148</v>
      </c>
      <c r="B22054" s="14" t="s">
        <v>1</v>
      </c>
      <c r="C22054" s="14" t="s">
        <v>101</v>
      </c>
      <c r="D22054" s="14" t="s">
        <v>31</v>
      </c>
      <c r="E22054" s="15">
        <v>45530</v>
      </c>
      <c r="F22054" s="14" t="s">
        <v>15</v>
      </c>
      <c r="G22054" s="16">
        <v>0.62706076113893461</v>
      </c>
    </row>
    <row r="22055" spans="1:7" x14ac:dyDescent="0.3">
      <c r="A22055" s="13" t="s">
        <v>148</v>
      </c>
      <c r="B22055" s="14" t="s">
        <v>1</v>
      </c>
      <c r="C22055" s="14" t="s">
        <v>101</v>
      </c>
      <c r="D22055" s="14" t="s">
        <v>31</v>
      </c>
      <c r="E22055" s="15">
        <v>45531</v>
      </c>
      <c r="F22055" s="14" t="s">
        <v>15</v>
      </c>
      <c r="G22055" s="16">
        <v>0.6187468148849341</v>
      </c>
    </row>
    <row r="22056" spans="1:7" x14ac:dyDescent="0.3">
      <c r="A22056" s="13" t="s">
        <v>148</v>
      </c>
      <c r="B22056" s="14" t="s">
        <v>1</v>
      </c>
      <c r="C22056" s="14" t="s">
        <v>101</v>
      </c>
      <c r="D22056" s="14" t="s">
        <v>31</v>
      </c>
      <c r="E22056" s="15">
        <v>45532</v>
      </c>
      <c r="F22056" s="14" t="s">
        <v>15</v>
      </c>
      <c r="G22056" s="16">
        <v>0.61564268331611938</v>
      </c>
    </row>
    <row r="22057" spans="1:7" x14ac:dyDescent="0.3">
      <c r="A22057" s="13" t="s">
        <v>148</v>
      </c>
      <c r="B22057" s="14" t="s">
        <v>1</v>
      </c>
      <c r="C22057" s="14" t="s">
        <v>101</v>
      </c>
      <c r="D22057" s="14" t="s">
        <v>31</v>
      </c>
      <c r="E22057" s="15">
        <v>45533</v>
      </c>
      <c r="F22057" s="14" t="s">
        <v>15</v>
      </c>
      <c r="G22057" s="16">
        <v>0.61253707807085034</v>
      </c>
    </row>
    <row r="22058" spans="1:7" x14ac:dyDescent="0.3">
      <c r="A22058" s="13" t="s">
        <v>148</v>
      </c>
      <c r="B22058" s="14" t="s">
        <v>1</v>
      </c>
      <c r="C22058" s="14" t="s">
        <v>101</v>
      </c>
      <c r="D22058" s="14" t="s">
        <v>31</v>
      </c>
      <c r="E22058" s="15">
        <v>45534</v>
      </c>
      <c r="F22058" s="14" t="s">
        <v>15</v>
      </c>
      <c r="G22058" s="16">
        <v>0.61567543996259655</v>
      </c>
    </row>
    <row r="22059" spans="1:7" x14ac:dyDescent="0.3">
      <c r="A22059" s="13" t="s">
        <v>148</v>
      </c>
      <c r="B22059" s="14" t="s">
        <v>1</v>
      </c>
      <c r="C22059" s="14" t="s">
        <v>101</v>
      </c>
      <c r="D22059" s="14" t="s">
        <v>31</v>
      </c>
      <c r="E22059" s="15">
        <v>45535</v>
      </c>
      <c r="F22059" s="14" t="s">
        <v>15</v>
      </c>
      <c r="G22059" s="16">
        <v>0.61567543996259655</v>
      </c>
    </row>
    <row r="22060" spans="1:7" x14ac:dyDescent="0.3">
      <c r="A22060" s="13" t="s">
        <v>148</v>
      </c>
      <c r="B22060" s="14" t="s">
        <v>1</v>
      </c>
      <c r="C22060" s="14" t="s">
        <v>101</v>
      </c>
      <c r="D22060" s="14" t="s">
        <v>31</v>
      </c>
      <c r="E22060" s="15">
        <v>45536</v>
      </c>
      <c r="F22060" s="14" t="s">
        <v>15</v>
      </c>
      <c r="G22060" s="16">
        <v>0.61567543996259655</v>
      </c>
    </row>
    <row r="22061" spans="1:7" x14ac:dyDescent="0.3">
      <c r="A22061" s="13" t="s">
        <v>148</v>
      </c>
      <c r="B22061" s="14" t="s">
        <v>1</v>
      </c>
      <c r="C22061" s="14" t="s">
        <v>101</v>
      </c>
      <c r="D22061" s="14" t="s">
        <v>31</v>
      </c>
      <c r="E22061" s="15">
        <v>45537</v>
      </c>
      <c r="F22061" s="14" t="s">
        <v>15</v>
      </c>
      <c r="G22061" s="16">
        <v>0.67590734346728154</v>
      </c>
    </row>
    <row r="22062" spans="1:7" x14ac:dyDescent="0.3">
      <c r="A22062" s="13" t="s">
        <v>148</v>
      </c>
      <c r="B22062" s="14" t="s">
        <v>1</v>
      </c>
      <c r="C22062" s="14" t="s">
        <v>101</v>
      </c>
      <c r="D22062" s="14" t="s">
        <v>31</v>
      </c>
      <c r="E22062" s="15">
        <v>45538</v>
      </c>
      <c r="F22062" s="14" t="s">
        <v>15</v>
      </c>
      <c r="G22062" s="16">
        <v>0.66814123643517975</v>
      </c>
    </row>
    <row r="22063" spans="1:7" x14ac:dyDescent="0.3">
      <c r="A22063" s="13" t="s">
        <v>148</v>
      </c>
      <c r="B22063" s="14" t="s">
        <v>1</v>
      </c>
      <c r="C22063" s="14" t="s">
        <v>101</v>
      </c>
      <c r="D22063" s="14" t="s">
        <v>31</v>
      </c>
      <c r="E22063" s="15">
        <v>45539</v>
      </c>
      <c r="F22063" s="14" t="s">
        <v>15</v>
      </c>
      <c r="G22063" s="16">
        <v>0.66500173663146112</v>
      </c>
    </row>
    <row r="22064" spans="1:7" x14ac:dyDescent="0.3">
      <c r="A22064" s="13" t="s">
        <v>148</v>
      </c>
      <c r="B22064" s="14" t="s">
        <v>1</v>
      </c>
      <c r="C22064" s="14" t="s">
        <v>101</v>
      </c>
      <c r="D22064" s="14" t="s">
        <v>31</v>
      </c>
      <c r="E22064" s="15">
        <v>45540</v>
      </c>
      <c r="F22064" s="14" t="s">
        <v>15</v>
      </c>
      <c r="G22064" s="16">
        <v>0.6763466326400418</v>
      </c>
    </row>
    <row r="22065" spans="1:7" x14ac:dyDescent="0.3">
      <c r="A22065" s="13" t="s">
        <v>148</v>
      </c>
      <c r="B22065" s="14" t="s">
        <v>1</v>
      </c>
      <c r="C22065" s="14" t="s">
        <v>101</v>
      </c>
      <c r="D22065" s="14" t="s">
        <v>31</v>
      </c>
      <c r="E22065" s="15">
        <v>45541</v>
      </c>
      <c r="F22065" s="14" t="s">
        <v>15</v>
      </c>
      <c r="G22065" s="16">
        <v>0.67319393128793981</v>
      </c>
    </row>
    <row r="22066" spans="1:7" x14ac:dyDescent="0.3">
      <c r="A22066" s="13" t="s">
        <v>148</v>
      </c>
      <c r="B22066" s="14" t="s">
        <v>1</v>
      </c>
      <c r="C22066" s="14" t="s">
        <v>101</v>
      </c>
      <c r="D22066" s="14" t="s">
        <v>31</v>
      </c>
      <c r="E22066" s="15">
        <v>45542</v>
      </c>
      <c r="F22066" s="14" t="s">
        <v>15</v>
      </c>
      <c r="G22066" s="16">
        <v>0.67319393128793981</v>
      </c>
    </row>
    <row r="22067" spans="1:7" x14ac:dyDescent="0.3">
      <c r="A22067" s="13" t="s">
        <v>148</v>
      </c>
      <c r="B22067" s="14" t="s">
        <v>1</v>
      </c>
      <c r="C22067" s="14" t="s">
        <v>101</v>
      </c>
      <c r="D22067" s="14" t="s">
        <v>31</v>
      </c>
      <c r="E22067" s="15">
        <v>45543</v>
      </c>
      <c r="F22067" s="14" t="s">
        <v>15</v>
      </c>
      <c r="G22067" s="16">
        <v>0.67319393128793981</v>
      </c>
    </row>
    <row r="22068" spans="1:7" x14ac:dyDescent="0.3">
      <c r="A22068" s="13" t="s">
        <v>148</v>
      </c>
      <c r="B22068" s="14" t="s">
        <v>1</v>
      </c>
      <c r="C22068" s="14" t="s">
        <v>101</v>
      </c>
      <c r="D22068" s="14" t="s">
        <v>31</v>
      </c>
      <c r="E22068" s="15">
        <v>45544</v>
      </c>
      <c r="F22068" s="14" t="s">
        <v>15</v>
      </c>
      <c r="G22068" s="16">
        <v>0.67648245492328685</v>
      </c>
    </row>
    <row r="22069" spans="1:7" x14ac:dyDescent="0.3">
      <c r="A22069" s="13" t="s">
        <v>148</v>
      </c>
      <c r="B22069" s="14" t="s">
        <v>1</v>
      </c>
      <c r="C22069" s="14" t="s">
        <v>101</v>
      </c>
      <c r="D22069" s="14" t="s">
        <v>31</v>
      </c>
      <c r="E22069" s="15">
        <v>45545</v>
      </c>
      <c r="F22069" s="14" t="s">
        <v>15</v>
      </c>
      <c r="G22069" s="16">
        <v>0.6681084955922707</v>
      </c>
    </row>
    <row r="22070" spans="1:7" x14ac:dyDescent="0.3">
      <c r="A22070" s="13" t="s">
        <v>148</v>
      </c>
      <c r="B22070" s="14" t="s">
        <v>1</v>
      </c>
      <c r="C22070" s="14" t="s">
        <v>101</v>
      </c>
      <c r="D22070" s="14" t="s">
        <v>31</v>
      </c>
      <c r="E22070" s="15">
        <v>45546</v>
      </c>
      <c r="F22070" s="14" t="s">
        <v>15</v>
      </c>
      <c r="G22070" s="16">
        <v>0.6649694211497289</v>
      </c>
    </row>
    <row r="22071" spans="1:7" x14ac:dyDescent="0.3">
      <c r="A22071" s="13" t="s">
        <v>148</v>
      </c>
      <c r="B22071" s="14" t="s">
        <v>1</v>
      </c>
      <c r="C22071" s="14" t="s">
        <v>101</v>
      </c>
      <c r="D22071" s="14" t="s">
        <v>31</v>
      </c>
      <c r="E22071" s="15">
        <v>45547</v>
      </c>
      <c r="F22071" s="14" t="s">
        <v>15</v>
      </c>
      <c r="G22071" s="16">
        <v>0.68962063574111099</v>
      </c>
    </row>
    <row r="22072" spans="1:7" x14ac:dyDescent="0.3">
      <c r="A22072" s="13" t="s">
        <v>148</v>
      </c>
      <c r="B22072" s="14" t="s">
        <v>1</v>
      </c>
      <c r="C22072" s="14" t="s">
        <v>101</v>
      </c>
      <c r="D22072" s="14" t="s">
        <v>31</v>
      </c>
      <c r="E22072" s="15">
        <v>45548</v>
      </c>
      <c r="F22072" s="14" t="s">
        <v>15</v>
      </c>
      <c r="G22072" s="16">
        <v>0.6837898880575165</v>
      </c>
    </row>
    <row r="22073" spans="1:7" x14ac:dyDescent="0.3">
      <c r="A22073" s="13" t="s">
        <v>148</v>
      </c>
      <c r="B22073" s="14" t="s">
        <v>1</v>
      </c>
      <c r="C22073" s="14" t="s">
        <v>101</v>
      </c>
      <c r="D22073" s="14" t="s">
        <v>31</v>
      </c>
      <c r="E22073" s="15">
        <v>45549</v>
      </c>
      <c r="F22073" s="14" t="s">
        <v>15</v>
      </c>
      <c r="G22073" s="16">
        <v>0.6837898880575165</v>
      </c>
    </row>
    <row r="22074" spans="1:7" x14ac:dyDescent="0.3">
      <c r="A22074" s="13" t="s">
        <v>148</v>
      </c>
      <c r="B22074" s="14" t="s">
        <v>1</v>
      </c>
      <c r="C22074" s="14" t="s">
        <v>101</v>
      </c>
      <c r="D22074" s="14" t="s">
        <v>31</v>
      </c>
      <c r="E22074" s="15">
        <v>45550</v>
      </c>
      <c r="F22074" s="14" t="s">
        <v>15</v>
      </c>
      <c r="G22074" s="16">
        <v>0.6837898880575165</v>
      </c>
    </row>
    <row r="22075" spans="1:7" x14ac:dyDescent="0.3">
      <c r="A22075" s="13" t="s">
        <v>148</v>
      </c>
      <c r="B22075" s="14" t="s">
        <v>1</v>
      </c>
      <c r="C22075" s="14" t="s">
        <v>101</v>
      </c>
      <c r="D22075" s="14" t="s">
        <v>31</v>
      </c>
      <c r="E22075" s="15">
        <v>45551</v>
      </c>
      <c r="F22075" s="14" t="s">
        <v>15</v>
      </c>
      <c r="G22075" s="16">
        <v>0.69039979159675768</v>
      </c>
    </row>
    <row r="22076" spans="1:7" x14ac:dyDescent="0.3">
      <c r="A22076" s="13" t="s">
        <v>148</v>
      </c>
      <c r="B22076" s="14" t="s">
        <v>1</v>
      </c>
      <c r="C22076" s="14" t="s">
        <v>101</v>
      </c>
      <c r="D22076" s="14" t="s">
        <v>31</v>
      </c>
      <c r="E22076" s="15">
        <v>45552</v>
      </c>
      <c r="F22076" s="14" t="s">
        <v>15</v>
      </c>
      <c r="G22076" s="16">
        <v>0.6818415103837937</v>
      </c>
    </row>
    <row r="22077" spans="1:7" x14ac:dyDescent="0.3">
      <c r="A22077" s="13" t="s">
        <v>148</v>
      </c>
      <c r="B22077" s="14" t="s">
        <v>1</v>
      </c>
      <c r="C22077" s="14" t="s">
        <v>101</v>
      </c>
      <c r="D22077" s="14" t="s">
        <v>31</v>
      </c>
      <c r="E22077" s="15">
        <v>45553</v>
      </c>
      <c r="F22077" s="14" t="s">
        <v>15</v>
      </c>
      <c r="G22077" s="16">
        <v>0.68788195254456552</v>
      </c>
    </row>
    <row r="22078" spans="1:7" x14ac:dyDescent="0.3">
      <c r="A22078" s="13" t="s">
        <v>148</v>
      </c>
      <c r="B22078" s="14" t="s">
        <v>1</v>
      </c>
      <c r="C22078" s="14" t="s">
        <v>101</v>
      </c>
      <c r="D22078" s="14" t="s">
        <v>31</v>
      </c>
      <c r="E22078" s="15">
        <v>45554</v>
      </c>
      <c r="F22078" s="14" t="s">
        <v>15</v>
      </c>
      <c r="G22078" s="16">
        <v>0.68468191561188552</v>
      </c>
    </row>
    <row r="22079" spans="1:7" x14ac:dyDescent="0.3">
      <c r="A22079" s="13" t="s">
        <v>148</v>
      </c>
      <c r="B22079" s="14" t="s">
        <v>1</v>
      </c>
      <c r="C22079" s="14" t="s">
        <v>101</v>
      </c>
      <c r="D22079" s="14" t="s">
        <v>31</v>
      </c>
      <c r="E22079" s="15">
        <v>45555</v>
      </c>
      <c r="F22079" s="14" t="s">
        <v>15</v>
      </c>
      <c r="G22079" s="16">
        <v>0.68813467936772288</v>
      </c>
    </row>
    <row r="22080" spans="1:7" x14ac:dyDescent="0.3">
      <c r="A22080" s="13" t="s">
        <v>148</v>
      </c>
      <c r="B22080" s="14" t="s">
        <v>1</v>
      </c>
      <c r="C22080" s="14" t="s">
        <v>101</v>
      </c>
      <c r="D22080" s="14" t="s">
        <v>31</v>
      </c>
      <c r="E22080" s="15">
        <v>45556</v>
      </c>
      <c r="F22080" s="14" t="s">
        <v>15</v>
      </c>
      <c r="G22080" s="16">
        <v>0.68813467936772288</v>
      </c>
    </row>
    <row r="22081" spans="1:7" x14ac:dyDescent="0.3">
      <c r="A22081" s="13" t="s">
        <v>148</v>
      </c>
      <c r="B22081" s="14" t="s">
        <v>1</v>
      </c>
      <c r="C22081" s="14" t="s">
        <v>101</v>
      </c>
      <c r="D22081" s="14" t="s">
        <v>31</v>
      </c>
      <c r="E22081" s="15">
        <v>45557</v>
      </c>
      <c r="F22081" s="14" t="s">
        <v>15</v>
      </c>
      <c r="G22081" s="16">
        <v>0.68813467936772288</v>
      </c>
    </row>
    <row r="22082" spans="1:7" x14ac:dyDescent="0.3">
      <c r="A22082" s="13" t="s">
        <v>148</v>
      </c>
      <c r="B22082" s="14" t="s">
        <v>1</v>
      </c>
      <c r="C22082" s="14" t="s">
        <v>101</v>
      </c>
      <c r="D22082" s="14" t="s">
        <v>31</v>
      </c>
      <c r="E22082" s="15">
        <v>45558</v>
      </c>
      <c r="F22082" s="14" t="s">
        <v>15</v>
      </c>
      <c r="G22082" s="16">
        <v>0.68490523699862305</v>
      </c>
    </row>
    <row r="22083" spans="1:7" x14ac:dyDescent="0.3">
      <c r="A22083" s="13" t="s">
        <v>148</v>
      </c>
      <c r="B22083" s="14" t="s">
        <v>1</v>
      </c>
      <c r="C22083" s="14" t="s">
        <v>101</v>
      </c>
      <c r="D22083" s="14" t="s">
        <v>31</v>
      </c>
      <c r="E22083" s="15">
        <v>45559</v>
      </c>
      <c r="F22083" s="14" t="s">
        <v>15</v>
      </c>
      <c r="G22083" s="16">
        <v>0.67617754490009507</v>
      </c>
    </row>
    <row r="22084" spans="1:7" x14ac:dyDescent="0.3">
      <c r="A22084" s="13" t="s">
        <v>148</v>
      </c>
      <c r="B22084" s="14" t="s">
        <v>1</v>
      </c>
      <c r="C22084" s="14" t="s">
        <v>101</v>
      </c>
      <c r="D22084" s="14" t="s">
        <v>31</v>
      </c>
      <c r="E22084" s="15">
        <v>45560</v>
      </c>
      <c r="F22084" s="14" t="s">
        <v>15</v>
      </c>
      <c r="G22084" s="16">
        <v>0.68699466578674706</v>
      </c>
    </row>
    <row r="22085" spans="1:7" x14ac:dyDescent="0.3">
      <c r="A22085" s="13" t="s">
        <v>148</v>
      </c>
      <c r="B22085" s="14" t="s">
        <v>1</v>
      </c>
      <c r="C22085" s="14" t="s">
        <v>101</v>
      </c>
      <c r="D22085" s="14" t="s">
        <v>31</v>
      </c>
      <c r="E22085" s="15">
        <v>45561</v>
      </c>
      <c r="F22085" s="14" t="s">
        <v>15</v>
      </c>
      <c r="G22085" s="16">
        <v>0.68373345216387182</v>
      </c>
    </row>
    <row r="22086" spans="1:7" x14ac:dyDescent="0.3">
      <c r="A22086" s="13" t="s">
        <v>148</v>
      </c>
      <c r="B22086" s="14" t="s">
        <v>1</v>
      </c>
      <c r="C22086" s="14" t="s">
        <v>101</v>
      </c>
      <c r="D22086" s="14" t="s">
        <v>31</v>
      </c>
      <c r="E22086" s="15">
        <v>45562</v>
      </c>
      <c r="F22086" s="14" t="s">
        <v>15</v>
      </c>
      <c r="G22086" s="16">
        <v>0.68047788427141309</v>
      </c>
    </row>
    <row r="22087" spans="1:7" x14ac:dyDescent="0.3">
      <c r="A22087" s="13" t="s">
        <v>148</v>
      </c>
      <c r="B22087" s="14" t="s">
        <v>1</v>
      </c>
      <c r="C22087" s="14" t="s">
        <v>101</v>
      </c>
      <c r="D22087" s="14" t="s">
        <v>31</v>
      </c>
      <c r="E22087" s="15">
        <v>45563</v>
      </c>
      <c r="F22087" s="14" t="s">
        <v>15</v>
      </c>
      <c r="G22087" s="16">
        <v>0.68047788427141309</v>
      </c>
    </row>
    <row r="22088" spans="1:7" x14ac:dyDescent="0.3">
      <c r="A22088" s="13" t="s">
        <v>148</v>
      </c>
      <c r="B22088" s="14" t="s">
        <v>1</v>
      </c>
      <c r="C22088" s="14" t="s">
        <v>101</v>
      </c>
      <c r="D22088" s="14" t="s">
        <v>31</v>
      </c>
      <c r="E22088" s="15">
        <v>45564</v>
      </c>
      <c r="F22088" s="14" t="s">
        <v>15</v>
      </c>
      <c r="G22088" s="16">
        <v>0.68047788427141309</v>
      </c>
    </row>
    <row r="22089" spans="1:7" x14ac:dyDescent="0.3">
      <c r="A22089" s="13" t="s">
        <v>148</v>
      </c>
      <c r="B22089" s="14" t="s">
        <v>1</v>
      </c>
      <c r="C22089" s="14" t="s">
        <v>101</v>
      </c>
      <c r="D22089" s="14" t="s">
        <v>31</v>
      </c>
      <c r="E22089" s="15">
        <v>45565</v>
      </c>
      <c r="F22089" s="14" t="s">
        <v>15</v>
      </c>
      <c r="G22089" s="16">
        <v>0.78097884425474817</v>
      </c>
    </row>
    <row r="22090" spans="1:7" x14ac:dyDescent="0.3">
      <c r="A22090" s="13" t="s">
        <v>148</v>
      </c>
      <c r="B22090" s="14" t="s">
        <v>1</v>
      </c>
      <c r="C22090" s="14" t="s">
        <v>101</v>
      </c>
      <c r="D22090" s="14" t="s">
        <v>31</v>
      </c>
      <c r="E22090" s="15">
        <v>45566</v>
      </c>
      <c r="F22090" s="14" t="s">
        <v>15</v>
      </c>
      <c r="G22090" s="16">
        <v>0.77639229541662957</v>
      </c>
    </row>
    <row r="22091" spans="1:7" x14ac:dyDescent="0.3">
      <c r="A22091" s="13" t="s">
        <v>148</v>
      </c>
      <c r="B22091" s="14" t="s">
        <v>1</v>
      </c>
      <c r="C22091" s="14" t="s">
        <v>101</v>
      </c>
      <c r="D22091" s="14" t="s">
        <v>31</v>
      </c>
      <c r="E22091" s="15">
        <v>45567</v>
      </c>
      <c r="F22091" s="14" t="s">
        <v>15</v>
      </c>
      <c r="G22091" s="16">
        <v>0.77248746852628791</v>
      </c>
    </row>
    <row r="22092" spans="1:7" x14ac:dyDescent="0.3">
      <c r="A22092" s="13" t="s">
        <v>148</v>
      </c>
      <c r="B22092" s="14" t="s">
        <v>1</v>
      </c>
      <c r="C22092" s="14" t="s">
        <v>101</v>
      </c>
      <c r="D22092" s="14" t="s">
        <v>31</v>
      </c>
      <c r="E22092" s="15">
        <v>45568</v>
      </c>
      <c r="F22092" s="14" t="s">
        <v>15</v>
      </c>
      <c r="G22092" s="16">
        <v>0.76669485052797159</v>
      </c>
    </row>
    <row r="22093" spans="1:7" x14ac:dyDescent="0.3">
      <c r="A22093" s="13" t="s">
        <v>148</v>
      </c>
      <c r="B22093" s="14" t="s">
        <v>1</v>
      </c>
      <c r="C22093" s="14" t="s">
        <v>101</v>
      </c>
      <c r="D22093" s="14" t="s">
        <v>31</v>
      </c>
      <c r="E22093" s="15">
        <v>45569</v>
      </c>
      <c r="F22093" s="14" t="s">
        <v>15</v>
      </c>
      <c r="G22093" s="16">
        <v>0.76343010832358615</v>
      </c>
    </row>
    <row r="22094" spans="1:7" x14ac:dyDescent="0.3">
      <c r="A22094" s="13" t="s">
        <v>148</v>
      </c>
      <c r="B22094" s="14" t="s">
        <v>1</v>
      </c>
      <c r="C22094" s="14" t="s">
        <v>101</v>
      </c>
      <c r="D22094" s="14" t="s">
        <v>31</v>
      </c>
      <c r="E22094" s="15">
        <v>45570</v>
      </c>
      <c r="F22094" s="14" t="s">
        <v>15</v>
      </c>
      <c r="G22094" s="16">
        <v>0.76343010832358615</v>
      </c>
    </row>
    <row r="22095" spans="1:7" x14ac:dyDescent="0.3">
      <c r="A22095" s="13" t="s">
        <v>148</v>
      </c>
      <c r="B22095" s="14" t="s">
        <v>1</v>
      </c>
      <c r="C22095" s="14" t="s">
        <v>101</v>
      </c>
      <c r="D22095" s="14" t="s">
        <v>31</v>
      </c>
      <c r="E22095" s="15">
        <v>45571</v>
      </c>
      <c r="F22095" s="14" t="s">
        <v>15</v>
      </c>
      <c r="G22095" s="16">
        <v>0.76343010832358615</v>
      </c>
    </row>
    <row r="22096" spans="1:7" x14ac:dyDescent="0.3">
      <c r="A22096" s="13" t="s">
        <v>148</v>
      </c>
      <c r="B22096" s="14" t="s">
        <v>1</v>
      </c>
      <c r="C22096" s="14" t="s">
        <v>101</v>
      </c>
      <c r="D22096" s="14" t="s">
        <v>31</v>
      </c>
      <c r="E22096" s="15">
        <v>45572</v>
      </c>
      <c r="F22096" s="14" t="s">
        <v>15</v>
      </c>
      <c r="G22096" s="16">
        <v>0.7647094733880786</v>
      </c>
    </row>
    <row r="22097" spans="1:7" x14ac:dyDescent="0.3">
      <c r="A22097" s="13" t="s">
        <v>148</v>
      </c>
      <c r="B22097" s="14" t="s">
        <v>1</v>
      </c>
      <c r="C22097" s="14" t="s">
        <v>101</v>
      </c>
      <c r="D22097" s="14" t="s">
        <v>31</v>
      </c>
      <c r="E22097" s="15">
        <v>45573</v>
      </c>
      <c r="F22097" s="14" t="s">
        <v>15</v>
      </c>
      <c r="G22097" s="16">
        <v>0.75596696124720775</v>
      </c>
    </row>
    <row r="22098" spans="1:7" x14ac:dyDescent="0.3">
      <c r="A22098" s="13" t="s">
        <v>148</v>
      </c>
      <c r="B22098" s="14" t="s">
        <v>1</v>
      </c>
      <c r="C22098" s="14" t="s">
        <v>101</v>
      </c>
      <c r="D22098" s="14" t="s">
        <v>31</v>
      </c>
      <c r="E22098" s="15">
        <v>45574</v>
      </c>
      <c r="F22098" s="14" t="s">
        <v>15</v>
      </c>
      <c r="G22098" s="16">
        <v>0.75273468199271631</v>
      </c>
    </row>
    <row r="22099" spans="1:7" x14ac:dyDescent="0.3">
      <c r="A22099" s="13" t="s">
        <v>148</v>
      </c>
      <c r="B22099" s="14" t="s">
        <v>1</v>
      </c>
      <c r="C22099" s="14" t="s">
        <v>101</v>
      </c>
      <c r="D22099" s="14" t="s">
        <v>31</v>
      </c>
      <c r="E22099" s="15">
        <v>45575</v>
      </c>
      <c r="F22099" s="14" t="s">
        <v>15</v>
      </c>
      <c r="G22099" s="16">
        <v>0.74950099130562087</v>
      </c>
    </row>
    <row r="22100" spans="1:7" x14ac:dyDescent="0.3">
      <c r="A22100" s="13" t="s">
        <v>148</v>
      </c>
      <c r="B22100" s="14" t="s">
        <v>1</v>
      </c>
      <c r="C22100" s="14" t="s">
        <v>101</v>
      </c>
      <c r="D22100" s="14" t="s">
        <v>31</v>
      </c>
      <c r="E22100" s="15">
        <v>45576</v>
      </c>
      <c r="F22100" s="14" t="s">
        <v>15</v>
      </c>
      <c r="G22100" s="16">
        <v>0.75635269229107305</v>
      </c>
    </row>
    <row r="22101" spans="1:7" x14ac:dyDescent="0.3">
      <c r="A22101" s="13" t="s">
        <v>148</v>
      </c>
      <c r="B22101" s="14" t="s">
        <v>1</v>
      </c>
      <c r="C22101" s="14" t="s">
        <v>101</v>
      </c>
      <c r="D22101" s="14" t="s">
        <v>31</v>
      </c>
      <c r="E22101" s="15">
        <v>45577</v>
      </c>
      <c r="F22101" s="14" t="s">
        <v>15</v>
      </c>
      <c r="G22101" s="16">
        <v>0.75635269229107305</v>
      </c>
    </row>
    <row r="22102" spans="1:7" x14ac:dyDescent="0.3">
      <c r="A22102" s="13" t="s">
        <v>148</v>
      </c>
      <c r="B22102" s="14" t="s">
        <v>1</v>
      </c>
      <c r="C22102" s="14" t="s">
        <v>101</v>
      </c>
      <c r="D22102" s="14" t="s">
        <v>31</v>
      </c>
      <c r="E22102" s="15">
        <v>45578</v>
      </c>
      <c r="F22102" s="14" t="s">
        <v>15</v>
      </c>
      <c r="G22102" s="16">
        <v>0.75635269229107305</v>
      </c>
    </row>
    <row r="22103" spans="1:7" x14ac:dyDescent="0.3">
      <c r="A22103" s="13" t="s">
        <v>148</v>
      </c>
      <c r="B22103" s="14" t="s">
        <v>1</v>
      </c>
      <c r="C22103" s="14" t="s">
        <v>101</v>
      </c>
      <c r="D22103" s="14" t="s">
        <v>31</v>
      </c>
      <c r="E22103" s="15">
        <v>45579</v>
      </c>
      <c r="F22103" s="14" t="s">
        <v>15</v>
      </c>
      <c r="G22103" s="16">
        <v>0.75813311593001864</v>
      </c>
    </row>
    <row r="22104" spans="1:7" x14ac:dyDescent="0.3">
      <c r="A22104" s="13" t="s">
        <v>148</v>
      </c>
      <c r="B22104" s="14" t="s">
        <v>1</v>
      </c>
      <c r="C22104" s="14" t="s">
        <v>101</v>
      </c>
      <c r="D22104" s="14" t="s">
        <v>31</v>
      </c>
      <c r="E22104" s="15">
        <v>45580</v>
      </c>
      <c r="F22104" s="14" t="s">
        <v>15</v>
      </c>
      <c r="G22104" s="16">
        <v>0.74941318671081325</v>
      </c>
    </row>
    <row r="22105" spans="1:7" x14ac:dyDescent="0.3">
      <c r="A22105" s="13" t="s">
        <v>148</v>
      </c>
      <c r="B22105" s="14" t="s">
        <v>1</v>
      </c>
      <c r="C22105" s="14" t="s">
        <v>101</v>
      </c>
      <c r="D22105" s="14" t="s">
        <v>31</v>
      </c>
      <c r="E22105" s="15">
        <v>45581</v>
      </c>
      <c r="F22105" s="14" t="s">
        <v>15</v>
      </c>
      <c r="G22105" s="16">
        <v>0.74616608741397894</v>
      </c>
    </row>
    <row r="22106" spans="1:7" x14ac:dyDescent="0.3">
      <c r="A22106" s="13" t="s">
        <v>148</v>
      </c>
      <c r="B22106" s="14" t="s">
        <v>1</v>
      </c>
      <c r="C22106" s="14" t="s">
        <v>101</v>
      </c>
      <c r="D22106" s="14" t="s">
        <v>31</v>
      </c>
      <c r="E22106" s="15">
        <v>45582</v>
      </c>
      <c r="F22106" s="14" t="s">
        <v>15</v>
      </c>
      <c r="G22106" s="16">
        <v>0.74292745671276916</v>
      </c>
    </row>
    <row r="22107" spans="1:7" x14ac:dyDescent="0.3">
      <c r="A22107" s="13" t="s">
        <v>148</v>
      </c>
      <c r="B22107" s="14" t="s">
        <v>1</v>
      </c>
      <c r="C22107" s="14" t="s">
        <v>101</v>
      </c>
      <c r="D22107" s="14" t="s">
        <v>31</v>
      </c>
      <c r="E22107" s="15">
        <v>45583</v>
      </c>
      <c r="F22107" s="14" t="s">
        <v>15</v>
      </c>
      <c r="G22107" s="16">
        <v>0.73968741457895526</v>
      </c>
    </row>
    <row r="22108" spans="1:7" x14ac:dyDescent="0.3">
      <c r="A22108" s="13" t="s">
        <v>148</v>
      </c>
      <c r="B22108" s="14" t="s">
        <v>1</v>
      </c>
      <c r="C22108" s="14" t="s">
        <v>101</v>
      </c>
      <c r="D22108" s="14" t="s">
        <v>31</v>
      </c>
      <c r="E22108" s="15">
        <v>45584</v>
      </c>
      <c r="F22108" s="14" t="s">
        <v>15</v>
      </c>
      <c r="G22108" s="16">
        <v>0.73968741457895526</v>
      </c>
    </row>
    <row r="22109" spans="1:7" x14ac:dyDescent="0.3">
      <c r="A22109" s="13" t="s">
        <v>148</v>
      </c>
      <c r="B22109" s="14" t="s">
        <v>1</v>
      </c>
      <c r="C22109" s="14" t="s">
        <v>101</v>
      </c>
      <c r="D22109" s="14" t="s">
        <v>31</v>
      </c>
      <c r="E22109" s="15">
        <v>45585</v>
      </c>
      <c r="F22109" s="14" t="s">
        <v>15</v>
      </c>
      <c r="G22109" s="16">
        <v>0.73968741457895526</v>
      </c>
    </row>
    <row r="22110" spans="1:7" x14ac:dyDescent="0.3">
      <c r="A22110" s="13" t="s">
        <v>148</v>
      </c>
      <c r="B22110" s="14" t="s">
        <v>1</v>
      </c>
      <c r="C22110" s="14" t="s">
        <v>101</v>
      </c>
      <c r="D22110" s="14" t="s">
        <v>31</v>
      </c>
      <c r="E22110" s="15">
        <v>45586</v>
      </c>
      <c r="F22110" s="14" t="s">
        <v>15</v>
      </c>
      <c r="G22110" s="16">
        <v>0.73759980716638351</v>
      </c>
    </row>
    <row r="22111" spans="1:7" x14ac:dyDescent="0.3">
      <c r="A22111" s="13" t="s">
        <v>148</v>
      </c>
      <c r="B22111" s="14" t="s">
        <v>1</v>
      </c>
      <c r="C22111" s="14" t="s">
        <v>101</v>
      </c>
      <c r="D22111" s="14" t="s">
        <v>31</v>
      </c>
      <c r="E22111" s="15">
        <v>45587</v>
      </c>
      <c r="F22111" s="14" t="s">
        <v>15</v>
      </c>
      <c r="G22111" s="16">
        <v>0.72886011789072058</v>
      </c>
    </row>
    <row r="22112" spans="1:7" x14ac:dyDescent="0.3">
      <c r="A22112" s="13" t="s">
        <v>148</v>
      </c>
      <c r="B22112" s="14" t="s">
        <v>1</v>
      </c>
      <c r="C22112" s="14" t="s">
        <v>101</v>
      </c>
      <c r="D22112" s="14" t="s">
        <v>31</v>
      </c>
      <c r="E22112" s="15">
        <v>45588</v>
      </c>
      <c r="F22112" s="14" t="s">
        <v>15</v>
      </c>
      <c r="G22112" s="16">
        <v>0.72562642720362514</v>
      </c>
    </row>
    <row r="22113" spans="1:7" x14ac:dyDescent="0.3">
      <c r="A22113" s="13" t="s">
        <v>148</v>
      </c>
      <c r="B22113" s="14" t="s">
        <v>1</v>
      </c>
      <c r="C22113" s="14" t="s">
        <v>101</v>
      </c>
      <c r="D22113" s="14" t="s">
        <v>31</v>
      </c>
      <c r="E22113" s="15">
        <v>45589</v>
      </c>
      <c r="F22113" s="14" t="s">
        <v>15</v>
      </c>
      <c r="G22113" s="16">
        <v>0.72263550292443379</v>
      </c>
    </row>
    <row r="22114" spans="1:7" x14ac:dyDescent="0.3">
      <c r="A22114" s="13" t="s">
        <v>148</v>
      </c>
      <c r="B22114" s="14" t="s">
        <v>1</v>
      </c>
      <c r="C22114" s="14" t="s">
        <v>101</v>
      </c>
      <c r="D22114" s="14" t="s">
        <v>31</v>
      </c>
      <c r="E22114" s="15">
        <v>45590</v>
      </c>
      <c r="F22114" s="14" t="s">
        <v>15</v>
      </c>
      <c r="G22114" s="16">
        <v>0.71943427518723269</v>
      </c>
    </row>
    <row r="22115" spans="1:7" x14ac:dyDescent="0.3">
      <c r="A22115" s="13" t="s">
        <v>148</v>
      </c>
      <c r="B22115" s="14" t="s">
        <v>1</v>
      </c>
      <c r="C22115" s="14" t="s">
        <v>101</v>
      </c>
      <c r="D22115" s="14" t="s">
        <v>31</v>
      </c>
      <c r="E22115" s="15">
        <v>45591</v>
      </c>
      <c r="F22115" s="14" t="s">
        <v>15</v>
      </c>
      <c r="G22115" s="16">
        <v>0.71943427518723269</v>
      </c>
    </row>
    <row r="22116" spans="1:7" x14ac:dyDescent="0.3">
      <c r="A22116" s="13" t="s">
        <v>148</v>
      </c>
      <c r="B22116" s="14" t="s">
        <v>1</v>
      </c>
      <c r="C22116" s="14" t="s">
        <v>101</v>
      </c>
      <c r="D22116" s="14" t="s">
        <v>31</v>
      </c>
      <c r="E22116" s="15">
        <v>45592</v>
      </c>
      <c r="F22116" s="14" t="s">
        <v>15</v>
      </c>
      <c r="G22116" s="16">
        <v>0.71943427518723269</v>
      </c>
    </row>
    <row r="22117" spans="1:7" x14ac:dyDescent="0.3">
      <c r="A22117" s="13" t="s">
        <v>148</v>
      </c>
      <c r="B22117" s="14" t="s">
        <v>1</v>
      </c>
      <c r="C22117" s="14" t="s">
        <v>101</v>
      </c>
      <c r="D22117" s="14" t="s">
        <v>31</v>
      </c>
      <c r="E22117" s="15">
        <v>45593</v>
      </c>
      <c r="F22117" s="14" t="s">
        <v>15</v>
      </c>
      <c r="G22117" s="16">
        <v>0.71943427518723269</v>
      </c>
    </row>
    <row r="22118" spans="1:7" x14ac:dyDescent="0.3">
      <c r="A22118" s="13" t="s">
        <v>148</v>
      </c>
      <c r="B22118" s="14" t="s">
        <v>1</v>
      </c>
      <c r="C22118" s="14" t="s">
        <v>101</v>
      </c>
      <c r="D22118" s="14" t="s">
        <v>31</v>
      </c>
      <c r="E22118" s="15">
        <v>45594</v>
      </c>
      <c r="F22118" s="14" t="s">
        <v>15</v>
      </c>
      <c r="G22118" s="16">
        <v>0.71732620200190156</v>
      </c>
    </row>
    <row r="22119" spans="1:7" x14ac:dyDescent="0.3">
      <c r="A22119" s="13" t="s">
        <v>148</v>
      </c>
      <c r="B22119" s="14" t="s">
        <v>1</v>
      </c>
      <c r="C22119" s="14" t="s">
        <v>101</v>
      </c>
      <c r="D22119" s="14" t="s">
        <v>31</v>
      </c>
      <c r="E22119" s="15">
        <v>45595</v>
      </c>
      <c r="F22119" s="14" t="s">
        <v>15</v>
      </c>
      <c r="G22119" s="16">
        <v>0.7059591309337192</v>
      </c>
    </row>
    <row r="22120" spans="1:7" x14ac:dyDescent="0.3">
      <c r="A22120" s="13" t="s">
        <v>148</v>
      </c>
      <c r="B22120" s="14" t="s">
        <v>1</v>
      </c>
      <c r="C22120" s="14" t="s">
        <v>101</v>
      </c>
      <c r="D22120" s="14" t="s">
        <v>31</v>
      </c>
      <c r="E22120" s="15">
        <v>45596</v>
      </c>
      <c r="F22120" s="14" t="s">
        <v>15</v>
      </c>
      <c r="G22120" s="16">
        <v>0.70274167172157076</v>
      </c>
    </row>
    <row r="22121" spans="1:7" x14ac:dyDescent="0.3">
      <c r="A22121" s="13" t="s">
        <v>148</v>
      </c>
      <c r="B22121" s="14" t="s">
        <v>1</v>
      </c>
      <c r="C22121" s="14" t="s">
        <v>101</v>
      </c>
      <c r="D22121" s="14" t="s">
        <v>31</v>
      </c>
      <c r="E22121" s="15">
        <v>45597</v>
      </c>
      <c r="F22121" s="14" t="s">
        <v>15</v>
      </c>
      <c r="G22121" s="16">
        <v>0.71392435365268292</v>
      </c>
    </row>
    <row r="22122" spans="1:7" x14ac:dyDescent="0.3">
      <c r="A22122" s="13" t="s">
        <v>148</v>
      </c>
      <c r="B22122" s="14" t="s">
        <v>1</v>
      </c>
      <c r="C22122" s="14" t="s">
        <v>101</v>
      </c>
      <c r="D22122" s="14" t="s">
        <v>31</v>
      </c>
      <c r="E22122" s="15">
        <v>45598</v>
      </c>
      <c r="F22122" s="14" t="s">
        <v>15</v>
      </c>
      <c r="G22122" s="16">
        <v>0.71392435365268292</v>
      </c>
    </row>
    <row r="22123" spans="1:7" x14ac:dyDescent="0.3">
      <c r="A22123" s="13" t="s">
        <v>148</v>
      </c>
      <c r="B22123" s="14" t="s">
        <v>1</v>
      </c>
      <c r="C22123" s="14" t="s">
        <v>101</v>
      </c>
      <c r="D22123" s="14" t="s">
        <v>31</v>
      </c>
      <c r="E22123" s="15">
        <v>45599</v>
      </c>
      <c r="F22123" s="14" t="s">
        <v>15</v>
      </c>
      <c r="G22123" s="16">
        <v>0.71392435365268292</v>
      </c>
    </row>
    <row r="22124" spans="1:7" x14ac:dyDescent="0.3">
      <c r="A22124" s="13" t="s">
        <v>148</v>
      </c>
      <c r="B22124" s="14" t="s">
        <v>1</v>
      </c>
      <c r="C22124" s="14" t="s">
        <v>101</v>
      </c>
      <c r="D22124" s="14" t="s">
        <v>31</v>
      </c>
      <c r="E22124" s="15">
        <v>45600</v>
      </c>
      <c r="F22124" s="14" t="s">
        <v>15</v>
      </c>
      <c r="G22124" s="16">
        <v>0.71136462203404216</v>
      </c>
    </row>
    <row r="22125" spans="1:7" x14ac:dyDescent="0.3">
      <c r="A22125" s="13" t="s">
        <v>148</v>
      </c>
      <c r="B22125" s="14" t="s">
        <v>1</v>
      </c>
      <c r="C22125" s="14" t="s">
        <v>101</v>
      </c>
      <c r="D22125" s="14" t="s">
        <v>31</v>
      </c>
      <c r="E22125" s="15">
        <v>45601</v>
      </c>
      <c r="F22125" s="14" t="s">
        <v>15</v>
      </c>
      <c r="G22125" s="16">
        <v>0.70285923057065891</v>
      </c>
    </row>
    <row r="22126" spans="1:7" x14ac:dyDescent="0.3">
      <c r="A22126" s="13" t="s">
        <v>148</v>
      </c>
      <c r="B22126" s="14" t="s">
        <v>1</v>
      </c>
      <c r="C22126" s="14" t="s">
        <v>101</v>
      </c>
      <c r="D22126" s="14" t="s">
        <v>31</v>
      </c>
      <c r="E22126" s="15">
        <v>45602</v>
      </c>
      <c r="F22126" s="14" t="s">
        <v>15</v>
      </c>
      <c r="G22126" s="16">
        <v>0.69968764291814367</v>
      </c>
    </row>
    <row r="22127" spans="1:7" x14ac:dyDescent="0.3">
      <c r="A22127" s="13" t="s">
        <v>148</v>
      </c>
      <c r="B22127" s="14" t="s">
        <v>1</v>
      </c>
      <c r="C22127" s="14" t="s">
        <v>101</v>
      </c>
      <c r="D22127" s="14" t="s">
        <v>31</v>
      </c>
      <c r="E22127" s="15">
        <v>45603</v>
      </c>
      <c r="F22127" s="14" t="s">
        <v>15</v>
      </c>
      <c r="G22127" s="16">
        <v>0.69648570946464028</v>
      </c>
    </row>
    <row r="22128" spans="1:7" x14ac:dyDescent="0.3">
      <c r="A22128" s="13" t="s">
        <v>148</v>
      </c>
      <c r="B22128" s="14" t="s">
        <v>1</v>
      </c>
      <c r="C22128" s="14" t="s">
        <v>101</v>
      </c>
      <c r="D22128" s="14" t="s">
        <v>31</v>
      </c>
      <c r="E22128" s="15">
        <v>45604</v>
      </c>
      <c r="F22128" s="14" t="s">
        <v>15</v>
      </c>
      <c r="G22128" s="16">
        <v>0.69325837022426318</v>
      </c>
    </row>
    <row r="22129" spans="1:7" x14ac:dyDescent="0.3">
      <c r="A22129" s="13" t="s">
        <v>148</v>
      </c>
      <c r="B22129" s="14" t="s">
        <v>1</v>
      </c>
      <c r="C22129" s="14" t="s">
        <v>101</v>
      </c>
      <c r="D22129" s="14" t="s">
        <v>31</v>
      </c>
      <c r="E22129" s="15">
        <v>45605</v>
      </c>
      <c r="F22129" s="14" t="s">
        <v>15</v>
      </c>
      <c r="G22129" s="16">
        <v>0.69325837022426318</v>
      </c>
    </row>
    <row r="22130" spans="1:7" x14ac:dyDescent="0.3">
      <c r="A22130" s="13" t="s">
        <v>148</v>
      </c>
      <c r="B22130" s="14" t="s">
        <v>1</v>
      </c>
      <c r="C22130" s="14" t="s">
        <v>101</v>
      </c>
      <c r="D22130" s="14" t="s">
        <v>31</v>
      </c>
      <c r="E22130" s="15">
        <v>45606</v>
      </c>
      <c r="F22130" s="14" t="s">
        <v>15</v>
      </c>
      <c r="G22130" s="16">
        <v>0.69325837022426318</v>
      </c>
    </row>
    <row r="22131" spans="1:7" x14ac:dyDescent="0.3">
      <c r="A22131" s="13" t="s">
        <v>148</v>
      </c>
      <c r="B22131" s="14" t="s">
        <v>1</v>
      </c>
      <c r="C22131" s="14" t="s">
        <v>101</v>
      </c>
      <c r="D22131" s="14" t="s">
        <v>31</v>
      </c>
      <c r="E22131" s="15">
        <v>45607</v>
      </c>
      <c r="F22131" s="14" t="s">
        <v>15</v>
      </c>
      <c r="G22131" s="16">
        <v>0.6900197395230534</v>
      </c>
    </row>
    <row r="22132" spans="1:7" x14ac:dyDescent="0.3">
      <c r="A22132" s="13" t="s">
        <v>148</v>
      </c>
      <c r="B22132" s="14" t="s">
        <v>1</v>
      </c>
      <c r="C22132" s="14" t="s">
        <v>101</v>
      </c>
      <c r="D22132" s="14" t="s">
        <v>31</v>
      </c>
      <c r="E22132" s="15">
        <v>45608</v>
      </c>
      <c r="F22132" s="14" t="s">
        <v>15</v>
      </c>
      <c r="G22132" s="16">
        <v>0.68130969033207667</v>
      </c>
    </row>
    <row r="22133" spans="1:7" x14ac:dyDescent="0.3">
      <c r="A22133" s="13" t="s">
        <v>148</v>
      </c>
      <c r="B22133" s="14" t="s">
        <v>1</v>
      </c>
      <c r="C22133" s="14" t="s">
        <v>101</v>
      </c>
      <c r="D22133" s="14" t="s">
        <v>31</v>
      </c>
      <c r="E22133" s="15">
        <v>45609</v>
      </c>
      <c r="F22133" s="14" t="s">
        <v>15</v>
      </c>
      <c r="G22133" s="16">
        <v>0.69691580204441672</v>
      </c>
    </row>
    <row r="22134" spans="1:7" x14ac:dyDescent="0.3">
      <c r="A22134" s="13" t="s">
        <v>148</v>
      </c>
      <c r="B22134" s="14" t="s">
        <v>1</v>
      </c>
      <c r="C22134" s="14" t="s">
        <v>101</v>
      </c>
      <c r="D22134" s="14" t="s">
        <v>31</v>
      </c>
      <c r="E22134" s="15">
        <v>45610</v>
      </c>
      <c r="F22134" s="14" t="s">
        <v>15</v>
      </c>
      <c r="G22134" s="16">
        <v>0.6971415326699536</v>
      </c>
    </row>
    <row r="22135" spans="1:7" x14ac:dyDescent="0.3">
      <c r="A22135" s="13" t="s">
        <v>148</v>
      </c>
      <c r="B22135" s="14" t="s">
        <v>1</v>
      </c>
      <c r="C22135" s="14" t="s">
        <v>101</v>
      </c>
      <c r="D22135" s="14" t="s">
        <v>31</v>
      </c>
      <c r="E22135" s="15">
        <v>45611</v>
      </c>
      <c r="F22135" s="14" t="s">
        <v>15</v>
      </c>
      <c r="G22135" s="16">
        <v>0.69393113062082579</v>
      </c>
    </row>
    <row r="22136" spans="1:7" x14ac:dyDescent="0.3">
      <c r="A22136" s="13" t="s">
        <v>148</v>
      </c>
      <c r="B22136" s="14" t="s">
        <v>1</v>
      </c>
      <c r="C22136" s="14" t="s">
        <v>101</v>
      </c>
      <c r="D22136" s="14" t="s">
        <v>31</v>
      </c>
      <c r="E22136" s="15">
        <v>45612</v>
      </c>
      <c r="F22136" s="14" t="s">
        <v>15</v>
      </c>
      <c r="G22136" s="16">
        <v>0.69393113062082579</v>
      </c>
    </row>
    <row r="22137" spans="1:7" x14ac:dyDescent="0.3">
      <c r="A22137" s="13" t="s">
        <v>148</v>
      </c>
      <c r="B22137" s="14" t="s">
        <v>1</v>
      </c>
      <c r="C22137" s="14" t="s">
        <v>101</v>
      </c>
      <c r="D22137" s="14" t="s">
        <v>31</v>
      </c>
      <c r="E22137" s="15">
        <v>45613</v>
      </c>
      <c r="F22137" s="14" t="s">
        <v>15</v>
      </c>
      <c r="G22137" s="16">
        <v>0.69393113062082579</v>
      </c>
    </row>
    <row r="22138" spans="1:7" x14ac:dyDescent="0.3">
      <c r="A22138" s="13" t="s">
        <v>148</v>
      </c>
      <c r="B22138" s="14" t="s">
        <v>1</v>
      </c>
      <c r="C22138" s="14" t="s">
        <v>101</v>
      </c>
      <c r="D22138" s="14" t="s">
        <v>31</v>
      </c>
      <c r="E22138" s="15">
        <v>45614</v>
      </c>
      <c r="F22138" s="14" t="s">
        <v>15</v>
      </c>
      <c r="G22138" s="16">
        <v>0.73438833619343402</v>
      </c>
    </row>
    <row r="22139" spans="1:7" x14ac:dyDescent="0.3">
      <c r="A22139" s="13" t="s">
        <v>148</v>
      </c>
      <c r="B22139" s="14" t="s">
        <v>1</v>
      </c>
      <c r="C22139" s="14" t="s">
        <v>101</v>
      </c>
      <c r="D22139" s="14" t="s">
        <v>31</v>
      </c>
      <c r="E22139" s="15">
        <v>45615</v>
      </c>
      <c r="F22139" s="14" t="s">
        <v>15</v>
      </c>
      <c r="G22139" s="16">
        <v>0.72583354458890759</v>
      </c>
    </row>
    <row r="22140" spans="1:7" x14ac:dyDescent="0.3">
      <c r="A22140" s="13" t="s">
        <v>148</v>
      </c>
      <c r="B22140" s="14" t="s">
        <v>1</v>
      </c>
      <c r="C22140" s="14" t="s">
        <v>101</v>
      </c>
      <c r="D22140" s="14" t="s">
        <v>31</v>
      </c>
      <c r="E22140" s="15">
        <v>45616</v>
      </c>
      <c r="F22140" s="14" t="s">
        <v>15</v>
      </c>
      <c r="G22140" s="16">
        <v>0.72263796258212265</v>
      </c>
    </row>
    <row r="22141" spans="1:7" x14ac:dyDescent="0.3">
      <c r="A22141" s="13" t="s">
        <v>148</v>
      </c>
      <c r="B22141" s="14" t="s">
        <v>1</v>
      </c>
      <c r="C22141" s="14" t="s">
        <v>101</v>
      </c>
      <c r="D22141" s="14" t="s">
        <v>31</v>
      </c>
      <c r="E22141" s="15">
        <v>45617</v>
      </c>
      <c r="F22141" s="14" t="s">
        <v>15</v>
      </c>
      <c r="G22141" s="16">
        <v>0.71944096914273359</v>
      </c>
    </row>
    <row r="22142" spans="1:7" x14ac:dyDescent="0.3">
      <c r="A22142" s="13" t="s">
        <v>148</v>
      </c>
      <c r="B22142" s="14" t="s">
        <v>1</v>
      </c>
      <c r="C22142" s="14" t="s">
        <v>101</v>
      </c>
      <c r="D22142" s="14" t="s">
        <v>31</v>
      </c>
      <c r="E22142" s="15">
        <v>45618</v>
      </c>
      <c r="F22142" s="14" t="s">
        <v>15</v>
      </c>
      <c r="G22142" s="16">
        <v>0.71625103286636516</v>
      </c>
    </row>
    <row r="22143" spans="1:7" x14ac:dyDescent="0.3">
      <c r="A22143" s="13" t="s">
        <v>148</v>
      </c>
      <c r="B22143" s="14" t="s">
        <v>1</v>
      </c>
      <c r="C22143" s="14" t="s">
        <v>101</v>
      </c>
      <c r="D22143" s="14" t="s">
        <v>31</v>
      </c>
      <c r="E22143" s="15">
        <v>45619</v>
      </c>
      <c r="F22143" s="14" t="s">
        <v>15</v>
      </c>
      <c r="G22143" s="16">
        <v>0.71625103286636516</v>
      </c>
    </row>
    <row r="22144" spans="1:7" x14ac:dyDescent="0.3">
      <c r="A22144" s="13" t="s">
        <v>148</v>
      </c>
      <c r="B22144" s="14" t="s">
        <v>1</v>
      </c>
      <c r="C22144" s="14" t="s">
        <v>101</v>
      </c>
      <c r="D22144" s="14" t="s">
        <v>31</v>
      </c>
      <c r="E22144" s="15">
        <v>45620</v>
      </c>
      <c r="F22144" s="14" t="s">
        <v>15</v>
      </c>
      <c r="G22144" s="16">
        <v>0.71625103286636516</v>
      </c>
    </row>
    <row r="22145" spans="1:7" x14ac:dyDescent="0.3">
      <c r="A22145" s="13" t="s">
        <v>148</v>
      </c>
      <c r="B22145" s="14" t="s">
        <v>1</v>
      </c>
      <c r="C22145" s="14" t="s">
        <v>101</v>
      </c>
      <c r="D22145" s="14" t="s">
        <v>31</v>
      </c>
      <c r="E22145" s="15">
        <v>45621</v>
      </c>
      <c r="F22145" s="14" t="s">
        <v>15</v>
      </c>
      <c r="G22145" s="16">
        <v>0.72437866892591762</v>
      </c>
    </row>
    <row r="22146" spans="1:7" x14ac:dyDescent="0.3">
      <c r="A22146" s="13" t="s">
        <v>148</v>
      </c>
      <c r="B22146" s="14" t="s">
        <v>1</v>
      </c>
      <c r="C22146" s="14" t="s">
        <v>101</v>
      </c>
      <c r="D22146" s="14" t="s">
        <v>31</v>
      </c>
      <c r="E22146" s="15">
        <v>45622</v>
      </c>
      <c r="F22146" s="14" t="s">
        <v>15</v>
      </c>
      <c r="G22146" s="16">
        <v>0.7156502711110877</v>
      </c>
    </row>
    <row r="22147" spans="1:7" x14ac:dyDescent="0.3">
      <c r="A22147" s="13" t="s">
        <v>148</v>
      </c>
      <c r="B22147" s="14" t="s">
        <v>1</v>
      </c>
      <c r="C22147" s="14" t="s">
        <v>101</v>
      </c>
      <c r="D22147" s="14" t="s">
        <v>31</v>
      </c>
      <c r="E22147" s="15">
        <v>45623</v>
      </c>
      <c r="F22147" s="14" t="s">
        <v>15</v>
      </c>
      <c r="G22147" s="16">
        <v>0.71887811888553077</v>
      </c>
    </row>
    <row r="22148" spans="1:7" x14ac:dyDescent="0.3">
      <c r="A22148" s="13" t="s">
        <v>148</v>
      </c>
      <c r="B22148" s="14" t="s">
        <v>1</v>
      </c>
      <c r="C22148" s="14" t="s">
        <v>101</v>
      </c>
      <c r="D22148" s="14" t="s">
        <v>31</v>
      </c>
      <c r="E22148" s="15">
        <v>45624</v>
      </c>
      <c r="F22148" s="14" t="s">
        <v>15</v>
      </c>
      <c r="G22148" s="16">
        <v>0.71350399065432824</v>
      </c>
    </row>
    <row r="22149" spans="1:7" x14ac:dyDescent="0.3">
      <c r="A22149" s="13" t="s">
        <v>148</v>
      </c>
      <c r="B22149" s="14" t="s">
        <v>1</v>
      </c>
      <c r="C22149" s="14" t="s">
        <v>101</v>
      </c>
      <c r="D22149" s="14" t="s">
        <v>31</v>
      </c>
      <c r="E22149" s="15">
        <v>45625</v>
      </c>
      <c r="F22149" s="14" t="s">
        <v>15</v>
      </c>
      <c r="G22149" s="16">
        <v>0.71026747710202476</v>
      </c>
    </row>
    <row r="22150" spans="1:7" x14ac:dyDescent="0.3">
      <c r="A22150" s="13" t="s">
        <v>148</v>
      </c>
      <c r="B22150" s="14" t="s">
        <v>1</v>
      </c>
      <c r="C22150" s="14" t="s">
        <v>101</v>
      </c>
      <c r="D22150" s="14" t="s">
        <v>31</v>
      </c>
      <c r="E22150" s="15">
        <v>45626</v>
      </c>
      <c r="F22150" s="14" t="s">
        <v>15</v>
      </c>
      <c r="G22150" s="16">
        <v>0.71026747710202476</v>
      </c>
    </row>
    <row r="22151" spans="1:7" x14ac:dyDescent="0.3">
      <c r="A22151" s="13" t="s">
        <v>148</v>
      </c>
      <c r="B22151" s="14" t="s">
        <v>1</v>
      </c>
      <c r="C22151" s="14" t="s">
        <v>101</v>
      </c>
      <c r="D22151" s="14" t="s">
        <v>31</v>
      </c>
      <c r="E22151" s="15">
        <v>45627</v>
      </c>
      <c r="F22151" s="14" t="s">
        <v>15</v>
      </c>
      <c r="G22151" s="16">
        <v>0.71026747710202476</v>
      </c>
    </row>
    <row r="22152" spans="1:7" x14ac:dyDescent="0.3">
      <c r="A22152" s="13" t="s">
        <v>148</v>
      </c>
      <c r="B22152" s="14" t="s">
        <v>1</v>
      </c>
      <c r="C22152" s="14" t="s">
        <v>101</v>
      </c>
      <c r="D22152" s="14" t="s">
        <v>31</v>
      </c>
      <c r="E22152" s="15">
        <v>45628</v>
      </c>
      <c r="F22152" s="14" t="s">
        <v>15</v>
      </c>
      <c r="G22152" s="16">
        <v>0.74940005317569147</v>
      </c>
    </row>
    <row r="22153" spans="1:7" x14ac:dyDescent="0.3">
      <c r="A22153" s="13" t="s">
        <v>148</v>
      </c>
      <c r="B22153" s="14" t="s">
        <v>1</v>
      </c>
      <c r="C22153" s="14" t="s">
        <v>101</v>
      </c>
      <c r="D22153" s="14" t="s">
        <v>31</v>
      </c>
      <c r="E22153" s="15">
        <v>45629</v>
      </c>
      <c r="F22153" s="14" t="s">
        <v>15</v>
      </c>
      <c r="G22153" s="16">
        <v>0.74258626368831382</v>
      </c>
    </row>
    <row r="22154" spans="1:7" x14ac:dyDescent="0.3">
      <c r="A22154" s="13" t="s">
        <v>148</v>
      </c>
      <c r="B22154" s="14" t="s">
        <v>1</v>
      </c>
      <c r="C22154" s="14" t="s">
        <v>101</v>
      </c>
      <c r="D22154" s="14" t="s">
        <v>31</v>
      </c>
      <c r="E22154" s="15">
        <v>45630</v>
      </c>
      <c r="F22154" s="14" t="s">
        <v>15</v>
      </c>
      <c r="G22154" s="16">
        <v>0.75455370214730166</v>
      </c>
    </row>
    <row r="22155" spans="1:7" x14ac:dyDescent="0.3">
      <c r="A22155" s="13" t="s">
        <v>148</v>
      </c>
      <c r="B22155" s="14" t="s">
        <v>1</v>
      </c>
      <c r="C22155" s="14" t="s">
        <v>101</v>
      </c>
      <c r="D22155" s="14" t="s">
        <v>31</v>
      </c>
      <c r="E22155" s="15">
        <v>45631</v>
      </c>
      <c r="F22155" s="14" t="s">
        <v>15</v>
      </c>
      <c r="G22155" s="16">
        <v>0.75130166283635313</v>
      </c>
    </row>
    <row r="22156" spans="1:7" x14ac:dyDescent="0.3">
      <c r="A22156" s="13" t="s">
        <v>148</v>
      </c>
      <c r="B22156" s="14" t="s">
        <v>1</v>
      </c>
      <c r="C22156" s="14" t="s">
        <v>101</v>
      </c>
      <c r="D22156" s="14" t="s">
        <v>31</v>
      </c>
      <c r="E22156" s="15">
        <v>45632</v>
      </c>
      <c r="F22156" s="14" t="s">
        <v>15</v>
      </c>
      <c r="G22156" s="16">
        <v>0.74804750637649842</v>
      </c>
    </row>
    <row r="22157" spans="1:7" x14ac:dyDescent="0.3">
      <c r="A22157" s="13" t="s">
        <v>148</v>
      </c>
      <c r="B22157" s="14" t="s">
        <v>1</v>
      </c>
      <c r="C22157" s="14" t="s">
        <v>101</v>
      </c>
      <c r="D22157" s="14" t="s">
        <v>31</v>
      </c>
      <c r="E22157" s="15">
        <v>45633</v>
      </c>
      <c r="F22157" s="14" t="s">
        <v>15</v>
      </c>
      <c r="G22157" s="16">
        <v>0.74804750637649842</v>
      </c>
    </row>
    <row r="22158" spans="1:7" x14ac:dyDescent="0.3">
      <c r="A22158" s="13" t="s">
        <v>148</v>
      </c>
      <c r="B22158" s="14" t="s">
        <v>1</v>
      </c>
      <c r="C22158" s="14" t="s">
        <v>101</v>
      </c>
      <c r="D22158" s="14" t="s">
        <v>31</v>
      </c>
      <c r="E22158" s="15">
        <v>45634</v>
      </c>
      <c r="F22158" s="14" t="s">
        <v>15</v>
      </c>
      <c r="G22158" s="16">
        <v>0.74804750637649842</v>
      </c>
    </row>
    <row r="22159" spans="1:7" x14ac:dyDescent="0.3">
      <c r="A22159" s="13" t="s">
        <v>148</v>
      </c>
      <c r="B22159" s="14" t="s">
        <v>1</v>
      </c>
      <c r="C22159" s="14" t="s">
        <v>101</v>
      </c>
      <c r="D22159" s="14" t="s">
        <v>31</v>
      </c>
      <c r="E22159" s="15">
        <v>45635</v>
      </c>
      <c r="F22159" s="14" t="s">
        <v>15</v>
      </c>
      <c r="G22159" s="16">
        <v>0.75802270771480884</v>
      </c>
    </row>
    <row r="22160" spans="1:7" x14ac:dyDescent="0.3">
      <c r="A22160" s="13" t="s">
        <v>148</v>
      </c>
      <c r="B22160" s="14" t="s">
        <v>1</v>
      </c>
      <c r="C22160" s="14" t="s">
        <v>101</v>
      </c>
      <c r="D22160" s="14" t="s">
        <v>31</v>
      </c>
      <c r="E22160" s="15">
        <v>45636</v>
      </c>
      <c r="F22160" s="14" t="s">
        <v>15</v>
      </c>
      <c r="G22160" s="16">
        <v>0.74928019557393799</v>
      </c>
    </row>
    <row r="22161" spans="1:7" x14ac:dyDescent="0.3">
      <c r="A22161" s="13" t="s">
        <v>148</v>
      </c>
      <c r="B22161" s="14" t="s">
        <v>1</v>
      </c>
      <c r="C22161" s="14" t="s">
        <v>101</v>
      </c>
      <c r="D22161" s="14" t="s">
        <v>31</v>
      </c>
      <c r="E22161" s="15">
        <v>45637</v>
      </c>
      <c r="F22161" s="14" t="s">
        <v>15</v>
      </c>
      <c r="G22161" s="16">
        <v>0.74603591914231193</v>
      </c>
    </row>
    <row r="22162" spans="1:7" x14ac:dyDescent="0.3">
      <c r="A22162" s="13" t="s">
        <v>148</v>
      </c>
      <c r="B22162" s="14" t="s">
        <v>1</v>
      </c>
      <c r="C22162" s="14" t="s">
        <v>101</v>
      </c>
      <c r="D22162" s="14" t="s">
        <v>31</v>
      </c>
      <c r="E22162" s="15">
        <v>45638</v>
      </c>
      <c r="F22162" s="14" t="s">
        <v>15</v>
      </c>
      <c r="G22162" s="16">
        <v>0.74652064765070003</v>
      </c>
    </row>
    <row r="22163" spans="1:7" x14ac:dyDescent="0.3">
      <c r="A22163" s="13" t="s">
        <v>148</v>
      </c>
      <c r="B22163" s="14" t="s">
        <v>1</v>
      </c>
      <c r="C22163" s="14" t="s">
        <v>101</v>
      </c>
      <c r="D22163" s="14" t="s">
        <v>31</v>
      </c>
      <c r="E22163" s="15">
        <v>45639</v>
      </c>
      <c r="F22163" s="14" t="s">
        <v>15</v>
      </c>
      <c r="G22163" s="16">
        <v>0.74328201694949025</v>
      </c>
    </row>
    <row r="22164" spans="1:7" x14ac:dyDescent="0.3">
      <c r="A22164" s="13" t="s">
        <v>148</v>
      </c>
      <c r="B22164" s="14" t="s">
        <v>1</v>
      </c>
      <c r="C22164" s="14" t="s">
        <v>101</v>
      </c>
      <c r="D22164" s="14" t="s">
        <v>31</v>
      </c>
      <c r="E22164" s="15">
        <v>45640</v>
      </c>
      <c r="F22164" s="14" t="s">
        <v>15</v>
      </c>
      <c r="G22164" s="16">
        <v>0.74328201694949025</v>
      </c>
    </row>
    <row r="22165" spans="1:7" x14ac:dyDescent="0.3">
      <c r="A22165" s="13" t="s">
        <v>148</v>
      </c>
      <c r="B22165" s="14" t="s">
        <v>1</v>
      </c>
      <c r="C22165" s="14" t="s">
        <v>101</v>
      </c>
      <c r="D22165" s="14" t="s">
        <v>31</v>
      </c>
      <c r="E22165" s="15">
        <v>45641</v>
      </c>
      <c r="F22165" s="14" t="s">
        <v>15</v>
      </c>
      <c r="G22165" s="16">
        <v>0.74328201694949025</v>
      </c>
    </row>
    <row r="22166" spans="1:7" x14ac:dyDescent="0.3">
      <c r="A22166" s="13" t="s">
        <v>148</v>
      </c>
      <c r="B22166" s="14" t="s">
        <v>1</v>
      </c>
      <c r="C22166" s="14" t="s">
        <v>101</v>
      </c>
      <c r="D22166" s="14" t="s">
        <v>31</v>
      </c>
      <c r="E22166" s="15">
        <v>45642</v>
      </c>
      <c r="F22166" s="14" t="s">
        <v>15</v>
      </c>
      <c r="G22166" s="16">
        <v>0.74205820629062336</v>
      </c>
    </row>
    <row r="22167" spans="1:7" x14ac:dyDescent="0.3">
      <c r="A22167" s="13" t="s">
        <v>148</v>
      </c>
      <c r="B22167" s="14" t="s">
        <v>1</v>
      </c>
      <c r="C22167" s="14" t="s">
        <v>101</v>
      </c>
      <c r="D22167" s="14" t="s">
        <v>31</v>
      </c>
      <c r="E22167" s="15">
        <v>45643</v>
      </c>
      <c r="F22167" s="14" t="s">
        <v>15</v>
      </c>
      <c r="G22167" s="16">
        <v>0.73339261722667559</v>
      </c>
    </row>
    <row r="22168" spans="1:7" x14ac:dyDescent="0.3">
      <c r="A22168" s="13" t="s">
        <v>148</v>
      </c>
      <c r="B22168" s="14" t="s">
        <v>1</v>
      </c>
      <c r="C22168" s="14" t="s">
        <v>101</v>
      </c>
      <c r="D22168" s="14" t="s">
        <v>31</v>
      </c>
      <c r="E22168" s="15">
        <v>45644</v>
      </c>
      <c r="F22168" s="14" t="s">
        <v>15</v>
      </c>
      <c r="G22168" s="16">
        <v>0.73810599781692665</v>
      </c>
    </row>
    <row r="22169" spans="1:7" x14ac:dyDescent="0.3">
      <c r="A22169" s="13" t="s">
        <v>148</v>
      </c>
      <c r="B22169" s="14" t="s">
        <v>1</v>
      </c>
      <c r="C22169" s="14" t="s">
        <v>101</v>
      </c>
      <c r="D22169" s="14" t="s">
        <v>31</v>
      </c>
      <c r="E22169" s="15">
        <v>45645</v>
      </c>
      <c r="F22169" s="14" t="s">
        <v>15</v>
      </c>
      <c r="G22169" s="16">
        <v>0.73489206718628863</v>
      </c>
    </row>
    <row r="22170" spans="1:7" x14ac:dyDescent="0.3">
      <c r="A22170" s="13" t="s">
        <v>148</v>
      </c>
      <c r="B22170" s="14" t="s">
        <v>1</v>
      </c>
      <c r="C22170" s="14" t="s">
        <v>101</v>
      </c>
      <c r="D22170" s="14" t="s">
        <v>31</v>
      </c>
      <c r="E22170" s="15">
        <v>45646</v>
      </c>
      <c r="F22170" s="14" t="s">
        <v>15</v>
      </c>
      <c r="G22170" s="16">
        <v>0.74058780486898868</v>
      </c>
    </row>
    <row r="22171" spans="1:7" x14ac:dyDescent="0.3">
      <c r="A22171" s="13" t="s">
        <v>148</v>
      </c>
      <c r="B22171" s="14" t="s">
        <v>1</v>
      </c>
      <c r="C22171" s="14" t="s">
        <v>101</v>
      </c>
      <c r="D22171" s="14" t="s">
        <v>31</v>
      </c>
      <c r="E22171" s="15">
        <v>45647</v>
      </c>
      <c r="F22171" s="14" t="s">
        <v>15</v>
      </c>
      <c r="G22171" s="16">
        <v>0.74058780486898868</v>
      </c>
    </row>
    <row r="22172" spans="1:7" x14ac:dyDescent="0.3">
      <c r="A22172" s="13" t="s">
        <v>148</v>
      </c>
      <c r="B22172" s="14" t="s">
        <v>1</v>
      </c>
      <c r="C22172" s="14" t="s">
        <v>101</v>
      </c>
      <c r="D22172" s="14" t="s">
        <v>31</v>
      </c>
      <c r="E22172" s="15">
        <v>45648</v>
      </c>
      <c r="F22172" s="14" t="s">
        <v>15</v>
      </c>
      <c r="G22172" s="16">
        <v>0.74058780486898868</v>
      </c>
    </row>
    <row r="22173" spans="1:7" x14ac:dyDescent="0.3">
      <c r="A22173" s="13" t="s">
        <v>148</v>
      </c>
      <c r="B22173" s="14" t="s">
        <v>1</v>
      </c>
      <c r="C22173" s="14" t="s">
        <v>101</v>
      </c>
      <c r="D22173" s="14" t="s">
        <v>31</v>
      </c>
      <c r="E22173" s="15">
        <v>45649</v>
      </c>
      <c r="F22173" s="14" t="s">
        <v>15</v>
      </c>
      <c r="G22173" s="16">
        <v>0.74153054325740486</v>
      </c>
    </row>
    <row r="22174" spans="1:7" x14ac:dyDescent="0.3">
      <c r="A22174" s="13" t="s">
        <v>148</v>
      </c>
      <c r="B22174" s="14" t="s">
        <v>1</v>
      </c>
      <c r="C22174" s="14" t="s">
        <v>101</v>
      </c>
      <c r="D22174" s="14" t="s">
        <v>31</v>
      </c>
      <c r="E22174" s="15">
        <v>45650</v>
      </c>
      <c r="F22174" s="14" t="s">
        <v>15</v>
      </c>
      <c r="G22174" s="16">
        <v>0.73938506710806529</v>
      </c>
    </row>
    <row r="22175" spans="1:7" x14ac:dyDescent="0.3">
      <c r="A22175" s="13" t="s">
        <v>148</v>
      </c>
      <c r="B22175" s="14" t="s">
        <v>1</v>
      </c>
      <c r="C22175" s="14" t="s">
        <v>101</v>
      </c>
      <c r="D22175" s="14" t="s">
        <v>31</v>
      </c>
      <c r="E22175" s="15">
        <v>45651</v>
      </c>
      <c r="F22175" s="14" t="s">
        <v>15</v>
      </c>
      <c r="G22175" s="16">
        <v>0.73938506710806529</v>
      </c>
    </row>
    <row r="22176" spans="1:7" x14ac:dyDescent="0.3">
      <c r="A22176" s="13" t="s">
        <v>148</v>
      </c>
      <c r="B22176" s="14" t="s">
        <v>1</v>
      </c>
      <c r="C22176" s="14" t="s">
        <v>101</v>
      </c>
      <c r="D22176" s="14" t="s">
        <v>31</v>
      </c>
      <c r="E22176" s="15">
        <v>45652</v>
      </c>
      <c r="F22176" s="14" t="s">
        <v>15</v>
      </c>
      <c r="G22176" s="16">
        <v>0.73938506710806529</v>
      </c>
    </row>
    <row r="22177" spans="1:7" x14ac:dyDescent="0.3">
      <c r="A22177" s="13" t="s">
        <v>148</v>
      </c>
      <c r="B22177" s="14" t="s">
        <v>1</v>
      </c>
      <c r="C22177" s="14" t="s">
        <v>101</v>
      </c>
      <c r="D22177" s="14" t="s">
        <v>31</v>
      </c>
      <c r="E22177" s="15">
        <v>45653</v>
      </c>
      <c r="F22177" s="14" t="s">
        <v>15</v>
      </c>
      <c r="G22177" s="16">
        <v>0.73938506710806529</v>
      </c>
    </row>
    <row r="22178" spans="1:7" x14ac:dyDescent="0.3">
      <c r="A22178" s="13" t="s">
        <v>148</v>
      </c>
      <c r="B22178" s="14" t="s">
        <v>1</v>
      </c>
      <c r="C22178" s="14" t="s">
        <v>101</v>
      </c>
      <c r="D22178" s="14" t="s">
        <v>31</v>
      </c>
      <c r="E22178" s="15">
        <v>45654</v>
      </c>
      <c r="F22178" s="14" t="s">
        <v>15</v>
      </c>
      <c r="G22178" s="16">
        <v>0.73938506710806529</v>
      </c>
    </row>
    <row r="22179" spans="1:7" x14ac:dyDescent="0.3">
      <c r="A22179" s="13" t="s">
        <v>148</v>
      </c>
      <c r="B22179" s="14" t="s">
        <v>1</v>
      </c>
      <c r="C22179" s="14" t="s">
        <v>101</v>
      </c>
      <c r="D22179" s="14" t="s">
        <v>31</v>
      </c>
      <c r="E22179" s="15">
        <v>45655</v>
      </c>
      <c r="F22179" s="14" t="s">
        <v>15</v>
      </c>
      <c r="G22179" s="16">
        <v>0.73938506710806529</v>
      </c>
    </row>
    <row r="22180" spans="1:7" x14ac:dyDescent="0.3">
      <c r="A22180" s="13" t="s">
        <v>148</v>
      </c>
      <c r="B22180" s="14" t="s">
        <v>1</v>
      </c>
      <c r="C22180" s="14" t="s">
        <v>101</v>
      </c>
      <c r="D22180" s="14" t="s">
        <v>31</v>
      </c>
      <c r="E22180" s="15">
        <v>45656</v>
      </c>
      <c r="F22180" s="14" t="s">
        <v>15</v>
      </c>
      <c r="G22180" s="16">
        <v>0.73623112236310118</v>
      </c>
    </row>
    <row r="22181" spans="1:7" x14ac:dyDescent="0.3">
      <c r="A22181" s="13" t="s">
        <v>148</v>
      </c>
      <c r="B22181" s="14" t="s">
        <v>1</v>
      </c>
      <c r="C22181" s="14" t="s">
        <v>101</v>
      </c>
      <c r="D22181" s="14" t="s">
        <v>31</v>
      </c>
      <c r="E22181" s="15">
        <v>45657</v>
      </c>
      <c r="F22181" s="14" t="s">
        <v>15</v>
      </c>
      <c r="G22181" s="16">
        <v>0.73642650718765001</v>
      </c>
    </row>
    <row r="22182" spans="1:7" x14ac:dyDescent="0.3">
      <c r="A22182" s="13" t="s">
        <v>148</v>
      </c>
      <c r="B22182" s="14" t="s">
        <v>1</v>
      </c>
      <c r="C22182" s="14" t="s">
        <v>101</v>
      </c>
      <c r="D22182" s="14" t="s">
        <v>31</v>
      </c>
      <c r="E22182" s="15">
        <v>45658</v>
      </c>
      <c r="F22182" s="14" t="s">
        <v>15</v>
      </c>
      <c r="G22182" s="16">
        <v>0.73642650718765001</v>
      </c>
    </row>
    <row r="22183" spans="1:7" x14ac:dyDescent="0.3">
      <c r="A22183" s="13" t="s">
        <v>148</v>
      </c>
      <c r="B22183" s="14" t="s">
        <v>1</v>
      </c>
      <c r="C22183" s="14" t="s">
        <v>101</v>
      </c>
      <c r="D22183" s="14" t="s">
        <v>31</v>
      </c>
      <c r="E22183" s="15">
        <v>45659</v>
      </c>
      <c r="F22183" s="14" t="s">
        <v>15</v>
      </c>
      <c r="G22183" s="16">
        <v>0.74020481367768931</v>
      </c>
    </row>
    <row r="22184" spans="1:7" x14ac:dyDescent="0.3">
      <c r="A22184" s="13" t="s">
        <v>148</v>
      </c>
      <c r="B22184" s="14" t="s">
        <v>1</v>
      </c>
      <c r="C22184" s="14" t="s">
        <v>101</v>
      </c>
      <c r="D22184" s="14" t="s">
        <v>31</v>
      </c>
      <c r="E22184" s="15">
        <v>45660</v>
      </c>
      <c r="F22184" s="14" t="s">
        <v>15</v>
      </c>
      <c r="G22184" s="16">
        <v>0.7344051385163527</v>
      </c>
    </row>
    <row r="22185" spans="1:7" x14ac:dyDescent="0.3">
      <c r="A22185" s="13" t="s">
        <v>148</v>
      </c>
      <c r="B22185" s="14" t="s">
        <v>1</v>
      </c>
      <c r="C22185" s="14" t="s">
        <v>101</v>
      </c>
      <c r="D22185" s="14" t="s">
        <v>31</v>
      </c>
      <c r="E22185" s="15">
        <v>45661</v>
      </c>
      <c r="F22185" s="14" t="s">
        <v>15</v>
      </c>
      <c r="G22185" s="16">
        <v>0.7344051385163527</v>
      </c>
    </row>
    <row r="22186" spans="1:7" x14ac:dyDescent="0.3">
      <c r="A22186" s="13" t="s">
        <v>148</v>
      </c>
      <c r="B22186" s="14" t="s">
        <v>1</v>
      </c>
      <c r="C22186" s="14" t="s">
        <v>101</v>
      </c>
      <c r="D22186" s="14" t="s">
        <v>31</v>
      </c>
      <c r="E22186" s="15">
        <v>45662</v>
      </c>
      <c r="F22186" s="14" t="s">
        <v>15</v>
      </c>
      <c r="G22186" s="16">
        <v>0.7344051385163527</v>
      </c>
    </row>
    <row r="22187" spans="1:7" x14ac:dyDescent="0.3">
      <c r="A22187" s="13" t="s">
        <v>148</v>
      </c>
      <c r="B22187" s="14" t="s">
        <v>1</v>
      </c>
      <c r="C22187" s="14" t="s">
        <v>101</v>
      </c>
      <c r="D22187" s="14" t="s">
        <v>31</v>
      </c>
      <c r="E22187" s="15">
        <v>45663</v>
      </c>
      <c r="F22187" s="14" t="s">
        <v>15</v>
      </c>
      <c r="G22187" s="16">
        <v>0.73126813096263776</v>
      </c>
    </row>
    <row r="22188" spans="1:7" x14ac:dyDescent="0.3">
      <c r="A22188" s="13" t="s">
        <v>148</v>
      </c>
      <c r="B22188" s="14" t="s">
        <v>1</v>
      </c>
      <c r="C22188" s="14" t="s">
        <v>101</v>
      </c>
      <c r="D22188" s="14" t="s">
        <v>31</v>
      </c>
      <c r="E22188" s="15">
        <v>45664</v>
      </c>
      <c r="F22188" s="14" t="s">
        <v>15</v>
      </c>
      <c r="G22188" s="16">
        <v>0.71692787711393346</v>
      </c>
    </row>
    <row r="22189" spans="1:7" x14ac:dyDescent="0.3">
      <c r="A22189" s="13" t="s">
        <v>148</v>
      </c>
      <c r="B22189" s="14" t="s">
        <v>1</v>
      </c>
      <c r="C22189" s="14" t="s">
        <v>101</v>
      </c>
      <c r="D22189" s="14" t="s">
        <v>31</v>
      </c>
      <c r="E22189" s="15">
        <v>45665</v>
      </c>
      <c r="F22189" s="14" t="s">
        <v>15</v>
      </c>
      <c r="G22189" s="16">
        <v>0.71377534380157348</v>
      </c>
    </row>
    <row r="22190" spans="1:7" x14ac:dyDescent="0.3">
      <c r="A22190" s="13" t="s">
        <v>148</v>
      </c>
      <c r="B22190" s="14" t="s">
        <v>1</v>
      </c>
      <c r="C22190" s="14" t="s">
        <v>101</v>
      </c>
      <c r="D22190" s="14" t="s">
        <v>31</v>
      </c>
      <c r="E22190" s="15">
        <v>45666</v>
      </c>
      <c r="F22190" s="14" t="s">
        <v>15</v>
      </c>
      <c r="G22190" s="16">
        <v>0.71063198480114009</v>
      </c>
    </row>
    <row r="22191" spans="1:7" x14ac:dyDescent="0.3">
      <c r="A22191" s="13" t="s">
        <v>148</v>
      </c>
      <c r="B22191" s="14" t="s">
        <v>1</v>
      </c>
      <c r="C22191" s="14" t="s">
        <v>101</v>
      </c>
      <c r="D22191" s="14" t="s">
        <v>31</v>
      </c>
      <c r="E22191" s="15">
        <v>45667</v>
      </c>
      <c r="F22191" s="14" t="s">
        <v>15</v>
      </c>
      <c r="G22191" s="16">
        <v>0.71893463850360007</v>
      </c>
    </row>
    <row r="22192" spans="1:7" x14ac:dyDescent="0.3">
      <c r="A22192" s="13" t="s">
        <v>148</v>
      </c>
      <c r="B22192" s="14" t="s">
        <v>1</v>
      </c>
      <c r="C22192" s="14" t="s">
        <v>101</v>
      </c>
      <c r="D22192" s="14" t="s">
        <v>31</v>
      </c>
      <c r="E22192" s="15">
        <v>45668</v>
      </c>
      <c r="F22192" s="14" t="s">
        <v>15</v>
      </c>
      <c r="G22192" s="16">
        <v>0.71893463850360007</v>
      </c>
    </row>
    <row r="22193" spans="1:7" x14ac:dyDescent="0.3">
      <c r="A22193" s="13" t="s">
        <v>148</v>
      </c>
      <c r="B22193" s="14" t="s">
        <v>1</v>
      </c>
      <c r="C22193" s="14" t="s">
        <v>101</v>
      </c>
      <c r="D22193" s="14" t="s">
        <v>31</v>
      </c>
      <c r="E22193" s="15">
        <v>45669</v>
      </c>
      <c r="F22193" s="14" t="s">
        <v>15</v>
      </c>
      <c r="G22193" s="16">
        <v>0.71893463850360007</v>
      </c>
    </row>
    <row r="22194" spans="1:7" x14ac:dyDescent="0.3">
      <c r="A22194" s="13" t="s">
        <v>148</v>
      </c>
      <c r="B22194" s="14" t="s">
        <v>1</v>
      </c>
      <c r="C22194" s="14" t="s">
        <v>101</v>
      </c>
      <c r="D22194" s="14" t="s">
        <v>31</v>
      </c>
      <c r="E22194" s="15">
        <v>45670</v>
      </c>
      <c r="F22194" s="14" t="s">
        <v>15</v>
      </c>
      <c r="G22194" s="16">
        <v>0.71579480808467688</v>
      </c>
    </row>
    <row r="22195" spans="1:7" x14ac:dyDescent="0.3">
      <c r="A22195" s="13" t="s">
        <v>148</v>
      </c>
      <c r="B22195" s="14" t="s">
        <v>1</v>
      </c>
      <c r="C22195" s="14" t="s">
        <v>101</v>
      </c>
      <c r="D22195" s="14" t="s">
        <v>31</v>
      </c>
      <c r="E22195" s="15">
        <v>45671</v>
      </c>
      <c r="F22195" s="14" t="s">
        <v>15</v>
      </c>
      <c r="G22195" s="16">
        <v>0.70767262057330482</v>
      </c>
    </row>
    <row r="22196" spans="1:7" x14ac:dyDescent="0.3">
      <c r="A22196" s="13" t="s">
        <v>148</v>
      </c>
      <c r="B22196" s="14" t="s">
        <v>1</v>
      </c>
      <c r="C22196" s="14" t="s">
        <v>101</v>
      </c>
      <c r="D22196" s="14" t="s">
        <v>31</v>
      </c>
      <c r="E22196" s="15">
        <v>45672</v>
      </c>
      <c r="F22196" s="14" t="s">
        <v>15</v>
      </c>
      <c r="G22196" s="16">
        <v>0.70455607879234905</v>
      </c>
    </row>
    <row r="22197" spans="1:7" x14ac:dyDescent="0.3">
      <c r="A22197" s="13" t="s">
        <v>148</v>
      </c>
      <c r="B22197" s="14" t="s">
        <v>1</v>
      </c>
      <c r="C22197" s="14" t="s">
        <v>101</v>
      </c>
      <c r="D22197" s="14" t="s">
        <v>31</v>
      </c>
      <c r="E22197" s="15">
        <v>45673</v>
      </c>
      <c r="F22197" s="14" t="s">
        <v>15</v>
      </c>
      <c r="G22197" s="16">
        <v>0.70142612840165441</v>
      </c>
    </row>
    <row r="22198" spans="1:7" x14ac:dyDescent="0.3">
      <c r="A22198" s="13" t="s">
        <v>148</v>
      </c>
      <c r="B22198" s="14" t="s">
        <v>1</v>
      </c>
      <c r="C22198" s="14" t="s">
        <v>101</v>
      </c>
      <c r="D22198" s="14" t="s">
        <v>31</v>
      </c>
      <c r="E22198" s="15">
        <v>45674</v>
      </c>
      <c r="F22198" s="14" t="s">
        <v>15</v>
      </c>
      <c r="G22198" s="16">
        <v>0.6982686550751801</v>
      </c>
    </row>
    <row r="22199" spans="1:7" x14ac:dyDescent="0.3">
      <c r="A22199" s="13" t="s">
        <v>148</v>
      </c>
      <c r="B22199" s="14" t="s">
        <v>1</v>
      </c>
      <c r="C22199" s="14" t="s">
        <v>101</v>
      </c>
      <c r="D22199" s="14" t="s">
        <v>31</v>
      </c>
      <c r="E22199" s="15">
        <v>45675</v>
      </c>
      <c r="F22199" s="14" t="s">
        <v>15</v>
      </c>
      <c r="G22199" s="16">
        <v>0.6982686550751801</v>
      </c>
    </row>
    <row r="22200" spans="1:7" x14ac:dyDescent="0.3">
      <c r="A22200" s="13" t="s">
        <v>148</v>
      </c>
      <c r="B22200" s="14" t="s">
        <v>1</v>
      </c>
      <c r="C22200" s="14" t="s">
        <v>101</v>
      </c>
      <c r="D22200" s="14" t="s">
        <v>31</v>
      </c>
      <c r="E22200" s="15">
        <v>45676</v>
      </c>
      <c r="F22200" s="14" t="s">
        <v>15</v>
      </c>
      <c r="G22200" s="16">
        <v>0.6982686550751801</v>
      </c>
    </row>
    <row r="22201" spans="1:7" x14ac:dyDescent="0.3">
      <c r="A22201" s="13" t="s">
        <v>148</v>
      </c>
      <c r="B22201" s="14" t="s">
        <v>1</v>
      </c>
      <c r="C22201" s="14" t="s">
        <v>101</v>
      </c>
      <c r="D22201" s="14" t="s">
        <v>31</v>
      </c>
      <c r="E22201" s="15">
        <v>45677</v>
      </c>
      <c r="F22201" s="14" t="s">
        <v>15</v>
      </c>
      <c r="G22201" s="16">
        <v>0.70030948802958082</v>
      </c>
    </row>
    <row r="22202" spans="1:7" x14ac:dyDescent="0.3">
      <c r="A22202" s="13" t="s">
        <v>148</v>
      </c>
      <c r="B22202" s="14" t="s">
        <v>1</v>
      </c>
      <c r="C22202" s="14" t="s">
        <v>101</v>
      </c>
      <c r="D22202" s="14" t="s">
        <v>31</v>
      </c>
      <c r="E22202" s="15">
        <v>45678</v>
      </c>
      <c r="F22202" s="14" t="s">
        <v>15</v>
      </c>
      <c r="G22202" s="16">
        <v>0.69176881075109531</v>
      </c>
    </row>
    <row r="22203" spans="1:7" x14ac:dyDescent="0.3">
      <c r="A22203" s="13" t="s">
        <v>148</v>
      </c>
      <c r="B22203" s="14" t="s">
        <v>1</v>
      </c>
      <c r="C22203" s="14" t="s">
        <v>101</v>
      </c>
      <c r="D22203" s="14" t="s">
        <v>31</v>
      </c>
      <c r="E22203" s="15">
        <v>45679</v>
      </c>
      <c r="F22203" s="14" t="s">
        <v>15</v>
      </c>
      <c r="G22203" s="16">
        <v>0.69668120333852346</v>
      </c>
    </row>
    <row r="22204" spans="1:7" x14ac:dyDescent="0.3">
      <c r="A22204" s="13" t="s">
        <v>148</v>
      </c>
      <c r="B22204" s="14" t="s">
        <v>1</v>
      </c>
      <c r="C22204" s="14" t="s">
        <v>101</v>
      </c>
      <c r="D22204" s="14" t="s">
        <v>31</v>
      </c>
      <c r="E22204" s="15">
        <v>45680</v>
      </c>
      <c r="F22204" s="14" t="s">
        <v>15</v>
      </c>
      <c r="G22204" s="16">
        <v>0.69346938985679152</v>
      </c>
    </row>
    <row r="22205" spans="1:7" x14ac:dyDescent="0.3">
      <c r="A22205" s="13" t="s">
        <v>148</v>
      </c>
      <c r="B22205" s="14" t="s">
        <v>1</v>
      </c>
      <c r="C22205" s="14" t="s">
        <v>101</v>
      </c>
      <c r="D22205" s="14" t="s">
        <v>31</v>
      </c>
      <c r="E22205" s="15">
        <v>45681</v>
      </c>
      <c r="F22205" s="14" t="s">
        <v>15</v>
      </c>
      <c r="G22205" s="16">
        <v>0.6902533420772472</v>
      </c>
    </row>
    <row r="22206" spans="1:7" x14ac:dyDescent="0.3">
      <c r="A22206" s="13" t="s">
        <v>148</v>
      </c>
      <c r="B22206" s="14" t="s">
        <v>1</v>
      </c>
      <c r="C22206" s="14" t="s">
        <v>101</v>
      </c>
      <c r="D22206" s="14" t="s">
        <v>31</v>
      </c>
      <c r="E22206" s="15">
        <v>45682</v>
      </c>
      <c r="F22206" s="14" t="s">
        <v>15</v>
      </c>
      <c r="G22206" s="16">
        <v>0.6902533420772472</v>
      </c>
    </row>
    <row r="22207" spans="1:7" x14ac:dyDescent="0.3">
      <c r="A22207" s="13" t="s">
        <v>148</v>
      </c>
      <c r="B22207" s="14" t="s">
        <v>1</v>
      </c>
      <c r="C22207" s="14" t="s">
        <v>101</v>
      </c>
      <c r="D22207" s="14" t="s">
        <v>31</v>
      </c>
      <c r="E22207" s="15">
        <v>45683</v>
      </c>
      <c r="F22207" s="14" t="s">
        <v>15</v>
      </c>
      <c r="G22207" s="16">
        <v>0.6902533420772472</v>
      </c>
    </row>
    <row r="22208" spans="1:7" x14ac:dyDescent="0.3">
      <c r="A22208" s="13" t="s">
        <v>148</v>
      </c>
      <c r="B22208" s="14" t="s">
        <v>1</v>
      </c>
      <c r="C22208" s="14" t="s">
        <v>101</v>
      </c>
      <c r="D22208" s="14" t="s">
        <v>31</v>
      </c>
      <c r="E22208" s="15">
        <v>45684</v>
      </c>
      <c r="F22208" s="14" t="s">
        <v>15</v>
      </c>
      <c r="G22208" s="16">
        <v>0.68703164856728671</v>
      </c>
    </row>
    <row r="22209" spans="1:7" x14ac:dyDescent="0.3">
      <c r="A22209" s="13" t="s">
        <v>148</v>
      </c>
      <c r="B22209" s="14" t="s">
        <v>1</v>
      </c>
      <c r="C22209" s="14" t="s">
        <v>101</v>
      </c>
      <c r="D22209" s="14" t="s">
        <v>31</v>
      </c>
      <c r="E22209" s="15">
        <v>45685</v>
      </c>
      <c r="F22209" s="14" t="s">
        <v>15</v>
      </c>
      <c r="G22209" s="16">
        <v>0.67835476804250616</v>
      </c>
    </row>
    <row r="22210" spans="1:7" x14ac:dyDescent="0.3">
      <c r="A22210" s="13" t="s">
        <v>148</v>
      </c>
      <c r="B22210" s="14" t="s">
        <v>1</v>
      </c>
      <c r="C22210" s="14" t="s">
        <v>101</v>
      </c>
      <c r="D22210" s="14" t="s">
        <v>31</v>
      </c>
      <c r="E22210" s="15">
        <v>45686</v>
      </c>
      <c r="F22210" s="14" t="s">
        <v>15</v>
      </c>
      <c r="G22210" s="16">
        <v>0.67513378024884751</v>
      </c>
    </row>
    <row r="22211" spans="1:7" x14ac:dyDescent="0.3">
      <c r="A22211" s="13" t="s">
        <v>148</v>
      </c>
      <c r="B22211" s="14" t="s">
        <v>1</v>
      </c>
      <c r="C22211" s="14" t="s">
        <v>101</v>
      </c>
      <c r="D22211" s="14" t="s">
        <v>31</v>
      </c>
      <c r="E22211" s="15">
        <v>45687</v>
      </c>
      <c r="F22211" s="14" t="s">
        <v>15</v>
      </c>
      <c r="G22211" s="16">
        <v>0.67191490960409517</v>
      </c>
    </row>
    <row r="22212" spans="1:7" x14ac:dyDescent="0.3">
      <c r="A22212" s="13" t="s">
        <v>148</v>
      </c>
      <c r="B22212" s="14" t="s">
        <v>1</v>
      </c>
      <c r="C22212" s="14" t="s">
        <v>101</v>
      </c>
      <c r="D22212" s="14" t="s">
        <v>31</v>
      </c>
      <c r="E22212" s="15">
        <v>45688</v>
      </c>
      <c r="F22212" s="14" t="s">
        <v>15</v>
      </c>
      <c r="G22212" s="16">
        <v>0.66870097897345715</v>
      </c>
    </row>
    <row r="22213" spans="1:7" x14ac:dyDescent="0.3">
      <c r="A22213" s="13" t="s">
        <v>148</v>
      </c>
      <c r="B22213" s="14" t="s">
        <v>1</v>
      </c>
      <c r="C22213" s="14" t="s">
        <v>101</v>
      </c>
      <c r="D22213" s="14" t="s">
        <v>31</v>
      </c>
      <c r="E22213" s="15">
        <v>45689</v>
      </c>
      <c r="F22213" s="14" t="s">
        <v>15</v>
      </c>
      <c r="G22213" s="16">
        <v>0.66870097897345715</v>
      </c>
    </row>
    <row r="22214" spans="1:7" x14ac:dyDescent="0.3">
      <c r="A22214" s="13" t="s">
        <v>148</v>
      </c>
      <c r="B22214" s="14" t="s">
        <v>1</v>
      </c>
      <c r="C22214" s="14" t="s">
        <v>101</v>
      </c>
      <c r="D22214" s="14" t="s">
        <v>31</v>
      </c>
      <c r="E22214" s="15">
        <v>45690</v>
      </c>
      <c r="F22214" s="14" t="s">
        <v>15</v>
      </c>
      <c r="G22214" s="16">
        <v>0.66870097897345715</v>
      </c>
    </row>
    <row r="22215" spans="1:7" x14ac:dyDescent="0.3">
      <c r="A22215" s="13" t="s">
        <v>148</v>
      </c>
      <c r="B22215" s="14" t="s">
        <v>1</v>
      </c>
      <c r="C22215" s="14" t="s">
        <v>101</v>
      </c>
      <c r="D22215" s="14" t="s">
        <v>31</v>
      </c>
      <c r="E22215" s="15">
        <v>45691</v>
      </c>
      <c r="F22215" s="14" t="s">
        <v>15</v>
      </c>
      <c r="G22215" s="16">
        <v>0.66870097897345715</v>
      </c>
    </row>
    <row r="22216" spans="1:7" x14ac:dyDescent="0.3">
      <c r="A22216" s="13" t="s">
        <v>148</v>
      </c>
      <c r="B22216" s="14" t="s">
        <v>1</v>
      </c>
      <c r="C22216" s="14" t="s">
        <v>101</v>
      </c>
      <c r="D22216" s="14" t="s">
        <v>31</v>
      </c>
      <c r="E22216" s="15">
        <v>45692</v>
      </c>
      <c r="F22216" s="14" t="s">
        <v>15</v>
      </c>
      <c r="G22216" s="16">
        <v>0.66546799400266388</v>
      </c>
    </row>
    <row r="22217" spans="1:7" x14ac:dyDescent="0.3">
      <c r="A22217" s="13" t="s">
        <v>148</v>
      </c>
      <c r="B22217" s="14" t="s">
        <v>1</v>
      </c>
      <c r="C22217" s="14" t="s">
        <v>101</v>
      </c>
      <c r="D22217" s="14" t="s">
        <v>31</v>
      </c>
      <c r="E22217" s="15">
        <v>45693</v>
      </c>
      <c r="F22217" s="14" t="s">
        <v>15</v>
      </c>
      <c r="G22217" s="16">
        <v>0.65599083119136248</v>
      </c>
    </row>
    <row r="22218" spans="1:7" x14ac:dyDescent="0.3">
      <c r="A22218" s="13" t="s">
        <v>148</v>
      </c>
      <c r="B22218" s="14" t="s">
        <v>1</v>
      </c>
      <c r="C22218" s="14" t="s">
        <v>101</v>
      </c>
      <c r="D22218" s="14" t="s">
        <v>31</v>
      </c>
      <c r="E22218" s="15">
        <v>45694</v>
      </c>
      <c r="F22218" s="14" t="s">
        <v>15</v>
      </c>
      <c r="G22218" s="16">
        <v>0.65283900359530445</v>
      </c>
    </row>
    <row r="22219" spans="1:7" x14ac:dyDescent="0.3">
      <c r="A22219" s="13" t="s">
        <v>148</v>
      </c>
      <c r="B22219" s="14" t="s">
        <v>1</v>
      </c>
      <c r="C22219" s="14" t="s">
        <v>101</v>
      </c>
      <c r="D22219" s="14" t="s">
        <v>31</v>
      </c>
      <c r="E22219" s="15">
        <v>45695</v>
      </c>
      <c r="F22219" s="14" t="s">
        <v>15</v>
      </c>
      <c r="G22219" s="16">
        <v>0.64968647028294435</v>
      </c>
    </row>
    <row r="22220" spans="1:7" x14ac:dyDescent="0.3">
      <c r="A22220" s="13" t="s">
        <v>148</v>
      </c>
      <c r="B22220" s="14" t="s">
        <v>1</v>
      </c>
      <c r="C22220" s="14" t="s">
        <v>101</v>
      </c>
      <c r="D22220" s="14" t="s">
        <v>31</v>
      </c>
      <c r="E22220" s="15">
        <v>45696</v>
      </c>
      <c r="F22220" s="14" t="s">
        <v>15</v>
      </c>
      <c r="G22220" s="16">
        <v>0.64968647028294435</v>
      </c>
    </row>
    <row r="22221" spans="1:7" x14ac:dyDescent="0.3">
      <c r="A22221" s="13" t="s">
        <v>148</v>
      </c>
      <c r="B22221" s="14" t="s">
        <v>1</v>
      </c>
      <c r="C22221" s="14" t="s">
        <v>101</v>
      </c>
      <c r="D22221" s="14" t="s">
        <v>31</v>
      </c>
      <c r="E22221" s="15">
        <v>45697</v>
      </c>
      <c r="F22221" s="14" t="s">
        <v>15</v>
      </c>
      <c r="G22221" s="16">
        <v>0.64968647028294435</v>
      </c>
    </row>
    <row r="22222" spans="1:7" x14ac:dyDescent="0.3">
      <c r="A22222" s="13" t="s">
        <v>148</v>
      </c>
      <c r="B22222" s="14" t="s">
        <v>1</v>
      </c>
      <c r="C22222" s="14" t="s">
        <v>101</v>
      </c>
      <c r="D22222" s="14" t="s">
        <v>31</v>
      </c>
      <c r="E22222" s="15">
        <v>45698</v>
      </c>
      <c r="F22222" s="14" t="s">
        <v>15</v>
      </c>
      <c r="G22222" s="16">
        <v>0.67081763492400703</v>
      </c>
    </row>
    <row r="22223" spans="1:7" x14ac:dyDescent="0.3">
      <c r="A22223" s="13" t="s">
        <v>148</v>
      </c>
      <c r="B22223" s="14" t="s">
        <v>1</v>
      </c>
      <c r="C22223" s="14" t="s">
        <v>101</v>
      </c>
      <c r="D22223" s="14" t="s">
        <v>31</v>
      </c>
      <c r="E22223" s="15">
        <v>45699</v>
      </c>
      <c r="F22223" s="14" t="s">
        <v>15</v>
      </c>
      <c r="G22223" s="16">
        <v>0.68783729638934632</v>
      </c>
    </row>
    <row r="22224" spans="1:7" x14ac:dyDescent="0.3">
      <c r="A22224" s="13" t="s">
        <v>148</v>
      </c>
      <c r="B22224" s="14" t="s">
        <v>1</v>
      </c>
      <c r="C22224" s="14" t="s">
        <v>101</v>
      </c>
      <c r="D22224" s="14" t="s">
        <v>31</v>
      </c>
      <c r="E22224" s="15">
        <v>45700</v>
      </c>
      <c r="F22224" s="14" t="s">
        <v>15</v>
      </c>
      <c r="G22224" s="16">
        <v>0.68468829165849654</v>
      </c>
    </row>
    <row r="22225" spans="1:7" x14ac:dyDescent="0.3">
      <c r="A22225" s="13" t="s">
        <v>148</v>
      </c>
      <c r="B22225" s="14" t="s">
        <v>1</v>
      </c>
      <c r="C22225" s="14" t="s">
        <v>101</v>
      </c>
      <c r="D22225" s="14" t="s">
        <v>31</v>
      </c>
      <c r="E22225" s="15">
        <v>45701</v>
      </c>
      <c r="F22225" s="14" t="s">
        <v>15</v>
      </c>
      <c r="G22225" s="16">
        <v>0.68419278022334196</v>
      </c>
    </row>
    <row r="22226" spans="1:7" x14ac:dyDescent="0.3">
      <c r="A22226" s="13" t="s">
        <v>148</v>
      </c>
      <c r="B22226" s="14" t="s">
        <v>1</v>
      </c>
      <c r="C22226" s="14" t="s">
        <v>101</v>
      </c>
      <c r="D22226" s="14" t="s">
        <v>31</v>
      </c>
      <c r="E22226" s="15">
        <v>45702</v>
      </c>
      <c r="F22226" s="14" t="s">
        <v>15</v>
      </c>
      <c r="G22226" s="16">
        <v>0.68105859553483505</v>
      </c>
    </row>
    <row r="22227" spans="1:7" x14ac:dyDescent="0.3">
      <c r="A22227" s="13" t="s">
        <v>148</v>
      </c>
      <c r="B22227" s="14" t="s">
        <v>1</v>
      </c>
      <c r="C22227" s="14" t="s">
        <v>101</v>
      </c>
      <c r="D22227" s="14" t="s">
        <v>31</v>
      </c>
      <c r="E22227" s="15">
        <v>45703</v>
      </c>
      <c r="F22227" s="14" t="s">
        <v>15</v>
      </c>
      <c r="G22227" s="16">
        <v>0.68105859553483505</v>
      </c>
    </row>
    <row r="22228" spans="1:7" x14ac:dyDescent="0.3">
      <c r="A22228" s="13" t="s">
        <v>148</v>
      </c>
      <c r="B22228" s="14" t="s">
        <v>1</v>
      </c>
      <c r="C22228" s="14" t="s">
        <v>101</v>
      </c>
      <c r="D22228" s="14" t="s">
        <v>31</v>
      </c>
      <c r="E22228" s="15">
        <v>45704</v>
      </c>
      <c r="F22228" s="14" t="s">
        <v>15</v>
      </c>
      <c r="G22228" s="16">
        <v>0.68105859553483505</v>
      </c>
    </row>
    <row r="22229" spans="1:7" x14ac:dyDescent="0.3">
      <c r="A22229" s="13" t="s">
        <v>148</v>
      </c>
      <c r="B22229" s="14" t="s">
        <v>1</v>
      </c>
      <c r="C22229" s="14" t="s">
        <v>101</v>
      </c>
      <c r="D22229" s="14" t="s">
        <v>31</v>
      </c>
      <c r="E22229" s="15">
        <v>45705</v>
      </c>
      <c r="F22229" s="14" t="s">
        <v>15</v>
      </c>
      <c r="G22229" s="16">
        <v>0.7088453706204989</v>
      </c>
    </row>
    <row r="22230" spans="1:7" x14ac:dyDescent="0.3">
      <c r="A22230" s="13" t="s">
        <v>148</v>
      </c>
      <c r="B22230" s="14" t="s">
        <v>1</v>
      </c>
      <c r="C22230" s="14" t="s">
        <v>101</v>
      </c>
      <c r="D22230" s="14" t="s">
        <v>31</v>
      </c>
      <c r="E22230" s="15">
        <v>45706</v>
      </c>
      <c r="F22230" s="14" t="s">
        <v>15</v>
      </c>
      <c r="G22230" s="16">
        <v>0.70035338776685452</v>
      </c>
    </row>
    <row r="22231" spans="1:7" x14ac:dyDescent="0.3">
      <c r="A22231" s="13" t="s">
        <v>148</v>
      </c>
      <c r="B22231" s="14" t="s">
        <v>1</v>
      </c>
      <c r="C22231" s="14" t="s">
        <v>101</v>
      </c>
      <c r="D22231" s="14" t="s">
        <v>31</v>
      </c>
      <c r="E22231" s="15">
        <v>45707</v>
      </c>
      <c r="F22231" s="14" t="s">
        <v>15</v>
      </c>
      <c r="G22231" s="16">
        <v>0.70562216708681613</v>
      </c>
    </row>
    <row r="22232" spans="1:7" x14ac:dyDescent="0.3">
      <c r="A22232" s="13" t="s">
        <v>148</v>
      </c>
      <c r="B22232" s="14" t="s">
        <v>1</v>
      </c>
      <c r="C22232" s="14" t="s">
        <v>101</v>
      </c>
      <c r="D22232" s="14" t="s">
        <v>31</v>
      </c>
      <c r="E22232" s="15">
        <v>45708</v>
      </c>
      <c r="F22232" s="14" t="s">
        <v>15</v>
      </c>
      <c r="G22232" s="16">
        <v>0.70244493370388461</v>
      </c>
    </row>
    <row r="22233" spans="1:7" x14ac:dyDescent="0.3">
      <c r="A22233" s="13" t="s">
        <v>148</v>
      </c>
      <c r="B22233" s="14" t="s">
        <v>1</v>
      </c>
      <c r="C22233" s="14" t="s">
        <v>101</v>
      </c>
      <c r="D22233" s="14" t="s">
        <v>31</v>
      </c>
      <c r="E22233" s="15">
        <v>45709</v>
      </c>
      <c r="F22233" s="14" t="s">
        <v>15</v>
      </c>
      <c r="G22233" s="16">
        <v>0.69927264033506742</v>
      </c>
    </row>
    <row r="22234" spans="1:7" x14ac:dyDescent="0.3">
      <c r="A22234" s="13" t="s">
        <v>148</v>
      </c>
      <c r="B22234" s="14" t="s">
        <v>1</v>
      </c>
      <c r="C22234" s="14" t="s">
        <v>101</v>
      </c>
      <c r="D22234" s="14" t="s">
        <v>31</v>
      </c>
      <c r="E22234" s="15">
        <v>45710</v>
      </c>
      <c r="F22234" s="14" t="s">
        <v>15</v>
      </c>
      <c r="G22234" s="16">
        <v>0.69927264033506742</v>
      </c>
    </row>
    <row r="22235" spans="1:7" x14ac:dyDescent="0.3">
      <c r="A22235" s="13" t="s">
        <v>148</v>
      </c>
      <c r="B22235" s="14" t="s">
        <v>1</v>
      </c>
      <c r="C22235" s="14" t="s">
        <v>101</v>
      </c>
      <c r="D22235" s="14" t="s">
        <v>31</v>
      </c>
      <c r="E22235" s="15">
        <v>45711</v>
      </c>
      <c r="F22235" s="14" t="s">
        <v>15</v>
      </c>
      <c r="G22235" s="16">
        <v>0.69927264033506742</v>
      </c>
    </row>
    <row r="22236" spans="1:7" x14ac:dyDescent="0.3">
      <c r="A22236" s="13" t="s">
        <v>148</v>
      </c>
      <c r="B22236" s="14" t="s">
        <v>1</v>
      </c>
      <c r="C22236" s="14" t="s">
        <v>101</v>
      </c>
      <c r="D22236" s="14" t="s">
        <v>31</v>
      </c>
      <c r="E22236" s="15">
        <v>45712</v>
      </c>
      <c r="F22236" s="14" t="s">
        <v>15</v>
      </c>
      <c r="G22236" s="16">
        <v>0.70762610561127481</v>
      </c>
    </row>
    <row r="22237" spans="1:7" x14ac:dyDescent="0.3">
      <c r="A22237" s="13" t="s">
        <v>148</v>
      </c>
      <c r="B22237" s="14" t="s">
        <v>1</v>
      </c>
      <c r="C22237" s="14" t="s">
        <v>101</v>
      </c>
      <c r="D22237" s="14" t="s">
        <v>31</v>
      </c>
      <c r="E22237" s="15">
        <v>45713</v>
      </c>
      <c r="F22237" s="14" t="s">
        <v>15</v>
      </c>
      <c r="G22237" s="16">
        <v>0.69917152572163876</v>
      </c>
    </row>
    <row r="22238" spans="1:7" x14ac:dyDescent="0.3">
      <c r="A22238" s="13" t="s">
        <v>148</v>
      </c>
      <c r="B22238" s="14" t="s">
        <v>1</v>
      </c>
      <c r="C22238" s="14" t="s">
        <v>101</v>
      </c>
      <c r="D22238" s="14" t="s">
        <v>31</v>
      </c>
      <c r="E22238" s="15">
        <v>45714</v>
      </c>
      <c r="F22238" s="14" t="s">
        <v>15</v>
      </c>
      <c r="G22238" s="16">
        <v>0.69602393242339311</v>
      </c>
    </row>
    <row r="22239" spans="1:7" x14ac:dyDescent="0.3">
      <c r="A22239" s="13" t="s">
        <v>148</v>
      </c>
      <c r="B22239" s="14" t="s">
        <v>1</v>
      </c>
      <c r="C22239" s="14" t="s">
        <v>101</v>
      </c>
      <c r="D22239" s="14" t="s">
        <v>31</v>
      </c>
      <c r="E22239" s="15">
        <v>45715</v>
      </c>
      <c r="F22239" s="14" t="s">
        <v>15</v>
      </c>
      <c r="G22239" s="16">
        <v>0.70204006530722207</v>
      </c>
    </row>
    <row r="22240" spans="1:7" x14ac:dyDescent="0.3">
      <c r="A22240" s="13" t="s">
        <v>148</v>
      </c>
      <c r="B22240" s="14" t="s">
        <v>1</v>
      </c>
      <c r="C22240" s="14" t="s">
        <v>101</v>
      </c>
      <c r="D22240" s="14" t="s">
        <v>31</v>
      </c>
      <c r="E22240" s="15">
        <v>45716</v>
      </c>
      <c r="F22240" s="14" t="s">
        <v>15</v>
      </c>
      <c r="G22240" s="16">
        <v>0.69886777193840477</v>
      </c>
    </row>
    <row r="22241" spans="1:7" x14ac:dyDescent="0.3">
      <c r="A22241" s="13" t="s">
        <v>148</v>
      </c>
      <c r="B22241" s="14" t="s">
        <v>1</v>
      </c>
      <c r="C22241" s="14" t="s">
        <v>101</v>
      </c>
      <c r="D22241" s="14" t="s">
        <v>31</v>
      </c>
      <c r="E22241" s="15">
        <v>45717</v>
      </c>
      <c r="F22241" s="14" t="s">
        <v>15</v>
      </c>
      <c r="G22241" s="16">
        <v>0.69886777193840477</v>
      </c>
    </row>
    <row r="22242" spans="1:7" x14ac:dyDescent="0.3">
      <c r="A22242" s="13" t="s">
        <v>148</v>
      </c>
      <c r="B22242" s="14" t="s">
        <v>1</v>
      </c>
      <c r="C22242" s="14" t="s">
        <v>101</v>
      </c>
      <c r="D22242" s="14" t="s">
        <v>31</v>
      </c>
      <c r="E22242" s="15">
        <v>45718</v>
      </c>
      <c r="F22242" s="14" t="s">
        <v>15</v>
      </c>
      <c r="G22242" s="16">
        <v>0.69886777193840477</v>
      </c>
    </row>
    <row r="22243" spans="1:7" x14ac:dyDescent="0.3">
      <c r="A22243" s="13" t="s">
        <v>148</v>
      </c>
      <c r="B22243" s="14" t="s">
        <v>1</v>
      </c>
      <c r="C22243" s="14" t="s">
        <v>101</v>
      </c>
      <c r="D22243" s="14" t="s">
        <v>31</v>
      </c>
      <c r="E22243" s="15">
        <v>45719</v>
      </c>
      <c r="F22243" s="14" t="s">
        <v>15</v>
      </c>
      <c r="G22243" s="16">
        <v>0.7399509478709283</v>
      </c>
    </row>
    <row r="22244" spans="1:7" x14ac:dyDescent="0.3">
      <c r="A22244" s="13" t="s">
        <v>148</v>
      </c>
      <c r="B22244" s="14" t="s">
        <v>1</v>
      </c>
      <c r="C22244" s="14" t="s">
        <v>101</v>
      </c>
      <c r="D22244" s="14" t="s">
        <v>31</v>
      </c>
      <c r="E22244" s="15">
        <v>45720</v>
      </c>
      <c r="F22244" s="14" t="s">
        <v>15</v>
      </c>
      <c r="G22244" s="16">
        <v>0.73275254299893511</v>
      </c>
    </row>
    <row r="22245" spans="1:7" x14ac:dyDescent="0.3">
      <c r="A22245" s="13" t="s">
        <v>148</v>
      </c>
      <c r="B22245" s="14" t="s">
        <v>1</v>
      </c>
      <c r="C22245" s="14" t="s">
        <v>101</v>
      </c>
      <c r="D22245" s="14" t="s">
        <v>31</v>
      </c>
      <c r="E22245" s="15">
        <v>45721</v>
      </c>
      <c r="F22245" s="14" t="s">
        <v>15</v>
      </c>
      <c r="G22245" s="16">
        <v>0.72986818188135272</v>
      </c>
    </row>
    <row r="22246" spans="1:7" x14ac:dyDescent="0.3">
      <c r="A22246" s="13" t="s">
        <v>148</v>
      </c>
      <c r="B22246" s="14" t="s">
        <v>1</v>
      </c>
      <c r="C22246" s="14" t="s">
        <v>101</v>
      </c>
      <c r="D22246" s="14" t="s">
        <v>31</v>
      </c>
      <c r="E22246" s="15">
        <v>45722</v>
      </c>
      <c r="F22246" s="14" t="s">
        <v>15</v>
      </c>
      <c r="G22246" s="16">
        <v>0.72700428653652982</v>
      </c>
    </row>
    <row r="22247" spans="1:7" x14ac:dyDescent="0.3">
      <c r="A22247" s="13" t="s">
        <v>148</v>
      </c>
      <c r="B22247" s="14" t="s">
        <v>1</v>
      </c>
      <c r="C22247" s="14" t="s">
        <v>101</v>
      </c>
      <c r="D22247" s="14" t="s">
        <v>31</v>
      </c>
      <c r="E22247" s="15">
        <v>45723</v>
      </c>
      <c r="F22247" s="14" t="s">
        <v>15</v>
      </c>
      <c r="G22247" s="16">
        <v>0.72426459726086689</v>
      </c>
    </row>
    <row r="22248" spans="1:7" x14ac:dyDescent="0.3">
      <c r="A22248" s="13" t="s">
        <v>148</v>
      </c>
      <c r="B22248" s="14" t="s">
        <v>1</v>
      </c>
      <c r="C22248" s="14" t="s">
        <v>101</v>
      </c>
      <c r="D22248" s="14" t="s">
        <v>31</v>
      </c>
      <c r="E22248" s="15">
        <v>45724</v>
      </c>
      <c r="F22248" s="14" t="s">
        <v>15</v>
      </c>
      <c r="G22248" s="16">
        <v>0.72426459726086689</v>
      </c>
    </row>
    <row r="22249" spans="1:7" x14ac:dyDescent="0.3">
      <c r="A22249" s="13" t="s">
        <v>148</v>
      </c>
      <c r="B22249" s="14" t="s">
        <v>1</v>
      </c>
      <c r="C22249" s="14" t="s">
        <v>101</v>
      </c>
      <c r="D22249" s="14" t="s">
        <v>31</v>
      </c>
      <c r="E22249" s="15">
        <v>45725</v>
      </c>
      <c r="F22249" s="14" t="s">
        <v>15</v>
      </c>
      <c r="G22249" s="16">
        <v>0.72426459726086689</v>
      </c>
    </row>
    <row r="22250" spans="1:7" x14ac:dyDescent="0.3">
      <c r="A22250" s="13" t="s">
        <v>148</v>
      </c>
      <c r="B22250" s="14" t="s">
        <v>1</v>
      </c>
      <c r="C22250" s="14" t="s">
        <v>101</v>
      </c>
      <c r="D22250" s="14" t="s">
        <v>31</v>
      </c>
      <c r="E22250" s="15">
        <v>45726</v>
      </c>
      <c r="F22250" s="14" t="s">
        <v>15</v>
      </c>
      <c r="G22250" s="16">
        <v>0.73214029260058877</v>
      </c>
    </row>
    <row r="22251" spans="1:7" x14ac:dyDescent="0.3">
      <c r="A22251" s="13" t="s">
        <v>148</v>
      </c>
      <c r="B22251" s="14" t="s">
        <v>1</v>
      </c>
      <c r="C22251" s="14" t="s">
        <v>101</v>
      </c>
      <c r="D22251" s="14" t="s">
        <v>31</v>
      </c>
      <c r="E22251" s="15">
        <v>45727</v>
      </c>
      <c r="F22251" s="14" t="s">
        <v>15</v>
      </c>
      <c r="G22251" s="16">
        <v>0.72440766048794636</v>
      </c>
    </row>
    <row r="22252" spans="1:7" x14ac:dyDescent="0.3">
      <c r="A22252" s="13" t="s">
        <v>148</v>
      </c>
      <c r="B22252" s="14" t="s">
        <v>1</v>
      </c>
      <c r="C22252" s="14" t="s">
        <v>101</v>
      </c>
      <c r="D22252" s="14" t="s">
        <v>31</v>
      </c>
      <c r="E22252" s="15">
        <v>45728</v>
      </c>
      <c r="F22252" s="14" t="s">
        <v>15</v>
      </c>
      <c r="G22252" s="16">
        <v>0.72153106224968655</v>
      </c>
    </row>
    <row r="22253" spans="1:7" x14ac:dyDescent="0.3">
      <c r="A22253" s="13" t="s">
        <v>148</v>
      </c>
      <c r="B22253" s="14" t="s">
        <v>1</v>
      </c>
      <c r="C22253" s="14" t="s">
        <v>101</v>
      </c>
      <c r="D22253" s="14" t="s">
        <v>31</v>
      </c>
      <c r="E22253" s="15">
        <v>45729</v>
      </c>
      <c r="F22253" s="14" t="s">
        <v>15</v>
      </c>
      <c r="G22253" s="16">
        <v>0.72350979216950706</v>
      </c>
    </row>
    <row r="22254" spans="1:7" x14ac:dyDescent="0.3">
      <c r="A22254" s="13" t="s">
        <v>148</v>
      </c>
      <c r="B22254" s="14" t="s">
        <v>1</v>
      </c>
      <c r="C22254" s="14" t="s">
        <v>101</v>
      </c>
      <c r="D22254" s="14" t="s">
        <v>31</v>
      </c>
      <c r="E22254" s="15">
        <v>45730</v>
      </c>
      <c r="F22254" s="14" t="s">
        <v>15</v>
      </c>
      <c r="G22254" s="16">
        <v>0.73401286930174836</v>
      </c>
    </row>
    <row r="22255" spans="1:7" x14ac:dyDescent="0.3">
      <c r="A22255" s="13" t="s">
        <v>148</v>
      </c>
      <c r="B22255" s="14" t="s">
        <v>1</v>
      </c>
      <c r="C22255" s="14" t="s">
        <v>101</v>
      </c>
      <c r="D22255" s="14" t="s">
        <v>31</v>
      </c>
      <c r="E22255" s="15">
        <v>45731</v>
      </c>
      <c r="F22255" s="14" t="s">
        <v>15</v>
      </c>
      <c r="G22255" s="16">
        <v>0.73401286930174836</v>
      </c>
    </row>
    <row r="22256" spans="1:7" x14ac:dyDescent="0.3">
      <c r="A22256" s="13" t="s">
        <v>148</v>
      </c>
      <c r="B22256" s="14" t="s">
        <v>1</v>
      </c>
      <c r="C22256" s="14" t="s">
        <v>101</v>
      </c>
      <c r="D22256" s="14" t="s">
        <v>31</v>
      </c>
      <c r="E22256" s="15">
        <v>45732</v>
      </c>
      <c r="F22256" s="14" t="s">
        <v>15</v>
      </c>
      <c r="G22256" s="16">
        <v>0.73401286930174836</v>
      </c>
    </row>
    <row r="22257" spans="1:7" x14ac:dyDescent="0.3">
      <c r="A22257" s="13" t="s">
        <v>148</v>
      </c>
      <c r="B22257" s="14" t="s">
        <v>1</v>
      </c>
      <c r="C22257" s="14" t="s">
        <v>101</v>
      </c>
      <c r="D22257" s="14" t="s">
        <v>31</v>
      </c>
      <c r="E22257" s="15">
        <v>45733</v>
      </c>
      <c r="F22257" s="14" t="s">
        <v>15</v>
      </c>
      <c r="G22257" s="16">
        <v>0.73401286930174836</v>
      </c>
    </row>
    <row r="22258" spans="1:7" x14ac:dyDescent="0.3">
      <c r="A22258" s="13" t="s">
        <v>148</v>
      </c>
      <c r="B22258" s="14" t="s">
        <v>1</v>
      </c>
      <c r="C22258" s="14" t="s">
        <v>101</v>
      </c>
      <c r="D22258" s="14" t="s">
        <v>31</v>
      </c>
      <c r="E22258" s="15">
        <v>45734</v>
      </c>
      <c r="F22258" s="14" t="s">
        <v>15</v>
      </c>
      <c r="G22258" s="16">
        <v>0.74243831764076451</v>
      </c>
    </row>
    <row r="22259" spans="1:7" x14ac:dyDescent="0.3">
      <c r="A22259" s="13" t="s">
        <v>148</v>
      </c>
      <c r="B22259" s="14" t="s">
        <v>1</v>
      </c>
      <c r="C22259" s="14" t="s">
        <v>101</v>
      </c>
      <c r="D22259" s="14" t="s">
        <v>31</v>
      </c>
      <c r="E22259" s="15">
        <v>45735</v>
      </c>
      <c r="F22259" s="14" t="s">
        <v>15</v>
      </c>
      <c r="G22259" s="16">
        <v>0.7502843728958003</v>
      </c>
    </row>
    <row r="22260" spans="1:7" x14ac:dyDescent="0.3">
      <c r="A22260" s="13" t="s">
        <v>148</v>
      </c>
      <c r="B22260" s="14" t="s">
        <v>1</v>
      </c>
      <c r="C22260" s="14" t="s">
        <v>101</v>
      </c>
      <c r="D22260" s="14" t="s">
        <v>31</v>
      </c>
      <c r="E22260" s="15">
        <v>45736</v>
      </c>
      <c r="F22260" s="14" t="s">
        <v>15</v>
      </c>
      <c r="G22260" s="16">
        <v>0.75038660316847905</v>
      </c>
    </row>
    <row r="22261" spans="1:7" x14ac:dyDescent="0.3">
      <c r="A22261" s="13" t="s">
        <v>148</v>
      </c>
      <c r="B22261" s="14" t="s">
        <v>1</v>
      </c>
      <c r="C22261" s="14" t="s">
        <v>101</v>
      </c>
      <c r="D22261" s="14" t="s">
        <v>31</v>
      </c>
      <c r="E22261" s="15">
        <v>45737</v>
      </c>
      <c r="F22261" s="14" t="s">
        <v>15</v>
      </c>
      <c r="G22261" s="16">
        <v>0.74770689977849025</v>
      </c>
    </row>
    <row r="22262" spans="1:7" x14ac:dyDescent="0.3">
      <c r="A22262" s="13" t="s">
        <v>148</v>
      </c>
      <c r="B22262" s="14" t="s">
        <v>1</v>
      </c>
      <c r="C22262" s="14" t="s">
        <v>101</v>
      </c>
      <c r="D22262" s="14" t="s">
        <v>31</v>
      </c>
      <c r="E22262" s="15">
        <v>45738</v>
      </c>
      <c r="F22262" s="14" t="s">
        <v>15</v>
      </c>
      <c r="G22262" s="16">
        <v>0.74770689977849025</v>
      </c>
    </row>
    <row r="22263" spans="1:7" x14ac:dyDescent="0.3">
      <c r="A22263" s="13" t="s">
        <v>148</v>
      </c>
      <c r="B22263" s="14" t="s">
        <v>1</v>
      </c>
      <c r="C22263" s="14" t="s">
        <v>101</v>
      </c>
      <c r="D22263" s="14" t="s">
        <v>31</v>
      </c>
      <c r="E22263" s="15">
        <v>45739</v>
      </c>
      <c r="F22263" s="14" t="s">
        <v>15</v>
      </c>
      <c r="G22263" s="16">
        <v>0.74770689977849025</v>
      </c>
    </row>
    <row r="22264" spans="1:7" x14ac:dyDescent="0.3">
      <c r="A22264" s="13" t="s">
        <v>148</v>
      </c>
      <c r="B22264" s="14" t="s">
        <v>1</v>
      </c>
      <c r="C22264" s="14" t="s">
        <v>101</v>
      </c>
      <c r="D22264" s="14" t="s">
        <v>31</v>
      </c>
      <c r="E22264" s="15">
        <v>45740</v>
      </c>
      <c r="F22264" s="14" t="s">
        <v>15</v>
      </c>
      <c r="G22264" s="16">
        <v>0.74481830436309582</v>
      </c>
    </row>
    <row r="22265" spans="1:7" x14ac:dyDescent="0.3">
      <c r="A22265" s="13" t="s">
        <v>148</v>
      </c>
      <c r="B22265" s="14" t="s">
        <v>1</v>
      </c>
      <c r="C22265" s="14" t="s">
        <v>101</v>
      </c>
      <c r="D22265" s="14" t="s">
        <v>31</v>
      </c>
      <c r="E22265" s="15">
        <v>45741</v>
      </c>
      <c r="F22265" s="14" t="s">
        <v>15</v>
      </c>
      <c r="G22265" s="16">
        <v>0.73718517824904195</v>
      </c>
    </row>
    <row r="22266" spans="1:7" x14ac:dyDescent="0.3">
      <c r="A22266" s="13" t="s">
        <v>148</v>
      </c>
      <c r="B22266" s="14" t="s">
        <v>1</v>
      </c>
      <c r="C22266" s="14" t="s">
        <v>101</v>
      </c>
      <c r="D22266" s="14" t="s">
        <v>31</v>
      </c>
      <c r="E22266" s="15">
        <v>45742</v>
      </c>
      <c r="F22266" s="14" t="s">
        <v>15</v>
      </c>
      <c r="G22266" s="16">
        <v>0.74507922221261691</v>
      </c>
    </row>
    <row r="22267" spans="1:7" x14ac:dyDescent="0.3">
      <c r="A22267" s="13" t="s">
        <v>148</v>
      </c>
      <c r="B22267" s="14" t="s">
        <v>1</v>
      </c>
      <c r="C22267" s="14" t="s">
        <v>101</v>
      </c>
      <c r="D22267" s="14" t="s">
        <v>31</v>
      </c>
      <c r="E22267" s="15">
        <v>45743</v>
      </c>
      <c r="F22267" s="14" t="s">
        <v>15</v>
      </c>
      <c r="G22267" s="16">
        <v>0.74217721818748339</v>
      </c>
    </row>
    <row r="22268" spans="1:7" x14ac:dyDescent="0.3">
      <c r="A22268" s="13" t="s">
        <v>148</v>
      </c>
      <c r="B22268" s="14" t="s">
        <v>1</v>
      </c>
      <c r="C22268" s="14" t="s">
        <v>101</v>
      </c>
      <c r="D22268" s="14" t="s">
        <v>31</v>
      </c>
      <c r="E22268" s="15">
        <v>45744</v>
      </c>
      <c r="F22268" s="14" t="s">
        <v>15</v>
      </c>
      <c r="G22268" s="16">
        <v>0.74709455078902587</v>
      </c>
    </row>
    <row r="22269" spans="1:7" x14ac:dyDescent="0.3">
      <c r="A22269" s="13" t="s">
        <v>148</v>
      </c>
      <c r="B22269" s="14" t="s">
        <v>1</v>
      </c>
      <c r="C22269" s="14" t="s">
        <v>101</v>
      </c>
      <c r="D22269" s="14" t="s">
        <v>31</v>
      </c>
      <c r="E22269" s="15">
        <v>45745</v>
      </c>
      <c r="F22269" s="14" t="s">
        <v>15</v>
      </c>
      <c r="G22269" s="16">
        <v>0.74709455078902587</v>
      </c>
    </row>
    <row r="22270" spans="1:7" x14ac:dyDescent="0.3">
      <c r="A22270" s="13" t="s">
        <v>148</v>
      </c>
      <c r="B22270" s="14" t="s">
        <v>1</v>
      </c>
      <c r="C22270" s="14" t="s">
        <v>101</v>
      </c>
      <c r="D22270" s="14" t="s">
        <v>31</v>
      </c>
      <c r="E22270" s="15">
        <v>45746</v>
      </c>
      <c r="F22270" s="14" t="s">
        <v>15</v>
      </c>
      <c r="G22270" s="16">
        <v>0.74709455078902587</v>
      </c>
    </row>
    <row r="22271" spans="1:7" x14ac:dyDescent="0.3">
      <c r="A22271" s="13" t="s">
        <v>148</v>
      </c>
      <c r="B22271" s="14" t="s">
        <v>1</v>
      </c>
      <c r="C22271" s="14" t="s">
        <v>101</v>
      </c>
      <c r="D22271" s="14" t="s">
        <v>31</v>
      </c>
      <c r="E22271" s="15">
        <v>45747</v>
      </c>
      <c r="F22271" s="14" t="s">
        <v>15</v>
      </c>
      <c r="G22271" s="16">
        <v>0.74882769143573424</v>
      </c>
    </row>
    <row r="22272" spans="1:7" x14ac:dyDescent="0.3">
      <c r="A22272" s="13" t="s">
        <v>149</v>
      </c>
      <c r="B22272" s="14" t="s">
        <v>1</v>
      </c>
      <c r="C22272" s="14" t="s">
        <v>150</v>
      </c>
      <c r="D22272" s="14" t="s">
        <v>151</v>
      </c>
      <c r="E22272" s="15">
        <v>45383</v>
      </c>
      <c r="F22272" s="14" t="s">
        <v>61</v>
      </c>
      <c r="G22272" s="16">
        <v>0</v>
      </c>
    </row>
    <row r="22273" spans="1:7" x14ac:dyDescent="0.3">
      <c r="A22273" s="13" t="s">
        <v>149</v>
      </c>
      <c r="B22273" s="14" t="s">
        <v>1</v>
      </c>
      <c r="C22273" s="14" t="s">
        <v>150</v>
      </c>
      <c r="D22273" s="14" t="s">
        <v>151</v>
      </c>
      <c r="E22273" s="15">
        <v>45384</v>
      </c>
      <c r="F22273" s="14" t="s">
        <v>61</v>
      </c>
      <c r="G22273" s="16">
        <v>0</v>
      </c>
    </row>
    <row r="22274" spans="1:7" x14ac:dyDescent="0.3">
      <c r="A22274" s="13" t="s">
        <v>149</v>
      </c>
      <c r="B22274" s="14" t="s">
        <v>1</v>
      </c>
      <c r="C22274" s="14" t="s">
        <v>150</v>
      </c>
      <c r="D22274" s="14" t="s">
        <v>151</v>
      </c>
      <c r="E22274" s="15">
        <v>45385</v>
      </c>
      <c r="F22274" s="14" t="s">
        <v>61</v>
      </c>
      <c r="G22274" s="16">
        <v>2.3528711377663849E-2</v>
      </c>
    </row>
    <row r="22275" spans="1:7" x14ac:dyDescent="0.3">
      <c r="A22275" s="13" t="s">
        <v>149</v>
      </c>
      <c r="B22275" s="14" t="s">
        <v>1</v>
      </c>
      <c r="C22275" s="14" t="s">
        <v>150</v>
      </c>
      <c r="D22275" s="14" t="s">
        <v>151</v>
      </c>
      <c r="E22275" s="15">
        <v>45386</v>
      </c>
      <c r="F22275" s="14" t="s">
        <v>61</v>
      </c>
      <c r="G22275" s="16">
        <v>3.7164351513304932E-2</v>
      </c>
    </row>
    <row r="22276" spans="1:7" x14ac:dyDescent="0.3">
      <c r="A22276" s="13" t="s">
        <v>149</v>
      </c>
      <c r="B22276" s="14" t="s">
        <v>1</v>
      </c>
      <c r="C22276" s="14" t="s">
        <v>150</v>
      </c>
      <c r="D22276" s="14" t="s">
        <v>151</v>
      </c>
      <c r="E22276" s="15">
        <v>45387</v>
      </c>
      <c r="F22276" s="14" t="s">
        <v>61</v>
      </c>
      <c r="G22276" s="16">
        <v>4.221788089357216E-2</v>
      </c>
    </row>
    <row r="22277" spans="1:7" x14ac:dyDescent="0.3">
      <c r="A22277" s="13" t="s">
        <v>149</v>
      </c>
      <c r="B22277" s="14" t="s">
        <v>1</v>
      </c>
      <c r="C22277" s="14" t="s">
        <v>150</v>
      </c>
      <c r="D22277" s="14" t="s">
        <v>151</v>
      </c>
      <c r="E22277" s="15">
        <v>45388</v>
      </c>
      <c r="F22277" s="14" t="s">
        <v>61</v>
      </c>
      <c r="G22277" s="16">
        <v>4.221788089357216E-2</v>
      </c>
    </row>
    <row r="22278" spans="1:7" x14ac:dyDescent="0.3">
      <c r="A22278" s="13" t="s">
        <v>149</v>
      </c>
      <c r="B22278" s="14" t="s">
        <v>1</v>
      </c>
      <c r="C22278" s="14" t="s">
        <v>150</v>
      </c>
      <c r="D22278" s="14" t="s">
        <v>151</v>
      </c>
      <c r="E22278" s="15">
        <v>45389</v>
      </c>
      <c r="F22278" s="14" t="s">
        <v>61</v>
      </c>
      <c r="G22278" s="16">
        <v>4.221788089357216E-2</v>
      </c>
    </row>
    <row r="22279" spans="1:7" x14ac:dyDescent="0.3">
      <c r="A22279" s="13" t="s">
        <v>149</v>
      </c>
      <c r="B22279" s="14" t="s">
        <v>1</v>
      </c>
      <c r="C22279" s="14" t="s">
        <v>150</v>
      </c>
      <c r="D22279" s="14" t="s">
        <v>151</v>
      </c>
      <c r="E22279" s="15">
        <v>45390</v>
      </c>
      <c r="F22279" s="14" t="s">
        <v>61</v>
      </c>
      <c r="G22279" s="16">
        <v>5.6025796091488257E-2</v>
      </c>
    </row>
    <row r="22280" spans="1:7" x14ac:dyDescent="0.3">
      <c r="A22280" s="13" t="s">
        <v>149</v>
      </c>
      <c r="B22280" s="14" t="s">
        <v>1</v>
      </c>
      <c r="C22280" s="14" t="s">
        <v>150</v>
      </c>
      <c r="D22280" s="14" t="s">
        <v>151</v>
      </c>
      <c r="E22280" s="15">
        <v>45391</v>
      </c>
      <c r="F22280" s="14" t="s">
        <v>61</v>
      </c>
      <c r="G22280" s="16">
        <v>7.5764895576301408E-2</v>
      </c>
    </row>
    <row r="22281" spans="1:7" x14ac:dyDescent="0.3">
      <c r="A22281" s="13" t="s">
        <v>149</v>
      </c>
      <c r="B22281" s="14" t="s">
        <v>1</v>
      </c>
      <c r="C22281" s="14" t="s">
        <v>150</v>
      </c>
      <c r="D22281" s="14" t="s">
        <v>151</v>
      </c>
      <c r="E22281" s="15">
        <v>45392</v>
      </c>
      <c r="F22281" s="14" t="s">
        <v>61</v>
      </c>
      <c r="G22281" s="16">
        <v>8.1572128354021847E-2</v>
      </c>
    </row>
    <row r="22282" spans="1:7" x14ac:dyDescent="0.3">
      <c r="A22282" s="13" t="s">
        <v>149</v>
      </c>
      <c r="B22282" s="14" t="s">
        <v>1</v>
      </c>
      <c r="C22282" s="14" t="s">
        <v>150</v>
      </c>
      <c r="D22282" s="14" t="s">
        <v>151</v>
      </c>
      <c r="E22282" s="15">
        <v>45393</v>
      </c>
      <c r="F22282" s="14" t="s">
        <v>61</v>
      </c>
      <c r="G22282" s="16">
        <v>8.699833439961871E-2</v>
      </c>
    </row>
    <row r="22283" spans="1:7" x14ac:dyDescent="0.3">
      <c r="A22283" s="13" t="s">
        <v>149</v>
      </c>
      <c r="B22283" s="14" t="s">
        <v>1</v>
      </c>
      <c r="C22283" s="14" t="s">
        <v>150</v>
      </c>
      <c r="D22283" s="14" t="s">
        <v>151</v>
      </c>
      <c r="E22283" s="15">
        <v>45394</v>
      </c>
      <c r="F22283" s="14" t="s">
        <v>61</v>
      </c>
      <c r="G22283" s="16">
        <v>9.2473761891579867E-2</v>
      </c>
    </row>
    <row r="22284" spans="1:7" x14ac:dyDescent="0.3">
      <c r="A22284" s="13" t="s">
        <v>149</v>
      </c>
      <c r="B22284" s="14" t="s">
        <v>1</v>
      </c>
      <c r="C22284" s="14" t="s">
        <v>150</v>
      </c>
      <c r="D22284" s="14" t="s">
        <v>151</v>
      </c>
      <c r="E22284" s="15">
        <v>45395</v>
      </c>
      <c r="F22284" s="14" t="s">
        <v>61</v>
      </c>
      <c r="G22284" s="16">
        <v>9.2473761891579867E-2</v>
      </c>
    </row>
    <row r="22285" spans="1:7" x14ac:dyDescent="0.3">
      <c r="A22285" s="13" t="s">
        <v>149</v>
      </c>
      <c r="B22285" s="14" t="s">
        <v>1</v>
      </c>
      <c r="C22285" s="14" t="s">
        <v>150</v>
      </c>
      <c r="D22285" s="14" t="s">
        <v>151</v>
      </c>
      <c r="E22285" s="15">
        <v>45396</v>
      </c>
      <c r="F22285" s="14" t="s">
        <v>61</v>
      </c>
      <c r="G22285" s="16">
        <v>9.2473761891579867E-2</v>
      </c>
    </row>
    <row r="22286" spans="1:7" x14ac:dyDescent="0.3">
      <c r="A22286" s="13" t="s">
        <v>149</v>
      </c>
      <c r="B22286" s="14" t="s">
        <v>1</v>
      </c>
      <c r="C22286" s="14" t="s">
        <v>150</v>
      </c>
      <c r="D22286" s="14" t="s">
        <v>151</v>
      </c>
      <c r="E22286" s="15">
        <v>45397</v>
      </c>
      <c r="F22286" s="14" t="s">
        <v>61</v>
      </c>
      <c r="G22286" s="16">
        <v>9.922147587661799E-2</v>
      </c>
    </row>
    <row r="22287" spans="1:7" x14ac:dyDescent="0.3">
      <c r="A22287" s="13" t="s">
        <v>149</v>
      </c>
      <c r="B22287" s="14" t="s">
        <v>1</v>
      </c>
      <c r="C22287" s="14" t="s">
        <v>150</v>
      </c>
      <c r="D22287" s="14" t="s">
        <v>151</v>
      </c>
      <c r="E22287" s="15">
        <v>45398</v>
      </c>
      <c r="F22287" s="14" t="s">
        <v>61</v>
      </c>
      <c r="G22287" s="16">
        <v>0.11579809743252545</v>
      </c>
    </row>
    <row r="22288" spans="1:7" x14ac:dyDescent="0.3">
      <c r="A22288" s="13" t="s">
        <v>149</v>
      </c>
      <c r="B22288" s="14" t="s">
        <v>1</v>
      </c>
      <c r="C22288" s="14" t="s">
        <v>150</v>
      </c>
      <c r="D22288" s="14" t="s">
        <v>151</v>
      </c>
      <c r="E22288" s="15">
        <v>45399</v>
      </c>
      <c r="F22288" s="14" t="s">
        <v>61</v>
      </c>
      <c r="G22288" s="16">
        <v>0.12110520515700871</v>
      </c>
    </row>
    <row r="22289" spans="1:7" x14ac:dyDescent="0.3">
      <c r="A22289" s="13" t="s">
        <v>149</v>
      </c>
      <c r="B22289" s="14" t="s">
        <v>1</v>
      </c>
      <c r="C22289" s="14" t="s">
        <v>150</v>
      </c>
      <c r="D22289" s="14" t="s">
        <v>151</v>
      </c>
      <c r="E22289" s="15">
        <v>45400</v>
      </c>
      <c r="F22289" s="14" t="s">
        <v>61</v>
      </c>
      <c r="G22289" s="16">
        <v>0.12541645754701444</v>
      </c>
    </row>
    <row r="22290" spans="1:7" x14ac:dyDescent="0.3">
      <c r="A22290" s="13" t="s">
        <v>149</v>
      </c>
      <c r="B22290" s="14" t="s">
        <v>1</v>
      </c>
      <c r="C22290" s="14" t="s">
        <v>150</v>
      </c>
      <c r="D22290" s="14" t="s">
        <v>151</v>
      </c>
      <c r="E22290" s="15">
        <v>45401</v>
      </c>
      <c r="F22290" s="14" t="s">
        <v>61</v>
      </c>
      <c r="G22290" s="16">
        <v>0.13246301602783578</v>
      </c>
    </row>
    <row r="22291" spans="1:7" x14ac:dyDescent="0.3">
      <c r="A22291" s="13" t="s">
        <v>149</v>
      </c>
      <c r="B22291" s="14" t="s">
        <v>1</v>
      </c>
      <c r="C22291" s="14" t="s">
        <v>150</v>
      </c>
      <c r="D22291" s="14" t="s">
        <v>151</v>
      </c>
      <c r="E22291" s="15">
        <v>45402</v>
      </c>
      <c r="F22291" s="14" t="s">
        <v>61</v>
      </c>
      <c r="G22291" s="16">
        <v>0.13246301602783578</v>
      </c>
    </row>
    <row r="22292" spans="1:7" x14ac:dyDescent="0.3">
      <c r="A22292" s="13" t="s">
        <v>149</v>
      </c>
      <c r="B22292" s="14" t="s">
        <v>1</v>
      </c>
      <c r="C22292" s="14" t="s">
        <v>150</v>
      </c>
      <c r="D22292" s="14" t="s">
        <v>151</v>
      </c>
      <c r="E22292" s="15">
        <v>45403</v>
      </c>
      <c r="F22292" s="14" t="s">
        <v>61</v>
      </c>
      <c r="G22292" s="16">
        <v>0.13246301602783578</v>
      </c>
    </row>
    <row r="22293" spans="1:7" x14ac:dyDescent="0.3">
      <c r="A22293" s="13" t="s">
        <v>149</v>
      </c>
      <c r="B22293" s="14" t="s">
        <v>1</v>
      </c>
      <c r="C22293" s="14" t="s">
        <v>150</v>
      </c>
      <c r="D22293" s="14" t="s">
        <v>151</v>
      </c>
      <c r="E22293" s="15">
        <v>45404</v>
      </c>
      <c r="F22293" s="14" t="s">
        <v>61</v>
      </c>
      <c r="G22293" s="16">
        <v>0.1377362840079436</v>
      </c>
    </row>
    <row r="22294" spans="1:7" x14ac:dyDescent="0.3">
      <c r="A22294" s="13" t="s">
        <v>149</v>
      </c>
      <c r="B22294" s="14" t="s">
        <v>1</v>
      </c>
      <c r="C22294" s="14" t="s">
        <v>150</v>
      </c>
      <c r="D22294" s="14" t="s">
        <v>151</v>
      </c>
      <c r="E22294" s="15">
        <v>45405</v>
      </c>
      <c r="F22294" s="14" t="s">
        <v>61</v>
      </c>
      <c r="G22294" s="16">
        <v>0.16432683303578616</v>
      </c>
    </row>
    <row r="22295" spans="1:7" x14ac:dyDescent="0.3">
      <c r="A22295" s="13" t="s">
        <v>149</v>
      </c>
      <c r="B22295" s="14" t="s">
        <v>1</v>
      </c>
      <c r="C22295" s="14" t="s">
        <v>150</v>
      </c>
      <c r="D22295" s="14" t="s">
        <v>151</v>
      </c>
      <c r="E22295" s="15">
        <v>45406</v>
      </c>
      <c r="F22295" s="14" t="s">
        <v>61</v>
      </c>
      <c r="G22295" s="16">
        <v>0.17147974499893034</v>
      </c>
    </row>
    <row r="22296" spans="1:7" x14ac:dyDescent="0.3">
      <c r="A22296" s="13" t="s">
        <v>149</v>
      </c>
      <c r="B22296" s="14" t="s">
        <v>1</v>
      </c>
      <c r="C22296" s="14" t="s">
        <v>150</v>
      </c>
      <c r="D22296" s="14" t="s">
        <v>151</v>
      </c>
      <c r="E22296" s="15">
        <v>45407</v>
      </c>
      <c r="F22296" s="14" t="s">
        <v>61</v>
      </c>
      <c r="G22296" s="16">
        <v>0.17689891940933231</v>
      </c>
    </row>
    <row r="22297" spans="1:7" x14ac:dyDescent="0.3">
      <c r="A22297" s="13" t="s">
        <v>149</v>
      </c>
      <c r="B22297" s="14" t="s">
        <v>1</v>
      </c>
      <c r="C22297" s="14" t="s">
        <v>150</v>
      </c>
      <c r="D22297" s="14" t="s">
        <v>151</v>
      </c>
      <c r="E22297" s="15">
        <v>45408</v>
      </c>
      <c r="F22297" s="14" t="s">
        <v>61</v>
      </c>
      <c r="G22297" s="16">
        <v>0.18268769414466612</v>
      </c>
    </row>
    <row r="22298" spans="1:7" x14ac:dyDescent="0.3">
      <c r="A22298" s="13" t="s">
        <v>149</v>
      </c>
      <c r="B22298" s="14" t="s">
        <v>1</v>
      </c>
      <c r="C22298" s="14" t="s">
        <v>150</v>
      </c>
      <c r="D22298" s="14" t="s">
        <v>151</v>
      </c>
      <c r="E22298" s="15">
        <v>45409</v>
      </c>
      <c r="F22298" s="14" t="s">
        <v>61</v>
      </c>
      <c r="G22298" s="16">
        <v>0.18268769414466612</v>
      </c>
    </row>
    <row r="22299" spans="1:7" x14ac:dyDescent="0.3">
      <c r="A22299" s="13" t="s">
        <v>149</v>
      </c>
      <c r="B22299" s="14" t="s">
        <v>1</v>
      </c>
      <c r="C22299" s="14" t="s">
        <v>150</v>
      </c>
      <c r="D22299" s="14" t="s">
        <v>151</v>
      </c>
      <c r="E22299" s="15">
        <v>45410</v>
      </c>
      <c r="F22299" s="14" t="s">
        <v>61</v>
      </c>
      <c r="G22299" s="16">
        <v>0.18268769414466612</v>
      </c>
    </row>
    <row r="22300" spans="1:7" x14ac:dyDescent="0.3">
      <c r="A22300" s="13" t="s">
        <v>149</v>
      </c>
      <c r="B22300" s="14" t="s">
        <v>1</v>
      </c>
      <c r="C22300" s="14" t="s">
        <v>150</v>
      </c>
      <c r="D22300" s="14" t="s">
        <v>151</v>
      </c>
      <c r="E22300" s="15">
        <v>45411</v>
      </c>
      <c r="F22300" s="14" t="s">
        <v>61</v>
      </c>
      <c r="G22300" s="16">
        <v>0.18812664502905371</v>
      </c>
    </row>
    <row r="22301" spans="1:7" x14ac:dyDescent="0.3">
      <c r="A22301" s="13" t="s">
        <v>149</v>
      </c>
      <c r="B22301" s="14" t="s">
        <v>1</v>
      </c>
      <c r="C22301" s="14" t="s">
        <v>150</v>
      </c>
      <c r="D22301" s="14" t="s">
        <v>151</v>
      </c>
      <c r="E22301" s="15">
        <v>45412</v>
      </c>
      <c r="F22301" s="14" t="s">
        <v>61</v>
      </c>
      <c r="G22301" s="16">
        <v>0.20593907647046461</v>
      </c>
    </row>
    <row r="22302" spans="1:7" x14ac:dyDescent="0.3">
      <c r="A22302" s="13" t="s">
        <v>149</v>
      </c>
      <c r="B22302" s="14" t="s">
        <v>1</v>
      </c>
      <c r="C22302" s="14" t="s">
        <v>150</v>
      </c>
      <c r="D22302" s="14" t="s">
        <v>151</v>
      </c>
      <c r="E22302" s="15">
        <v>45413</v>
      </c>
      <c r="F22302" s="14" t="s">
        <v>61</v>
      </c>
      <c r="G22302" s="16">
        <v>0.20593907647046461</v>
      </c>
    </row>
    <row r="22303" spans="1:7" x14ac:dyDescent="0.3">
      <c r="A22303" s="13" t="s">
        <v>149</v>
      </c>
      <c r="B22303" s="14" t="s">
        <v>1</v>
      </c>
      <c r="C22303" s="14" t="s">
        <v>150</v>
      </c>
      <c r="D22303" s="14" t="s">
        <v>151</v>
      </c>
      <c r="E22303" s="15">
        <v>45414</v>
      </c>
      <c r="F22303" s="14" t="s">
        <v>61</v>
      </c>
      <c r="G22303" s="16">
        <v>0.21194143712484351</v>
      </c>
    </row>
    <row r="22304" spans="1:7" x14ac:dyDescent="0.3">
      <c r="A22304" s="13" t="s">
        <v>149</v>
      </c>
      <c r="B22304" s="14" t="s">
        <v>1</v>
      </c>
      <c r="C22304" s="14" t="s">
        <v>150</v>
      </c>
      <c r="D22304" s="14" t="s">
        <v>151</v>
      </c>
      <c r="E22304" s="15">
        <v>45415</v>
      </c>
      <c r="F22304" s="14" t="s">
        <v>61</v>
      </c>
      <c r="G22304" s="16">
        <v>0.23304731070066509</v>
      </c>
    </row>
    <row r="22305" spans="1:7" x14ac:dyDescent="0.3">
      <c r="A22305" s="13" t="s">
        <v>149</v>
      </c>
      <c r="B22305" s="14" t="s">
        <v>1</v>
      </c>
      <c r="C22305" s="14" t="s">
        <v>150</v>
      </c>
      <c r="D22305" s="14" t="s">
        <v>151</v>
      </c>
      <c r="E22305" s="15">
        <v>45416</v>
      </c>
      <c r="F22305" s="14" t="s">
        <v>61</v>
      </c>
      <c r="G22305" s="16">
        <v>0.23304731070066509</v>
      </c>
    </row>
    <row r="22306" spans="1:7" x14ac:dyDescent="0.3">
      <c r="A22306" s="13" t="s">
        <v>149</v>
      </c>
      <c r="B22306" s="14" t="s">
        <v>1</v>
      </c>
      <c r="C22306" s="14" t="s">
        <v>150</v>
      </c>
      <c r="D22306" s="14" t="s">
        <v>151</v>
      </c>
      <c r="E22306" s="15">
        <v>45417</v>
      </c>
      <c r="F22306" s="14" t="s">
        <v>61</v>
      </c>
      <c r="G22306" s="16">
        <v>0.23304731070066509</v>
      </c>
    </row>
    <row r="22307" spans="1:7" x14ac:dyDescent="0.3">
      <c r="A22307" s="13" t="s">
        <v>149</v>
      </c>
      <c r="B22307" s="14" t="s">
        <v>1</v>
      </c>
      <c r="C22307" s="14" t="s">
        <v>150</v>
      </c>
      <c r="D22307" s="14" t="s">
        <v>151</v>
      </c>
      <c r="E22307" s="15">
        <v>45418</v>
      </c>
      <c r="F22307" s="14" t="s">
        <v>61</v>
      </c>
      <c r="G22307" s="16">
        <v>0.23304731070066509</v>
      </c>
    </row>
    <row r="22308" spans="1:7" x14ac:dyDescent="0.3">
      <c r="A22308" s="13" t="s">
        <v>149</v>
      </c>
      <c r="B22308" s="14" t="s">
        <v>1</v>
      </c>
      <c r="C22308" s="14" t="s">
        <v>150</v>
      </c>
      <c r="D22308" s="14" t="s">
        <v>151</v>
      </c>
      <c r="E22308" s="15">
        <v>45419</v>
      </c>
      <c r="F22308" s="14" t="s">
        <v>61</v>
      </c>
      <c r="G22308" s="16">
        <v>0.23867875259851307</v>
      </c>
    </row>
    <row r="22309" spans="1:7" x14ac:dyDescent="0.3">
      <c r="A22309" s="13" t="s">
        <v>149</v>
      </c>
      <c r="B22309" s="14" t="s">
        <v>1</v>
      </c>
      <c r="C22309" s="14" t="s">
        <v>150</v>
      </c>
      <c r="D22309" s="14" t="s">
        <v>151</v>
      </c>
      <c r="E22309" s="15">
        <v>45420</v>
      </c>
      <c r="F22309" s="14" t="s">
        <v>61</v>
      </c>
      <c r="G22309" s="16">
        <v>0.260915840486314</v>
      </c>
    </row>
    <row r="22310" spans="1:7" x14ac:dyDescent="0.3">
      <c r="A22310" s="13" t="s">
        <v>149</v>
      </c>
      <c r="B22310" s="14" t="s">
        <v>1</v>
      </c>
      <c r="C22310" s="14" t="s">
        <v>150</v>
      </c>
      <c r="D22310" s="14" t="s">
        <v>151</v>
      </c>
      <c r="E22310" s="15">
        <v>45421</v>
      </c>
      <c r="F22310" s="14" t="s">
        <v>61</v>
      </c>
      <c r="G22310" s="16">
        <v>0.260915840486314</v>
      </c>
    </row>
    <row r="22311" spans="1:7" x14ac:dyDescent="0.3">
      <c r="A22311" s="13" t="s">
        <v>149</v>
      </c>
      <c r="B22311" s="14" t="s">
        <v>1</v>
      </c>
      <c r="C22311" s="14" t="s">
        <v>150</v>
      </c>
      <c r="D22311" s="14" t="s">
        <v>151</v>
      </c>
      <c r="E22311" s="15">
        <v>45422</v>
      </c>
      <c r="F22311" s="14" t="s">
        <v>61</v>
      </c>
      <c r="G22311" s="16">
        <v>0.26647608707781362</v>
      </c>
    </row>
    <row r="22312" spans="1:7" x14ac:dyDescent="0.3">
      <c r="A22312" s="13" t="s">
        <v>149</v>
      </c>
      <c r="B22312" s="14" t="s">
        <v>1</v>
      </c>
      <c r="C22312" s="14" t="s">
        <v>150</v>
      </c>
      <c r="D22312" s="14" t="s">
        <v>151</v>
      </c>
      <c r="E22312" s="15">
        <v>45423</v>
      </c>
      <c r="F22312" s="14" t="s">
        <v>61</v>
      </c>
      <c r="G22312" s="16">
        <v>0.26647608707781362</v>
      </c>
    </row>
    <row r="22313" spans="1:7" x14ac:dyDescent="0.3">
      <c r="A22313" s="13" t="s">
        <v>149</v>
      </c>
      <c r="B22313" s="14" t="s">
        <v>1</v>
      </c>
      <c r="C22313" s="14" t="s">
        <v>150</v>
      </c>
      <c r="D22313" s="14" t="s">
        <v>151</v>
      </c>
      <c r="E22313" s="15">
        <v>45424</v>
      </c>
      <c r="F22313" s="14" t="s">
        <v>61</v>
      </c>
      <c r="G22313" s="16">
        <v>0.26647608707781362</v>
      </c>
    </row>
    <row r="22314" spans="1:7" x14ac:dyDescent="0.3">
      <c r="A22314" s="13" t="s">
        <v>149</v>
      </c>
      <c r="B22314" s="14" t="s">
        <v>1</v>
      </c>
      <c r="C22314" s="14" t="s">
        <v>150</v>
      </c>
      <c r="D22314" s="14" t="s">
        <v>151</v>
      </c>
      <c r="E22314" s="15">
        <v>45425</v>
      </c>
      <c r="F22314" s="14" t="s">
        <v>61</v>
      </c>
      <c r="G22314" s="16">
        <v>0.27979618258408356</v>
      </c>
    </row>
    <row r="22315" spans="1:7" x14ac:dyDescent="0.3">
      <c r="A22315" s="13" t="s">
        <v>149</v>
      </c>
      <c r="B22315" s="14" t="s">
        <v>1</v>
      </c>
      <c r="C22315" s="14" t="s">
        <v>150</v>
      </c>
      <c r="D22315" s="14" t="s">
        <v>151</v>
      </c>
      <c r="E22315" s="15">
        <v>45426</v>
      </c>
      <c r="F22315" s="14" t="s">
        <v>61</v>
      </c>
      <c r="G22315" s="16">
        <v>0.30275884732855807</v>
      </c>
    </row>
    <row r="22316" spans="1:7" x14ac:dyDescent="0.3">
      <c r="A22316" s="13" t="s">
        <v>149</v>
      </c>
      <c r="B22316" s="14" t="s">
        <v>1</v>
      </c>
      <c r="C22316" s="14" t="s">
        <v>150</v>
      </c>
      <c r="D22316" s="14" t="s">
        <v>151</v>
      </c>
      <c r="E22316" s="15">
        <v>45427</v>
      </c>
      <c r="F22316" s="14" t="s">
        <v>61</v>
      </c>
      <c r="G22316" s="16">
        <v>0.30824262488731319</v>
      </c>
    </row>
    <row r="22317" spans="1:7" x14ac:dyDescent="0.3">
      <c r="A22317" s="13" t="s">
        <v>149</v>
      </c>
      <c r="B22317" s="14" t="s">
        <v>1</v>
      </c>
      <c r="C22317" s="14" t="s">
        <v>150</v>
      </c>
      <c r="D22317" s="14" t="s">
        <v>151</v>
      </c>
      <c r="E22317" s="15">
        <v>45428</v>
      </c>
      <c r="F22317" s="14" t="s">
        <v>61</v>
      </c>
      <c r="G22317" s="16">
        <v>0.31390351175753978</v>
      </c>
    </row>
    <row r="22318" spans="1:7" x14ac:dyDescent="0.3">
      <c r="A22318" s="13" t="s">
        <v>149</v>
      </c>
      <c r="B22318" s="14" t="s">
        <v>1</v>
      </c>
      <c r="C22318" s="14" t="s">
        <v>150</v>
      </c>
      <c r="D22318" s="14" t="s">
        <v>151</v>
      </c>
      <c r="E22318" s="15">
        <v>45429</v>
      </c>
      <c r="F22318" s="14" t="s">
        <v>61</v>
      </c>
      <c r="G22318" s="16">
        <v>0.36588221913376373</v>
      </c>
    </row>
    <row r="22319" spans="1:7" x14ac:dyDescent="0.3">
      <c r="A22319" s="13" t="s">
        <v>149</v>
      </c>
      <c r="B22319" s="14" t="s">
        <v>1</v>
      </c>
      <c r="C22319" s="14" t="s">
        <v>150</v>
      </c>
      <c r="D22319" s="14" t="s">
        <v>151</v>
      </c>
      <c r="E22319" s="15">
        <v>45430</v>
      </c>
      <c r="F22319" s="14" t="s">
        <v>61</v>
      </c>
      <c r="G22319" s="16">
        <v>0.36588221913376373</v>
      </c>
    </row>
    <row r="22320" spans="1:7" x14ac:dyDescent="0.3">
      <c r="A22320" s="13" t="s">
        <v>149</v>
      </c>
      <c r="B22320" s="14" t="s">
        <v>1</v>
      </c>
      <c r="C22320" s="14" t="s">
        <v>150</v>
      </c>
      <c r="D22320" s="14" t="s">
        <v>151</v>
      </c>
      <c r="E22320" s="15">
        <v>45431</v>
      </c>
      <c r="F22320" s="14" t="s">
        <v>61</v>
      </c>
      <c r="G22320" s="16">
        <v>0.36588221913376373</v>
      </c>
    </row>
    <row r="22321" spans="1:7" x14ac:dyDescent="0.3">
      <c r="A22321" s="13" t="s">
        <v>149</v>
      </c>
      <c r="B22321" s="14" t="s">
        <v>1</v>
      </c>
      <c r="C22321" s="14" t="s">
        <v>150</v>
      </c>
      <c r="D22321" s="14" t="s">
        <v>151</v>
      </c>
      <c r="E22321" s="15">
        <v>45432</v>
      </c>
      <c r="F22321" s="14" t="s">
        <v>61</v>
      </c>
      <c r="G22321" s="16">
        <v>0.36588221913376373</v>
      </c>
    </row>
    <row r="22322" spans="1:7" x14ac:dyDescent="0.3">
      <c r="A22322" s="13" t="s">
        <v>149</v>
      </c>
      <c r="B22322" s="14" t="s">
        <v>1</v>
      </c>
      <c r="C22322" s="14" t="s">
        <v>150</v>
      </c>
      <c r="D22322" s="14" t="s">
        <v>151</v>
      </c>
      <c r="E22322" s="15">
        <v>45433</v>
      </c>
      <c r="F22322" s="14" t="s">
        <v>61</v>
      </c>
      <c r="G22322" s="16">
        <v>0.37155497188838171</v>
      </c>
    </row>
    <row r="22323" spans="1:7" x14ac:dyDescent="0.3">
      <c r="A22323" s="13" t="s">
        <v>149</v>
      </c>
      <c r="B22323" s="14" t="s">
        <v>1</v>
      </c>
      <c r="C22323" s="14" t="s">
        <v>150</v>
      </c>
      <c r="D22323" s="14" t="s">
        <v>151</v>
      </c>
      <c r="E22323" s="15">
        <v>45434</v>
      </c>
      <c r="F22323" s="14" t="s">
        <v>61</v>
      </c>
      <c r="G22323" s="16">
        <v>0.39446885466369164</v>
      </c>
    </row>
    <row r="22324" spans="1:7" x14ac:dyDescent="0.3">
      <c r="A22324" s="13" t="s">
        <v>149</v>
      </c>
      <c r="B22324" s="14" t="s">
        <v>1</v>
      </c>
      <c r="C22324" s="14" t="s">
        <v>150</v>
      </c>
      <c r="D22324" s="14" t="s">
        <v>151</v>
      </c>
      <c r="E22324" s="15">
        <v>45435</v>
      </c>
      <c r="F22324" s="14" t="s">
        <v>61</v>
      </c>
      <c r="G22324" s="16">
        <v>0.4044972659443497</v>
      </c>
    </row>
    <row r="22325" spans="1:7" x14ac:dyDescent="0.3">
      <c r="A22325" s="13" t="s">
        <v>149</v>
      </c>
      <c r="B22325" s="14" t="s">
        <v>1</v>
      </c>
      <c r="C22325" s="14" t="s">
        <v>150</v>
      </c>
      <c r="D22325" s="14" t="s">
        <v>151</v>
      </c>
      <c r="E22325" s="15">
        <v>45436</v>
      </c>
      <c r="F22325" s="14" t="s">
        <v>61</v>
      </c>
      <c r="G22325" s="16">
        <v>0.41019858471694703</v>
      </c>
    </row>
    <row r="22326" spans="1:7" x14ac:dyDescent="0.3">
      <c r="A22326" s="13" t="s">
        <v>149</v>
      </c>
      <c r="B22326" s="14" t="s">
        <v>1</v>
      </c>
      <c r="C22326" s="14" t="s">
        <v>150</v>
      </c>
      <c r="D22326" s="14" t="s">
        <v>151</v>
      </c>
      <c r="E22326" s="15">
        <v>45437</v>
      </c>
      <c r="F22326" s="14" t="s">
        <v>61</v>
      </c>
      <c r="G22326" s="16">
        <v>0.41019858471694703</v>
      </c>
    </row>
    <row r="22327" spans="1:7" x14ac:dyDescent="0.3">
      <c r="A22327" s="13" t="s">
        <v>149</v>
      </c>
      <c r="B22327" s="14" t="s">
        <v>1</v>
      </c>
      <c r="C22327" s="14" t="s">
        <v>150</v>
      </c>
      <c r="D22327" s="14" t="s">
        <v>151</v>
      </c>
      <c r="E22327" s="15">
        <v>45438</v>
      </c>
      <c r="F22327" s="14" t="s">
        <v>61</v>
      </c>
      <c r="G22327" s="16">
        <v>0.41019858471694703</v>
      </c>
    </row>
    <row r="22328" spans="1:7" x14ac:dyDescent="0.3">
      <c r="A22328" s="13" t="s">
        <v>149</v>
      </c>
      <c r="B22328" s="14" t="s">
        <v>1</v>
      </c>
      <c r="C22328" s="14" t="s">
        <v>150</v>
      </c>
      <c r="D22328" s="14" t="s">
        <v>151</v>
      </c>
      <c r="E22328" s="15">
        <v>45439</v>
      </c>
      <c r="F22328" s="14" t="s">
        <v>61</v>
      </c>
      <c r="G22328" s="16">
        <v>0.41589155342275036</v>
      </c>
    </row>
    <row r="22329" spans="1:7" x14ac:dyDescent="0.3">
      <c r="A22329" s="13" t="s">
        <v>149</v>
      </c>
      <c r="B22329" s="14" t="s">
        <v>1</v>
      </c>
      <c r="C22329" s="14" t="s">
        <v>150</v>
      </c>
      <c r="D22329" s="14" t="s">
        <v>151</v>
      </c>
      <c r="E22329" s="15">
        <v>45440</v>
      </c>
      <c r="F22329" s="14" t="s">
        <v>61</v>
      </c>
      <c r="G22329" s="16">
        <v>0.43276877738323977</v>
      </c>
    </row>
    <row r="22330" spans="1:7" x14ac:dyDescent="0.3">
      <c r="A22330" s="13" t="s">
        <v>149</v>
      </c>
      <c r="B22330" s="14" t="s">
        <v>1</v>
      </c>
      <c r="C22330" s="14" t="s">
        <v>150</v>
      </c>
      <c r="D22330" s="14" t="s">
        <v>151</v>
      </c>
      <c r="E22330" s="15">
        <v>45441</v>
      </c>
      <c r="F22330" s="14" t="s">
        <v>61</v>
      </c>
      <c r="G22330" s="16">
        <v>0.4394852884871005</v>
      </c>
    </row>
    <row r="22331" spans="1:7" x14ac:dyDescent="0.3">
      <c r="A22331" s="13" t="s">
        <v>149</v>
      </c>
      <c r="B22331" s="14" t="s">
        <v>1</v>
      </c>
      <c r="C22331" s="14" t="s">
        <v>150</v>
      </c>
      <c r="D22331" s="14" t="s">
        <v>151</v>
      </c>
      <c r="E22331" s="15">
        <v>45442</v>
      </c>
      <c r="F22331" s="14" t="s">
        <v>61</v>
      </c>
      <c r="G22331" s="16">
        <v>0.44516331496811468</v>
      </c>
    </row>
    <row r="22332" spans="1:7" x14ac:dyDescent="0.3">
      <c r="A22332" s="13" t="s">
        <v>149</v>
      </c>
      <c r="B22332" s="14" t="s">
        <v>1</v>
      </c>
      <c r="C22332" s="14" t="s">
        <v>150</v>
      </c>
      <c r="D22332" s="14" t="s">
        <v>151</v>
      </c>
      <c r="E22332" s="15">
        <v>45443</v>
      </c>
      <c r="F22332" s="14" t="s">
        <v>61</v>
      </c>
      <c r="G22332" s="16">
        <v>0.45085892053711607</v>
      </c>
    </row>
    <row r="22333" spans="1:7" x14ac:dyDescent="0.3">
      <c r="A22333" s="13" t="s">
        <v>149</v>
      </c>
      <c r="B22333" s="14" t="s">
        <v>1</v>
      </c>
      <c r="C22333" s="14" t="s">
        <v>150</v>
      </c>
      <c r="D22333" s="14" t="s">
        <v>151</v>
      </c>
      <c r="E22333" s="15">
        <v>45444</v>
      </c>
      <c r="F22333" s="14" t="s">
        <v>61</v>
      </c>
      <c r="G22333" s="16">
        <v>0.45085892053711607</v>
      </c>
    </row>
    <row r="22334" spans="1:7" x14ac:dyDescent="0.3">
      <c r="A22334" s="13" t="s">
        <v>149</v>
      </c>
      <c r="B22334" s="14" t="s">
        <v>1</v>
      </c>
      <c r="C22334" s="14" t="s">
        <v>150</v>
      </c>
      <c r="D22334" s="14" t="s">
        <v>151</v>
      </c>
      <c r="E22334" s="15">
        <v>45445</v>
      </c>
      <c r="F22334" s="14" t="s">
        <v>61</v>
      </c>
      <c r="G22334" s="16">
        <v>0.45085892053711607</v>
      </c>
    </row>
    <row r="22335" spans="1:7" x14ac:dyDescent="0.3">
      <c r="A22335" s="13" t="s">
        <v>149</v>
      </c>
      <c r="B22335" s="14" t="s">
        <v>1</v>
      </c>
      <c r="C22335" s="14" t="s">
        <v>150</v>
      </c>
      <c r="D22335" s="14" t="s">
        <v>151</v>
      </c>
      <c r="E22335" s="15">
        <v>45446</v>
      </c>
      <c r="F22335" s="14" t="s">
        <v>61</v>
      </c>
      <c r="G22335" s="16">
        <v>0.45085892053711607</v>
      </c>
    </row>
    <row r="22336" spans="1:7" x14ac:dyDescent="0.3">
      <c r="A22336" s="13" t="s">
        <v>149</v>
      </c>
      <c r="B22336" s="14" t="s">
        <v>1</v>
      </c>
      <c r="C22336" s="14" t="s">
        <v>150</v>
      </c>
      <c r="D22336" s="14" t="s">
        <v>151</v>
      </c>
      <c r="E22336" s="15">
        <v>45447</v>
      </c>
      <c r="F22336" s="14" t="s">
        <v>61</v>
      </c>
      <c r="G22336" s="16">
        <v>0.45655013133412065</v>
      </c>
    </row>
    <row r="22337" spans="1:7" x14ac:dyDescent="0.3">
      <c r="A22337" s="13" t="s">
        <v>149</v>
      </c>
      <c r="B22337" s="14" t="s">
        <v>1</v>
      </c>
      <c r="C22337" s="14" t="s">
        <v>150</v>
      </c>
      <c r="D22337" s="14" t="s">
        <v>151</v>
      </c>
      <c r="E22337" s="15">
        <v>45448</v>
      </c>
      <c r="F22337" s="14" t="s">
        <v>61</v>
      </c>
      <c r="G22337" s="16">
        <v>0.49845865815685031</v>
      </c>
    </row>
    <row r="22338" spans="1:7" x14ac:dyDescent="0.3">
      <c r="A22338" s="13" t="s">
        <v>149</v>
      </c>
      <c r="B22338" s="14" t="s">
        <v>1</v>
      </c>
      <c r="C22338" s="14" t="s">
        <v>150</v>
      </c>
      <c r="D22338" s="14" t="s">
        <v>151</v>
      </c>
      <c r="E22338" s="15">
        <v>45449</v>
      </c>
      <c r="F22338" s="14" t="s">
        <v>61</v>
      </c>
      <c r="G22338" s="16">
        <v>0.50410020803029099</v>
      </c>
    </row>
    <row r="22339" spans="1:7" x14ac:dyDescent="0.3">
      <c r="A22339" s="13" t="s">
        <v>149</v>
      </c>
      <c r="B22339" s="14" t="s">
        <v>1</v>
      </c>
      <c r="C22339" s="14" t="s">
        <v>150</v>
      </c>
      <c r="D22339" s="14" t="s">
        <v>151</v>
      </c>
      <c r="E22339" s="15">
        <v>45450</v>
      </c>
      <c r="F22339" s="14" t="s">
        <v>61</v>
      </c>
      <c r="G22339" s="16">
        <v>0.50981207425568065</v>
      </c>
    </row>
    <row r="22340" spans="1:7" x14ac:dyDescent="0.3">
      <c r="A22340" s="13" t="s">
        <v>149</v>
      </c>
      <c r="B22340" s="14" t="s">
        <v>1</v>
      </c>
      <c r="C22340" s="14" t="s">
        <v>150</v>
      </c>
      <c r="D22340" s="14" t="s">
        <v>151</v>
      </c>
      <c r="E22340" s="15">
        <v>45451</v>
      </c>
      <c r="F22340" s="14" t="s">
        <v>61</v>
      </c>
      <c r="G22340" s="16">
        <v>0.50981207425568065</v>
      </c>
    </row>
    <row r="22341" spans="1:7" x14ac:dyDescent="0.3">
      <c r="A22341" s="13" t="s">
        <v>149</v>
      </c>
      <c r="B22341" s="14" t="s">
        <v>1</v>
      </c>
      <c r="C22341" s="14" t="s">
        <v>150</v>
      </c>
      <c r="D22341" s="14" t="s">
        <v>151</v>
      </c>
      <c r="E22341" s="15">
        <v>45452</v>
      </c>
      <c r="F22341" s="14" t="s">
        <v>61</v>
      </c>
      <c r="G22341" s="16">
        <v>0.50981207425568065</v>
      </c>
    </row>
    <row r="22342" spans="1:7" x14ac:dyDescent="0.3">
      <c r="A22342" s="13" t="s">
        <v>149</v>
      </c>
      <c r="B22342" s="14" t="s">
        <v>1</v>
      </c>
      <c r="C22342" s="14" t="s">
        <v>150</v>
      </c>
      <c r="D22342" s="14" t="s">
        <v>151</v>
      </c>
      <c r="E22342" s="15">
        <v>45453</v>
      </c>
      <c r="F22342" s="14" t="s">
        <v>61</v>
      </c>
      <c r="G22342" s="16">
        <v>0.51818798531112076</v>
      </c>
    </row>
    <row r="22343" spans="1:7" x14ac:dyDescent="0.3">
      <c r="A22343" s="13" t="s">
        <v>149</v>
      </c>
      <c r="B22343" s="14" t="s">
        <v>1</v>
      </c>
      <c r="C22343" s="14" t="s">
        <v>150</v>
      </c>
      <c r="D22343" s="14" t="s">
        <v>151</v>
      </c>
      <c r="E22343" s="15">
        <v>45454</v>
      </c>
      <c r="F22343" s="14" t="s">
        <v>61</v>
      </c>
      <c r="G22343" s="16">
        <v>0.53772133810021439</v>
      </c>
    </row>
    <row r="22344" spans="1:7" x14ac:dyDescent="0.3">
      <c r="A22344" s="13" t="s">
        <v>149</v>
      </c>
      <c r="B22344" s="14" t="s">
        <v>1</v>
      </c>
      <c r="C22344" s="14" t="s">
        <v>150</v>
      </c>
      <c r="D22344" s="14" t="s">
        <v>151</v>
      </c>
      <c r="E22344" s="15">
        <v>45455</v>
      </c>
      <c r="F22344" s="14" t="s">
        <v>61</v>
      </c>
      <c r="G22344" s="16">
        <v>0.54342472444791201</v>
      </c>
    </row>
    <row r="22345" spans="1:7" x14ac:dyDescent="0.3">
      <c r="A22345" s="13" t="s">
        <v>149</v>
      </c>
      <c r="B22345" s="14" t="s">
        <v>1</v>
      </c>
      <c r="C22345" s="14" t="s">
        <v>150</v>
      </c>
      <c r="D22345" s="14" t="s">
        <v>151</v>
      </c>
      <c r="E22345" s="15">
        <v>45456</v>
      </c>
      <c r="F22345" s="14" t="s">
        <v>61</v>
      </c>
      <c r="G22345" s="16">
        <v>0.54906763112585055</v>
      </c>
    </row>
    <row r="22346" spans="1:7" x14ac:dyDescent="0.3">
      <c r="A22346" s="13" t="s">
        <v>149</v>
      </c>
      <c r="B22346" s="14" t="s">
        <v>1</v>
      </c>
      <c r="C22346" s="14" t="s">
        <v>150</v>
      </c>
      <c r="D22346" s="14" t="s">
        <v>151</v>
      </c>
      <c r="E22346" s="15">
        <v>45457</v>
      </c>
      <c r="F22346" s="14" t="s">
        <v>61</v>
      </c>
      <c r="G22346" s="16">
        <v>0.56067204782570768</v>
      </c>
    </row>
    <row r="22347" spans="1:7" x14ac:dyDescent="0.3">
      <c r="A22347" s="13" t="s">
        <v>149</v>
      </c>
      <c r="B22347" s="14" t="s">
        <v>1</v>
      </c>
      <c r="C22347" s="14" t="s">
        <v>150</v>
      </c>
      <c r="D22347" s="14" t="s">
        <v>151</v>
      </c>
      <c r="E22347" s="15">
        <v>45458</v>
      </c>
      <c r="F22347" s="14" t="s">
        <v>61</v>
      </c>
      <c r="G22347" s="16">
        <v>0.56067204782570768</v>
      </c>
    </row>
    <row r="22348" spans="1:7" x14ac:dyDescent="0.3">
      <c r="A22348" s="13" t="s">
        <v>149</v>
      </c>
      <c r="B22348" s="14" t="s">
        <v>1</v>
      </c>
      <c r="C22348" s="14" t="s">
        <v>150</v>
      </c>
      <c r="D22348" s="14" t="s">
        <v>151</v>
      </c>
      <c r="E22348" s="15">
        <v>45459</v>
      </c>
      <c r="F22348" s="14" t="s">
        <v>61</v>
      </c>
      <c r="G22348" s="16">
        <v>0.56067204782570768</v>
      </c>
    </row>
    <row r="22349" spans="1:7" x14ac:dyDescent="0.3">
      <c r="A22349" s="13" t="s">
        <v>149</v>
      </c>
      <c r="B22349" s="14" t="s">
        <v>1</v>
      </c>
      <c r="C22349" s="14" t="s">
        <v>150</v>
      </c>
      <c r="D22349" s="14" t="s">
        <v>151</v>
      </c>
      <c r="E22349" s="15">
        <v>45460</v>
      </c>
      <c r="F22349" s="14" t="s">
        <v>61</v>
      </c>
      <c r="G22349" s="16">
        <v>0.5675439377569591</v>
      </c>
    </row>
    <row r="22350" spans="1:7" x14ac:dyDescent="0.3">
      <c r="A22350" s="13" t="s">
        <v>149</v>
      </c>
      <c r="B22350" s="14" t="s">
        <v>1</v>
      </c>
      <c r="C22350" s="14" t="s">
        <v>150</v>
      </c>
      <c r="D22350" s="14" t="s">
        <v>151</v>
      </c>
      <c r="E22350" s="15">
        <v>45461</v>
      </c>
      <c r="F22350" s="14" t="s">
        <v>61</v>
      </c>
      <c r="G22350" s="16">
        <v>0.58495559003116704</v>
      </c>
    </row>
    <row r="22351" spans="1:7" x14ac:dyDescent="0.3">
      <c r="A22351" s="13" t="s">
        <v>149</v>
      </c>
      <c r="B22351" s="14" t="s">
        <v>1</v>
      </c>
      <c r="C22351" s="14" t="s">
        <v>150</v>
      </c>
      <c r="D22351" s="14" t="s">
        <v>151</v>
      </c>
      <c r="E22351" s="15">
        <v>45462</v>
      </c>
      <c r="F22351" s="14" t="s">
        <v>61</v>
      </c>
      <c r="G22351" s="16">
        <v>0.59148010361221504</v>
      </c>
    </row>
    <row r="22352" spans="1:7" x14ac:dyDescent="0.3">
      <c r="A22352" s="13" t="s">
        <v>149</v>
      </c>
      <c r="B22352" s="14" t="s">
        <v>1</v>
      </c>
      <c r="C22352" s="14" t="s">
        <v>150</v>
      </c>
      <c r="D22352" s="14" t="s">
        <v>151</v>
      </c>
      <c r="E22352" s="15">
        <v>45463</v>
      </c>
      <c r="F22352" s="14" t="s">
        <v>61</v>
      </c>
      <c r="G22352" s="16">
        <v>0.59723412714001034</v>
      </c>
    </row>
    <row r="22353" spans="1:7" x14ac:dyDescent="0.3">
      <c r="A22353" s="13" t="s">
        <v>149</v>
      </c>
      <c r="B22353" s="14" t="s">
        <v>1</v>
      </c>
      <c r="C22353" s="14" t="s">
        <v>150</v>
      </c>
      <c r="D22353" s="14" t="s">
        <v>151</v>
      </c>
      <c r="E22353" s="15">
        <v>45464</v>
      </c>
      <c r="F22353" s="14" t="s">
        <v>61</v>
      </c>
      <c r="G22353" s="16">
        <v>0.60458117375978593</v>
      </c>
    </row>
    <row r="22354" spans="1:7" x14ac:dyDescent="0.3">
      <c r="A22354" s="13" t="s">
        <v>149</v>
      </c>
      <c r="B22354" s="14" t="s">
        <v>1</v>
      </c>
      <c r="C22354" s="14" t="s">
        <v>150</v>
      </c>
      <c r="D22354" s="14" t="s">
        <v>151</v>
      </c>
      <c r="E22354" s="15">
        <v>45465</v>
      </c>
      <c r="F22354" s="14" t="s">
        <v>61</v>
      </c>
      <c r="G22354" s="16">
        <v>0.60458117375978593</v>
      </c>
    </row>
    <row r="22355" spans="1:7" x14ac:dyDescent="0.3">
      <c r="A22355" s="13" t="s">
        <v>149</v>
      </c>
      <c r="B22355" s="14" t="s">
        <v>1</v>
      </c>
      <c r="C22355" s="14" t="s">
        <v>150</v>
      </c>
      <c r="D22355" s="14" t="s">
        <v>151</v>
      </c>
      <c r="E22355" s="15">
        <v>45466</v>
      </c>
      <c r="F22355" s="14" t="s">
        <v>61</v>
      </c>
      <c r="G22355" s="16">
        <v>0.60458117375978593</v>
      </c>
    </row>
    <row r="22356" spans="1:7" x14ac:dyDescent="0.3">
      <c r="A22356" s="13" t="s">
        <v>149</v>
      </c>
      <c r="B22356" s="14" t="s">
        <v>1</v>
      </c>
      <c r="C22356" s="14" t="s">
        <v>150</v>
      </c>
      <c r="D22356" s="14" t="s">
        <v>151</v>
      </c>
      <c r="E22356" s="15">
        <v>45467</v>
      </c>
      <c r="F22356" s="14" t="s">
        <v>61</v>
      </c>
      <c r="G22356" s="16">
        <v>0.61099483155063472</v>
      </c>
    </row>
    <row r="22357" spans="1:7" x14ac:dyDescent="0.3">
      <c r="A22357" s="13" t="s">
        <v>149</v>
      </c>
      <c r="B22357" s="14" t="s">
        <v>1</v>
      </c>
      <c r="C22357" s="14" t="s">
        <v>150</v>
      </c>
      <c r="D22357" s="14" t="s">
        <v>151</v>
      </c>
      <c r="E22357" s="15">
        <v>45468</v>
      </c>
      <c r="F22357" s="14" t="s">
        <v>61</v>
      </c>
      <c r="G22357" s="16">
        <v>0.62779466141023355</v>
      </c>
    </row>
    <row r="22358" spans="1:7" x14ac:dyDescent="0.3">
      <c r="A22358" s="13" t="s">
        <v>149</v>
      </c>
      <c r="B22358" s="14" t="s">
        <v>1</v>
      </c>
      <c r="C22358" s="14" t="s">
        <v>150</v>
      </c>
      <c r="D22358" s="14" t="s">
        <v>151</v>
      </c>
      <c r="E22358" s="15">
        <v>45469</v>
      </c>
      <c r="F22358" s="14" t="s">
        <v>61</v>
      </c>
      <c r="G22358" s="16">
        <v>0.63343655980672076</v>
      </c>
    </row>
    <row r="22359" spans="1:7" x14ac:dyDescent="0.3">
      <c r="A22359" s="13" t="s">
        <v>149</v>
      </c>
      <c r="B22359" s="14" t="s">
        <v>1</v>
      </c>
      <c r="C22359" s="14" t="s">
        <v>150</v>
      </c>
      <c r="D22359" s="14" t="s">
        <v>151</v>
      </c>
      <c r="E22359" s="15">
        <v>45470</v>
      </c>
      <c r="F22359" s="14" t="s">
        <v>61</v>
      </c>
      <c r="G22359" s="16">
        <v>0.6390898822731903</v>
      </c>
    </row>
    <row r="22360" spans="1:7" x14ac:dyDescent="0.3">
      <c r="A22360" s="13" t="s">
        <v>149</v>
      </c>
      <c r="B22360" s="14" t="s">
        <v>1</v>
      </c>
      <c r="C22360" s="14" t="s">
        <v>150</v>
      </c>
      <c r="D22360" s="14" t="s">
        <v>151</v>
      </c>
      <c r="E22360" s="15">
        <v>45471</v>
      </c>
      <c r="F22360" s="14" t="s">
        <v>61</v>
      </c>
      <c r="G22360" s="16">
        <v>0.64219606024730347</v>
      </c>
    </row>
    <row r="22361" spans="1:7" x14ac:dyDescent="0.3">
      <c r="A22361" s="13" t="s">
        <v>149</v>
      </c>
      <c r="B22361" s="14" t="s">
        <v>1</v>
      </c>
      <c r="C22361" s="14" t="s">
        <v>150</v>
      </c>
      <c r="D22361" s="14" t="s">
        <v>151</v>
      </c>
      <c r="E22361" s="15">
        <v>45472</v>
      </c>
      <c r="F22361" s="14" t="s">
        <v>61</v>
      </c>
      <c r="G22361" s="16">
        <v>0.64219606024730347</v>
      </c>
    </row>
    <row r="22362" spans="1:7" x14ac:dyDescent="0.3">
      <c r="A22362" s="13" t="s">
        <v>149</v>
      </c>
      <c r="B22362" s="14" t="s">
        <v>1</v>
      </c>
      <c r="C22362" s="14" t="s">
        <v>150</v>
      </c>
      <c r="D22362" s="14" t="s">
        <v>151</v>
      </c>
      <c r="E22362" s="15">
        <v>45473</v>
      </c>
      <c r="F22362" s="14" t="s">
        <v>61</v>
      </c>
      <c r="G22362" s="16">
        <v>0.64219606024730347</v>
      </c>
    </row>
    <row r="22363" spans="1:7" x14ac:dyDescent="0.3">
      <c r="A22363" s="13" t="s">
        <v>149</v>
      </c>
      <c r="B22363" s="14" t="s">
        <v>1</v>
      </c>
      <c r="C22363" s="14" t="s">
        <v>150</v>
      </c>
      <c r="D22363" s="14" t="s">
        <v>151</v>
      </c>
      <c r="E22363" s="15">
        <v>45474</v>
      </c>
      <c r="F22363" s="14" t="s">
        <v>61</v>
      </c>
      <c r="G22363" s="16">
        <v>0.64803216783349027</v>
      </c>
    </row>
    <row r="22364" spans="1:7" x14ac:dyDescent="0.3">
      <c r="A22364" s="13" t="s">
        <v>149</v>
      </c>
      <c r="B22364" s="14" t="s">
        <v>1</v>
      </c>
      <c r="C22364" s="14" t="s">
        <v>150</v>
      </c>
      <c r="D22364" s="14" t="s">
        <v>151</v>
      </c>
      <c r="E22364" s="15">
        <v>45475</v>
      </c>
      <c r="F22364" s="14" t="s">
        <v>61</v>
      </c>
      <c r="G22364" s="16">
        <v>0.66403569770395043</v>
      </c>
    </row>
    <row r="22365" spans="1:7" x14ac:dyDescent="0.3">
      <c r="A22365" s="13" t="s">
        <v>149</v>
      </c>
      <c r="B22365" s="14" t="s">
        <v>1</v>
      </c>
      <c r="C22365" s="14" t="s">
        <v>150</v>
      </c>
      <c r="D22365" s="14" t="s">
        <v>151</v>
      </c>
      <c r="E22365" s="15">
        <v>45476</v>
      </c>
      <c r="F22365" s="14" t="s">
        <v>61</v>
      </c>
      <c r="G22365" s="16">
        <v>0.67564011440380756</v>
      </c>
    </row>
    <row r="22366" spans="1:7" x14ac:dyDescent="0.3">
      <c r="A22366" s="13" t="s">
        <v>149</v>
      </c>
      <c r="B22366" s="14" t="s">
        <v>1</v>
      </c>
      <c r="C22366" s="14" t="s">
        <v>150</v>
      </c>
      <c r="D22366" s="14" t="s">
        <v>151</v>
      </c>
      <c r="E22366" s="15">
        <v>45477</v>
      </c>
      <c r="F22366" s="14" t="s">
        <v>61</v>
      </c>
      <c r="G22366" s="16">
        <v>0.68083097359284428</v>
      </c>
    </row>
    <row r="22367" spans="1:7" x14ac:dyDescent="0.3">
      <c r="A22367" s="13" t="s">
        <v>149</v>
      </c>
      <c r="B22367" s="14" t="s">
        <v>1</v>
      </c>
      <c r="C22367" s="14" t="s">
        <v>150</v>
      </c>
      <c r="D22367" s="14" t="s">
        <v>151</v>
      </c>
      <c r="E22367" s="15">
        <v>45478</v>
      </c>
      <c r="F22367" s="14" t="s">
        <v>61</v>
      </c>
      <c r="G22367" s="16">
        <v>0.68612084138839458</v>
      </c>
    </row>
    <row r="22368" spans="1:7" x14ac:dyDescent="0.3">
      <c r="A22368" s="13" t="s">
        <v>149</v>
      </c>
      <c r="B22368" s="14" t="s">
        <v>1</v>
      </c>
      <c r="C22368" s="14" t="s">
        <v>150</v>
      </c>
      <c r="D22368" s="14" t="s">
        <v>151</v>
      </c>
      <c r="E22368" s="15">
        <v>45479</v>
      </c>
      <c r="F22368" s="14" t="s">
        <v>61</v>
      </c>
      <c r="G22368" s="16">
        <v>0.68612084138839458</v>
      </c>
    </row>
    <row r="22369" spans="1:7" x14ac:dyDescent="0.3">
      <c r="A22369" s="13" t="s">
        <v>149</v>
      </c>
      <c r="B22369" s="14" t="s">
        <v>1</v>
      </c>
      <c r="C22369" s="14" t="s">
        <v>150</v>
      </c>
      <c r="D22369" s="14" t="s">
        <v>151</v>
      </c>
      <c r="E22369" s="15">
        <v>45480</v>
      </c>
      <c r="F22369" s="14" t="s">
        <v>61</v>
      </c>
      <c r="G22369" s="16">
        <v>0.68612084138839458</v>
      </c>
    </row>
    <row r="22370" spans="1:7" x14ac:dyDescent="0.3">
      <c r="A22370" s="13" t="s">
        <v>149</v>
      </c>
      <c r="B22370" s="14" t="s">
        <v>1</v>
      </c>
      <c r="C22370" s="14" t="s">
        <v>150</v>
      </c>
      <c r="D22370" s="14" t="s">
        <v>151</v>
      </c>
      <c r="E22370" s="15">
        <v>45481</v>
      </c>
      <c r="F22370" s="14" t="s">
        <v>61</v>
      </c>
      <c r="G22370" s="16">
        <v>0.69140055445507165</v>
      </c>
    </row>
    <row r="22371" spans="1:7" x14ac:dyDescent="0.3">
      <c r="A22371" s="13" t="s">
        <v>149</v>
      </c>
      <c r="B22371" s="14" t="s">
        <v>1</v>
      </c>
      <c r="C22371" s="14" t="s">
        <v>150</v>
      </c>
      <c r="D22371" s="14" t="s">
        <v>151</v>
      </c>
      <c r="E22371" s="15">
        <v>45482</v>
      </c>
      <c r="F22371" s="14" t="s">
        <v>61</v>
      </c>
      <c r="G22371" s="16">
        <v>0.70712102125819198</v>
      </c>
    </row>
    <row r="22372" spans="1:7" x14ac:dyDescent="0.3">
      <c r="A22372" s="13" t="s">
        <v>149</v>
      </c>
      <c r="B22372" s="14" t="s">
        <v>1</v>
      </c>
      <c r="C22372" s="14" t="s">
        <v>150</v>
      </c>
      <c r="D22372" s="14" t="s">
        <v>151</v>
      </c>
      <c r="E22372" s="15">
        <v>45483</v>
      </c>
      <c r="F22372" s="14" t="s">
        <v>61</v>
      </c>
      <c r="G22372" s="16">
        <v>0.72013059856587547</v>
      </c>
    </row>
    <row r="22373" spans="1:7" x14ac:dyDescent="0.3">
      <c r="A22373" s="13" t="s">
        <v>149</v>
      </c>
      <c r="B22373" s="14" t="s">
        <v>1</v>
      </c>
      <c r="C22373" s="14" t="s">
        <v>150</v>
      </c>
      <c r="D22373" s="14" t="s">
        <v>151</v>
      </c>
      <c r="E22373" s="15">
        <v>45484</v>
      </c>
      <c r="F22373" s="14" t="s">
        <v>61</v>
      </c>
      <c r="G22373" s="16">
        <v>0.7259066240062293</v>
      </c>
    </row>
    <row r="22374" spans="1:7" x14ac:dyDescent="0.3">
      <c r="A22374" s="13" t="s">
        <v>149</v>
      </c>
      <c r="B22374" s="14" t="s">
        <v>1</v>
      </c>
      <c r="C22374" s="14" t="s">
        <v>150</v>
      </c>
      <c r="D22374" s="14" t="s">
        <v>151</v>
      </c>
      <c r="E22374" s="15">
        <v>45485</v>
      </c>
      <c r="F22374" s="14" t="s">
        <v>61</v>
      </c>
      <c r="G22374" s="16">
        <v>0.73110340678710872</v>
      </c>
    </row>
    <row r="22375" spans="1:7" x14ac:dyDescent="0.3">
      <c r="A22375" s="13" t="s">
        <v>149</v>
      </c>
      <c r="B22375" s="14" t="s">
        <v>1</v>
      </c>
      <c r="C22375" s="14" t="s">
        <v>150</v>
      </c>
      <c r="D22375" s="14" t="s">
        <v>151</v>
      </c>
      <c r="E22375" s="15">
        <v>45486</v>
      </c>
      <c r="F22375" s="14" t="s">
        <v>61</v>
      </c>
      <c r="G22375" s="16">
        <v>0.73110340678710872</v>
      </c>
    </row>
    <row r="22376" spans="1:7" x14ac:dyDescent="0.3">
      <c r="A22376" s="13" t="s">
        <v>149</v>
      </c>
      <c r="B22376" s="14" t="s">
        <v>1</v>
      </c>
      <c r="C22376" s="14" t="s">
        <v>150</v>
      </c>
      <c r="D22376" s="14" t="s">
        <v>151</v>
      </c>
      <c r="E22376" s="15">
        <v>45487</v>
      </c>
      <c r="F22376" s="14" t="s">
        <v>61</v>
      </c>
      <c r="G22376" s="16">
        <v>0.73110340678710872</v>
      </c>
    </row>
    <row r="22377" spans="1:7" x14ac:dyDescent="0.3">
      <c r="A22377" s="13" t="s">
        <v>149</v>
      </c>
      <c r="B22377" s="14" t="s">
        <v>1</v>
      </c>
      <c r="C22377" s="14" t="s">
        <v>150</v>
      </c>
      <c r="D22377" s="14" t="s">
        <v>151</v>
      </c>
      <c r="E22377" s="15">
        <v>45488</v>
      </c>
      <c r="F22377" s="14" t="s">
        <v>61</v>
      </c>
      <c r="G22377" s="16">
        <v>0.7362485696962161</v>
      </c>
    </row>
    <row r="22378" spans="1:7" x14ac:dyDescent="0.3">
      <c r="A22378" s="13" t="s">
        <v>149</v>
      </c>
      <c r="B22378" s="14" t="s">
        <v>1</v>
      </c>
      <c r="C22378" s="14" t="s">
        <v>150</v>
      </c>
      <c r="D22378" s="14" t="s">
        <v>151</v>
      </c>
      <c r="E22378" s="15">
        <v>45489</v>
      </c>
      <c r="F22378" s="14" t="s">
        <v>61</v>
      </c>
      <c r="G22378" s="16">
        <v>0.75156792470884559</v>
      </c>
    </row>
    <row r="22379" spans="1:7" x14ac:dyDescent="0.3">
      <c r="A22379" s="13" t="s">
        <v>149</v>
      </c>
      <c r="B22379" s="14" t="s">
        <v>1</v>
      </c>
      <c r="C22379" s="14" t="s">
        <v>150</v>
      </c>
      <c r="D22379" s="14" t="s">
        <v>151</v>
      </c>
      <c r="E22379" s="15">
        <v>45490</v>
      </c>
      <c r="F22379" s="14" t="s">
        <v>61</v>
      </c>
      <c r="G22379" s="16">
        <v>0.75673635887162083</v>
      </c>
    </row>
    <row r="22380" spans="1:7" x14ac:dyDescent="0.3">
      <c r="A22380" s="13" t="s">
        <v>149</v>
      </c>
      <c r="B22380" s="14" t="s">
        <v>1</v>
      </c>
      <c r="C22380" s="14" t="s">
        <v>150</v>
      </c>
      <c r="D22380" s="14" t="s">
        <v>151</v>
      </c>
      <c r="E22380" s="15">
        <v>45491</v>
      </c>
      <c r="F22380" s="14" t="s">
        <v>61</v>
      </c>
      <c r="G22380" s="16">
        <v>0.76183032502265924</v>
      </c>
    </row>
    <row r="22381" spans="1:7" x14ac:dyDescent="0.3">
      <c r="A22381" s="13" t="s">
        <v>149</v>
      </c>
      <c r="B22381" s="14" t="s">
        <v>1</v>
      </c>
      <c r="C22381" s="14" t="s">
        <v>150</v>
      </c>
      <c r="D22381" s="14" t="s">
        <v>151</v>
      </c>
      <c r="E22381" s="15">
        <v>45492</v>
      </c>
      <c r="F22381" s="14" t="s">
        <v>61</v>
      </c>
      <c r="G22381" s="16">
        <v>0.84585149822679995</v>
      </c>
    </row>
    <row r="22382" spans="1:7" x14ac:dyDescent="0.3">
      <c r="A22382" s="13" t="s">
        <v>149</v>
      </c>
      <c r="B22382" s="14" t="s">
        <v>1</v>
      </c>
      <c r="C22382" s="14" t="s">
        <v>150</v>
      </c>
      <c r="D22382" s="14" t="s">
        <v>151</v>
      </c>
      <c r="E22382" s="15">
        <v>45493</v>
      </c>
      <c r="F22382" s="14" t="s">
        <v>61</v>
      </c>
      <c r="G22382" s="16">
        <v>0.84585149822679995</v>
      </c>
    </row>
    <row r="22383" spans="1:7" x14ac:dyDescent="0.3">
      <c r="A22383" s="13" t="s">
        <v>149</v>
      </c>
      <c r="B22383" s="14" t="s">
        <v>1</v>
      </c>
      <c r="C22383" s="14" t="s">
        <v>150</v>
      </c>
      <c r="D22383" s="14" t="s">
        <v>151</v>
      </c>
      <c r="E22383" s="15">
        <v>45494</v>
      </c>
      <c r="F22383" s="14" t="s">
        <v>61</v>
      </c>
      <c r="G22383" s="16">
        <v>0.84585149822679995</v>
      </c>
    </row>
    <row r="22384" spans="1:7" x14ac:dyDescent="0.3">
      <c r="A22384" s="13" t="s">
        <v>149</v>
      </c>
      <c r="B22384" s="14" t="s">
        <v>1</v>
      </c>
      <c r="C22384" s="14" t="s">
        <v>150</v>
      </c>
      <c r="D22384" s="14" t="s">
        <v>151</v>
      </c>
      <c r="E22384" s="15">
        <v>45495</v>
      </c>
      <c r="F22384" s="14" t="s">
        <v>61</v>
      </c>
      <c r="G22384" s="16">
        <v>0.85003915482590697</v>
      </c>
    </row>
    <row r="22385" spans="1:7" x14ac:dyDescent="0.3">
      <c r="A22385" s="13" t="s">
        <v>149</v>
      </c>
      <c r="B22385" s="14" t="s">
        <v>1</v>
      </c>
      <c r="C22385" s="14" t="s">
        <v>150</v>
      </c>
      <c r="D22385" s="14" t="s">
        <v>151</v>
      </c>
      <c r="E22385" s="15">
        <v>45496</v>
      </c>
      <c r="F22385" s="14" t="s">
        <v>61</v>
      </c>
      <c r="G22385" s="16">
        <v>0.86547528922057804</v>
      </c>
    </row>
    <row r="22386" spans="1:7" x14ac:dyDescent="0.3">
      <c r="A22386" s="13" t="s">
        <v>149</v>
      </c>
      <c r="B22386" s="14" t="s">
        <v>1</v>
      </c>
      <c r="C22386" s="14" t="s">
        <v>150</v>
      </c>
      <c r="D22386" s="14" t="s">
        <v>151</v>
      </c>
      <c r="E22386" s="15">
        <v>45497</v>
      </c>
      <c r="F22386" s="14" t="s">
        <v>61</v>
      </c>
      <c r="G22386" s="16">
        <v>0.87065430122592946</v>
      </c>
    </row>
    <row r="22387" spans="1:7" x14ac:dyDescent="0.3">
      <c r="A22387" s="13" t="s">
        <v>149</v>
      </c>
      <c r="B22387" s="14" t="s">
        <v>1</v>
      </c>
      <c r="C22387" s="14" t="s">
        <v>150</v>
      </c>
      <c r="D22387" s="14" t="s">
        <v>151</v>
      </c>
      <c r="E22387" s="15">
        <v>45498</v>
      </c>
      <c r="F22387" s="14" t="s">
        <v>61</v>
      </c>
      <c r="G22387" s="16">
        <v>0.87582146604759548</v>
      </c>
    </row>
    <row r="22388" spans="1:7" x14ac:dyDescent="0.3">
      <c r="A22388" s="13" t="s">
        <v>149</v>
      </c>
      <c r="B22388" s="14" t="s">
        <v>1</v>
      </c>
      <c r="C22388" s="14" t="s">
        <v>150</v>
      </c>
      <c r="D22388" s="14" t="s">
        <v>151</v>
      </c>
      <c r="E22388" s="15">
        <v>45499</v>
      </c>
      <c r="F22388" s="14" t="s">
        <v>61</v>
      </c>
      <c r="G22388" s="16">
        <v>0.88095139686339319</v>
      </c>
    </row>
    <row r="22389" spans="1:7" x14ac:dyDescent="0.3">
      <c r="A22389" s="13" t="s">
        <v>149</v>
      </c>
      <c r="B22389" s="14" t="s">
        <v>1</v>
      </c>
      <c r="C22389" s="14" t="s">
        <v>150</v>
      </c>
      <c r="D22389" s="14" t="s">
        <v>151</v>
      </c>
      <c r="E22389" s="15">
        <v>45500</v>
      </c>
      <c r="F22389" s="14" t="s">
        <v>61</v>
      </c>
      <c r="G22389" s="16">
        <v>0.88095139686339319</v>
      </c>
    </row>
    <row r="22390" spans="1:7" x14ac:dyDescent="0.3">
      <c r="A22390" s="13" t="s">
        <v>149</v>
      </c>
      <c r="B22390" s="14" t="s">
        <v>1</v>
      </c>
      <c r="C22390" s="14" t="s">
        <v>150</v>
      </c>
      <c r="D22390" s="14" t="s">
        <v>151</v>
      </c>
      <c r="E22390" s="15">
        <v>45501</v>
      </c>
      <c r="F22390" s="14" t="s">
        <v>61</v>
      </c>
      <c r="G22390" s="16">
        <v>0.88095139686339319</v>
      </c>
    </row>
    <row r="22391" spans="1:7" x14ac:dyDescent="0.3">
      <c r="A22391" s="13" t="s">
        <v>149</v>
      </c>
      <c r="B22391" s="14" t="s">
        <v>1</v>
      </c>
      <c r="C22391" s="14" t="s">
        <v>150</v>
      </c>
      <c r="D22391" s="14" t="s">
        <v>151</v>
      </c>
      <c r="E22391" s="15">
        <v>45502</v>
      </c>
      <c r="F22391" s="14" t="s">
        <v>61</v>
      </c>
      <c r="G22391" s="16">
        <v>0.88611009941099828</v>
      </c>
    </row>
    <row r="22392" spans="1:7" x14ac:dyDescent="0.3">
      <c r="A22392" s="13" t="s">
        <v>149</v>
      </c>
      <c r="B22392" s="14" t="s">
        <v>1</v>
      </c>
      <c r="C22392" s="14" t="s">
        <v>150</v>
      </c>
      <c r="D22392" s="14" t="s">
        <v>151</v>
      </c>
      <c r="E22392" s="15">
        <v>45503</v>
      </c>
      <c r="F22392" s="14" t="s">
        <v>61</v>
      </c>
      <c r="G22392" s="16">
        <v>0.90156188901268208</v>
      </c>
    </row>
    <row r="22393" spans="1:7" x14ac:dyDescent="0.3">
      <c r="A22393" s="13" t="s">
        <v>149</v>
      </c>
      <c r="B22393" s="14" t="s">
        <v>1</v>
      </c>
      <c r="C22393" s="14" t="s">
        <v>150</v>
      </c>
      <c r="D22393" s="14" t="s">
        <v>151</v>
      </c>
      <c r="E22393" s="15">
        <v>45504</v>
      </c>
      <c r="F22393" s="14" t="s">
        <v>61</v>
      </c>
      <c r="G22393" s="16">
        <v>0.91166382895301135</v>
      </c>
    </row>
    <row r="22394" spans="1:7" x14ac:dyDescent="0.3">
      <c r="A22394" s="13" t="s">
        <v>149</v>
      </c>
      <c r="B22394" s="14" t="s">
        <v>1</v>
      </c>
      <c r="C22394" s="14" t="s">
        <v>150</v>
      </c>
      <c r="D22394" s="14" t="s">
        <v>151</v>
      </c>
      <c r="E22394" s="15">
        <v>45505</v>
      </c>
      <c r="F22394" s="14" t="s">
        <v>61</v>
      </c>
      <c r="G22394" s="16">
        <v>0.91166382895301135</v>
      </c>
    </row>
    <row r="22395" spans="1:7" x14ac:dyDescent="0.3">
      <c r="A22395" s="13" t="s">
        <v>149</v>
      </c>
      <c r="B22395" s="14" t="s">
        <v>1</v>
      </c>
      <c r="C22395" s="14" t="s">
        <v>150</v>
      </c>
      <c r="D22395" s="14" t="s">
        <v>151</v>
      </c>
      <c r="E22395" s="15">
        <v>45506</v>
      </c>
      <c r="F22395" s="14" t="s">
        <v>61</v>
      </c>
      <c r="G22395" s="16">
        <v>0.91681872347728899</v>
      </c>
    </row>
    <row r="22396" spans="1:7" x14ac:dyDescent="0.3">
      <c r="A22396" s="13" t="s">
        <v>149</v>
      </c>
      <c r="B22396" s="14" t="s">
        <v>1</v>
      </c>
      <c r="C22396" s="14" t="s">
        <v>150</v>
      </c>
      <c r="D22396" s="14" t="s">
        <v>151</v>
      </c>
      <c r="E22396" s="15">
        <v>45507</v>
      </c>
      <c r="F22396" s="14" t="s">
        <v>61</v>
      </c>
      <c r="G22396" s="16">
        <v>0.91681872347728899</v>
      </c>
    </row>
    <row r="22397" spans="1:7" x14ac:dyDescent="0.3">
      <c r="A22397" s="13" t="s">
        <v>149</v>
      </c>
      <c r="B22397" s="14" t="s">
        <v>1</v>
      </c>
      <c r="C22397" s="14" t="s">
        <v>150</v>
      </c>
      <c r="D22397" s="14" t="s">
        <v>151</v>
      </c>
      <c r="E22397" s="15">
        <v>45508</v>
      </c>
      <c r="F22397" s="14" t="s">
        <v>61</v>
      </c>
      <c r="G22397" s="16">
        <v>0.91681872347728899</v>
      </c>
    </row>
    <row r="22398" spans="1:7" x14ac:dyDescent="0.3">
      <c r="A22398" s="13" t="s">
        <v>149</v>
      </c>
      <c r="B22398" s="14" t="s">
        <v>1</v>
      </c>
      <c r="C22398" s="14" t="s">
        <v>150</v>
      </c>
      <c r="D22398" s="14" t="s">
        <v>151</v>
      </c>
      <c r="E22398" s="15">
        <v>45509</v>
      </c>
      <c r="F22398" s="14" t="s">
        <v>61</v>
      </c>
      <c r="G22398" s="16">
        <v>0.91681872347728899</v>
      </c>
    </row>
    <row r="22399" spans="1:7" x14ac:dyDescent="0.3">
      <c r="A22399" s="13" t="s">
        <v>149</v>
      </c>
      <c r="B22399" s="14" t="s">
        <v>1</v>
      </c>
      <c r="C22399" s="14" t="s">
        <v>150</v>
      </c>
      <c r="D22399" s="14" t="s">
        <v>151</v>
      </c>
      <c r="E22399" s="15">
        <v>45510</v>
      </c>
      <c r="F22399" s="14" t="s">
        <v>61</v>
      </c>
      <c r="G22399" s="16">
        <v>0.93396466034598202</v>
      </c>
    </row>
    <row r="22400" spans="1:7" x14ac:dyDescent="0.3">
      <c r="A22400" s="13" t="s">
        <v>149</v>
      </c>
      <c r="B22400" s="14" t="s">
        <v>1</v>
      </c>
      <c r="C22400" s="14" t="s">
        <v>150</v>
      </c>
      <c r="D22400" s="14" t="s">
        <v>151</v>
      </c>
      <c r="E22400" s="15">
        <v>45511</v>
      </c>
      <c r="F22400" s="14" t="s">
        <v>61</v>
      </c>
      <c r="G22400" s="16">
        <v>0.98804292301273411</v>
      </c>
    </row>
    <row r="22401" spans="1:7" x14ac:dyDescent="0.3">
      <c r="A22401" s="13" t="s">
        <v>149</v>
      </c>
      <c r="B22401" s="14" t="s">
        <v>1</v>
      </c>
      <c r="C22401" s="14" t="s">
        <v>150</v>
      </c>
      <c r="D22401" s="14" t="s">
        <v>151</v>
      </c>
      <c r="E22401" s="15">
        <v>45512</v>
      </c>
      <c r="F22401" s="14" t="s">
        <v>61</v>
      </c>
      <c r="G22401" s="16">
        <v>0.99313265802674211</v>
      </c>
    </row>
    <row r="22402" spans="1:7" x14ac:dyDescent="0.3">
      <c r="A22402" s="13" t="s">
        <v>149</v>
      </c>
      <c r="B22402" s="14" t="s">
        <v>1</v>
      </c>
      <c r="C22402" s="14" t="s">
        <v>150</v>
      </c>
      <c r="D22402" s="14" t="s">
        <v>151</v>
      </c>
      <c r="E22402" s="15">
        <v>45513</v>
      </c>
      <c r="F22402" s="14" t="s">
        <v>61</v>
      </c>
      <c r="G22402" s="16">
        <v>0.99822366238185922</v>
      </c>
    </row>
    <row r="22403" spans="1:7" x14ac:dyDescent="0.3">
      <c r="A22403" s="13" t="s">
        <v>149</v>
      </c>
      <c r="B22403" s="14" t="s">
        <v>1</v>
      </c>
      <c r="C22403" s="14" t="s">
        <v>150</v>
      </c>
      <c r="D22403" s="14" t="s">
        <v>151</v>
      </c>
      <c r="E22403" s="15">
        <v>45514</v>
      </c>
      <c r="F22403" s="14" t="s">
        <v>61</v>
      </c>
      <c r="G22403" s="16">
        <v>0.99822366238185922</v>
      </c>
    </row>
    <row r="22404" spans="1:7" x14ac:dyDescent="0.3">
      <c r="A22404" s="13" t="s">
        <v>149</v>
      </c>
      <c r="B22404" s="14" t="s">
        <v>1</v>
      </c>
      <c r="C22404" s="14" t="s">
        <v>150</v>
      </c>
      <c r="D22404" s="14" t="s">
        <v>151</v>
      </c>
      <c r="E22404" s="15">
        <v>45515</v>
      </c>
      <c r="F22404" s="14" t="s">
        <v>61</v>
      </c>
      <c r="G22404" s="16">
        <v>0.99822366238185922</v>
      </c>
    </row>
    <row r="22405" spans="1:7" x14ac:dyDescent="0.3">
      <c r="A22405" s="13" t="s">
        <v>149</v>
      </c>
      <c r="B22405" s="14" t="s">
        <v>1</v>
      </c>
      <c r="C22405" s="14" t="s">
        <v>150</v>
      </c>
      <c r="D22405" s="14" t="s">
        <v>151</v>
      </c>
      <c r="E22405" s="15">
        <v>45516</v>
      </c>
      <c r="F22405" s="14" t="s">
        <v>61</v>
      </c>
      <c r="G22405" s="16">
        <v>1.0042425550877634</v>
      </c>
    </row>
    <row r="22406" spans="1:7" x14ac:dyDescent="0.3">
      <c r="A22406" s="13" t="s">
        <v>149</v>
      </c>
      <c r="B22406" s="14" t="s">
        <v>1</v>
      </c>
      <c r="C22406" s="14" t="s">
        <v>150</v>
      </c>
      <c r="D22406" s="14" t="s">
        <v>151</v>
      </c>
      <c r="E22406" s="15">
        <v>45517</v>
      </c>
      <c r="F22406" s="14" t="s">
        <v>61</v>
      </c>
      <c r="G22406" s="16">
        <v>1.0195813733307331</v>
      </c>
    </row>
    <row r="22407" spans="1:7" x14ac:dyDescent="0.3">
      <c r="A22407" s="13" t="s">
        <v>149</v>
      </c>
      <c r="B22407" s="14" t="s">
        <v>1</v>
      </c>
      <c r="C22407" s="14" t="s">
        <v>150</v>
      </c>
      <c r="D22407" s="14" t="s">
        <v>151</v>
      </c>
      <c r="E22407" s="15">
        <v>45518</v>
      </c>
      <c r="F22407" s="14" t="s">
        <v>61</v>
      </c>
      <c r="G22407" s="16">
        <v>1.0245572907586207</v>
      </c>
    </row>
    <row r="22408" spans="1:7" x14ac:dyDescent="0.3">
      <c r="A22408" s="13" t="s">
        <v>149</v>
      </c>
      <c r="B22408" s="14" t="s">
        <v>1</v>
      </c>
      <c r="C22408" s="14" t="s">
        <v>150</v>
      </c>
      <c r="D22408" s="14" t="s">
        <v>151</v>
      </c>
      <c r="E22408" s="15">
        <v>45519</v>
      </c>
      <c r="F22408" s="14" t="s">
        <v>61</v>
      </c>
      <c r="G22408" s="16">
        <v>1.0300621003153199</v>
      </c>
    </row>
    <row r="22409" spans="1:7" x14ac:dyDescent="0.3">
      <c r="A22409" s="13" t="s">
        <v>149</v>
      </c>
      <c r="B22409" s="14" t="s">
        <v>1</v>
      </c>
      <c r="C22409" s="14" t="s">
        <v>150</v>
      </c>
      <c r="D22409" s="14" t="s">
        <v>151</v>
      </c>
      <c r="E22409" s="15">
        <v>45520</v>
      </c>
      <c r="F22409" s="14" t="s">
        <v>61</v>
      </c>
      <c r="G22409" s="16">
        <v>1.0355313683209633</v>
      </c>
    </row>
    <row r="22410" spans="1:7" x14ac:dyDescent="0.3">
      <c r="A22410" s="13" t="s">
        <v>149</v>
      </c>
      <c r="B22410" s="14" t="s">
        <v>1</v>
      </c>
      <c r="C22410" s="14" t="s">
        <v>150</v>
      </c>
      <c r="D22410" s="14" t="s">
        <v>151</v>
      </c>
      <c r="E22410" s="15">
        <v>45521</v>
      </c>
      <c r="F22410" s="14" t="s">
        <v>61</v>
      </c>
      <c r="G22410" s="16">
        <v>1.0355313683209633</v>
      </c>
    </row>
    <row r="22411" spans="1:7" x14ac:dyDescent="0.3">
      <c r="A22411" s="13" t="s">
        <v>149</v>
      </c>
      <c r="B22411" s="14" t="s">
        <v>1</v>
      </c>
      <c r="C22411" s="14" t="s">
        <v>150</v>
      </c>
      <c r="D22411" s="14" t="s">
        <v>151</v>
      </c>
      <c r="E22411" s="15">
        <v>45522</v>
      </c>
      <c r="F22411" s="14" t="s">
        <v>61</v>
      </c>
      <c r="G22411" s="16">
        <v>1.0355313683209633</v>
      </c>
    </row>
    <row r="22412" spans="1:7" x14ac:dyDescent="0.3">
      <c r="A22412" s="13" t="s">
        <v>149</v>
      </c>
      <c r="B22412" s="14" t="s">
        <v>1</v>
      </c>
      <c r="C22412" s="14" t="s">
        <v>150</v>
      </c>
      <c r="D22412" s="14" t="s">
        <v>151</v>
      </c>
      <c r="E22412" s="15">
        <v>45523</v>
      </c>
      <c r="F22412" s="14" t="s">
        <v>61</v>
      </c>
      <c r="G22412" s="16">
        <v>1.0404514347400484</v>
      </c>
    </row>
    <row r="22413" spans="1:7" x14ac:dyDescent="0.3">
      <c r="A22413" s="13" t="s">
        <v>149</v>
      </c>
      <c r="B22413" s="14" t="s">
        <v>1</v>
      </c>
      <c r="C22413" s="14" t="s">
        <v>150</v>
      </c>
      <c r="D22413" s="14" t="s">
        <v>151</v>
      </c>
      <c r="E22413" s="15">
        <v>45524</v>
      </c>
      <c r="F22413" s="14" t="s">
        <v>61</v>
      </c>
      <c r="G22413" s="16">
        <v>1.0549816826964911</v>
      </c>
    </row>
    <row r="22414" spans="1:7" x14ac:dyDescent="0.3">
      <c r="A22414" s="13" t="s">
        <v>149</v>
      </c>
      <c r="B22414" s="14" t="s">
        <v>1</v>
      </c>
      <c r="C22414" s="14" t="s">
        <v>150</v>
      </c>
      <c r="D22414" s="14" t="s">
        <v>151</v>
      </c>
      <c r="E22414" s="15">
        <v>45525</v>
      </c>
      <c r="F22414" s="14" t="s">
        <v>61</v>
      </c>
      <c r="G22414" s="16">
        <v>1.0586916439248555</v>
      </c>
    </row>
    <row r="22415" spans="1:7" x14ac:dyDescent="0.3">
      <c r="A22415" s="13" t="s">
        <v>149</v>
      </c>
      <c r="B22415" s="14" t="s">
        <v>1</v>
      </c>
      <c r="C22415" s="14" t="s">
        <v>150</v>
      </c>
      <c r="D22415" s="14" t="s">
        <v>151</v>
      </c>
      <c r="E22415" s="15">
        <v>45526</v>
      </c>
      <c r="F22415" s="14" t="s">
        <v>61</v>
      </c>
      <c r="G22415" s="16">
        <v>1.0682342275497536</v>
      </c>
    </row>
    <row r="22416" spans="1:7" x14ac:dyDescent="0.3">
      <c r="A22416" s="13" t="s">
        <v>149</v>
      </c>
      <c r="B22416" s="14" t="s">
        <v>1</v>
      </c>
      <c r="C22416" s="14" t="s">
        <v>150</v>
      </c>
      <c r="D22416" s="14" t="s">
        <v>151</v>
      </c>
      <c r="E22416" s="15">
        <v>45527</v>
      </c>
      <c r="F22416" s="14" t="s">
        <v>61</v>
      </c>
      <c r="G22416" s="16">
        <v>1.0729952032164922</v>
      </c>
    </row>
    <row r="22417" spans="1:7" x14ac:dyDescent="0.3">
      <c r="A22417" s="13" t="s">
        <v>149</v>
      </c>
      <c r="B22417" s="14" t="s">
        <v>1</v>
      </c>
      <c r="C22417" s="14" t="s">
        <v>150</v>
      </c>
      <c r="D22417" s="14" t="s">
        <v>151</v>
      </c>
      <c r="E22417" s="15">
        <v>45528</v>
      </c>
      <c r="F22417" s="14" t="s">
        <v>61</v>
      </c>
      <c r="G22417" s="16">
        <v>1.0729952032164922</v>
      </c>
    </row>
    <row r="22418" spans="1:7" x14ac:dyDescent="0.3">
      <c r="A22418" s="13" t="s">
        <v>149</v>
      </c>
      <c r="B22418" s="14" t="s">
        <v>1</v>
      </c>
      <c r="C22418" s="14" t="s">
        <v>150</v>
      </c>
      <c r="D22418" s="14" t="s">
        <v>151</v>
      </c>
      <c r="E22418" s="15">
        <v>45529</v>
      </c>
      <c r="F22418" s="14" t="s">
        <v>61</v>
      </c>
      <c r="G22418" s="16">
        <v>1.0729952032164922</v>
      </c>
    </row>
    <row r="22419" spans="1:7" x14ac:dyDescent="0.3">
      <c r="A22419" s="13" t="s">
        <v>149</v>
      </c>
      <c r="B22419" s="14" t="s">
        <v>1</v>
      </c>
      <c r="C22419" s="14" t="s">
        <v>150</v>
      </c>
      <c r="D22419" s="14" t="s">
        <v>151</v>
      </c>
      <c r="E22419" s="15">
        <v>45530</v>
      </c>
      <c r="F22419" s="14" t="s">
        <v>61</v>
      </c>
      <c r="G22419" s="16">
        <v>1.0777764883409773</v>
      </c>
    </row>
    <row r="22420" spans="1:7" x14ac:dyDescent="0.3">
      <c r="A22420" s="13" t="s">
        <v>149</v>
      </c>
      <c r="B22420" s="14" t="s">
        <v>1</v>
      </c>
      <c r="C22420" s="14" t="s">
        <v>150</v>
      </c>
      <c r="D22420" s="14" t="s">
        <v>151</v>
      </c>
      <c r="E22420" s="15">
        <v>45531</v>
      </c>
      <c r="F22420" s="14" t="s">
        <v>61</v>
      </c>
      <c r="G22420" s="16">
        <v>1.0920422902330142</v>
      </c>
    </row>
    <row r="22421" spans="1:7" x14ac:dyDescent="0.3">
      <c r="A22421" s="13" t="s">
        <v>149</v>
      </c>
      <c r="B22421" s="14" t="s">
        <v>1</v>
      </c>
      <c r="C22421" s="14" t="s">
        <v>150</v>
      </c>
      <c r="D22421" s="14" t="s">
        <v>151</v>
      </c>
      <c r="E22421" s="15">
        <v>45532</v>
      </c>
      <c r="F22421" s="14" t="s">
        <v>61</v>
      </c>
      <c r="G22421" s="16">
        <v>1.102363826185226</v>
      </c>
    </row>
    <row r="22422" spans="1:7" x14ac:dyDescent="0.3">
      <c r="A22422" s="13" t="s">
        <v>149</v>
      </c>
      <c r="B22422" s="14" t="s">
        <v>1</v>
      </c>
      <c r="C22422" s="14" t="s">
        <v>150</v>
      </c>
      <c r="D22422" s="14" t="s">
        <v>151</v>
      </c>
      <c r="E22422" s="15">
        <v>45533</v>
      </c>
      <c r="F22422" s="14" t="s">
        <v>61</v>
      </c>
      <c r="G22422" s="16">
        <v>1.1071717674730033</v>
      </c>
    </row>
    <row r="22423" spans="1:7" x14ac:dyDescent="0.3">
      <c r="A22423" s="13" t="s">
        <v>149</v>
      </c>
      <c r="B22423" s="14" t="s">
        <v>1</v>
      </c>
      <c r="C22423" s="14" t="s">
        <v>150</v>
      </c>
      <c r="D22423" s="14" t="s">
        <v>151</v>
      </c>
      <c r="E22423" s="15">
        <v>45534</v>
      </c>
      <c r="F22423" s="14" t="s">
        <v>61</v>
      </c>
      <c r="G22423" s="16">
        <v>1.1120499456354866</v>
      </c>
    </row>
    <row r="22424" spans="1:7" x14ac:dyDescent="0.3">
      <c r="A22424" s="13" t="s">
        <v>149</v>
      </c>
      <c r="B22424" s="14" t="s">
        <v>1</v>
      </c>
      <c r="C22424" s="14" t="s">
        <v>150</v>
      </c>
      <c r="D22424" s="14" t="s">
        <v>151</v>
      </c>
      <c r="E22424" s="15">
        <v>45535</v>
      </c>
      <c r="F22424" s="14" t="s">
        <v>61</v>
      </c>
      <c r="G22424" s="16">
        <v>1.1120499456354866</v>
      </c>
    </row>
    <row r="22425" spans="1:7" x14ac:dyDescent="0.3">
      <c r="A22425" s="13" t="s">
        <v>149</v>
      </c>
      <c r="B22425" s="14" t="s">
        <v>1</v>
      </c>
      <c r="C22425" s="14" t="s">
        <v>150</v>
      </c>
      <c r="D22425" s="14" t="s">
        <v>151</v>
      </c>
      <c r="E22425" s="15">
        <v>45536</v>
      </c>
      <c r="F22425" s="14" t="s">
        <v>61</v>
      </c>
      <c r="G22425" s="16">
        <v>1.1120499456354866</v>
      </c>
    </row>
    <row r="22426" spans="1:7" x14ac:dyDescent="0.3">
      <c r="A22426" s="13" t="s">
        <v>149</v>
      </c>
      <c r="B22426" s="14" t="s">
        <v>1</v>
      </c>
      <c r="C22426" s="14" t="s">
        <v>150</v>
      </c>
      <c r="D22426" s="14" t="s">
        <v>151</v>
      </c>
      <c r="E22426" s="15">
        <v>45537</v>
      </c>
      <c r="F22426" s="14" t="s">
        <v>61</v>
      </c>
      <c r="G22426" s="16">
        <v>1.1169183921827999</v>
      </c>
    </row>
    <row r="22427" spans="1:7" x14ac:dyDescent="0.3">
      <c r="A22427" s="13" t="s">
        <v>149</v>
      </c>
      <c r="B22427" s="14" t="s">
        <v>1</v>
      </c>
      <c r="C22427" s="14" t="s">
        <v>150</v>
      </c>
      <c r="D22427" s="14" t="s">
        <v>151</v>
      </c>
      <c r="E22427" s="15">
        <v>45538</v>
      </c>
      <c r="F22427" s="14" t="s">
        <v>61</v>
      </c>
      <c r="G22427" s="16">
        <v>1.1388243582107969</v>
      </c>
    </row>
    <row r="22428" spans="1:7" x14ac:dyDescent="0.3">
      <c r="A22428" s="13" t="s">
        <v>149</v>
      </c>
      <c r="B22428" s="14" t="s">
        <v>1</v>
      </c>
      <c r="C22428" s="14" t="s">
        <v>150</v>
      </c>
      <c r="D22428" s="14" t="s">
        <v>151</v>
      </c>
      <c r="E22428" s="15">
        <v>45539</v>
      </c>
      <c r="F22428" s="14" t="s">
        <v>61</v>
      </c>
      <c r="G22428" s="16">
        <v>1.1433788543904475</v>
      </c>
    </row>
    <row r="22429" spans="1:7" x14ac:dyDescent="0.3">
      <c r="A22429" s="13" t="s">
        <v>149</v>
      </c>
      <c r="B22429" s="14" t="s">
        <v>1</v>
      </c>
      <c r="C22429" s="14" t="s">
        <v>150</v>
      </c>
      <c r="D22429" s="14" t="s">
        <v>151</v>
      </c>
      <c r="E22429" s="15">
        <v>45540</v>
      </c>
      <c r="F22429" s="14" t="s">
        <v>61</v>
      </c>
      <c r="G22429" s="16">
        <v>1.1565919493892978</v>
      </c>
    </row>
    <row r="22430" spans="1:7" x14ac:dyDescent="0.3">
      <c r="A22430" s="13" t="s">
        <v>149</v>
      </c>
      <c r="B22430" s="14" t="s">
        <v>1</v>
      </c>
      <c r="C22430" s="14" t="s">
        <v>150</v>
      </c>
      <c r="D22430" s="14" t="s">
        <v>151</v>
      </c>
      <c r="E22430" s="15">
        <v>45541</v>
      </c>
      <c r="F22430" s="14" t="s">
        <v>61</v>
      </c>
      <c r="G22430" s="16">
        <v>1.1614367015692402</v>
      </c>
    </row>
    <row r="22431" spans="1:7" x14ac:dyDescent="0.3">
      <c r="A22431" s="13" t="s">
        <v>149</v>
      </c>
      <c r="B22431" s="14" t="s">
        <v>1</v>
      </c>
      <c r="C22431" s="14" t="s">
        <v>150</v>
      </c>
      <c r="D22431" s="14" t="s">
        <v>151</v>
      </c>
      <c r="E22431" s="15">
        <v>45542</v>
      </c>
      <c r="F22431" s="14" t="s">
        <v>61</v>
      </c>
      <c r="G22431" s="16">
        <v>1.1614367015692402</v>
      </c>
    </row>
    <row r="22432" spans="1:7" x14ac:dyDescent="0.3">
      <c r="A22432" s="13" t="s">
        <v>149</v>
      </c>
      <c r="B22432" s="14" t="s">
        <v>1</v>
      </c>
      <c r="C22432" s="14" t="s">
        <v>150</v>
      </c>
      <c r="D22432" s="14" t="s">
        <v>151</v>
      </c>
      <c r="E22432" s="15">
        <v>45543</v>
      </c>
      <c r="F22432" s="14" t="s">
        <v>61</v>
      </c>
      <c r="G22432" s="16">
        <v>1.1614367015692402</v>
      </c>
    </row>
    <row r="22433" spans="1:7" x14ac:dyDescent="0.3">
      <c r="A22433" s="13" t="s">
        <v>149</v>
      </c>
      <c r="B22433" s="14" t="s">
        <v>1</v>
      </c>
      <c r="C22433" s="14" t="s">
        <v>150</v>
      </c>
      <c r="D22433" s="14" t="s">
        <v>151</v>
      </c>
      <c r="E22433" s="15">
        <v>45544</v>
      </c>
      <c r="F22433" s="14" t="s">
        <v>61</v>
      </c>
      <c r="G22433" s="16">
        <v>1.1663588835568408</v>
      </c>
    </row>
    <row r="22434" spans="1:7" x14ac:dyDescent="0.3">
      <c r="A22434" s="13" t="s">
        <v>149</v>
      </c>
      <c r="B22434" s="14" t="s">
        <v>1</v>
      </c>
      <c r="C22434" s="14" t="s">
        <v>150</v>
      </c>
      <c r="D22434" s="14" t="s">
        <v>151</v>
      </c>
      <c r="E22434" s="15">
        <v>45545</v>
      </c>
      <c r="F22434" s="14" t="s">
        <v>61</v>
      </c>
      <c r="G22434" s="16">
        <v>1.1810080264638403</v>
      </c>
    </row>
    <row r="22435" spans="1:7" x14ac:dyDescent="0.3">
      <c r="A22435" s="13" t="s">
        <v>149</v>
      </c>
      <c r="B22435" s="14" t="s">
        <v>1</v>
      </c>
      <c r="C22435" s="14" t="s">
        <v>150</v>
      </c>
      <c r="D22435" s="14" t="s">
        <v>151</v>
      </c>
      <c r="E22435" s="15">
        <v>45546</v>
      </c>
      <c r="F22435" s="14" t="s">
        <v>61</v>
      </c>
      <c r="G22435" s="16">
        <v>1.1867286240090948</v>
      </c>
    </row>
    <row r="22436" spans="1:7" x14ac:dyDescent="0.3">
      <c r="A22436" s="13" t="s">
        <v>149</v>
      </c>
      <c r="B22436" s="14" t="s">
        <v>1</v>
      </c>
      <c r="C22436" s="14" t="s">
        <v>150</v>
      </c>
      <c r="D22436" s="14" t="s">
        <v>151</v>
      </c>
      <c r="E22436" s="15">
        <v>45547</v>
      </c>
      <c r="F22436" s="14" t="s">
        <v>61</v>
      </c>
      <c r="G22436" s="16">
        <v>1.1916334583348702</v>
      </c>
    </row>
    <row r="22437" spans="1:7" x14ac:dyDescent="0.3">
      <c r="A22437" s="13" t="s">
        <v>149</v>
      </c>
      <c r="B22437" s="14" t="s">
        <v>1</v>
      </c>
      <c r="C22437" s="14" t="s">
        <v>150</v>
      </c>
      <c r="D22437" s="14" t="s">
        <v>151</v>
      </c>
      <c r="E22437" s="15">
        <v>45548</v>
      </c>
      <c r="F22437" s="14" t="s">
        <v>61</v>
      </c>
      <c r="G22437" s="16">
        <v>1.1980915430645396</v>
      </c>
    </row>
    <row r="22438" spans="1:7" x14ac:dyDescent="0.3">
      <c r="A22438" s="13" t="s">
        <v>149</v>
      </c>
      <c r="B22438" s="14" t="s">
        <v>1</v>
      </c>
      <c r="C22438" s="14" t="s">
        <v>150</v>
      </c>
      <c r="D22438" s="14" t="s">
        <v>151</v>
      </c>
      <c r="E22438" s="15">
        <v>45549</v>
      </c>
      <c r="F22438" s="14" t="s">
        <v>61</v>
      </c>
      <c r="G22438" s="16">
        <v>1.1980915430645396</v>
      </c>
    </row>
    <row r="22439" spans="1:7" x14ac:dyDescent="0.3">
      <c r="A22439" s="13" t="s">
        <v>149</v>
      </c>
      <c r="B22439" s="14" t="s">
        <v>1</v>
      </c>
      <c r="C22439" s="14" t="s">
        <v>150</v>
      </c>
      <c r="D22439" s="14" t="s">
        <v>151</v>
      </c>
      <c r="E22439" s="15">
        <v>45550</v>
      </c>
      <c r="F22439" s="14" t="s">
        <v>61</v>
      </c>
      <c r="G22439" s="16">
        <v>1.1980915430645396</v>
      </c>
    </row>
    <row r="22440" spans="1:7" x14ac:dyDescent="0.3">
      <c r="A22440" s="13" t="s">
        <v>149</v>
      </c>
      <c r="B22440" s="14" t="s">
        <v>1</v>
      </c>
      <c r="C22440" s="14" t="s">
        <v>150</v>
      </c>
      <c r="D22440" s="14" t="s">
        <v>151</v>
      </c>
      <c r="E22440" s="15">
        <v>45551</v>
      </c>
      <c r="F22440" s="14" t="s">
        <v>61</v>
      </c>
      <c r="G22440" s="16">
        <v>1.2029240249470936</v>
      </c>
    </row>
    <row r="22441" spans="1:7" x14ac:dyDescent="0.3">
      <c r="A22441" s="13" t="s">
        <v>149</v>
      </c>
      <c r="B22441" s="14" t="s">
        <v>1</v>
      </c>
      <c r="C22441" s="14" t="s">
        <v>150</v>
      </c>
      <c r="D22441" s="14" t="s">
        <v>151</v>
      </c>
      <c r="E22441" s="15">
        <v>45552</v>
      </c>
      <c r="F22441" s="14" t="s">
        <v>61</v>
      </c>
      <c r="G22441" s="16">
        <v>1.2185932949921447</v>
      </c>
    </row>
    <row r="22442" spans="1:7" x14ac:dyDescent="0.3">
      <c r="A22442" s="13" t="s">
        <v>149</v>
      </c>
      <c r="B22442" s="14" t="s">
        <v>1</v>
      </c>
      <c r="C22442" s="14" t="s">
        <v>150</v>
      </c>
      <c r="D22442" s="14" t="s">
        <v>151</v>
      </c>
      <c r="E22442" s="15">
        <v>45553</v>
      </c>
      <c r="F22442" s="14" t="s">
        <v>61</v>
      </c>
      <c r="G22442" s="16">
        <v>1.2233885428688307</v>
      </c>
    </row>
    <row r="22443" spans="1:7" x14ac:dyDescent="0.3">
      <c r="A22443" s="13" t="s">
        <v>149</v>
      </c>
      <c r="B22443" s="14" t="s">
        <v>1</v>
      </c>
      <c r="C22443" s="14" t="s">
        <v>150</v>
      </c>
      <c r="D22443" s="14" t="s">
        <v>151</v>
      </c>
      <c r="E22443" s="15">
        <v>45554</v>
      </c>
      <c r="F22443" s="14" t="s">
        <v>61</v>
      </c>
      <c r="G22443" s="16">
        <v>1.2251860301594124</v>
      </c>
    </row>
    <row r="22444" spans="1:7" x14ac:dyDescent="0.3">
      <c r="A22444" s="13" t="s">
        <v>149</v>
      </c>
      <c r="B22444" s="14" t="s">
        <v>1</v>
      </c>
      <c r="C22444" s="14" t="s">
        <v>150</v>
      </c>
      <c r="D22444" s="14" t="s">
        <v>151</v>
      </c>
      <c r="E22444" s="15">
        <v>45555</v>
      </c>
      <c r="F22444" s="14" t="s">
        <v>61</v>
      </c>
      <c r="G22444" s="16">
        <v>1.2321505819916316</v>
      </c>
    </row>
    <row r="22445" spans="1:7" x14ac:dyDescent="0.3">
      <c r="A22445" s="13" t="s">
        <v>149</v>
      </c>
      <c r="B22445" s="14" t="s">
        <v>1</v>
      </c>
      <c r="C22445" s="14" t="s">
        <v>150</v>
      </c>
      <c r="D22445" s="14" t="s">
        <v>151</v>
      </c>
      <c r="E22445" s="15">
        <v>45556</v>
      </c>
      <c r="F22445" s="14" t="s">
        <v>61</v>
      </c>
      <c r="G22445" s="16">
        <v>1.2321505819916316</v>
      </c>
    </row>
    <row r="22446" spans="1:7" x14ac:dyDescent="0.3">
      <c r="A22446" s="13" t="s">
        <v>149</v>
      </c>
      <c r="B22446" s="14" t="s">
        <v>1</v>
      </c>
      <c r="C22446" s="14" t="s">
        <v>150</v>
      </c>
      <c r="D22446" s="14" t="s">
        <v>151</v>
      </c>
      <c r="E22446" s="15">
        <v>45557</v>
      </c>
      <c r="F22446" s="14" t="s">
        <v>61</v>
      </c>
      <c r="G22446" s="16">
        <v>1.2321505819916316</v>
      </c>
    </row>
    <row r="22447" spans="1:7" x14ac:dyDescent="0.3">
      <c r="A22447" s="13" t="s">
        <v>149</v>
      </c>
      <c r="B22447" s="14" t="s">
        <v>1</v>
      </c>
      <c r="C22447" s="14" t="s">
        <v>150</v>
      </c>
      <c r="D22447" s="14" t="s">
        <v>151</v>
      </c>
      <c r="E22447" s="15">
        <v>45558</v>
      </c>
      <c r="F22447" s="14" t="s">
        <v>61</v>
      </c>
      <c r="G22447" s="16">
        <v>1.2340475010024301</v>
      </c>
    </row>
    <row r="22448" spans="1:7" x14ac:dyDescent="0.3">
      <c r="A22448" s="13" t="s">
        <v>149</v>
      </c>
      <c r="B22448" s="14" t="s">
        <v>1</v>
      </c>
      <c r="C22448" s="14" t="s">
        <v>150</v>
      </c>
      <c r="D22448" s="14" t="s">
        <v>151</v>
      </c>
      <c r="E22448" s="15">
        <v>45559</v>
      </c>
      <c r="F22448" s="14" t="s">
        <v>61</v>
      </c>
      <c r="G22448" s="16">
        <v>1.2478889198503087</v>
      </c>
    </row>
    <row r="22449" spans="1:7" x14ac:dyDescent="0.3">
      <c r="A22449" s="13" t="s">
        <v>149</v>
      </c>
      <c r="B22449" s="14" t="s">
        <v>1</v>
      </c>
      <c r="C22449" s="14" t="s">
        <v>150</v>
      </c>
      <c r="D22449" s="14" t="s">
        <v>151</v>
      </c>
      <c r="E22449" s="15">
        <v>45560</v>
      </c>
      <c r="F22449" s="14" t="s">
        <v>61</v>
      </c>
      <c r="G22449" s="16">
        <v>1.2525089986539319</v>
      </c>
    </row>
    <row r="22450" spans="1:7" x14ac:dyDescent="0.3">
      <c r="A22450" s="13" t="s">
        <v>149</v>
      </c>
      <c r="B22450" s="14" t="s">
        <v>1</v>
      </c>
      <c r="C22450" s="14" t="s">
        <v>150</v>
      </c>
      <c r="D22450" s="14" t="s">
        <v>151</v>
      </c>
      <c r="E22450" s="15">
        <v>45561</v>
      </c>
      <c r="F22450" s="14" t="s">
        <v>61</v>
      </c>
      <c r="G22450" s="16">
        <v>1.2571066524312937</v>
      </c>
    </row>
    <row r="22451" spans="1:7" x14ac:dyDescent="0.3">
      <c r="A22451" s="13" t="s">
        <v>149</v>
      </c>
      <c r="B22451" s="14" t="s">
        <v>1</v>
      </c>
      <c r="C22451" s="14" t="s">
        <v>150</v>
      </c>
      <c r="D22451" s="14" t="s">
        <v>151</v>
      </c>
      <c r="E22451" s="15">
        <v>45562</v>
      </c>
      <c r="F22451" s="14" t="s">
        <v>61</v>
      </c>
      <c r="G22451" s="16">
        <v>1.2731749186983201</v>
      </c>
    </row>
    <row r="22452" spans="1:7" x14ac:dyDescent="0.3">
      <c r="A22452" s="13" t="s">
        <v>149</v>
      </c>
      <c r="B22452" s="14" t="s">
        <v>1</v>
      </c>
      <c r="C22452" s="14" t="s">
        <v>150</v>
      </c>
      <c r="D22452" s="14" t="s">
        <v>151</v>
      </c>
      <c r="E22452" s="15">
        <v>45563</v>
      </c>
      <c r="F22452" s="14" t="s">
        <v>61</v>
      </c>
      <c r="G22452" s="16">
        <v>1.2731749186983201</v>
      </c>
    </row>
    <row r="22453" spans="1:7" x14ac:dyDescent="0.3">
      <c r="A22453" s="13" t="s">
        <v>149</v>
      </c>
      <c r="B22453" s="14" t="s">
        <v>1</v>
      </c>
      <c r="C22453" s="14" t="s">
        <v>150</v>
      </c>
      <c r="D22453" s="14" t="s">
        <v>151</v>
      </c>
      <c r="E22453" s="15">
        <v>45564</v>
      </c>
      <c r="F22453" s="14" t="s">
        <v>61</v>
      </c>
      <c r="G22453" s="16">
        <v>1.2731749186983201</v>
      </c>
    </row>
    <row r="22454" spans="1:7" x14ac:dyDescent="0.3">
      <c r="A22454" s="13" t="s">
        <v>149</v>
      </c>
      <c r="B22454" s="14" t="s">
        <v>1</v>
      </c>
      <c r="C22454" s="14" t="s">
        <v>150</v>
      </c>
      <c r="D22454" s="14" t="s">
        <v>151</v>
      </c>
      <c r="E22454" s="15">
        <v>45565</v>
      </c>
      <c r="F22454" s="14" t="s">
        <v>61</v>
      </c>
      <c r="G22454" s="16">
        <v>1.2789869088034331</v>
      </c>
    </row>
    <row r="22455" spans="1:7" x14ac:dyDescent="0.3">
      <c r="A22455" s="13" t="s">
        <v>149</v>
      </c>
      <c r="B22455" s="14" t="s">
        <v>1</v>
      </c>
      <c r="C22455" s="14" t="s">
        <v>150</v>
      </c>
      <c r="D22455" s="14" t="s">
        <v>151</v>
      </c>
      <c r="E22455" s="15">
        <v>45566</v>
      </c>
      <c r="F22455" s="14" t="s">
        <v>61</v>
      </c>
      <c r="G22455" s="16">
        <v>1.2925960382283377</v>
      </c>
    </row>
    <row r="22456" spans="1:7" x14ac:dyDescent="0.3">
      <c r="A22456" s="13" t="s">
        <v>149</v>
      </c>
      <c r="B22456" s="14" t="s">
        <v>1</v>
      </c>
      <c r="C22456" s="14" t="s">
        <v>150</v>
      </c>
      <c r="D22456" s="14" t="s">
        <v>151</v>
      </c>
      <c r="E22456" s="15">
        <v>45567</v>
      </c>
      <c r="F22456" s="14" t="s">
        <v>61</v>
      </c>
      <c r="G22456" s="16">
        <v>1.3044369754881993</v>
      </c>
    </row>
    <row r="22457" spans="1:7" x14ac:dyDescent="0.3">
      <c r="A22457" s="13" t="s">
        <v>149</v>
      </c>
      <c r="B22457" s="14" t="s">
        <v>1</v>
      </c>
      <c r="C22457" s="14" t="s">
        <v>150</v>
      </c>
      <c r="D22457" s="14" t="s">
        <v>151</v>
      </c>
      <c r="E22457" s="15">
        <v>45568</v>
      </c>
      <c r="F22457" s="14" t="s">
        <v>61</v>
      </c>
      <c r="G22457" s="16">
        <v>1.3090270132189061</v>
      </c>
    </row>
    <row r="22458" spans="1:7" x14ac:dyDescent="0.3">
      <c r="A22458" s="13" t="s">
        <v>149</v>
      </c>
      <c r="B22458" s="14" t="s">
        <v>1</v>
      </c>
      <c r="C22458" s="14" t="s">
        <v>150</v>
      </c>
      <c r="D22458" s="14" t="s">
        <v>151</v>
      </c>
      <c r="E22458" s="15">
        <v>45569</v>
      </c>
      <c r="F22458" s="14" t="s">
        <v>61</v>
      </c>
      <c r="G22458" s="16">
        <v>1.3215906286835759</v>
      </c>
    </row>
    <row r="22459" spans="1:7" x14ac:dyDescent="0.3">
      <c r="A22459" s="13" t="s">
        <v>149</v>
      </c>
      <c r="B22459" s="14" t="s">
        <v>1</v>
      </c>
      <c r="C22459" s="14" t="s">
        <v>150</v>
      </c>
      <c r="D22459" s="14" t="s">
        <v>151</v>
      </c>
      <c r="E22459" s="15">
        <v>45570</v>
      </c>
      <c r="F22459" s="14" t="s">
        <v>61</v>
      </c>
      <c r="G22459" s="16">
        <v>1.3215906286835759</v>
      </c>
    </row>
    <row r="22460" spans="1:7" x14ac:dyDescent="0.3">
      <c r="A22460" s="13" t="s">
        <v>149</v>
      </c>
      <c r="B22460" s="14" t="s">
        <v>1</v>
      </c>
      <c r="C22460" s="14" t="s">
        <v>150</v>
      </c>
      <c r="D22460" s="14" t="s">
        <v>151</v>
      </c>
      <c r="E22460" s="15">
        <v>45571</v>
      </c>
      <c r="F22460" s="14" t="s">
        <v>61</v>
      </c>
      <c r="G22460" s="16">
        <v>1.3215906286835759</v>
      </c>
    </row>
    <row r="22461" spans="1:7" x14ac:dyDescent="0.3">
      <c r="A22461" s="13" t="s">
        <v>149</v>
      </c>
      <c r="B22461" s="14" t="s">
        <v>1</v>
      </c>
      <c r="C22461" s="14" t="s">
        <v>150</v>
      </c>
      <c r="D22461" s="14" t="s">
        <v>151</v>
      </c>
      <c r="E22461" s="15">
        <v>45572</v>
      </c>
      <c r="F22461" s="14" t="s">
        <v>61</v>
      </c>
      <c r="G22461" s="16">
        <v>1.3262297476038363</v>
      </c>
    </row>
    <row r="22462" spans="1:7" x14ac:dyDescent="0.3">
      <c r="A22462" s="13" t="s">
        <v>149</v>
      </c>
      <c r="B22462" s="14" t="s">
        <v>1</v>
      </c>
      <c r="C22462" s="14" t="s">
        <v>150</v>
      </c>
      <c r="D22462" s="14" t="s">
        <v>151</v>
      </c>
      <c r="E22462" s="15">
        <v>45573</v>
      </c>
      <c r="F22462" s="14" t="s">
        <v>61</v>
      </c>
      <c r="G22462" s="16">
        <v>1.3400373173554709</v>
      </c>
    </row>
    <row r="22463" spans="1:7" x14ac:dyDescent="0.3">
      <c r="A22463" s="13" t="s">
        <v>149</v>
      </c>
      <c r="B22463" s="14" t="s">
        <v>1</v>
      </c>
      <c r="C22463" s="14" t="s">
        <v>150</v>
      </c>
      <c r="D22463" s="14" t="s">
        <v>151</v>
      </c>
      <c r="E22463" s="15">
        <v>45574</v>
      </c>
      <c r="F22463" s="14" t="s">
        <v>61</v>
      </c>
      <c r="G22463" s="16">
        <v>1.3473213200334924</v>
      </c>
    </row>
    <row r="22464" spans="1:7" x14ac:dyDescent="0.3">
      <c r="A22464" s="13" t="s">
        <v>149</v>
      </c>
      <c r="B22464" s="14" t="s">
        <v>1</v>
      </c>
      <c r="C22464" s="14" t="s">
        <v>150</v>
      </c>
      <c r="D22464" s="14" t="s">
        <v>151</v>
      </c>
      <c r="E22464" s="15">
        <v>45575</v>
      </c>
      <c r="F22464" s="14" t="s">
        <v>61</v>
      </c>
      <c r="G22464" s="16">
        <v>1.3519020492627321</v>
      </c>
    </row>
    <row r="22465" spans="1:7" x14ac:dyDescent="0.3">
      <c r="A22465" s="13" t="s">
        <v>149</v>
      </c>
      <c r="B22465" s="14" t="s">
        <v>1</v>
      </c>
      <c r="C22465" s="14" t="s">
        <v>150</v>
      </c>
      <c r="D22465" s="14" t="s">
        <v>151</v>
      </c>
      <c r="E22465" s="15">
        <v>45576</v>
      </c>
      <c r="F22465" s="14" t="s">
        <v>61</v>
      </c>
      <c r="G22465" s="16">
        <v>1.3572350746559934</v>
      </c>
    </row>
    <row r="22466" spans="1:7" x14ac:dyDescent="0.3">
      <c r="A22466" s="13" t="s">
        <v>149</v>
      </c>
      <c r="B22466" s="14" t="s">
        <v>1</v>
      </c>
      <c r="C22466" s="14" t="s">
        <v>150</v>
      </c>
      <c r="D22466" s="14" t="s">
        <v>151</v>
      </c>
      <c r="E22466" s="15">
        <v>45577</v>
      </c>
      <c r="F22466" s="14" t="s">
        <v>61</v>
      </c>
      <c r="G22466" s="16">
        <v>1.3572350746559934</v>
      </c>
    </row>
    <row r="22467" spans="1:7" x14ac:dyDescent="0.3">
      <c r="A22467" s="13" t="s">
        <v>149</v>
      </c>
      <c r="B22467" s="14" t="s">
        <v>1</v>
      </c>
      <c r="C22467" s="14" t="s">
        <v>150</v>
      </c>
      <c r="D22467" s="14" t="s">
        <v>151</v>
      </c>
      <c r="E22467" s="15">
        <v>45578</v>
      </c>
      <c r="F22467" s="14" t="s">
        <v>61</v>
      </c>
      <c r="G22467" s="16">
        <v>1.3572350746559934</v>
      </c>
    </row>
    <row r="22468" spans="1:7" x14ac:dyDescent="0.3">
      <c r="A22468" s="13" t="s">
        <v>149</v>
      </c>
      <c r="B22468" s="14" t="s">
        <v>1</v>
      </c>
      <c r="C22468" s="14" t="s">
        <v>150</v>
      </c>
      <c r="D22468" s="14" t="s">
        <v>151</v>
      </c>
      <c r="E22468" s="15">
        <v>45579</v>
      </c>
      <c r="F22468" s="14" t="s">
        <v>61</v>
      </c>
      <c r="G22468" s="16">
        <v>1.3617646071271641</v>
      </c>
    </row>
    <row r="22469" spans="1:7" x14ac:dyDescent="0.3">
      <c r="A22469" s="13" t="s">
        <v>149</v>
      </c>
      <c r="B22469" s="14" t="s">
        <v>1</v>
      </c>
      <c r="C22469" s="14" t="s">
        <v>150</v>
      </c>
      <c r="D22469" s="14" t="s">
        <v>151</v>
      </c>
      <c r="E22469" s="15">
        <v>45580</v>
      </c>
      <c r="F22469" s="14" t="s">
        <v>61</v>
      </c>
      <c r="G22469" s="16">
        <v>1.3752298778930319</v>
      </c>
    </row>
    <row r="22470" spans="1:7" x14ac:dyDescent="0.3">
      <c r="A22470" s="13" t="s">
        <v>149</v>
      </c>
      <c r="B22470" s="14" t="s">
        <v>1</v>
      </c>
      <c r="C22470" s="14" t="s">
        <v>150</v>
      </c>
      <c r="D22470" s="14" t="s">
        <v>151</v>
      </c>
      <c r="E22470" s="15">
        <v>45581</v>
      </c>
      <c r="F22470" s="14" t="s">
        <v>61</v>
      </c>
      <c r="G22470" s="16">
        <v>1.3802857638107959</v>
      </c>
    </row>
    <row r="22471" spans="1:7" x14ac:dyDescent="0.3">
      <c r="A22471" s="13" t="s">
        <v>149</v>
      </c>
      <c r="B22471" s="14" t="s">
        <v>1</v>
      </c>
      <c r="C22471" s="14" t="s">
        <v>150</v>
      </c>
      <c r="D22471" s="14" t="s">
        <v>151</v>
      </c>
      <c r="E22471" s="15">
        <v>45582</v>
      </c>
      <c r="F22471" s="14" t="s">
        <v>61</v>
      </c>
      <c r="G22471" s="16">
        <v>1.3848525302878352</v>
      </c>
    </row>
    <row r="22472" spans="1:7" x14ac:dyDescent="0.3">
      <c r="A22472" s="13" t="s">
        <v>149</v>
      </c>
      <c r="B22472" s="14" t="s">
        <v>1</v>
      </c>
      <c r="C22472" s="14" t="s">
        <v>150</v>
      </c>
      <c r="D22472" s="14" t="s">
        <v>151</v>
      </c>
      <c r="E22472" s="15">
        <v>45583</v>
      </c>
      <c r="F22472" s="14" t="s">
        <v>61</v>
      </c>
      <c r="G22472" s="16">
        <v>1.3894493378377908</v>
      </c>
    </row>
    <row r="22473" spans="1:7" x14ac:dyDescent="0.3">
      <c r="A22473" s="13" t="s">
        <v>149</v>
      </c>
      <c r="B22473" s="14" t="s">
        <v>1</v>
      </c>
      <c r="C22473" s="14" t="s">
        <v>150</v>
      </c>
      <c r="D22473" s="14" t="s">
        <v>151</v>
      </c>
      <c r="E22473" s="15">
        <v>45584</v>
      </c>
      <c r="F22473" s="14" t="s">
        <v>61</v>
      </c>
      <c r="G22473" s="16">
        <v>1.3894493378377908</v>
      </c>
    </row>
    <row r="22474" spans="1:7" x14ac:dyDescent="0.3">
      <c r="A22474" s="13" t="s">
        <v>149</v>
      </c>
      <c r="B22474" s="14" t="s">
        <v>1</v>
      </c>
      <c r="C22474" s="14" t="s">
        <v>150</v>
      </c>
      <c r="D22474" s="14" t="s">
        <v>151</v>
      </c>
      <c r="E22474" s="15">
        <v>45585</v>
      </c>
      <c r="F22474" s="14" t="s">
        <v>61</v>
      </c>
      <c r="G22474" s="16">
        <v>1.3894493378377908</v>
      </c>
    </row>
    <row r="22475" spans="1:7" x14ac:dyDescent="0.3">
      <c r="A22475" s="13" t="s">
        <v>149</v>
      </c>
      <c r="B22475" s="14" t="s">
        <v>1</v>
      </c>
      <c r="C22475" s="14" t="s">
        <v>150</v>
      </c>
      <c r="D22475" s="14" t="s">
        <v>151</v>
      </c>
      <c r="E22475" s="15">
        <v>45586</v>
      </c>
      <c r="F22475" s="14" t="s">
        <v>61</v>
      </c>
      <c r="G22475" s="16">
        <v>1.3920613190067423</v>
      </c>
    </row>
    <row r="22476" spans="1:7" x14ac:dyDescent="0.3">
      <c r="A22476" s="13" t="s">
        <v>149</v>
      </c>
      <c r="B22476" s="14" t="s">
        <v>1</v>
      </c>
      <c r="C22476" s="14" t="s">
        <v>150</v>
      </c>
      <c r="D22476" s="14" t="s">
        <v>151</v>
      </c>
      <c r="E22476" s="15">
        <v>45587</v>
      </c>
      <c r="F22476" s="14" t="s">
        <v>61</v>
      </c>
      <c r="G22476" s="16">
        <v>1.4055083958833789</v>
      </c>
    </row>
    <row r="22477" spans="1:7" x14ac:dyDescent="0.3">
      <c r="A22477" s="13" t="s">
        <v>149</v>
      </c>
      <c r="B22477" s="14" t="s">
        <v>1</v>
      </c>
      <c r="C22477" s="14" t="s">
        <v>150</v>
      </c>
      <c r="D22477" s="14" t="s">
        <v>151</v>
      </c>
      <c r="E22477" s="15">
        <v>45588</v>
      </c>
      <c r="F22477" s="14" t="s">
        <v>61</v>
      </c>
      <c r="G22477" s="16">
        <v>1.4102279064072187</v>
      </c>
    </row>
    <row r="22478" spans="1:7" x14ac:dyDescent="0.3">
      <c r="A22478" s="13" t="s">
        <v>149</v>
      </c>
      <c r="B22478" s="14" t="s">
        <v>1</v>
      </c>
      <c r="C22478" s="14" t="s">
        <v>150</v>
      </c>
      <c r="D22478" s="14" t="s">
        <v>151</v>
      </c>
      <c r="E22478" s="15">
        <v>45589</v>
      </c>
      <c r="F22478" s="14" t="s">
        <v>61</v>
      </c>
      <c r="G22478" s="16">
        <v>1.4147756327676206</v>
      </c>
    </row>
    <row r="22479" spans="1:7" x14ac:dyDescent="0.3">
      <c r="A22479" s="13" t="s">
        <v>149</v>
      </c>
      <c r="B22479" s="14" t="s">
        <v>1</v>
      </c>
      <c r="C22479" s="14" t="s">
        <v>150</v>
      </c>
      <c r="D22479" s="14" t="s">
        <v>151</v>
      </c>
      <c r="E22479" s="15">
        <v>45590</v>
      </c>
      <c r="F22479" s="14" t="s">
        <v>61</v>
      </c>
      <c r="G22479" s="16">
        <v>1.4193233591280225</v>
      </c>
    </row>
    <row r="22480" spans="1:7" x14ac:dyDescent="0.3">
      <c r="A22480" s="13" t="s">
        <v>149</v>
      </c>
      <c r="B22480" s="14" t="s">
        <v>1</v>
      </c>
      <c r="C22480" s="14" t="s">
        <v>150</v>
      </c>
      <c r="D22480" s="14" t="s">
        <v>151</v>
      </c>
      <c r="E22480" s="15">
        <v>45591</v>
      </c>
      <c r="F22480" s="14" t="s">
        <v>61</v>
      </c>
      <c r="G22480" s="16">
        <v>1.4193233591280225</v>
      </c>
    </row>
    <row r="22481" spans="1:7" x14ac:dyDescent="0.3">
      <c r="A22481" s="13" t="s">
        <v>149</v>
      </c>
      <c r="B22481" s="14" t="s">
        <v>1</v>
      </c>
      <c r="C22481" s="14" t="s">
        <v>150</v>
      </c>
      <c r="D22481" s="14" t="s">
        <v>151</v>
      </c>
      <c r="E22481" s="15">
        <v>45592</v>
      </c>
      <c r="F22481" s="14" t="s">
        <v>61</v>
      </c>
      <c r="G22481" s="16">
        <v>1.4193233591280225</v>
      </c>
    </row>
    <row r="22482" spans="1:7" x14ac:dyDescent="0.3">
      <c r="A22482" s="13" t="s">
        <v>149</v>
      </c>
      <c r="B22482" s="14" t="s">
        <v>1</v>
      </c>
      <c r="C22482" s="14" t="s">
        <v>150</v>
      </c>
      <c r="D22482" s="14" t="s">
        <v>151</v>
      </c>
      <c r="E22482" s="15">
        <v>45593</v>
      </c>
      <c r="F22482" s="14" t="s">
        <v>61</v>
      </c>
      <c r="G22482" s="16">
        <v>1.4193233591280225</v>
      </c>
    </row>
    <row r="22483" spans="1:7" x14ac:dyDescent="0.3">
      <c r="A22483" s="13" t="s">
        <v>149</v>
      </c>
      <c r="B22483" s="14" t="s">
        <v>1</v>
      </c>
      <c r="C22483" s="14" t="s">
        <v>150</v>
      </c>
      <c r="D22483" s="14" t="s">
        <v>151</v>
      </c>
      <c r="E22483" s="15">
        <v>45594</v>
      </c>
      <c r="F22483" s="14" t="s">
        <v>61</v>
      </c>
      <c r="G22483" s="16">
        <v>1.430132322066147</v>
      </c>
    </row>
    <row r="22484" spans="1:7" x14ac:dyDescent="0.3">
      <c r="A22484" s="13" t="s">
        <v>149</v>
      </c>
      <c r="B22484" s="14" t="s">
        <v>1</v>
      </c>
      <c r="C22484" s="14" t="s">
        <v>150</v>
      </c>
      <c r="D22484" s="14" t="s">
        <v>151</v>
      </c>
      <c r="E22484" s="15">
        <v>45595</v>
      </c>
      <c r="F22484" s="14" t="s">
        <v>61</v>
      </c>
      <c r="G22484" s="16">
        <v>1.447824075611774</v>
      </c>
    </row>
    <row r="22485" spans="1:7" x14ac:dyDescent="0.3">
      <c r="A22485" s="13" t="s">
        <v>149</v>
      </c>
      <c r="B22485" s="14" t="s">
        <v>1</v>
      </c>
      <c r="C22485" s="14" t="s">
        <v>150</v>
      </c>
      <c r="D22485" s="14" t="s">
        <v>151</v>
      </c>
      <c r="E22485" s="15">
        <v>45596</v>
      </c>
      <c r="F22485" s="14" t="s">
        <v>61</v>
      </c>
      <c r="G22485" s="16">
        <v>1.4523041037796875</v>
      </c>
    </row>
    <row r="22486" spans="1:7" x14ac:dyDescent="0.3">
      <c r="A22486" s="13" t="s">
        <v>149</v>
      </c>
      <c r="B22486" s="14" t="s">
        <v>1</v>
      </c>
      <c r="C22486" s="14" t="s">
        <v>150</v>
      </c>
      <c r="D22486" s="14" t="s">
        <v>151</v>
      </c>
      <c r="E22486" s="15">
        <v>45597</v>
      </c>
      <c r="F22486" s="14" t="s">
        <v>61</v>
      </c>
      <c r="G22486" s="16">
        <v>1.4567930173353656</v>
      </c>
    </row>
    <row r="22487" spans="1:7" x14ac:dyDescent="0.3">
      <c r="A22487" s="13" t="s">
        <v>149</v>
      </c>
      <c r="B22487" s="14" t="s">
        <v>1</v>
      </c>
      <c r="C22487" s="14" t="s">
        <v>150</v>
      </c>
      <c r="D22487" s="14" t="s">
        <v>151</v>
      </c>
      <c r="E22487" s="15">
        <v>45598</v>
      </c>
      <c r="F22487" s="14" t="s">
        <v>61</v>
      </c>
      <c r="G22487" s="16">
        <v>1.4567930173353656</v>
      </c>
    </row>
    <row r="22488" spans="1:7" x14ac:dyDescent="0.3">
      <c r="A22488" s="13" t="s">
        <v>149</v>
      </c>
      <c r="B22488" s="14" t="s">
        <v>1</v>
      </c>
      <c r="C22488" s="14" t="s">
        <v>150</v>
      </c>
      <c r="D22488" s="14" t="s">
        <v>151</v>
      </c>
      <c r="E22488" s="15">
        <v>45599</v>
      </c>
      <c r="F22488" s="14" t="s">
        <v>61</v>
      </c>
      <c r="G22488" s="16">
        <v>1.4567930173353656</v>
      </c>
    </row>
    <row r="22489" spans="1:7" x14ac:dyDescent="0.3">
      <c r="A22489" s="13" t="s">
        <v>149</v>
      </c>
      <c r="B22489" s="14" t="s">
        <v>1</v>
      </c>
      <c r="C22489" s="14" t="s">
        <v>150</v>
      </c>
      <c r="D22489" s="14" t="s">
        <v>151</v>
      </c>
      <c r="E22489" s="15">
        <v>45600</v>
      </c>
      <c r="F22489" s="14" t="s">
        <v>61</v>
      </c>
      <c r="G22489" s="16">
        <v>1.4664430718408388</v>
      </c>
    </row>
    <row r="22490" spans="1:7" x14ac:dyDescent="0.3">
      <c r="A22490" s="13" t="s">
        <v>149</v>
      </c>
      <c r="B22490" s="14" t="s">
        <v>1</v>
      </c>
      <c r="C22490" s="14" t="s">
        <v>150</v>
      </c>
      <c r="D22490" s="14" t="s">
        <v>151</v>
      </c>
      <c r="E22490" s="15">
        <v>45601</v>
      </c>
      <c r="F22490" s="14" t="s">
        <v>61</v>
      </c>
      <c r="G22490" s="16">
        <v>1.479689169708527</v>
      </c>
    </row>
    <row r="22491" spans="1:7" x14ac:dyDescent="0.3">
      <c r="A22491" s="13" t="s">
        <v>149</v>
      </c>
      <c r="B22491" s="14" t="s">
        <v>1</v>
      </c>
      <c r="C22491" s="14" t="s">
        <v>150</v>
      </c>
      <c r="D22491" s="14" t="s">
        <v>151</v>
      </c>
      <c r="E22491" s="15">
        <v>45602</v>
      </c>
      <c r="F22491" s="14" t="s">
        <v>61</v>
      </c>
      <c r="G22491" s="16">
        <v>1.4841302714157603</v>
      </c>
    </row>
    <row r="22492" spans="1:7" x14ac:dyDescent="0.3">
      <c r="A22492" s="13" t="s">
        <v>149</v>
      </c>
      <c r="B22492" s="14" t="s">
        <v>1</v>
      </c>
      <c r="C22492" s="14" t="s">
        <v>150</v>
      </c>
      <c r="D22492" s="14" t="s">
        <v>151</v>
      </c>
      <c r="E22492" s="15">
        <v>45603</v>
      </c>
      <c r="F22492" s="14" t="s">
        <v>61</v>
      </c>
      <c r="G22492" s="16">
        <v>1.4886699586158043</v>
      </c>
    </row>
    <row r="22493" spans="1:7" x14ac:dyDescent="0.3">
      <c r="A22493" s="13" t="s">
        <v>149</v>
      </c>
      <c r="B22493" s="14" t="s">
        <v>1</v>
      </c>
      <c r="C22493" s="14" t="s">
        <v>150</v>
      </c>
      <c r="D22493" s="14" t="s">
        <v>151</v>
      </c>
      <c r="E22493" s="15">
        <v>45604</v>
      </c>
      <c r="F22493" s="14" t="s">
        <v>61</v>
      </c>
      <c r="G22493" s="16">
        <v>1.5012323047393648</v>
      </c>
    </row>
    <row r="22494" spans="1:7" x14ac:dyDescent="0.3">
      <c r="A22494" s="13" t="s">
        <v>149</v>
      </c>
      <c r="B22494" s="14" t="s">
        <v>1</v>
      </c>
      <c r="C22494" s="14" t="s">
        <v>150</v>
      </c>
      <c r="D22494" s="14" t="s">
        <v>151</v>
      </c>
      <c r="E22494" s="15">
        <v>45605</v>
      </c>
      <c r="F22494" s="14" t="s">
        <v>61</v>
      </c>
      <c r="G22494" s="16">
        <v>1.5012323047393648</v>
      </c>
    </row>
    <row r="22495" spans="1:7" x14ac:dyDescent="0.3">
      <c r="A22495" s="13" t="s">
        <v>149</v>
      </c>
      <c r="B22495" s="14" t="s">
        <v>1</v>
      </c>
      <c r="C22495" s="14" t="s">
        <v>150</v>
      </c>
      <c r="D22495" s="14" t="s">
        <v>151</v>
      </c>
      <c r="E22495" s="15">
        <v>45606</v>
      </c>
      <c r="F22495" s="14" t="s">
        <v>61</v>
      </c>
      <c r="G22495" s="16">
        <v>1.5012323047393648</v>
      </c>
    </row>
    <row r="22496" spans="1:7" x14ac:dyDescent="0.3">
      <c r="A22496" s="13" t="s">
        <v>149</v>
      </c>
      <c r="B22496" s="14" t="s">
        <v>1</v>
      </c>
      <c r="C22496" s="14" t="s">
        <v>150</v>
      </c>
      <c r="D22496" s="14" t="s">
        <v>151</v>
      </c>
      <c r="E22496" s="15">
        <v>45607</v>
      </c>
      <c r="F22496" s="14" t="s">
        <v>61</v>
      </c>
      <c r="G22496" s="16">
        <v>1.5057381428431651</v>
      </c>
    </row>
    <row r="22497" spans="1:7" x14ac:dyDescent="0.3">
      <c r="A22497" s="13" t="s">
        <v>149</v>
      </c>
      <c r="B22497" s="14" t="s">
        <v>1</v>
      </c>
      <c r="C22497" s="14" t="s">
        <v>150</v>
      </c>
      <c r="D22497" s="14" t="s">
        <v>151</v>
      </c>
      <c r="E22497" s="15">
        <v>45608</v>
      </c>
      <c r="F22497" s="14" t="s">
        <v>61</v>
      </c>
      <c r="G22497" s="16">
        <v>1.5194522044664258</v>
      </c>
    </row>
    <row r="22498" spans="1:7" x14ac:dyDescent="0.3">
      <c r="A22498" s="13" t="s">
        <v>149</v>
      </c>
      <c r="B22498" s="14" t="s">
        <v>1</v>
      </c>
      <c r="C22498" s="14" t="s">
        <v>150</v>
      </c>
      <c r="D22498" s="14" t="s">
        <v>151</v>
      </c>
      <c r="E22498" s="15">
        <v>45609</v>
      </c>
      <c r="F22498" s="14" t="s">
        <v>61</v>
      </c>
      <c r="G22498" s="16">
        <v>1.5240490120163814</v>
      </c>
    </row>
    <row r="22499" spans="1:7" x14ac:dyDescent="0.3">
      <c r="A22499" s="13" t="s">
        <v>149</v>
      </c>
      <c r="B22499" s="14" t="s">
        <v>1</v>
      </c>
      <c r="C22499" s="14" t="s">
        <v>150</v>
      </c>
      <c r="D22499" s="14" t="s">
        <v>151</v>
      </c>
      <c r="E22499" s="15">
        <v>45610</v>
      </c>
      <c r="F22499" s="14" t="s">
        <v>61</v>
      </c>
      <c r="G22499" s="16">
        <v>1.5334523912329763</v>
      </c>
    </row>
    <row r="22500" spans="1:7" x14ac:dyDescent="0.3">
      <c r="A22500" s="13" t="s">
        <v>149</v>
      </c>
      <c r="B22500" s="14" t="s">
        <v>1</v>
      </c>
      <c r="C22500" s="14" t="s">
        <v>150</v>
      </c>
      <c r="D22500" s="14" t="s">
        <v>151</v>
      </c>
      <c r="E22500" s="15">
        <v>45611</v>
      </c>
      <c r="F22500" s="14" t="s">
        <v>61</v>
      </c>
      <c r="G22500" s="16">
        <v>1.5851768723696655</v>
      </c>
    </row>
    <row r="22501" spans="1:7" x14ac:dyDescent="0.3">
      <c r="A22501" s="13" t="s">
        <v>149</v>
      </c>
      <c r="B22501" s="14" t="s">
        <v>1</v>
      </c>
      <c r="C22501" s="14" t="s">
        <v>150</v>
      </c>
      <c r="D22501" s="14" t="s">
        <v>151</v>
      </c>
      <c r="E22501" s="15">
        <v>45612</v>
      </c>
      <c r="F22501" s="14" t="s">
        <v>61</v>
      </c>
      <c r="G22501" s="16">
        <v>1.5851768723696655</v>
      </c>
    </row>
    <row r="22502" spans="1:7" x14ac:dyDescent="0.3">
      <c r="A22502" s="13" t="s">
        <v>149</v>
      </c>
      <c r="B22502" s="14" t="s">
        <v>1</v>
      </c>
      <c r="C22502" s="14" t="s">
        <v>150</v>
      </c>
      <c r="D22502" s="14" t="s">
        <v>151</v>
      </c>
      <c r="E22502" s="15">
        <v>45613</v>
      </c>
      <c r="F22502" s="14" t="s">
        <v>61</v>
      </c>
      <c r="G22502" s="16">
        <v>1.5851768723696655</v>
      </c>
    </row>
    <row r="22503" spans="1:7" x14ac:dyDescent="0.3">
      <c r="A22503" s="13" t="s">
        <v>149</v>
      </c>
      <c r="B22503" s="14" t="s">
        <v>1</v>
      </c>
      <c r="C22503" s="14" t="s">
        <v>150</v>
      </c>
      <c r="D22503" s="14" t="s">
        <v>151</v>
      </c>
      <c r="E22503" s="15">
        <v>45614</v>
      </c>
      <c r="F22503" s="14" t="s">
        <v>61</v>
      </c>
      <c r="G22503" s="16">
        <v>1.5897093666367577</v>
      </c>
    </row>
    <row r="22504" spans="1:7" x14ac:dyDescent="0.3">
      <c r="A22504" s="13" t="s">
        <v>149</v>
      </c>
      <c r="B22504" s="14" t="s">
        <v>1</v>
      </c>
      <c r="C22504" s="14" t="s">
        <v>150</v>
      </c>
      <c r="D22504" s="14" t="s">
        <v>151</v>
      </c>
      <c r="E22504" s="15">
        <v>45615</v>
      </c>
      <c r="F22504" s="14" t="s">
        <v>61</v>
      </c>
      <c r="G22504" s="16">
        <v>1.6138455649935268</v>
      </c>
    </row>
    <row r="22505" spans="1:7" x14ac:dyDescent="0.3">
      <c r="A22505" s="13" t="s">
        <v>149</v>
      </c>
      <c r="B22505" s="14" t="s">
        <v>1</v>
      </c>
      <c r="C22505" s="14" t="s">
        <v>150</v>
      </c>
      <c r="D22505" s="14" t="s">
        <v>151</v>
      </c>
      <c r="E22505" s="15">
        <v>45616</v>
      </c>
      <c r="F22505" s="14" t="s">
        <v>61</v>
      </c>
      <c r="G22505" s="16">
        <v>1.6183387096862356</v>
      </c>
    </row>
    <row r="22506" spans="1:7" x14ac:dyDescent="0.3">
      <c r="A22506" s="13" t="s">
        <v>149</v>
      </c>
      <c r="B22506" s="14" t="s">
        <v>1</v>
      </c>
      <c r="C22506" s="14" t="s">
        <v>150</v>
      </c>
      <c r="D22506" s="14" t="s">
        <v>151</v>
      </c>
      <c r="E22506" s="15">
        <v>45617</v>
      </c>
      <c r="F22506" s="14" t="s">
        <v>61</v>
      </c>
      <c r="G22506" s="16">
        <v>1.6228991294577291</v>
      </c>
    </row>
    <row r="22507" spans="1:7" x14ac:dyDescent="0.3">
      <c r="A22507" s="13" t="s">
        <v>149</v>
      </c>
      <c r="B22507" s="14" t="s">
        <v>1</v>
      </c>
      <c r="C22507" s="14" t="s">
        <v>150</v>
      </c>
      <c r="D22507" s="14" t="s">
        <v>151</v>
      </c>
      <c r="E22507" s="15">
        <v>45618</v>
      </c>
      <c r="F22507" s="14" t="s">
        <v>61</v>
      </c>
      <c r="G22507" s="16">
        <v>1.6275873295675432</v>
      </c>
    </row>
    <row r="22508" spans="1:7" x14ac:dyDescent="0.3">
      <c r="A22508" s="13" t="s">
        <v>149</v>
      </c>
      <c r="B22508" s="14" t="s">
        <v>1</v>
      </c>
      <c r="C22508" s="14" t="s">
        <v>150</v>
      </c>
      <c r="D22508" s="14" t="s">
        <v>151</v>
      </c>
      <c r="E22508" s="15">
        <v>45619</v>
      </c>
      <c r="F22508" s="14" t="s">
        <v>61</v>
      </c>
      <c r="G22508" s="16">
        <v>1.6275873295675432</v>
      </c>
    </row>
    <row r="22509" spans="1:7" x14ac:dyDescent="0.3">
      <c r="A22509" s="13" t="s">
        <v>149</v>
      </c>
      <c r="B22509" s="14" t="s">
        <v>1</v>
      </c>
      <c r="C22509" s="14" t="s">
        <v>150</v>
      </c>
      <c r="D22509" s="14" t="s">
        <v>151</v>
      </c>
      <c r="E22509" s="15">
        <v>45620</v>
      </c>
      <c r="F22509" s="14" t="s">
        <v>61</v>
      </c>
      <c r="G22509" s="16">
        <v>1.6275873295675432</v>
      </c>
    </row>
    <row r="22510" spans="1:7" x14ac:dyDescent="0.3">
      <c r="A22510" s="13" t="s">
        <v>149</v>
      </c>
      <c r="B22510" s="14" t="s">
        <v>1</v>
      </c>
      <c r="C22510" s="14" t="s">
        <v>150</v>
      </c>
      <c r="D22510" s="14" t="s">
        <v>151</v>
      </c>
      <c r="E22510" s="15">
        <v>45621</v>
      </c>
      <c r="F22510" s="14" t="s">
        <v>61</v>
      </c>
      <c r="G22510" s="16">
        <v>1.6321832908900926</v>
      </c>
    </row>
    <row r="22511" spans="1:7" x14ac:dyDescent="0.3">
      <c r="A22511" s="13" t="s">
        <v>149</v>
      </c>
      <c r="B22511" s="14" t="s">
        <v>1</v>
      </c>
      <c r="C22511" s="14" t="s">
        <v>150</v>
      </c>
      <c r="D22511" s="14" t="s">
        <v>151</v>
      </c>
      <c r="E22511" s="15">
        <v>45622</v>
      </c>
      <c r="F22511" s="14" t="s">
        <v>61</v>
      </c>
      <c r="G22511" s="16">
        <v>1.6456853725481257</v>
      </c>
    </row>
    <row r="22512" spans="1:7" x14ac:dyDescent="0.3">
      <c r="A22512" s="13" t="s">
        <v>149</v>
      </c>
      <c r="B22512" s="14" t="s">
        <v>1</v>
      </c>
      <c r="C22512" s="14" t="s">
        <v>150</v>
      </c>
      <c r="D22512" s="14" t="s">
        <v>151</v>
      </c>
      <c r="E22512" s="15">
        <v>45623</v>
      </c>
      <c r="F22512" s="14" t="s">
        <v>61</v>
      </c>
      <c r="G22512" s="16">
        <v>1.6506024771712895</v>
      </c>
    </row>
    <row r="22513" spans="1:7" x14ac:dyDescent="0.3">
      <c r="A22513" s="13" t="s">
        <v>149</v>
      </c>
      <c r="B22513" s="14" t="s">
        <v>1</v>
      </c>
      <c r="C22513" s="14" t="s">
        <v>150</v>
      </c>
      <c r="D22513" s="14" t="s">
        <v>151</v>
      </c>
      <c r="E22513" s="15">
        <v>45624</v>
      </c>
      <c r="F22513" s="14" t="s">
        <v>61</v>
      </c>
      <c r="G22513" s="16">
        <v>1.6575420652950286</v>
      </c>
    </row>
    <row r="22514" spans="1:7" x14ac:dyDescent="0.3">
      <c r="A22514" s="13" t="s">
        <v>149</v>
      </c>
      <c r="B22514" s="14" t="s">
        <v>1</v>
      </c>
      <c r="C22514" s="14" t="s">
        <v>150</v>
      </c>
      <c r="D22514" s="14" t="s">
        <v>151</v>
      </c>
      <c r="E22514" s="15">
        <v>45625</v>
      </c>
      <c r="F22514" s="14" t="s">
        <v>61</v>
      </c>
      <c r="G22514" s="16">
        <v>1.6633680181523425</v>
      </c>
    </row>
    <row r="22515" spans="1:7" x14ac:dyDescent="0.3">
      <c r="A22515" s="13" t="s">
        <v>149</v>
      </c>
      <c r="B22515" s="14" t="s">
        <v>1</v>
      </c>
      <c r="C22515" s="14" t="s">
        <v>150</v>
      </c>
      <c r="D22515" s="14" t="s">
        <v>151</v>
      </c>
      <c r="E22515" s="15">
        <v>45626</v>
      </c>
      <c r="F22515" s="14" t="s">
        <v>61</v>
      </c>
      <c r="G22515" s="16">
        <v>1.6633680181523425</v>
      </c>
    </row>
    <row r="22516" spans="1:7" x14ac:dyDescent="0.3">
      <c r="A22516" s="13" t="s">
        <v>149</v>
      </c>
      <c r="B22516" s="14" t="s">
        <v>1</v>
      </c>
      <c r="C22516" s="14" t="s">
        <v>150</v>
      </c>
      <c r="D22516" s="14" t="s">
        <v>151</v>
      </c>
      <c r="E22516" s="15">
        <v>45627</v>
      </c>
      <c r="F22516" s="14" t="s">
        <v>61</v>
      </c>
      <c r="G22516" s="16">
        <v>1.6633680181523425</v>
      </c>
    </row>
    <row r="22517" spans="1:7" x14ac:dyDescent="0.3">
      <c r="A22517" s="13" t="s">
        <v>149</v>
      </c>
      <c r="B22517" s="14" t="s">
        <v>1</v>
      </c>
      <c r="C22517" s="14" t="s">
        <v>150</v>
      </c>
      <c r="D22517" s="14" t="s">
        <v>151</v>
      </c>
      <c r="E22517" s="15">
        <v>45628</v>
      </c>
      <c r="F22517" s="14" t="s">
        <v>61</v>
      </c>
      <c r="G22517" s="16">
        <v>1.6834359782542936</v>
      </c>
    </row>
    <row r="22518" spans="1:7" x14ac:dyDescent="0.3">
      <c r="A22518" s="13" t="s">
        <v>149</v>
      </c>
      <c r="B22518" s="14" t="s">
        <v>1</v>
      </c>
      <c r="C22518" s="14" t="s">
        <v>150</v>
      </c>
      <c r="D22518" s="14" t="s">
        <v>151</v>
      </c>
      <c r="E22518" s="15">
        <v>45629</v>
      </c>
      <c r="F22518" s="14" t="s">
        <v>61</v>
      </c>
      <c r="G22518" s="16">
        <v>1.6944725763646586</v>
      </c>
    </row>
    <row r="22519" spans="1:7" x14ac:dyDescent="0.3">
      <c r="A22519" s="13" t="s">
        <v>149</v>
      </c>
      <c r="B22519" s="14" t="s">
        <v>1</v>
      </c>
      <c r="C22519" s="14" t="s">
        <v>150</v>
      </c>
      <c r="D22519" s="14" t="s">
        <v>151</v>
      </c>
      <c r="E22519" s="15">
        <v>45630</v>
      </c>
      <c r="F22519" s="14" t="s">
        <v>61</v>
      </c>
      <c r="G22519" s="16">
        <v>1.7012784605582341</v>
      </c>
    </row>
    <row r="22520" spans="1:7" x14ac:dyDescent="0.3">
      <c r="A22520" s="13" t="s">
        <v>149</v>
      </c>
      <c r="B22520" s="14" t="s">
        <v>1</v>
      </c>
      <c r="C22520" s="14" t="s">
        <v>150</v>
      </c>
      <c r="D22520" s="14" t="s">
        <v>151</v>
      </c>
      <c r="E22520" s="15">
        <v>45631</v>
      </c>
      <c r="F22520" s="14" t="s">
        <v>61</v>
      </c>
      <c r="G22520" s="16">
        <v>1.7139347379238716</v>
      </c>
    </row>
    <row r="22521" spans="1:7" x14ac:dyDescent="0.3">
      <c r="A22521" s="13" t="s">
        <v>149</v>
      </c>
      <c r="B22521" s="14" t="s">
        <v>1</v>
      </c>
      <c r="C22521" s="14" t="s">
        <v>150</v>
      </c>
      <c r="D22521" s="14" t="s">
        <v>151</v>
      </c>
      <c r="E22521" s="15">
        <v>45632</v>
      </c>
      <c r="F22521" s="14" t="s">
        <v>61</v>
      </c>
      <c r="G22521" s="16">
        <v>1.7181647058932836</v>
      </c>
    </row>
    <row r="22522" spans="1:7" x14ac:dyDescent="0.3">
      <c r="A22522" s="13" t="s">
        <v>149</v>
      </c>
      <c r="B22522" s="14" t="s">
        <v>1</v>
      </c>
      <c r="C22522" s="14" t="s">
        <v>150</v>
      </c>
      <c r="D22522" s="14" t="s">
        <v>151</v>
      </c>
      <c r="E22522" s="15">
        <v>45633</v>
      </c>
      <c r="F22522" s="14" t="s">
        <v>61</v>
      </c>
      <c r="G22522" s="16">
        <v>1.7181647058932836</v>
      </c>
    </row>
    <row r="22523" spans="1:7" x14ac:dyDescent="0.3">
      <c r="A22523" s="13" t="s">
        <v>149</v>
      </c>
      <c r="B22523" s="14" t="s">
        <v>1</v>
      </c>
      <c r="C22523" s="14" t="s">
        <v>150</v>
      </c>
      <c r="D22523" s="14" t="s">
        <v>151</v>
      </c>
      <c r="E22523" s="15">
        <v>45634</v>
      </c>
      <c r="F22523" s="14" t="s">
        <v>61</v>
      </c>
      <c r="G22523" s="16">
        <v>1.7181647058932836</v>
      </c>
    </row>
    <row r="22524" spans="1:7" x14ac:dyDescent="0.3">
      <c r="A22524" s="13" t="s">
        <v>149</v>
      </c>
      <c r="B22524" s="14" t="s">
        <v>1</v>
      </c>
      <c r="C22524" s="14" t="s">
        <v>150</v>
      </c>
      <c r="D22524" s="14" t="s">
        <v>151</v>
      </c>
      <c r="E22524" s="15">
        <v>45635</v>
      </c>
      <c r="F22524" s="14" t="s">
        <v>61</v>
      </c>
      <c r="G22524" s="16">
        <v>1.7225694198220547</v>
      </c>
    </row>
    <row r="22525" spans="1:7" x14ac:dyDescent="0.3">
      <c r="A22525" s="13" t="s">
        <v>149</v>
      </c>
      <c r="B22525" s="14" t="s">
        <v>1</v>
      </c>
      <c r="C22525" s="14" t="s">
        <v>150</v>
      </c>
      <c r="D22525" s="14" t="s">
        <v>151</v>
      </c>
      <c r="E22525" s="15">
        <v>45636</v>
      </c>
      <c r="F22525" s="14" t="s">
        <v>61</v>
      </c>
      <c r="G22525" s="16">
        <v>1.7354863352287706</v>
      </c>
    </row>
    <row r="22526" spans="1:7" x14ac:dyDescent="0.3">
      <c r="A22526" s="13" t="s">
        <v>149</v>
      </c>
      <c r="B22526" s="14" t="s">
        <v>1</v>
      </c>
      <c r="C22526" s="14" t="s">
        <v>150</v>
      </c>
      <c r="D22526" s="14" t="s">
        <v>151</v>
      </c>
      <c r="E22526" s="15">
        <v>45637</v>
      </c>
      <c r="F22526" s="14" t="s">
        <v>61</v>
      </c>
      <c r="G22526" s="16">
        <v>1.7397493060670206</v>
      </c>
    </row>
    <row r="22527" spans="1:7" x14ac:dyDescent="0.3">
      <c r="A22527" s="13" t="s">
        <v>149</v>
      </c>
      <c r="B22527" s="14" t="s">
        <v>1</v>
      </c>
      <c r="C22527" s="14" t="s">
        <v>150</v>
      </c>
      <c r="D22527" s="14" t="s">
        <v>151</v>
      </c>
      <c r="E22527" s="15">
        <v>45638</v>
      </c>
      <c r="F22527" s="14" t="s">
        <v>61</v>
      </c>
      <c r="G22527" s="16">
        <v>1.7440169311560041</v>
      </c>
    </row>
    <row r="22528" spans="1:7" x14ac:dyDescent="0.3">
      <c r="A22528" s="13" t="s">
        <v>149</v>
      </c>
      <c r="B22528" s="14" t="s">
        <v>1</v>
      </c>
      <c r="C22528" s="14" t="s">
        <v>150</v>
      </c>
      <c r="D22528" s="14" t="s">
        <v>151</v>
      </c>
      <c r="E22528" s="15">
        <v>45639</v>
      </c>
      <c r="F22528" s="14" t="s">
        <v>61</v>
      </c>
      <c r="G22528" s="16">
        <v>1.7482803251079568</v>
      </c>
    </row>
    <row r="22529" spans="1:7" x14ac:dyDescent="0.3">
      <c r="A22529" s="13" t="s">
        <v>149</v>
      </c>
      <c r="B22529" s="14" t="s">
        <v>1</v>
      </c>
      <c r="C22529" s="14" t="s">
        <v>150</v>
      </c>
      <c r="D22529" s="14" t="s">
        <v>151</v>
      </c>
      <c r="E22529" s="15">
        <v>45640</v>
      </c>
      <c r="F22529" s="14" t="s">
        <v>61</v>
      </c>
      <c r="G22529" s="16">
        <v>1.7482803251079568</v>
      </c>
    </row>
    <row r="22530" spans="1:7" x14ac:dyDescent="0.3">
      <c r="A22530" s="13" t="s">
        <v>149</v>
      </c>
      <c r="B22530" s="14" t="s">
        <v>1</v>
      </c>
      <c r="C22530" s="14" t="s">
        <v>150</v>
      </c>
      <c r="D22530" s="14" t="s">
        <v>151</v>
      </c>
      <c r="E22530" s="15">
        <v>45641</v>
      </c>
      <c r="F22530" s="14" t="s">
        <v>61</v>
      </c>
      <c r="G22530" s="16">
        <v>1.7482803251079568</v>
      </c>
    </row>
    <row r="22531" spans="1:7" x14ac:dyDescent="0.3">
      <c r="A22531" s="13" t="s">
        <v>149</v>
      </c>
      <c r="B22531" s="14" t="s">
        <v>1</v>
      </c>
      <c r="C22531" s="14" t="s">
        <v>150</v>
      </c>
      <c r="D22531" s="14" t="s">
        <v>151</v>
      </c>
      <c r="E22531" s="15">
        <v>45642</v>
      </c>
      <c r="F22531" s="14" t="s">
        <v>61</v>
      </c>
      <c r="G22531" s="16">
        <v>1.7524810982318584</v>
      </c>
    </row>
    <row r="22532" spans="1:7" x14ac:dyDescent="0.3">
      <c r="A22532" s="13" t="s">
        <v>149</v>
      </c>
      <c r="B22532" s="14" t="s">
        <v>1</v>
      </c>
      <c r="C22532" s="14" t="s">
        <v>150</v>
      </c>
      <c r="D22532" s="14" t="s">
        <v>151</v>
      </c>
      <c r="E22532" s="15">
        <v>45643</v>
      </c>
      <c r="F22532" s="14" t="s">
        <v>61</v>
      </c>
      <c r="G22532" s="16">
        <v>1.7650129801687993</v>
      </c>
    </row>
    <row r="22533" spans="1:7" x14ac:dyDescent="0.3">
      <c r="A22533" s="13" t="s">
        <v>149</v>
      </c>
      <c r="B22533" s="14" t="s">
        <v>1</v>
      </c>
      <c r="C22533" s="14" t="s">
        <v>150</v>
      </c>
      <c r="D22533" s="14" t="s">
        <v>151</v>
      </c>
      <c r="E22533" s="15">
        <v>45644</v>
      </c>
      <c r="F22533" s="14" t="s">
        <v>61</v>
      </c>
      <c r="G22533" s="16">
        <v>1.7685934686040305</v>
      </c>
    </row>
    <row r="22534" spans="1:7" x14ac:dyDescent="0.3">
      <c r="A22534" s="13" t="s">
        <v>149</v>
      </c>
      <c r="B22534" s="14" t="s">
        <v>1</v>
      </c>
      <c r="C22534" s="14" t="s">
        <v>150</v>
      </c>
      <c r="D22534" s="14" t="s">
        <v>151</v>
      </c>
      <c r="E22534" s="15">
        <v>45645</v>
      </c>
      <c r="F22534" s="14" t="s">
        <v>61</v>
      </c>
      <c r="G22534" s="16">
        <v>1.7728120125034603</v>
      </c>
    </row>
    <row r="22535" spans="1:7" x14ac:dyDescent="0.3">
      <c r="A22535" s="13" t="s">
        <v>149</v>
      </c>
      <c r="B22535" s="14" t="s">
        <v>1</v>
      </c>
      <c r="C22535" s="14" t="s">
        <v>150</v>
      </c>
      <c r="D22535" s="14" t="s">
        <v>151</v>
      </c>
      <c r="E22535" s="15">
        <v>45646</v>
      </c>
      <c r="F22535" s="14" t="s">
        <v>61</v>
      </c>
      <c r="G22535" s="16">
        <v>1.777082176274662</v>
      </c>
    </row>
    <row r="22536" spans="1:7" x14ac:dyDescent="0.3">
      <c r="A22536" s="13" t="s">
        <v>149</v>
      </c>
      <c r="B22536" s="14" t="s">
        <v>1</v>
      </c>
      <c r="C22536" s="14" t="s">
        <v>150</v>
      </c>
      <c r="D22536" s="14" t="s">
        <v>151</v>
      </c>
      <c r="E22536" s="15">
        <v>45647</v>
      </c>
      <c r="F22536" s="14" t="s">
        <v>61</v>
      </c>
      <c r="G22536" s="16">
        <v>1.777082176274662</v>
      </c>
    </row>
    <row r="22537" spans="1:7" x14ac:dyDescent="0.3">
      <c r="A22537" s="13" t="s">
        <v>149</v>
      </c>
      <c r="B22537" s="14" t="s">
        <v>1</v>
      </c>
      <c r="C22537" s="14" t="s">
        <v>150</v>
      </c>
      <c r="D22537" s="14" t="s">
        <v>151</v>
      </c>
      <c r="E22537" s="15">
        <v>45648</v>
      </c>
      <c r="F22537" s="14" t="s">
        <v>61</v>
      </c>
      <c r="G22537" s="16">
        <v>1.777082176274662</v>
      </c>
    </row>
    <row r="22538" spans="1:7" x14ac:dyDescent="0.3">
      <c r="A22538" s="13" t="s">
        <v>149</v>
      </c>
      <c r="B22538" s="14" t="s">
        <v>1</v>
      </c>
      <c r="C22538" s="14" t="s">
        <v>150</v>
      </c>
      <c r="D22538" s="14" t="s">
        <v>151</v>
      </c>
      <c r="E22538" s="15">
        <v>45649</v>
      </c>
      <c r="F22538" s="14" t="s">
        <v>61</v>
      </c>
      <c r="G22538" s="16">
        <v>1.7813595329788154</v>
      </c>
    </row>
    <row r="22539" spans="1:7" x14ac:dyDescent="0.3">
      <c r="A22539" s="13" t="s">
        <v>149</v>
      </c>
      <c r="B22539" s="14" t="s">
        <v>1</v>
      </c>
      <c r="C22539" s="14" t="s">
        <v>150</v>
      </c>
      <c r="D22539" s="14" t="s">
        <v>151</v>
      </c>
      <c r="E22539" s="15">
        <v>45650</v>
      </c>
      <c r="F22539" s="14" t="s">
        <v>61</v>
      </c>
      <c r="G22539" s="16">
        <v>1.7941033948809837</v>
      </c>
    </row>
    <row r="22540" spans="1:7" x14ac:dyDescent="0.3">
      <c r="A22540" s="13" t="s">
        <v>149</v>
      </c>
      <c r="B22540" s="14" t="s">
        <v>1</v>
      </c>
      <c r="C22540" s="14" t="s">
        <v>150</v>
      </c>
      <c r="D22540" s="14" t="s">
        <v>151</v>
      </c>
      <c r="E22540" s="15">
        <v>45651</v>
      </c>
      <c r="F22540" s="14" t="s">
        <v>61</v>
      </c>
      <c r="G22540" s="16">
        <v>1.7941033948809837</v>
      </c>
    </row>
    <row r="22541" spans="1:7" x14ac:dyDescent="0.3">
      <c r="A22541" s="13" t="s">
        <v>149</v>
      </c>
      <c r="B22541" s="14" t="s">
        <v>1</v>
      </c>
      <c r="C22541" s="14" t="s">
        <v>150</v>
      </c>
      <c r="D22541" s="14" t="s">
        <v>151</v>
      </c>
      <c r="E22541" s="15">
        <v>45652</v>
      </c>
      <c r="F22541" s="14" t="s">
        <v>61</v>
      </c>
      <c r="G22541" s="16">
        <v>1.7941033948809837</v>
      </c>
    </row>
    <row r="22542" spans="1:7" x14ac:dyDescent="0.3">
      <c r="A22542" s="13" t="s">
        <v>149</v>
      </c>
      <c r="B22542" s="14" t="s">
        <v>1</v>
      </c>
      <c r="C22542" s="14" t="s">
        <v>150</v>
      </c>
      <c r="D22542" s="14" t="s">
        <v>151</v>
      </c>
      <c r="E22542" s="15">
        <v>45653</v>
      </c>
      <c r="F22542" s="14" t="s">
        <v>61</v>
      </c>
      <c r="G22542" s="16">
        <v>1.7941033948809837</v>
      </c>
    </row>
    <row r="22543" spans="1:7" x14ac:dyDescent="0.3">
      <c r="A22543" s="13" t="s">
        <v>149</v>
      </c>
      <c r="B22543" s="14" t="s">
        <v>1</v>
      </c>
      <c r="C22543" s="14" t="s">
        <v>150</v>
      </c>
      <c r="D22543" s="14" t="s">
        <v>151</v>
      </c>
      <c r="E22543" s="15">
        <v>45654</v>
      </c>
      <c r="F22543" s="14" t="s">
        <v>61</v>
      </c>
      <c r="G22543" s="16">
        <v>1.7941033948809837</v>
      </c>
    </row>
    <row r="22544" spans="1:7" x14ac:dyDescent="0.3">
      <c r="A22544" s="13" t="s">
        <v>149</v>
      </c>
      <c r="B22544" s="14" t="s">
        <v>1</v>
      </c>
      <c r="C22544" s="14" t="s">
        <v>150</v>
      </c>
      <c r="D22544" s="14" t="s">
        <v>151</v>
      </c>
      <c r="E22544" s="15">
        <v>45655</v>
      </c>
      <c r="F22544" s="14" t="s">
        <v>61</v>
      </c>
      <c r="G22544" s="16">
        <v>1.7941033948809837</v>
      </c>
    </row>
    <row r="22545" spans="1:7" x14ac:dyDescent="0.3">
      <c r="A22545" s="13" t="s">
        <v>149</v>
      </c>
      <c r="B22545" s="14" t="s">
        <v>1</v>
      </c>
      <c r="C22545" s="14" t="s">
        <v>150</v>
      </c>
      <c r="D22545" s="14" t="s">
        <v>151</v>
      </c>
      <c r="E22545" s="15">
        <v>45656</v>
      </c>
      <c r="F22545" s="14" t="s">
        <v>61</v>
      </c>
      <c r="G22545" s="16">
        <v>1.7983735586521854</v>
      </c>
    </row>
    <row r="22546" spans="1:7" x14ac:dyDescent="0.3">
      <c r="A22546" s="13" t="s">
        <v>149</v>
      </c>
      <c r="B22546" s="14" t="s">
        <v>1</v>
      </c>
      <c r="C22546" s="14" t="s">
        <v>150</v>
      </c>
      <c r="D22546" s="14" t="s">
        <v>151</v>
      </c>
      <c r="E22546" s="15">
        <v>45657</v>
      </c>
      <c r="F22546" s="14" t="s">
        <v>61</v>
      </c>
      <c r="G22546" s="16">
        <v>1.8255460209420364</v>
      </c>
    </row>
    <row r="22547" spans="1:7" x14ac:dyDescent="0.3">
      <c r="A22547" s="13" t="s">
        <v>149</v>
      </c>
      <c r="B22547" s="14" t="s">
        <v>1</v>
      </c>
      <c r="C22547" s="14" t="s">
        <v>150</v>
      </c>
      <c r="D22547" s="14" t="s">
        <v>151</v>
      </c>
      <c r="E22547" s="15">
        <v>45658</v>
      </c>
      <c r="F22547" s="14" t="s">
        <v>61</v>
      </c>
      <c r="G22547" s="16">
        <v>1.8255460209420364</v>
      </c>
    </row>
    <row r="22548" spans="1:7" x14ac:dyDescent="0.3">
      <c r="A22548" s="13" t="s">
        <v>149</v>
      </c>
      <c r="B22548" s="14" t="s">
        <v>1</v>
      </c>
      <c r="C22548" s="14" t="s">
        <v>150</v>
      </c>
      <c r="D22548" s="14" t="s">
        <v>151</v>
      </c>
      <c r="E22548" s="15">
        <v>45659</v>
      </c>
      <c r="F22548" s="14" t="s">
        <v>61</v>
      </c>
      <c r="G22548" s="16">
        <v>1.8255460209420364</v>
      </c>
    </row>
    <row r="22549" spans="1:7" x14ac:dyDescent="0.3">
      <c r="A22549" s="13" t="s">
        <v>149</v>
      </c>
      <c r="B22549" s="14" t="s">
        <v>1</v>
      </c>
      <c r="C22549" s="14" t="s">
        <v>150</v>
      </c>
      <c r="D22549" s="14" t="s">
        <v>151</v>
      </c>
      <c r="E22549" s="15">
        <v>45660</v>
      </c>
      <c r="F22549" s="14" t="s">
        <v>61</v>
      </c>
      <c r="G22549" s="16">
        <v>1.8298555342876219</v>
      </c>
    </row>
    <row r="22550" spans="1:7" x14ac:dyDescent="0.3">
      <c r="A22550" s="13" t="s">
        <v>149</v>
      </c>
      <c r="B22550" s="14" t="s">
        <v>1</v>
      </c>
      <c r="C22550" s="14" t="s">
        <v>150</v>
      </c>
      <c r="D22550" s="14" t="s">
        <v>151</v>
      </c>
      <c r="E22550" s="15">
        <v>45661</v>
      </c>
      <c r="F22550" s="14" t="s">
        <v>61</v>
      </c>
      <c r="G22550" s="16">
        <v>1.8298555342876219</v>
      </c>
    </row>
    <row r="22551" spans="1:7" x14ac:dyDescent="0.3">
      <c r="A22551" s="13" t="s">
        <v>149</v>
      </c>
      <c r="B22551" s="14" t="s">
        <v>1</v>
      </c>
      <c r="C22551" s="14" t="s">
        <v>150</v>
      </c>
      <c r="D22551" s="14" t="s">
        <v>151</v>
      </c>
      <c r="E22551" s="15">
        <v>45662</v>
      </c>
      <c r="F22551" s="14" t="s">
        <v>61</v>
      </c>
      <c r="G22551" s="16">
        <v>1.8298555342876219</v>
      </c>
    </row>
    <row r="22552" spans="1:7" x14ac:dyDescent="0.3">
      <c r="A22552" s="13" t="s">
        <v>149</v>
      </c>
      <c r="B22552" s="14" t="s">
        <v>1</v>
      </c>
      <c r="C22552" s="14" t="s">
        <v>150</v>
      </c>
      <c r="D22552" s="14" t="s">
        <v>151</v>
      </c>
      <c r="E22552" s="15">
        <v>45663</v>
      </c>
      <c r="F22552" s="14" t="s">
        <v>61</v>
      </c>
      <c r="G22552" s="16">
        <v>1.8421644353030557</v>
      </c>
    </row>
    <row r="22553" spans="1:7" x14ac:dyDescent="0.3">
      <c r="A22553" s="13" t="s">
        <v>149</v>
      </c>
      <c r="B22553" s="14" t="s">
        <v>1</v>
      </c>
      <c r="C22553" s="14" t="s">
        <v>150</v>
      </c>
      <c r="D22553" s="14" t="s">
        <v>151</v>
      </c>
      <c r="E22553" s="15">
        <v>45664</v>
      </c>
      <c r="F22553" s="14" t="s">
        <v>61</v>
      </c>
      <c r="G22553" s="16">
        <v>1.8640869027654716</v>
      </c>
    </row>
    <row r="22554" spans="1:7" x14ac:dyDescent="0.3">
      <c r="A22554" s="13" t="s">
        <v>149</v>
      </c>
      <c r="B22554" s="14" t="s">
        <v>1</v>
      </c>
      <c r="C22554" s="14" t="s">
        <v>150</v>
      </c>
      <c r="D22554" s="14" t="s">
        <v>151</v>
      </c>
      <c r="E22554" s="15">
        <v>45665</v>
      </c>
      <c r="F22554" s="14" t="s">
        <v>61</v>
      </c>
      <c r="G22554" s="16">
        <v>1.8698172319258961</v>
      </c>
    </row>
    <row r="22555" spans="1:7" x14ac:dyDescent="0.3">
      <c r="A22555" s="13" t="s">
        <v>149</v>
      </c>
      <c r="B22555" s="14" t="s">
        <v>1</v>
      </c>
      <c r="C22555" s="14" t="s">
        <v>150</v>
      </c>
      <c r="D22555" s="14" t="s">
        <v>151</v>
      </c>
      <c r="E22555" s="15">
        <v>45666</v>
      </c>
      <c r="F22555" s="14" t="s">
        <v>61</v>
      </c>
      <c r="G22555" s="16">
        <v>1.8739139190788479</v>
      </c>
    </row>
    <row r="22556" spans="1:7" x14ac:dyDescent="0.3">
      <c r="A22556" s="13" t="s">
        <v>149</v>
      </c>
      <c r="B22556" s="14" t="s">
        <v>1</v>
      </c>
      <c r="C22556" s="14" t="s">
        <v>150</v>
      </c>
      <c r="D22556" s="14" t="s">
        <v>151</v>
      </c>
      <c r="E22556" s="15">
        <v>45667</v>
      </c>
      <c r="F22556" s="14" t="s">
        <v>61</v>
      </c>
      <c r="G22556" s="16">
        <v>1.8780080675495809</v>
      </c>
    </row>
    <row r="22557" spans="1:7" x14ac:dyDescent="0.3">
      <c r="A22557" s="13" t="s">
        <v>149</v>
      </c>
      <c r="B22557" s="14" t="s">
        <v>1</v>
      </c>
      <c r="C22557" s="14" t="s">
        <v>150</v>
      </c>
      <c r="D22557" s="14" t="s">
        <v>151</v>
      </c>
      <c r="E22557" s="15">
        <v>45668</v>
      </c>
      <c r="F22557" s="14" t="s">
        <v>61</v>
      </c>
      <c r="G22557" s="16">
        <v>1.8780080675495809</v>
      </c>
    </row>
    <row r="22558" spans="1:7" x14ac:dyDescent="0.3">
      <c r="A22558" s="13" t="s">
        <v>149</v>
      </c>
      <c r="B22558" s="14" t="s">
        <v>1</v>
      </c>
      <c r="C22558" s="14" t="s">
        <v>150</v>
      </c>
      <c r="D22558" s="14" t="s">
        <v>151</v>
      </c>
      <c r="E22558" s="15">
        <v>45669</v>
      </c>
      <c r="F22558" s="14" t="s">
        <v>61</v>
      </c>
      <c r="G22558" s="16">
        <v>1.8780080675495809</v>
      </c>
    </row>
    <row r="22559" spans="1:7" x14ac:dyDescent="0.3">
      <c r="A22559" s="13" t="s">
        <v>149</v>
      </c>
      <c r="B22559" s="14" t="s">
        <v>1</v>
      </c>
      <c r="C22559" s="14" t="s">
        <v>150</v>
      </c>
      <c r="D22559" s="14" t="s">
        <v>151</v>
      </c>
      <c r="E22559" s="15">
        <v>45670</v>
      </c>
      <c r="F22559" s="14" t="s">
        <v>61</v>
      </c>
      <c r="G22559" s="16">
        <v>1.8826501482657625</v>
      </c>
    </row>
    <row r="22560" spans="1:7" x14ac:dyDescent="0.3">
      <c r="A22560" s="13" t="s">
        <v>149</v>
      </c>
      <c r="B22560" s="14" t="s">
        <v>1</v>
      </c>
      <c r="C22560" s="14" t="s">
        <v>150</v>
      </c>
      <c r="D22560" s="14" t="s">
        <v>151</v>
      </c>
      <c r="E22560" s="15">
        <v>45671</v>
      </c>
      <c r="F22560" s="14" t="s">
        <v>61</v>
      </c>
      <c r="G22560" s="16">
        <v>1.8951714523601273</v>
      </c>
    </row>
    <row r="22561" spans="1:7" x14ac:dyDescent="0.3">
      <c r="A22561" s="13" t="s">
        <v>149</v>
      </c>
      <c r="B22561" s="14" t="s">
        <v>1</v>
      </c>
      <c r="C22561" s="14" t="s">
        <v>150</v>
      </c>
      <c r="D22561" s="14" t="s">
        <v>151</v>
      </c>
      <c r="E22561" s="15">
        <v>45672</v>
      </c>
      <c r="F22561" s="14" t="s">
        <v>61</v>
      </c>
      <c r="G22561" s="16">
        <v>1.89928633340231</v>
      </c>
    </row>
    <row r="22562" spans="1:7" x14ac:dyDescent="0.3">
      <c r="A22562" s="13" t="s">
        <v>149</v>
      </c>
      <c r="B22562" s="14" t="s">
        <v>1</v>
      </c>
      <c r="C22562" s="14" t="s">
        <v>150</v>
      </c>
      <c r="D22562" s="14" t="s">
        <v>151</v>
      </c>
      <c r="E22562" s="15">
        <v>45673</v>
      </c>
      <c r="F22562" s="14" t="s">
        <v>61</v>
      </c>
      <c r="G22562" s="16">
        <v>1.9034012144444927</v>
      </c>
    </row>
    <row r="22563" spans="1:7" x14ac:dyDescent="0.3">
      <c r="A22563" s="13" t="s">
        <v>149</v>
      </c>
      <c r="B22563" s="14" t="s">
        <v>1</v>
      </c>
      <c r="C22563" s="14" t="s">
        <v>150</v>
      </c>
      <c r="D22563" s="14" t="s">
        <v>151</v>
      </c>
      <c r="E22563" s="15">
        <v>45674</v>
      </c>
      <c r="F22563" s="14" t="s">
        <v>61</v>
      </c>
      <c r="G22563" s="16">
        <v>1.9772393101573476</v>
      </c>
    </row>
    <row r="22564" spans="1:7" x14ac:dyDescent="0.3">
      <c r="A22564" s="13" t="s">
        <v>149</v>
      </c>
      <c r="B22564" s="14" t="s">
        <v>1</v>
      </c>
      <c r="C22564" s="14" t="s">
        <v>150</v>
      </c>
      <c r="D22564" s="14" t="s">
        <v>151</v>
      </c>
      <c r="E22564" s="15">
        <v>45675</v>
      </c>
      <c r="F22564" s="14" t="s">
        <v>61</v>
      </c>
      <c r="G22564" s="16">
        <v>1.9772393101573476</v>
      </c>
    </row>
    <row r="22565" spans="1:7" x14ac:dyDescent="0.3">
      <c r="A22565" s="13" t="s">
        <v>149</v>
      </c>
      <c r="B22565" s="14" t="s">
        <v>1</v>
      </c>
      <c r="C22565" s="14" t="s">
        <v>150</v>
      </c>
      <c r="D22565" s="14" t="s">
        <v>151</v>
      </c>
      <c r="E22565" s="15">
        <v>45676</v>
      </c>
      <c r="F22565" s="14" t="s">
        <v>61</v>
      </c>
      <c r="G22565" s="16">
        <v>1.9772393101573476</v>
      </c>
    </row>
    <row r="22566" spans="1:7" x14ac:dyDescent="0.3">
      <c r="A22566" s="13" t="s">
        <v>149</v>
      </c>
      <c r="B22566" s="14" t="s">
        <v>1</v>
      </c>
      <c r="C22566" s="14" t="s">
        <v>150</v>
      </c>
      <c r="D22566" s="14" t="s">
        <v>151</v>
      </c>
      <c r="E22566" s="15">
        <v>45677</v>
      </c>
      <c r="F22566" s="14" t="s">
        <v>61</v>
      </c>
      <c r="G22566" s="16">
        <v>1.9812010240390259</v>
      </c>
    </row>
    <row r="22567" spans="1:7" x14ac:dyDescent="0.3">
      <c r="A22567" s="13" t="s">
        <v>149</v>
      </c>
      <c r="B22567" s="14" t="s">
        <v>1</v>
      </c>
      <c r="C22567" s="14" t="s">
        <v>150</v>
      </c>
      <c r="D22567" s="14" t="s">
        <v>151</v>
      </c>
      <c r="E22567" s="15">
        <v>45678</v>
      </c>
      <c r="F22567" s="14" t="s">
        <v>61</v>
      </c>
      <c r="G22567" s="16">
        <v>1.9923641331466029</v>
      </c>
    </row>
    <row r="22568" spans="1:7" x14ac:dyDescent="0.3">
      <c r="A22568" s="13" t="s">
        <v>149</v>
      </c>
      <c r="B22568" s="14" t="s">
        <v>1</v>
      </c>
      <c r="C22568" s="14" t="s">
        <v>150</v>
      </c>
      <c r="D22568" s="14" t="s">
        <v>151</v>
      </c>
      <c r="E22568" s="15">
        <v>45679</v>
      </c>
      <c r="F22568" s="14" t="s">
        <v>61</v>
      </c>
      <c r="G22568" s="16">
        <v>1.9961849501651658</v>
      </c>
    </row>
    <row r="22569" spans="1:7" x14ac:dyDescent="0.3">
      <c r="A22569" s="13" t="s">
        <v>149</v>
      </c>
      <c r="B22569" s="14" t="s">
        <v>1</v>
      </c>
      <c r="C22569" s="14" t="s">
        <v>150</v>
      </c>
      <c r="D22569" s="14" t="s">
        <v>151</v>
      </c>
      <c r="E22569" s="15">
        <v>45680</v>
      </c>
      <c r="F22569" s="14" t="s">
        <v>61</v>
      </c>
      <c r="G22569" s="16">
        <v>1.9999812265889525</v>
      </c>
    </row>
    <row r="22570" spans="1:7" x14ac:dyDescent="0.3">
      <c r="A22570" s="13" t="s">
        <v>149</v>
      </c>
      <c r="B22570" s="14" t="s">
        <v>1</v>
      </c>
      <c r="C22570" s="14" t="s">
        <v>150</v>
      </c>
      <c r="D22570" s="14" t="s">
        <v>151</v>
      </c>
      <c r="E22570" s="15">
        <v>45681</v>
      </c>
      <c r="F22570" s="14" t="s">
        <v>61</v>
      </c>
      <c r="G22570" s="16">
        <v>2.003788080855315</v>
      </c>
    </row>
    <row r="22571" spans="1:7" x14ac:dyDescent="0.3">
      <c r="A22571" s="13" t="s">
        <v>149</v>
      </c>
      <c r="B22571" s="14" t="s">
        <v>1</v>
      </c>
      <c r="C22571" s="14" t="s">
        <v>150</v>
      </c>
      <c r="D22571" s="14" t="s">
        <v>151</v>
      </c>
      <c r="E22571" s="15">
        <v>45682</v>
      </c>
      <c r="F22571" s="14" t="s">
        <v>61</v>
      </c>
      <c r="G22571" s="16">
        <v>2.003788080855315</v>
      </c>
    </row>
    <row r="22572" spans="1:7" x14ac:dyDescent="0.3">
      <c r="A22572" s="13" t="s">
        <v>149</v>
      </c>
      <c r="B22572" s="14" t="s">
        <v>1</v>
      </c>
      <c r="C22572" s="14" t="s">
        <v>150</v>
      </c>
      <c r="D22572" s="14" t="s">
        <v>151</v>
      </c>
      <c r="E22572" s="15">
        <v>45683</v>
      </c>
      <c r="F22572" s="14" t="s">
        <v>61</v>
      </c>
      <c r="G22572" s="16">
        <v>2.003788080855315</v>
      </c>
    </row>
    <row r="22573" spans="1:7" x14ac:dyDescent="0.3">
      <c r="A22573" s="13" t="s">
        <v>149</v>
      </c>
      <c r="B22573" s="14" t="s">
        <v>1</v>
      </c>
      <c r="C22573" s="14" t="s">
        <v>150</v>
      </c>
      <c r="D22573" s="14" t="s">
        <v>151</v>
      </c>
      <c r="E22573" s="15">
        <v>45684</v>
      </c>
      <c r="F22573" s="14" t="s">
        <v>61</v>
      </c>
      <c r="G22573" s="16">
        <v>2.0111660147754131</v>
      </c>
    </row>
    <row r="22574" spans="1:7" x14ac:dyDescent="0.3">
      <c r="A22574" s="13" t="s">
        <v>149</v>
      </c>
      <c r="B22574" s="14" t="s">
        <v>1</v>
      </c>
      <c r="C22574" s="14" t="s">
        <v>150</v>
      </c>
      <c r="D22574" s="14" t="s">
        <v>151</v>
      </c>
      <c r="E22574" s="15">
        <v>45685</v>
      </c>
      <c r="F22574" s="14" t="s">
        <v>61</v>
      </c>
      <c r="G22574" s="16">
        <v>2.0223464715448154</v>
      </c>
    </row>
    <row r="22575" spans="1:7" x14ac:dyDescent="0.3">
      <c r="A22575" s="13" t="s">
        <v>149</v>
      </c>
      <c r="B22575" s="14" t="s">
        <v>1</v>
      </c>
      <c r="C22575" s="14" t="s">
        <v>150</v>
      </c>
      <c r="D22575" s="14" t="s">
        <v>151</v>
      </c>
      <c r="E22575" s="15">
        <v>45686</v>
      </c>
      <c r="F22575" s="14" t="s">
        <v>61</v>
      </c>
      <c r="G22575" s="16">
        <v>2.0261520564700684</v>
      </c>
    </row>
    <row r="22576" spans="1:7" x14ac:dyDescent="0.3">
      <c r="A22576" s="13" t="s">
        <v>149</v>
      </c>
      <c r="B22576" s="14" t="s">
        <v>1</v>
      </c>
      <c r="C22576" s="14" t="s">
        <v>150</v>
      </c>
      <c r="D22576" s="14" t="s">
        <v>151</v>
      </c>
      <c r="E22576" s="15">
        <v>45687</v>
      </c>
      <c r="F22576" s="14" t="s">
        <v>61</v>
      </c>
      <c r="G22576" s="16">
        <v>2.0299496022349643</v>
      </c>
    </row>
    <row r="22577" spans="1:7" x14ac:dyDescent="0.3">
      <c r="A22577" s="13" t="s">
        <v>149</v>
      </c>
      <c r="B22577" s="14" t="s">
        <v>1</v>
      </c>
      <c r="C22577" s="14" t="s">
        <v>150</v>
      </c>
      <c r="D22577" s="14" t="s">
        <v>151</v>
      </c>
      <c r="E22577" s="15">
        <v>45688</v>
      </c>
      <c r="F22577" s="14" t="s">
        <v>61</v>
      </c>
      <c r="G22577" s="16">
        <v>2.0337374163846897</v>
      </c>
    </row>
    <row r="22578" spans="1:7" x14ac:dyDescent="0.3">
      <c r="A22578" s="13" t="s">
        <v>149</v>
      </c>
      <c r="B22578" s="14" t="s">
        <v>1</v>
      </c>
      <c r="C22578" s="14" t="s">
        <v>150</v>
      </c>
      <c r="D22578" s="14" t="s">
        <v>151</v>
      </c>
      <c r="E22578" s="15">
        <v>45689</v>
      </c>
      <c r="F22578" s="14" t="s">
        <v>61</v>
      </c>
      <c r="G22578" s="16">
        <v>2.0337374163846897</v>
      </c>
    </row>
    <row r="22579" spans="1:7" x14ac:dyDescent="0.3">
      <c r="A22579" s="13" t="s">
        <v>149</v>
      </c>
      <c r="B22579" s="14" t="s">
        <v>1</v>
      </c>
      <c r="C22579" s="14" t="s">
        <v>150</v>
      </c>
      <c r="D22579" s="14" t="s">
        <v>151</v>
      </c>
      <c r="E22579" s="15">
        <v>45690</v>
      </c>
      <c r="F22579" s="14" t="s">
        <v>61</v>
      </c>
      <c r="G22579" s="16">
        <v>2.0337374163846897</v>
      </c>
    </row>
    <row r="22580" spans="1:7" x14ac:dyDescent="0.3">
      <c r="A22580" s="13" t="s">
        <v>149</v>
      </c>
      <c r="B22580" s="14" t="s">
        <v>1</v>
      </c>
      <c r="C22580" s="14" t="s">
        <v>150</v>
      </c>
      <c r="D22580" s="14" t="s">
        <v>151</v>
      </c>
      <c r="E22580" s="15">
        <v>45691</v>
      </c>
      <c r="F22580" s="14" t="s">
        <v>61</v>
      </c>
      <c r="G22580" s="16">
        <v>2.0337374163846897</v>
      </c>
    </row>
    <row r="22581" spans="1:7" x14ac:dyDescent="0.3">
      <c r="A22581" s="13" t="s">
        <v>149</v>
      </c>
      <c r="B22581" s="14" t="s">
        <v>1</v>
      </c>
      <c r="C22581" s="14" t="s">
        <v>150</v>
      </c>
      <c r="D22581" s="14" t="s">
        <v>151</v>
      </c>
      <c r="E22581" s="15">
        <v>45692</v>
      </c>
      <c r="F22581" s="14" t="s">
        <v>61</v>
      </c>
      <c r="G22581" s="16">
        <v>2.0610203113510366</v>
      </c>
    </row>
    <row r="22582" spans="1:7" x14ac:dyDescent="0.3">
      <c r="A22582" s="13" t="s">
        <v>149</v>
      </c>
      <c r="B22582" s="14" t="s">
        <v>1</v>
      </c>
      <c r="C22582" s="14" t="s">
        <v>150</v>
      </c>
      <c r="D22582" s="14" t="s">
        <v>151</v>
      </c>
      <c r="E22582" s="15">
        <v>45693</v>
      </c>
      <c r="F22582" s="14" t="s">
        <v>61</v>
      </c>
      <c r="G22582" s="16">
        <v>2.0786926016663232</v>
      </c>
    </row>
    <row r="22583" spans="1:7" x14ac:dyDescent="0.3">
      <c r="A22583" s="13" t="s">
        <v>149</v>
      </c>
      <c r="B22583" s="14" t="s">
        <v>1</v>
      </c>
      <c r="C22583" s="14" t="s">
        <v>150</v>
      </c>
      <c r="D22583" s="14" t="s">
        <v>151</v>
      </c>
      <c r="E22583" s="15">
        <v>45694</v>
      </c>
      <c r="F22583" s="14" t="s">
        <v>61</v>
      </c>
      <c r="G22583" s="16">
        <v>2.0827609402011702</v>
      </c>
    </row>
    <row r="22584" spans="1:7" x14ac:dyDescent="0.3">
      <c r="A22584" s="13" t="s">
        <v>149</v>
      </c>
      <c r="B22584" s="14" t="s">
        <v>1</v>
      </c>
      <c r="C22584" s="14" t="s">
        <v>150</v>
      </c>
      <c r="D22584" s="14" t="s">
        <v>151</v>
      </c>
      <c r="E22584" s="15">
        <v>45695</v>
      </c>
      <c r="F22584" s="14" t="s">
        <v>61</v>
      </c>
      <c r="G22584" s="16">
        <v>2.0944592881431041</v>
      </c>
    </row>
    <row r="22585" spans="1:7" x14ac:dyDescent="0.3">
      <c r="A22585" s="13" t="s">
        <v>149</v>
      </c>
      <c r="B22585" s="14" t="s">
        <v>1</v>
      </c>
      <c r="C22585" s="14" t="s">
        <v>150</v>
      </c>
      <c r="D22585" s="14" t="s">
        <v>151</v>
      </c>
      <c r="E22585" s="15">
        <v>45696</v>
      </c>
      <c r="F22585" s="14" t="s">
        <v>61</v>
      </c>
      <c r="G22585" s="16">
        <v>2.0944592881431041</v>
      </c>
    </row>
    <row r="22586" spans="1:7" x14ac:dyDescent="0.3">
      <c r="A22586" s="13" t="s">
        <v>149</v>
      </c>
      <c r="B22586" s="14" t="s">
        <v>1</v>
      </c>
      <c r="C22586" s="14" t="s">
        <v>150</v>
      </c>
      <c r="D22586" s="14" t="s">
        <v>151</v>
      </c>
      <c r="E22586" s="15">
        <v>45697</v>
      </c>
      <c r="F22586" s="14" t="s">
        <v>61</v>
      </c>
      <c r="G22586" s="16">
        <v>2.0944592881431041</v>
      </c>
    </row>
    <row r="22587" spans="1:7" x14ac:dyDescent="0.3">
      <c r="A22587" s="13" t="s">
        <v>149</v>
      </c>
      <c r="B22587" s="14" t="s">
        <v>1</v>
      </c>
      <c r="C22587" s="14" t="s">
        <v>150</v>
      </c>
      <c r="D22587" s="14" t="s">
        <v>151</v>
      </c>
      <c r="E22587" s="15">
        <v>45698</v>
      </c>
      <c r="F22587" s="14" t="s">
        <v>61</v>
      </c>
      <c r="G22587" s="16">
        <v>2.0985695149345531</v>
      </c>
    </row>
    <row r="22588" spans="1:7" x14ac:dyDescent="0.3">
      <c r="A22588" s="13" t="s">
        <v>149</v>
      </c>
      <c r="B22588" s="14" t="s">
        <v>1</v>
      </c>
      <c r="C22588" s="14" t="s">
        <v>150</v>
      </c>
      <c r="D22588" s="14" t="s">
        <v>151</v>
      </c>
      <c r="E22588" s="15">
        <v>45699</v>
      </c>
      <c r="F22588" s="14" t="s">
        <v>61</v>
      </c>
      <c r="G22588" s="16">
        <v>2.1109190348654803</v>
      </c>
    </row>
    <row r="22589" spans="1:7" x14ac:dyDescent="0.3">
      <c r="A22589" s="13" t="s">
        <v>149</v>
      </c>
      <c r="B22589" s="14" t="s">
        <v>1</v>
      </c>
      <c r="C22589" s="14" t="s">
        <v>150</v>
      </c>
      <c r="D22589" s="14" t="s">
        <v>151</v>
      </c>
      <c r="E22589" s="15">
        <v>45700</v>
      </c>
      <c r="F22589" s="14" t="s">
        <v>61</v>
      </c>
      <c r="G22589" s="16">
        <v>2.1150136064499159</v>
      </c>
    </row>
    <row r="22590" spans="1:7" x14ac:dyDescent="0.3">
      <c r="A22590" s="13" t="s">
        <v>149</v>
      </c>
      <c r="B22590" s="14" t="s">
        <v>1</v>
      </c>
      <c r="C22590" s="14" t="s">
        <v>150</v>
      </c>
      <c r="D22590" s="14" t="s">
        <v>151</v>
      </c>
      <c r="E22590" s="15">
        <v>45701</v>
      </c>
      <c r="F22590" s="14" t="s">
        <v>61</v>
      </c>
      <c r="G22590" s="16">
        <v>2.1190620586407198</v>
      </c>
    </row>
    <row r="22591" spans="1:7" x14ac:dyDescent="0.3">
      <c r="A22591" s="13" t="s">
        <v>149</v>
      </c>
      <c r="B22591" s="14" t="s">
        <v>1</v>
      </c>
      <c r="C22591" s="14" t="s">
        <v>150</v>
      </c>
      <c r="D22591" s="14" t="s">
        <v>151</v>
      </c>
      <c r="E22591" s="15">
        <v>45702</v>
      </c>
      <c r="F22591" s="14" t="s">
        <v>61</v>
      </c>
      <c r="G22591" s="16">
        <v>2.1230783541900919</v>
      </c>
    </row>
    <row r="22592" spans="1:7" x14ac:dyDescent="0.3">
      <c r="A22592" s="13" t="s">
        <v>149</v>
      </c>
      <c r="B22592" s="14" t="s">
        <v>1</v>
      </c>
      <c r="C22592" s="14" t="s">
        <v>150</v>
      </c>
      <c r="D22592" s="14" t="s">
        <v>151</v>
      </c>
      <c r="E22592" s="15">
        <v>45703</v>
      </c>
      <c r="F22592" s="14" t="s">
        <v>61</v>
      </c>
      <c r="G22592" s="16">
        <v>2.1230783541900919</v>
      </c>
    </row>
    <row r="22593" spans="1:7" x14ac:dyDescent="0.3">
      <c r="A22593" s="13" t="s">
        <v>149</v>
      </c>
      <c r="B22593" s="14" t="s">
        <v>1</v>
      </c>
      <c r="C22593" s="14" t="s">
        <v>150</v>
      </c>
      <c r="D22593" s="14" t="s">
        <v>151</v>
      </c>
      <c r="E22593" s="15">
        <v>45704</v>
      </c>
      <c r="F22593" s="14" t="s">
        <v>61</v>
      </c>
      <c r="G22593" s="16">
        <v>2.1230783541900919</v>
      </c>
    </row>
    <row r="22594" spans="1:7" x14ac:dyDescent="0.3">
      <c r="A22594" s="13" t="s">
        <v>149</v>
      </c>
      <c r="B22594" s="14" t="s">
        <v>1</v>
      </c>
      <c r="C22594" s="14" t="s">
        <v>150</v>
      </c>
      <c r="D22594" s="14" t="s">
        <v>151</v>
      </c>
      <c r="E22594" s="15">
        <v>45705</v>
      </c>
      <c r="F22594" s="14" t="s">
        <v>61</v>
      </c>
      <c r="G22594" s="16">
        <v>2.1270294902291944</v>
      </c>
    </row>
    <row r="22595" spans="1:7" x14ac:dyDescent="0.3">
      <c r="A22595" s="13" t="s">
        <v>149</v>
      </c>
      <c r="B22595" s="14" t="s">
        <v>1</v>
      </c>
      <c r="C22595" s="14" t="s">
        <v>150</v>
      </c>
      <c r="D22595" s="14" t="s">
        <v>151</v>
      </c>
      <c r="E22595" s="15">
        <v>45706</v>
      </c>
      <c r="F22595" s="14" t="s">
        <v>61</v>
      </c>
      <c r="G22595" s="16">
        <v>2.1389140082004703</v>
      </c>
    </row>
    <row r="22596" spans="1:7" x14ac:dyDescent="0.3">
      <c r="A22596" s="13" t="s">
        <v>149</v>
      </c>
      <c r="B22596" s="14" t="s">
        <v>1</v>
      </c>
      <c r="C22596" s="14" t="s">
        <v>150</v>
      </c>
      <c r="D22596" s="14" t="s">
        <v>151</v>
      </c>
      <c r="E22596" s="15">
        <v>45707</v>
      </c>
      <c r="F22596" s="14" t="s">
        <v>61</v>
      </c>
      <c r="G22596" s="16">
        <v>2.1412975079697754</v>
      </c>
    </row>
    <row r="22597" spans="1:7" x14ac:dyDescent="0.3">
      <c r="A22597" s="13" t="s">
        <v>149</v>
      </c>
      <c r="B22597" s="14" t="s">
        <v>1</v>
      </c>
      <c r="C22597" s="14" t="s">
        <v>150</v>
      </c>
      <c r="D22597" s="14" t="s">
        <v>151</v>
      </c>
      <c r="E22597" s="15">
        <v>45708</v>
      </c>
      <c r="F22597" s="14" t="s">
        <v>61</v>
      </c>
      <c r="G22597" s="16">
        <v>2.1496659510687119</v>
      </c>
    </row>
    <row r="22598" spans="1:7" x14ac:dyDescent="0.3">
      <c r="A22598" s="13" t="s">
        <v>149</v>
      </c>
      <c r="B22598" s="14" t="s">
        <v>1</v>
      </c>
      <c r="C22598" s="14" t="s">
        <v>150</v>
      </c>
      <c r="D22598" s="14" t="s">
        <v>151</v>
      </c>
      <c r="E22598" s="15">
        <v>45709</v>
      </c>
      <c r="F22598" s="14" t="s">
        <v>61</v>
      </c>
      <c r="G22598" s="16">
        <v>2.1536847853003023</v>
      </c>
    </row>
    <row r="22599" spans="1:7" x14ac:dyDescent="0.3">
      <c r="A22599" s="13" t="s">
        <v>149</v>
      </c>
      <c r="B22599" s="14" t="s">
        <v>1</v>
      </c>
      <c r="C22599" s="14" t="s">
        <v>150</v>
      </c>
      <c r="D22599" s="14" t="s">
        <v>151</v>
      </c>
      <c r="E22599" s="15">
        <v>45710</v>
      </c>
      <c r="F22599" s="14" t="s">
        <v>61</v>
      </c>
      <c r="G22599" s="16">
        <v>2.1536847853003023</v>
      </c>
    </row>
    <row r="22600" spans="1:7" x14ac:dyDescent="0.3">
      <c r="A22600" s="13" t="s">
        <v>149</v>
      </c>
      <c r="B22600" s="14" t="s">
        <v>1</v>
      </c>
      <c r="C22600" s="14" t="s">
        <v>150</v>
      </c>
      <c r="D22600" s="14" t="s">
        <v>151</v>
      </c>
      <c r="E22600" s="15">
        <v>45711</v>
      </c>
      <c r="F22600" s="14" t="s">
        <v>61</v>
      </c>
      <c r="G22600" s="16">
        <v>2.1536847853003023</v>
      </c>
    </row>
    <row r="22601" spans="1:7" x14ac:dyDescent="0.3">
      <c r="A22601" s="13" t="s">
        <v>149</v>
      </c>
      <c r="B22601" s="14" t="s">
        <v>1</v>
      </c>
      <c r="C22601" s="14" t="s">
        <v>150</v>
      </c>
      <c r="D22601" s="14" t="s">
        <v>151</v>
      </c>
      <c r="E22601" s="15">
        <v>45712</v>
      </c>
      <c r="F22601" s="14" t="s">
        <v>61</v>
      </c>
      <c r="G22601" s="16">
        <v>2.1575216806395812</v>
      </c>
    </row>
    <row r="22602" spans="1:7" x14ac:dyDescent="0.3">
      <c r="A22602" s="13" t="s">
        <v>149</v>
      </c>
      <c r="B22602" s="14" t="s">
        <v>1</v>
      </c>
      <c r="C22602" s="14" t="s">
        <v>150</v>
      </c>
      <c r="D22602" s="14" t="s">
        <v>151</v>
      </c>
      <c r="E22602" s="15">
        <v>45713</v>
      </c>
      <c r="F22602" s="14" t="s">
        <v>61</v>
      </c>
      <c r="G22602" s="16">
        <v>2.1689983170011176</v>
      </c>
    </row>
    <row r="22603" spans="1:7" x14ac:dyDescent="0.3">
      <c r="A22603" s="13" t="s">
        <v>149</v>
      </c>
      <c r="B22603" s="14" t="s">
        <v>1</v>
      </c>
      <c r="C22603" s="14" t="s">
        <v>150</v>
      </c>
      <c r="D22603" s="14" t="s">
        <v>151</v>
      </c>
      <c r="E22603" s="15">
        <v>45714</v>
      </c>
      <c r="F22603" s="14" t="s">
        <v>61</v>
      </c>
      <c r="G22603" s="16">
        <v>2.1728115179730256</v>
      </c>
    </row>
    <row r="22604" spans="1:7" x14ac:dyDescent="0.3">
      <c r="A22604" s="13" t="s">
        <v>149</v>
      </c>
      <c r="B22604" s="14" t="s">
        <v>1</v>
      </c>
      <c r="C22604" s="14" t="s">
        <v>150</v>
      </c>
      <c r="D22604" s="14" t="s">
        <v>151</v>
      </c>
      <c r="E22604" s="15">
        <v>45715</v>
      </c>
      <c r="F22604" s="14" t="s">
        <v>61</v>
      </c>
      <c r="G22604" s="16">
        <v>2.1850129481078855</v>
      </c>
    </row>
    <row r="22605" spans="1:7" x14ac:dyDescent="0.3">
      <c r="A22605" s="13" t="s">
        <v>149</v>
      </c>
      <c r="B22605" s="14" t="s">
        <v>1</v>
      </c>
      <c r="C22605" s="14" t="s">
        <v>150</v>
      </c>
      <c r="D22605" s="14" t="s">
        <v>151</v>
      </c>
      <c r="E22605" s="15">
        <v>45716</v>
      </c>
      <c r="F22605" s="14" t="s">
        <v>61</v>
      </c>
      <c r="G22605" s="16">
        <v>2.1889116180478099</v>
      </c>
    </row>
    <row r="22606" spans="1:7" x14ac:dyDescent="0.3">
      <c r="A22606" s="13" t="s">
        <v>149</v>
      </c>
      <c r="B22606" s="14" t="s">
        <v>1</v>
      </c>
      <c r="C22606" s="14" t="s">
        <v>150</v>
      </c>
      <c r="D22606" s="14" t="s">
        <v>151</v>
      </c>
      <c r="E22606" s="15">
        <v>45717</v>
      </c>
      <c r="F22606" s="14" t="s">
        <v>61</v>
      </c>
      <c r="G22606" s="16">
        <v>2.1889116180478099</v>
      </c>
    </row>
    <row r="22607" spans="1:7" x14ac:dyDescent="0.3">
      <c r="A22607" s="13" t="s">
        <v>149</v>
      </c>
      <c r="B22607" s="14" t="s">
        <v>1</v>
      </c>
      <c r="C22607" s="14" t="s">
        <v>150</v>
      </c>
      <c r="D22607" s="14" t="s">
        <v>151</v>
      </c>
      <c r="E22607" s="15">
        <v>45718</v>
      </c>
      <c r="F22607" s="14" t="s">
        <v>61</v>
      </c>
      <c r="G22607" s="16">
        <v>2.1889116180478099</v>
      </c>
    </row>
    <row r="22608" spans="1:7" x14ac:dyDescent="0.3">
      <c r="A22608" s="13" t="s">
        <v>149</v>
      </c>
      <c r="B22608" s="14" t="s">
        <v>1</v>
      </c>
      <c r="C22608" s="14" t="s">
        <v>150</v>
      </c>
      <c r="D22608" s="14" t="s">
        <v>151</v>
      </c>
      <c r="E22608" s="15">
        <v>45719</v>
      </c>
      <c r="F22608" s="14" t="s">
        <v>61</v>
      </c>
      <c r="G22608" s="16">
        <v>2.19280140259997</v>
      </c>
    </row>
    <row r="22609" spans="1:7" x14ac:dyDescent="0.3">
      <c r="A22609" s="13" t="s">
        <v>149</v>
      </c>
      <c r="B22609" s="14" t="s">
        <v>1</v>
      </c>
      <c r="C22609" s="14" t="s">
        <v>150</v>
      </c>
      <c r="D22609" s="14" t="s">
        <v>151</v>
      </c>
      <c r="E22609" s="15">
        <v>45720</v>
      </c>
      <c r="F22609" s="14" t="s">
        <v>61</v>
      </c>
      <c r="G22609" s="16">
        <v>2.2079917079331692</v>
      </c>
    </row>
    <row r="22610" spans="1:7" x14ac:dyDescent="0.3">
      <c r="A22610" s="13" t="s">
        <v>149</v>
      </c>
      <c r="B22610" s="14" t="s">
        <v>1</v>
      </c>
      <c r="C22610" s="14" t="s">
        <v>150</v>
      </c>
      <c r="D22610" s="14" t="s">
        <v>151</v>
      </c>
      <c r="E22610" s="15">
        <v>45721</v>
      </c>
      <c r="F22610" s="14" t="s">
        <v>61</v>
      </c>
      <c r="G22610" s="16">
        <v>2.2118548363220381</v>
      </c>
    </row>
    <row r="22611" spans="1:7" x14ac:dyDescent="0.3">
      <c r="A22611" s="13" t="s">
        <v>149</v>
      </c>
      <c r="B22611" s="14" t="s">
        <v>1</v>
      </c>
      <c r="C22611" s="14" t="s">
        <v>150</v>
      </c>
      <c r="D22611" s="14" t="s">
        <v>151</v>
      </c>
      <c r="E22611" s="15">
        <v>45722</v>
      </c>
      <c r="F22611" s="14" t="s">
        <v>61</v>
      </c>
      <c r="G22611" s="16">
        <v>2.222055361755177</v>
      </c>
    </row>
    <row r="22612" spans="1:7" x14ac:dyDescent="0.3">
      <c r="A22612" s="13" t="s">
        <v>149</v>
      </c>
      <c r="B22612" s="14" t="s">
        <v>1</v>
      </c>
      <c r="C22612" s="14" t="s">
        <v>150</v>
      </c>
      <c r="D22612" s="14" t="s">
        <v>151</v>
      </c>
      <c r="E22612" s="15">
        <v>45723</v>
      </c>
      <c r="F22612" s="14" t="s">
        <v>61</v>
      </c>
      <c r="G22612" s="16">
        <v>2.2267503316842405</v>
      </c>
    </row>
    <row r="22613" spans="1:7" x14ac:dyDescent="0.3">
      <c r="A22613" s="13" t="s">
        <v>149</v>
      </c>
      <c r="B22613" s="14" t="s">
        <v>1</v>
      </c>
      <c r="C22613" s="14" t="s">
        <v>150</v>
      </c>
      <c r="D22613" s="14" t="s">
        <v>151</v>
      </c>
      <c r="E22613" s="15">
        <v>45724</v>
      </c>
      <c r="F22613" s="14" t="s">
        <v>61</v>
      </c>
      <c r="G22613" s="16">
        <v>2.2267503316842405</v>
      </c>
    </row>
    <row r="22614" spans="1:7" x14ac:dyDescent="0.3">
      <c r="A22614" s="13" t="s">
        <v>149</v>
      </c>
      <c r="B22614" s="14" t="s">
        <v>1</v>
      </c>
      <c r="C22614" s="14" t="s">
        <v>150</v>
      </c>
      <c r="D22614" s="14" t="s">
        <v>151</v>
      </c>
      <c r="E22614" s="15">
        <v>45725</v>
      </c>
      <c r="F22614" s="14" t="s">
        <v>61</v>
      </c>
      <c r="G22614" s="16">
        <v>2.2267503316842405</v>
      </c>
    </row>
    <row r="22615" spans="1:7" x14ac:dyDescent="0.3">
      <c r="A22615" s="13" t="s">
        <v>149</v>
      </c>
      <c r="B22615" s="14" t="s">
        <v>1</v>
      </c>
      <c r="C22615" s="14" t="s">
        <v>150</v>
      </c>
      <c r="D22615" s="14" t="s">
        <v>151</v>
      </c>
      <c r="E22615" s="15">
        <v>45726</v>
      </c>
      <c r="F22615" s="14" t="s">
        <v>61</v>
      </c>
      <c r="G22615" s="16">
        <v>2.2305914581605504</v>
      </c>
    </row>
    <row r="22616" spans="1:7" x14ac:dyDescent="0.3">
      <c r="A22616" s="13" t="s">
        <v>149</v>
      </c>
      <c r="B22616" s="14" t="s">
        <v>1</v>
      </c>
      <c r="C22616" s="14" t="s">
        <v>150</v>
      </c>
      <c r="D22616" s="14" t="s">
        <v>151</v>
      </c>
      <c r="E22616" s="15">
        <v>45727</v>
      </c>
      <c r="F22616" s="14" t="s">
        <v>61</v>
      </c>
      <c r="G22616" s="16">
        <v>2.2419644316648397</v>
      </c>
    </row>
    <row r="22617" spans="1:7" x14ac:dyDescent="0.3">
      <c r="A22617" s="13" t="s">
        <v>149</v>
      </c>
      <c r="B22617" s="14" t="s">
        <v>1</v>
      </c>
      <c r="C22617" s="14" t="s">
        <v>150</v>
      </c>
      <c r="D22617" s="14" t="s">
        <v>151</v>
      </c>
      <c r="E22617" s="15">
        <v>45728</v>
      </c>
      <c r="F22617" s="14" t="s">
        <v>61</v>
      </c>
      <c r="G22617" s="16">
        <v>2.245643082479178</v>
      </c>
    </row>
    <row r="22618" spans="1:7" x14ac:dyDescent="0.3">
      <c r="A22618" s="13" t="s">
        <v>149</v>
      </c>
      <c r="B22618" s="14" t="s">
        <v>1</v>
      </c>
      <c r="C22618" s="14" t="s">
        <v>150</v>
      </c>
      <c r="D22618" s="14" t="s">
        <v>151</v>
      </c>
      <c r="E22618" s="15">
        <v>45729</v>
      </c>
      <c r="F22618" s="14" t="s">
        <v>61</v>
      </c>
      <c r="G22618" s="16">
        <v>2.2493670064597429</v>
      </c>
    </row>
    <row r="22619" spans="1:7" x14ac:dyDescent="0.3">
      <c r="A22619" s="13" t="s">
        <v>149</v>
      </c>
      <c r="B22619" s="14" t="s">
        <v>1</v>
      </c>
      <c r="C22619" s="14" t="s">
        <v>150</v>
      </c>
      <c r="D22619" s="14" t="s">
        <v>151</v>
      </c>
      <c r="E22619" s="15">
        <v>45730</v>
      </c>
      <c r="F22619" s="14" t="s">
        <v>61</v>
      </c>
      <c r="G22619" s="16">
        <v>2.2539185408434728</v>
      </c>
    </row>
    <row r="22620" spans="1:7" x14ac:dyDescent="0.3">
      <c r="A22620" s="13" t="s">
        <v>149</v>
      </c>
      <c r="B22620" s="14" t="s">
        <v>1</v>
      </c>
      <c r="C22620" s="14" t="s">
        <v>150</v>
      </c>
      <c r="D22620" s="14" t="s">
        <v>151</v>
      </c>
      <c r="E22620" s="15">
        <v>45731</v>
      </c>
      <c r="F22620" s="14" t="s">
        <v>61</v>
      </c>
      <c r="G22620" s="16">
        <v>2.2539185408434728</v>
      </c>
    </row>
    <row r="22621" spans="1:7" x14ac:dyDescent="0.3">
      <c r="A22621" s="13" t="s">
        <v>149</v>
      </c>
      <c r="B22621" s="14" t="s">
        <v>1</v>
      </c>
      <c r="C22621" s="14" t="s">
        <v>150</v>
      </c>
      <c r="D22621" s="14" t="s">
        <v>151</v>
      </c>
      <c r="E22621" s="15">
        <v>45732</v>
      </c>
      <c r="F22621" s="14" t="s">
        <v>61</v>
      </c>
      <c r="G22621" s="16">
        <v>2.2539185408434728</v>
      </c>
    </row>
    <row r="22622" spans="1:7" x14ac:dyDescent="0.3">
      <c r="A22622" s="13" t="s">
        <v>149</v>
      </c>
      <c r="B22622" s="14" t="s">
        <v>1</v>
      </c>
      <c r="C22622" s="14" t="s">
        <v>150</v>
      </c>
      <c r="D22622" s="14" t="s">
        <v>151</v>
      </c>
      <c r="E22622" s="15">
        <v>45733</v>
      </c>
      <c r="F22622" s="14" t="s">
        <v>61</v>
      </c>
      <c r="G22622" s="16">
        <v>2.2539185408434728</v>
      </c>
    </row>
    <row r="22623" spans="1:7" x14ac:dyDescent="0.3">
      <c r="A22623" s="13" t="s">
        <v>149</v>
      </c>
      <c r="B22623" s="14" t="s">
        <v>1</v>
      </c>
      <c r="C22623" s="14" t="s">
        <v>150</v>
      </c>
      <c r="D22623" s="14" t="s">
        <v>151</v>
      </c>
      <c r="E22623" s="15">
        <v>45734</v>
      </c>
      <c r="F22623" s="14" t="s">
        <v>61</v>
      </c>
      <c r="G22623" s="16">
        <v>2.2575895756111564</v>
      </c>
    </row>
    <row r="22624" spans="1:7" x14ac:dyDescent="0.3">
      <c r="A22624" s="13" t="s">
        <v>149</v>
      </c>
      <c r="B22624" s="14" t="s">
        <v>1</v>
      </c>
      <c r="C22624" s="14" t="s">
        <v>150</v>
      </c>
      <c r="D22624" s="14" t="s">
        <v>151</v>
      </c>
      <c r="E22624" s="15">
        <v>45735</v>
      </c>
      <c r="F22624" s="14" t="s">
        <v>61</v>
      </c>
      <c r="G22624" s="16">
        <v>2.2719226525819782</v>
      </c>
    </row>
    <row r="22625" spans="1:7" x14ac:dyDescent="0.3">
      <c r="A22625" s="13" t="s">
        <v>149</v>
      </c>
      <c r="B22625" s="14" t="s">
        <v>1</v>
      </c>
      <c r="C22625" s="14" t="s">
        <v>150</v>
      </c>
      <c r="D22625" s="14" t="s">
        <v>151</v>
      </c>
      <c r="E22625" s="15">
        <v>45736</v>
      </c>
      <c r="F22625" s="14" t="s">
        <v>61</v>
      </c>
      <c r="G22625" s="16">
        <v>2.2755640693904486</v>
      </c>
    </row>
    <row r="22626" spans="1:7" x14ac:dyDescent="0.3">
      <c r="A22626" s="13" t="s">
        <v>149</v>
      </c>
      <c r="B22626" s="14" t="s">
        <v>1</v>
      </c>
      <c r="C22626" s="14" t="s">
        <v>150</v>
      </c>
      <c r="D22626" s="14" t="s">
        <v>151</v>
      </c>
      <c r="E22626" s="15">
        <v>45737</v>
      </c>
      <c r="F22626" s="14" t="s">
        <v>61</v>
      </c>
      <c r="G22626" s="16">
        <v>2.2792118329044646</v>
      </c>
    </row>
    <row r="22627" spans="1:7" x14ac:dyDescent="0.3">
      <c r="A22627" s="13" t="s">
        <v>149</v>
      </c>
      <c r="B22627" s="14" t="s">
        <v>1</v>
      </c>
      <c r="C22627" s="14" t="s">
        <v>150</v>
      </c>
      <c r="D22627" s="14" t="s">
        <v>151</v>
      </c>
      <c r="E22627" s="15">
        <v>45738</v>
      </c>
      <c r="F22627" s="14" t="s">
        <v>61</v>
      </c>
      <c r="G22627" s="16">
        <v>2.2792118329044646</v>
      </c>
    </row>
    <row r="22628" spans="1:7" x14ac:dyDescent="0.3">
      <c r="A22628" s="13" t="s">
        <v>149</v>
      </c>
      <c r="B22628" s="14" t="s">
        <v>1</v>
      </c>
      <c r="C22628" s="14" t="s">
        <v>150</v>
      </c>
      <c r="D22628" s="14" t="s">
        <v>151</v>
      </c>
      <c r="E22628" s="15">
        <v>45739</v>
      </c>
      <c r="F22628" s="14" t="s">
        <v>61</v>
      </c>
      <c r="G22628" s="16">
        <v>2.2792118329044646</v>
      </c>
    </row>
    <row r="22629" spans="1:7" x14ac:dyDescent="0.3">
      <c r="A22629" s="13" t="s">
        <v>149</v>
      </c>
      <c r="B22629" s="14" t="s">
        <v>1</v>
      </c>
      <c r="C22629" s="14" t="s">
        <v>150</v>
      </c>
      <c r="D22629" s="14" t="s">
        <v>151</v>
      </c>
      <c r="E22629" s="15">
        <v>45740</v>
      </c>
      <c r="F22629" s="14" t="s">
        <v>61</v>
      </c>
      <c r="G22629" s="16">
        <v>2.281809428207513</v>
      </c>
    </row>
    <row r="22630" spans="1:7" x14ac:dyDescent="0.3">
      <c r="A22630" s="13" t="s">
        <v>149</v>
      </c>
      <c r="B22630" s="14" t="s">
        <v>1</v>
      </c>
      <c r="C22630" s="14" t="s">
        <v>150</v>
      </c>
      <c r="D22630" s="14" t="s">
        <v>151</v>
      </c>
      <c r="E22630" s="15">
        <v>45741</v>
      </c>
      <c r="F22630" s="14" t="s">
        <v>61</v>
      </c>
      <c r="G22630" s="16">
        <v>2.2920801905153589</v>
      </c>
    </row>
    <row r="22631" spans="1:7" x14ac:dyDescent="0.3">
      <c r="A22631" s="13" t="s">
        <v>149</v>
      </c>
      <c r="B22631" s="14" t="s">
        <v>1</v>
      </c>
      <c r="C22631" s="14" t="s">
        <v>150</v>
      </c>
      <c r="D22631" s="14" t="s">
        <v>151</v>
      </c>
      <c r="E22631" s="15">
        <v>45742</v>
      </c>
      <c r="F22631" s="14" t="s">
        <v>61</v>
      </c>
      <c r="G22631" s="16">
        <v>2.2964844813304275</v>
      </c>
    </row>
    <row r="22632" spans="1:7" x14ac:dyDescent="0.3">
      <c r="A22632" s="13" t="s">
        <v>149</v>
      </c>
      <c r="B22632" s="14" t="s">
        <v>1</v>
      </c>
      <c r="C22632" s="14" t="s">
        <v>150</v>
      </c>
      <c r="D22632" s="14" t="s">
        <v>151</v>
      </c>
      <c r="E22632" s="15">
        <v>45743</v>
      </c>
      <c r="F22632" s="14" t="s">
        <v>61</v>
      </c>
      <c r="G22632" s="16">
        <v>2.3041014744927484</v>
      </c>
    </row>
    <row r="22633" spans="1:7" x14ac:dyDescent="0.3">
      <c r="A22633" s="13" t="s">
        <v>149</v>
      </c>
      <c r="B22633" s="14" t="s">
        <v>1</v>
      </c>
      <c r="C22633" s="14" t="s">
        <v>150</v>
      </c>
      <c r="D22633" s="14" t="s">
        <v>151</v>
      </c>
      <c r="E22633" s="15">
        <v>45744</v>
      </c>
      <c r="F22633" s="14" t="s">
        <v>61</v>
      </c>
      <c r="G22633" s="16">
        <v>2.3077847795578208</v>
      </c>
    </row>
    <row r="22634" spans="1:7" x14ac:dyDescent="0.3">
      <c r="A22634" s="13" t="s">
        <v>149</v>
      </c>
      <c r="B22634" s="14" t="s">
        <v>1</v>
      </c>
      <c r="C22634" s="14" t="s">
        <v>150</v>
      </c>
      <c r="D22634" s="14" t="s">
        <v>151</v>
      </c>
      <c r="E22634" s="15">
        <v>45745</v>
      </c>
      <c r="F22634" s="14" t="s">
        <v>61</v>
      </c>
      <c r="G22634" s="16">
        <v>2.3077847795578208</v>
      </c>
    </row>
    <row r="22635" spans="1:7" x14ac:dyDescent="0.3">
      <c r="A22635" s="13" t="s">
        <v>149</v>
      </c>
      <c r="B22635" s="14" t="s">
        <v>1</v>
      </c>
      <c r="C22635" s="14" t="s">
        <v>150</v>
      </c>
      <c r="D22635" s="14" t="s">
        <v>151</v>
      </c>
      <c r="E22635" s="15">
        <v>45746</v>
      </c>
      <c r="F22635" s="14" t="s">
        <v>61</v>
      </c>
      <c r="G22635" s="16">
        <v>2.3077847795578208</v>
      </c>
    </row>
    <row r="22636" spans="1:7" x14ac:dyDescent="0.3">
      <c r="A22636" s="13" t="s">
        <v>149</v>
      </c>
      <c r="B22636" s="14" t="s">
        <v>1</v>
      </c>
      <c r="C22636" s="14" t="s">
        <v>150</v>
      </c>
      <c r="D22636" s="14" t="s">
        <v>151</v>
      </c>
      <c r="E22636" s="15">
        <v>45747</v>
      </c>
      <c r="F22636" s="14" t="s">
        <v>61</v>
      </c>
      <c r="G22636" s="16">
        <v>2.3135764602051871</v>
      </c>
    </row>
    <row r="22637" spans="1:7" x14ac:dyDescent="0.3">
      <c r="A22637" s="13" t="s">
        <v>152</v>
      </c>
      <c r="B22637" s="14" t="s">
        <v>1</v>
      </c>
      <c r="C22637" s="14" t="s">
        <v>35</v>
      </c>
      <c r="D22637" s="14" t="s">
        <v>153</v>
      </c>
      <c r="E22637" s="15">
        <v>45383</v>
      </c>
      <c r="F22637" s="14" t="s">
        <v>25</v>
      </c>
      <c r="G22637" s="16">
        <v>0</v>
      </c>
    </row>
    <row r="22638" spans="1:7" x14ac:dyDescent="0.3">
      <c r="A22638" s="13" t="s">
        <v>152</v>
      </c>
      <c r="B22638" s="14" t="s">
        <v>1</v>
      </c>
      <c r="C22638" s="14" t="s">
        <v>35</v>
      </c>
      <c r="D22638" s="14" t="s">
        <v>153</v>
      </c>
      <c r="E22638" s="15">
        <v>45384</v>
      </c>
      <c r="F22638" s="14" t="s">
        <v>25</v>
      </c>
      <c r="G22638" s="16">
        <v>0</v>
      </c>
    </row>
    <row r="22639" spans="1:7" x14ac:dyDescent="0.3">
      <c r="A22639" s="13" t="s">
        <v>152</v>
      </c>
      <c r="B22639" s="14" t="s">
        <v>1</v>
      </c>
      <c r="C22639" s="14" t="s">
        <v>35</v>
      </c>
      <c r="D22639" s="14" t="s">
        <v>153</v>
      </c>
      <c r="E22639" s="15">
        <v>45385</v>
      </c>
      <c r="F22639" s="14" t="s">
        <v>25</v>
      </c>
      <c r="G22639" s="16">
        <v>0</v>
      </c>
    </row>
    <row r="22640" spans="1:7" x14ac:dyDescent="0.3">
      <c r="A22640" s="13" t="s">
        <v>152</v>
      </c>
      <c r="B22640" s="14" t="s">
        <v>1</v>
      </c>
      <c r="C22640" s="14" t="s">
        <v>35</v>
      </c>
      <c r="D22640" s="14" t="s">
        <v>153</v>
      </c>
      <c r="E22640" s="15">
        <v>45386</v>
      </c>
      <c r="F22640" s="14" t="s">
        <v>25</v>
      </c>
      <c r="G22640" s="16">
        <v>0</v>
      </c>
    </row>
    <row r="22641" spans="1:7" x14ac:dyDescent="0.3">
      <c r="A22641" s="13" t="s">
        <v>152</v>
      </c>
      <c r="B22641" s="14" t="s">
        <v>1</v>
      </c>
      <c r="C22641" s="14" t="s">
        <v>35</v>
      </c>
      <c r="D22641" s="14" t="s">
        <v>153</v>
      </c>
      <c r="E22641" s="15">
        <v>45387</v>
      </c>
      <c r="F22641" s="14" t="s">
        <v>25</v>
      </c>
      <c r="G22641" s="16">
        <v>0</v>
      </c>
    </row>
    <row r="22642" spans="1:7" x14ac:dyDescent="0.3">
      <c r="A22642" s="13" t="s">
        <v>152</v>
      </c>
      <c r="B22642" s="14" t="s">
        <v>1</v>
      </c>
      <c r="C22642" s="14" t="s">
        <v>35</v>
      </c>
      <c r="D22642" s="14" t="s">
        <v>153</v>
      </c>
      <c r="E22642" s="15">
        <v>45388</v>
      </c>
      <c r="F22642" s="14" t="s">
        <v>25</v>
      </c>
      <c r="G22642" s="16">
        <v>0</v>
      </c>
    </row>
    <row r="22643" spans="1:7" x14ac:dyDescent="0.3">
      <c r="A22643" s="13" t="s">
        <v>152</v>
      </c>
      <c r="B22643" s="14" t="s">
        <v>1</v>
      </c>
      <c r="C22643" s="14" t="s">
        <v>35</v>
      </c>
      <c r="D22643" s="14" t="s">
        <v>153</v>
      </c>
      <c r="E22643" s="15">
        <v>45389</v>
      </c>
      <c r="F22643" s="14" t="s">
        <v>25</v>
      </c>
      <c r="G22643" s="16">
        <v>0</v>
      </c>
    </row>
    <row r="22644" spans="1:7" x14ac:dyDescent="0.3">
      <c r="A22644" s="13" t="s">
        <v>152</v>
      </c>
      <c r="B22644" s="14" t="s">
        <v>1</v>
      </c>
      <c r="C22644" s="14" t="s">
        <v>35</v>
      </c>
      <c r="D22644" s="14" t="s">
        <v>153</v>
      </c>
      <c r="E22644" s="15">
        <v>45390</v>
      </c>
      <c r="F22644" s="14" t="s">
        <v>25</v>
      </c>
      <c r="G22644" s="16">
        <v>0</v>
      </c>
    </row>
    <row r="22645" spans="1:7" x14ac:dyDescent="0.3">
      <c r="A22645" s="13" t="s">
        <v>152</v>
      </c>
      <c r="B22645" s="14" t="s">
        <v>1</v>
      </c>
      <c r="C22645" s="14" t="s">
        <v>35</v>
      </c>
      <c r="D22645" s="14" t="s">
        <v>153</v>
      </c>
      <c r="E22645" s="15">
        <v>45391</v>
      </c>
      <c r="F22645" s="14" t="s">
        <v>25</v>
      </c>
      <c r="G22645" s="16">
        <v>0</v>
      </c>
    </row>
    <row r="22646" spans="1:7" x14ac:dyDescent="0.3">
      <c r="A22646" s="13" t="s">
        <v>152</v>
      </c>
      <c r="B22646" s="14" t="s">
        <v>1</v>
      </c>
      <c r="C22646" s="14" t="s">
        <v>35</v>
      </c>
      <c r="D22646" s="14" t="s">
        <v>153</v>
      </c>
      <c r="E22646" s="15">
        <v>45392</v>
      </c>
      <c r="F22646" s="14" t="s">
        <v>25</v>
      </c>
      <c r="G22646" s="16">
        <v>0</v>
      </c>
    </row>
    <row r="22647" spans="1:7" x14ac:dyDescent="0.3">
      <c r="A22647" s="13" t="s">
        <v>152</v>
      </c>
      <c r="B22647" s="14" t="s">
        <v>1</v>
      </c>
      <c r="C22647" s="14" t="s">
        <v>35</v>
      </c>
      <c r="D22647" s="14" t="s">
        <v>153</v>
      </c>
      <c r="E22647" s="15">
        <v>45393</v>
      </c>
      <c r="F22647" s="14" t="s">
        <v>25</v>
      </c>
      <c r="G22647" s="16">
        <v>0</v>
      </c>
    </row>
    <row r="22648" spans="1:7" x14ac:dyDescent="0.3">
      <c r="A22648" s="13" t="s">
        <v>152</v>
      </c>
      <c r="B22648" s="14" t="s">
        <v>1</v>
      </c>
      <c r="C22648" s="14" t="s">
        <v>35</v>
      </c>
      <c r="D22648" s="14" t="s">
        <v>153</v>
      </c>
      <c r="E22648" s="15">
        <v>45394</v>
      </c>
      <c r="F22648" s="14" t="s">
        <v>25</v>
      </c>
      <c r="G22648" s="16">
        <v>0</v>
      </c>
    </row>
    <row r="22649" spans="1:7" x14ac:dyDescent="0.3">
      <c r="A22649" s="13" t="s">
        <v>152</v>
      </c>
      <c r="B22649" s="14" t="s">
        <v>1</v>
      </c>
      <c r="C22649" s="14" t="s">
        <v>35</v>
      </c>
      <c r="D22649" s="14" t="s">
        <v>153</v>
      </c>
      <c r="E22649" s="15">
        <v>45395</v>
      </c>
      <c r="F22649" s="14" t="s">
        <v>25</v>
      </c>
      <c r="G22649" s="16">
        <v>0</v>
      </c>
    </row>
    <row r="22650" spans="1:7" x14ac:dyDescent="0.3">
      <c r="A22650" s="13" t="s">
        <v>152</v>
      </c>
      <c r="B22650" s="14" t="s">
        <v>1</v>
      </c>
      <c r="C22650" s="14" t="s">
        <v>35</v>
      </c>
      <c r="D22650" s="14" t="s">
        <v>153</v>
      </c>
      <c r="E22650" s="15">
        <v>45396</v>
      </c>
      <c r="F22650" s="14" t="s">
        <v>25</v>
      </c>
      <c r="G22650" s="16">
        <v>0</v>
      </c>
    </row>
    <row r="22651" spans="1:7" x14ac:dyDescent="0.3">
      <c r="A22651" s="13" t="s">
        <v>152</v>
      </c>
      <c r="B22651" s="14" t="s">
        <v>1</v>
      </c>
      <c r="C22651" s="14" t="s">
        <v>35</v>
      </c>
      <c r="D22651" s="14" t="s">
        <v>153</v>
      </c>
      <c r="E22651" s="15">
        <v>45397</v>
      </c>
      <c r="F22651" s="14" t="s">
        <v>25</v>
      </c>
      <c r="G22651" s="16">
        <v>0</v>
      </c>
    </row>
    <row r="22652" spans="1:7" x14ac:dyDescent="0.3">
      <c r="A22652" s="13" t="s">
        <v>152</v>
      </c>
      <c r="B22652" s="14" t="s">
        <v>1</v>
      </c>
      <c r="C22652" s="14" t="s">
        <v>35</v>
      </c>
      <c r="D22652" s="14" t="s">
        <v>153</v>
      </c>
      <c r="E22652" s="15">
        <v>45398</v>
      </c>
      <c r="F22652" s="14" t="s">
        <v>25</v>
      </c>
      <c r="G22652" s="16">
        <v>0</v>
      </c>
    </row>
    <row r="22653" spans="1:7" x14ac:dyDescent="0.3">
      <c r="A22653" s="13" t="s">
        <v>152</v>
      </c>
      <c r="B22653" s="14" t="s">
        <v>1</v>
      </c>
      <c r="C22653" s="14" t="s">
        <v>35</v>
      </c>
      <c r="D22653" s="14" t="s">
        <v>153</v>
      </c>
      <c r="E22653" s="15">
        <v>45399</v>
      </c>
      <c r="F22653" s="14" t="s">
        <v>25</v>
      </c>
      <c r="G22653" s="16">
        <v>0</v>
      </c>
    </row>
    <row r="22654" spans="1:7" x14ac:dyDescent="0.3">
      <c r="A22654" s="13" t="s">
        <v>152</v>
      </c>
      <c r="B22654" s="14" t="s">
        <v>1</v>
      </c>
      <c r="C22654" s="14" t="s">
        <v>35</v>
      </c>
      <c r="D22654" s="14" t="s">
        <v>153</v>
      </c>
      <c r="E22654" s="15">
        <v>45400</v>
      </c>
      <c r="F22654" s="14" t="s">
        <v>25</v>
      </c>
      <c r="G22654" s="16">
        <v>0</v>
      </c>
    </row>
    <row r="22655" spans="1:7" x14ac:dyDescent="0.3">
      <c r="A22655" s="13" t="s">
        <v>152</v>
      </c>
      <c r="B22655" s="14" t="s">
        <v>1</v>
      </c>
      <c r="C22655" s="14" t="s">
        <v>35</v>
      </c>
      <c r="D22655" s="14" t="s">
        <v>153</v>
      </c>
      <c r="E22655" s="15">
        <v>45401</v>
      </c>
      <c r="F22655" s="14" t="s">
        <v>25</v>
      </c>
      <c r="G22655" s="16">
        <v>0</v>
      </c>
    </row>
    <row r="22656" spans="1:7" x14ac:dyDescent="0.3">
      <c r="A22656" s="13" t="s">
        <v>152</v>
      </c>
      <c r="B22656" s="14" t="s">
        <v>1</v>
      </c>
      <c r="C22656" s="14" t="s">
        <v>35</v>
      </c>
      <c r="D22656" s="14" t="s">
        <v>153</v>
      </c>
      <c r="E22656" s="15">
        <v>45402</v>
      </c>
      <c r="F22656" s="14" t="s">
        <v>25</v>
      </c>
      <c r="G22656" s="16">
        <v>0</v>
      </c>
    </row>
    <row r="22657" spans="1:7" x14ac:dyDescent="0.3">
      <c r="A22657" s="13" t="s">
        <v>152</v>
      </c>
      <c r="B22657" s="14" t="s">
        <v>1</v>
      </c>
      <c r="C22657" s="14" t="s">
        <v>35</v>
      </c>
      <c r="D22657" s="14" t="s">
        <v>153</v>
      </c>
      <c r="E22657" s="15">
        <v>45403</v>
      </c>
      <c r="F22657" s="14" t="s">
        <v>25</v>
      </c>
      <c r="G22657" s="16">
        <v>0</v>
      </c>
    </row>
    <row r="22658" spans="1:7" x14ac:dyDescent="0.3">
      <c r="A22658" s="13" t="s">
        <v>152</v>
      </c>
      <c r="B22658" s="14" t="s">
        <v>1</v>
      </c>
      <c r="C22658" s="14" t="s">
        <v>35</v>
      </c>
      <c r="D22658" s="14" t="s">
        <v>153</v>
      </c>
      <c r="E22658" s="15">
        <v>45404</v>
      </c>
      <c r="F22658" s="14" t="s">
        <v>25</v>
      </c>
      <c r="G22658" s="16">
        <v>0</v>
      </c>
    </row>
    <row r="22659" spans="1:7" x14ac:dyDescent="0.3">
      <c r="A22659" s="13" t="s">
        <v>152</v>
      </c>
      <c r="B22659" s="14" t="s">
        <v>1</v>
      </c>
      <c r="C22659" s="14" t="s">
        <v>35</v>
      </c>
      <c r="D22659" s="14" t="s">
        <v>153</v>
      </c>
      <c r="E22659" s="15">
        <v>45405</v>
      </c>
      <c r="F22659" s="14" t="s">
        <v>25</v>
      </c>
      <c r="G22659" s="16">
        <v>0</v>
      </c>
    </row>
    <row r="22660" spans="1:7" x14ac:dyDescent="0.3">
      <c r="A22660" s="13" t="s">
        <v>152</v>
      </c>
      <c r="B22660" s="14" t="s">
        <v>1</v>
      </c>
      <c r="C22660" s="14" t="s">
        <v>35</v>
      </c>
      <c r="D22660" s="14" t="s">
        <v>153</v>
      </c>
      <c r="E22660" s="15">
        <v>45406</v>
      </c>
      <c r="F22660" s="14" t="s">
        <v>25</v>
      </c>
      <c r="G22660" s="16">
        <v>0</v>
      </c>
    </row>
    <row r="22661" spans="1:7" x14ac:dyDescent="0.3">
      <c r="A22661" s="13" t="s">
        <v>152</v>
      </c>
      <c r="B22661" s="14" t="s">
        <v>1</v>
      </c>
      <c r="C22661" s="14" t="s">
        <v>35</v>
      </c>
      <c r="D22661" s="14" t="s">
        <v>153</v>
      </c>
      <c r="E22661" s="15">
        <v>45407</v>
      </c>
      <c r="F22661" s="14" t="s">
        <v>25</v>
      </c>
      <c r="G22661" s="16">
        <v>0</v>
      </c>
    </row>
    <row r="22662" spans="1:7" x14ac:dyDescent="0.3">
      <c r="A22662" s="13" t="s">
        <v>152</v>
      </c>
      <c r="B22662" s="14" t="s">
        <v>1</v>
      </c>
      <c r="C22662" s="14" t="s">
        <v>35</v>
      </c>
      <c r="D22662" s="14" t="s">
        <v>153</v>
      </c>
      <c r="E22662" s="15">
        <v>45408</v>
      </c>
      <c r="F22662" s="14" t="s">
        <v>25</v>
      </c>
      <c r="G22662" s="16">
        <v>0</v>
      </c>
    </row>
    <row r="22663" spans="1:7" x14ac:dyDescent="0.3">
      <c r="A22663" s="13" t="s">
        <v>152</v>
      </c>
      <c r="B22663" s="14" t="s">
        <v>1</v>
      </c>
      <c r="C22663" s="14" t="s">
        <v>35</v>
      </c>
      <c r="D22663" s="14" t="s">
        <v>153</v>
      </c>
      <c r="E22663" s="15">
        <v>45409</v>
      </c>
      <c r="F22663" s="14" t="s">
        <v>25</v>
      </c>
      <c r="G22663" s="16">
        <v>0</v>
      </c>
    </row>
    <row r="22664" spans="1:7" x14ac:dyDescent="0.3">
      <c r="A22664" s="13" t="s">
        <v>152</v>
      </c>
      <c r="B22664" s="14" t="s">
        <v>1</v>
      </c>
      <c r="C22664" s="14" t="s">
        <v>35</v>
      </c>
      <c r="D22664" s="14" t="s">
        <v>153</v>
      </c>
      <c r="E22664" s="15">
        <v>45410</v>
      </c>
      <c r="F22664" s="14" t="s">
        <v>25</v>
      </c>
      <c r="G22664" s="16">
        <v>0</v>
      </c>
    </row>
    <row r="22665" spans="1:7" x14ac:dyDescent="0.3">
      <c r="A22665" s="13" t="s">
        <v>152</v>
      </c>
      <c r="B22665" s="14" t="s">
        <v>1</v>
      </c>
      <c r="C22665" s="14" t="s">
        <v>35</v>
      </c>
      <c r="D22665" s="14" t="s">
        <v>153</v>
      </c>
      <c r="E22665" s="15">
        <v>45411</v>
      </c>
      <c r="F22665" s="14" t="s">
        <v>25</v>
      </c>
      <c r="G22665" s="16">
        <v>0</v>
      </c>
    </row>
    <row r="22666" spans="1:7" x14ac:dyDescent="0.3">
      <c r="A22666" s="13" t="s">
        <v>152</v>
      </c>
      <c r="B22666" s="14" t="s">
        <v>1</v>
      </c>
      <c r="C22666" s="14" t="s">
        <v>35</v>
      </c>
      <c r="D22666" s="14" t="s">
        <v>153</v>
      </c>
      <c r="E22666" s="15">
        <v>45412</v>
      </c>
      <c r="F22666" s="14" t="s">
        <v>25</v>
      </c>
      <c r="G22666" s="16">
        <v>0</v>
      </c>
    </row>
    <row r="22667" spans="1:7" x14ac:dyDescent="0.3">
      <c r="A22667" s="13" t="s">
        <v>152</v>
      </c>
      <c r="B22667" s="14" t="s">
        <v>1</v>
      </c>
      <c r="C22667" s="14" t="s">
        <v>35</v>
      </c>
      <c r="D22667" s="14" t="s">
        <v>153</v>
      </c>
      <c r="E22667" s="15">
        <v>45413</v>
      </c>
      <c r="F22667" s="14" t="s">
        <v>25</v>
      </c>
      <c r="G22667" s="16">
        <v>0</v>
      </c>
    </row>
    <row r="22668" spans="1:7" x14ac:dyDescent="0.3">
      <c r="A22668" s="13" t="s">
        <v>152</v>
      </c>
      <c r="B22668" s="14" t="s">
        <v>1</v>
      </c>
      <c r="C22668" s="14" t="s">
        <v>35</v>
      </c>
      <c r="D22668" s="14" t="s">
        <v>153</v>
      </c>
      <c r="E22668" s="15">
        <v>45414</v>
      </c>
      <c r="F22668" s="14" t="s">
        <v>25</v>
      </c>
      <c r="G22668" s="16">
        <v>0</v>
      </c>
    </row>
    <row r="22669" spans="1:7" x14ac:dyDescent="0.3">
      <c r="A22669" s="13" t="s">
        <v>152</v>
      </c>
      <c r="B22669" s="14" t="s">
        <v>1</v>
      </c>
      <c r="C22669" s="14" t="s">
        <v>35</v>
      </c>
      <c r="D22669" s="14" t="s">
        <v>153</v>
      </c>
      <c r="E22669" s="15">
        <v>45415</v>
      </c>
      <c r="F22669" s="14" t="s">
        <v>25</v>
      </c>
      <c r="G22669" s="16">
        <v>0</v>
      </c>
    </row>
    <row r="22670" spans="1:7" x14ac:dyDescent="0.3">
      <c r="A22670" s="13" t="s">
        <v>152</v>
      </c>
      <c r="B22670" s="14" t="s">
        <v>1</v>
      </c>
      <c r="C22670" s="14" t="s">
        <v>35</v>
      </c>
      <c r="D22670" s="14" t="s">
        <v>153</v>
      </c>
      <c r="E22670" s="15">
        <v>45416</v>
      </c>
      <c r="F22670" s="14" t="s">
        <v>25</v>
      </c>
      <c r="G22670" s="16">
        <v>0</v>
      </c>
    </row>
    <row r="22671" spans="1:7" x14ac:dyDescent="0.3">
      <c r="A22671" s="13" t="s">
        <v>152</v>
      </c>
      <c r="B22671" s="14" t="s">
        <v>1</v>
      </c>
      <c r="C22671" s="14" t="s">
        <v>35</v>
      </c>
      <c r="D22671" s="14" t="s">
        <v>153</v>
      </c>
      <c r="E22671" s="15">
        <v>45417</v>
      </c>
      <c r="F22671" s="14" t="s">
        <v>25</v>
      </c>
      <c r="G22671" s="16">
        <v>0</v>
      </c>
    </row>
    <row r="22672" spans="1:7" x14ac:dyDescent="0.3">
      <c r="A22672" s="13" t="s">
        <v>152</v>
      </c>
      <c r="B22672" s="14" t="s">
        <v>1</v>
      </c>
      <c r="C22672" s="14" t="s">
        <v>35</v>
      </c>
      <c r="D22672" s="14" t="s">
        <v>153</v>
      </c>
      <c r="E22672" s="15">
        <v>45418</v>
      </c>
      <c r="F22672" s="14" t="s">
        <v>25</v>
      </c>
      <c r="G22672" s="16">
        <v>0</v>
      </c>
    </row>
    <row r="22673" spans="1:7" x14ac:dyDescent="0.3">
      <c r="A22673" s="13" t="s">
        <v>152</v>
      </c>
      <c r="B22673" s="14" t="s">
        <v>1</v>
      </c>
      <c r="C22673" s="14" t="s">
        <v>35</v>
      </c>
      <c r="D22673" s="14" t="s">
        <v>153</v>
      </c>
      <c r="E22673" s="15">
        <v>45419</v>
      </c>
      <c r="F22673" s="14" t="s">
        <v>25</v>
      </c>
      <c r="G22673" s="16">
        <v>0</v>
      </c>
    </row>
    <row r="22674" spans="1:7" x14ac:dyDescent="0.3">
      <c r="A22674" s="13" t="s">
        <v>152</v>
      </c>
      <c r="B22674" s="14" t="s">
        <v>1</v>
      </c>
      <c r="C22674" s="14" t="s">
        <v>35</v>
      </c>
      <c r="D22674" s="14" t="s">
        <v>153</v>
      </c>
      <c r="E22674" s="15">
        <v>45420</v>
      </c>
      <c r="F22674" s="14" t="s">
        <v>25</v>
      </c>
      <c r="G22674" s="16">
        <v>0</v>
      </c>
    </row>
    <row r="22675" spans="1:7" x14ac:dyDescent="0.3">
      <c r="A22675" s="13" t="s">
        <v>152</v>
      </c>
      <c r="B22675" s="14" t="s">
        <v>1</v>
      </c>
      <c r="C22675" s="14" t="s">
        <v>35</v>
      </c>
      <c r="D22675" s="14" t="s">
        <v>153</v>
      </c>
      <c r="E22675" s="15">
        <v>45421</v>
      </c>
      <c r="F22675" s="14" t="s">
        <v>25</v>
      </c>
      <c r="G22675" s="16">
        <v>0</v>
      </c>
    </row>
    <row r="22676" spans="1:7" x14ac:dyDescent="0.3">
      <c r="A22676" s="13" t="s">
        <v>152</v>
      </c>
      <c r="B22676" s="14" t="s">
        <v>1</v>
      </c>
      <c r="C22676" s="14" t="s">
        <v>35</v>
      </c>
      <c r="D22676" s="14" t="s">
        <v>153</v>
      </c>
      <c r="E22676" s="15">
        <v>45422</v>
      </c>
      <c r="F22676" s="14" t="s">
        <v>25</v>
      </c>
      <c r="G22676" s="16">
        <v>0</v>
      </c>
    </row>
    <row r="22677" spans="1:7" x14ac:dyDescent="0.3">
      <c r="A22677" s="13" t="s">
        <v>152</v>
      </c>
      <c r="B22677" s="14" t="s">
        <v>1</v>
      </c>
      <c r="C22677" s="14" t="s">
        <v>35</v>
      </c>
      <c r="D22677" s="14" t="s">
        <v>153</v>
      </c>
      <c r="E22677" s="15">
        <v>45423</v>
      </c>
      <c r="F22677" s="14" t="s">
        <v>25</v>
      </c>
      <c r="G22677" s="16">
        <v>0</v>
      </c>
    </row>
    <row r="22678" spans="1:7" x14ac:dyDescent="0.3">
      <c r="A22678" s="13" t="s">
        <v>152</v>
      </c>
      <c r="B22678" s="14" t="s">
        <v>1</v>
      </c>
      <c r="C22678" s="14" t="s">
        <v>35</v>
      </c>
      <c r="D22678" s="14" t="s">
        <v>153</v>
      </c>
      <c r="E22678" s="15">
        <v>45424</v>
      </c>
      <c r="F22678" s="14" t="s">
        <v>25</v>
      </c>
      <c r="G22678" s="16">
        <v>0</v>
      </c>
    </row>
    <row r="22679" spans="1:7" x14ac:dyDescent="0.3">
      <c r="A22679" s="13" t="s">
        <v>152</v>
      </c>
      <c r="B22679" s="14" t="s">
        <v>1</v>
      </c>
      <c r="C22679" s="14" t="s">
        <v>35</v>
      </c>
      <c r="D22679" s="14" t="s">
        <v>153</v>
      </c>
      <c r="E22679" s="15">
        <v>45425</v>
      </c>
      <c r="F22679" s="14" t="s">
        <v>25</v>
      </c>
      <c r="G22679" s="16">
        <v>0</v>
      </c>
    </row>
    <row r="22680" spans="1:7" x14ac:dyDescent="0.3">
      <c r="A22680" s="13" t="s">
        <v>152</v>
      </c>
      <c r="B22680" s="14" t="s">
        <v>1</v>
      </c>
      <c r="C22680" s="14" t="s">
        <v>35</v>
      </c>
      <c r="D22680" s="14" t="s">
        <v>153</v>
      </c>
      <c r="E22680" s="15">
        <v>45426</v>
      </c>
      <c r="F22680" s="14" t="s">
        <v>25</v>
      </c>
      <c r="G22680" s="16">
        <v>0</v>
      </c>
    </row>
    <row r="22681" spans="1:7" x14ac:dyDescent="0.3">
      <c r="A22681" s="13" t="s">
        <v>152</v>
      </c>
      <c r="B22681" s="14" t="s">
        <v>1</v>
      </c>
      <c r="C22681" s="14" t="s">
        <v>35</v>
      </c>
      <c r="D22681" s="14" t="s">
        <v>153</v>
      </c>
      <c r="E22681" s="15">
        <v>45427</v>
      </c>
      <c r="F22681" s="14" t="s">
        <v>25</v>
      </c>
      <c r="G22681" s="16">
        <v>0</v>
      </c>
    </row>
    <row r="22682" spans="1:7" x14ac:dyDescent="0.3">
      <c r="A22682" s="13" t="s">
        <v>152</v>
      </c>
      <c r="B22682" s="14" t="s">
        <v>1</v>
      </c>
      <c r="C22682" s="14" t="s">
        <v>35</v>
      </c>
      <c r="D22682" s="14" t="s">
        <v>153</v>
      </c>
      <c r="E22682" s="15">
        <v>45428</v>
      </c>
      <c r="F22682" s="14" t="s">
        <v>25</v>
      </c>
      <c r="G22682" s="16">
        <v>0</v>
      </c>
    </row>
    <row r="22683" spans="1:7" x14ac:dyDescent="0.3">
      <c r="A22683" s="13" t="s">
        <v>152</v>
      </c>
      <c r="B22683" s="14" t="s">
        <v>1</v>
      </c>
      <c r="C22683" s="14" t="s">
        <v>35</v>
      </c>
      <c r="D22683" s="14" t="s">
        <v>153</v>
      </c>
      <c r="E22683" s="15">
        <v>45429</v>
      </c>
      <c r="F22683" s="14" t="s">
        <v>25</v>
      </c>
      <c r="G22683" s="16">
        <v>0</v>
      </c>
    </row>
    <row r="22684" spans="1:7" x14ac:dyDescent="0.3">
      <c r="A22684" s="13" t="s">
        <v>152</v>
      </c>
      <c r="B22684" s="14" t="s">
        <v>1</v>
      </c>
      <c r="C22684" s="14" t="s">
        <v>35</v>
      </c>
      <c r="D22684" s="14" t="s">
        <v>153</v>
      </c>
      <c r="E22684" s="15">
        <v>45430</v>
      </c>
      <c r="F22684" s="14" t="s">
        <v>25</v>
      </c>
      <c r="G22684" s="16">
        <v>0</v>
      </c>
    </row>
    <row r="22685" spans="1:7" x14ac:dyDescent="0.3">
      <c r="A22685" s="13" t="s">
        <v>152</v>
      </c>
      <c r="B22685" s="14" t="s">
        <v>1</v>
      </c>
      <c r="C22685" s="14" t="s">
        <v>35</v>
      </c>
      <c r="D22685" s="14" t="s">
        <v>153</v>
      </c>
      <c r="E22685" s="15">
        <v>45431</v>
      </c>
      <c r="F22685" s="14" t="s">
        <v>25</v>
      </c>
      <c r="G22685" s="16">
        <v>0</v>
      </c>
    </row>
    <row r="22686" spans="1:7" x14ac:dyDescent="0.3">
      <c r="A22686" s="13" t="s">
        <v>152</v>
      </c>
      <c r="B22686" s="14" t="s">
        <v>1</v>
      </c>
      <c r="C22686" s="14" t="s">
        <v>35</v>
      </c>
      <c r="D22686" s="14" t="s">
        <v>153</v>
      </c>
      <c r="E22686" s="15">
        <v>45432</v>
      </c>
      <c r="F22686" s="14" t="s">
        <v>25</v>
      </c>
      <c r="G22686" s="16">
        <v>0</v>
      </c>
    </row>
    <row r="22687" spans="1:7" x14ac:dyDescent="0.3">
      <c r="A22687" s="13" t="s">
        <v>152</v>
      </c>
      <c r="B22687" s="14" t="s">
        <v>1</v>
      </c>
      <c r="C22687" s="14" t="s">
        <v>35</v>
      </c>
      <c r="D22687" s="14" t="s">
        <v>153</v>
      </c>
      <c r="E22687" s="15">
        <v>45433</v>
      </c>
      <c r="F22687" s="14" t="s">
        <v>25</v>
      </c>
      <c r="G22687" s="16">
        <v>0</v>
      </c>
    </row>
    <row r="22688" spans="1:7" x14ac:dyDescent="0.3">
      <c r="A22688" s="13" t="s">
        <v>152</v>
      </c>
      <c r="B22688" s="14" t="s">
        <v>1</v>
      </c>
      <c r="C22688" s="14" t="s">
        <v>35</v>
      </c>
      <c r="D22688" s="14" t="s">
        <v>153</v>
      </c>
      <c r="E22688" s="15">
        <v>45434</v>
      </c>
      <c r="F22688" s="14" t="s">
        <v>25</v>
      </c>
      <c r="G22688" s="16">
        <v>0</v>
      </c>
    </row>
    <row r="22689" spans="1:7" x14ac:dyDescent="0.3">
      <c r="A22689" s="13" t="s">
        <v>152</v>
      </c>
      <c r="B22689" s="14" t="s">
        <v>1</v>
      </c>
      <c r="C22689" s="14" t="s">
        <v>35</v>
      </c>
      <c r="D22689" s="14" t="s">
        <v>153</v>
      </c>
      <c r="E22689" s="15">
        <v>45435</v>
      </c>
      <c r="F22689" s="14" t="s">
        <v>25</v>
      </c>
      <c r="G22689" s="16">
        <v>0</v>
      </c>
    </row>
    <row r="22690" spans="1:7" x14ac:dyDescent="0.3">
      <c r="A22690" s="13" t="s">
        <v>152</v>
      </c>
      <c r="B22690" s="14" t="s">
        <v>1</v>
      </c>
      <c r="C22690" s="14" t="s">
        <v>35</v>
      </c>
      <c r="D22690" s="14" t="s">
        <v>153</v>
      </c>
      <c r="E22690" s="15">
        <v>45436</v>
      </c>
      <c r="F22690" s="14" t="s">
        <v>25</v>
      </c>
      <c r="G22690" s="16">
        <v>0</v>
      </c>
    </row>
    <row r="22691" spans="1:7" x14ac:dyDescent="0.3">
      <c r="A22691" s="13" t="s">
        <v>152</v>
      </c>
      <c r="B22691" s="14" t="s">
        <v>1</v>
      </c>
      <c r="C22691" s="14" t="s">
        <v>35</v>
      </c>
      <c r="D22691" s="14" t="s">
        <v>153</v>
      </c>
      <c r="E22691" s="15">
        <v>45437</v>
      </c>
      <c r="F22691" s="14" t="s">
        <v>25</v>
      </c>
      <c r="G22691" s="16">
        <v>0</v>
      </c>
    </row>
    <row r="22692" spans="1:7" x14ac:dyDescent="0.3">
      <c r="A22692" s="13" t="s">
        <v>152</v>
      </c>
      <c r="B22692" s="14" t="s">
        <v>1</v>
      </c>
      <c r="C22692" s="14" t="s">
        <v>35</v>
      </c>
      <c r="D22692" s="14" t="s">
        <v>153</v>
      </c>
      <c r="E22692" s="15">
        <v>45438</v>
      </c>
      <c r="F22692" s="14" t="s">
        <v>25</v>
      </c>
      <c r="G22692" s="16">
        <v>0</v>
      </c>
    </row>
    <row r="22693" spans="1:7" x14ac:dyDescent="0.3">
      <c r="A22693" s="13" t="s">
        <v>152</v>
      </c>
      <c r="B22693" s="14" t="s">
        <v>1</v>
      </c>
      <c r="C22693" s="14" t="s">
        <v>35</v>
      </c>
      <c r="D22693" s="14" t="s">
        <v>153</v>
      </c>
      <c r="E22693" s="15">
        <v>45439</v>
      </c>
      <c r="F22693" s="14" t="s">
        <v>25</v>
      </c>
      <c r="G22693" s="16">
        <v>0</v>
      </c>
    </row>
    <row r="22694" spans="1:7" x14ac:dyDescent="0.3">
      <c r="A22694" s="13" t="s">
        <v>152</v>
      </c>
      <c r="B22694" s="14" t="s">
        <v>1</v>
      </c>
      <c r="C22694" s="14" t="s">
        <v>35</v>
      </c>
      <c r="D22694" s="14" t="s">
        <v>153</v>
      </c>
      <c r="E22694" s="15">
        <v>45440</v>
      </c>
      <c r="F22694" s="14" t="s">
        <v>25</v>
      </c>
      <c r="G22694" s="16">
        <v>0</v>
      </c>
    </row>
    <row r="22695" spans="1:7" x14ac:dyDescent="0.3">
      <c r="A22695" s="13" t="s">
        <v>152</v>
      </c>
      <c r="B22695" s="14" t="s">
        <v>1</v>
      </c>
      <c r="C22695" s="14" t="s">
        <v>35</v>
      </c>
      <c r="D22695" s="14" t="s">
        <v>153</v>
      </c>
      <c r="E22695" s="15">
        <v>45441</v>
      </c>
      <c r="F22695" s="14" t="s">
        <v>25</v>
      </c>
      <c r="G22695" s="16">
        <v>0</v>
      </c>
    </row>
    <row r="22696" spans="1:7" x14ac:dyDescent="0.3">
      <c r="A22696" s="13" t="s">
        <v>152</v>
      </c>
      <c r="B22696" s="14" t="s">
        <v>1</v>
      </c>
      <c r="C22696" s="14" t="s">
        <v>35</v>
      </c>
      <c r="D22696" s="14" t="s">
        <v>153</v>
      </c>
      <c r="E22696" s="15">
        <v>45442</v>
      </c>
      <c r="F22696" s="14" t="s">
        <v>25</v>
      </c>
      <c r="G22696" s="16">
        <v>0</v>
      </c>
    </row>
    <row r="22697" spans="1:7" x14ac:dyDescent="0.3">
      <c r="A22697" s="13" t="s">
        <v>152</v>
      </c>
      <c r="B22697" s="14" t="s">
        <v>1</v>
      </c>
      <c r="C22697" s="14" t="s">
        <v>35</v>
      </c>
      <c r="D22697" s="14" t="s">
        <v>153</v>
      </c>
      <c r="E22697" s="15">
        <v>45443</v>
      </c>
      <c r="F22697" s="14" t="s">
        <v>25</v>
      </c>
      <c r="G22697" s="16">
        <v>0</v>
      </c>
    </row>
    <row r="22698" spans="1:7" x14ac:dyDescent="0.3">
      <c r="A22698" s="13" t="s">
        <v>152</v>
      </c>
      <c r="B22698" s="14" t="s">
        <v>1</v>
      </c>
      <c r="C22698" s="14" t="s">
        <v>35</v>
      </c>
      <c r="D22698" s="14" t="s">
        <v>153</v>
      </c>
      <c r="E22698" s="15">
        <v>45444</v>
      </c>
      <c r="F22698" s="14" t="s">
        <v>25</v>
      </c>
      <c r="G22698" s="16">
        <v>0</v>
      </c>
    </row>
    <row r="22699" spans="1:7" x14ac:dyDescent="0.3">
      <c r="A22699" s="13" t="s">
        <v>152</v>
      </c>
      <c r="B22699" s="14" t="s">
        <v>1</v>
      </c>
      <c r="C22699" s="14" t="s">
        <v>35</v>
      </c>
      <c r="D22699" s="14" t="s">
        <v>153</v>
      </c>
      <c r="E22699" s="15">
        <v>45445</v>
      </c>
      <c r="F22699" s="14" t="s">
        <v>25</v>
      </c>
      <c r="G22699" s="16">
        <v>0</v>
      </c>
    </row>
    <row r="22700" spans="1:7" x14ac:dyDescent="0.3">
      <c r="A22700" s="13" t="s">
        <v>152</v>
      </c>
      <c r="B22700" s="14" t="s">
        <v>1</v>
      </c>
      <c r="C22700" s="14" t="s">
        <v>35</v>
      </c>
      <c r="D22700" s="14" t="s">
        <v>153</v>
      </c>
      <c r="E22700" s="15">
        <v>45446</v>
      </c>
      <c r="F22700" s="14" t="s">
        <v>25</v>
      </c>
      <c r="G22700" s="16">
        <v>0</v>
      </c>
    </row>
    <row r="22701" spans="1:7" x14ac:dyDescent="0.3">
      <c r="A22701" s="13" t="s">
        <v>152</v>
      </c>
      <c r="B22701" s="14" t="s">
        <v>1</v>
      </c>
      <c r="C22701" s="14" t="s">
        <v>35</v>
      </c>
      <c r="D22701" s="14" t="s">
        <v>153</v>
      </c>
      <c r="E22701" s="15">
        <v>45447</v>
      </c>
      <c r="F22701" s="14" t="s">
        <v>25</v>
      </c>
      <c r="G22701" s="16">
        <v>0</v>
      </c>
    </row>
    <row r="22702" spans="1:7" x14ac:dyDescent="0.3">
      <c r="A22702" s="13" t="s">
        <v>152</v>
      </c>
      <c r="B22702" s="14" t="s">
        <v>1</v>
      </c>
      <c r="C22702" s="14" t="s">
        <v>35</v>
      </c>
      <c r="D22702" s="14" t="s">
        <v>153</v>
      </c>
      <c r="E22702" s="15">
        <v>45448</v>
      </c>
      <c r="F22702" s="14" t="s">
        <v>25</v>
      </c>
      <c r="G22702" s="16">
        <v>0</v>
      </c>
    </row>
    <row r="22703" spans="1:7" x14ac:dyDescent="0.3">
      <c r="A22703" s="13" t="s">
        <v>152</v>
      </c>
      <c r="B22703" s="14" t="s">
        <v>1</v>
      </c>
      <c r="C22703" s="14" t="s">
        <v>35</v>
      </c>
      <c r="D22703" s="14" t="s">
        <v>153</v>
      </c>
      <c r="E22703" s="15">
        <v>45449</v>
      </c>
      <c r="F22703" s="14" t="s">
        <v>25</v>
      </c>
      <c r="G22703" s="16">
        <v>0</v>
      </c>
    </row>
    <row r="22704" spans="1:7" x14ac:dyDescent="0.3">
      <c r="A22704" s="13" t="s">
        <v>152</v>
      </c>
      <c r="B22704" s="14" t="s">
        <v>1</v>
      </c>
      <c r="C22704" s="14" t="s">
        <v>35</v>
      </c>
      <c r="D22704" s="14" t="s">
        <v>153</v>
      </c>
      <c r="E22704" s="15">
        <v>45450</v>
      </c>
      <c r="F22704" s="14" t="s">
        <v>25</v>
      </c>
      <c r="G22704" s="16">
        <v>0</v>
      </c>
    </row>
    <row r="22705" spans="1:7" x14ac:dyDescent="0.3">
      <c r="A22705" s="13" t="s">
        <v>152</v>
      </c>
      <c r="B22705" s="14" t="s">
        <v>1</v>
      </c>
      <c r="C22705" s="14" t="s">
        <v>35</v>
      </c>
      <c r="D22705" s="14" t="s">
        <v>153</v>
      </c>
      <c r="E22705" s="15">
        <v>45451</v>
      </c>
      <c r="F22705" s="14" t="s">
        <v>25</v>
      </c>
      <c r="G22705" s="16">
        <v>0</v>
      </c>
    </row>
    <row r="22706" spans="1:7" x14ac:dyDescent="0.3">
      <c r="A22706" s="13" t="s">
        <v>152</v>
      </c>
      <c r="B22706" s="14" t="s">
        <v>1</v>
      </c>
      <c r="C22706" s="14" t="s">
        <v>35</v>
      </c>
      <c r="D22706" s="14" t="s">
        <v>153</v>
      </c>
      <c r="E22706" s="15">
        <v>45452</v>
      </c>
      <c r="F22706" s="14" t="s">
        <v>25</v>
      </c>
      <c r="G22706" s="16">
        <v>0</v>
      </c>
    </row>
    <row r="22707" spans="1:7" x14ac:dyDescent="0.3">
      <c r="A22707" s="13" t="s">
        <v>152</v>
      </c>
      <c r="B22707" s="14" t="s">
        <v>1</v>
      </c>
      <c r="C22707" s="14" t="s">
        <v>35</v>
      </c>
      <c r="D22707" s="14" t="s">
        <v>153</v>
      </c>
      <c r="E22707" s="15">
        <v>45453</v>
      </c>
      <c r="F22707" s="14" t="s">
        <v>25</v>
      </c>
      <c r="G22707" s="16">
        <v>2.9349695973337038E-4</v>
      </c>
    </row>
    <row r="22708" spans="1:7" x14ac:dyDescent="0.3">
      <c r="A22708" s="13" t="s">
        <v>152</v>
      </c>
      <c r="B22708" s="14" t="s">
        <v>1</v>
      </c>
      <c r="C22708" s="14" t="s">
        <v>35</v>
      </c>
      <c r="D22708" s="14" t="s">
        <v>153</v>
      </c>
      <c r="E22708" s="15">
        <v>45454</v>
      </c>
      <c r="F22708" s="14" t="s">
        <v>25</v>
      </c>
      <c r="G22708" s="16">
        <v>0</v>
      </c>
    </row>
    <row r="22709" spans="1:7" x14ac:dyDescent="0.3">
      <c r="A22709" s="13" t="s">
        <v>152</v>
      </c>
      <c r="B22709" s="14" t="s">
        <v>1</v>
      </c>
      <c r="C22709" s="14" t="s">
        <v>35</v>
      </c>
      <c r="D22709" s="14" t="s">
        <v>153</v>
      </c>
      <c r="E22709" s="15">
        <v>45455</v>
      </c>
      <c r="F22709" s="14" t="s">
        <v>25</v>
      </c>
      <c r="G22709" s="16">
        <v>0</v>
      </c>
    </row>
    <row r="22710" spans="1:7" x14ac:dyDescent="0.3">
      <c r="A22710" s="13" t="s">
        <v>152</v>
      </c>
      <c r="B22710" s="14" t="s">
        <v>1</v>
      </c>
      <c r="C22710" s="14" t="s">
        <v>35</v>
      </c>
      <c r="D22710" s="14" t="s">
        <v>153</v>
      </c>
      <c r="E22710" s="15">
        <v>45456</v>
      </c>
      <c r="F22710" s="14" t="s">
        <v>25</v>
      </c>
      <c r="G22710" s="16">
        <v>0</v>
      </c>
    </row>
    <row r="22711" spans="1:7" x14ac:dyDescent="0.3">
      <c r="A22711" s="13" t="s">
        <v>152</v>
      </c>
      <c r="B22711" s="14" t="s">
        <v>1</v>
      </c>
      <c r="C22711" s="14" t="s">
        <v>35</v>
      </c>
      <c r="D22711" s="14" t="s">
        <v>153</v>
      </c>
      <c r="E22711" s="15">
        <v>45457</v>
      </c>
      <c r="F22711" s="14" t="s">
        <v>25</v>
      </c>
      <c r="G22711" s="16">
        <v>6.5037924755888344E-3</v>
      </c>
    </row>
    <row r="22712" spans="1:7" x14ac:dyDescent="0.3">
      <c r="A22712" s="13" t="s">
        <v>152</v>
      </c>
      <c r="B22712" s="14" t="s">
        <v>1</v>
      </c>
      <c r="C22712" s="14" t="s">
        <v>35</v>
      </c>
      <c r="D22712" s="14" t="s">
        <v>153</v>
      </c>
      <c r="E22712" s="15">
        <v>45458</v>
      </c>
      <c r="F22712" s="14" t="s">
        <v>25</v>
      </c>
      <c r="G22712" s="16">
        <v>6.5037924755888344E-3</v>
      </c>
    </row>
    <row r="22713" spans="1:7" x14ac:dyDescent="0.3">
      <c r="A22713" s="13" t="s">
        <v>152</v>
      </c>
      <c r="B22713" s="14" t="s">
        <v>1</v>
      </c>
      <c r="C22713" s="14" t="s">
        <v>35</v>
      </c>
      <c r="D22713" s="14" t="s">
        <v>153</v>
      </c>
      <c r="E22713" s="15">
        <v>45459</v>
      </c>
      <c r="F22713" s="14" t="s">
        <v>25</v>
      </c>
      <c r="G22713" s="16">
        <v>6.5037924755888344E-3</v>
      </c>
    </row>
    <row r="22714" spans="1:7" x14ac:dyDescent="0.3">
      <c r="A22714" s="13" t="s">
        <v>152</v>
      </c>
      <c r="B22714" s="14" t="s">
        <v>1</v>
      </c>
      <c r="C22714" s="14" t="s">
        <v>35</v>
      </c>
      <c r="D22714" s="14" t="s">
        <v>153</v>
      </c>
      <c r="E22714" s="15">
        <v>45460</v>
      </c>
      <c r="F22714" s="14" t="s">
        <v>25</v>
      </c>
      <c r="G22714" s="16">
        <v>2.8634296130122337E-3</v>
      </c>
    </row>
    <row r="22715" spans="1:7" x14ac:dyDescent="0.3">
      <c r="A22715" s="13" t="s">
        <v>152</v>
      </c>
      <c r="B22715" s="14" t="s">
        <v>1</v>
      </c>
      <c r="C22715" s="14" t="s">
        <v>35</v>
      </c>
      <c r="D22715" s="14" t="s">
        <v>153</v>
      </c>
      <c r="E22715" s="15">
        <v>45461</v>
      </c>
      <c r="F22715" s="14" t="s">
        <v>25</v>
      </c>
      <c r="G22715" s="16">
        <v>0</v>
      </c>
    </row>
    <row r="22716" spans="1:7" x14ac:dyDescent="0.3">
      <c r="A22716" s="13" t="s">
        <v>152</v>
      </c>
      <c r="B22716" s="14" t="s">
        <v>1</v>
      </c>
      <c r="C22716" s="14" t="s">
        <v>35</v>
      </c>
      <c r="D22716" s="14" t="s">
        <v>153</v>
      </c>
      <c r="E22716" s="15">
        <v>45462</v>
      </c>
      <c r="F22716" s="14" t="s">
        <v>25</v>
      </c>
      <c r="G22716" s="16">
        <v>0</v>
      </c>
    </row>
    <row r="22717" spans="1:7" x14ac:dyDescent="0.3">
      <c r="A22717" s="13" t="s">
        <v>152</v>
      </c>
      <c r="B22717" s="14" t="s">
        <v>1</v>
      </c>
      <c r="C22717" s="14" t="s">
        <v>35</v>
      </c>
      <c r="D22717" s="14" t="s">
        <v>153</v>
      </c>
      <c r="E22717" s="15">
        <v>45463</v>
      </c>
      <c r="F22717" s="14" t="s">
        <v>25</v>
      </c>
      <c r="G22717" s="16">
        <v>0</v>
      </c>
    </row>
    <row r="22718" spans="1:7" x14ac:dyDescent="0.3">
      <c r="A22718" s="13" t="s">
        <v>152</v>
      </c>
      <c r="B22718" s="14" t="s">
        <v>1</v>
      </c>
      <c r="C22718" s="14" t="s">
        <v>35</v>
      </c>
      <c r="D22718" s="14" t="s">
        <v>153</v>
      </c>
      <c r="E22718" s="15">
        <v>45464</v>
      </c>
      <c r="F22718" s="14" t="s">
        <v>25</v>
      </c>
      <c r="G22718" s="16">
        <v>0</v>
      </c>
    </row>
    <row r="22719" spans="1:7" x14ac:dyDescent="0.3">
      <c r="A22719" s="13" t="s">
        <v>152</v>
      </c>
      <c r="B22719" s="14" t="s">
        <v>1</v>
      </c>
      <c r="C22719" s="14" t="s">
        <v>35</v>
      </c>
      <c r="D22719" s="14" t="s">
        <v>153</v>
      </c>
      <c r="E22719" s="15">
        <v>45465</v>
      </c>
      <c r="F22719" s="14" t="s">
        <v>25</v>
      </c>
      <c r="G22719" s="16">
        <v>0</v>
      </c>
    </row>
    <row r="22720" spans="1:7" x14ac:dyDescent="0.3">
      <c r="A22720" s="13" t="s">
        <v>152</v>
      </c>
      <c r="B22720" s="14" t="s">
        <v>1</v>
      </c>
      <c r="C22720" s="14" t="s">
        <v>35</v>
      </c>
      <c r="D22720" s="14" t="s">
        <v>153</v>
      </c>
      <c r="E22720" s="15">
        <v>45466</v>
      </c>
      <c r="F22720" s="14" t="s">
        <v>25</v>
      </c>
      <c r="G22720" s="16">
        <v>0</v>
      </c>
    </row>
    <row r="22721" spans="1:7" x14ac:dyDescent="0.3">
      <c r="A22721" s="13" t="s">
        <v>152</v>
      </c>
      <c r="B22721" s="14" t="s">
        <v>1</v>
      </c>
      <c r="C22721" s="14" t="s">
        <v>35</v>
      </c>
      <c r="D22721" s="14" t="s">
        <v>153</v>
      </c>
      <c r="E22721" s="15">
        <v>45467</v>
      </c>
      <c r="F22721" s="14" t="s">
        <v>25</v>
      </c>
      <c r="G22721" s="16">
        <v>0</v>
      </c>
    </row>
    <row r="22722" spans="1:7" x14ac:dyDescent="0.3">
      <c r="A22722" s="13" t="s">
        <v>152</v>
      </c>
      <c r="B22722" s="14" t="s">
        <v>1</v>
      </c>
      <c r="C22722" s="14" t="s">
        <v>35</v>
      </c>
      <c r="D22722" s="14" t="s">
        <v>153</v>
      </c>
      <c r="E22722" s="15">
        <v>45468</v>
      </c>
      <c r="F22722" s="14" t="s">
        <v>25</v>
      </c>
      <c r="G22722" s="16">
        <v>0</v>
      </c>
    </row>
    <row r="22723" spans="1:7" x14ac:dyDescent="0.3">
      <c r="A22723" s="13" t="s">
        <v>152</v>
      </c>
      <c r="B22723" s="14" t="s">
        <v>1</v>
      </c>
      <c r="C22723" s="14" t="s">
        <v>35</v>
      </c>
      <c r="D22723" s="14" t="s">
        <v>153</v>
      </c>
      <c r="E22723" s="15">
        <v>45469</v>
      </c>
      <c r="F22723" s="14" t="s">
        <v>25</v>
      </c>
      <c r="G22723" s="16">
        <v>0</v>
      </c>
    </row>
    <row r="22724" spans="1:7" x14ac:dyDescent="0.3">
      <c r="A22724" s="13" t="s">
        <v>152</v>
      </c>
      <c r="B22724" s="14" t="s">
        <v>1</v>
      </c>
      <c r="C22724" s="14" t="s">
        <v>35</v>
      </c>
      <c r="D22724" s="14" t="s">
        <v>153</v>
      </c>
      <c r="E22724" s="15">
        <v>45470</v>
      </c>
      <c r="F22724" s="14" t="s">
        <v>25</v>
      </c>
      <c r="G22724" s="16">
        <v>0</v>
      </c>
    </row>
    <row r="22725" spans="1:7" x14ac:dyDescent="0.3">
      <c r="A22725" s="13" t="s">
        <v>152</v>
      </c>
      <c r="B22725" s="14" t="s">
        <v>1</v>
      </c>
      <c r="C22725" s="14" t="s">
        <v>35</v>
      </c>
      <c r="D22725" s="14" t="s">
        <v>153</v>
      </c>
      <c r="E22725" s="15">
        <v>45471</v>
      </c>
      <c r="F22725" s="14" t="s">
        <v>25</v>
      </c>
      <c r="G22725" s="16">
        <v>0</v>
      </c>
    </row>
    <row r="22726" spans="1:7" x14ac:dyDescent="0.3">
      <c r="A22726" s="13" t="s">
        <v>152</v>
      </c>
      <c r="B22726" s="14" t="s">
        <v>1</v>
      </c>
      <c r="C22726" s="14" t="s">
        <v>35</v>
      </c>
      <c r="D22726" s="14" t="s">
        <v>153</v>
      </c>
      <c r="E22726" s="15">
        <v>45472</v>
      </c>
      <c r="F22726" s="14" t="s">
        <v>25</v>
      </c>
      <c r="G22726" s="16">
        <v>0</v>
      </c>
    </row>
    <row r="22727" spans="1:7" x14ac:dyDescent="0.3">
      <c r="A22727" s="13" t="s">
        <v>152</v>
      </c>
      <c r="B22727" s="14" t="s">
        <v>1</v>
      </c>
      <c r="C22727" s="14" t="s">
        <v>35</v>
      </c>
      <c r="D22727" s="14" t="s">
        <v>153</v>
      </c>
      <c r="E22727" s="15">
        <v>45473</v>
      </c>
      <c r="F22727" s="14" t="s">
        <v>25</v>
      </c>
      <c r="G22727" s="16">
        <v>0</v>
      </c>
    </row>
    <row r="22728" spans="1:7" x14ac:dyDescent="0.3">
      <c r="A22728" s="13" t="s">
        <v>152</v>
      </c>
      <c r="B22728" s="14" t="s">
        <v>1</v>
      </c>
      <c r="C22728" s="14" t="s">
        <v>35</v>
      </c>
      <c r="D22728" s="14" t="s">
        <v>153</v>
      </c>
      <c r="E22728" s="15">
        <v>45474</v>
      </c>
      <c r="F22728" s="14" t="s">
        <v>25</v>
      </c>
      <c r="G22728" s="16">
        <v>0</v>
      </c>
    </row>
    <row r="22729" spans="1:7" x14ac:dyDescent="0.3">
      <c r="A22729" s="13" t="s">
        <v>152</v>
      </c>
      <c r="B22729" s="14" t="s">
        <v>1</v>
      </c>
      <c r="C22729" s="14" t="s">
        <v>35</v>
      </c>
      <c r="D22729" s="14" t="s">
        <v>153</v>
      </c>
      <c r="E22729" s="15">
        <v>45475</v>
      </c>
      <c r="F22729" s="14" t="s">
        <v>25</v>
      </c>
      <c r="G22729" s="16">
        <v>0</v>
      </c>
    </row>
    <row r="22730" spans="1:7" x14ac:dyDescent="0.3">
      <c r="A22730" s="13" t="s">
        <v>152</v>
      </c>
      <c r="B22730" s="14" t="s">
        <v>1</v>
      </c>
      <c r="C22730" s="14" t="s">
        <v>35</v>
      </c>
      <c r="D22730" s="14" t="s">
        <v>153</v>
      </c>
      <c r="E22730" s="15">
        <v>45476</v>
      </c>
      <c r="F22730" s="14" t="s">
        <v>25</v>
      </c>
      <c r="G22730" s="16">
        <v>0</v>
      </c>
    </row>
    <row r="22731" spans="1:7" x14ac:dyDescent="0.3">
      <c r="A22731" s="13" t="s">
        <v>152</v>
      </c>
      <c r="B22731" s="14" t="s">
        <v>1</v>
      </c>
      <c r="C22731" s="14" t="s">
        <v>35</v>
      </c>
      <c r="D22731" s="14" t="s">
        <v>153</v>
      </c>
      <c r="E22731" s="15">
        <v>45477</v>
      </c>
      <c r="F22731" s="14" t="s">
        <v>25</v>
      </c>
      <c r="G22731" s="16">
        <v>0</v>
      </c>
    </row>
    <row r="22732" spans="1:7" x14ac:dyDescent="0.3">
      <c r="A22732" s="13" t="s">
        <v>152</v>
      </c>
      <c r="B22732" s="14" t="s">
        <v>1</v>
      </c>
      <c r="C22732" s="14" t="s">
        <v>35</v>
      </c>
      <c r="D22732" s="14" t="s">
        <v>153</v>
      </c>
      <c r="E22732" s="15">
        <v>45478</v>
      </c>
      <c r="F22732" s="14" t="s">
        <v>25</v>
      </c>
      <c r="G22732" s="16">
        <v>0</v>
      </c>
    </row>
    <row r="22733" spans="1:7" x14ac:dyDescent="0.3">
      <c r="A22733" s="13" t="s">
        <v>152</v>
      </c>
      <c r="B22733" s="14" t="s">
        <v>1</v>
      </c>
      <c r="C22733" s="14" t="s">
        <v>35</v>
      </c>
      <c r="D22733" s="14" t="s">
        <v>153</v>
      </c>
      <c r="E22733" s="15">
        <v>45479</v>
      </c>
      <c r="F22733" s="14" t="s">
        <v>25</v>
      </c>
      <c r="G22733" s="16">
        <v>0</v>
      </c>
    </row>
    <row r="22734" spans="1:7" x14ac:dyDescent="0.3">
      <c r="A22734" s="13" t="s">
        <v>152</v>
      </c>
      <c r="B22734" s="14" t="s">
        <v>1</v>
      </c>
      <c r="C22734" s="14" t="s">
        <v>35</v>
      </c>
      <c r="D22734" s="14" t="s">
        <v>153</v>
      </c>
      <c r="E22734" s="15">
        <v>45480</v>
      </c>
      <c r="F22734" s="14" t="s">
        <v>25</v>
      </c>
      <c r="G22734" s="16">
        <v>0</v>
      </c>
    </row>
    <row r="22735" spans="1:7" x14ac:dyDescent="0.3">
      <c r="A22735" s="13" t="s">
        <v>152</v>
      </c>
      <c r="B22735" s="14" t="s">
        <v>1</v>
      </c>
      <c r="C22735" s="14" t="s">
        <v>35</v>
      </c>
      <c r="D22735" s="14" t="s">
        <v>153</v>
      </c>
      <c r="E22735" s="15">
        <v>45481</v>
      </c>
      <c r="F22735" s="14" t="s">
        <v>25</v>
      </c>
      <c r="G22735" s="16">
        <v>0</v>
      </c>
    </row>
    <row r="22736" spans="1:7" x14ac:dyDescent="0.3">
      <c r="A22736" s="13" t="s">
        <v>152</v>
      </c>
      <c r="B22736" s="14" t="s">
        <v>1</v>
      </c>
      <c r="C22736" s="14" t="s">
        <v>35</v>
      </c>
      <c r="D22736" s="14" t="s">
        <v>153</v>
      </c>
      <c r="E22736" s="15">
        <v>45482</v>
      </c>
      <c r="F22736" s="14" t="s">
        <v>25</v>
      </c>
      <c r="G22736" s="16">
        <v>0</v>
      </c>
    </row>
    <row r="22737" spans="1:7" x14ac:dyDescent="0.3">
      <c r="A22737" s="13" t="s">
        <v>152</v>
      </c>
      <c r="B22737" s="14" t="s">
        <v>1</v>
      </c>
      <c r="C22737" s="14" t="s">
        <v>35</v>
      </c>
      <c r="D22737" s="14" t="s">
        <v>153</v>
      </c>
      <c r="E22737" s="15">
        <v>45483</v>
      </c>
      <c r="F22737" s="14" t="s">
        <v>25</v>
      </c>
      <c r="G22737" s="16">
        <v>0</v>
      </c>
    </row>
    <row r="22738" spans="1:7" x14ac:dyDescent="0.3">
      <c r="A22738" s="13" t="s">
        <v>152</v>
      </c>
      <c r="B22738" s="14" t="s">
        <v>1</v>
      </c>
      <c r="C22738" s="14" t="s">
        <v>35</v>
      </c>
      <c r="D22738" s="14" t="s">
        <v>153</v>
      </c>
      <c r="E22738" s="15">
        <v>45484</v>
      </c>
      <c r="F22738" s="14" t="s">
        <v>25</v>
      </c>
      <c r="G22738" s="16">
        <v>0</v>
      </c>
    </row>
    <row r="22739" spans="1:7" x14ac:dyDescent="0.3">
      <c r="A22739" s="13" t="s">
        <v>152</v>
      </c>
      <c r="B22739" s="14" t="s">
        <v>1</v>
      </c>
      <c r="C22739" s="14" t="s">
        <v>35</v>
      </c>
      <c r="D22739" s="14" t="s">
        <v>153</v>
      </c>
      <c r="E22739" s="15">
        <v>45485</v>
      </c>
      <c r="F22739" s="14" t="s">
        <v>25</v>
      </c>
      <c r="G22739" s="16">
        <v>0</v>
      </c>
    </row>
    <row r="22740" spans="1:7" x14ac:dyDescent="0.3">
      <c r="A22740" s="13" t="s">
        <v>152</v>
      </c>
      <c r="B22740" s="14" t="s">
        <v>1</v>
      </c>
      <c r="C22740" s="14" t="s">
        <v>35</v>
      </c>
      <c r="D22740" s="14" t="s">
        <v>153</v>
      </c>
      <c r="E22740" s="15">
        <v>45486</v>
      </c>
      <c r="F22740" s="14" t="s">
        <v>25</v>
      </c>
      <c r="G22740" s="16">
        <v>0</v>
      </c>
    </row>
    <row r="22741" spans="1:7" x14ac:dyDescent="0.3">
      <c r="A22741" s="13" t="s">
        <v>152</v>
      </c>
      <c r="B22741" s="14" t="s">
        <v>1</v>
      </c>
      <c r="C22741" s="14" t="s">
        <v>35</v>
      </c>
      <c r="D22741" s="14" t="s">
        <v>153</v>
      </c>
      <c r="E22741" s="15">
        <v>45487</v>
      </c>
      <c r="F22741" s="14" t="s">
        <v>25</v>
      </c>
      <c r="G22741" s="16">
        <v>0</v>
      </c>
    </row>
    <row r="22742" spans="1:7" x14ac:dyDescent="0.3">
      <c r="A22742" s="13" t="s">
        <v>152</v>
      </c>
      <c r="B22742" s="14" t="s">
        <v>1</v>
      </c>
      <c r="C22742" s="14" t="s">
        <v>35</v>
      </c>
      <c r="D22742" s="14" t="s">
        <v>153</v>
      </c>
      <c r="E22742" s="15">
        <v>45488</v>
      </c>
      <c r="F22742" s="14" t="s">
        <v>25</v>
      </c>
      <c r="G22742" s="16">
        <v>0</v>
      </c>
    </row>
    <row r="22743" spans="1:7" x14ac:dyDescent="0.3">
      <c r="A22743" s="13" t="s">
        <v>152</v>
      </c>
      <c r="B22743" s="14" t="s">
        <v>1</v>
      </c>
      <c r="C22743" s="14" t="s">
        <v>35</v>
      </c>
      <c r="D22743" s="14" t="s">
        <v>153</v>
      </c>
      <c r="E22743" s="15">
        <v>45489</v>
      </c>
      <c r="F22743" s="14" t="s">
        <v>25</v>
      </c>
      <c r="G22743" s="16">
        <v>0</v>
      </c>
    </row>
    <row r="22744" spans="1:7" x14ac:dyDescent="0.3">
      <c r="A22744" s="13" t="s">
        <v>152</v>
      </c>
      <c r="B22744" s="14" t="s">
        <v>1</v>
      </c>
      <c r="C22744" s="14" t="s">
        <v>35</v>
      </c>
      <c r="D22744" s="14" t="s">
        <v>153</v>
      </c>
      <c r="E22744" s="15">
        <v>45490</v>
      </c>
      <c r="F22744" s="14" t="s">
        <v>25</v>
      </c>
      <c r="G22744" s="16">
        <v>0</v>
      </c>
    </row>
    <row r="22745" spans="1:7" x14ac:dyDescent="0.3">
      <c r="A22745" s="13" t="s">
        <v>152</v>
      </c>
      <c r="B22745" s="14" t="s">
        <v>1</v>
      </c>
      <c r="C22745" s="14" t="s">
        <v>35</v>
      </c>
      <c r="D22745" s="14" t="s">
        <v>153</v>
      </c>
      <c r="E22745" s="15">
        <v>45491</v>
      </c>
      <c r="F22745" s="14" t="s">
        <v>25</v>
      </c>
      <c r="G22745" s="16">
        <v>0</v>
      </c>
    </row>
    <row r="22746" spans="1:7" x14ac:dyDescent="0.3">
      <c r="A22746" s="13" t="s">
        <v>152</v>
      </c>
      <c r="B22746" s="14" t="s">
        <v>1</v>
      </c>
      <c r="C22746" s="14" t="s">
        <v>35</v>
      </c>
      <c r="D22746" s="14" t="s">
        <v>153</v>
      </c>
      <c r="E22746" s="15">
        <v>45492</v>
      </c>
      <c r="F22746" s="14" t="s">
        <v>25</v>
      </c>
      <c r="G22746" s="16">
        <v>0</v>
      </c>
    </row>
    <row r="22747" spans="1:7" x14ac:dyDescent="0.3">
      <c r="A22747" s="13" t="s">
        <v>152</v>
      </c>
      <c r="B22747" s="14" t="s">
        <v>1</v>
      </c>
      <c r="C22747" s="14" t="s">
        <v>35</v>
      </c>
      <c r="D22747" s="14" t="s">
        <v>153</v>
      </c>
      <c r="E22747" s="15">
        <v>45493</v>
      </c>
      <c r="F22747" s="14" t="s">
        <v>25</v>
      </c>
      <c r="G22747" s="16">
        <v>0</v>
      </c>
    </row>
    <row r="22748" spans="1:7" x14ac:dyDescent="0.3">
      <c r="A22748" s="13" t="s">
        <v>152</v>
      </c>
      <c r="B22748" s="14" t="s">
        <v>1</v>
      </c>
      <c r="C22748" s="14" t="s">
        <v>35</v>
      </c>
      <c r="D22748" s="14" t="s">
        <v>153</v>
      </c>
      <c r="E22748" s="15">
        <v>45494</v>
      </c>
      <c r="F22748" s="14" t="s">
        <v>25</v>
      </c>
      <c r="G22748" s="16">
        <v>0</v>
      </c>
    </row>
    <row r="22749" spans="1:7" x14ac:dyDescent="0.3">
      <c r="A22749" s="13" t="s">
        <v>152</v>
      </c>
      <c r="B22749" s="14" t="s">
        <v>1</v>
      </c>
      <c r="C22749" s="14" t="s">
        <v>35</v>
      </c>
      <c r="D22749" s="14" t="s">
        <v>153</v>
      </c>
      <c r="E22749" s="15">
        <v>45495</v>
      </c>
      <c r="F22749" s="14" t="s">
        <v>25</v>
      </c>
      <c r="G22749" s="16">
        <v>0</v>
      </c>
    </row>
    <row r="22750" spans="1:7" x14ac:dyDescent="0.3">
      <c r="A22750" s="13" t="s">
        <v>152</v>
      </c>
      <c r="B22750" s="14" t="s">
        <v>1</v>
      </c>
      <c r="C22750" s="14" t="s">
        <v>35</v>
      </c>
      <c r="D22750" s="14" t="s">
        <v>153</v>
      </c>
      <c r="E22750" s="15">
        <v>45496</v>
      </c>
      <c r="F22750" s="14" t="s">
        <v>25</v>
      </c>
      <c r="G22750" s="16">
        <v>0</v>
      </c>
    </row>
    <row r="22751" spans="1:7" x14ac:dyDescent="0.3">
      <c r="A22751" s="13" t="s">
        <v>152</v>
      </c>
      <c r="B22751" s="14" t="s">
        <v>1</v>
      </c>
      <c r="C22751" s="14" t="s">
        <v>35</v>
      </c>
      <c r="D22751" s="14" t="s">
        <v>153</v>
      </c>
      <c r="E22751" s="15">
        <v>45497</v>
      </c>
      <c r="F22751" s="14" t="s">
        <v>25</v>
      </c>
      <c r="G22751" s="16">
        <v>0</v>
      </c>
    </row>
    <row r="22752" spans="1:7" x14ac:dyDescent="0.3">
      <c r="A22752" s="13" t="s">
        <v>152</v>
      </c>
      <c r="B22752" s="14" t="s">
        <v>1</v>
      </c>
      <c r="C22752" s="14" t="s">
        <v>35</v>
      </c>
      <c r="D22752" s="14" t="s">
        <v>153</v>
      </c>
      <c r="E22752" s="15">
        <v>45498</v>
      </c>
      <c r="F22752" s="14" t="s">
        <v>25</v>
      </c>
      <c r="G22752" s="16">
        <v>0</v>
      </c>
    </row>
    <row r="22753" spans="1:7" x14ac:dyDescent="0.3">
      <c r="A22753" s="13" t="s">
        <v>152</v>
      </c>
      <c r="B22753" s="14" t="s">
        <v>1</v>
      </c>
      <c r="C22753" s="14" t="s">
        <v>35</v>
      </c>
      <c r="D22753" s="14" t="s">
        <v>153</v>
      </c>
      <c r="E22753" s="15">
        <v>45499</v>
      </c>
      <c r="F22753" s="14" t="s">
        <v>25</v>
      </c>
      <c r="G22753" s="16">
        <v>0</v>
      </c>
    </row>
    <row r="22754" spans="1:7" x14ac:dyDescent="0.3">
      <c r="A22754" s="13" t="s">
        <v>152</v>
      </c>
      <c r="B22754" s="14" t="s">
        <v>1</v>
      </c>
      <c r="C22754" s="14" t="s">
        <v>35</v>
      </c>
      <c r="D22754" s="14" t="s">
        <v>153</v>
      </c>
      <c r="E22754" s="15">
        <v>45500</v>
      </c>
      <c r="F22754" s="14" t="s">
        <v>25</v>
      </c>
      <c r="G22754" s="16">
        <v>0</v>
      </c>
    </row>
    <row r="22755" spans="1:7" x14ac:dyDescent="0.3">
      <c r="A22755" s="13" t="s">
        <v>152</v>
      </c>
      <c r="B22755" s="14" t="s">
        <v>1</v>
      </c>
      <c r="C22755" s="14" t="s">
        <v>35</v>
      </c>
      <c r="D22755" s="14" t="s">
        <v>153</v>
      </c>
      <c r="E22755" s="15">
        <v>45501</v>
      </c>
      <c r="F22755" s="14" t="s">
        <v>25</v>
      </c>
      <c r="G22755" s="16">
        <v>0</v>
      </c>
    </row>
    <row r="22756" spans="1:7" x14ac:dyDescent="0.3">
      <c r="A22756" s="13" t="s">
        <v>152</v>
      </c>
      <c r="B22756" s="14" t="s">
        <v>1</v>
      </c>
      <c r="C22756" s="14" t="s">
        <v>35</v>
      </c>
      <c r="D22756" s="14" t="s">
        <v>153</v>
      </c>
      <c r="E22756" s="15">
        <v>45502</v>
      </c>
      <c r="F22756" s="14" t="s">
        <v>25</v>
      </c>
      <c r="G22756" s="16">
        <v>0</v>
      </c>
    </row>
    <row r="22757" spans="1:7" x14ac:dyDescent="0.3">
      <c r="A22757" s="13" t="s">
        <v>152</v>
      </c>
      <c r="B22757" s="14" t="s">
        <v>1</v>
      </c>
      <c r="C22757" s="14" t="s">
        <v>35</v>
      </c>
      <c r="D22757" s="14" t="s">
        <v>153</v>
      </c>
      <c r="E22757" s="15">
        <v>45503</v>
      </c>
      <c r="F22757" s="14" t="s">
        <v>25</v>
      </c>
      <c r="G22757" s="16">
        <v>0</v>
      </c>
    </row>
    <row r="22758" spans="1:7" x14ac:dyDescent="0.3">
      <c r="A22758" s="13" t="s">
        <v>152</v>
      </c>
      <c r="B22758" s="14" t="s">
        <v>1</v>
      </c>
      <c r="C22758" s="14" t="s">
        <v>35</v>
      </c>
      <c r="D22758" s="14" t="s">
        <v>153</v>
      </c>
      <c r="E22758" s="15">
        <v>45504</v>
      </c>
      <c r="F22758" s="14" t="s">
        <v>25</v>
      </c>
      <c r="G22758" s="16">
        <v>0</v>
      </c>
    </row>
    <row r="22759" spans="1:7" x14ac:dyDescent="0.3">
      <c r="A22759" s="13" t="s">
        <v>152</v>
      </c>
      <c r="B22759" s="14" t="s">
        <v>1</v>
      </c>
      <c r="C22759" s="14" t="s">
        <v>35</v>
      </c>
      <c r="D22759" s="14" t="s">
        <v>153</v>
      </c>
      <c r="E22759" s="15">
        <v>45505</v>
      </c>
      <c r="F22759" s="14" t="s">
        <v>25</v>
      </c>
      <c r="G22759" s="16">
        <v>0</v>
      </c>
    </row>
    <row r="22760" spans="1:7" x14ac:dyDescent="0.3">
      <c r="A22760" s="13" t="s">
        <v>152</v>
      </c>
      <c r="B22760" s="14" t="s">
        <v>1</v>
      </c>
      <c r="C22760" s="14" t="s">
        <v>35</v>
      </c>
      <c r="D22760" s="14" t="s">
        <v>153</v>
      </c>
      <c r="E22760" s="15">
        <v>45506</v>
      </c>
      <c r="F22760" s="14" t="s">
        <v>25</v>
      </c>
      <c r="G22760" s="16">
        <v>0</v>
      </c>
    </row>
    <row r="22761" spans="1:7" x14ac:dyDescent="0.3">
      <c r="A22761" s="13" t="s">
        <v>152</v>
      </c>
      <c r="B22761" s="14" t="s">
        <v>1</v>
      </c>
      <c r="C22761" s="14" t="s">
        <v>35</v>
      </c>
      <c r="D22761" s="14" t="s">
        <v>153</v>
      </c>
      <c r="E22761" s="15">
        <v>45507</v>
      </c>
      <c r="F22761" s="14" t="s">
        <v>25</v>
      </c>
      <c r="G22761" s="16">
        <v>0</v>
      </c>
    </row>
    <row r="22762" spans="1:7" x14ac:dyDescent="0.3">
      <c r="A22762" s="13" t="s">
        <v>152</v>
      </c>
      <c r="B22762" s="14" t="s">
        <v>1</v>
      </c>
      <c r="C22762" s="14" t="s">
        <v>35</v>
      </c>
      <c r="D22762" s="14" t="s">
        <v>153</v>
      </c>
      <c r="E22762" s="15">
        <v>45508</v>
      </c>
      <c r="F22762" s="14" t="s">
        <v>25</v>
      </c>
      <c r="G22762" s="16">
        <v>0</v>
      </c>
    </row>
    <row r="22763" spans="1:7" x14ac:dyDescent="0.3">
      <c r="A22763" s="13" t="s">
        <v>152</v>
      </c>
      <c r="B22763" s="14" t="s">
        <v>1</v>
      </c>
      <c r="C22763" s="14" t="s">
        <v>35</v>
      </c>
      <c r="D22763" s="14" t="s">
        <v>153</v>
      </c>
      <c r="E22763" s="15">
        <v>45509</v>
      </c>
      <c r="F22763" s="14" t="s">
        <v>25</v>
      </c>
      <c r="G22763" s="16">
        <v>0</v>
      </c>
    </row>
    <row r="22764" spans="1:7" x14ac:dyDescent="0.3">
      <c r="A22764" s="13" t="s">
        <v>152</v>
      </c>
      <c r="B22764" s="14" t="s">
        <v>1</v>
      </c>
      <c r="C22764" s="14" t="s">
        <v>35</v>
      </c>
      <c r="D22764" s="14" t="s">
        <v>153</v>
      </c>
      <c r="E22764" s="15">
        <v>45510</v>
      </c>
      <c r="F22764" s="14" t="s">
        <v>25</v>
      </c>
      <c r="G22764" s="16">
        <v>0</v>
      </c>
    </row>
    <row r="22765" spans="1:7" x14ac:dyDescent="0.3">
      <c r="A22765" s="13" t="s">
        <v>152</v>
      </c>
      <c r="B22765" s="14" t="s">
        <v>1</v>
      </c>
      <c r="C22765" s="14" t="s">
        <v>35</v>
      </c>
      <c r="D22765" s="14" t="s">
        <v>153</v>
      </c>
      <c r="E22765" s="15">
        <v>45511</v>
      </c>
      <c r="F22765" s="14" t="s">
        <v>25</v>
      </c>
      <c r="G22765" s="16">
        <v>0</v>
      </c>
    </row>
    <row r="22766" spans="1:7" x14ac:dyDescent="0.3">
      <c r="A22766" s="13" t="s">
        <v>152</v>
      </c>
      <c r="B22766" s="14" t="s">
        <v>1</v>
      </c>
      <c r="C22766" s="14" t="s">
        <v>35</v>
      </c>
      <c r="D22766" s="14" t="s">
        <v>153</v>
      </c>
      <c r="E22766" s="15">
        <v>45512</v>
      </c>
      <c r="F22766" s="14" t="s">
        <v>25</v>
      </c>
      <c r="G22766" s="16">
        <v>0</v>
      </c>
    </row>
    <row r="22767" spans="1:7" x14ac:dyDescent="0.3">
      <c r="A22767" s="13" t="s">
        <v>152</v>
      </c>
      <c r="B22767" s="14" t="s">
        <v>1</v>
      </c>
      <c r="C22767" s="14" t="s">
        <v>35</v>
      </c>
      <c r="D22767" s="14" t="s">
        <v>153</v>
      </c>
      <c r="E22767" s="15">
        <v>45513</v>
      </c>
      <c r="F22767" s="14" t="s">
        <v>25</v>
      </c>
      <c r="G22767" s="16">
        <v>0</v>
      </c>
    </row>
    <row r="22768" spans="1:7" x14ac:dyDescent="0.3">
      <c r="A22768" s="13" t="s">
        <v>152</v>
      </c>
      <c r="B22768" s="14" t="s">
        <v>1</v>
      </c>
      <c r="C22768" s="14" t="s">
        <v>35</v>
      </c>
      <c r="D22768" s="14" t="s">
        <v>153</v>
      </c>
      <c r="E22768" s="15">
        <v>45514</v>
      </c>
      <c r="F22768" s="14" t="s">
        <v>25</v>
      </c>
      <c r="G22768" s="16">
        <v>0</v>
      </c>
    </row>
    <row r="22769" spans="1:7" x14ac:dyDescent="0.3">
      <c r="A22769" s="13" t="s">
        <v>152</v>
      </c>
      <c r="B22769" s="14" t="s">
        <v>1</v>
      </c>
      <c r="C22769" s="14" t="s">
        <v>35</v>
      </c>
      <c r="D22769" s="14" t="s">
        <v>153</v>
      </c>
      <c r="E22769" s="15">
        <v>45515</v>
      </c>
      <c r="F22769" s="14" t="s">
        <v>25</v>
      </c>
      <c r="G22769" s="16">
        <v>0</v>
      </c>
    </row>
    <row r="22770" spans="1:7" x14ac:dyDescent="0.3">
      <c r="A22770" s="13" t="s">
        <v>152</v>
      </c>
      <c r="B22770" s="14" t="s">
        <v>1</v>
      </c>
      <c r="C22770" s="14" t="s">
        <v>35</v>
      </c>
      <c r="D22770" s="14" t="s">
        <v>153</v>
      </c>
      <c r="E22770" s="15">
        <v>45516</v>
      </c>
      <c r="F22770" s="14" t="s">
        <v>25</v>
      </c>
      <c r="G22770" s="16">
        <v>0</v>
      </c>
    </row>
    <row r="22771" spans="1:7" x14ac:dyDescent="0.3">
      <c r="A22771" s="13" t="s">
        <v>152</v>
      </c>
      <c r="B22771" s="14" t="s">
        <v>1</v>
      </c>
      <c r="C22771" s="14" t="s">
        <v>35</v>
      </c>
      <c r="D22771" s="14" t="s">
        <v>153</v>
      </c>
      <c r="E22771" s="15">
        <v>45517</v>
      </c>
      <c r="F22771" s="14" t="s">
        <v>25</v>
      </c>
      <c r="G22771" s="16">
        <v>0</v>
      </c>
    </row>
    <row r="22772" spans="1:7" x14ac:dyDescent="0.3">
      <c r="A22772" s="13" t="s">
        <v>152</v>
      </c>
      <c r="B22772" s="14" t="s">
        <v>1</v>
      </c>
      <c r="C22772" s="14" t="s">
        <v>35</v>
      </c>
      <c r="D22772" s="14" t="s">
        <v>153</v>
      </c>
      <c r="E22772" s="15">
        <v>45518</v>
      </c>
      <c r="F22772" s="14" t="s">
        <v>25</v>
      </c>
      <c r="G22772" s="16">
        <v>0</v>
      </c>
    </row>
    <row r="22773" spans="1:7" x14ac:dyDescent="0.3">
      <c r="A22773" s="13" t="s">
        <v>152</v>
      </c>
      <c r="B22773" s="14" t="s">
        <v>1</v>
      </c>
      <c r="C22773" s="14" t="s">
        <v>35</v>
      </c>
      <c r="D22773" s="14" t="s">
        <v>153</v>
      </c>
      <c r="E22773" s="15">
        <v>45519</v>
      </c>
      <c r="F22773" s="14" t="s">
        <v>25</v>
      </c>
      <c r="G22773" s="16">
        <v>0</v>
      </c>
    </row>
    <row r="22774" spans="1:7" x14ac:dyDescent="0.3">
      <c r="A22774" s="13" t="s">
        <v>152</v>
      </c>
      <c r="B22774" s="14" t="s">
        <v>1</v>
      </c>
      <c r="C22774" s="14" t="s">
        <v>35</v>
      </c>
      <c r="D22774" s="14" t="s">
        <v>153</v>
      </c>
      <c r="E22774" s="15">
        <v>45520</v>
      </c>
      <c r="F22774" s="14" t="s">
        <v>25</v>
      </c>
      <c r="G22774" s="16">
        <v>0</v>
      </c>
    </row>
    <row r="22775" spans="1:7" x14ac:dyDescent="0.3">
      <c r="A22775" s="13" t="s">
        <v>152</v>
      </c>
      <c r="B22775" s="14" t="s">
        <v>1</v>
      </c>
      <c r="C22775" s="14" t="s">
        <v>35</v>
      </c>
      <c r="D22775" s="14" t="s">
        <v>153</v>
      </c>
      <c r="E22775" s="15">
        <v>45521</v>
      </c>
      <c r="F22775" s="14" t="s">
        <v>25</v>
      </c>
      <c r="G22775" s="16">
        <v>0</v>
      </c>
    </row>
    <row r="22776" spans="1:7" x14ac:dyDescent="0.3">
      <c r="A22776" s="13" t="s">
        <v>152</v>
      </c>
      <c r="B22776" s="14" t="s">
        <v>1</v>
      </c>
      <c r="C22776" s="14" t="s">
        <v>35</v>
      </c>
      <c r="D22776" s="14" t="s">
        <v>153</v>
      </c>
      <c r="E22776" s="15">
        <v>45522</v>
      </c>
      <c r="F22776" s="14" t="s">
        <v>25</v>
      </c>
      <c r="G22776" s="16">
        <v>0</v>
      </c>
    </row>
    <row r="22777" spans="1:7" x14ac:dyDescent="0.3">
      <c r="A22777" s="13" t="s">
        <v>152</v>
      </c>
      <c r="B22777" s="14" t="s">
        <v>1</v>
      </c>
      <c r="C22777" s="14" t="s">
        <v>35</v>
      </c>
      <c r="D22777" s="14" t="s">
        <v>153</v>
      </c>
      <c r="E22777" s="15">
        <v>45523</v>
      </c>
      <c r="F22777" s="14" t="s">
        <v>25</v>
      </c>
      <c r="G22777" s="16">
        <v>0</v>
      </c>
    </row>
    <row r="22778" spans="1:7" x14ac:dyDescent="0.3">
      <c r="A22778" s="13" t="s">
        <v>152</v>
      </c>
      <c r="B22778" s="14" t="s">
        <v>1</v>
      </c>
      <c r="C22778" s="14" t="s">
        <v>35</v>
      </c>
      <c r="D22778" s="14" t="s">
        <v>153</v>
      </c>
      <c r="E22778" s="15">
        <v>45524</v>
      </c>
      <c r="F22778" s="14" t="s">
        <v>25</v>
      </c>
      <c r="G22778" s="16">
        <v>0</v>
      </c>
    </row>
    <row r="22779" spans="1:7" x14ac:dyDescent="0.3">
      <c r="A22779" s="13" t="s">
        <v>152</v>
      </c>
      <c r="B22779" s="14" t="s">
        <v>1</v>
      </c>
      <c r="C22779" s="14" t="s">
        <v>35</v>
      </c>
      <c r="D22779" s="14" t="s">
        <v>153</v>
      </c>
      <c r="E22779" s="15">
        <v>45525</v>
      </c>
      <c r="F22779" s="14" t="s">
        <v>25</v>
      </c>
      <c r="G22779" s="16">
        <v>0</v>
      </c>
    </row>
    <row r="22780" spans="1:7" x14ac:dyDescent="0.3">
      <c r="A22780" s="13" t="s">
        <v>152</v>
      </c>
      <c r="B22780" s="14" t="s">
        <v>1</v>
      </c>
      <c r="C22780" s="14" t="s">
        <v>35</v>
      </c>
      <c r="D22780" s="14" t="s">
        <v>153</v>
      </c>
      <c r="E22780" s="15">
        <v>45526</v>
      </c>
      <c r="F22780" s="14" t="s">
        <v>25</v>
      </c>
      <c r="G22780" s="16">
        <v>0</v>
      </c>
    </row>
    <row r="22781" spans="1:7" x14ac:dyDescent="0.3">
      <c r="A22781" s="13" t="s">
        <v>152</v>
      </c>
      <c r="B22781" s="14" t="s">
        <v>1</v>
      </c>
      <c r="C22781" s="14" t="s">
        <v>35</v>
      </c>
      <c r="D22781" s="14" t="s">
        <v>153</v>
      </c>
      <c r="E22781" s="15">
        <v>45527</v>
      </c>
      <c r="F22781" s="14" t="s">
        <v>25</v>
      </c>
      <c r="G22781" s="16">
        <v>0</v>
      </c>
    </row>
    <row r="22782" spans="1:7" x14ac:dyDescent="0.3">
      <c r="A22782" s="13" t="s">
        <v>152</v>
      </c>
      <c r="B22782" s="14" t="s">
        <v>1</v>
      </c>
      <c r="C22782" s="14" t="s">
        <v>35</v>
      </c>
      <c r="D22782" s="14" t="s">
        <v>153</v>
      </c>
      <c r="E22782" s="15">
        <v>45528</v>
      </c>
      <c r="F22782" s="14" t="s">
        <v>25</v>
      </c>
      <c r="G22782" s="16">
        <v>0</v>
      </c>
    </row>
    <row r="22783" spans="1:7" x14ac:dyDescent="0.3">
      <c r="A22783" s="13" t="s">
        <v>152</v>
      </c>
      <c r="B22783" s="14" t="s">
        <v>1</v>
      </c>
      <c r="C22783" s="14" t="s">
        <v>35</v>
      </c>
      <c r="D22783" s="14" t="s">
        <v>153</v>
      </c>
      <c r="E22783" s="15">
        <v>45529</v>
      </c>
      <c r="F22783" s="14" t="s">
        <v>25</v>
      </c>
      <c r="G22783" s="16">
        <v>0</v>
      </c>
    </row>
    <row r="22784" spans="1:7" x14ac:dyDescent="0.3">
      <c r="A22784" s="13" t="s">
        <v>152</v>
      </c>
      <c r="B22784" s="14" t="s">
        <v>1</v>
      </c>
      <c r="C22784" s="14" t="s">
        <v>35</v>
      </c>
      <c r="D22784" s="14" t="s">
        <v>153</v>
      </c>
      <c r="E22784" s="15">
        <v>45530</v>
      </c>
      <c r="F22784" s="14" t="s">
        <v>25</v>
      </c>
      <c r="G22784" s="16">
        <v>0</v>
      </c>
    </row>
    <row r="22785" spans="1:7" x14ac:dyDescent="0.3">
      <c r="A22785" s="13" t="s">
        <v>152</v>
      </c>
      <c r="B22785" s="14" t="s">
        <v>1</v>
      </c>
      <c r="C22785" s="14" t="s">
        <v>35</v>
      </c>
      <c r="D22785" s="14" t="s">
        <v>153</v>
      </c>
      <c r="E22785" s="15">
        <v>45531</v>
      </c>
      <c r="F22785" s="14" t="s">
        <v>25</v>
      </c>
      <c r="G22785" s="16">
        <v>0</v>
      </c>
    </row>
    <row r="22786" spans="1:7" x14ac:dyDescent="0.3">
      <c r="A22786" s="13" t="s">
        <v>152</v>
      </c>
      <c r="B22786" s="14" t="s">
        <v>1</v>
      </c>
      <c r="C22786" s="14" t="s">
        <v>35</v>
      </c>
      <c r="D22786" s="14" t="s">
        <v>153</v>
      </c>
      <c r="E22786" s="15">
        <v>45532</v>
      </c>
      <c r="F22786" s="14" t="s">
        <v>25</v>
      </c>
      <c r="G22786" s="16">
        <v>0</v>
      </c>
    </row>
    <row r="22787" spans="1:7" x14ac:dyDescent="0.3">
      <c r="A22787" s="13" t="s">
        <v>152</v>
      </c>
      <c r="B22787" s="14" t="s">
        <v>1</v>
      </c>
      <c r="C22787" s="14" t="s">
        <v>35</v>
      </c>
      <c r="D22787" s="14" t="s">
        <v>153</v>
      </c>
      <c r="E22787" s="15">
        <v>45533</v>
      </c>
      <c r="F22787" s="14" t="s">
        <v>25</v>
      </c>
      <c r="G22787" s="16">
        <v>0</v>
      </c>
    </row>
    <row r="22788" spans="1:7" x14ac:dyDescent="0.3">
      <c r="A22788" s="13" t="s">
        <v>152</v>
      </c>
      <c r="B22788" s="14" t="s">
        <v>1</v>
      </c>
      <c r="C22788" s="14" t="s">
        <v>35</v>
      </c>
      <c r="D22788" s="14" t="s">
        <v>153</v>
      </c>
      <c r="E22788" s="15">
        <v>45534</v>
      </c>
      <c r="F22788" s="14" t="s">
        <v>25</v>
      </c>
      <c r="G22788" s="16">
        <v>0</v>
      </c>
    </row>
    <row r="22789" spans="1:7" x14ac:dyDescent="0.3">
      <c r="A22789" s="13" t="s">
        <v>152</v>
      </c>
      <c r="B22789" s="14" t="s">
        <v>1</v>
      </c>
      <c r="C22789" s="14" t="s">
        <v>35</v>
      </c>
      <c r="D22789" s="14" t="s">
        <v>153</v>
      </c>
      <c r="E22789" s="15">
        <v>45535</v>
      </c>
      <c r="F22789" s="14" t="s">
        <v>25</v>
      </c>
      <c r="G22789" s="16">
        <v>0</v>
      </c>
    </row>
    <row r="22790" spans="1:7" x14ac:dyDescent="0.3">
      <c r="A22790" s="13" t="s">
        <v>152</v>
      </c>
      <c r="B22790" s="14" t="s">
        <v>1</v>
      </c>
      <c r="C22790" s="14" t="s">
        <v>35</v>
      </c>
      <c r="D22790" s="14" t="s">
        <v>153</v>
      </c>
      <c r="E22790" s="15">
        <v>45536</v>
      </c>
      <c r="F22790" s="14" t="s">
        <v>25</v>
      </c>
      <c r="G22790" s="16">
        <v>0</v>
      </c>
    </row>
    <row r="22791" spans="1:7" x14ac:dyDescent="0.3">
      <c r="A22791" s="13" t="s">
        <v>152</v>
      </c>
      <c r="B22791" s="14" t="s">
        <v>1</v>
      </c>
      <c r="C22791" s="14" t="s">
        <v>35</v>
      </c>
      <c r="D22791" s="14" t="s">
        <v>153</v>
      </c>
      <c r="E22791" s="15">
        <v>45537</v>
      </c>
      <c r="F22791" s="14" t="s">
        <v>25</v>
      </c>
      <c r="G22791" s="16">
        <v>0</v>
      </c>
    </row>
    <row r="22792" spans="1:7" x14ac:dyDescent="0.3">
      <c r="A22792" s="13" t="s">
        <v>152</v>
      </c>
      <c r="B22792" s="14" t="s">
        <v>1</v>
      </c>
      <c r="C22792" s="14" t="s">
        <v>35</v>
      </c>
      <c r="D22792" s="14" t="s">
        <v>153</v>
      </c>
      <c r="E22792" s="15">
        <v>45538</v>
      </c>
      <c r="F22792" s="14" t="s">
        <v>25</v>
      </c>
      <c r="G22792" s="16">
        <v>0</v>
      </c>
    </row>
    <row r="22793" spans="1:7" x14ac:dyDescent="0.3">
      <c r="A22793" s="13" t="s">
        <v>152</v>
      </c>
      <c r="B22793" s="14" t="s">
        <v>1</v>
      </c>
      <c r="C22793" s="14" t="s">
        <v>35</v>
      </c>
      <c r="D22793" s="14" t="s">
        <v>153</v>
      </c>
      <c r="E22793" s="15">
        <v>45539</v>
      </c>
      <c r="F22793" s="14" t="s">
        <v>25</v>
      </c>
      <c r="G22793" s="16">
        <v>0</v>
      </c>
    </row>
    <row r="22794" spans="1:7" x14ac:dyDescent="0.3">
      <c r="A22794" s="13" t="s">
        <v>152</v>
      </c>
      <c r="B22794" s="14" t="s">
        <v>1</v>
      </c>
      <c r="C22794" s="14" t="s">
        <v>35</v>
      </c>
      <c r="D22794" s="14" t="s">
        <v>153</v>
      </c>
      <c r="E22794" s="15">
        <v>45540</v>
      </c>
      <c r="F22794" s="14" t="s">
        <v>25</v>
      </c>
      <c r="G22794" s="16">
        <v>0</v>
      </c>
    </row>
    <row r="22795" spans="1:7" x14ac:dyDescent="0.3">
      <c r="A22795" s="13" t="s">
        <v>152</v>
      </c>
      <c r="B22795" s="14" t="s">
        <v>1</v>
      </c>
      <c r="C22795" s="14" t="s">
        <v>35</v>
      </c>
      <c r="D22795" s="14" t="s">
        <v>153</v>
      </c>
      <c r="E22795" s="15">
        <v>45541</v>
      </c>
      <c r="F22795" s="14" t="s">
        <v>25</v>
      </c>
      <c r="G22795" s="16">
        <v>0</v>
      </c>
    </row>
    <row r="22796" spans="1:7" x14ac:dyDescent="0.3">
      <c r="A22796" s="13" t="s">
        <v>152</v>
      </c>
      <c r="B22796" s="14" t="s">
        <v>1</v>
      </c>
      <c r="C22796" s="14" t="s">
        <v>35</v>
      </c>
      <c r="D22796" s="14" t="s">
        <v>153</v>
      </c>
      <c r="E22796" s="15">
        <v>45542</v>
      </c>
      <c r="F22796" s="14" t="s">
        <v>25</v>
      </c>
      <c r="G22796" s="16">
        <v>0</v>
      </c>
    </row>
    <row r="22797" spans="1:7" x14ac:dyDescent="0.3">
      <c r="A22797" s="13" t="s">
        <v>152</v>
      </c>
      <c r="B22797" s="14" t="s">
        <v>1</v>
      </c>
      <c r="C22797" s="14" t="s">
        <v>35</v>
      </c>
      <c r="D22797" s="14" t="s">
        <v>153</v>
      </c>
      <c r="E22797" s="15">
        <v>45543</v>
      </c>
      <c r="F22797" s="14" t="s">
        <v>25</v>
      </c>
      <c r="G22797" s="16">
        <v>0</v>
      </c>
    </row>
    <row r="22798" spans="1:7" x14ac:dyDescent="0.3">
      <c r="A22798" s="13" t="s">
        <v>152</v>
      </c>
      <c r="B22798" s="14" t="s">
        <v>1</v>
      </c>
      <c r="C22798" s="14" t="s">
        <v>35</v>
      </c>
      <c r="D22798" s="14" t="s">
        <v>153</v>
      </c>
      <c r="E22798" s="15">
        <v>45544</v>
      </c>
      <c r="F22798" s="14" t="s">
        <v>25</v>
      </c>
      <c r="G22798" s="16">
        <v>0</v>
      </c>
    </row>
    <row r="22799" spans="1:7" x14ac:dyDescent="0.3">
      <c r="A22799" s="13" t="s">
        <v>152</v>
      </c>
      <c r="B22799" s="14" t="s">
        <v>1</v>
      </c>
      <c r="C22799" s="14" t="s">
        <v>35</v>
      </c>
      <c r="D22799" s="14" t="s">
        <v>153</v>
      </c>
      <c r="E22799" s="15">
        <v>45545</v>
      </c>
      <c r="F22799" s="14" t="s">
        <v>25</v>
      </c>
      <c r="G22799" s="16">
        <v>0</v>
      </c>
    </row>
    <row r="22800" spans="1:7" x14ac:dyDescent="0.3">
      <c r="A22800" s="13" t="s">
        <v>152</v>
      </c>
      <c r="B22800" s="14" t="s">
        <v>1</v>
      </c>
      <c r="C22800" s="14" t="s">
        <v>35</v>
      </c>
      <c r="D22800" s="14" t="s">
        <v>153</v>
      </c>
      <c r="E22800" s="15">
        <v>45546</v>
      </c>
      <c r="F22800" s="14" t="s">
        <v>25</v>
      </c>
      <c r="G22800" s="16">
        <v>0</v>
      </c>
    </row>
    <row r="22801" spans="1:7" x14ac:dyDescent="0.3">
      <c r="A22801" s="13" t="s">
        <v>152</v>
      </c>
      <c r="B22801" s="14" t="s">
        <v>1</v>
      </c>
      <c r="C22801" s="14" t="s">
        <v>35</v>
      </c>
      <c r="D22801" s="14" t="s">
        <v>153</v>
      </c>
      <c r="E22801" s="15">
        <v>45547</v>
      </c>
      <c r="F22801" s="14" t="s">
        <v>25</v>
      </c>
      <c r="G22801" s="16">
        <v>0</v>
      </c>
    </row>
    <row r="22802" spans="1:7" x14ac:dyDescent="0.3">
      <c r="A22802" s="13" t="s">
        <v>152</v>
      </c>
      <c r="B22802" s="14" t="s">
        <v>1</v>
      </c>
      <c r="C22802" s="14" t="s">
        <v>35</v>
      </c>
      <c r="D22802" s="14" t="s">
        <v>153</v>
      </c>
      <c r="E22802" s="15">
        <v>45548</v>
      </c>
      <c r="F22802" s="14" t="s">
        <v>25</v>
      </c>
      <c r="G22802" s="16">
        <v>0</v>
      </c>
    </row>
    <row r="22803" spans="1:7" x14ac:dyDescent="0.3">
      <c r="A22803" s="13" t="s">
        <v>152</v>
      </c>
      <c r="B22803" s="14" t="s">
        <v>1</v>
      </c>
      <c r="C22803" s="14" t="s">
        <v>35</v>
      </c>
      <c r="D22803" s="14" t="s">
        <v>153</v>
      </c>
      <c r="E22803" s="15">
        <v>45549</v>
      </c>
      <c r="F22803" s="14" t="s">
        <v>25</v>
      </c>
      <c r="G22803" s="16">
        <v>0</v>
      </c>
    </row>
    <row r="22804" spans="1:7" x14ac:dyDescent="0.3">
      <c r="A22804" s="13" t="s">
        <v>152</v>
      </c>
      <c r="B22804" s="14" t="s">
        <v>1</v>
      </c>
      <c r="C22804" s="14" t="s">
        <v>35</v>
      </c>
      <c r="D22804" s="14" t="s">
        <v>153</v>
      </c>
      <c r="E22804" s="15">
        <v>45550</v>
      </c>
      <c r="F22804" s="14" t="s">
        <v>25</v>
      </c>
      <c r="G22804" s="16">
        <v>0</v>
      </c>
    </row>
    <row r="22805" spans="1:7" x14ac:dyDescent="0.3">
      <c r="A22805" s="13" t="s">
        <v>152</v>
      </c>
      <c r="B22805" s="14" t="s">
        <v>1</v>
      </c>
      <c r="C22805" s="14" t="s">
        <v>35</v>
      </c>
      <c r="D22805" s="14" t="s">
        <v>153</v>
      </c>
      <c r="E22805" s="15">
        <v>45551</v>
      </c>
      <c r="F22805" s="14" t="s">
        <v>25</v>
      </c>
      <c r="G22805" s="16">
        <v>0</v>
      </c>
    </row>
    <row r="22806" spans="1:7" x14ac:dyDescent="0.3">
      <c r="A22806" s="13" t="s">
        <v>152</v>
      </c>
      <c r="B22806" s="14" t="s">
        <v>1</v>
      </c>
      <c r="C22806" s="14" t="s">
        <v>35</v>
      </c>
      <c r="D22806" s="14" t="s">
        <v>153</v>
      </c>
      <c r="E22806" s="15">
        <v>45552</v>
      </c>
      <c r="F22806" s="14" t="s">
        <v>25</v>
      </c>
      <c r="G22806" s="16">
        <v>0</v>
      </c>
    </row>
    <row r="22807" spans="1:7" x14ac:dyDescent="0.3">
      <c r="A22807" s="13" t="s">
        <v>152</v>
      </c>
      <c r="B22807" s="14" t="s">
        <v>1</v>
      </c>
      <c r="C22807" s="14" t="s">
        <v>35</v>
      </c>
      <c r="D22807" s="14" t="s">
        <v>153</v>
      </c>
      <c r="E22807" s="15">
        <v>45553</v>
      </c>
      <c r="F22807" s="14" t="s">
        <v>25</v>
      </c>
      <c r="G22807" s="16">
        <v>0</v>
      </c>
    </row>
    <row r="22808" spans="1:7" x14ac:dyDescent="0.3">
      <c r="A22808" s="13" t="s">
        <v>152</v>
      </c>
      <c r="B22808" s="14" t="s">
        <v>1</v>
      </c>
      <c r="C22808" s="14" t="s">
        <v>35</v>
      </c>
      <c r="D22808" s="14" t="s">
        <v>153</v>
      </c>
      <c r="E22808" s="15">
        <v>45554</v>
      </c>
      <c r="F22808" s="14" t="s">
        <v>25</v>
      </c>
      <c r="G22808" s="16">
        <v>0</v>
      </c>
    </row>
    <row r="22809" spans="1:7" x14ac:dyDescent="0.3">
      <c r="A22809" s="13" t="s">
        <v>152</v>
      </c>
      <c r="B22809" s="14" t="s">
        <v>1</v>
      </c>
      <c r="C22809" s="14" t="s">
        <v>35</v>
      </c>
      <c r="D22809" s="14" t="s">
        <v>153</v>
      </c>
      <c r="E22809" s="15">
        <v>45555</v>
      </c>
      <c r="F22809" s="14" t="s">
        <v>25</v>
      </c>
      <c r="G22809" s="16">
        <v>0</v>
      </c>
    </row>
    <row r="22810" spans="1:7" x14ac:dyDescent="0.3">
      <c r="A22810" s="13" t="s">
        <v>152</v>
      </c>
      <c r="B22810" s="14" t="s">
        <v>1</v>
      </c>
      <c r="C22810" s="14" t="s">
        <v>35</v>
      </c>
      <c r="D22810" s="14" t="s">
        <v>153</v>
      </c>
      <c r="E22810" s="15">
        <v>45556</v>
      </c>
      <c r="F22810" s="14" t="s">
        <v>25</v>
      </c>
      <c r="G22810" s="16">
        <v>0</v>
      </c>
    </row>
    <row r="22811" spans="1:7" x14ac:dyDescent="0.3">
      <c r="A22811" s="13" t="s">
        <v>152</v>
      </c>
      <c r="B22811" s="14" t="s">
        <v>1</v>
      </c>
      <c r="C22811" s="14" t="s">
        <v>35</v>
      </c>
      <c r="D22811" s="14" t="s">
        <v>153</v>
      </c>
      <c r="E22811" s="15">
        <v>45557</v>
      </c>
      <c r="F22811" s="14" t="s">
        <v>25</v>
      </c>
      <c r="G22811" s="16">
        <v>0</v>
      </c>
    </row>
    <row r="22812" spans="1:7" x14ac:dyDescent="0.3">
      <c r="A22812" s="13" t="s">
        <v>152</v>
      </c>
      <c r="B22812" s="14" t="s">
        <v>1</v>
      </c>
      <c r="C22812" s="14" t="s">
        <v>35</v>
      </c>
      <c r="D22812" s="14" t="s">
        <v>153</v>
      </c>
      <c r="E22812" s="15">
        <v>45558</v>
      </c>
      <c r="F22812" s="14" t="s">
        <v>25</v>
      </c>
      <c r="G22812" s="16">
        <v>0</v>
      </c>
    </row>
    <row r="22813" spans="1:7" x14ac:dyDescent="0.3">
      <c r="A22813" s="13" t="s">
        <v>152</v>
      </c>
      <c r="B22813" s="14" t="s">
        <v>1</v>
      </c>
      <c r="C22813" s="14" t="s">
        <v>35</v>
      </c>
      <c r="D22813" s="14" t="s">
        <v>153</v>
      </c>
      <c r="E22813" s="15">
        <v>45559</v>
      </c>
      <c r="F22813" s="14" t="s">
        <v>25</v>
      </c>
      <c r="G22813" s="16">
        <v>0</v>
      </c>
    </row>
    <row r="22814" spans="1:7" x14ac:dyDescent="0.3">
      <c r="A22814" s="13" t="s">
        <v>152</v>
      </c>
      <c r="B22814" s="14" t="s">
        <v>1</v>
      </c>
      <c r="C22814" s="14" t="s">
        <v>35</v>
      </c>
      <c r="D22814" s="14" t="s">
        <v>153</v>
      </c>
      <c r="E22814" s="15">
        <v>45560</v>
      </c>
      <c r="F22814" s="14" t="s">
        <v>25</v>
      </c>
      <c r="G22814" s="16">
        <v>0</v>
      </c>
    </row>
    <row r="22815" spans="1:7" x14ac:dyDescent="0.3">
      <c r="A22815" s="13" t="s">
        <v>152</v>
      </c>
      <c r="B22815" s="14" t="s">
        <v>1</v>
      </c>
      <c r="C22815" s="14" t="s">
        <v>35</v>
      </c>
      <c r="D22815" s="14" t="s">
        <v>153</v>
      </c>
      <c r="E22815" s="15">
        <v>45561</v>
      </c>
      <c r="F22815" s="14" t="s">
        <v>25</v>
      </c>
      <c r="G22815" s="16">
        <v>0</v>
      </c>
    </row>
    <row r="22816" spans="1:7" x14ac:dyDescent="0.3">
      <c r="A22816" s="13" t="s">
        <v>152</v>
      </c>
      <c r="B22816" s="14" t="s">
        <v>1</v>
      </c>
      <c r="C22816" s="14" t="s">
        <v>35</v>
      </c>
      <c r="D22816" s="14" t="s">
        <v>153</v>
      </c>
      <c r="E22816" s="15">
        <v>45562</v>
      </c>
      <c r="F22816" s="14" t="s">
        <v>25</v>
      </c>
      <c r="G22816" s="16">
        <v>0</v>
      </c>
    </row>
    <row r="22817" spans="1:7" x14ac:dyDescent="0.3">
      <c r="A22817" s="13" t="s">
        <v>152</v>
      </c>
      <c r="B22817" s="14" t="s">
        <v>1</v>
      </c>
      <c r="C22817" s="14" t="s">
        <v>35</v>
      </c>
      <c r="D22817" s="14" t="s">
        <v>153</v>
      </c>
      <c r="E22817" s="15">
        <v>45563</v>
      </c>
      <c r="F22817" s="14" t="s">
        <v>25</v>
      </c>
      <c r="G22817" s="16">
        <v>0</v>
      </c>
    </row>
    <row r="22818" spans="1:7" x14ac:dyDescent="0.3">
      <c r="A22818" s="13" t="s">
        <v>152</v>
      </c>
      <c r="B22818" s="14" t="s">
        <v>1</v>
      </c>
      <c r="C22818" s="14" t="s">
        <v>35</v>
      </c>
      <c r="D22818" s="14" t="s">
        <v>153</v>
      </c>
      <c r="E22818" s="15">
        <v>45564</v>
      </c>
      <c r="F22818" s="14" t="s">
        <v>25</v>
      </c>
      <c r="G22818" s="16">
        <v>0</v>
      </c>
    </row>
    <row r="22819" spans="1:7" x14ac:dyDescent="0.3">
      <c r="A22819" s="13" t="s">
        <v>152</v>
      </c>
      <c r="B22819" s="14" t="s">
        <v>1</v>
      </c>
      <c r="C22819" s="14" t="s">
        <v>35</v>
      </c>
      <c r="D22819" s="14" t="s">
        <v>153</v>
      </c>
      <c r="E22819" s="15">
        <v>45565</v>
      </c>
      <c r="F22819" s="14" t="s">
        <v>25</v>
      </c>
      <c r="G22819" s="16">
        <v>0</v>
      </c>
    </row>
    <row r="22820" spans="1:7" x14ac:dyDescent="0.3">
      <c r="A22820" s="13" t="s">
        <v>152</v>
      </c>
      <c r="B22820" s="14" t="s">
        <v>1</v>
      </c>
      <c r="C22820" s="14" t="s">
        <v>35</v>
      </c>
      <c r="D22820" s="14" t="s">
        <v>153</v>
      </c>
      <c r="E22820" s="15">
        <v>45566</v>
      </c>
      <c r="F22820" s="14" t="s">
        <v>25</v>
      </c>
      <c r="G22820" s="16">
        <v>0</v>
      </c>
    </row>
    <row r="22821" spans="1:7" x14ac:dyDescent="0.3">
      <c r="A22821" s="13" t="s">
        <v>152</v>
      </c>
      <c r="B22821" s="14" t="s">
        <v>1</v>
      </c>
      <c r="C22821" s="14" t="s">
        <v>35</v>
      </c>
      <c r="D22821" s="14" t="s">
        <v>153</v>
      </c>
      <c r="E22821" s="15">
        <v>45567</v>
      </c>
      <c r="F22821" s="14" t="s">
        <v>25</v>
      </c>
      <c r="G22821" s="16">
        <v>0</v>
      </c>
    </row>
    <row r="22822" spans="1:7" x14ac:dyDescent="0.3">
      <c r="A22822" s="13" t="s">
        <v>152</v>
      </c>
      <c r="B22822" s="14" t="s">
        <v>1</v>
      </c>
      <c r="C22822" s="14" t="s">
        <v>35</v>
      </c>
      <c r="D22822" s="14" t="s">
        <v>153</v>
      </c>
      <c r="E22822" s="15">
        <v>45568</v>
      </c>
      <c r="F22822" s="14" t="s">
        <v>25</v>
      </c>
      <c r="G22822" s="16">
        <v>0</v>
      </c>
    </row>
    <row r="22823" spans="1:7" x14ac:dyDescent="0.3">
      <c r="A22823" s="13" t="s">
        <v>152</v>
      </c>
      <c r="B22823" s="14" t="s">
        <v>1</v>
      </c>
      <c r="C22823" s="14" t="s">
        <v>35</v>
      </c>
      <c r="D22823" s="14" t="s">
        <v>153</v>
      </c>
      <c r="E22823" s="15">
        <v>45569</v>
      </c>
      <c r="F22823" s="14" t="s">
        <v>25</v>
      </c>
      <c r="G22823" s="16">
        <v>0</v>
      </c>
    </row>
    <row r="22824" spans="1:7" x14ac:dyDescent="0.3">
      <c r="A22824" s="13" t="s">
        <v>152</v>
      </c>
      <c r="B22824" s="14" t="s">
        <v>1</v>
      </c>
      <c r="C22824" s="14" t="s">
        <v>35</v>
      </c>
      <c r="D22824" s="14" t="s">
        <v>153</v>
      </c>
      <c r="E22824" s="15">
        <v>45570</v>
      </c>
      <c r="F22824" s="14" t="s">
        <v>25</v>
      </c>
      <c r="G22824" s="16">
        <v>0</v>
      </c>
    </row>
    <row r="22825" spans="1:7" x14ac:dyDescent="0.3">
      <c r="A22825" s="13" t="s">
        <v>152</v>
      </c>
      <c r="B22825" s="14" t="s">
        <v>1</v>
      </c>
      <c r="C22825" s="14" t="s">
        <v>35</v>
      </c>
      <c r="D22825" s="14" t="s">
        <v>153</v>
      </c>
      <c r="E22825" s="15">
        <v>45571</v>
      </c>
      <c r="F22825" s="14" t="s">
        <v>25</v>
      </c>
      <c r="G22825" s="16">
        <v>0</v>
      </c>
    </row>
    <row r="22826" spans="1:7" x14ac:dyDescent="0.3">
      <c r="A22826" s="13" t="s">
        <v>152</v>
      </c>
      <c r="B22826" s="14" t="s">
        <v>1</v>
      </c>
      <c r="C22826" s="14" t="s">
        <v>35</v>
      </c>
      <c r="D22826" s="14" t="s">
        <v>153</v>
      </c>
      <c r="E22826" s="15">
        <v>45572</v>
      </c>
      <c r="F22826" s="14" t="s">
        <v>25</v>
      </c>
      <c r="G22826" s="16">
        <v>0</v>
      </c>
    </row>
    <row r="22827" spans="1:7" x14ac:dyDescent="0.3">
      <c r="A22827" s="13" t="s">
        <v>152</v>
      </c>
      <c r="B22827" s="14" t="s">
        <v>1</v>
      </c>
      <c r="C22827" s="14" t="s">
        <v>35</v>
      </c>
      <c r="D22827" s="14" t="s">
        <v>153</v>
      </c>
      <c r="E22827" s="15">
        <v>45573</v>
      </c>
      <c r="F22827" s="14" t="s">
        <v>25</v>
      </c>
      <c r="G22827" s="16">
        <v>0</v>
      </c>
    </row>
    <row r="22828" spans="1:7" x14ac:dyDescent="0.3">
      <c r="A22828" s="13" t="s">
        <v>152</v>
      </c>
      <c r="B22828" s="14" t="s">
        <v>1</v>
      </c>
      <c r="C22828" s="14" t="s">
        <v>35</v>
      </c>
      <c r="D22828" s="14" t="s">
        <v>153</v>
      </c>
      <c r="E22828" s="15">
        <v>45574</v>
      </c>
      <c r="F22828" s="14" t="s">
        <v>25</v>
      </c>
      <c r="G22828" s="16">
        <v>0</v>
      </c>
    </row>
    <row r="22829" spans="1:7" x14ac:dyDescent="0.3">
      <c r="A22829" s="13" t="s">
        <v>152</v>
      </c>
      <c r="B22829" s="14" t="s">
        <v>1</v>
      </c>
      <c r="C22829" s="14" t="s">
        <v>35</v>
      </c>
      <c r="D22829" s="14" t="s">
        <v>153</v>
      </c>
      <c r="E22829" s="15">
        <v>45575</v>
      </c>
      <c r="F22829" s="14" t="s">
        <v>25</v>
      </c>
      <c r="G22829" s="16">
        <v>0</v>
      </c>
    </row>
    <row r="22830" spans="1:7" x14ac:dyDescent="0.3">
      <c r="A22830" s="13" t="s">
        <v>152</v>
      </c>
      <c r="B22830" s="14" t="s">
        <v>1</v>
      </c>
      <c r="C22830" s="14" t="s">
        <v>35</v>
      </c>
      <c r="D22830" s="14" t="s">
        <v>153</v>
      </c>
      <c r="E22830" s="15">
        <v>45576</v>
      </c>
      <c r="F22830" s="14" t="s">
        <v>25</v>
      </c>
      <c r="G22830" s="16">
        <v>0</v>
      </c>
    </row>
    <row r="22831" spans="1:7" x14ac:dyDescent="0.3">
      <c r="A22831" s="13" t="s">
        <v>152</v>
      </c>
      <c r="B22831" s="14" t="s">
        <v>1</v>
      </c>
      <c r="C22831" s="14" t="s">
        <v>35</v>
      </c>
      <c r="D22831" s="14" t="s">
        <v>153</v>
      </c>
      <c r="E22831" s="15">
        <v>45577</v>
      </c>
      <c r="F22831" s="14" t="s">
        <v>25</v>
      </c>
      <c r="G22831" s="16">
        <v>0</v>
      </c>
    </row>
    <row r="22832" spans="1:7" x14ac:dyDescent="0.3">
      <c r="A22832" s="13" t="s">
        <v>152</v>
      </c>
      <c r="B22832" s="14" t="s">
        <v>1</v>
      </c>
      <c r="C22832" s="14" t="s">
        <v>35</v>
      </c>
      <c r="D22832" s="14" t="s">
        <v>153</v>
      </c>
      <c r="E22832" s="15">
        <v>45578</v>
      </c>
      <c r="F22832" s="14" t="s">
        <v>25</v>
      </c>
      <c r="G22832" s="16">
        <v>0</v>
      </c>
    </row>
    <row r="22833" spans="1:7" x14ac:dyDescent="0.3">
      <c r="A22833" s="13" t="s">
        <v>152</v>
      </c>
      <c r="B22833" s="14" t="s">
        <v>1</v>
      </c>
      <c r="C22833" s="14" t="s">
        <v>35</v>
      </c>
      <c r="D22833" s="14" t="s">
        <v>153</v>
      </c>
      <c r="E22833" s="15">
        <v>45579</v>
      </c>
      <c r="F22833" s="14" t="s">
        <v>25</v>
      </c>
      <c r="G22833" s="16">
        <v>0</v>
      </c>
    </row>
    <row r="22834" spans="1:7" x14ac:dyDescent="0.3">
      <c r="A22834" s="13" t="s">
        <v>152</v>
      </c>
      <c r="B22834" s="14" t="s">
        <v>1</v>
      </c>
      <c r="C22834" s="14" t="s">
        <v>35</v>
      </c>
      <c r="D22834" s="14" t="s">
        <v>153</v>
      </c>
      <c r="E22834" s="15">
        <v>45580</v>
      </c>
      <c r="F22834" s="14" t="s">
        <v>25</v>
      </c>
      <c r="G22834" s="16">
        <v>0</v>
      </c>
    </row>
    <row r="22835" spans="1:7" x14ac:dyDescent="0.3">
      <c r="A22835" s="13" t="s">
        <v>152</v>
      </c>
      <c r="B22835" s="14" t="s">
        <v>1</v>
      </c>
      <c r="C22835" s="14" t="s">
        <v>35</v>
      </c>
      <c r="D22835" s="14" t="s">
        <v>153</v>
      </c>
      <c r="E22835" s="15">
        <v>45581</v>
      </c>
      <c r="F22835" s="14" t="s">
        <v>25</v>
      </c>
      <c r="G22835" s="16">
        <v>0</v>
      </c>
    </row>
    <row r="22836" spans="1:7" x14ac:dyDescent="0.3">
      <c r="A22836" s="13" t="s">
        <v>152</v>
      </c>
      <c r="B22836" s="14" t="s">
        <v>1</v>
      </c>
      <c r="C22836" s="14" t="s">
        <v>35</v>
      </c>
      <c r="D22836" s="14" t="s">
        <v>153</v>
      </c>
      <c r="E22836" s="15">
        <v>45582</v>
      </c>
      <c r="F22836" s="14" t="s">
        <v>25</v>
      </c>
      <c r="G22836" s="16">
        <v>0</v>
      </c>
    </row>
    <row r="22837" spans="1:7" x14ac:dyDescent="0.3">
      <c r="A22837" s="13" t="s">
        <v>152</v>
      </c>
      <c r="B22837" s="14" t="s">
        <v>1</v>
      </c>
      <c r="C22837" s="14" t="s">
        <v>35</v>
      </c>
      <c r="D22837" s="14" t="s">
        <v>153</v>
      </c>
      <c r="E22837" s="15">
        <v>45583</v>
      </c>
      <c r="F22837" s="14" t="s">
        <v>25</v>
      </c>
      <c r="G22837" s="16">
        <v>0</v>
      </c>
    </row>
    <row r="22838" spans="1:7" x14ac:dyDescent="0.3">
      <c r="A22838" s="13" t="s">
        <v>152</v>
      </c>
      <c r="B22838" s="14" t="s">
        <v>1</v>
      </c>
      <c r="C22838" s="14" t="s">
        <v>35</v>
      </c>
      <c r="D22838" s="14" t="s">
        <v>153</v>
      </c>
      <c r="E22838" s="15">
        <v>45584</v>
      </c>
      <c r="F22838" s="14" t="s">
        <v>25</v>
      </c>
      <c r="G22838" s="16">
        <v>0</v>
      </c>
    </row>
    <row r="22839" spans="1:7" x14ac:dyDescent="0.3">
      <c r="A22839" s="13" t="s">
        <v>152</v>
      </c>
      <c r="B22839" s="14" t="s">
        <v>1</v>
      </c>
      <c r="C22839" s="14" t="s">
        <v>35</v>
      </c>
      <c r="D22839" s="14" t="s">
        <v>153</v>
      </c>
      <c r="E22839" s="15">
        <v>45585</v>
      </c>
      <c r="F22839" s="14" t="s">
        <v>25</v>
      </c>
      <c r="G22839" s="16">
        <v>0</v>
      </c>
    </row>
    <row r="22840" spans="1:7" x14ac:dyDescent="0.3">
      <c r="A22840" s="13" t="s">
        <v>152</v>
      </c>
      <c r="B22840" s="14" t="s">
        <v>1</v>
      </c>
      <c r="C22840" s="14" t="s">
        <v>35</v>
      </c>
      <c r="D22840" s="14" t="s">
        <v>153</v>
      </c>
      <c r="E22840" s="15">
        <v>45586</v>
      </c>
      <c r="F22840" s="14" t="s">
        <v>25</v>
      </c>
      <c r="G22840" s="16">
        <v>0</v>
      </c>
    </row>
    <row r="22841" spans="1:7" x14ac:dyDescent="0.3">
      <c r="A22841" s="13" t="s">
        <v>152</v>
      </c>
      <c r="B22841" s="14" t="s">
        <v>1</v>
      </c>
      <c r="C22841" s="14" t="s">
        <v>35</v>
      </c>
      <c r="D22841" s="14" t="s">
        <v>153</v>
      </c>
      <c r="E22841" s="15">
        <v>45587</v>
      </c>
      <c r="F22841" s="14" t="s">
        <v>25</v>
      </c>
      <c r="G22841" s="16">
        <v>0</v>
      </c>
    </row>
    <row r="22842" spans="1:7" x14ac:dyDescent="0.3">
      <c r="A22842" s="13" t="s">
        <v>152</v>
      </c>
      <c r="B22842" s="14" t="s">
        <v>1</v>
      </c>
      <c r="C22842" s="14" t="s">
        <v>35</v>
      </c>
      <c r="D22842" s="14" t="s">
        <v>153</v>
      </c>
      <c r="E22842" s="15">
        <v>45588</v>
      </c>
      <c r="F22842" s="14" t="s">
        <v>25</v>
      </c>
      <c r="G22842" s="16">
        <v>0</v>
      </c>
    </row>
    <row r="22843" spans="1:7" x14ac:dyDescent="0.3">
      <c r="A22843" s="13" t="s">
        <v>152</v>
      </c>
      <c r="B22843" s="14" t="s">
        <v>1</v>
      </c>
      <c r="C22843" s="14" t="s">
        <v>35</v>
      </c>
      <c r="D22843" s="14" t="s">
        <v>153</v>
      </c>
      <c r="E22843" s="15">
        <v>45589</v>
      </c>
      <c r="F22843" s="14" t="s">
        <v>25</v>
      </c>
      <c r="G22843" s="16">
        <v>0</v>
      </c>
    </row>
    <row r="22844" spans="1:7" x14ac:dyDescent="0.3">
      <c r="A22844" s="13" t="s">
        <v>152</v>
      </c>
      <c r="B22844" s="14" t="s">
        <v>1</v>
      </c>
      <c r="C22844" s="14" t="s">
        <v>35</v>
      </c>
      <c r="D22844" s="14" t="s">
        <v>153</v>
      </c>
      <c r="E22844" s="15">
        <v>45590</v>
      </c>
      <c r="F22844" s="14" t="s">
        <v>25</v>
      </c>
      <c r="G22844" s="16">
        <v>0</v>
      </c>
    </row>
    <row r="22845" spans="1:7" x14ac:dyDescent="0.3">
      <c r="A22845" s="13" t="s">
        <v>152</v>
      </c>
      <c r="B22845" s="14" t="s">
        <v>1</v>
      </c>
      <c r="C22845" s="14" t="s">
        <v>35</v>
      </c>
      <c r="D22845" s="14" t="s">
        <v>153</v>
      </c>
      <c r="E22845" s="15">
        <v>45591</v>
      </c>
      <c r="F22845" s="14" t="s">
        <v>25</v>
      </c>
      <c r="G22845" s="16">
        <v>0</v>
      </c>
    </row>
    <row r="22846" spans="1:7" x14ac:dyDescent="0.3">
      <c r="A22846" s="13" t="s">
        <v>152</v>
      </c>
      <c r="B22846" s="14" t="s">
        <v>1</v>
      </c>
      <c r="C22846" s="14" t="s">
        <v>35</v>
      </c>
      <c r="D22846" s="14" t="s">
        <v>153</v>
      </c>
      <c r="E22846" s="15">
        <v>45592</v>
      </c>
      <c r="F22846" s="14" t="s">
        <v>25</v>
      </c>
      <c r="G22846" s="16">
        <v>0</v>
      </c>
    </row>
    <row r="22847" spans="1:7" x14ac:dyDescent="0.3">
      <c r="A22847" s="13" t="s">
        <v>152</v>
      </c>
      <c r="B22847" s="14" t="s">
        <v>1</v>
      </c>
      <c r="C22847" s="14" t="s">
        <v>35</v>
      </c>
      <c r="D22847" s="14" t="s">
        <v>153</v>
      </c>
      <c r="E22847" s="15">
        <v>45593</v>
      </c>
      <c r="F22847" s="14" t="s">
        <v>25</v>
      </c>
      <c r="G22847" s="16">
        <v>0</v>
      </c>
    </row>
    <row r="22848" spans="1:7" x14ac:dyDescent="0.3">
      <c r="A22848" s="13" t="s">
        <v>152</v>
      </c>
      <c r="B22848" s="14" t="s">
        <v>1</v>
      </c>
      <c r="C22848" s="14" t="s">
        <v>35</v>
      </c>
      <c r="D22848" s="14" t="s">
        <v>153</v>
      </c>
      <c r="E22848" s="15">
        <v>45594</v>
      </c>
      <c r="F22848" s="14" t="s">
        <v>25</v>
      </c>
      <c r="G22848" s="16">
        <v>0</v>
      </c>
    </row>
    <row r="22849" spans="1:7" x14ac:dyDescent="0.3">
      <c r="A22849" s="13" t="s">
        <v>152</v>
      </c>
      <c r="B22849" s="14" t="s">
        <v>1</v>
      </c>
      <c r="C22849" s="14" t="s">
        <v>35</v>
      </c>
      <c r="D22849" s="14" t="s">
        <v>153</v>
      </c>
      <c r="E22849" s="15">
        <v>45595</v>
      </c>
      <c r="F22849" s="14" t="s">
        <v>25</v>
      </c>
      <c r="G22849" s="16">
        <v>0</v>
      </c>
    </row>
    <row r="22850" spans="1:7" x14ac:dyDescent="0.3">
      <c r="A22850" s="13" t="s">
        <v>152</v>
      </c>
      <c r="B22850" s="14" t="s">
        <v>1</v>
      </c>
      <c r="C22850" s="14" t="s">
        <v>35</v>
      </c>
      <c r="D22850" s="14" t="s">
        <v>153</v>
      </c>
      <c r="E22850" s="15">
        <v>45596</v>
      </c>
      <c r="F22850" s="14" t="s">
        <v>25</v>
      </c>
      <c r="G22850" s="16">
        <v>0</v>
      </c>
    </row>
    <row r="22851" spans="1:7" x14ac:dyDescent="0.3">
      <c r="A22851" s="13" t="s">
        <v>152</v>
      </c>
      <c r="B22851" s="14" t="s">
        <v>1</v>
      </c>
      <c r="C22851" s="14" t="s">
        <v>35</v>
      </c>
      <c r="D22851" s="14" t="s">
        <v>153</v>
      </c>
      <c r="E22851" s="15">
        <v>45597</v>
      </c>
      <c r="F22851" s="14" t="s">
        <v>25</v>
      </c>
      <c r="G22851" s="16">
        <v>0</v>
      </c>
    </row>
    <row r="22852" spans="1:7" x14ac:dyDescent="0.3">
      <c r="A22852" s="13" t="s">
        <v>152</v>
      </c>
      <c r="B22852" s="14" t="s">
        <v>1</v>
      </c>
      <c r="C22852" s="14" t="s">
        <v>35</v>
      </c>
      <c r="D22852" s="14" t="s">
        <v>153</v>
      </c>
      <c r="E22852" s="15">
        <v>45598</v>
      </c>
      <c r="F22852" s="14" t="s">
        <v>25</v>
      </c>
      <c r="G22852" s="16">
        <v>0</v>
      </c>
    </row>
    <row r="22853" spans="1:7" x14ac:dyDescent="0.3">
      <c r="A22853" s="13" t="s">
        <v>152</v>
      </c>
      <c r="B22853" s="14" t="s">
        <v>1</v>
      </c>
      <c r="C22853" s="14" t="s">
        <v>35</v>
      </c>
      <c r="D22853" s="14" t="s">
        <v>153</v>
      </c>
      <c r="E22853" s="15">
        <v>45599</v>
      </c>
      <c r="F22853" s="14" t="s">
        <v>25</v>
      </c>
      <c r="G22853" s="16">
        <v>0</v>
      </c>
    </row>
    <row r="22854" spans="1:7" x14ac:dyDescent="0.3">
      <c r="A22854" s="13" t="s">
        <v>152</v>
      </c>
      <c r="B22854" s="14" t="s">
        <v>1</v>
      </c>
      <c r="C22854" s="14" t="s">
        <v>35</v>
      </c>
      <c r="D22854" s="14" t="s">
        <v>153</v>
      </c>
      <c r="E22854" s="15">
        <v>45600</v>
      </c>
      <c r="F22854" s="14" t="s">
        <v>25</v>
      </c>
      <c r="G22854" s="16">
        <v>0</v>
      </c>
    </row>
    <row r="22855" spans="1:7" x14ac:dyDescent="0.3">
      <c r="A22855" s="13" t="s">
        <v>152</v>
      </c>
      <c r="B22855" s="14" t="s">
        <v>1</v>
      </c>
      <c r="C22855" s="14" t="s">
        <v>35</v>
      </c>
      <c r="D22855" s="14" t="s">
        <v>153</v>
      </c>
      <c r="E22855" s="15">
        <v>45601</v>
      </c>
      <c r="F22855" s="14" t="s">
        <v>25</v>
      </c>
      <c r="G22855" s="16">
        <v>0</v>
      </c>
    </row>
    <row r="22856" spans="1:7" x14ac:dyDescent="0.3">
      <c r="A22856" s="13" t="s">
        <v>152</v>
      </c>
      <c r="B22856" s="14" t="s">
        <v>1</v>
      </c>
      <c r="C22856" s="14" t="s">
        <v>35</v>
      </c>
      <c r="D22856" s="14" t="s">
        <v>153</v>
      </c>
      <c r="E22856" s="15">
        <v>45602</v>
      </c>
      <c r="F22856" s="14" t="s">
        <v>25</v>
      </c>
      <c r="G22856" s="16">
        <v>0</v>
      </c>
    </row>
    <row r="22857" spans="1:7" x14ac:dyDescent="0.3">
      <c r="A22857" s="13" t="s">
        <v>152</v>
      </c>
      <c r="B22857" s="14" t="s">
        <v>1</v>
      </c>
      <c r="C22857" s="14" t="s">
        <v>35</v>
      </c>
      <c r="D22857" s="14" t="s">
        <v>153</v>
      </c>
      <c r="E22857" s="15">
        <v>45603</v>
      </c>
      <c r="F22857" s="14" t="s">
        <v>25</v>
      </c>
      <c r="G22857" s="16">
        <v>0</v>
      </c>
    </row>
    <row r="22858" spans="1:7" x14ac:dyDescent="0.3">
      <c r="A22858" s="13" t="s">
        <v>152</v>
      </c>
      <c r="B22858" s="14" t="s">
        <v>1</v>
      </c>
      <c r="C22858" s="14" t="s">
        <v>35</v>
      </c>
      <c r="D22858" s="14" t="s">
        <v>153</v>
      </c>
      <c r="E22858" s="15">
        <v>45604</v>
      </c>
      <c r="F22858" s="14" t="s">
        <v>25</v>
      </c>
      <c r="G22858" s="16">
        <v>0</v>
      </c>
    </row>
    <row r="22859" spans="1:7" x14ac:dyDescent="0.3">
      <c r="A22859" s="13" t="s">
        <v>152</v>
      </c>
      <c r="B22859" s="14" t="s">
        <v>1</v>
      </c>
      <c r="C22859" s="14" t="s">
        <v>35</v>
      </c>
      <c r="D22859" s="14" t="s">
        <v>153</v>
      </c>
      <c r="E22859" s="15">
        <v>45605</v>
      </c>
      <c r="F22859" s="14" t="s">
        <v>25</v>
      </c>
      <c r="G22859" s="16">
        <v>0</v>
      </c>
    </row>
    <row r="22860" spans="1:7" x14ac:dyDescent="0.3">
      <c r="A22860" s="13" t="s">
        <v>152</v>
      </c>
      <c r="B22860" s="14" t="s">
        <v>1</v>
      </c>
      <c r="C22860" s="14" t="s">
        <v>35</v>
      </c>
      <c r="D22860" s="14" t="s">
        <v>153</v>
      </c>
      <c r="E22860" s="15">
        <v>45606</v>
      </c>
      <c r="F22860" s="14" t="s">
        <v>25</v>
      </c>
      <c r="G22860" s="16">
        <v>0</v>
      </c>
    </row>
    <row r="22861" spans="1:7" x14ac:dyDescent="0.3">
      <c r="A22861" s="13" t="s">
        <v>152</v>
      </c>
      <c r="B22861" s="14" t="s">
        <v>1</v>
      </c>
      <c r="C22861" s="14" t="s">
        <v>35</v>
      </c>
      <c r="D22861" s="14" t="s">
        <v>153</v>
      </c>
      <c r="E22861" s="15">
        <v>45607</v>
      </c>
      <c r="F22861" s="14" t="s">
        <v>25</v>
      </c>
      <c r="G22861" s="16">
        <v>0</v>
      </c>
    </row>
    <row r="22862" spans="1:7" x14ac:dyDescent="0.3">
      <c r="A22862" s="13" t="s">
        <v>152</v>
      </c>
      <c r="B22862" s="14" t="s">
        <v>1</v>
      </c>
      <c r="C22862" s="14" t="s">
        <v>35</v>
      </c>
      <c r="D22862" s="14" t="s">
        <v>153</v>
      </c>
      <c r="E22862" s="15">
        <v>45608</v>
      </c>
      <c r="F22862" s="14" t="s">
        <v>25</v>
      </c>
      <c r="G22862" s="16">
        <v>0</v>
      </c>
    </row>
    <row r="22863" spans="1:7" x14ac:dyDescent="0.3">
      <c r="A22863" s="13" t="s">
        <v>152</v>
      </c>
      <c r="B22863" s="14" t="s">
        <v>1</v>
      </c>
      <c r="C22863" s="14" t="s">
        <v>35</v>
      </c>
      <c r="D22863" s="14" t="s">
        <v>153</v>
      </c>
      <c r="E22863" s="15">
        <v>45609</v>
      </c>
      <c r="F22863" s="14" t="s">
        <v>25</v>
      </c>
      <c r="G22863" s="16">
        <v>0</v>
      </c>
    </row>
    <row r="22864" spans="1:7" x14ac:dyDescent="0.3">
      <c r="A22864" s="13" t="s">
        <v>152</v>
      </c>
      <c r="B22864" s="14" t="s">
        <v>1</v>
      </c>
      <c r="C22864" s="14" t="s">
        <v>35</v>
      </c>
      <c r="D22864" s="14" t="s">
        <v>153</v>
      </c>
      <c r="E22864" s="15">
        <v>45610</v>
      </c>
      <c r="F22864" s="14" t="s">
        <v>25</v>
      </c>
      <c r="G22864" s="16">
        <v>0</v>
      </c>
    </row>
    <row r="22865" spans="1:7" x14ac:dyDescent="0.3">
      <c r="A22865" s="13" t="s">
        <v>152</v>
      </c>
      <c r="B22865" s="14" t="s">
        <v>1</v>
      </c>
      <c r="C22865" s="14" t="s">
        <v>35</v>
      </c>
      <c r="D22865" s="14" t="s">
        <v>153</v>
      </c>
      <c r="E22865" s="15">
        <v>45611</v>
      </c>
      <c r="F22865" s="14" t="s">
        <v>25</v>
      </c>
      <c r="G22865" s="16">
        <v>0</v>
      </c>
    </row>
    <row r="22866" spans="1:7" x14ac:dyDescent="0.3">
      <c r="A22866" s="13" t="s">
        <v>152</v>
      </c>
      <c r="B22866" s="14" t="s">
        <v>1</v>
      </c>
      <c r="C22866" s="14" t="s">
        <v>35</v>
      </c>
      <c r="D22866" s="14" t="s">
        <v>153</v>
      </c>
      <c r="E22866" s="15">
        <v>45612</v>
      </c>
      <c r="F22866" s="14" t="s">
        <v>25</v>
      </c>
      <c r="G22866" s="16">
        <v>0</v>
      </c>
    </row>
    <row r="22867" spans="1:7" x14ac:dyDescent="0.3">
      <c r="A22867" s="13" t="s">
        <v>152</v>
      </c>
      <c r="B22867" s="14" t="s">
        <v>1</v>
      </c>
      <c r="C22867" s="14" t="s">
        <v>35</v>
      </c>
      <c r="D22867" s="14" t="s">
        <v>153</v>
      </c>
      <c r="E22867" s="15">
        <v>45613</v>
      </c>
      <c r="F22867" s="14" t="s">
        <v>25</v>
      </c>
      <c r="G22867" s="16">
        <v>0</v>
      </c>
    </row>
    <row r="22868" spans="1:7" x14ac:dyDescent="0.3">
      <c r="A22868" s="13" t="s">
        <v>152</v>
      </c>
      <c r="B22868" s="14" t="s">
        <v>1</v>
      </c>
      <c r="C22868" s="14" t="s">
        <v>35</v>
      </c>
      <c r="D22868" s="14" t="s">
        <v>153</v>
      </c>
      <c r="E22868" s="15">
        <v>45614</v>
      </c>
      <c r="F22868" s="14" t="s">
        <v>25</v>
      </c>
      <c r="G22868" s="16">
        <v>0</v>
      </c>
    </row>
    <row r="22869" spans="1:7" x14ac:dyDescent="0.3">
      <c r="A22869" s="13" t="s">
        <v>152</v>
      </c>
      <c r="B22869" s="14" t="s">
        <v>1</v>
      </c>
      <c r="C22869" s="14" t="s">
        <v>35</v>
      </c>
      <c r="D22869" s="14" t="s">
        <v>153</v>
      </c>
      <c r="E22869" s="15">
        <v>45615</v>
      </c>
      <c r="F22869" s="14" t="s">
        <v>25</v>
      </c>
      <c r="G22869" s="16">
        <v>0</v>
      </c>
    </row>
    <row r="22870" spans="1:7" x14ac:dyDescent="0.3">
      <c r="A22870" s="13" t="s">
        <v>152</v>
      </c>
      <c r="B22870" s="14" t="s">
        <v>1</v>
      </c>
      <c r="C22870" s="14" t="s">
        <v>35</v>
      </c>
      <c r="D22870" s="14" t="s">
        <v>153</v>
      </c>
      <c r="E22870" s="15">
        <v>45616</v>
      </c>
      <c r="F22870" s="14" t="s">
        <v>25</v>
      </c>
      <c r="G22870" s="16">
        <v>0</v>
      </c>
    </row>
    <row r="22871" spans="1:7" x14ac:dyDescent="0.3">
      <c r="A22871" s="13" t="s">
        <v>152</v>
      </c>
      <c r="B22871" s="14" t="s">
        <v>1</v>
      </c>
      <c r="C22871" s="14" t="s">
        <v>35</v>
      </c>
      <c r="D22871" s="14" t="s">
        <v>153</v>
      </c>
      <c r="E22871" s="15">
        <v>45617</v>
      </c>
      <c r="F22871" s="14" t="s">
        <v>25</v>
      </c>
      <c r="G22871" s="16">
        <v>0</v>
      </c>
    </row>
    <row r="22872" spans="1:7" x14ac:dyDescent="0.3">
      <c r="A22872" s="13" t="s">
        <v>152</v>
      </c>
      <c r="B22872" s="14" t="s">
        <v>1</v>
      </c>
      <c r="C22872" s="14" t="s">
        <v>35</v>
      </c>
      <c r="D22872" s="14" t="s">
        <v>153</v>
      </c>
      <c r="E22872" s="15">
        <v>45618</v>
      </c>
      <c r="F22872" s="14" t="s">
        <v>25</v>
      </c>
      <c r="G22872" s="16">
        <v>0</v>
      </c>
    </row>
    <row r="22873" spans="1:7" x14ac:dyDescent="0.3">
      <c r="A22873" s="13" t="s">
        <v>152</v>
      </c>
      <c r="B22873" s="14" t="s">
        <v>1</v>
      </c>
      <c r="C22873" s="14" t="s">
        <v>35</v>
      </c>
      <c r="D22873" s="14" t="s">
        <v>153</v>
      </c>
      <c r="E22873" s="15">
        <v>45619</v>
      </c>
      <c r="F22873" s="14" t="s">
        <v>25</v>
      </c>
      <c r="G22873" s="16">
        <v>0</v>
      </c>
    </row>
    <row r="22874" spans="1:7" x14ac:dyDescent="0.3">
      <c r="A22874" s="13" t="s">
        <v>152</v>
      </c>
      <c r="B22874" s="14" t="s">
        <v>1</v>
      </c>
      <c r="C22874" s="14" t="s">
        <v>35</v>
      </c>
      <c r="D22874" s="14" t="s">
        <v>153</v>
      </c>
      <c r="E22874" s="15">
        <v>45620</v>
      </c>
      <c r="F22874" s="14" t="s">
        <v>25</v>
      </c>
      <c r="G22874" s="16">
        <v>0</v>
      </c>
    </row>
    <row r="22875" spans="1:7" x14ac:dyDescent="0.3">
      <c r="A22875" s="13" t="s">
        <v>152</v>
      </c>
      <c r="B22875" s="14" t="s">
        <v>1</v>
      </c>
      <c r="C22875" s="14" t="s">
        <v>35</v>
      </c>
      <c r="D22875" s="14" t="s">
        <v>153</v>
      </c>
      <c r="E22875" s="15">
        <v>45621</v>
      </c>
      <c r="F22875" s="14" t="s">
        <v>25</v>
      </c>
      <c r="G22875" s="16">
        <v>0</v>
      </c>
    </row>
    <row r="22876" spans="1:7" x14ac:dyDescent="0.3">
      <c r="A22876" s="13" t="s">
        <v>152</v>
      </c>
      <c r="B22876" s="14" t="s">
        <v>1</v>
      </c>
      <c r="C22876" s="14" t="s">
        <v>35</v>
      </c>
      <c r="D22876" s="14" t="s">
        <v>153</v>
      </c>
      <c r="E22876" s="15">
        <v>45622</v>
      </c>
      <c r="F22876" s="14" t="s">
        <v>25</v>
      </c>
      <c r="G22876" s="16">
        <v>0</v>
      </c>
    </row>
    <row r="22877" spans="1:7" x14ac:dyDescent="0.3">
      <c r="A22877" s="13" t="s">
        <v>152</v>
      </c>
      <c r="B22877" s="14" t="s">
        <v>1</v>
      </c>
      <c r="C22877" s="14" t="s">
        <v>35</v>
      </c>
      <c r="D22877" s="14" t="s">
        <v>153</v>
      </c>
      <c r="E22877" s="15">
        <v>45623</v>
      </c>
      <c r="F22877" s="14" t="s">
        <v>25</v>
      </c>
      <c r="G22877" s="16">
        <v>0</v>
      </c>
    </row>
    <row r="22878" spans="1:7" x14ac:dyDescent="0.3">
      <c r="A22878" s="13" t="s">
        <v>152</v>
      </c>
      <c r="B22878" s="14" t="s">
        <v>1</v>
      </c>
      <c r="C22878" s="14" t="s">
        <v>35</v>
      </c>
      <c r="D22878" s="14" t="s">
        <v>153</v>
      </c>
      <c r="E22878" s="15">
        <v>45624</v>
      </c>
      <c r="F22878" s="14" t="s">
        <v>25</v>
      </c>
      <c r="G22878" s="16">
        <v>0</v>
      </c>
    </row>
    <row r="22879" spans="1:7" x14ac:dyDescent="0.3">
      <c r="A22879" s="13" t="s">
        <v>152</v>
      </c>
      <c r="B22879" s="14" t="s">
        <v>1</v>
      </c>
      <c r="C22879" s="14" t="s">
        <v>35</v>
      </c>
      <c r="D22879" s="14" t="s">
        <v>153</v>
      </c>
      <c r="E22879" s="15">
        <v>45625</v>
      </c>
      <c r="F22879" s="14" t="s">
        <v>25</v>
      </c>
      <c r="G22879" s="16">
        <v>0</v>
      </c>
    </row>
    <row r="22880" spans="1:7" x14ac:dyDescent="0.3">
      <c r="A22880" s="13" t="s">
        <v>152</v>
      </c>
      <c r="B22880" s="14" t="s">
        <v>1</v>
      </c>
      <c r="C22880" s="14" t="s">
        <v>35</v>
      </c>
      <c r="D22880" s="14" t="s">
        <v>153</v>
      </c>
      <c r="E22880" s="15">
        <v>45626</v>
      </c>
      <c r="F22880" s="14" t="s">
        <v>25</v>
      </c>
      <c r="G22880" s="16">
        <v>0</v>
      </c>
    </row>
    <row r="22881" spans="1:7" x14ac:dyDescent="0.3">
      <c r="A22881" s="13" t="s">
        <v>152</v>
      </c>
      <c r="B22881" s="14" t="s">
        <v>1</v>
      </c>
      <c r="C22881" s="14" t="s">
        <v>35</v>
      </c>
      <c r="D22881" s="14" t="s">
        <v>153</v>
      </c>
      <c r="E22881" s="15">
        <v>45627</v>
      </c>
      <c r="F22881" s="14" t="s">
        <v>25</v>
      </c>
      <c r="G22881" s="16">
        <v>0</v>
      </c>
    </row>
    <row r="22882" spans="1:7" x14ac:dyDescent="0.3">
      <c r="A22882" s="13" t="s">
        <v>152</v>
      </c>
      <c r="B22882" s="14" t="s">
        <v>1</v>
      </c>
      <c r="C22882" s="14" t="s">
        <v>35</v>
      </c>
      <c r="D22882" s="14" t="s">
        <v>153</v>
      </c>
      <c r="E22882" s="15">
        <v>45628</v>
      </c>
      <c r="F22882" s="14" t="s">
        <v>25</v>
      </c>
      <c r="G22882" s="16">
        <v>0</v>
      </c>
    </row>
    <row r="22883" spans="1:7" x14ac:dyDescent="0.3">
      <c r="A22883" s="13" t="s">
        <v>152</v>
      </c>
      <c r="B22883" s="14" t="s">
        <v>1</v>
      </c>
      <c r="C22883" s="14" t="s">
        <v>35</v>
      </c>
      <c r="D22883" s="14" t="s">
        <v>153</v>
      </c>
      <c r="E22883" s="15">
        <v>45629</v>
      </c>
      <c r="F22883" s="14" t="s">
        <v>25</v>
      </c>
      <c r="G22883" s="16">
        <v>0</v>
      </c>
    </row>
    <row r="22884" spans="1:7" x14ac:dyDescent="0.3">
      <c r="A22884" s="13" t="s">
        <v>152</v>
      </c>
      <c r="B22884" s="14" t="s">
        <v>1</v>
      </c>
      <c r="C22884" s="14" t="s">
        <v>35</v>
      </c>
      <c r="D22884" s="14" t="s">
        <v>153</v>
      </c>
      <c r="E22884" s="15">
        <v>45630</v>
      </c>
      <c r="F22884" s="14" t="s">
        <v>25</v>
      </c>
      <c r="G22884" s="16">
        <v>0</v>
      </c>
    </row>
    <row r="22885" spans="1:7" x14ac:dyDescent="0.3">
      <c r="A22885" s="13" t="s">
        <v>152</v>
      </c>
      <c r="B22885" s="14" t="s">
        <v>1</v>
      </c>
      <c r="C22885" s="14" t="s">
        <v>35</v>
      </c>
      <c r="D22885" s="14" t="s">
        <v>153</v>
      </c>
      <c r="E22885" s="15">
        <v>45631</v>
      </c>
      <c r="F22885" s="14" t="s">
        <v>25</v>
      </c>
      <c r="G22885" s="16">
        <v>0</v>
      </c>
    </row>
    <row r="22886" spans="1:7" x14ac:dyDescent="0.3">
      <c r="A22886" s="13" t="s">
        <v>152</v>
      </c>
      <c r="B22886" s="14" t="s">
        <v>1</v>
      </c>
      <c r="C22886" s="14" t="s">
        <v>35</v>
      </c>
      <c r="D22886" s="14" t="s">
        <v>153</v>
      </c>
      <c r="E22886" s="15">
        <v>45632</v>
      </c>
      <c r="F22886" s="14" t="s">
        <v>25</v>
      </c>
      <c r="G22886" s="16">
        <v>0</v>
      </c>
    </row>
    <row r="22887" spans="1:7" x14ac:dyDescent="0.3">
      <c r="A22887" s="13" t="s">
        <v>152</v>
      </c>
      <c r="B22887" s="14" t="s">
        <v>1</v>
      </c>
      <c r="C22887" s="14" t="s">
        <v>35</v>
      </c>
      <c r="D22887" s="14" t="s">
        <v>153</v>
      </c>
      <c r="E22887" s="15">
        <v>45633</v>
      </c>
      <c r="F22887" s="14" t="s">
        <v>25</v>
      </c>
      <c r="G22887" s="16">
        <v>0</v>
      </c>
    </row>
    <row r="22888" spans="1:7" x14ac:dyDescent="0.3">
      <c r="A22888" s="13" t="s">
        <v>152</v>
      </c>
      <c r="B22888" s="14" t="s">
        <v>1</v>
      </c>
      <c r="C22888" s="14" t="s">
        <v>35</v>
      </c>
      <c r="D22888" s="14" t="s">
        <v>153</v>
      </c>
      <c r="E22888" s="15">
        <v>45634</v>
      </c>
      <c r="F22888" s="14" t="s">
        <v>25</v>
      </c>
      <c r="G22888" s="16">
        <v>0</v>
      </c>
    </row>
    <row r="22889" spans="1:7" x14ac:dyDescent="0.3">
      <c r="A22889" s="13" t="s">
        <v>152</v>
      </c>
      <c r="B22889" s="14" t="s">
        <v>1</v>
      </c>
      <c r="C22889" s="14" t="s">
        <v>35</v>
      </c>
      <c r="D22889" s="14" t="s">
        <v>153</v>
      </c>
      <c r="E22889" s="15">
        <v>45635</v>
      </c>
      <c r="F22889" s="14" t="s">
        <v>25</v>
      </c>
      <c r="G22889" s="16">
        <v>0</v>
      </c>
    </row>
    <row r="22890" spans="1:7" x14ac:dyDescent="0.3">
      <c r="A22890" s="13" t="s">
        <v>152</v>
      </c>
      <c r="B22890" s="14" t="s">
        <v>1</v>
      </c>
      <c r="C22890" s="14" t="s">
        <v>35</v>
      </c>
      <c r="D22890" s="14" t="s">
        <v>153</v>
      </c>
      <c r="E22890" s="15">
        <v>45636</v>
      </c>
      <c r="F22890" s="14" t="s">
        <v>25</v>
      </c>
      <c r="G22890" s="16">
        <v>0</v>
      </c>
    </row>
    <row r="22891" spans="1:7" x14ac:dyDescent="0.3">
      <c r="A22891" s="13" t="s">
        <v>152</v>
      </c>
      <c r="B22891" s="14" t="s">
        <v>1</v>
      </c>
      <c r="C22891" s="14" t="s">
        <v>35</v>
      </c>
      <c r="D22891" s="14" t="s">
        <v>153</v>
      </c>
      <c r="E22891" s="15">
        <v>45637</v>
      </c>
      <c r="F22891" s="14" t="s">
        <v>25</v>
      </c>
      <c r="G22891" s="16">
        <v>0</v>
      </c>
    </row>
    <row r="22892" spans="1:7" x14ac:dyDescent="0.3">
      <c r="A22892" s="13" t="s">
        <v>152</v>
      </c>
      <c r="B22892" s="14" t="s">
        <v>1</v>
      </c>
      <c r="C22892" s="14" t="s">
        <v>35</v>
      </c>
      <c r="D22892" s="14" t="s">
        <v>153</v>
      </c>
      <c r="E22892" s="15">
        <v>45638</v>
      </c>
      <c r="F22892" s="14" t="s">
        <v>25</v>
      </c>
      <c r="G22892" s="16">
        <v>0</v>
      </c>
    </row>
    <row r="22893" spans="1:7" x14ac:dyDescent="0.3">
      <c r="A22893" s="13" t="s">
        <v>152</v>
      </c>
      <c r="B22893" s="14" t="s">
        <v>1</v>
      </c>
      <c r="C22893" s="14" t="s">
        <v>35</v>
      </c>
      <c r="D22893" s="14" t="s">
        <v>153</v>
      </c>
      <c r="E22893" s="15">
        <v>45639</v>
      </c>
      <c r="F22893" s="14" t="s">
        <v>25</v>
      </c>
      <c r="G22893" s="16">
        <v>0</v>
      </c>
    </row>
    <row r="22894" spans="1:7" x14ac:dyDescent="0.3">
      <c r="A22894" s="13" t="s">
        <v>152</v>
      </c>
      <c r="B22894" s="14" t="s">
        <v>1</v>
      </c>
      <c r="C22894" s="14" t="s">
        <v>35</v>
      </c>
      <c r="D22894" s="14" t="s">
        <v>153</v>
      </c>
      <c r="E22894" s="15">
        <v>45640</v>
      </c>
      <c r="F22894" s="14" t="s">
        <v>25</v>
      </c>
      <c r="G22894" s="16">
        <v>0</v>
      </c>
    </row>
    <row r="22895" spans="1:7" x14ac:dyDescent="0.3">
      <c r="A22895" s="13" t="s">
        <v>152</v>
      </c>
      <c r="B22895" s="14" t="s">
        <v>1</v>
      </c>
      <c r="C22895" s="14" t="s">
        <v>35</v>
      </c>
      <c r="D22895" s="14" t="s">
        <v>153</v>
      </c>
      <c r="E22895" s="15">
        <v>45641</v>
      </c>
      <c r="F22895" s="14" t="s">
        <v>25</v>
      </c>
      <c r="G22895" s="16">
        <v>0</v>
      </c>
    </row>
    <row r="22896" spans="1:7" x14ac:dyDescent="0.3">
      <c r="A22896" s="13" t="s">
        <v>152</v>
      </c>
      <c r="B22896" s="14" t="s">
        <v>1</v>
      </c>
      <c r="C22896" s="14" t="s">
        <v>35</v>
      </c>
      <c r="D22896" s="14" t="s">
        <v>153</v>
      </c>
      <c r="E22896" s="15">
        <v>45642</v>
      </c>
      <c r="F22896" s="14" t="s">
        <v>25</v>
      </c>
      <c r="G22896" s="16">
        <v>0</v>
      </c>
    </row>
    <row r="22897" spans="1:7" x14ac:dyDescent="0.3">
      <c r="A22897" s="13" t="s">
        <v>152</v>
      </c>
      <c r="B22897" s="14" t="s">
        <v>1</v>
      </c>
      <c r="C22897" s="14" t="s">
        <v>35</v>
      </c>
      <c r="D22897" s="14" t="s">
        <v>153</v>
      </c>
      <c r="E22897" s="15">
        <v>45643</v>
      </c>
      <c r="F22897" s="14" t="s">
        <v>25</v>
      </c>
      <c r="G22897" s="16">
        <v>0</v>
      </c>
    </row>
    <row r="22898" spans="1:7" x14ac:dyDescent="0.3">
      <c r="A22898" s="13" t="s">
        <v>152</v>
      </c>
      <c r="B22898" s="14" t="s">
        <v>1</v>
      </c>
      <c r="C22898" s="14" t="s">
        <v>35</v>
      </c>
      <c r="D22898" s="14" t="s">
        <v>153</v>
      </c>
      <c r="E22898" s="15">
        <v>45644</v>
      </c>
      <c r="F22898" s="14" t="s">
        <v>25</v>
      </c>
      <c r="G22898" s="16">
        <v>0</v>
      </c>
    </row>
    <row r="22899" spans="1:7" x14ac:dyDescent="0.3">
      <c r="A22899" s="13" t="s">
        <v>152</v>
      </c>
      <c r="B22899" s="14" t="s">
        <v>1</v>
      </c>
      <c r="C22899" s="14" t="s">
        <v>35</v>
      </c>
      <c r="D22899" s="14" t="s">
        <v>153</v>
      </c>
      <c r="E22899" s="15">
        <v>45645</v>
      </c>
      <c r="F22899" s="14" t="s">
        <v>25</v>
      </c>
      <c r="G22899" s="16">
        <v>0</v>
      </c>
    </row>
    <row r="22900" spans="1:7" x14ac:dyDescent="0.3">
      <c r="A22900" s="13" t="s">
        <v>152</v>
      </c>
      <c r="B22900" s="14" t="s">
        <v>1</v>
      </c>
      <c r="C22900" s="14" t="s">
        <v>35</v>
      </c>
      <c r="D22900" s="14" t="s">
        <v>153</v>
      </c>
      <c r="E22900" s="15">
        <v>45646</v>
      </c>
      <c r="F22900" s="14" t="s">
        <v>25</v>
      </c>
      <c r="G22900" s="16">
        <v>0</v>
      </c>
    </row>
    <row r="22901" spans="1:7" x14ac:dyDescent="0.3">
      <c r="A22901" s="13" t="s">
        <v>152</v>
      </c>
      <c r="B22901" s="14" t="s">
        <v>1</v>
      </c>
      <c r="C22901" s="14" t="s">
        <v>35</v>
      </c>
      <c r="D22901" s="14" t="s">
        <v>153</v>
      </c>
      <c r="E22901" s="15">
        <v>45647</v>
      </c>
      <c r="F22901" s="14" t="s">
        <v>25</v>
      </c>
      <c r="G22901" s="16">
        <v>0</v>
      </c>
    </row>
    <row r="22902" spans="1:7" x14ac:dyDescent="0.3">
      <c r="A22902" s="13" t="s">
        <v>152</v>
      </c>
      <c r="B22902" s="14" t="s">
        <v>1</v>
      </c>
      <c r="C22902" s="14" t="s">
        <v>35</v>
      </c>
      <c r="D22902" s="14" t="s">
        <v>153</v>
      </c>
      <c r="E22902" s="15">
        <v>45648</v>
      </c>
      <c r="F22902" s="14" t="s">
        <v>25</v>
      </c>
      <c r="G22902" s="16">
        <v>0</v>
      </c>
    </row>
    <row r="22903" spans="1:7" x14ac:dyDescent="0.3">
      <c r="A22903" s="13" t="s">
        <v>152</v>
      </c>
      <c r="B22903" s="14" t="s">
        <v>1</v>
      </c>
      <c r="C22903" s="14" t="s">
        <v>35</v>
      </c>
      <c r="D22903" s="14" t="s">
        <v>153</v>
      </c>
      <c r="E22903" s="15">
        <v>45649</v>
      </c>
      <c r="F22903" s="14" t="s">
        <v>25</v>
      </c>
      <c r="G22903" s="16">
        <v>0</v>
      </c>
    </row>
    <row r="22904" spans="1:7" x14ac:dyDescent="0.3">
      <c r="A22904" s="13" t="s">
        <v>152</v>
      </c>
      <c r="B22904" s="14" t="s">
        <v>1</v>
      </c>
      <c r="C22904" s="14" t="s">
        <v>35</v>
      </c>
      <c r="D22904" s="14" t="s">
        <v>153</v>
      </c>
      <c r="E22904" s="15">
        <v>45650</v>
      </c>
      <c r="F22904" s="14" t="s">
        <v>25</v>
      </c>
      <c r="G22904" s="16">
        <v>0</v>
      </c>
    </row>
    <row r="22905" spans="1:7" x14ac:dyDescent="0.3">
      <c r="A22905" s="13" t="s">
        <v>152</v>
      </c>
      <c r="B22905" s="14" t="s">
        <v>1</v>
      </c>
      <c r="C22905" s="14" t="s">
        <v>35</v>
      </c>
      <c r="D22905" s="14" t="s">
        <v>153</v>
      </c>
      <c r="E22905" s="15">
        <v>45651</v>
      </c>
      <c r="F22905" s="14" t="s">
        <v>25</v>
      </c>
      <c r="G22905" s="16">
        <v>0</v>
      </c>
    </row>
    <row r="22906" spans="1:7" x14ac:dyDescent="0.3">
      <c r="A22906" s="13" t="s">
        <v>152</v>
      </c>
      <c r="B22906" s="14" t="s">
        <v>1</v>
      </c>
      <c r="C22906" s="14" t="s">
        <v>35</v>
      </c>
      <c r="D22906" s="14" t="s">
        <v>153</v>
      </c>
      <c r="E22906" s="15">
        <v>45652</v>
      </c>
      <c r="F22906" s="14" t="s">
        <v>25</v>
      </c>
      <c r="G22906" s="16">
        <v>0</v>
      </c>
    </row>
    <row r="22907" spans="1:7" x14ac:dyDescent="0.3">
      <c r="A22907" s="13" t="s">
        <v>152</v>
      </c>
      <c r="B22907" s="14" t="s">
        <v>1</v>
      </c>
      <c r="C22907" s="14" t="s">
        <v>35</v>
      </c>
      <c r="D22907" s="14" t="s">
        <v>153</v>
      </c>
      <c r="E22907" s="15">
        <v>45653</v>
      </c>
      <c r="F22907" s="14" t="s">
        <v>25</v>
      </c>
      <c r="G22907" s="16">
        <v>0</v>
      </c>
    </row>
    <row r="22908" spans="1:7" x14ac:dyDescent="0.3">
      <c r="A22908" s="13" t="s">
        <v>152</v>
      </c>
      <c r="B22908" s="14" t="s">
        <v>1</v>
      </c>
      <c r="C22908" s="14" t="s">
        <v>35</v>
      </c>
      <c r="D22908" s="14" t="s">
        <v>153</v>
      </c>
      <c r="E22908" s="15">
        <v>45654</v>
      </c>
      <c r="F22908" s="14" t="s">
        <v>25</v>
      </c>
      <c r="G22908" s="16">
        <v>0</v>
      </c>
    </row>
    <row r="22909" spans="1:7" x14ac:dyDescent="0.3">
      <c r="A22909" s="13" t="s">
        <v>152</v>
      </c>
      <c r="B22909" s="14" t="s">
        <v>1</v>
      </c>
      <c r="C22909" s="14" t="s">
        <v>35</v>
      </c>
      <c r="D22909" s="14" t="s">
        <v>153</v>
      </c>
      <c r="E22909" s="15">
        <v>45655</v>
      </c>
      <c r="F22909" s="14" t="s">
        <v>25</v>
      </c>
      <c r="G22909" s="16">
        <v>0</v>
      </c>
    </row>
    <row r="22910" spans="1:7" x14ac:dyDescent="0.3">
      <c r="A22910" s="13" t="s">
        <v>152</v>
      </c>
      <c r="B22910" s="14" t="s">
        <v>1</v>
      </c>
      <c r="C22910" s="14" t="s">
        <v>35</v>
      </c>
      <c r="D22910" s="14" t="s">
        <v>153</v>
      </c>
      <c r="E22910" s="15">
        <v>45656</v>
      </c>
      <c r="F22910" s="14" t="s">
        <v>25</v>
      </c>
      <c r="G22910" s="16">
        <v>0</v>
      </c>
    </row>
    <row r="22911" spans="1:7" x14ac:dyDescent="0.3">
      <c r="A22911" s="13" t="s">
        <v>152</v>
      </c>
      <c r="B22911" s="14" t="s">
        <v>1</v>
      </c>
      <c r="C22911" s="14" t="s">
        <v>35</v>
      </c>
      <c r="D22911" s="14" t="s">
        <v>153</v>
      </c>
      <c r="E22911" s="15">
        <v>45657</v>
      </c>
      <c r="F22911" s="14" t="s">
        <v>25</v>
      </c>
      <c r="G22911" s="16">
        <v>0</v>
      </c>
    </row>
    <row r="22912" spans="1:7" x14ac:dyDescent="0.3">
      <c r="A22912" s="13" t="s">
        <v>152</v>
      </c>
      <c r="B22912" s="14" t="s">
        <v>1</v>
      </c>
      <c r="C22912" s="14" t="s">
        <v>35</v>
      </c>
      <c r="D22912" s="14" t="s">
        <v>153</v>
      </c>
      <c r="E22912" s="15">
        <v>45658</v>
      </c>
      <c r="F22912" s="14" t="s">
        <v>25</v>
      </c>
      <c r="G22912" s="16">
        <v>0</v>
      </c>
    </row>
    <row r="22913" spans="1:7" x14ac:dyDescent="0.3">
      <c r="A22913" s="13" t="s">
        <v>152</v>
      </c>
      <c r="B22913" s="14" t="s">
        <v>1</v>
      </c>
      <c r="C22913" s="14" t="s">
        <v>35</v>
      </c>
      <c r="D22913" s="14" t="s">
        <v>153</v>
      </c>
      <c r="E22913" s="15">
        <v>45659</v>
      </c>
      <c r="F22913" s="14" t="s">
        <v>25</v>
      </c>
      <c r="G22913" s="16">
        <v>0</v>
      </c>
    </row>
    <row r="22914" spans="1:7" x14ac:dyDescent="0.3">
      <c r="A22914" s="13" t="s">
        <v>152</v>
      </c>
      <c r="B22914" s="14" t="s">
        <v>1</v>
      </c>
      <c r="C22914" s="14" t="s">
        <v>35</v>
      </c>
      <c r="D22914" s="14" t="s">
        <v>153</v>
      </c>
      <c r="E22914" s="15">
        <v>45660</v>
      </c>
      <c r="F22914" s="14" t="s">
        <v>25</v>
      </c>
      <c r="G22914" s="16">
        <v>0</v>
      </c>
    </row>
    <row r="22915" spans="1:7" x14ac:dyDescent="0.3">
      <c r="A22915" s="13" t="s">
        <v>152</v>
      </c>
      <c r="B22915" s="14" t="s">
        <v>1</v>
      </c>
      <c r="C22915" s="14" t="s">
        <v>35</v>
      </c>
      <c r="D22915" s="14" t="s">
        <v>153</v>
      </c>
      <c r="E22915" s="15">
        <v>45661</v>
      </c>
      <c r="F22915" s="14" t="s">
        <v>25</v>
      </c>
      <c r="G22915" s="16">
        <v>0</v>
      </c>
    </row>
    <row r="22916" spans="1:7" x14ac:dyDescent="0.3">
      <c r="A22916" s="13" t="s">
        <v>152</v>
      </c>
      <c r="B22916" s="14" t="s">
        <v>1</v>
      </c>
      <c r="C22916" s="14" t="s">
        <v>35</v>
      </c>
      <c r="D22916" s="14" t="s">
        <v>153</v>
      </c>
      <c r="E22916" s="15">
        <v>45662</v>
      </c>
      <c r="F22916" s="14" t="s">
        <v>25</v>
      </c>
      <c r="G22916" s="16">
        <v>0</v>
      </c>
    </row>
    <row r="22917" spans="1:7" x14ac:dyDescent="0.3">
      <c r="A22917" s="13" t="s">
        <v>152</v>
      </c>
      <c r="B22917" s="14" t="s">
        <v>1</v>
      </c>
      <c r="C22917" s="14" t="s">
        <v>35</v>
      </c>
      <c r="D22917" s="14" t="s">
        <v>153</v>
      </c>
      <c r="E22917" s="15">
        <v>45663</v>
      </c>
      <c r="F22917" s="14" t="s">
        <v>25</v>
      </c>
      <c r="G22917" s="16">
        <v>0</v>
      </c>
    </row>
    <row r="22918" spans="1:7" x14ac:dyDescent="0.3">
      <c r="A22918" s="13" t="s">
        <v>152</v>
      </c>
      <c r="B22918" s="14" t="s">
        <v>1</v>
      </c>
      <c r="C22918" s="14" t="s">
        <v>35</v>
      </c>
      <c r="D22918" s="14" t="s">
        <v>153</v>
      </c>
      <c r="E22918" s="15">
        <v>45664</v>
      </c>
      <c r="F22918" s="14" t="s">
        <v>25</v>
      </c>
      <c r="G22918" s="16">
        <v>0</v>
      </c>
    </row>
    <row r="22919" spans="1:7" x14ac:dyDescent="0.3">
      <c r="A22919" s="13" t="s">
        <v>152</v>
      </c>
      <c r="B22919" s="14" t="s">
        <v>1</v>
      </c>
      <c r="C22919" s="14" t="s">
        <v>35</v>
      </c>
      <c r="D22919" s="14" t="s">
        <v>153</v>
      </c>
      <c r="E22919" s="15">
        <v>45665</v>
      </c>
      <c r="F22919" s="14" t="s">
        <v>25</v>
      </c>
      <c r="G22919" s="16">
        <v>0</v>
      </c>
    </row>
    <row r="22920" spans="1:7" x14ac:dyDescent="0.3">
      <c r="A22920" s="13" t="s">
        <v>152</v>
      </c>
      <c r="B22920" s="14" t="s">
        <v>1</v>
      </c>
      <c r="C22920" s="14" t="s">
        <v>35</v>
      </c>
      <c r="D22920" s="14" t="s">
        <v>153</v>
      </c>
      <c r="E22920" s="15">
        <v>45666</v>
      </c>
      <c r="F22920" s="14" t="s">
        <v>25</v>
      </c>
      <c r="G22920" s="16">
        <v>0</v>
      </c>
    </row>
    <row r="22921" spans="1:7" x14ac:dyDescent="0.3">
      <c r="A22921" s="13" t="s">
        <v>152</v>
      </c>
      <c r="B22921" s="14" t="s">
        <v>1</v>
      </c>
      <c r="C22921" s="14" t="s">
        <v>35</v>
      </c>
      <c r="D22921" s="14" t="s">
        <v>153</v>
      </c>
      <c r="E22921" s="15">
        <v>45667</v>
      </c>
      <c r="F22921" s="14" t="s">
        <v>25</v>
      </c>
      <c r="G22921" s="16">
        <v>0</v>
      </c>
    </row>
    <row r="22922" spans="1:7" x14ac:dyDescent="0.3">
      <c r="A22922" s="13" t="s">
        <v>152</v>
      </c>
      <c r="B22922" s="14" t="s">
        <v>1</v>
      </c>
      <c r="C22922" s="14" t="s">
        <v>35</v>
      </c>
      <c r="D22922" s="14" t="s">
        <v>153</v>
      </c>
      <c r="E22922" s="15">
        <v>45668</v>
      </c>
      <c r="F22922" s="14" t="s">
        <v>25</v>
      </c>
      <c r="G22922" s="16">
        <v>0</v>
      </c>
    </row>
    <row r="22923" spans="1:7" x14ac:dyDescent="0.3">
      <c r="A22923" s="13" t="s">
        <v>152</v>
      </c>
      <c r="B22923" s="14" t="s">
        <v>1</v>
      </c>
      <c r="C22923" s="14" t="s">
        <v>35</v>
      </c>
      <c r="D22923" s="14" t="s">
        <v>153</v>
      </c>
      <c r="E22923" s="15">
        <v>45669</v>
      </c>
      <c r="F22923" s="14" t="s">
        <v>25</v>
      </c>
      <c r="G22923" s="16">
        <v>0</v>
      </c>
    </row>
    <row r="22924" spans="1:7" x14ac:dyDescent="0.3">
      <c r="A22924" s="13" t="s">
        <v>152</v>
      </c>
      <c r="B22924" s="14" t="s">
        <v>1</v>
      </c>
      <c r="C22924" s="14" t="s">
        <v>35</v>
      </c>
      <c r="D22924" s="14" t="s">
        <v>153</v>
      </c>
      <c r="E22924" s="15">
        <v>45670</v>
      </c>
      <c r="F22924" s="14" t="s">
        <v>25</v>
      </c>
      <c r="G22924" s="16">
        <v>0</v>
      </c>
    </row>
    <row r="22925" spans="1:7" x14ac:dyDescent="0.3">
      <c r="A22925" s="13" t="s">
        <v>152</v>
      </c>
      <c r="B22925" s="14" t="s">
        <v>1</v>
      </c>
      <c r="C22925" s="14" t="s">
        <v>35</v>
      </c>
      <c r="D22925" s="14" t="s">
        <v>153</v>
      </c>
      <c r="E22925" s="15">
        <v>45671</v>
      </c>
      <c r="F22925" s="14" t="s">
        <v>25</v>
      </c>
      <c r="G22925" s="16">
        <v>0</v>
      </c>
    </row>
    <row r="22926" spans="1:7" x14ac:dyDescent="0.3">
      <c r="A22926" s="13" t="s">
        <v>152</v>
      </c>
      <c r="B22926" s="14" t="s">
        <v>1</v>
      </c>
      <c r="C22926" s="14" t="s">
        <v>35</v>
      </c>
      <c r="D22926" s="14" t="s">
        <v>153</v>
      </c>
      <c r="E22926" s="15">
        <v>45672</v>
      </c>
      <c r="F22926" s="14" t="s">
        <v>25</v>
      </c>
      <c r="G22926" s="16">
        <v>0</v>
      </c>
    </row>
    <row r="22927" spans="1:7" x14ac:dyDescent="0.3">
      <c r="A22927" s="13" t="s">
        <v>152</v>
      </c>
      <c r="B22927" s="14" t="s">
        <v>1</v>
      </c>
      <c r="C22927" s="14" t="s">
        <v>35</v>
      </c>
      <c r="D22927" s="14" t="s">
        <v>153</v>
      </c>
      <c r="E22927" s="15">
        <v>45673</v>
      </c>
      <c r="F22927" s="14" t="s">
        <v>25</v>
      </c>
      <c r="G22927" s="16">
        <v>0</v>
      </c>
    </row>
    <row r="22928" spans="1:7" x14ac:dyDescent="0.3">
      <c r="A22928" s="13" t="s">
        <v>152</v>
      </c>
      <c r="B22928" s="14" t="s">
        <v>1</v>
      </c>
      <c r="C22928" s="14" t="s">
        <v>35</v>
      </c>
      <c r="D22928" s="14" t="s">
        <v>153</v>
      </c>
      <c r="E22928" s="15">
        <v>45674</v>
      </c>
      <c r="F22928" s="14" t="s">
        <v>25</v>
      </c>
      <c r="G22928" s="16">
        <v>0</v>
      </c>
    </row>
    <row r="22929" spans="1:7" x14ac:dyDescent="0.3">
      <c r="A22929" s="13" t="s">
        <v>152</v>
      </c>
      <c r="B22929" s="14" t="s">
        <v>1</v>
      </c>
      <c r="C22929" s="14" t="s">
        <v>35</v>
      </c>
      <c r="D22929" s="14" t="s">
        <v>153</v>
      </c>
      <c r="E22929" s="15">
        <v>45675</v>
      </c>
      <c r="F22929" s="14" t="s">
        <v>25</v>
      </c>
      <c r="G22929" s="16">
        <v>0</v>
      </c>
    </row>
    <row r="22930" spans="1:7" x14ac:dyDescent="0.3">
      <c r="A22930" s="13" t="s">
        <v>152</v>
      </c>
      <c r="B22930" s="14" t="s">
        <v>1</v>
      </c>
      <c r="C22930" s="14" t="s">
        <v>35</v>
      </c>
      <c r="D22930" s="14" t="s">
        <v>153</v>
      </c>
      <c r="E22930" s="15">
        <v>45676</v>
      </c>
      <c r="F22930" s="14" t="s">
        <v>25</v>
      </c>
      <c r="G22930" s="16">
        <v>0</v>
      </c>
    </row>
    <row r="22931" spans="1:7" x14ac:dyDescent="0.3">
      <c r="A22931" s="13" t="s">
        <v>152</v>
      </c>
      <c r="B22931" s="14" t="s">
        <v>1</v>
      </c>
      <c r="C22931" s="14" t="s">
        <v>35</v>
      </c>
      <c r="D22931" s="14" t="s">
        <v>153</v>
      </c>
      <c r="E22931" s="15">
        <v>45677</v>
      </c>
      <c r="F22931" s="14" t="s">
        <v>25</v>
      </c>
      <c r="G22931" s="16">
        <v>0</v>
      </c>
    </row>
    <row r="22932" spans="1:7" x14ac:dyDescent="0.3">
      <c r="A22932" s="13" t="s">
        <v>152</v>
      </c>
      <c r="B22932" s="14" t="s">
        <v>1</v>
      </c>
      <c r="C22932" s="14" t="s">
        <v>35</v>
      </c>
      <c r="D22932" s="14" t="s">
        <v>153</v>
      </c>
      <c r="E22932" s="15">
        <v>45678</v>
      </c>
      <c r="F22932" s="14" t="s">
        <v>25</v>
      </c>
      <c r="G22932" s="16">
        <v>0</v>
      </c>
    </row>
    <row r="22933" spans="1:7" x14ac:dyDescent="0.3">
      <c r="A22933" s="13" t="s">
        <v>152</v>
      </c>
      <c r="B22933" s="14" t="s">
        <v>1</v>
      </c>
      <c r="C22933" s="14" t="s">
        <v>35</v>
      </c>
      <c r="D22933" s="14" t="s">
        <v>153</v>
      </c>
      <c r="E22933" s="15">
        <v>45679</v>
      </c>
      <c r="F22933" s="14" t="s">
        <v>25</v>
      </c>
      <c r="G22933" s="16">
        <v>0</v>
      </c>
    </row>
    <row r="22934" spans="1:7" x14ac:dyDescent="0.3">
      <c r="A22934" s="13" t="s">
        <v>152</v>
      </c>
      <c r="B22934" s="14" t="s">
        <v>1</v>
      </c>
      <c r="C22934" s="14" t="s">
        <v>35</v>
      </c>
      <c r="D22934" s="14" t="s">
        <v>153</v>
      </c>
      <c r="E22934" s="15">
        <v>45680</v>
      </c>
      <c r="F22934" s="14" t="s">
        <v>25</v>
      </c>
      <c r="G22934" s="16">
        <v>0</v>
      </c>
    </row>
    <row r="22935" spans="1:7" x14ac:dyDescent="0.3">
      <c r="A22935" s="13" t="s">
        <v>152</v>
      </c>
      <c r="B22935" s="14" t="s">
        <v>1</v>
      </c>
      <c r="C22935" s="14" t="s">
        <v>35</v>
      </c>
      <c r="D22935" s="14" t="s">
        <v>153</v>
      </c>
      <c r="E22935" s="15">
        <v>45681</v>
      </c>
      <c r="F22935" s="14" t="s">
        <v>25</v>
      </c>
      <c r="G22935" s="16">
        <v>0</v>
      </c>
    </row>
    <row r="22936" spans="1:7" x14ac:dyDescent="0.3">
      <c r="A22936" s="13" t="s">
        <v>152</v>
      </c>
      <c r="B22936" s="14" t="s">
        <v>1</v>
      </c>
      <c r="C22936" s="14" t="s">
        <v>35</v>
      </c>
      <c r="D22936" s="14" t="s">
        <v>153</v>
      </c>
      <c r="E22936" s="15">
        <v>45682</v>
      </c>
      <c r="F22936" s="14" t="s">
        <v>25</v>
      </c>
      <c r="G22936" s="16">
        <v>0</v>
      </c>
    </row>
    <row r="22937" spans="1:7" x14ac:dyDescent="0.3">
      <c r="A22937" s="13" t="s">
        <v>152</v>
      </c>
      <c r="B22937" s="14" t="s">
        <v>1</v>
      </c>
      <c r="C22937" s="14" t="s">
        <v>35</v>
      </c>
      <c r="D22937" s="14" t="s">
        <v>153</v>
      </c>
      <c r="E22937" s="15">
        <v>45683</v>
      </c>
      <c r="F22937" s="14" t="s">
        <v>25</v>
      </c>
      <c r="G22937" s="16">
        <v>0</v>
      </c>
    </row>
    <row r="22938" spans="1:7" x14ac:dyDescent="0.3">
      <c r="A22938" s="13" t="s">
        <v>152</v>
      </c>
      <c r="B22938" s="14" t="s">
        <v>1</v>
      </c>
      <c r="C22938" s="14" t="s">
        <v>35</v>
      </c>
      <c r="D22938" s="14" t="s">
        <v>153</v>
      </c>
      <c r="E22938" s="15">
        <v>45684</v>
      </c>
      <c r="F22938" s="14" t="s">
        <v>25</v>
      </c>
      <c r="G22938" s="16">
        <v>0</v>
      </c>
    </row>
    <row r="22939" spans="1:7" x14ac:dyDescent="0.3">
      <c r="A22939" s="13" t="s">
        <v>152</v>
      </c>
      <c r="B22939" s="14" t="s">
        <v>1</v>
      </c>
      <c r="C22939" s="14" t="s">
        <v>35</v>
      </c>
      <c r="D22939" s="14" t="s">
        <v>153</v>
      </c>
      <c r="E22939" s="15">
        <v>45685</v>
      </c>
      <c r="F22939" s="14" t="s">
        <v>25</v>
      </c>
      <c r="G22939" s="16">
        <v>0</v>
      </c>
    </row>
    <row r="22940" spans="1:7" x14ac:dyDescent="0.3">
      <c r="A22940" s="13" t="s">
        <v>152</v>
      </c>
      <c r="B22940" s="14" t="s">
        <v>1</v>
      </c>
      <c r="C22940" s="14" t="s">
        <v>35</v>
      </c>
      <c r="D22940" s="14" t="s">
        <v>153</v>
      </c>
      <c r="E22940" s="15">
        <v>45686</v>
      </c>
      <c r="F22940" s="14" t="s">
        <v>25</v>
      </c>
      <c r="G22940" s="16">
        <v>0</v>
      </c>
    </row>
    <row r="22941" spans="1:7" x14ac:dyDescent="0.3">
      <c r="A22941" s="13" t="s">
        <v>152</v>
      </c>
      <c r="B22941" s="14" t="s">
        <v>1</v>
      </c>
      <c r="C22941" s="14" t="s">
        <v>35</v>
      </c>
      <c r="D22941" s="14" t="s">
        <v>153</v>
      </c>
      <c r="E22941" s="15">
        <v>45687</v>
      </c>
      <c r="F22941" s="14" t="s">
        <v>25</v>
      </c>
      <c r="G22941" s="16">
        <v>0</v>
      </c>
    </row>
    <row r="22942" spans="1:7" x14ac:dyDescent="0.3">
      <c r="A22942" s="13" t="s">
        <v>152</v>
      </c>
      <c r="B22942" s="14" t="s">
        <v>1</v>
      </c>
      <c r="C22942" s="14" t="s">
        <v>35</v>
      </c>
      <c r="D22942" s="14" t="s">
        <v>153</v>
      </c>
      <c r="E22942" s="15">
        <v>45688</v>
      </c>
      <c r="F22942" s="14" t="s">
        <v>25</v>
      </c>
      <c r="G22942" s="16">
        <v>0</v>
      </c>
    </row>
    <row r="22943" spans="1:7" x14ac:dyDescent="0.3">
      <c r="A22943" s="13" t="s">
        <v>152</v>
      </c>
      <c r="B22943" s="14" t="s">
        <v>1</v>
      </c>
      <c r="C22943" s="14" t="s">
        <v>35</v>
      </c>
      <c r="D22943" s="14" t="s">
        <v>153</v>
      </c>
      <c r="E22943" s="15">
        <v>45689</v>
      </c>
      <c r="F22943" s="14" t="s">
        <v>25</v>
      </c>
      <c r="G22943" s="16">
        <v>0</v>
      </c>
    </row>
    <row r="22944" spans="1:7" x14ac:dyDescent="0.3">
      <c r="A22944" s="13" t="s">
        <v>152</v>
      </c>
      <c r="B22944" s="14" t="s">
        <v>1</v>
      </c>
      <c r="C22944" s="14" t="s">
        <v>35</v>
      </c>
      <c r="D22944" s="14" t="s">
        <v>153</v>
      </c>
      <c r="E22944" s="15">
        <v>45690</v>
      </c>
      <c r="F22944" s="14" t="s">
        <v>25</v>
      </c>
      <c r="G22944" s="16">
        <v>0</v>
      </c>
    </row>
    <row r="22945" spans="1:7" x14ac:dyDescent="0.3">
      <c r="A22945" s="13" t="s">
        <v>152</v>
      </c>
      <c r="B22945" s="14" t="s">
        <v>1</v>
      </c>
      <c r="C22945" s="14" t="s">
        <v>35</v>
      </c>
      <c r="D22945" s="14" t="s">
        <v>153</v>
      </c>
      <c r="E22945" s="15">
        <v>45691</v>
      </c>
      <c r="F22945" s="14" t="s">
        <v>25</v>
      </c>
      <c r="G22945" s="16">
        <v>0</v>
      </c>
    </row>
    <row r="22946" spans="1:7" x14ac:dyDescent="0.3">
      <c r="A22946" s="13" t="s">
        <v>152</v>
      </c>
      <c r="B22946" s="14" t="s">
        <v>1</v>
      </c>
      <c r="C22946" s="14" t="s">
        <v>35</v>
      </c>
      <c r="D22946" s="14" t="s">
        <v>153</v>
      </c>
      <c r="E22946" s="15">
        <v>45692</v>
      </c>
      <c r="F22946" s="14" t="s">
        <v>25</v>
      </c>
      <c r="G22946" s="16">
        <v>0</v>
      </c>
    </row>
    <row r="22947" spans="1:7" x14ac:dyDescent="0.3">
      <c r="A22947" s="13" t="s">
        <v>152</v>
      </c>
      <c r="B22947" s="14" t="s">
        <v>1</v>
      </c>
      <c r="C22947" s="14" t="s">
        <v>35</v>
      </c>
      <c r="D22947" s="14" t="s">
        <v>153</v>
      </c>
      <c r="E22947" s="15">
        <v>45693</v>
      </c>
      <c r="F22947" s="14" t="s">
        <v>25</v>
      </c>
      <c r="G22947" s="16">
        <v>0</v>
      </c>
    </row>
    <row r="22948" spans="1:7" x14ac:dyDescent="0.3">
      <c r="A22948" s="13" t="s">
        <v>152</v>
      </c>
      <c r="B22948" s="14" t="s">
        <v>1</v>
      </c>
      <c r="C22948" s="14" t="s">
        <v>35</v>
      </c>
      <c r="D22948" s="14" t="s">
        <v>153</v>
      </c>
      <c r="E22948" s="15">
        <v>45694</v>
      </c>
      <c r="F22948" s="14" t="s">
        <v>25</v>
      </c>
      <c r="G22948" s="16">
        <v>0</v>
      </c>
    </row>
    <row r="22949" spans="1:7" x14ac:dyDescent="0.3">
      <c r="A22949" s="13" t="s">
        <v>152</v>
      </c>
      <c r="B22949" s="14" t="s">
        <v>1</v>
      </c>
      <c r="C22949" s="14" t="s">
        <v>35</v>
      </c>
      <c r="D22949" s="14" t="s">
        <v>153</v>
      </c>
      <c r="E22949" s="15">
        <v>45695</v>
      </c>
      <c r="F22949" s="14" t="s">
        <v>25</v>
      </c>
      <c r="G22949" s="16">
        <v>0</v>
      </c>
    </row>
    <row r="22950" spans="1:7" x14ac:dyDescent="0.3">
      <c r="A22950" s="13" t="s">
        <v>152</v>
      </c>
      <c r="B22950" s="14" t="s">
        <v>1</v>
      </c>
      <c r="C22950" s="14" t="s">
        <v>35</v>
      </c>
      <c r="D22950" s="14" t="s">
        <v>153</v>
      </c>
      <c r="E22950" s="15">
        <v>45696</v>
      </c>
      <c r="F22950" s="14" t="s">
        <v>25</v>
      </c>
      <c r="G22950" s="16">
        <v>0</v>
      </c>
    </row>
    <row r="22951" spans="1:7" x14ac:dyDescent="0.3">
      <c r="A22951" s="13" t="s">
        <v>152</v>
      </c>
      <c r="B22951" s="14" t="s">
        <v>1</v>
      </c>
      <c r="C22951" s="14" t="s">
        <v>35</v>
      </c>
      <c r="D22951" s="14" t="s">
        <v>153</v>
      </c>
      <c r="E22951" s="15">
        <v>45697</v>
      </c>
      <c r="F22951" s="14" t="s">
        <v>25</v>
      </c>
      <c r="G22951" s="16">
        <v>0</v>
      </c>
    </row>
    <row r="22952" spans="1:7" x14ac:dyDescent="0.3">
      <c r="A22952" s="13" t="s">
        <v>152</v>
      </c>
      <c r="B22952" s="14" t="s">
        <v>1</v>
      </c>
      <c r="C22952" s="14" t="s">
        <v>35</v>
      </c>
      <c r="D22952" s="14" t="s">
        <v>153</v>
      </c>
      <c r="E22952" s="15">
        <v>45698</v>
      </c>
      <c r="F22952" s="14" t="s">
        <v>25</v>
      </c>
      <c r="G22952" s="16">
        <v>0</v>
      </c>
    </row>
    <row r="22953" spans="1:7" x14ac:dyDescent="0.3">
      <c r="A22953" s="13" t="s">
        <v>152</v>
      </c>
      <c r="B22953" s="14" t="s">
        <v>1</v>
      </c>
      <c r="C22953" s="14" t="s">
        <v>35</v>
      </c>
      <c r="D22953" s="14" t="s">
        <v>153</v>
      </c>
      <c r="E22953" s="15">
        <v>45699</v>
      </c>
      <c r="F22953" s="14" t="s">
        <v>25</v>
      </c>
      <c r="G22953" s="16">
        <v>0</v>
      </c>
    </row>
    <row r="22954" spans="1:7" x14ac:dyDescent="0.3">
      <c r="A22954" s="13" t="s">
        <v>152</v>
      </c>
      <c r="B22954" s="14" t="s">
        <v>1</v>
      </c>
      <c r="C22954" s="14" t="s">
        <v>35</v>
      </c>
      <c r="D22954" s="14" t="s">
        <v>153</v>
      </c>
      <c r="E22954" s="15">
        <v>45700</v>
      </c>
      <c r="F22954" s="14" t="s">
        <v>25</v>
      </c>
      <c r="G22954" s="16">
        <v>0</v>
      </c>
    </row>
    <row r="22955" spans="1:7" x14ac:dyDescent="0.3">
      <c r="A22955" s="13" t="s">
        <v>152</v>
      </c>
      <c r="B22955" s="14" t="s">
        <v>1</v>
      </c>
      <c r="C22955" s="14" t="s">
        <v>35</v>
      </c>
      <c r="D22955" s="14" t="s">
        <v>153</v>
      </c>
      <c r="E22955" s="15">
        <v>45701</v>
      </c>
      <c r="F22955" s="14" t="s">
        <v>25</v>
      </c>
      <c r="G22955" s="16">
        <v>0</v>
      </c>
    </row>
    <row r="22956" spans="1:7" x14ac:dyDescent="0.3">
      <c r="A22956" s="13" t="s">
        <v>152</v>
      </c>
      <c r="B22956" s="14" t="s">
        <v>1</v>
      </c>
      <c r="C22956" s="14" t="s">
        <v>35</v>
      </c>
      <c r="D22956" s="14" t="s">
        <v>153</v>
      </c>
      <c r="E22956" s="15">
        <v>45702</v>
      </c>
      <c r="F22956" s="14" t="s">
        <v>25</v>
      </c>
      <c r="G22956" s="16">
        <v>0</v>
      </c>
    </row>
    <row r="22957" spans="1:7" x14ac:dyDescent="0.3">
      <c r="A22957" s="13" t="s">
        <v>152</v>
      </c>
      <c r="B22957" s="14" t="s">
        <v>1</v>
      </c>
      <c r="C22957" s="14" t="s">
        <v>35</v>
      </c>
      <c r="D22957" s="14" t="s">
        <v>153</v>
      </c>
      <c r="E22957" s="15">
        <v>45703</v>
      </c>
      <c r="F22957" s="14" t="s">
        <v>25</v>
      </c>
      <c r="G22957" s="16">
        <v>0</v>
      </c>
    </row>
    <row r="22958" spans="1:7" x14ac:dyDescent="0.3">
      <c r="A22958" s="13" t="s">
        <v>152</v>
      </c>
      <c r="B22958" s="14" t="s">
        <v>1</v>
      </c>
      <c r="C22958" s="14" t="s">
        <v>35</v>
      </c>
      <c r="D22958" s="14" t="s">
        <v>153</v>
      </c>
      <c r="E22958" s="15">
        <v>45704</v>
      </c>
      <c r="F22958" s="14" t="s">
        <v>25</v>
      </c>
      <c r="G22958" s="16">
        <v>0</v>
      </c>
    </row>
    <row r="22959" spans="1:7" x14ac:dyDescent="0.3">
      <c r="A22959" s="13" t="s">
        <v>152</v>
      </c>
      <c r="B22959" s="14" t="s">
        <v>1</v>
      </c>
      <c r="C22959" s="14" t="s">
        <v>35</v>
      </c>
      <c r="D22959" s="14" t="s">
        <v>153</v>
      </c>
      <c r="E22959" s="15">
        <v>45705</v>
      </c>
      <c r="F22959" s="14" t="s">
        <v>25</v>
      </c>
      <c r="G22959" s="16">
        <v>0</v>
      </c>
    </row>
    <row r="22960" spans="1:7" x14ac:dyDescent="0.3">
      <c r="A22960" s="13" t="s">
        <v>152</v>
      </c>
      <c r="B22960" s="14" t="s">
        <v>1</v>
      </c>
      <c r="C22960" s="14" t="s">
        <v>35</v>
      </c>
      <c r="D22960" s="14" t="s">
        <v>153</v>
      </c>
      <c r="E22960" s="15">
        <v>45706</v>
      </c>
      <c r="F22960" s="14" t="s">
        <v>25</v>
      </c>
      <c r="G22960" s="16">
        <v>0</v>
      </c>
    </row>
    <row r="22961" spans="1:7" x14ac:dyDescent="0.3">
      <c r="A22961" s="13" t="s">
        <v>152</v>
      </c>
      <c r="B22961" s="14" t="s">
        <v>1</v>
      </c>
      <c r="C22961" s="14" t="s">
        <v>35</v>
      </c>
      <c r="D22961" s="14" t="s">
        <v>153</v>
      </c>
      <c r="E22961" s="15">
        <v>45707</v>
      </c>
      <c r="F22961" s="14" t="s">
        <v>25</v>
      </c>
      <c r="G22961" s="16">
        <v>0</v>
      </c>
    </row>
    <row r="22962" spans="1:7" x14ac:dyDescent="0.3">
      <c r="A22962" s="13" t="s">
        <v>152</v>
      </c>
      <c r="B22962" s="14" t="s">
        <v>1</v>
      </c>
      <c r="C22962" s="14" t="s">
        <v>35</v>
      </c>
      <c r="D22962" s="14" t="s">
        <v>153</v>
      </c>
      <c r="E22962" s="15">
        <v>45708</v>
      </c>
      <c r="F22962" s="14" t="s">
        <v>25</v>
      </c>
      <c r="G22962" s="16">
        <v>0</v>
      </c>
    </row>
    <row r="22963" spans="1:7" x14ac:dyDescent="0.3">
      <c r="A22963" s="13" t="s">
        <v>152</v>
      </c>
      <c r="B22963" s="14" t="s">
        <v>1</v>
      </c>
      <c r="C22963" s="14" t="s">
        <v>35</v>
      </c>
      <c r="D22963" s="14" t="s">
        <v>153</v>
      </c>
      <c r="E22963" s="15">
        <v>45709</v>
      </c>
      <c r="F22963" s="14" t="s">
        <v>25</v>
      </c>
      <c r="G22963" s="16">
        <v>0</v>
      </c>
    </row>
    <row r="22964" spans="1:7" x14ac:dyDescent="0.3">
      <c r="A22964" s="13" t="s">
        <v>152</v>
      </c>
      <c r="B22964" s="14" t="s">
        <v>1</v>
      </c>
      <c r="C22964" s="14" t="s">
        <v>35</v>
      </c>
      <c r="D22964" s="14" t="s">
        <v>153</v>
      </c>
      <c r="E22964" s="15">
        <v>45710</v>
      </c>
      <c r="F22964" s="14" t="s">
        <v>25</v>
      </c>
      <c r="G22964" s="16">
        <v>0</v>
      </c>
    </row>
    <row r="22965" spans="1:7" x14ac:dyDescent="0.3">
      <c r="A22965" s="13" t="s">
        <v>152</v>
      </c>
      <c r="B22965" s="14" t="s">
        <v>1</v>
      </c>
      <c r="C22965" s="14" t="s">
        <v>35</v>
      </c>
      <c r="D22965" s="14" t="s">
        <v>153</v>
      </c>
      <c r="E22965" s="15">
        <v>45711</v>
      </c>
      <c r="F22965" s="14" t="s">
        <v>25</v>
      </c>
      <c r="G22965" s="16">
        <v>0</v>
      </c>
    </row>
    <row r="22966" spans="1:7" x14ac:dyDescent="0.3">
      <c r="A22966" s="13" t="s">
        <v>152</v>
      </c>
      <c r="B22966" s="14" t="s">
        <v>1</v>
      </c>
      <c r="C22966" s="14" t="s">
        <v>35</v>
      </c>
      <c r="D22966" s="14" t="s">
        <v>153</v>
      </c>
      <c r="E22966" s="15">
        <v>45712</v>
      </c>
      <c r="F22966" s="14" t="s">
        <v>25</v>
      </c>
      <c r="G22966" s="16">
        <v>0</v>
      </c>
    </row>
    <row r="22967" spans="1:7" x14ac:dyDescent="0.3">
      <c r="A22967" s="13" t="s">
        <v>152</v>
      </c>
      <c r="B22967" s="14" t="s">
        <v>1</v>
      </c>
      <c r="C22967" s="14" t="s">
        <v>35</v>
      </c>
      <c r="D22967" s="14" t="s">
        <v>153</v>
      </c>
      <c r="E22967" s="15">
        <v>45713</v>
      </c>
      <c r="F22967" s="14" t="s">
        <v>25</v>
      </c>
      <c r="G22967" s="16">
        <v>0</v>
      </c>
    </row>
    <row r="22968" spans="1:7" x14ac:dyDescent="0.3">
      <c r="A22968" s="13" t="s">
        <v>152</v>
      </c>
      <c r="B22968" s="14" t="s">
        <v>1</v>
      </c>
      <c r="C22968" s="14" t="s">
        <v>35</v>
      </c>
      <c r="D22968" s="14" t="s">
        <v>153</v>
      </c>
      <c r="E22968" s="15">
        <v>45714</v>
      </c>
      <c r="F22968" s="14" t="s">
        <v>25</v>
      </c>
      <c r="G22968" s="16">
        <v>0</v>
      </c>
    </row>
    <row r="22969" spans="1:7" x14ac:dyDescent="0.3">
      <c r="A22969" s="13" t="s">
        <v>152</v>
      </c>
      <c r="B22969" s="14" t="s">
        <v>1</v>
      </c>
      <c r="C22969" s="14" t="s">
        <v>35</v>
      </c>
      <c r="D22969" s="14" t="s">
        <v>153</v>
      </c>
      <c r="E22969" s="15">
        <v>45715</v>
      </c>
      <c r="F22969" s="14" t="s">
        <v>25</v>
      </c>
      <c r="G22969" s="16">
        <v>0</v>
      </c>
    </row>
    <row r="22970" spans="1:7" x14ac:dyDescent="0.3">
      <c r="A22970" s="13" t="s">
        <v>152</v>
      </c>
      <c r="B22970" s="14" t="s">
        <v>1</v>
      </c>
      <c r="C22970" s="14" t="s">
        <v>35</v>
      </c>
      <c r="D22970" s="14" t="s">
        <v>153</v>
      </c>
      <c r="E22970" s="15">
        <v>45716</v>
      </c>
      <c r="F22970" s="14" t="s">
        <v>25</v>
      </c>
      <c r="G22970" s="16">
        <v>0</v>
      </c>
    </row>
    <row r="22971" spans="1:7" x14ac:dyDescent="0.3">
      <c r="A22971" s="13" t="s">
        <v>152</v>
      </c>
      <c r="B22971" s="14" t="s">
        <v>1</v>
      </c>
      <c r="C22971" s="14" t="s">
        <v>35</v>
      </c>
      <c r="D22971" s="14" t="s">
        <v>153</v>
      </c>
      <c r="E22971" s="15">
        <v>45717</v>
      </c>
      <c r="F22971" s="14" t="s">
        <v>25</v>
      </c>
      <c r="G22971" s="16">
        <v>0</v>
      </c>
    </row>
    <row r="22972" spans="1:7" x14ac:dyDescent="0.3">
      <c r="A22972" s="13" t="s">
        <v>152</v>
      </c>
      <c r="B22972" s="14" t="s">
        <v>1</v>
      </c>
      <c r="C22972" s="14" t="s">
        <v>35</v>
      </c>
      <c r="D22972" s="14" t="s">
        <v>153</v>
      </c>
      <c r="E22972" s="15">
        <v>45718</v>
      </c>
      <c r="F22972" s="14" t="s">
        <v>25</v>
      </c>
      <c r="G22972" s="16">
        <v>0</v>
      </c>
    </row>
    <row r="22973" spans="1:7" x14ac:dyDescent="0.3">
      <c r="A22973" s="13" t="s">
        <v>152</v>
      </c>
      <c r="B22973" s="14" t="s">
        <v>1</v>
      </c>
      <c r="C22973" s="14" t="s">
        <v>35</v>
      </c>
      <c r="D22973" s="14" t="s">
        <v>153</v>
      </c>
      <c r="E22973" s="15">
        <v>45719</v>
      </c>
      <c r="F22973" s="14" t="s">
        <v>25</v>
      </c>
      <c r="G22973" s="16">
        <v>0</v>
      </c>
    </row>
    <row r="22974" spans="1:7" x14ac:dyDescent="0.3">
      <c r="A22974" s="13" t="s">
        <v>152</v>
      </c>
      <c r="B22974" s="14" t="s">
        <v>1</v>
      </c>
      <c r="C22974" s="14" t="s">
        <v>35</v>
      </c>
      <c r="D22974" s="14" t="s">
        <v>153</v>
      </c>
      <c r="E22974" s="15">
        <v>45720</v>
      </c>
      <c r="F22974" s="14" t="s">
        <v>25</v>
      </c>
      <c r="G22974" s="16">
        <v>0</v>
      </c>
    </row>
    <row r="22975" spans="1:7" x14ac:dyDescent="0.3">
      <c r="A22975" s="13" t="s">
        <v>152</v>
      </c>
      <c r="B22975" s="14" t="s">
        <v>1</v>
      </c>
      <c r="C22975" s="14" t="s">
        <v>35</v>
      </c>
      <c r="D22975" s="14" t="s">
        <v>153</v>
      </c>
      <c r="E22975" s="15">
        <v>45721</v>
      </c>
      <c r="F22975" s="14" t="s">
        <v>25</v>
      </c>
      <c r="G22975" s="16">
        <v>0</v>
      </c>
    </row>
    <row r="22976" spans="1:7" x14ac:dyDescent="0.3">
      <c r="A22976" s="13" t="s">
        <v>152</v>
      </c>
      <c r="B22976" s="14" t="s">
        <v>1</v>
      </c>
      <c r="C22976" s="14" t="s">
        <v>35</v>
      </c>
      <c r="D22976" s="14" t="s">
        <v>153</v>
      </c>
      <c r="E22976" s="15">
        <v>45722</v>
      </c>
      <c r="F22976" s="14" t="s">
        <v>25</v>
      </c>
      <c r="G22976" s="16">
        <v>0</v>
      </c>
    </row>
    <row r="22977" spans="1:7" x14ac:dyDescent="0.3">
      <c r="A22977" s="13" t="s">
        <v>152</v>
      </c>
      <c r="B22977" s="14" t="s">
        <v>1</v>
      </c>
      <c r="C22977" s="14" t="s">
        <v>35</v>
      </c>
      <c r="D22977" s="14" t="s">
        <v>153</v>
      </c>
      <c r="E22977" s="15">
        <v>45723</v>
      </c>
      <c r="F22977" s="14" t="s">
        <v>25</v>
      </c>
      <c r="G22977" s="16">
        <v>0</v>
      </c>
    </row>
    <row r="22978" spans="1:7" x14ac:dyDescent="0.3">
      <c r="A22978" s="13" t="s">
        <v>152</v>
      </c>
      <c r="B22978" s="14" t="s">
        <v>1</v>
      </c>
      <c r="C22978" s="14" t="s">
        <v>35</v>
      </c>
      <c r="D22978" s="14" t="s">
        <v>153</v>
      </c>
      <c r="E22978" s="15">
        <v>45724</v>
      </c>
      <c r="F22978" s="14" t="s">
        <v>25</v>
      </c>
      <c r="G22978" s="16">
        <v>0</v>
      </c>
    </row>
    <row r="22979" spans="1:7" x14ac:dyDescent="0.3">
      <c r="A22979" s="13" t="s">
        <v>152</v>
      </c>
      <c r="B22979" s="14" t="s">
        <v>1</v>
      </c>
      <c r="C22979" s="14" t="s">
        <v>35</v>
      </c>
      <c r="D22979" s="14" t="s">
        <v>153</v>
      </c>
      <c r="E22979" s="15">
        <v>45725</v>
      </c>
      <c r="F22979" s="14" t="s">
        <v>25</v>
      </c>
      <c r="G22979" s="16">
        <v>0</v>
      </c>
    </row>
    <row r="22980" spans="1:7" x14ac:dyDescent="0.3">
      <c r="A22980" s="13" t="s">
        <v>152</v>
      </c>
      <c r="B22980" s="14" t="s">
        <v>1</v>
      </c>
      <c r="C22980" s="14" t="s">
        <v>35</v>
      </c>
      <c r="D22980" s="14" t="s">
        <v>153</v>
      </c>
      <c r="E22980" s="15">
        <v>45726</v>
      </c>
      <c r="F22980" s="14" t="s">
        <v>25</v>
      </c>
      <c r="G22980" s="16">
        <v>0</v>
      </c>
    </row>
    <row r="22981" spans="1:7" x14ac:dyDescent="0.3">
      <c r="A22981" s="13" t="s">
        <v>152</v>
      </c>
      <c r="B22981" s="14" t="s">
        <v>1</v>
      </c>
      <c r="C22981" s="14" t="s">
        <v>35</v>
      </c>
      <c r="D22981" s="14" t="s">
        <v>153</v>
      </c>
      <c r="E22981" s="15">
        <v>45727</v>
      </c>
      <c r="F22981" s="14" t="s">
        <v>25</v>
      </c>
      <c r="G22981" s="16">
        <v>0</v>
      </c>
    </row>
    <row r="22982" spans="1:7" x14ac:dyDescent="0.3">
      <c r="A22982" s="13" t="s">
        <v>152</v>
      </c>
      <c r="B22982" s="14" t="s">
        <v>1</v>
      </c>
      <c r="C22982" s="14" t="s">
        <v>35</v>
      </c>
      <c r="D22982" s="14" t="s">
        <v>153</v>
      </c>
      <c r="E22982" s="15">
        <v>45728</v>
      </c>
      <c r="F22982" s="14" t="s">
        <v>25</v>
      </c>
      <c r="G22982" s="16">
        <v>0</v>
      </c>
    </row>
    <row r="22983" spans="1:7" x14ac:dyDescent="0.3">
      <c r="A22983" s="13" t="s">
        <v>152</v>
      </c>
      <c r="B22983" s="14" t="s">
        <v>1</v>
      </c>
      <c r="C22983" s="14" t="s">
        <v>35</v>
      </c>
      <c r="D22983" s="14" t="s">
        <v>153</v>
      </c>
      <c r="E22983" s="15">
        <v>45729</v>
      </c>
      <c r="F22983" s="14" t="s">
        <v>25</v>
      </c>
      <c r="G22983" s="16">
        <v>0</v>
      </c>
    </row>
    <row r="22984" spans="1:7" x14ac:dyDescent="0.3">
      <c r="A22984" s="13" t="s">
        <v>152</v>
      </c>
      <c r="B22984" s="14" t="s">
        <v>1</v>
      </c>
      <c r="C22984" s="14" t="s">
        <v>35</v>
      </c>
      <c r="D22984" s="14" t="s">
        <v>153</v>
      </c>
      <c r="E22984" s="15">
        <v>45730</v>
      </c>
      <c r="F22984" s="14" t="s">
        <v>25</v>
      </c>
      <c r="G22984" s="16">
        <v>0</v>
      </c>
    </row>
    <row r="22985" spans="1:7" x14ac:dyDescent="0.3">
      <c r="A22985" s="13" t="s">
        <v>152</v>
      </c>
      <c r="B22985" s="14" t="s">
        <v>1</v>
      </c>
      <c r="C22985" s="14" t="s">
        <v>35</v>
      </c>
      <c r="D22985" s="14" t="s">
        <v>153</v>
      </c>
      <c r="E22985" s="15">
        <v>45731</v>
      </c>
      <c r="F22985" s="14" t="s">
        <v>25</v>
      </c>
      <c r="G22985" s="16">
        <v>0</v>
      </c>
    </row>
    <row r="22986" spans="1:7" x14ac:dyDescent="0.3">
      <c r="A22986" s="13" t="s">
        <v>152</v>
      </c>
      <c r="B22986" s="14" t="s">
        <v>1</v>
      </c>
      <c r="C22986" s="14" t="s">
        <v>35</v>
      </c>
      <c r="D22986" s="14" t="s">
        <v>153</v>
      </c>
      <c r="E22986" s="15">
        <v>45732</v>
      </c>
      <c r="F22986" s="14" t="s">
        <v>25</v>
      </c>
      <c r="G22986" s="16">
        <v>0</v>
      </c>
    </row>
    <row r="22987" spans="1:7" x14ac:dyDescent="0.3">
      <c r="A22987" s="13" t="s">
        <v>152</v>
      </c>
      <c r="B22987" s="14" t="s">
        <v>1</v>
      </c>
      <c r="C22987" s="14" t="s">
        <v>35</v>
      </c>
      <c r="D22987" s="14" t="s">
        <v>153</v>
      </c>
      <c r="E22987" s="15">
        <v>45733</v>
      </c>
      <c r="F22987" s="14" t="s">
        <v>25</v>
      </c>
      <c r="G22987" s="16">
        <v>0</v>
      </c>
    </row>
    <row r="22988" spans="1:7" x14ac:dyDescent="0.3">
      <c r="A22988" s="13" t="s">
        <v>152</v>
      </c>
      <c r="B22988" s="14" t="s">
        <v>1</v>
      </c>
      <c r="C22988" s="14" t="s">
        <v>35</v>
      </c>
      <c r="D22988" s="14" t="s">
        <v>153</v>
      </c>
      <c r="E22988" s="15">
        <v>45734</v>
      </c>
      <c r="F22988" s="14" t="s">
        <v>25</v>
      </c>
      <c r="G22988" s="16">
        <v>0</v>
      </c>
    </row>
    <row r="22989" spans="1:7" x14ac:dyDescent="0.3">
      <c r="A22989" s="13" t="s">
        <v>152</v>
      </c>
      <c r="B22989" s="14" t="s">
        <v>1</v>
      </c>
      <c r="C22989" s="14" t="s">
        <v>35</v>
      </c>
      <c r="D22989" s="14" t="s">
        <v>153</v>
      </c>
      <c r="E22989" s="15">
        <v>45735</v>
      </c>
      <c r="F22989" s="14" t="s">
        <v>25</v>
      </c>
      <c r="G22989" s="16">
        <v>0</v>
      </c>
    </row>
    <row r="22990" spans="1:7" x14ac:dyDescent="0.3">
      <c r="A22990" s="13" t="s">
        <v>152</v>
      </c>
      <c r="B22990" s="14" t="s">
        <v>1</v>
      </c>
      <c r="C22990" s="14" t="s">
        <v>35</v>
      </c>
      <c r="D22990" s="14" t="s">
        <v>153</v>
      </c>
      <c r="E22990" s="15">
        <v>45736</v>
      </c>
      <c r="F22990" s="14" t="s">
        <v>25</v>
      </c>
      <c r="G22990" s="16">
        <v>0</v>
      </c>
    </row>
    <row r="22991" spans="1:7" x14ac:dyDescent="0.3">
      <c r="A22991" s="13" t="s">
        <v>152</v>
      </c>
      <c r="B22991" s="14" t="s">
        <v>1</v>
      </c>
      <c r="C22991" s="14" t="s">
        <v>35</v>
      </c>
      <c r="D22991" s="14" t="s">
        <v>153</v>
      </c>
      <c r="E22991" s="15">
        <v>45737</v>
      </c>
      <c r="F22991" s="14" t="s">
        <v>25</v>
      </c>
      <c r="G22991" s="16">
        <v>0</v>
      </c>
    </row>
    <row r="22992" spans="1:7" x14ac:dyDescent="0.3">
      <c r="A22992" s="13" t="s">
        <v>152</v>
      </c>
      <c r="B22992" s="14" t="s">
        <v>1</v>
      </c>
      <c r="C22992" s="14" t="s">
        <v>35</v>
      </c>
      <c r="D22992" s="14" t="s">
        <v>153</v>
      </c>
      <c r="E22992" s="15">
        <v>45738</v>
      </c>
      <c r="F22992" s="14" t="s">
        <v>25</v>
      </c>
      <c r="G22992" s="16">
        <v>0</v>
      </c>
    </row>
    <row r="22993" spans="1:7" x14ac:dyDescent="0.3">
      <c r="A22993" s="13" t="s">
        <v>152</v>
      </c>
      <c r="B22993" s="14" t="s">
        <v>1</v>
      </c>
      <c r="C22993" s="14" t="s">
        <v>35</v>
      </c>
      <c r="D22993" s="14" t="s">
        <v>153</v>
      </c>
      <c r="E22993" s="15">
        <v>45739</v>
      </c>
      <c r="F22993" s="14" t="s">
        <v>25</v>
      </c>
      <c r="G22993" s="16">
        <v>0</v>
      </c>
    </row>
    <row r="22994" spans="1:7" x14ac:dyDescent="0.3">
      <c r="A22994" s="13" t="s">
        <v>152</v>
      </c>
      <c r="B22994" s="14" t="s">
        <v>1</v>
      </c>
      <c r="C22994" s="14" t="s">
        <v>35</v>
      </c>
      <c r="D22994" s="14" t="s">
        <v>153</v>
      </c>
      <c r="E22994" s="15">
        <v>45740</v>
      </c>
      <c r="F22994" s="14" t="s">
        <v>25</v>
      </c>
      <c r="G22994" s="16">
        <v>0</v>
      </c>
    </row>
    <row r="22995" spans="1:7" x14ac:dyDescent="0.3">
      <c r="A22995" s="13" t="s">
        <v>152</v>
      </c>
      <c r="B22995" s="14" t="s">
        <v>1</v>
      </c>
      <c r="C22995" s="14" t="s">
        <v>35</v>
      </c>
      <c r="D22995" s="14" t="s">
        <v>153</v>
      </c>
      <c r="E22995" s="15">
        <v>45741</v>
      </c>
      <c r="F22995" s="14" t="s">
        <v>25</v>
      </c>
      <c r="G22995" s="16">
        <v>0</v>
      </c>
    </row>
    <row r="22996" spans="1:7" x14ac:dyDescent="0.3">
      <c r="A22996" s="13" t="s">
        <v>152</v>
      </c>
      <c r="B22996" s="14" t="s">
        <v>1</v>
      </c>
      <c r="C22996" s="14" t="s">
        <v>35</v>
      </c>
      <c r="D22996" s="14" t="s">
        <v>153</v>
      </c>
      <c r="E22996" s="15">
        <v>45742</v>
      </c>
      <c r="F22996" s="14" t="s">
        <v>25</v>
      </c>
      <c r="G22996" s="16">
        <v>0</v>
      </c>
    </row>
    <row r="22997" spans="1:7" x14ac:dyDescent="0.3">
      <c r="A22997" s="13" t="s">
        <v>152</v>
      </c>
      <c r="B22997" s="14" t="s">
        <v>1</v>
      </c>
      <c r="C22997" s="14" t="s">
        <v>35</v>
      </c>
      <c r="D22997" s="14" t="s">
        <v>153</v>
      </c>
      <c r="E22997" s="15">
        <v>45743</v>
      </c>
      <c r="F22997" s="14" t="s">
        <v>25</v>
      </c>
      <c r="G22997" s="16">
        <v>0</v>
      </c>
    </row>
    <row r="22998" spans="1:7" x14ac:dyDescent="0.3">
      <c r="A22998" s="13" t="s">
        <v>152</v>
      </c>
      <c r="B22998" s="14" t="s">
        <v>1</v>
      </c>
      <c r="C22998" s="14" t="s">
        <v>35</v>
      </c>
      <c r="D22998" s="14" t="s">
        <v>153</v>
      </c>
      <c r="E22998" s="15">
        <v>45744</v>
      </c>
      <c r="F22998" s="14" t="s">
        <v>25</v>
      </c>
      <c r="G22998" s="16">
        <v>0</v>
      </c>
    </row>
    <row r="22999" spans="1:7" x14ac:dyDescent="0.3">
      <c r="A22999" s="13" t="s">
        <v>152</v>
      </c>
      <c r="B22999" s="14" t="s">
        <v>1</v>
      </c>
      <c r="C22999" s="14" t="s">
        <v>35</v>
      </c>
      <c r="D22999" s="14" t="s">
        <v>153</v>
      </c>
      <c r="E22999" s="15">
        <v>45745</v>
      </c>
      <c r="F22999" s="14" t="s">
        <v>25</v>
      </c>
      <c r="G22999" s="16">
        <v>0</v>
      </c>
    </row>
    <row r="23000" spans="1:7" x14ac:dyDescent="0.3">
      <c r="A23000" s="13" t="s">
        <v>152</v>
      </c>
      <c r="B23000" s="14" t="s">
        <v>1</v>
      </c>
      <c r="C23000" s="14" t="s">
        <v>35</v>
      </c>
      <c r="D23000" s="14" t="s">
        <v>153</v>
      </c>
      <c r="E23000" s="15">
        <v>45746</v>
      </c>
      <c r="F23000" s="14" t="s">
        <v>25</v>
      </c>
      <c r="G23000" s="16">
        <v>0</v>
      </c>
    </row>
    <row r="23001" spans="1:7" x14ac:dyDescent="0.3">
      <c r="A23001" s="13" t="s">
        <v>152</v>
      </c>
      <c r="B23001" s="14" t="s">
        <v>1</v>
      </c>
      <c r="C23001" s="14" t="s">
        <v>35</v>
      </c>
      <c r="D23001" s="14" t="s">
        <v>153</v>
      </c>
      <c r="E23001" s="15">
        <v>45747</v>
      </c>
      <c r="F23001" s="14" t="s">
        <v>25</v>
      </c>
      <c r="G23001" s="16">
        <v>0</v>
      </c>
    </row>
    <row r="23002" spans="1:7" x14ac:dyDescent="0.3">
      <c r="A23002" s="13" t="s">
        <v>154</v>
      </c>
      <c r="B23002" s="14" t="s">
        <v>1</v>
      </c>
      <c r="C23002" s="14" t="s">
        <v>59</v>
      </c>
      <c r="D23002" s="14" t="s">
        <v>155</v>
      </c>
      <c r="E23002" s="15">
        <v>45383</v>
      </c>
      <c r="F23002" s="14" t="s">
        <v>25</v>
      </c>
      <c r="G23002" s="16">
        <v>0</v>
      </c>
    </row>
    <row r="23003" spans="1:7" x14ac:dyDescent="0.3">
      <c r="A23003" s="13" t="s">
        <v>154</v>
      </c>
      <c r="B23003" s="14" t="s">
        <v>1</v>
      </c>
      <c r="C23003" s="14" t="s">
        <v>59</v>
      </c>
      <c r="D23003" s="14" t="s">
        <v>155</v>
      </c>
      <c r="E23003" s="15">
        <v>45384</v>
      </c>
      <c r="F23003" s="14" t="s">
        <v>25</v>
      </c>
      <c r="G23003" s="16">
        <v>0</v>
      </c>
    </row>
    <row r="23004" spans="1:7" x14ac:dyDescent="0.3">
      <c r="A23004" s="13" t="s">
        <v>154</v>
      </c>
      <c r="B23004" s="14" t="s">
        <v>1</v>
      </c>
      <c r="C23004" s="14" t="s">
        <v>59</v>
      </c>
      <c r="D23004" s="14" t="s">
        <v>155</v>
      </c>
      <c r="E23004" s="15">
        <v>45385</v>
      </c>
      <c r="F23004" s="14" t="s">
        <v>25</v>
      </c>
      <c r="G23004" s="16">
        <v>0</v>
      </c>
    </row>
    <row r="23005" spans="1:7" x14ac:dyDescent="0.3">
      <c r="A23005" s="13" t="s">
        <v>154</v>
      </c>
      <c r="B23005" s="14" t="s">
        <v>1</v>
      </c>
      <c r="C23005" s="14" t="s">
        <v>59</v>
      </c>
      <c r="D23005" s="14" t="s">
        <v>155</v>
      </c>
      <c r="E23005" s="15">
        <v>45386</v>
      </c>
      <c r="F23005" s="14" t="s">
        <v>25</v>
      </c>
      <c r="G23005" s="16">
        <v>0</v>
      </c>
    </row>
    <row r="23006" spans="1:7" x14ac:dyDescent="0.3">
      <c r="A23006" s="13" t="s">
        <v>154</v>
      </c>
      <c r="B23006" s="14" t="s">
        <v>1</v>
      </c>
      <c r="C23006" s="14" t="s">
        <v>59</v>
      </c>
      <c r="D23006" s="14" t="s">
        <v>155</v>
      </c>
      <c r="E23006" s="15">
        <v>45387</v>
      </c>
      <c r="F23006" s="14" t="s">
        <v>25</v>
      </c>
      <c r="G23006" s="16">
        <v>0</v>
      </c>
    </row>
    <row r="23007" spans="1:7" x14ac:dyDescent="0.3">
      <c r="A23007" s="13" t="s">
        <v>154</v>
      </c>
      <c r="B23007" s="14" t="s">
        <v>1</v>
      </c>
      <c r="C23007" s="14" t="s">
        <v>59</v>
      </c>
      <c r="D23007" s="14" t="s">
        <v>155</v>
      </c>
      <c r="E23007" s="15">
        <v>45388</v>
      </c>
      <c r="F23007" s="14" t="s">
        <v>25</v>
      </c>
      <c r="G23007" s="16">
        <v>0</v>
      </c>
    </row>
    <row r="23008" spans="1:7" x14ac:dyDescent="0.3">
      <c r="A23008" s="13" t="s">
        <v>154</v>
      </c>
      <c r="B23008" s="14" t="s">
        <v>1</v>
      </c>
      <c r="C23008" s="14" t="s">
        <v>59</v>
      </c>
      <c r="D23008" s="14" t="s">
        <v>155</v>
      </c>
      <c r="E23008" s="15">
        <v>45389</v>
      </c>
      <c r="F23008" s="14" t="s">
        <v>25</v>
      </c>
      <c r="G23008" s="16">
        <v>0</v>
      </c>
    </row>
    <row r="23009" spans="1:7" x14ac:dyDescent="0.3">
      <c r="A23009" s="13" t="s">
        <v>154</v>
      </c>
      <c r="B23009" s="14" t="s">
        <v>1</v>
      </c>
      <c r="C23009" s="14" t="s">
        <v>59</v>
      </c>
      <c r="D23009" s="14" t="s">
        <v>155</v>
      </c>
      <c r="E23009" s="15">
        <v>45390</v>
      </c>
      <c r="F23009" s="14" t="s">
        <v>25</v>
      </c>
      <c r="G23009" s="16">
        <v>0</v>
      </c>
    </row>
    <row r="23010" spans="1:7" x14ac:dyDescent="0.3">
      <c r="A23010" s="13" t="s">
        <v>154</v>
      </c>
      <c r="B23010" s="14" t="s">
        <v>1</v>
      </c>
      <c r="C23010" s="14" t="s">
        <v>59</v>
      </c>
      <c r="D23010" s="14" t="s">
        <v>155</v>
      </c>
      <c r="E23010" s="15">
        <v>45391</v>
      </c>
      <c r="F23010" s="14" t="s">
        <v>25</v>
      </c>
      <c r="G23010" s="16">
        <v>0</v>
      </c>
    </row>
    <row r="23011" spans="1:7" x14ac:dyDescent="0.3">
      <c r="A23011" s="13" t="s">
        <v>154</v>
      </c>
      <c r="B23011" s="14" t="s">
        <v>1</v>
      </c>
      <c r="C23011" s="14" t="s">
        <v>59</v>
      </c>
      <c r="D23011" s="14" t="s">
        <v>155</v>
      </c>
      <c r="E23011" s="15">
        <v>45392</v>
      </c>
      <c r="F23011" s="14" t="s">
        <v>25</v>
      </c>
      <c r="G23011" s="16">
        <v>0</v>
      </c>
    </row>
    <row r="23012" spans="1:7" x14ac:dyDescent="0.3">
      <c r="A23012" s="13" t="s">
        <v>154</v>
      </c>
      <c r="B23012" s="14" t="s">
        <v>1</v>
      </c>
      <c r="C23012" s="14" t="s">
        <v>59</v>
      </c>
      <c r="D23012" s="14" t="s">
        <v>155</v>
      </c>
      <c r="E23012" s="15">
        <v>45393</v>
      </c>
      <c r="F23012" s="14" t="s">
        <v>25</v>
      </c>
      <c r="G23012" s="16">
        <v>0</v>
      </c>
    </row>
    <row r="23013" spans="1:7" x14ac:dyDescent="0.3">
      <c r="A23013" s="13" t="s">
        <v>154</v>
      </c>
      <c r="B23013" s="14" t="s">
        <v>1</v>
      </c>
      <c r="C23013" s="14" t="s">
        <v>59</v>
      </c>
      <c r="D23013" s="14" t="s">
        <v>155</v>
      </c>
      <c r="E23013" s="15">
        <v>45394</v>
      </c>
      <c r="F23013" s="14" t="s">
        <v>25</v>
      </c>
      <c r="G23013" s="16">
        <v>0</v>
      </c>
    </row>
    <row r="23014" spans="1:7" x14ac:dyDescent="0.3">
      <c r="A23014" s="13" t="s">
        <v>154</v>
      </c>
      <c r="B23014" s="14" t="s">
        <v>1</v>
      </c>
      <c r="C23014" s="14" t="s">
        <v>59</v>
      </c>
      <c r="D23014" s="14" t="s">
        <v>155</v>
      </c>
      <c r="E23014" s="15">
        <v>45395</v>
      </c>
      <c r="F23014" s="14" t="s">
        <v>25</v>
      </c>
      <c r="G23014" s="16">
        <v>0</v>
      </c>
    </row>
    <row r="23015" spans="1:7" x14ac:dyDescent="0.3">
      <c r="A23015" s="13" t="s">
        <v>154</v>
      </c>
      <c r="B23015" s="14" t="s">
        <v>1</v>
      </c>
      <c r="C23015" s="14" t="s">
        <v>59</v>
      </c>
      <c r="D23015" s="14" t="s">
        <v>155</v>
      </c>
      <c r="E23015" s="15">
        <v>45396</v>
      </c>
      <c r="F23015" s="14" t="s">
        <v>25</v>
      </c>
      <c r="G23015" s="16">
        <v>0</v>
      </c>
    </row>
    <row r="23016" spans="1:7" x14ac:dyDescent="0.3">
      <c r="A23016" s="13" t="s">
        <v>154</v>
      </c>
      <c r="B23016" s="14" t="s">
        <v>1</v>
      </c>
      <c r="C23016" s="14" t="s">
        <v>59</v>
      </c>
      <c r="D23016" s="14" t="s">
        <v>155</v>
      </c>
      <c r="E23016" s="15">
        <v>45397</v>
      </c>
      <c r="F23016" s="14" t="s">
        <v>25</v>
      </c>
      <c r="G23016" s="16">
        <v>0</v>
      </c>
    </row>
    <row r="23017" spans="1:7" x14ac:dyDescent="0.3">
      <c r="A23017" s="13" t="s">
        <v>154</v>
      </c>
      <c r="B23017" s="14" t="s">
        <v>1</v>
      </c>
      <c r="C23017" s="14" t="s">
        <v>59</v>
      </c>
      <c r="D23017" s="14" t="s">
        <v>155</v>
      </c>
      <c r="E23017" s="15">
        <v>45398</v>
      </c>
      <c r="F23017" s="14" t="s">
        <v>25</v>
      </c>
      <c r="G23017" s="16">
        <v>0</v>
      </c>
    </row>
    <row r="23018" spans="1:7" x14ac:dyDescent="0.3">
      <c r="A23018" s="13" t="s">
        <v>154</v>
      </c>
      <c r="B23018" s="14" t="s">
        <v>1</v>
      </c>
      <c r="C23018" s="14" t="s">
        <v>59</v>
      </c>
      <c r="D23018" s="14" t="s">
        <v>155</v>
      </c>
      <c r="E23018" s="15">
        <v>45399</v>
      </c>
      <c r="F23018" s="14" t="s">
        <v>25</v>
      </c>
      <c r="G23018" s="16">
        <v>0</v>
      </c>
    </row>
    <row r="23019" spans="1:7" x14ac:dyDescent="0.3">
      <c r="A23019" s="13" t="s">
        <v>154</v>
      </c>
      <c r="B23019" s="14" t="s">
        <v>1</v>
      </c>
      <c r="C23019" s="14" t="s">
        <v>59</v>
      </c>
      <c r="D23019" s="14" t="s">
        <v>155</v>
      </c>
      <c r="E23019" s="15">
        <v>45400</v>
      </c>
      <c r="F23019" s="14" t="s">
        <v>25</v>
      </c>
      <c r="G23019" s="16">
        <v>0</v>
      </c>
    </row>
    <row r="23020" spans="1:7" x14ac:dyDescent="0.3">
      <c r="A23020" s="13" t="s">
        <v>154</v>
      </c>
      <c r="B23020" s="14" t="s">
        <v>1</v>
      </c>
      <c r="C23020" s="14" t="s">
        <v>59</v>
      </c>
      <c r="D23020" s="14" t="s">
        <v>155</v>
      </c>
      <c r="E23020" s="15">
        <v>45401</v>
      </c>
      <c r="F23020" s="14" t="s">
        <v>25</v>
      </c>
      <c r="G23020" s="16">
        <v>0</v>
      </c>
    </row>
    <row r="23021" spans="1:7" x14ac:dyDescent="0.3">
      <c r="A23021" s="13" t="s">
        <v>154</v>
      </c>
      <c r="B23021" s="14" t="s">
        <v>1</v>
      </c>
      <c r="C23021" s="14" t="s">
        <v>59</v>
      </c>
      <c r="D23021" s="14" t="s">
        <v>155</v>
      </c>
      <c r="E23021" s="15">
        <v>45402</v>
      </c>
      <c r="F23021" s="14" t="s">
        <v>25</v>
      </c>
      <c r="G23021" s="16">
        <v>0</v>
      </c>
    </row>
    <row r="23022" spans="1:7" x14ac:dyDescent="0.3">
      <c r="A23022" s="13" t="s">
        <v>154</v>
      </c>
      <c r="B23022" s="14" t="s">
        <v>1</v>
      </c>
      <c r="C23022" s="14" t="s">
        <v>59</v>
      </c>
      <c r="D23022" s="14" t="s">
        <v>155</v>
      </c>
      <c r="E23022" s="15">
        <v>45403</v>
      </c>
      <c r="F23022" s="14" t="s">
        <v>25</v>
      </c>
      <c r="G23022" s="16">
        <v>0</v>
      </c>
    </row>
    <row r="23023" spans="1:7" x14ac:dyDescent="0.3">
      <c r="A23023" s="13" t="s">
        <v>154</v>
      </c>
      <c r="B23023" s="14" t="s">
        <v>1</v>
      </c>
      <c r="C23023" s="14" t="s">
        <v>59</v>
      </c>
      <c r="D23023" s="14" t="s">
        <v>155</v>
      </c>
      <c r="E23023" s="15">
        <v>45404</v>
      </c>
      <c r="F23023" s="14" t="s">
        <v>25</v>
      </c>
      <c r="G23023" s="16">
        <v>0</v>
      </c>
    </row>
    <row r="23024" spans="1:7" x14ac:dyDescent="0.3">
      <c r="A23024" s="13" t="s">
        <v>154</v>
      </c>
      <c r="B23024" s="14" t="s">
        <v>1</v>
      </c>
      <c r="C23024" s="14" t="s">
        <v>59</v>
      </c>
      <c r="D23024" s="14" t="s">
        <v>155</v>
      </c>
      <c r="E23024" s="15">
        <v>45405</v>
      </c>
      <c r="F23024" s="14" t="s">
        <v>25</v>
      </c>
      <c r="G23024" s="16">
        <v>0</v>
      </c>
    </row>
    <row r="23025" spans="1:7" x14ac:dyDescent="0.3">
      <c r="A23025" s="13" t="s">
        <v>154</v>
      </c>
      <c r="B23025" s="14" t="s">
        <v>1</v>
      </c>
      <c r="C23025" s="14" t="s">
        <v>59</v>
      </c>
      <c r="D23025" s="14" t="s">
        <v>155</v>
      </c>
      <c r="E23025" s="15">
        <v>45406</v>
      </c>
      <c r="F23025" s="14" t="s">
        <v>25</v>
      </c>
      <c r="G23025" s="16">
        <v>0</v>
      </c>
    </row>
    <row r="23026" spans="1:7" x14ac:dyDescent="0.3">
      <c r="A23026" s="13" t="s">
        <v>154</v>
      </c>
      <c r="B23026" s="14" t="s">
        <v>1</v>
      </c>
      <c r="C23026" s="14" t="s">
        <v>59</v>
      </c>
      <c r="D23026" s="14" t="s">
        <v>155</v>
      </c>
      <c r="E23026" s="15">
        <v>45407</v>
      </c>
      <c r="F23026" s="14" t="s">
        <v>25</v>
      </c>
      <c r="G23026" s="16">
        <v>0</v>
      </c>
    </row>
    <row r="23027" spans="1:7" x14ac:dyDescent="0.3">
      <c r="A23027" s="13" t="s">
        <v>154</v>
      </c>
      <c r="B23027" s="14" t="s">
        <v>1</v>
      </c>
      <c r="C23027" s="14" t="s">
        <v>59</v>
      </c>
      <c r="D23027" s="14" t="s">
        <v>155</v>
      </c>
      <c r="E23027" s="15">
        <v>45408</v>
      </c>
      <c r="F23027" s="14" t="s">
        <v>25</v>
      </c>
      <c r="G23027" s="16">
        <v>0</v>
      </c>
    </row>
    <row r="23028" spans="1:7" x14ac:dyDescent="0.3">
      <c r="A23028" s="13" t="s">
        <v>154</v>
      </c>
      <c r="B23028" s="14" t="s">
        <v>1</v>
      </c>
      <c r="C23028" s="14" t="s">
        <v>59</v>
      </c>
      <c r="D23028" s="14" t="s">
        <v>155</v>
      </c>
      <c r="E23028" s="15">
        <v>45409</v>
      </c>
      <c r="F23028" s="14" t="s">
        <v>25</v>
      </c>
      <c r="G23028" s="16">
        <v>0</v>
      </c>
    </row>
    <row r="23029" spans="1:7" x14ac:dyDescent="0.3">
      <c r="A23029" s="13" t="s">
        <v>154</v>
      </c>
      <c r="B23029" s="14" t="s">
        <v>1</v>
      </c>
      <c r="C23029" s="14" t="s">
        <v>59</v>
      </c>
      <c r="D23029" s="14" t="s">
        <v>155</v>
      </c>
      <c r="E23029" s="15">
        <v>45410</v>
      </c>
      <c r="F23029" s="14" t="s">
        <v>25</v>
      </c>
      <c r="G23029" s="16">
        <v>0</v>
      </c>
    </row>
    <row r="23030" spans="1:7" x14ac:dyDescent="0.3">
      <c r="A23030" s="13" t="s">
        <v>154</v>
      </c>
      <c r="B23030" s="14" t="s">
        <v>1</v>
      </c>
      <c r="C23030" s="14" t="s">
        <v>59</v>
      </c>
      <c r="D23030" s="14" t="s">
        <v>155</v>
      </c>
      <c r="E23030" s="15">
        <v>45411</v>
      </c>
      <c r="F23030" s="14" t="s">
        <v>25</v>
      </c>
      <c r="G23030" s="16">
        <v>0</v>
      </c>
    </row>
    <row r="23031" spans="1:7" x14ac:dyDescent="0.3">
      <c r="A23031" s="13" t="s">
        <v>154</v>
      </c>
      <c r="B23031" s="14" t="s">
        <v>1</v>
      </c>
      <c r="C23031" s="14" t="s">
        <v>59</v>
      </c>
      <c r="D23031" s="14" t="s">
        <v>155</v>
      </c>
      <c r="E23031" s="15">
        <v>45412</v>
      </c>
      <c r="F23031" s="14" t="s">
        <v>25</v>
      </c>
      <c r="G23031" s="16">
        <v>0</v>
      </c>
    </row>
    <row r="23032" spans="1:7" x14ac:dyDescent="0.3">
      <c r="A23032" s="13" t="s">
        <v>154</v>
      </c>
      <c r="B23032" s="14" t="s">
        <v>1</v>
      </c>
      <c r="C23032" s="14" t="s">
        <v>59</v>
      </c>
      <c r="D23032" s="14" t="s">
        <v>155</v>
      </c>
      <c r="E23032" s="15">
        <v>45413</v>
      </c>
      <c r="F23032" s="14" t="s">
        <v>25</v>
      </c>
      <c r="G23032" s="16">
        <v>0</v>
      </c>
    </row>
    <row r="23033" spans="1:7" x14ac:dyDescent="0.3">
      <c r="A23033" s="13" t="s">
        <v>154</v>
      </c>
      <c r="B23033" s="14" t="s">
        <v>1</v>
      </c>
      <c r="C23033" s="14" t="s">
        <v>59</v>
      </c>
      <c r="D23033" s="14" t="s">
        <v>155</v>
      </c>
      <c r="E23033" s="15">
        <v>45414</v>
      </c>
      <c r="F23033" s="14" t="s">
        <v>25</v>
      </c>
      <c r="G23033" s="16">
        <v>0</v>
      </c>
    </row>
    <row r="23034" spans="1:7" x14ac:dyDescent="0.3">
      <c r="A23034" s="13" t="s">
        <v>154</v>
      </c>
      <c r="B23034" s="14" t="s">
        <v>1</v>
      </c>
      <c r="C23034" s="14" t="s">
        <v>59</v>
      </c>
      <c r="D23034" s="14" t="s">
        <v>155</v>
      </c>
      <c r="E23034" s="15">
        <v>45415</v>
      </c>
      <c r="F23034" s="14" t="s">
        <v>25</v>
      </c>
      <c r="G23034" s="16">
        <v>0</v>
      </c>
    </row>
    <row r="23035" spans="1:7" x14ac:dyDescent="0.3">
      <c r="A23035" s="13" t="s">
        <v>154</v>
      </c>
      <c r="B23035" s="14" t="s">
        <v>1</v>
      </c>
      <c r="C23035" s="14" t="s">
        <v>59</v>
      </c>
      <c r="D23035" s="14" t="s">
        <v>155</v>
      </c>
      <c r="E23035" s="15">
        <v>45416</v>
      </c>
      <c r="F23035" s="14" t="s">
        <v>25</v>
      </c>
      <c r="G23035" s="16">
        <v>0</v>
      </c>
    </row>
    <row r="23036" spans="1:7" x14ac:dyDescent="0.3">
      <c r="A23036" s="13" t="s">
        <v>154</v>
      </c>
      <c r="B23036" s="14" t="s">
        <v>1</v>
      </c>
      <c r="C23036" s="14" t="s">
        <v>59</v>
      </c>
      <c r="D23036" s="14" t="s">
        <v>155</v>
      </c>
      <c r="E23036" s="15">
        <v>45417</v>
      </c>
      <c r="F23036" s="14" t="s">
        <v>25</v>
      </c>
      <c r="G23036" s="16">
        <v>0</v>
      </c>
    </row>
    <row r="23037" spans="1:7" x14ac:dyDescent="0.3">
      <c r="A23037" s="13" t="s">
        <v>154</v>
      </c>
      <c r="B23037" s="14" t="s">
        <v>1</v>
      </c>
      <c r="C23037" s="14" t="s">
        <v>59</v>
      </c>
      <c r="D23037" s="14" t="s">
        <v>155</v>
      </c>
      <c r="E23037" s="15">
        <v>45418</v>
      </c>
      <c r="F23037" s="14" t="s">
        <v>25</v>
      </c>
      <c r="G23037" s="16">
        <v>0</v>
      </c>
    </row>
    <row r="23038" spans="1:7" x14ac:dyDescent="0.3">
      <c r="A23038" s="13" t="s">
        <v>154</v>
      </c>
      <c r="B23038" s="14" t="s">
        <v>1</v>
      </c>
      <c r="C23038" s="14" t="s">
        <v>59</v>
      </c>
      <c r="D23038" s="14" t="s">
        <v>155</v>
      </c>
      <c r="E23038" s="15">
        <v>45419</v>
      </c>
      <c r="F23038" s="14" t="s">
        <v>25</v>
      </c>
      <c r="G23038" s="16">
        <v>0</v>
      </c>
    </row>
    <row r="23039" spans="1:7" x14ac:dyDescent="0.3">
      <c r="A23039" s="13" t="s">
        <v>154</v>
      </c>
      <c r="B23039" s="14" t="s">
        <v>1</v>
      </c>
      <c r="C23039" s="14" t="s">
        <v>59</v>
      </c>
      <c r="D23039" s="14" t="s">
        <v>155</v>
      </c>
      <c r="E23039" s="15">
        <v>45420</v>
      </c>
      <c r="F23039" s="14" t="s">
        <v>25</v>
      </c>
      <c r="G23039" s="16">
        <v>0</v>
      </c>
    </row>
    <row r="23040" spans="1:7" x14ac:dyDescent="0.3">
      <c r="A23040" s="13" t="s">
        <v>154</v>
      </c>
      <c r="B23040" s="14" t="s">
        <v>1</v>
      </c>
      <c r="C23040" s="14" t="s">
        <v>59</v>
      </c>
      <c r="D23040" s="14" t="s">
        <v>155</v>
      </c>
      <c r="E23040" s="15">
        <v>45421</v>
      </c>
      <c r="F23040" s="14" t="s">
        <v>25</v>
      </c>
      <c r="G23040" s="16">
        <v>0</v>
      </c>
    </row>
    <row r="23041" spans="1:7" x14ac:dyDescent="0.3">
      <c r="A23041" s="13" t="s">
        <v>154</v>
      </c>
      <c r="B23041" s="14" t="s">
        <v>1</v>
      </c>
      <c r="C23041" s="14" t="s">
        <v>59</v>
      </c>
      <c r="D23041" s="14" t="s">
        <v>155</v>
      </c>
      <c r="E23041" s="15">
        <v>45422</v>
      </c>
      <c r="F23041" s="14" t="s">
        <v>25</v>
      </c>
      <c r="G23041" s="16">
        <v>0</v>
      </c>
    </row>
    <row r="23042" spans="1:7" x14ac:dyDescent="0.3">
      <c r="A23042" s="13" t="s">
        <v>154</v>
      </c>
      <c r="B23042" s="14" t="s">
        <v>1</v>
      </c>
      <c r="C23042" s="14" t="s">
        <v>59</v>
      </c>
      <c r="D23042" s="14" t="s">
        <v>155</v>
      </c>
      <c r="E23042" s="15">
        <v>45423</v>
      </c>
      <c r="F23042" s="14" t="s">
        <v>25</v>
      </c>
      <c r="G23042" s="16">
        <v>0</v>
      </c>
    </row>
    <row r="23043" spans="1:7" x14ac:dyDescent="0.3">
      <c r="A23043" s="13" t="s">
        <v>154</v>
      </c>
      <c r="B23043" s="14" t="s">
        <v>1</v>
      </c>
      <c r="C23043" s="14" t="s">
        <v>59</v>
      </c>
      <c r="D23043" s="14" t="s">
        <v>155</v>
      </c>
      <c r="E23043" s="15">
        <v>45424</v>
      </c>
      <c r="F23043" s="14" t="s">
        <v>25</v>
      </c>
      <c r="G23043" s="16">
        <v>0</v>
      </c>
    </row>
    <row r="23044" spans="1:7" x14ac:dyDescent="0.3">
      <c r="A23044" s="13" t="s">
        <v>154</v>
      </c>
      <c r="B23044" s="14" t="s">
        <v>1</v>
      </c>
      <c r="C23044" s="14" t="s">
        <v>59</v>
      </c>
      <c r="D23044" s="14" t="s">
        <v>155</v>
      </c>
      <c r="E23044" s="15">
        <v>45425</v>
      </c>
      <c r="F23044" s="14" t="s">
        <v>25</v>
      </c>
      <c r="G23044" s="16">
        <v>0</v>
      </c>
    </row>
    <row r="23045" spans="1:7" x14ac:dyDescent="0.3">
      <c r="A23045" s="13" t="s">
        <v>154</v>
      </c>
      <c r="B23045" s="14" t="s">
        <v>1</v>
      </c>
      <c r="C23045" s="14" t="s">
        <v>59</v>
      </c>
      <c r="D23045" s="14" t="s">
        <v>155</v>
      </c>
      <c r="E23045" s="15">
        <v>45426</v>
      </c>
      <c r="F23045" s="14" t="s">
        <v>25</v>
      </c>
      <c r="G23045" s="16">
        <v>0</v>
      </c>
    </row>
    <row r="23046" spans="1:7" x14ac:dyDescent="0.3">
      <c r="A23046" s="13" t="s">
        <v>154</v>
      </c>
      <c r="B23046" s="14" t="s">
        <v>1</v>
      </c>
      <c r="C23046" s="14" t="s">
        <v>59</v>
      </c>
      <c r="D23046" s="14" t="s">
        <v>155</v>
      </c>
      <c r="E23046" s="15">
        <v>45427</v>
      </c>
      <c r="F23046" s="14" t="s">
        <v>25</v>
      </c>
      <c r="G23046" s="16">
        <v>0</v>
      </c>
    </row>
    <row r="23047" spans="1:7" x14ac:dyDescent="0.3">
      <c r="A23047" s="13" t="s">
        <v>154</v>
      </c>
      <c r="B23047" s="14" t="s">
        <v>1</v>
      </c>
      <c r="C23047" s="14" t="s">
        <v>59</v>
      </c>
      <c r="D23047" s="14" t="s">
        <v>155</v>
      </c>
      <c r="E23047" s="15">
        <v>45428</v>
      </c>
      <c r="F23047" s="14" t="s">
        <v>25</v>
      </c>
      <c r="G23047" s="16">
        <v>0</v>
      </c>
    </row>
    <row r="23048" spans="1:7" x14ac:dyDescent="0.3">
      <c r="A23048" s="13" t="s">
        <v>154</v>
      </c>
      <c r="B23048" s="14" t="s">
        <v>1</v>
      </c>
      <c r="C23048" s="14" t="s">
        <v>59</v>
      </c>
      <c r="D23048" s="14" t="s">
        <v>155</v>
      </c>
      <c r="E23048" s="15">
        <v>45429</v>
      </c>
      <c r="F23048" s="14" t="s">
        <v>25</v>
      </c>
      <c r="G23048" s="16">
        <v>0</v>
      </c>
    </row>
    <row r="23049" spans="1:7" x14ac:dyDescent="0.3">
      <c r="A23049" s="13" t="s">
        <v>154</v>
      </c>
      <c r="B23049" s="14" t="s">
        <v>1</v>
      </c>
      <c r="C23049" s="14" t="s">
        <v>59</v>
      </c>
      <c r="D23049" s="14" t="s">
        <v>155</v>
      </c>
      <c r="E23049" s="15">
        <v>45430</v>
      </c>
      <c r="F23049" s="14" t="s">
        <v>25</v>
      </c>
      <c r="G23049" s="16">
        <v>0</v>
      </c>
    </row>
    <row r="23050" spans="1:7" x14ac:dyDescent="0.3">
      <c r="A23050" s="13" t="s">
        <v>154</v>
      </c>
      <c r="B23050" s="14" t="s">
        <v>1</v>
      </c>
      <c r="C23050" s="14" t="s">
        <v>59</v>
      </c>
      <c r="D23050" s="14" t="s">
        <v>155</v>
      </c>
      <c r="E23050" s="15">
        <v>45431</v>
      </c>
      <c r="F23050" s="14" t="s">
        <v>25</v>
      </c>
      <c r="G23050" s="16">
        <v>0</v>
      </c>
    </row>
    <row r="23051" spans="1:7" x14ac:dyDescent="0.3">
      <c r="A23051" s="13" t="s">
        <v>154</v>
      </c>
      <c r="B23051" s="14" t="s">
        <v>1</v>
      </c>
      <c r="C23051" s="14" t="s">
        <v>59</v>
      </c>
      <c r="D23051" s="14" t="s">
        <v>155</v>
      </c>
      <c r="E23051" s="15">
        <v>45432</v>
      </c>
      <c r="F23051" s="14" t="s">
        <v>25</v>
      </c>
      <c r="G23051" s="16">
        <v>0</v>
      </c>
    </row>
    <row r="23052" spans="1:7" x14ac:dyDescent="0.3">
      <c r="A23052" s="13" t="s">
        <v>154</v>
      </c>
      <c r="B23052" s="14" t="s">
        <v>1</v>
      </c>
      <c r="C23052" s="14" t="s">
        <v>59</v>
      </c>
      <c r="D23052" s="14" t="s">
        <v>155</v>
      </c>
      <c r="E23052" s="15">
        <v>45433</v>
      </c>
      <c r="F23052" s="14" t="s">
        <v>25</v>
      </c>
      <c r="G23052" s="16">
        <v>0</v>
      </c>
    </row>
    <row r="23053" spans="1:7" x14ac:dyDescent="0.3">
      <c r="A23053" s="13" t="s">
        <v>154</v>
      </c>
      <c r="B23053" s="14" t="s">
        <v>1</v>
      </c>
      <c r="C23053" s="14" t="s">
        <v>59</v>
      </c>
      <c r="D23053" s="14" t="s">
        <v>155</v>
      </c>
      <c r="E23053" s="15">
        <v>45434</v>
      </c>
      <c r="F23053" s="14" t="s">
        <v>25</v>
      </c>
      <c r="G23053" s="16">
        <v>0</v>
      </c>
    </row>
    <row r="23054" spans="1:7" x14ac:dyDescent="0.3">
      <c r="A23054" s="13" t="s">
        <v>154</v>
      </c>
      <c r="B23054" s="14" t="s">
        <v>1</v>
      </c>
      <c r="C23054" s="14" t="s">
        <v>59</v>
      </c>
      <c r="D23054" s="14" t="s">
        <v>155</v>
      </c>
      <c r="E23054" s="15">
        <v>45435</v>
      </c>
      <c r="F23054" s="14" t="s">
        <v>25</v>
      </c>
      <c r="G23054" s="16">
        <v>0</v>
      </c>
    </row>
    <row r="23055" spans="1:7" x14ac:dyDescent="0.3">
      <c r="A23055" s="13" t="s">
        <v>154</v>
      </c>
      <c r="B23055" s="14" t="s">
        <v>1</v>
      </c>
      <c r="C23055" s="14" t="s">
        <v>59</v>
      </c>
      <c r="D23055" s="14" t="s">
        <v>155</v>
      </c>
      <c r="E23055" s="15">
        <v>45436</v>
      </c>
      <c r="F23055" s="14" t="s">
        <v>25</v>
      </c>
      <c r="G23055" s="16">
        <v>0</v>
      </c>
    </row>
    <row r="23056" spans="1:7" x14ac:dyDescent="0.3">
      <c r="A23056" s="13" t="s">
        <v>154</v>
      </c>
      <c r="B23056" s="14" t="s">
        <v>1</v>
      </c>
      <c r="C23056" s="14" t="s">
        <v>59</v>
      </c>
      <c r="D23056" s="14" t="s">
        <v>155</v>
      </c>
      <c r="E23056" s="15">
        <v>45437</v>
      </c>
      <c r="F23056" s="14" t="s">
        <v>25</v>
      </c>
      <c r="G23056" s="16">
        <v>0</v>
      </c>
    </row>
    <row r="23057" spans="1:7" x14ac:dyDescent="0.3">
      <c r="A23057" s="13" t="s">
        <v>154</v>
      </c>
      <c r="B23057" s="14" t="s">
        <v>1</v>
      </c>
      <c r="C23057" s="14" t="s">
        <v>59</v>
      </c>
      <c r="D23057" s="14" t="s">
        <v>155</v>
      </c>
      <c r="E23057" s="15">
        <v>45438</v>
      </c>
      <c r="F23057" s="14" t="s">
        <v>25</v>
      </c>
      <c r="G23057" s="16">
        <v>0</v>
      </c>
    </row>
    <row r="23058" spans="1:7" x14ac:dyDescent="0.3">
      <c r="A23058" s="13" t="s">
        <v>154</v>
      </c>
      <c r="B23058" s="14" t="s">
        <v>1</v>
      </c>
      <c r="C23058" s="14" t="s">
        <v>59</v>
      </c>
      <c r="D23058" s="14" t="s">
        <v>155</v>
      </c>
      <c r="E23058" s="15">
        <v>45439</v>
      </c>
      <c r="F23058" s="14" t="s">
        <v>25</v>
      </c>
      <c r="G23058" s="16">
        <v>0</v>
      </c>
    </row>
    <row r="23059" spans="1:7" x14ac:dyDescent="0.3">
      <c r="A23059" s="13" t="s">
        <v>154</v>
      </c>
      <c r="B23059" s="14" t="s">
        <v>1</v>
      </c>
      <c r="C23059" s="14" t="s">
        <v>59</v>
      </c>
      <c r="D23059" s="14" t="s">
        <v>155</v>
      </c>
      <c r="E23059" s="15">
        <v>45440</v>
      </c>
      <c r="F23059" s="14" t="s">
        <v>25</v>
      </c>
      <c r="G23059" s="16">
        <v>0</v>
      </c>
    </row>
    <row r="23060" spans="1:7" x14ac:dyDescent="0.3">
      <c r="A23060" s="13" t="s">
        <v>154</v>
      </c>
      <c r="B23060" s="14" t="s">
        <v>1</v>
      </c>
      <c r="C23060" s="14" t="s">
        <v>59</v>
      </c>
      <c r="D23060" s="14" t="s">
        <v>155</v>
      </c>
      <c r="E23060" s="15">
        <v>45441</v>
      </c>
      <c r="F23060" s="14" t="s">
        <v>25</v>
      </c>
      <c r="G23060" s="16">
        <v>0</v>
      </c>
    </row>
    <row r="23061" spans="1:7" x14ac:dyDescent="0.3">
      <c r="A23061" s="13" t="s">
        <v>154</v>
      </c>
      <c r="B23061" s="14" t="s">
        <v>1</v>
      </c>
      <c r="C23061" s="14" t="s">
        <v>59</v>
      </c>
      <c r="D23061" s="14" t="s">
        <v>155</v>
      </c>
      <c r="E23061" s="15">
        <v>45442</v>
      </c>
      <c r="F23061" s="14" t="s">
        <v>25</v>
      </c>
      <c r="G23061" s="16">
        <v>0</v>
      </c>
    </row>
    <row r="23062" spans="1:7" x14ac:dyDescent="0.3">
      <c r="A23062" s="13" t="s">
        <v>154</v>
      </c>
      <c r="B23062" s="14" t="s">
        <v>1</v>
      </c>
      <c r="C23062" s="14" t="s">
        <v>59</v>
      </c>
      <c r="D23062" s="14" t="s">
        <v>155</v>
      </c>
      <c r="E23062" s="15">
        <v>45443</v>
      </c>
      <c r="F23062" s="14" t="s">
        <v>25</v>
      </c>
      <c r="G23062" s="16">
        <v>0</v>
      </c>
    </row>
    <row r="23063" spans="1:7" x14ac:dyDescent="0.3">
      <c r="A23063" s="13" t="s">
        <v>154</v>
      </c>
      <c r="B23063" s="14" t="s">
        <v>1</v>
      </c>
      <c r="C23063" s="14" t="s">
        <v>59</v>
      </c>
      <c r="D23063" s="14" t="s">
        <v>155</v>
      </c>
      <c r="E23063" s="15">
        <v>45444</v>
      </c>
      <c r="F23063" s="14" t="s">
        <v>25</v>
      </c>
      <c r="G23063" s="16">
        <v>0</v>
      </c>
    </row>
    <row r="23064" spans="1:7" x14ac:dyDescent="0.3">
      <c r="A23064" s="13" t="s">
        <v>154</v>
      </c>
      <c r="B23064" s="14" t="s">
        <v>1</v>
      </c>
      <c r="C23064" s="14" t="s">
        <v>59</v>
      </c>
      <c r="D23064" s="14" t="s">
        <v>155</v>
      </c>
      <c r="E23064" s="15">
        <v>45445</v>
      </c>
      <c r="F23064" s="14" t="s">
        <v>25</v>
      </c>
      <c r="G23064" s="16">
        <v>0</v>
      </c>
    </row>
    <row r="23065" spans="1:7" x14ac:dyDescent="0.3">
      <c r="A23065" s="13" t="s">
        <v>154</v>
      </c>
      <c r="B23065" s="14" t="s">
        <v>1</v>
      </c>
      <c r="C23065" s="14" t="s">
        <v>59</v>
      </c>
      <c r="D23065" s="14" t="s">
        <v>155</v>
      </c>
      <c r="E23065" s="15">
        <v>45446</v>
      </c>
      <c r="F23065" s="14" t="s">
        <v>25</v>
      </c>
      <c r="G23065" s="16">
        <v>0</v>
      </c>
    </row>
    <row r="23066" spans="1:7" x14ac:dyDescent="0.3">
      <c r="A23066" s="13" t="s">
        <v>154</v>
      </c>
      <c r="B23066" s="14" t="s">
        <v>1</v>
      </c>
      <c r="C23066" s="14" t="s">
        <v>59</v>
      </c>
      <c r="D23066" s="14" t="s">
        <v>155</v>
      </c>
      <c r="E23066" s="15">
        <v>45447</v>
      </c>
      <c r="F23066" s="14" t="s">
        <v>25</v>
      </c>
      <c r="G23066" s="16">
        <v>0</v>
      </c>
    </row>
    <row r="23067" spans="1:7" x14ac:dyDescent="0.3">
      <c r="A23067" s="13" t="s">
        <v>154</v>
      </c>
      <c r="B23067" s="14" t="s">
        <v>1</v>
      </c>
      <c r="C23067" s="14" t="s">
        <v>59</v>
      </c>
      <c r="D23067" s="14" t="s">
        <v>155</v>
      </c>
      <c r="E23067" s="15">
        <v>45448</v>
      </c>
      <c r="F23067" s="14" t="s">
        <v>25</v>
      </c>
      <c r="G23067" s="16">
        <v>0</v>
      </c>
    </row>
    <row r="23068" spans="1:7" x14ac:dyDescent="0.3">
      <c r="A23068" s="13" t="s">
        <v>154</v>
      </c>
      <c r="B23068" s="14" t="s">
        <v>1</v>
      </c>
      <c r="C23068" s="14" t="s">
        <v>59</v>
      </c>
      <c r="D23068" s="14" t="s">
        <v>155</v>
      </c>
      <c r="E23068" s="15">
        <v>45449</v>
      </c>
      <c r="F23068" s="14" t="s">
        <v>25</v>
      </c>
      <c r="G23068" s="16">
        <v>0</v>
      </c>
    </row>
    <row r="23069" spans="1:7" x14ac:dyDescent="0.3">
      <c r="A23069" s="13" t="s">
        <v>154</v>
      </c>
      <c r="B23069" s="14" t="s">
        <v>1</v>
      </c>
      <c r="C23069" s="14" t="s">
        <v>59</v>
      </c>
      <c r="D23069" s="14" t="s">
        <v>155</v>
      </c>
      <c r="E23069" s="15">
        <v>45450</v>
      </c>
      <c r="F23069" s="14" t="s">
        <v>25</v>
      </c>
      <c r="G23069" s="16">
        <v>0</v>
      </c>
    </row>
    <row r="23070" spans="1:7" x14ac:dyDescent="0.3">
      <c r="A23070" s="13" t="s">
        <v>154</v>
      </c>
      <c r="B23070" s="14" t="s">
        <v>1</v>
      </c>
      <c r="C23070" s="14" t="s">
        <v>59</v>
      </c>
      <c r="D23070" s="14" t="s">
        <v>155</v>
      </c>
      <c r="E23070" s="15">
        <v>45451</v>
      </c>
      <c r="F23070" s="14" t="s">
        <v>25</v>
      </c>
      <c r="G23070" s="16">
        <v>0</v>
      </c>
    </row>
    <row r="23071" spans="1:7" x14ac:dyDescent="0.3">
      <c r="A23071" s="13" t="s">
        <v>154</v>
      </c>
      <c r="B23071" s="14" t="s">
        <v>1</v>
      </c>
      <c r="C23071" s="14" t="s">
        <v>59</v>
      </c>
      <c r="D23071" s="14" t="s">
        <v>155</v>
      </c>
      <c r="E23071" s="15">
        <v>45452</v>
      </c>
      <c r="F23071" s="14" t="s">
        <v>25</v>
      </c>
      <c r="G23071" s="16">
        <v>0</v>
      </c>
    </row>
    <row r="23072" spans="1:7" x14ac:dyDescent="0.3">
      <c r="A23072" s="13" t="s">
        <v>154</v>
      </c>
      <c r="B23072" s="14" t="s">
        <v>1</v>
      </c>
      <c r="C23072" s="14" t="s">
        <v>59</v>
      </c>
      <c r="D23072" s="14" t="s">
        <v>155</v>
      </c>
      <c r="E23072" s="15">
        <v>45453</v>
      </c>
      <c r="F23072" s="14" t="s">
        <v>25</v>
      </c>
      <c r="G23072" s="16">
        <v>0</v>
      </c>
    </row>
    <row r="23073" spans="1:7" x14ac:dyDescent="0.3">
      <c r="A23073" s="13" t="s">
        <v>154</v>
      </c>
      <c r="B23073" s="14" t="s">
        <v>1</v>
      </c>
      <c r="C23073" s="14" t="s">
        <v>59</v>
      </c>
      <c r="D23073" s="14" t="s">
        <v>155</v>
      </c>
      <c r="E23073" s="15">
        <v>45454</v>
      </c>
      <c r="F23073" s="14" t="s">
        <v>25</v>
      </c>
      <c r="G23073" s="16">
        <v>0</v>
      </c>
    </row>
    <row r="23074" spans="1:7" x14ac:dyDescent="0.3">
      <c r="A23074" s="13" t="s">
        <v>154</v>
      </c>
      <c r="B23074" s="14" t="s">
        <v>1</v>
      </c>
      <c r="C23074" s="14" t="s">
        <v>59</v>
      </c>
      <c r="D23074" s="14" t="s">
        <v>155</v>
      </c>
      <c r="E23074" s="15">
        <v>45455</v>
      </c>
      <c r="F23074" s="14" t="s">
        <v>25</v>
      </c>
      <c r="G23074" s="16">
        <v>0</v>
      </c>
    </row>
    <row r="23075" spans="1:7" x14ac:dyDescent="0.3">
      <c r="A23075" s="13" t="s">
        <v>154</v>
      </c>
      <c r="B23075" s="14" t="s">
        <v>1</v>
      </c>
      <c r="C23075" s="14" t="s">
        <v>59</v>
      </c>
      <c r="D23075" s="14" t="s">
        <v>155</v>
      </c>
      <c r="E23075" s="15">
        <v>45456</v>
      </c>
      <c r="F23075" s="14" t="s">
        <v>25</v>
      </c>
      <c r="G23075" s="16">
        <v>0</v>
      </c>
    </row>
    <row r="23076" spans="1:7" x14ac:dyDescent="0.3">
      <c r="A23076" s="13" t="s">
        <v>154</v>
      </c>
      <c r="B23076" s="14" t="s">
        <v>1</v>
      </c>
      <c r="C23076" s="14" t="s">
        <v>59</v>
      </c>
      <c r="D23076" s="14" t="s">
        <v>155</v>
      </c>
      <c r="E23076" s="15">
        <v>45457</v>
      </c>
      <c r="F23076" s="14" t="s">
        <v>25</v>
      </c>
      <c r="G23076" s="16">
        <v>0</v>
      </c>
    </row>
    <row r="23077" spans="1:7" x14ac:dyDescent="0.3">
      <c r="A23077" s="13" t="s">
        <v>154</v>
      </c>
      <c r="B23077" s="14" t="s">
        <v>1</v>
      </c>
      <c r="C23077" s="14" t="s">
        <v>59</v>
      </c>
      <c r="D23077" s="14" t="s">
        <v>155</v>
      </c>
      <c r="E23077" s="15">
        <v>45458</v>
      </c>
      <c r="F23077" s="14" t="s">
        <v>25</v>
      </c>
      <c r="G23077" s="16">
        <v>0</v>
      </c>
    </row>
    <row r="23078" spans="1:7" x14ac:dyDescent="0.3">
      <c r="A23078" s="13" t="s">
        <v>154</v>
      </c>
      <c r="B23078" s="14" t="s">
        <v>1</v>
      </c>
      <c r="C23078" s="14" t="s">
        <v>59</v>
      </c>
      <c r="D23078" s="14" t="s">
        <v>155</v>
      </c>
      <c r="E23078" s="15">
        <v>45459</v>
      </c>
      <c r="F23078" s="14" t="s">
        <v>25</v>
      </c>
      <c r="G23078" s="16">
        <v>0</v>
      </c>
    </row>
    <row r="23079" spans="1:7" x14ac:dyDescent="0.3">
      <c r="A23079" s="13" t="s">
        <v>154</v>
      </c>
      <c r="B23079" s="14" t="s">
        <v>1</v>
      </c>
      <c r="C23079" s="14" t="s">
        <v>59</v>
      </c>
      <c r="D23079" s="14" t="s">
        <v>155</v>
      </c>
      <c r="E23079" s="15">
        <v>45460</v>
      </c>
      <c r="F23079" s="14" t="s">
        <v>25</v>
      </c>
      <c r="G23079" s="16">
        <v>0</v>
      </c>
    </row>
    <row r="23080" spans="1:7" x14ac:dyDescent="0.3">
      <c r="A23080" s="13" t="s">
        <v>154</v>
      </c>
      <c r="B23080" s="14" t="s">
        <v>1</v>
      </c>
      <c r="C23080" s="14" t="s">
        <v>59</v>
      </c>
      <c r="D23080" s="14" t="s">
        <v>155</v>
      </c>
      <c r="E23080" s="15">
        <v>45461</v>
      </c>
      <c r="F23080" s="14" t="s">
        <v>25</v>
      </c>
      <c r="G23080" s="16">
        <v>0</v>
      </c>
    </row>
    <row r="23081" spans="1:7" x14ac:dyDescent="0.3">
      <c r="A23081" s="13" t="s">
        <v>154</v>
      </c>
      <c r="B23081" s="14" t="s">
        <v>1</v>
      </c>
      <c r="C23081" s="14" t="s">
        <v>59</v>
      </c>
      <c r="D23081" s="14" t="s">
        <v>155</v>
      </c>
      <c r="E23081" s="15">
        <v>45462</v>
      </c>
      <c r="F23081" s="14" t="s">
        <v>25</v>
      </c>
      <c r="G23081" s="16">
        <v>0</v>
      </c>
    </row>
    <row r="23082" spans="1:7" x14ac:dyDescent="0.3">
      <c r="A23082" s="13" t="s">
        <v>154</v>
      </c>
      <c r="B23082" s="14" t="s">
        <v>1</v>
      </c>
      <c r="C23082" s="14" t="s">
        <v>59</v>
      </c>
      <c r="D23082" s="14" t="s">
        <v>155</v>
      </c>
      <c r="E23082" s="15">
        <v>45463</v>
      </c>
      <c r="F23082" s="14" t="s">
        <v>25</v>
      </c>
      <c r="G23082" s="16">
        <v>0</v>
      </c>
    </row>
    <row r="23083" spans="1:7" x14ac:dyDescent="0.3">
      <c r="A23083" s="13" t="s">
        <v>154</v>
      </c>
      <c r="B23083" s="14" t="s">
        <v>1</v>
      </c>
      <c r="C23083" s="14" t="s">
        <v>59</v>
      </c>
      <c r="D23083" s="14" t="s">
        <v>155</v>
      </c>
      <c r="E23083" s="15">
        <v>45464</v>
      </c>
      <c r="F23083" s="14" t="s">
        <v>25</v>
      </c>
      <c r="G23083" s="16">
        <v>0</v>
      </c>
    </row>
    <row r="23084" spans="1:7" x14ac:dyDescent="0.3">
      <c r="A23084" s="13" t="s">
        <v>154</v>
      </c>
      <c r="B23084" s="14" t="s">
        <v>1</v>
      </c>
      <c r="C23084" s="14" t="s">
        <v>59</v>
      </c>
      <c r="D23084" s="14" t="s">
        <v>155</v>
      </c>
      <c r="E23084" s="15">
        <v>45465</v>
      </c>
      <c r="F23084" s="14" t="s">
        <v>25</v>
      </c>
      <c r="G23084" s="16">
        <v>0</v>
      </c>
    </row>
    <row r="23085" spans="1:7" x14ac:dyDescent="0.3">
      <c r="A23085" s="13" t="s">
        <v>154</v>
      </c>
      <c r="B23085" s="14" t="s">
        <v>1</v>
      </c>
      <c r="C23085" s="14" t="s">
        <v>59</v>
      </c>
      <c r="D23085" s="14" t="s">
        <v>155</v>
      </c>
      <c r="E23085" s="15">
        <v>45466</v>
      </c>
      <c r="F23085" s="14" t="s">
        <v>25</v>
      </c>
      <c r="G23085" s="16">
        <v>0</v>
      </c>
    </row>
    <row r="23086" spans="1:7" x14ac:dyDescent="0.3">
      <c r="A23086" s="13" t="s">
        <v>154</v>
      </c>
      <c r="B23086" s="14" t="s">
        <v>1</v>
      </c>
      <c r="C23086" s="14" t="s">
        <v>59</v>
      </c>
      <c r="D23086" s="14" t="s">
        <v>155</v>
      </c>
      <c r="E23086" s="15">
        <v>45467</v>
      </c>
      <c r="F23086" s="14" t="s">
        <v>25</v>
      </c>
      <c r="G23086" s="16">
        <v>0</v>
      </c>
    </row>
    <row r="23087" spans="1:7" x14ac:dyDescent="0.3">
      <c r="A23087" s="13" t="s">
        <v>154</v>
      </c>
      <c r="B23087" s="14" t="s">
        <v>1</v>
      </c>
      <c r="C23087" s="14" t="s">
        <v>59</v>
      </c>
      <c r="D23087" s="14" t="s">
        <v>155</v>
      </c>
      <c r="E23087" s="15">
        <v>45468</v>
      </c>
      <c r="F23087" s="14" t="s">
        <v>25</v>
      </c>
      <c r="G23087" s="16">
        <v>0</v>
      </c>
    </row>
    <row r="23088" spans="1:7" x14ac:dyDescent="0.3">
      <c r="A23088" s="13" t="s">
        <v>154</v>
      </c>
      <c r="B23088" s="14" t="s">
        <v>1</v>
      </c>
      <c r="C23088" s="14" t="s">
        <v>59</v>
      </c>
      <c r="D23088" s="14" t="s">
        <v>155</v>
      </c>
      <c r="E23088" s="15">
        <v>45469</v>
      </c>
      <c r="F23088" s="14" t="s">
        <v>25</v>
      </c>
      <c r="G23088" s="16">
        <v>0</v>
      </c>
    </row>
    <row r="23089" spans="1:7" x14ac:dyDescent="0.3">
      <c r="A23089" s="13" t="s">
        <v>154</v>
      </c>
      <c r="B23089" s="14" t="s">
        <v>1</v>
      </c>
      <c r="C23089" s="14" t="s">
        <v>59</v>
      </c>
      <c r="D23089" s="14" t="s">
        <v>155</v>
      </c>
      <c r="E23089" s="15">
        <v>45470</v>
      </c>
      <c r="F23089" s="14" t="s">
        <v>25</v>
      </c>
      <c r="G23089" s="16">
        <v>0</v>
      </c>
    </row>
    <row r="23090" spans="1:7" x14ac:dyDescent="0.3">
      <c r="A23090" s="13" t="s">
        <v>154</v>
      </c>
      <c r="B23090" s="14" t="s">
        <v>1</v>
      </c>
      <c r="C23090" s="14" t="s">
        <v>59</v>
      </c>
      <c r="D23090" s="14" t="s">
        <v>155</v>
      </c>
      <c r="E23090" s="15">
        <v>45471</v>
      </c>
      <c r="F23090" s="14" t="s">
        <v>25</v>
      </c>
      <c r="G23090" s="16">
        <v>0</v>
      </c>
    </row>
    <row r="23091" spans="1:7" x14ac:dyDescent="0.3">
      <c r="A23091" s="13" t="s">
        <v>154</v>
      </c>
      <c r="B23091" s="14" t="s">
        <v>1</v>
      </c>
      <c r="C23091" s="14" t="s">
        <v>59</v>
      </c>
      <c r="D23091" s="14" t="s">
        <v>155</v>
      </c>
      <c r="E23091" s="15">
        <v>45472</v>
      </c>
      <c r="F23091" s="14" t="s">
        <v>25</v>
      </c>
      <c r="G23091" s="16">
        <v>0</v>
      </c>
    </row>
    <row r="23092" spans="1:7" x14ac:dyDescent="0.3">
      <c r="A23092" s="13" t="s">
        <v>154</v>
      </c>
      <c r="B23092" s="14" t="s">
        <v>1</v>
      </c>
      <c r="C23092" s="14" t="s">
        <v>59</v>
      </c>
      <c r="D23092" s="14" t="s">
        <v>155</v>
      </c>
      <c r="E23092" s="15">
        <v>45473</v>
      </c>
      <c r="F23092" s="14" t="s">
        <v>25</v>
      </c>
      <c r="G23092" s="16">
        <v>0</v>
      </c>
    </row>
    <row r="23093" spans="1:7" x14ac:dyDescent="0.3">
      <c r="A23093" s="13" t="s">
        <v>154</v>
      </c>
      <c r="B23093" s="14" t="s">
        <v>1</v>
      </c>
      <c r="C23093" s="14" t="s">
        <v>59</v>
      </c>
      <c r="D23093" s="14" t="s">
        <v>155</v>
      </c>
      <c r="E23093" s="15">
        <v>45474</v>
      </c>
      <c r="F23093" s="14" t="s">
        <v>25</v>
      </c>
      <c r="G23093" s="16">
        <v>0</v>
      </c>
    </row>
    <row r="23094" spans="1:7" x14ac:dyDescent="0.3">
      <c r="A23094" s="13" t="s">
        <v>154</v>
      </c>
      <c r="B23094" s="14" t="s">
        <v>1</v>
      </c>
      <c r="C23094" s="14" t="s">
        <v>59</v>
      </c>
      <c r="D23094" s="14" t="s">
        <v>155</v>
      </c>
      <c r="E23094" s="15">
        <v>45475</v>
      </c>
      <c r="F23094" s="14" t="s">
        <v>25</v>
      </c>
      <c r="G23094" s="16">
        <v>0</v>
      </c>
    </row>
    <row r="23095" spans="1:7" x14ac:dyDescent="0.3">
      <c r="A23095" s="13" t="s">
        <v>154</v>
      </c>
      <c r="B23095" s="14" t="s">
        <v>1</v>
      </c>
      <c r="C23095" s="14" t="s">
        <v>59</v>
      </c>
      <c r="D23095" s="14" t="s">
        <v>155</v>
      </c>
      <c r="E23095" s="15">
        <v>45476</v>
      </c>
      <c r="F23095" s="14" t="s">
        <v>25</v>
      </c>
      <c r="G23095" s="16">
        <v>0</v>
      </c>
    </row>
    <row r="23096" spans="1:7" x14ac:dyDescent="0.3">
      <c r="A23096" s="13" t="s">
        <v>154</v>
      </c>
      <c r="B23096" s="14" t="s">
        <v>1</v>
      </c>
      <c r="C23096" s="14" t="s">
        <v>59</v>
      </c>
      <c r="D23096" s="14" t="s">
        <v>155</v>
      </c>
      <c r="E23096" s="15">
        <v>45477</v>
      </c>
      <c r="F23096" s="14" t="s">
        <v>25</v>
      </c>
      <c r="G23096" s="16">
        <v>0</v>
      </c>
    </row>
    <row r="23097" spans="1:7" x14ac:dyDescent="0.3">
      <c r="A23097" s="13" t="s">
        <v>154</v>
      </c>
      <c r="B23097" s="14" t="s">
        <v>1</v>
      </c>
      <c r="C23097" s="14" t="s">
        <v>59</v>
      </c>
      <c r="D23097" s="14" t="s">
        <v>155</v>
      </c>
      <c r="E23097" s="15">
        <v>45478</v>
      </c>
      <c r="F23097" s="14" t="s">
        <v>25</v>
      </c>
      <c r="G23097" s="16">
        <v>0</v>
      </c>
    </row>
    <row r="23098" spans="1:7" x14ac:dyDescent="0.3">
      <c r="A23098" s="13" t="s">
        <v>154</v>
      </c>
      <c r="B23098" s="14" t="s">
        <v>1</v>
      </c>
      <c r="C23098" s="14" t="s">
        <v>59</v>
      </c>
      <c r="D23098" s="14" t="s">
        <v>155</v>
      </c>
      <c r="E23098" s="15">
        <v>45479</v>
      </c>
      <c r="F23098" s="14" t="s">
        <v>25</v>
      </c>
      <c r="G23098" s="16">
        <v>0</v>
      </c>
    </row>
    <row r="23099" spans="1:7" x14ac:dyDescent="0.3">
      <c r="A23099" s="13" t="s">
        <v>154</v>
      </c>
      <c r="B23099" s="14" t="s">
        <v>1</v>
      </c>
      <c r="C23099" s="14" t="s">
        <v>59</v>
      </c>
      <c r="D23099" s="14" t="s">
        <v>155</v>
      </c>
      <c r="E23099" s="15">
        <v>45480</v>
      </c>
      <c r="F23099" s="14" t="s">
        <v>25</v>
      </c>
      <c r="G23099" s="16">
        <v>0</v>
      </c>
    </row>
    <row r="23100" spans="1:7" x14ac:dyDescent="0.3">
      <c r="A23100" s="13" t="s">
        <v>154</v>
      </c>
      <c r="B23100" s="14" t="s">
        <v>1</v>
      </c>
      <c r="C23100" s="14" t="s">
        <v>59</v>
      </c>
      <c r="D23100" s="14" t="s">
        <v>155</v>
      </c>
      <c r="E23100" s="15">
        <v>45481</v>
      </c>
      <c r="F23100" s="14" t="s">
        <v>25</v>
      </c>
      <c r="G23100" s="16">
        <v>0</v>
      </c>
    </row>
    <row r="23101" spans="1:7" x14ac:dyDescent="0.3">
      <c r="A23101" s="13" t="s">
        <v>154</v>
      </c>
      <c r="B23101" s="14" t="s">
        <v>1</v>
      </c>
      <c r="C23101" s="14" t="s">
        <v>59</v>
      </c>
      <c r="D23101" s="14" t="s">
        <v>155</v>
      </c>
      <c r="E23101" s="15">
        <v>45482</v>
      </c>
      <c r="F23101" s="14" t="s">
        <v>25</v>
      </c>
      <c r="G23101" s="16">
        <v>0</v>
      </c>
    </row>
    <row r="23102" spans="1:7" x14ac:dyDescent="0.3">
      <c r="A23102" s="13" t="s">
        <v>154</v>
      </c>
      <c r="B23102" s="14" t="s">
        <v>1</v>
      </c>
      <c r="C23102" s="14" t="s">
        <v>59</v>
      </c>
      <c r="D23102" s="14" t="s">
        <v>155</v>
      </c>
      <c r="E23102" s="15">
        <v>45483</v>
      </c>
      <c r="F23102" s="14" t="s">
        <v>25</v>
      </c>
      <c r="G23102" s="16">
        <v>0</v>
      </c>
    </row>
    <row r="23103" spans="1:7" x14ac:dyDescent="0.3">
      <c r="A23103" s="13" t="s">
        <v>154</v>
      </c>
      <c r="B23103" s="14" t="s">
        <v>1</v>
      </c>
      <c r="C23103" s="14" t="s">
        <v>59</v>
      </c>
      <c r="D23103" s="14" t="s">
        <v>155</v>
      </c>
      <c r="E23103" s="15">
        <v>45484</v>
      </c>
      <c r="F23103" s="14" t="s">
        <v>25</v>
      </c>
      <c r="G23103" s="16">
        <v>0</v>
      </c>
    </row>
    <row r="23104" spans="1:7" x14ac:dyDescent="0.3">
      <c r="A23104" s="13" t="s">
        <v>154</v>
      </c>
      <c r="B23104" s="14" t="s">
        <v>1</v>
      </c>
      <c r="C23104" s="14" t="s">
        <v>59</v>
      </c>
      <c r="D23104" s="14" t="s">
        <v>155</v>
      </c>
      <c r="E23104" s="15">
        <v>45485</v>
      </c>
      <c r="F23104" s="14" t="s">
        <v>25</v>
      </c>
      <c r="G23104" s="16">
        <v>0</v>
      </c>
    </row>
    <row r="23105" spans="1:7" x14ac:dyDescent="0.3">
      <c r="A23105" s="13" t="s">
        <v>154</v>
      </c>
      <c r="B23105" s="14" t="s">
        <v>1</v>
      </c>
      <c r="C23105" s="14" t="s">
        <v>59</v>
      </c>
      <c r="D23105" s="14" t="s">
        <v>155</v>
      </c>
      <c r="E23105" s="15">
        <v>45486</v>
      </c>
      <c r="F23105" s="14" t="s">
        <v>25</v>
      </c>
      <c r="G23105" s="16">
        <v>0</v>
      </c>
    </row>
    <row r="23106" spans="1:7" x14ac:dyDescent="0.3">
      <c r="A23106" s="13" t="s">
        <v>154</v>
      </c>
      <c r="B23106" s="14" t="s">
        <v>1</v>
      </c>
      <c r="C23106" s="14" t="s">
        <v>59</v>
      </c>
      <c r="D23106" s="14" t="s">
        <v>155</v>
      </c>
      <c r="E23106" s="15">
        <v>45487</v>
      </c>
      <c r="F23106" s="14" t="s">
        <v>25</v>
      </c>
      <c r="G23106" s="16">
        <v>0</v>
      </c>
    </row>
    <row r="23107" spans="1:7" x14ac:dyDescent="0.3">
      <c r="A23107" s="13" t="s">
        <v>154</v>
      </c>
      <c r="B23107" s="14" t="s">
        <v>1</v>
      </c>
      <c r="C23107" s="14" t="s">
        <v>59</v>
      </c>
      <c r="D23107" s="14" t="s">
        <v>155</v>
      </c>
      <c r="E23107" s="15">
        <v>45488</v>
      </c>
      <c r="F23107" s="14" t="s">
        <v>25</v>
      </c>
      <c r="G23107" s="16">
        <v>0</v>
      </c>
    </row>
    <row r="23108" spans="1:7" x14ac:dyDescent="0.3">
      <c r="A23108" s="13" t="s">
        <v>154</v>
      </c>
      <c r="B23108" s="14" t="s">
        <v>1</v>
      </c>
      <c r="C23108" s="14" t="s">
        <v>59</v>
      </c>
      <c r="D23108" s="14" t="s">
        <v>155</v>
      </c>
      <c r="E23108" s="15">
        <v>45489</v>
      </c>
      <c r="F23108" s="14" t="s">
        <v>25</v>
      </c>
      <c r="G23108" s="16">
        <v>0</v>
      </c>
    </row>
    <row r="23109" spans="1:7" x14ac:dyDescent="0.3">
      <c r="A23109" s="13" t="s">
        <v>154</v>
      </c>
      <c r="B23109" s="14" t="s">
        <v>1</v>
      </c>
      <c r="C23109" s="14" t="s">
        <v>59</v>
      </c>
      <c r="D23109" s="14" t="s">
        <v>155</v>
      </c>
      <c r="E23109" s="15">
        <v>45490</v>
      </c>
      <c r="F23109" s="14" t="s">
        <v>25</v>
      </c>
      <c r="G23109" s="16">
        <v>0</v>
      </c>
    </row>
    <row r="23110" spans="1:7" x14ac:dyDescent="0.3">
      <c r="A23110" s="13" t="s">
        <v>154</v>
      </c>
      <c r="B23110" s="14" t="s">
        <v>1</v>
      </c>
      <c r="C23110" s="14" t="s">
        <v>59</v>
      </c>
      <c r="D23110" s="14" t="s">
        <v>155</v>
      </c>
      <c r="E23110" s="15">
        <v>45491</v>
      </c>
      <c r="F23110" s="14" t="s">
        <v>25</v>
      </c>
      <c r="G23110" s="16">
        <v>0</v>
      </c>
    </row>
    <row r="23111" spans="1:7" x14ac:dyDescent="0.3">
      <c r="A23111" s="13" t="s">
        <v>154</v>
      </c>
      <c r="B23111" s="14" t="s">
        <v>1</v>
      </c>
      <c r="C23111" s="14" t="s">
        <v>59</v>
      </c>
      <c r="D23111" s="14" t="s">
        <v>155</v>
      </c>
      <c r="E23111" s="15">
        <v>45492</v>
      </c>
      <c r="F23111" s="14" t="s">
        <v>25</v>
      </c>
      <c r="G23111" s="16">
        <v>0</v>
      </c>
    </row>
    <row r="23112" spans="1:7" x14ac:dyDescent="0.3">
      <c r="A23112" s="13" t="s">
        <v>154</v>
      </c>
      <c r="B23112" s="14" t="s">
        <v>1</v>
      </c>
      <c r="C23112" s="14" t="s">
        <v>59</v>
      </c>
      <c r="D23112" s="14" t="s">
        <v>155</v>
      </c>
      <c r="E23112" s="15">
        <v>45493</v>
      </c>
      <c r="F23112" s="14" t="s">
        <v>25</v>
      </c>
      <c r="G23112" s="16">
        <v>0</v>
      </c>
    </row>
    <row r="23113" spans="1:7" x14ac:dyDescent="0.3">
      <c r="A23113" s="13" t="s">
        <v>154</v>
      </c>
      <c r="B23113" s="14" t="s">
        <v>1</v>
      </c>
      <c r="C23113" s="14" t="s">
        <v>59</v>
      </c>
      <c r="D23113" s="14" t="s">
        <v>155</v>
      </c>
      <c r="E23113" s="15">
        <v>45494</v>
      </c>
      <c r="F23113" s="14" t="s">
        <v>25</v>
      </c>
      <c r="G23113" s="16">
        <v>0</v>
      </c>
    </row>
    <row r="23114" spans="1:7" x14ac:dyDescent="0.3">
      <c r="A23114" s="13" t="s">
        <v>154</v>
      </c>
      <c r="B23114" s="14" t="s">
        <v>1</v>
      </c>
      <c r="C23114" s="14" t="s">
        <v>59</v>
      </c>
      <c r="D23114" s="14" t="s">
        <v>155</v>
      </c>
      <c r="E23114" s="15">
        <v>45495</v>
      </c>
      <c r="F23114" s="14" t="s">
        <v>25</v>
      </c>
      <c r="G23114" s="16">
        <v>0</v>
      </c>
    </row>
    <row r="23115" spans="1:7" x14ac:dyDescent="0.3">
      <c r="A23115" s="13" t="s">
        <v>154</v>
      </c>
      <c r="B23115" s="14" t="s">
        <v>1</v>
      </c>
      <c r="C23115" s="14" t="s">
        <v>59</v>
      </c>
      <c r="D23115" s="14" t="s">
        <v>155</v>
      </c>
      <c r="E23115" s="15">
        <v>45496</v>
      </c>
      <c r="F23115" s="14" t="s">
        <v>25</v>
      </c>
      <c r="G23115" s="16">
        <v>0</v>
      </c>
    </row>
    <row r="23116" spans="1:7" x14ac:dyDescent="0.3">
      <c r="A23116" s="13" t="s">
        <v>154</v>
      </c>
      <c r="B23116" s="14" t="s">
        <v>1</v>
      </c>
      <c r="C23116" s="14" t="s">
        <v>59</v>
      </c>
      <c r="D23116" s="14" t="s">
        <v>155</v>
      </c>
      <c r="E23116" s="15">
        <v>45497</v>
      </c>
      <c r="F23116" s="14" t="s">
        <v>25</v>
      </c>
      <c r="G23116" s="16">
        <v>0</v>
      </c>
    </row>
    <row r="23117" spans="1:7" x14ac:dyDescent="0.3">
      <c r="A23117" s="13" t="s">
        <v>154</v>
      </c>
      <c r="B23117" s="14" t="s">
        <v>1</v>
      </c>
      <c r="C23117" s="14" t="s">
        <v>59</v>
      </c>
      <c r="D23117" s="14" t="s">
        <v>155</v>
      </c>
      <c r="E23117" s="15">
        <v>45498</v>
      </c>
      <c r="F23117" s="14" t="s">
        <v>25</v>
      </c>
      <c r="G23117" s="16">
        <v>0</v>
      </c>
    </row>
    <row r="23118" spans="1:7" x14ac:dyDescent="0.3">
      <c r="A23118" s="13" t="s">
        <v>154</v>
      </c>
      <c r="B23118" s="14" t="s">
        <v>1</v>
      </c>
      <c r="C23118" s="14" t="s">
        <v>59</v>
      </c>
      <c r="D23118" s="14" t="s">
        <v>155</v>
      </c>
      <c r="E23118" s="15">
        <v>45499</v>
      </c>
      <c r="F23118" s="14" t="s">
        <v>25</v>
      </c>
      <c r="G23118" s="16">
        <v>0</v>
      </c>
    </row>
    <row r="23119" spans="1:7" x14ac:dyDescent="0.3">
      <c r="A23119" s="13" t="s">
        <v>154</v>
      </c>
      <c r="B23119" s="14" t="s">
        <v>1</v>
      </c>
      <c r="C23119" s="14" t="s">
        <v>59</v>
      </c>
      <c r="D23119" s="14" t="s">
        <v>155</v>
      </c>
      <c r="E23119" s="15">
        <v>45500</v>
      </c>
      <c r="F23119" s="14" t="s">
        <v>25</v>
      </c>
      <c r="G23119" s="16">
        <v>0</v>
      </c>
    </row>
    <row r="23120" spans="1:7" x14ac:dyDescent="0.3">
      <c r="A23120" s="13" t="s">
        <v>154</v>
      </c>
      <c r="B23120" s="14" t="s">
        <v>1</v>
      </c>
      <c r="C23120" s="14" t="s">
        <v>59</v>
      </c>
      <c r="D23120" s="14" t="s">
        <v>155</v>
      </c>
      <c r="E23120" s="15">
        <v>45501</v>
      </c>
      <c r="F23120" s="14" t="s">
        <v>25</v>
      </c>
      <c r="G23120" s="16">
        <v>0</v>
      </c>
    </row>
    <row r="23121" spans="1:7" x14ac:dyDescent="0.3">
      <c r="A23121" s="13" t="s">
        <v>154</v>
      </c>
      <c r="B23121" s="14" t="s">
        <v>1</v>
      </c>
      <c r="C23121" s="14" t="s">
        <v>59</v>
      </c>
      <c r="D23121" s="14" t="s">
        <v>155</v>
      </c>
      <c r="E23121" s="15">
        <v>45502</v>
      </c>
      <c r="F23121" s="14" t="s">
        <v>25</v>
      </c>
      <c r="G23121" s="16">
        <v>0</v>
      </c>
    </row>
    <row r="23122" spans="1:7" x14ac:dyDescent="0.3">
      <c r="A23122" s="13" t="s">
        <v>154</v>
      </c>
      <c r="B23122" s="14" t="s">
        <v>1</v>
      </c>
      <c r="C23122" s="14" t="s">
        <v>59</v>
      </c>
      <c r="D23122" s="14" t="s">
        <v>155</v>
      </c>
      <c r="E23122" s="15">
        <v>45503</v>
      </c>
      <c r="F23122" s="14" t="s">
        <v>25</v>
      </c>
      <c r="G23122" s="16">
        <v>0</v>
      </c>
    </row>
    <row r="23123" spans="1:7" x14ac:dyDescent="0.3">
      <c r="A23123" s="13" t="s">
        <v>154</v>
      </c>
      <c r="B23123" s="14" t="s">
        <v>1</v>
      </c>
      <c r="C23123" s="14" t="s">
        <v>59</v>
      </c>
      <c r="D23123" s="14" t="s">
        <v>155</v>
      </c>
      <c r="E23123" s="15">
        <v>45504</v>
      </c>
      <c r="F23123" s="14" t="s">
        <v>25</v>
      </c>
      <c r="G23123" s="16">
        <v>0</v>
      </c>
    </row>
    <row r="23124" spans="1:7" x14ac:dyDescent="0.3">
      <c r="A23124" s="13" t="s">
        <v>154</v>
      </c>
      <c r="B23124" s="14" t="s">
        <v>1</v>
      </c>
      <c r="C23124" s="14" t="s">
        <v>59</v>
      </c>
      <c r="D23124" s="14" t="s">
        <v>155</v>
      </c>
      <c r="E23124" s="15">
        <v>45505</v>
      </c>
      <c r="F23124" s="14" t="s">
        <v>25</v>
      </c>
      <c r="G23124" s="16">
        <v>0</v>
      </c>
    </row>
    <row r="23125" spans="1:7" x14ac:dyDescent="0.3">
      <c r="A23125" s="13" t="s">
        <v>154</v>
      </c>
      <c r="B23125" s="14" t="s">
        <v>1</v>
      </c>
      <c r="C23125" s="14" t="s">
        <v>59</v>
      </c>
      <c r="D23125" s="14" t="s">
        <v>155</v>
      </c>
      <c r="E23125" s="15">
        <v>45506</v>
      </c>
      <c r="F23125" s="14" t="s">
        <v>25</v>
      </c>
      <c r="G23125" s="16">
        <v>0</v>
      </c>
    </row>
    <row r="23126" spans="1:7" x14ac:dyDescent="0.3">
      <c r="A23126" s="13" t="s">
        <v>154</v>
      </c>
      <c r="B23126" s="14" t="s">
        <v>1</v>
      </c>
      <c r="C23126" s="14" t="s">
        <v>59</v>
      </c>
      <c r="D23126" s="14" t="s">
        <v>155</v>
      </c>
      <c r="E23126" s="15">
        <v>45507</v>
      </c>
      <c r="F23126" s="14" t="s">
        <v>25</v>
      </c>
      <c r="G23126" s="16">
        <v>0</v>
      </c>
    </row>
    <row r="23127" spans="1:7" x14ac:dyDescent="0.3">
      <c r="A23127" s="13" t="s">
        <v>154</v>
      </c>
      <c r="B23127" s="14" t="s">
        <v>1</v>
      </c>
      <c r="C23127" s="14" t="s">
        <v>59</v>
      </c>
      <c r="D23127" s="14" t="s">
        <v>155</v>
      </c>
      <c r="E23127" s="15">
        <v>45508</v>
      </c>
      <c r="F23127" s="14" t="s">
        <v>25</v>
      </c>
      <c r="G23127" s="16">
        <v>0</v>
      </c>
    </row>
    <row r="23128" spans="1:7" x14ac:dyDescent="0.3">
      <c r="A23128" s="13" t="s">
        <v>154</v>
      </c>
      <c r="B23128" s="14" t="s">
        <v>1</v>
      </c>
      <c r="C23128" s="14" t="s">
        <v>59</v>
      </c>
      <c r="D23128" s="14" t="s">
        <v>155</v>
      </c>
      <c r="E23128" s="15">
        <v>45509</v>
      </c>
      <c r="F23128" s="14" t="s">
        <v>25</v>
      </c>
      <c r="G23128" s="16">
        <v>0</v>
      </c>
    </row>
    <row r="23129" spans="1:7" x14ac:dyDescent="0.3">
      <c r="A23129" s="13" t="s">
        <v>154</v>
      </c>
      <c r="B23129" s="14" t="s">
        <v>1</v>
      </c>
      <c r="C23129" s="14" t="s">
        <v>59</v>
      </c>
      <c r="D23129" s="14" t="s">
        <v>155</v>
      </c>
      <c r="E23129" s="15">
        <v>45510</v>
      </c>
      <c r="F23129" s="14" t="s">
        <v>25</v>
      </c>
      <c r="G23129" s="16">
        <v>0</v>
      </c>
    </row>
    <row r="23130" spans="1:7" x14ac:dyDescent="0.3">
      <c r="A23130" s="13" t="s">
        <v>154</v>
      </c>
      <c r="B23130" s="14" t="s">
        <v>1</v>
      </c>
      <c r="C23130" s="14" t="s">
        <v>59</v>
      </c>
      <c r="D23130" s="14" t="s">
        <v>155</v>
      </c>
      <c r="E23130" s="15">
        <v>45511</v>
      </c>
      <c r="F23130" s="14" t="s">
        <v>25</v>
      </c>
      <c r="G23130" s="16">
        <v>0</v>
      </c>
    </row>
    <row r="23131" spans="1:7" x14ac:dyDescent="0.3">
      <c r="A23131" s="13" t="s">
        <v>154</v>
      </c>
      <c r="B23131" s="14" t="s">
        <v>1</v>
      </c>
      <c r="C23131" s="14" t="s">
        <v>59</v>
      </c>
      <c r="D23131" s="14" t="s">
        <v>155</v>
      </c>
      <c r="E23131" s="15">
        <v>45512</v>
      </c>
      <c r="F23131" s="14" t="s">
        <v>25</v>
      </c>
      <c r="G23131" s="16">
        <v>0</v>
      </c>
    </row>
    <row r="23132" spans="1:7" x14ac:dyDescent="0.3">
      <c r="A23132" s="13" t="s">
        <v>154</v>
      </c>
      <c r="B23132" s="14" t="s">
        <v>1</v>
      </c>
      <c r="C23132" s="14" t="s">
        <v>59</v>
      </c>
      <c r="D23132" s="14" t="s">
        <v>155</v>
      </c>
      <c r="E23132" s="15">
        <v>45513</v>
      </c>
      <c r="F23132" s="14" t="s">
        <v>25</v>
      </c>
      <c r="G23132" s="16">
        <v>0</v>
      </c>
    </row>
    <row r="23133" spans="1:7" x14ac:dyDescent="0.3">
      <c r="A23133" s="13" t="s">
        <v>154</v>
      </c>
      <c r="B23133" s="14" t="s">
        <v>1</v>
      </c>
      <c r="C23133" s="14" t="s">
        <v>59</v>
      </c>
      <c r="D23133" s="14" t="s">
        <v>155</v>
      </c>
      <c r="E23133" s="15">
        <v>45514</v>
      </c>
      <c r="F23133" s="14" t="s">
        <v>25</v>
      </c>
      <c r="G23133" s="16">
        <v>0</v>
      </c>
    </row>
    <row r="23134" spans="1:7" x14ac:dyDescent="0.3">
      <c r="A23134" s="13" t="s">
        <v>154</v>
      </c>
      <c r="B23134" s="14" t="s">
        <v>1</v>
      </c>
      <c r="C23134" s="14" t="s">
        <v>59</v>
      </c>
      <c r="D23134" s="14" t="s">
        <v>155</v>
      </c>
      <c r="E23134" s="15">
        <v>45515</v>
      </c>
      <c r="F23134" s="14" t="s">
        <v>25</v>
      </c>
      <c r="G23134" s="16">
        <v>0</v>
      </c>
    </row>
    <row r="23135" spans="1:7" x14ac:dyDescent="0.3">
      <c r="A23135" s="13" t="s">
        <v>154</v>
      </c>
      <c r="B23135" s="14" t="s">
        <v>1</v>
      </c>
      <c r="C23135" s="14" t="s">
        <v>59</v>
      </c>
      <c r="D23135" s="14" t="s">
        <v>155</v>
      </c>
      <c r="E23135" s="15">
        <v>45516</v>
      </c>
      <c r="F23135" s="14" t="s">
        <v>25</v>
      </c>
      <c r="G23135" s="16">
        <v>0</v>
      </c>
    </row>
    <row r="23136" spans="1:7" x14ac:dyDescent="0.3">
      <c r="A23136" s="13" t="s">
        <v>154</v>
      </c>
      <c r="B23136" s="14" t="s">
        <v>1</v>
      </c>
      <c r="C23136" s="14" t="s">
        <v>59</v>
      </c>
      <c r="D23136" s="14" t="s">
        <v>155</v>
      </c>
      <c r="E23136" s="15">
        <v>45517</v>
      </c>
      <c r="F23136" s="14" t="s">
        <v>25</v>
      </c>
      <c r="G23136" s="16">
        <v>0</v>
      </c>
    </row>
    <row r="23137" spans="1:7" x14ac:dyDescent="0.3">
      <c r="A23137" s="13" t="s">
        <v>154</v>
      </c>
      <c r="B23137" s="14" t="s">
        <v>1</v>
      </c>
      <c r="C23137" s="14" t="s">
        <v>59</v>
      </c>
      <c r="D23137" s="14" t="s">
        <v>155</v>
      </c>
      <c r="E23137" s="15">
        <v>45518</v>
      </c>
      <c r="F23137" s="14" t="s">
        <v>25</v>
      </c>
      <c r="G23137" s="16">
        <v>0</v>
      </c>
    </row>
    <row r="23138" spans="1:7" x14ac:dyDescent="0.3">
      <c r="A23138" s="13" t="s">
        <v>154</v>
      </c>
      <c r="B23138" s="14" t="s">
        <v>1</v>
      </c>
      <c r="C23138" s="14" t="s">
        <v>59</v>
      </c>
      <c r="D23138" s="14" t="s">
        <v>155</v>
      </c>
      <c r="E23138" s="15">
        <v>45519</v>
      </c>
      <c r="F23138" s="14" t="s">
        <v>25</v>
      </c>
      <c r="G23138" s="16">
        <v>0</v>
      </c>
    </row>
    <row r="23139" spans="1:7" x14ac:dyDescent="0.3">
      <c r="A23139" s="13" t="s">
        <v>154</v>
      </c>
      <c r="B23139" s="14" t="s">
        <v>1</v>
      </c>
      <c r="C23139" s="14" t="s">
        <v>59</v>
      </c>
      <c r="D23139" s="14" t="s">
        <v>155</v>
      </c>
      <c r="E23139" s="15">
        <v>45520</v>
      </c>
      <c r="F23139" s="14" t="s">
        <v>25</v>
      </c>
      <c r="G23139" s="16">
        <v>0</v>
      </c>
    </row>
    <row r="23140" spans="1:7" x14ac:dyDescent="0.3">
      <c r="A23140" s="13" t="s">
        <v>154</v>
      </c>
      <c r="B23140" s="14" t="s">
        <v>1</v>
      </c>
      <c r="C23140" s="14" t="s">
        <v>59</v>
      </c>
      <c r="D23140" s="14" t="s">
        <v>155</v>
      </c>
      <c r="E23140" s="15">
        <v>45521</v>
      </c>
      <c r="F23140" s="14" t="s">
        <v>25</v>
      </c>
      <c r="G23140" s="16">
        <v>0</v>
      </c>
    </row>
    <row r="23141" spans="1:7" x14ac:dyDescent="0.3">
      <c r="A23141" s="13" t="s">
        <v>154</v>
      </c>
      <c r="B23141" s="14" t="s">
        <v>1</v>
      </c>
      <c r="C23141" s="14" t="s">
        <v>59</v>
      </c>
      <c r="D23141" s="14" t="s">
        <v>155</v>
      </c>
      <c r="E23141" s="15">
        <v>45522</v>
      </c>
      <c r="F23141" s="14" t="s">
        <v>25</v>
      </c>
      <c r="G23141" s="16">
        <v>0</v>
      </c>
    </row>
    <row r="23142" spans="1:7" x14ac:dyDescent="0.3">
      <c r="A23142" s="13" t="s">
        <v>154</v>
      </c>
      <c r="B23142" s="14" t="s">
        <v>1</v>
      </c>
      <c r="C23142" s="14" t="s">
        <v>59</v>
      </c>
      <c r="D23142" s="14" t="s">
        <v>155</v>
      </c>
      <c r="E23142" s="15">
        <v>45523</v>
      </c>
      <c r="F23142" s="14" t="s">
        <v>25</v>
      </c>
      <c r="G23142" s="16">
        <v>0</v>
      </c>
    </row>
    <row r="23143" spans="1:7" x14ac:dyDescent="0.3">
      <c r="A23143" s="13" t="s">
        <v>154</v>
      </c>
      <c r="B23143" s="14" t="s">
        <v>1</v>
      </c>
      <c r="C23143" s="14" t="s">
        <v>59</v>
      </c>
      <c r="D23143" s="14" t="s">
        <v>155</v>
      </c>
      <c r="E23143" s="15">
        <v>45524</v>
      </c>
      <c r="F23143" s="14" t="s">
        <v>25</v>
      </c>
      <c r="G23143" s="16">
        <v>0</v>
      </c>
    </row>
    <row r="23144" spans="1:7" x14ac:dyDescent="0.3">
      <c r="A23144" s="13" t="s">
        <v>154</v>
      </c>
      <c r="B23144" s="14" t="s">
        <v>1</v>
      </c>
      <c r="C23144" s="14" t="s">
        <v>59</v>
      </c>
      <c r="D23144" s="14" t="s">
        <v>155</v>
      </c>
      <c r="E23144" s="15">
        <v>45525</v>
      </c>
      <c r="F23144" s="14" t="s">
        <v>25</v>
      </c>
      <c r="G23144" s="16">
        <v>0</v>
      </c>
    </row>
    <row r="23145" spans="1:7" x14ac:dyDescent="0.3">
      <c r="A23145" s="13" t="s">
        <v>154</v>
      </c>
      <c r="B23145" s="14" t="s">
        <v>1</v>
      </c>
      <c r="C23145" s="14" t="s">
        <v>59</v>
      </c>
      <c r="D23145" s="14" t="s">
        <v>155</v>
      </c>
      <c r="E23145" s="15">
        <v>45526</v>
      </c>
      <c r="F23145" s="14" t="s">
        <v>25</v>
      </c>
      <c r="G23145" s="16">
        <v>0</v>
      </c>
    </row>
    <row r="23146" spans="1:7" x14ac:dyDescent="0.3">
      <c r="A23146" s="13" t="s">
        <v>154</v>
      </c>
      <c r="B23146" s="14" t="s">
        <v>1</v>
      </c>
      <c r="C23146" s="14" t="s">
        <v>59</v>
      </c>
      <c r="D23146" s="14" t="s">
        <v>155</v>
      </c>
      <c r="E23146" s="15">
        <v>45527</v>
      </c>
      <c r="F23146" s="14" t="s">
        <v>25</v>
      </c>
      <c r="G23146" s="16">
        <v>0</v>
      </c>
    </row>
    <row r="23147" spans="1:7" x14ac:dyDescent="0.3">
      <c r="A23147" s="13" t="s">
        <v>154</v>
      </c>
      <c r="B23147" s="14" t="s">
        <v>1</v>
      </c>
      <c r="C23147" s="14" t="s">
        <v>59</v>
      </c>
      <c r="D23147" s="14" t="s">
        <v>155</v>
      </c>
      <c r="E23147" s="15">
        <v>45528</v>
      </c>
      <c r="F23147" s="14" t="s">
        <v>25</v>
      </c>
      <c r="G23147" s="16">
        <v>0</v>
      </c>
    </row>
    <row r="23148" spans="1:7" x14ac:dyDescent="0.3">
      <c r="A23148" s="13" t="s">
        <v>154</v>
      </c>
      <c r="B23148" s="14" t="s">
        <v>1</v>
      </c>
      <c r="C23148" s="14" t="s">
        <v>59</v>
      </c>
      <c r="D23148" s="14" t="s">
        <v>155</v>
      </c>
      <c r="E23148" s="15">
        <v>45529</v>
      </c>
      <c r="F23148" s="14" t="s">
        <v>25</v>
      </c>
      <c r="G23148" s="16">
        <v>0</v>
      </c>
    </row>
    <row r="23149" spans="1:7" x14ac:dyDescent="0.3">
      <c r="A23149" s="13" t="s">
        <v>154</v>
      </c>
      <c r="B23149" s="14" t="s">
        <v>1</v>
      </c>
      <c r="C23149" s="14" t="s">
        <v>59</v>
      </c>
      <c r="D23149" s="14" t="s">
        <v>155</v>
      </c>
      <c r="E23149" s="15">
        <v>45530</v>
      </c>
      <c r="F23149" s="14" t="s">
        <v>25</v>
      </c>
      <c r="G23149" s="16">
        <v>0</v>
      </c>
    </row>
    <row r="23150" spans="1:7" x14ac:dyDescent="0.3">
      <c r="A23150" s="13" t="s">
        <v>154</v>
      </c>
      <c r="B23150" s="14" t="s">
        <v>1</v>
      </c>
      <c r="C23150" s="14" t="s">
        <v>59</v>
      </c>
      <c r="D23150" s="14" t="s">
        <v>155</v>
      </c>
      <c r="E23150" s="15">
        <v>45531</v>
      </c>
      <c r="F23150" s="14" t="s">
        <v>25</v>
      </c>
      <c r="G23150" s="16">
        <v>0</v>
      </c>
    </row>
    <row r="23151" spans="1:7" x14ac:dyDescent="0.3">
      <c r="A23151" s="13" t="s">
        <v>154</v>
      </c>
      <c r="B23151" s="14" t="s">
        <v>1</v>
      </c>
      <c r="C23151" s="14" t="s">
        <v>59</v>
      </c>
      <c r="D23151" s="14" t="s">
        <v>155</v>
      </c>
      <c r="E23151" s="15">
        <v>45532</v>
      </c>
      <c r="F23151" s="14" t="s">
        <v>25</v>
      </c>
      <c r="G23151" s="16">
        <v>0</v>
      </c>
    </row>
    <row r="23152" spans="1:7" x14ac:dyDescent="0.3">
      <c r="A23152" s="13" t="s">
        <v>154</v>
      </c>
      <c r="B23152" s="14" t="s">
        <v>1</v>
      </c>
      <c r="C23152" s="14" t="s">
        <v>59</v>
      </c>
      <c r="D23152" s="14" t="s">
        <v>155</v>
      </c>
      <c r="E23152" s="15">
        <v>45533</v>
      </c>
      <c r="F23152" s="14" t="s">
        <v>25</v>
      </c>
      <c r="G23152" s="16">
        <v>0</v>
      </c>
    </row>
    <row r="23153" spans="1:7" x14ac:dyDescent="0.3">
      <c r="A23153" s="13" t="s">
        <v>154</v>
      </c>
      <c r="B23153" s="14" t="s">
        <v>1</v>
      </c>
      <c r="C23153" s="14" t="s">
        <v>59</v>
      </c>
      <c r="D23153" s="14" t="s">
        <v>155</v>
      </c>
      <c r="E23153" s="15">
        <v>45534</v>
      </c>
      <c r="F23153" s="14" t="s">
        <v>25</v>
      </c>
      <c r="G23153" s="16">
        <v>0</v>
      </c>
    </row>
    <row r="23154" spans="1:7" x14ac:dyDescent="0.3">
      <c r="A23154" s="13" t="s">
        <v>154</v>
      </c>
      <c r="B23154" s="14" t="s">
        <v>1</v>
      </c>
      <c r="C23154" s="14" t="s">
        <v>59</v>
      </c>
      <c r="D23154" s="14" t="s">
        <v>155</v>
      </c>
      <c r="E23154" s="15">
        <v>45535</v>
      </c>
      <c r="F23154" s="14" t="s">
        <v>25</v>
      </c>
      <c r="G23154" s="16">
        <v>0</v>
      </c>
    </row>
    <row r="23155" spans="1:7" x14ac:dyDescent="0.3">
      <c r="A23155" s="13" t="s">
        <v>154</v>
      </c>
      <c r="B23155" s="14" t="s">
        <v>1</v>
      </c>
      <c r="C23155" s="14" t="s">
        <v>59</v>
      </c>
      <c r="D23155" s="14" t="s">
        <v>155</v>
      </c>
      <c r="E23155" s="15">
        <v>45536</v>
      </c>
      <c r="F23155" s="14" t="s">
        <v>25</v>
      </c>
      <c r="G23155" s="16">
        <v>0</v>
      </c>
    </row>
    <row r="23156" spans="1:7" x14ac:dyDescent="0.3">
      <c r="A23156" s="13" t="s">
        <v>154</v>
      </c>
      <c r="B23156" s="14" t="s">
        <v>1</v>
      </c>
      <c r="C23156" s="14" t="s">
        <v>59</v>
      </c>
      <c r="D23156" s="14" t="s">
        <v>155</v>
      </c>
      <c r="E23156" s="15">
        <v>45537</v>
      </c>
      <c r="F23156" s="14" t="s">
        <v>25</v>
      </c>
      <c r="G23156" s="16">
        <v>0</v>
      </c>
    </row>
    <row r="23157" spans="1:7" x14ac:dyDescent="0.3">
      <c r="A23157" s="13" t="s">
        <v>154</v>
      </c>
      <c r="B23157" s="14" t="s">
        <v>1</v>
      </c>
      <c r="C23157" s="14" t="s">
        <v>59</v>
      </c>
      <c r="D23157" s="14" t="s">
        <v>155</v>
      </c>
      <c r="E23157" s="15">
        <v>45538</v>
      </c>
      <c r="F23157" s="14" t="s">
        <v>25</v>
      </c>
      <c r="G23157" s="16">
        <v>0</v>
      </c>
    </row>
    <row r="23158" spans="1:7" x14ac:dyDescent="0.3">
      <c r="A23158" s="13" t="s">
        <v>154</v>
      </c>
      <c r="B23158" s="14" t="s">
        <v>1</v>
      </c>
      <c r="C23158" s="14" t="s">
        <v>59</v>
      </c>
      <c r="D23158" s="14" t="s">
        <v>155</v>
      </c>
      <c r="E23158" s="15">
        <v>45539</v>
      </c>
      <c r="F23158" s="14" t="s">
        <v>25</v>
      </c>
      <c r="G23158" s="16">
        <v>0</v>
      </c>
    </row>
    <row r="23159" spans="1:7" x14ac:dyDescent="0.3">
      <c r="A23159" s="13" t="s">
        <v>154</v>
      </c>
      <c r="B23159" s="14" t="s">
        <v>1</v>
      </c>
      <c r="C23159" s="14" t="s">
        <v>59</v>
      </c>
      <c r="D23159" s="14" t="s">
        <v>155</v>
      </c>
      <c r="E23159" s="15">
        <v>45540</v>
      </c>
      <c r="F23159" s="14" t="s">
        <v>25</v>
      </c>
      <c r="G23159" s="16">
        <v>0</v>
      </c>
    </row>
    <row r="23160" spans="1:7" x14ac:dyDescent="0.3">
      <c r="A23160" s="13" t="s">
        <v>154</v>
      </c>
      <c r="B23160" s="14" t="s">
        <v>1</v>
      </c>
      <c r="C23160" s="14" t="s">
        <v>59</v>
      </c>
      <c r="D23160" s="14" t="s">
        <v>155</v>
      </c>
      <c r="E23160" s="15">
        <v>45541</v>
      </c>
      <c r="F23160" s="14" t="s">
        <v>25</v>
      </c>
      <c r="G23160" s="16">
        <v>0</v>
      </c>
    </row>
    <row r="23161" spans="1:7" x14ac:dyDescent="0.3">
      <c r="A23161" s="13" t="s">
        <v>154</v>
      </c>
      <c r="B23161" s="14" t="s">
        <v>1</v>
      </c>
      <c r="C23161" s="14" t="s">
        <v>59</v>
      </c>
      <c r="D23161" s="14" t="s">
        <v>155</v>
      </c>
      <c r="E23161" s="15">
        <v>45542</v>
      </c>
      <c r="F23161" s="14" t="s">
        <v>25</v>
      </c>
      <c r="G23161" s="16">
        <v>0</v>
      </c>
    </row>
    <row r="23162" spans="1:7" x14ac:dyDescent="0.3">
      <c r="A23162" s="13" t="s">
        <v>154</v>
      </c>
      <c r="B23162" s="14" t="s">
        <v>1</v>
      </c>
      <c r="C23162" s="14" t="s">
        <v>59</v>
      </c>
      <c r="D23162" s="14" t="s">
        <v>155</v>
      </c>
      <c r="E23162" s="15">
        <v>45543</v>
      </c>
      <c r="F23162" s="14" t="s">
        <v>25</v>
      </c>
      <c r="G23162" s="16">
        <v>0</v>
      </c>
    </row>
    <row r="23163" spans="1:7" x14ac:dyDescent="0.3">
      <c r="A23163" s="13" t="s">
        <v>154</v>
      </c>
      <c r="B23163" s="14" t="s">
        <v>1</v>
      </c>
      <c r="C23163" s="14" t="s">
        <v>59</v>
      </c>
      <c r="D23163" s="14" t="s">
        <v>155</v>
      </c>
      <c r="E23163" s="15">
        <v>45544</v>
      </c>
      <c r="F23163" s="14" t="s">
        <v>25</v>
      </c>
      <c r="G23163" s="16">
        <v>0</v>
      </c>
    </row>
    <row r="23164" spans="1:7" x14ac:dyDescent="0.3">
      <c r="A23164" s="13" t="s">
        <v>154</v>
      </c>
      <c r="B23164" s="14" t="s">
        <v>1</v>
      </c>
      <c r="C23164" s="14" t="s">
        <v>59</v>
      </c>
      <c r="D23164" s="14" t="s">
        <v>155</v>
      </c>
      <c r="E23164" s="15">
        <v>45545</v>
      </c>
      <c r="F23164" s="14" t="s">
        <v>25</v>
      </c>
      <c r="G23164" s="16">
        <v>0</v>
      </c>
    </row>
    <row r="23165" spans="1:7" x14ac:dyDescent="0.3">
      <c r="A23165" s="13" t="s">
        <v>154</v>
      </c>
      <c r="B23165" s="14" t="s">
        <v>1</v>
      </c>
      <c r="C23165" s="14" t="s">
        <v>59</v>
      </c>
      <c r="D23165" s="14" t="s">
        <v>155</v>
      </c>
      <c r="E23165" s="15">
        <v>45546</v>
      </c>
      <c r="F23165" s="14" t="s">
        <v>25</v>
      </c>
      <c r="G23165" s="16">
        <v>0</v>
      </c>
    </row>
    <row r="23166" spans="1:7" x14ac:dyDescent="0.3">
      <c r="A23166" s="13" t="s">
        <v>154</v>
      </c>
      <c r="B23166" s="14" t="s">
        <v>1</v>
      </c>
      <c r="C23166" s="14" t="s">
        <v>59</v>
      </c>
      <c r="D23166" s="14" t="s">
        <v>155</v>
      </c>
      <c r="E23166" s="15">
        <v>45547</v>
      </c>
      <c r="F23166" s="14" t="s">
        <v>25</v>
      </c>
      <c r="G23166" s="16">
        <v>0</v>
      </c>
    </row>
    <row r="23167" spans="1:7" x14ac:dyDescent="0.3">
      <c r="A23167" s="13" t="s">
        <v>154</v>
      </c>
      <c r="B23167" s="14" t="s">
        <v>1</v>
      </c>
      <c r="C23167" s="14" t="s">
        <v>59</v>
      </c>
      <c r="D23167" s="14" t="s">
        <v>155</v>
      </c>
      <c r="E23167" s="15">
        <v>45548</v>
      </c>
      <c r="F23167" s="14" t="s">
        <v>25</v>
      </c>
      <c r="G23167" s="16">
        <v>0</v>
      </c>
    </row>
    <row r="23168" spans="1:7" x14ac:dyDescent="0.3">
      <c r="A23168" s="13" t="s">
        <v>154</v>
      </c>
      <c r="B23168" s="14" t="s">
        <v>1</v>
      </c>
      <c r="C23168" s="14" t="s">
        <v>59</v>
      </c>
      <c r="D23168" s="14" t="s">
        <v>155</v>
      </c>
      <c r="E23168" s="15">
        <v>45549</v>
      </c>
      <c r="F23168" s="14" t="s">
        <v>25</v>
      </c>
      <c r="G23168" s="16">
        <v>0</v>
      </c>
    </row>
    <row r="23169" spans="1:7" x14ac:dyDescent="0.3">
      <c r="A23169" s="13" t="s">
        <v>154</v>
      </c>
      <c r="B23169" s="14" t="s">
        <v>1</v>
      </c>
      <c r="C23169" s="14" t="s">
        <v>59</v>
      </c>
      <c r="D23169" s="14" t="s">
        <v>155</v>
      </c>
      <c r="E23169" s="15">
        <v>45550</v>
      </c>
      <c r="F23169" s="14" t="s">
        <v>25</v>
      </c>
      <c r="G23169" s="16">
        <v>0</v>
      </c>
    </row>
    <row r="23170" spans="1:7" x14ac:dyDescent="0.3">
      <c r="A23170" s="13" t="s">
        <v>154</v>
      </c>
      <c r="B23170" s="14" t="s">
        <v>1</v>
      </c>
      <c r="C23170" s="14" t="s">
        <v>59</v>
      </c>
      <c r="D23170" s="14" t="s">
        <v>155</v>
      </c>
      <c r="E23170" s="15">
        <v>45551</v>
      </c>
      <c r="F23170" s="14" t="s">
        <v>25</v>
      </c>
      <c r="G23170" s="16">
        <v>0</v>
      </c>
    </row>
    <row r="23171" spans="1:7" x14ac:dyDescent="0.3">
      <c r="A23171" s="13" t="s">
        <v>154</v>
      </c>
      <c r="B23171" s="14" t="s">
        <v>1</v>
      </c>
      <c r="C23171" s="14" t="s">
        <v>59</v>
      </c>
      <c r="D23171" s="14" t="s">
        <v>155</v>
      </c>
      <c r="E23171" s="15">
        <v>45552</v>
      </c>
      <c r="F23171" s="14" t="s">
        <v>25</v>
      </c>
      <c r="G23171" s="16">
        <v>0</v>
      </c>
    </row>
    <row r="23172" spans="1:7" x14ac:dyDescent="0.3">
      <c r="A23172" s="13" t="s">
        <v>154</v>
      </c>
      <c r="B23172" s="14" t="s">
        <v>1</v>
      </c>
      <c r="C23172" s="14" t="s">
        <v>59</v>
      </c>
      <c r="D23172" s="14" t="s">
        <v>155</v>
      </c>
      <c r="E23172" s="15">
        <v>45553</v>
      </c>
      <c r="F23172" s="14" t="s">
        <v>25</v>
      </c>
      <c r="G23172" s="16">
        <v>0</v>
      </c>
    </row>
    <row r="23173" spans="1:7" x14ac:dyDescent="0.3">
      <c r="A23173" s="13" t="s">
        <v>154</v>
      </c>
      <c r="B23173" s="14" t="s">
        <v>1</v>
      </c>
      <c r="C23173" s="14" t="s">
        <v>59</v>
      </c>
      <c r="D23173" s="14" t="s">
        <v>155</v>
      </c>
      <c r="E23173" s="15">
        <v>45554</v>
      </c>
      <c r="F23173" s="14" t="s">
        <v>25</v>
      </c>
      <c r="G23173" s="16">
        <v>0</v>
      </c>
    </row>
    <row r="23174" spans="1:7" x14ac:dyDescent="0.3">
      <c r="A23174" s="13" t="s">
        <v>154</v>
      </c>
      <c r="B23174" s="14" t="s">
        <v>1</v>
      </c>
      <c r="C23174" s="14" t="s">
        <v>59</v>
      </c>
      <c r="D23174" s="14" t="s">
        <v>155</v>
      </c>
      <c r="E23174" s="15">
        <v>45555</v>
      </c>
      <c r="F23174" s="14" t="s">
        <v>25</v>
      </c>
      <c r="G23174" s="16">
        <v>0</v>
      </c>
    </row>
    <row r="23175" spans="1:7" x14ac:dyDescent="0.3">
      <c r="A23175" s="13" t="s">
        <v>154</v>
      </c>
      <c r="B23175" s="14" t="s">
        <v>1</v>
      </c>
      <c r="C23175" s="14" t="s">
        <v>59</v>
      </c>
      <c r="D23175" s="14" t="s">
        <v>155</v>
      </c>
      <c r="E23175" s="15">
        <v>45556</v>
      </c>
      <c r="F23175" s="14" t="s">
        <v>25</v>
      </c>
      <c r="G23175" s="16">
        <v>0</v>
      </c>
    </row>
    <row r="23176" spans="1:7" x14ac:dyDescent="0.3">
      <c r="A23176" s="13" t="s">
        <v>154</v>
      </c>
      <c r="B23176" s="14" t="s">
        <v>1</v>
      </c>
      <c r="C23176" s="14" t="s">
        <v>59</v>
      </c>
      <c r="D23176" s="14" t="s">
        <v>155</v>
      </c>
      <c r="E23176" s="15">
        <v>45557</v>
      </c>
      <c r="F23176" s="14" t="s">
        <v>25</v>
      </c>
      <c r="G23176" s="16">
        <v>0</v>
      </c>
    </row>
    <row r="23177" spans="1:7" x14ac:dyDescent="0.3">
      <c r="A23177" s="13" t="s">
        <v>154</v>
      </c>
      <c r="B23177" s="14" t="s">
        <v>1</v>
      </c>
      <c r="C23177" s="14" t="s">
        <v>59</v>
      </c>
      <c r="D23177" s="14" t="s">
        <v>155</v>
      </c>
      <c r="E23177" s="15">
        <v>45558</v>
      </c>
      <c r="F23177" s="14" t="s">
        <v>25</v>
      </c>
      <c r="G23177" s="16">
        <v>0</v>
      </c>
    </row>
    <row r="23178" spans="1:7" x14ac:dyDescent="0.3">
      <c r="A23178" s="13" t="s">
        <v>154</v>
      </c>
      <c r="B23178" s="14" t="s">
        <v>1</v>
      </c>
      <c r="C23178" s="14" t="s">
        <v>59</v>
      </c>
      <c r="D23178" s="14" t="s">
        <v>155</v>
      </c>
      <c r="E23178" s="15">
        <v>45559</v>
      </c>
      <c r="F23178" s="14" t="s">
        <v>25</v>
      </c>
      <c r="G23178" s="16">
        <v>0</v>
      </c>
    </row>
    <row r="23179" spans="1:7" x14ac:dyDescent="0.3">
      <c r="A23179" s="13" t="s">
        <v>154</v>
      </c>
      <c r="B23179" s="14" t="s">
        <v>1</v>
      </c>
      <c r="C23179" s="14" t="s">
        <v>59</v>
      </c>
      <c r="D23179" s="14" t="s">
        <v>155</v>
      </c>
      <c r="E23179" s="15">
        <v>45560</v>
      </c>
      <c r="F23179" s="14" t="s">
        <v>25</v>
      </c>
      <c r="G23179" s="16">
        <v>0</v>
      </c>
    </row>
    <row r="23180" spans="1:7" x14ac:dyDescent="0.3">
      <c r="A23180" s="13" t="s">
        <v>154</v>
      </c>
      <c r="B23180" s="14" t="s">
        <v>1</v>
      </c>
      <c r="C23180" s="14" t="s">
        <v>59</v>
      </c>
      <c r="D23180" s="14" t="s">
        <v>155</v>
      </c>
      <c r="E23180" s="15">
        <v>45561</v>
      </c>
      <c r="F23180" s="14" t="s">
        <v>25</v>
      </c>
      <c r="G23180" s="16">
        <v>0</v>
      </c>
    </row>
    <row r="23181" spans="1:7" x14ac:dyDescent="0.3">
      <c r="A23181" s="13" t="s">
        <v>154</v>
      </c>
      <c r="B23181" s="14" t="s">
        <v>1</v>
      </c>
      <c r="C23181" s="14" t="s">
        <v>59</v>
      </c>
      <c r="D23181" s="14" t="s">
        <v>155</v>
      </c>
      <c r="E23181" s="15">
        <v>45562</v>
      </c>
      <c r="F23181" s="14" t="s">
        <v>25</v>
      </c>
      <c r="G23181" s="16">
        <v>0</v>
      </c>
    </row>
    <row r="23182" spans="1:7" x14ac:dyDescent="0.3">
      <c r="A23182" s="13" t="s">
        <v>154</v>
      </c>
      <c r="B23182" s="14" t="s">
        <v>1</v>
      </c>
      <c r="C23182" s="14" t="s">
        <v>59</v>
      </c>
      <c r="D23182" s="14" t="s">
        <v>155</v>
      </c>
      <c r="E23182" s="15">
        <v>45563</v>
      </c>
      <c r="F23182" s="14" t="s">
        <v>25</v>
      </c>
      <c r="G23182" s="16">
        <v>0</v>
      </c>
    </row>
    <row r="23183" spans="1:7" x14ac:dyDescent="0.3">
      <c r="A23183" s="13" t="s">
        <v>154</v>
      </c>
      <c r="B23183" s="14" t="s">
        <v>1</v>
      </c>
      <c r="C23183" s="14" t="s">
        <v>59</v>
      </c>
      <c r="D23183" s="14" t="s">
        <v>155</v>
      </c>
      <c r="E23183" s="15">
        <v>45564</v>
      </c>
      <c r="F23183" s="14" t="s">
        <v>25</v>
      </c>
      <c r="G23183" s="16">
        <v>0</v>
      </c>
    </row>
    <row r="23184" spans="1:7" x14ac:dyDescent="0.3">
      <c r="A23184" s="13" t="s">
        <v>154</v>
      </c>
      <c r="B23184" s="14" t="s">
        <v>1</v>
      </c>
      <c r="C23184" s="14" t="s">
        <v>59</v>
      </c>
      <c r="D23184" s="14" t="s">
        <v>155</v>
      </c>
      <c r="E23184" s="15">
        <v>45565</v>
      </c>
      <c r="F23184" s="14" t="s">
        <v>25</v>
      </c>
      <c r="G23184" s="16">
        <v>0</v>
      </c>
    </row>
    <row r="23185" spans="1:7" x14ac:dyDescent="0.3">
      <c r="A23185" s="13" t="s">
        <v>154</v>
      </c>
      <c r="B23185" s="14" t="s">
        <v>1</v>
      </c>
      <c r="C23185" s="14" t="s">
        <v>59</v>
      </c>
      <c r="D23185" s="14" t="s">
        <v>155</v>
      </c>
      <c r="E23185" s="15">
        <v>45566</v>
      </c>
      <c r="F23185" s="14" t="s">
        <v>25</v>
      </c>
      <c r="G23185" s="16">
        <v>0</v>
      </c>
    </row>
    <row r="23186" spans="1:7" x14ac:dyDescent="0.3">
      <c r="A23186" s="13" t="s">
        <v>154</v>
      </c>
      <c r="B23186" s="14" t="s">
        <v>1</v>
      </c>
      <c r="C23186" s="14" t="s">
        <v>59</v>
      </c>
      <c r="D23186" s="14" t="s">
        <v>155</v>
      </c>
      <c r="E23186" s="15">
        <v>45567</v>
      </c>
      <c r="F23186" s="14" t="s">
        <v>25</v>
      </c>
      <c r="G23186" s="16">
        <v>0</v>
      </c>
    </row>
    <row r="23187" spans="1:7" x14ac:dyDescent="0.3">
      <c r="A23187" s="13" t="s">
        <v>154</v>
      </c>
      <c r="B23187" s="14" t="s">
        <v>1</v>
      </c>
      <c r="C23187" s="14" t="s">
        <v>59</v>
      </c>
      <c r="D23187" s="14" t="s">
        <v>155</v>
      </c>
      <c r="E23187" s="15">
        <v>45568</v>
      </c>
      <c r="F23187" s="14" t="s">
        <v>25</v>
      </c>
      <c r="G23187" s="16">
        <v>0</v>
      </c>
    </row>
    <row r="23188" spans="1:7" x14ac:dyDescent="0.3">
      <c r="A23188" s="13" t="s">
        <v>154</v>
      </c>
      <c r="B23188" s="14" t="s">
        <v>1</v>
      </c>
      <c r="C23188" s="14" t="s">
        <v>59</v>
      </c>
      <c r="D23188" s="14" t="s">
        <v>155</v>
      </c>
      <c r="E23188" s="15">
        <v>45569</v>
      </c>
      <c r="F23188" s="14" t="s">
        <v>25</v>
      </c>
      <c r="G23188" s="16">
        <v>0</v>
      </c>
    </row>
    <row r="23189" spans="1:7" x14ac:dyDescent="0.3">
      <c r="A23189" s="13" t="s">
        <v>154</v>
      </c>
      <c r="B23189" s="14" t="s">
        <v>1</v>
      </c>
      <c r="C23189" s="14" t="s">
        <v>59</v>
      </c>
      <c r="D23189" s="14" t="s">
        <v>155</v>
      </c>
      <c r="E23189" s="15">
        <v>45570</v>
      </c>
      <c r="F23189" s="14" t="s">
        <v>25</v>
      </c>
      <c r="G23189" s="16">
        <v>0</v>
      </c>
    </row>
    <row r="23190" spans="1:7" x14ac:dyDescent="0.3">
      <c r="A23190" s="13" t="s">
        <v>154</v>
      </c>
      <c r="B23190" s="14" t="s">
        <v>1</v>
      </c>
      <c r="C23190" s="14" t="s">
        <v>59</v>
      </c>
      <c r="D23190" s="14" t="s">
        <v>155</v>
      </c>
      <c r="E23190" s="15">
        <v>45571</v>
      </c>
      <c r="F23190" s="14" t="s">
        <v>25</v>
      </c>
      <c r="G23190" s="16">
        <v>0</v>
      </c>
    </row>
    <row r="23191" spans="1:7" x14ac:dyDescent="0.3">
      <c r="A23191" s="13" t="s">
        <v>154</v>
      </c>
      <c r="B23191" s="14" t="s">
        <v>1</v>
      </c>
      <c r="C23191" s="14" t="s">
        <v>59</v>
      </c>
      <c r="D23191" s="14" t="s">
        <v>155</v>
      </c>
      <c r="E23191" s="15">
        <v>45572</v>
      </c>
      <c r="F23191" s="14" t="s">
        <v>25</v>
      </c>
      <c r="G23191" s="16">
        <v>0</v>
      </c>
    </row>
    <row r="23192" spans="1:7" x14ac:dyDescent="0.3">
      <c r="A23192" s="13" t="s">
        <v>154</v>
      </c>
      <c r="B23192" s="14" t="s">
        <v>1</v>
      </c>
      <c r="C23192" s="14" t="s">
        <v>59</v>
      </c>
      <c r="D23192" s="14" t="s">
        <v>155</v>
      </c>
      <c r="E23192" s="15">
        <v>45573</v>
      </c>
      <c r="F23192" s="14" t="s">
        <v>25</v>
      </c>
      <c r="G23192" s="16">
        <v>0</v>
      </c>
    </row>
    <row r="23193" spans="1:7" x14ac:dyDescent="0.3">
      <c r="A23193" s="13" t="s">
        <v>154</v>
      </c>
      <c r="B23193" s="14" t="s">
        <v>1</v>
      </c>
      <c r="C23193" s="14" t="s">
        <v>59</v>
      </c>
      <c r="D23193" s="14" t="s">
        <v>155</v>
      </c>
      <c r="E23193" s="15">
        <v>45574</v>
      </c>
      <c r="F23193" s="14" t="s">
        <v>25</v>
      </c>
      <c r="G23193" s="16">
        <v>0</v>
      </c>
    </row>
    <row r="23194" spans="1:7" x14ac:dyDescent="0.3">
      <c r="A23194" s="13" t="s">
        <v>154</v>
      </c>
      <c r="B23194" s="14" t="s">
        <v>1</v>
      </c>
      <c r="C23194" s="14" t="s">
        <v>59</v>
      </c>
      <c r="D23194" s="14" t="s">
        <v>155</v>
      </c>
      <c r="E23194" s="15">
        <v>45575</v>
      </c>
      <c r="F23194" s="14" t="s">
        <v>25</v>
      </c>
      <c r="G23194" s="16">
        <v>0</v>
      </c>
    </row>
    <row r="23195" spans="1:7" x14ac:dyDescent="0.3">
      <c r="A23195" s="13" t="s">
        <v>154</v>
      </c>
      <c r="B23195" s="14" t="s">
        <v>1</v>
      </c>
      <c r="C23195" s="14" t="s">
        <v>59</v>
      </c>
      <c r="D23195" s="14" t="s">
        <v>155</v>
      </c>
      <c r="E23195" s="15">
        <v>45576</v>
      </c>
      <c r="F23195" s="14" t="s">
        <v>25</v>
      </c>
      <c r="G23195" s="16">
        <v>0</v>
      </c>
    </row>
    <row r="23196" spans="1:7" x14ac:dyDescent="0.3">
      <c r="A23196" s="13" t="s">
        <v>154</v>
      </c>
      <c r="B23196" s="14" t="s">
        <v>1</v>
      </c>
      <c r="C23196" s="14" t="s">
        <v>59</v>
      </c>
      <c r="D23196" s="14" t="s">
        <v>155</v>
      </c>
      <c r="E23196" s="15">
        <v>45577</v>
      </c>
      <c r="F23196" s="14" t="s">
        <v>25</v>
      </c>
      <c r="G23196" s="16">
        <v>0</v>
      </c>
    </row>
    <row r="23197" spans="1:7" x14ac:dyDescent="0.3">
      <c r="A23197" s="13" t="s">
        <v>154</v>
      </c>
      <c r="B23197" s="14" t="s">
        <v>1</v>
      </c>
      <c r="C23197" s="14" t="s">
        <v>59</v>
      </c>
      <c r="D23197" s="14" t="s">
        <v>155</v>
      </c>
      <c r="E23197" s="15">
        <v>45578</v>
      </c>
      <c r="F23197" s="14" t="s">
        <v>25</v>
      </c>
      <c r="G23197" s="16">
        <v>0</v>
      </c>
    </row>
    <row r="23198" spans="1:7" x14ac:dyDescent="0.3">
      <c r="A23198" s="13" t="s">
        <v>154</v>
      </c>
      <c r="B23198" s="14" t="s">
        <v>1</v>
      </c>
      <c r="C23198" s="14" t="s">
        <v>59</v>
      </c>
      <c r="D23198" s="14" t="s">
        <v>155</v>
      </c>
      <c r="E23198" s="15">
        <v>45579</v>
      </c>
      <c r="F23198" s="14" t="s">
        <v>25</v>
      </c>
      <c r="G23198" s="16">
        <v>0</v>
      </c>
    </row>
    <row r="23199" spans="1:7" x14ac:dyDescent="0.3">
      <c r="A23199" s="13" t="s">
        <v>154</v>
      </c>
      <c r="B23199" s="14" t="s">
        <v>1</v>
      </c>
      <c r="C23199" s="14" t="s">
        <v>59</v>
      </c>
      <c r="D23199" s="14" t="s">
        <v>155</v>
      </c>
      <c r="E23199" s="15">
        <v>45580</v>
      </c>
      <c r="F23199" s="14" t="s">
        <v>25</v>
      </c>
      <c r="G23199" s="16">
        <v>0</v>
      </c>
    </row>
    <row r="23200" spans="1:7" x14ac:dyDescent="0.3">
      <c r="A23200" s="13" t="s">
        <v>154</v>
      </c>
      <c r="B23200" s="14" t="s">
        <v>1</v>
      </c>
      <c r="C23200" s="14" t="s">
        <v>59</v>
      </c>
      <c r="D23200" s="14" t="s">
        <v>155</v>
      </c>
      <c r="E23200" s="15">
        <v>45581</v>
      </c>
      <c r="F23200" s="14" t="s">
        <v>25</v>
      </c>
      <c r="G23200" s="16">
        <v>0</v>
      </c>
    </row>
    <row r="23201" spans="1:7" x14ac:dyDescent="0.3">
      <c r="A23201" s="13" t="s">
        <v>154</v>
      </c>
      <c r="B23201" s="14" t="s">
        <v>1</v>
      </c>
      <c r="C23201" s="14" t="s">
        <v>59</v>
      </c>
      <c r="D23201" s="14" t="s">
        <v>155</v>
      </c>
      <c r="E23201" s="15">
        <v>45582</v>
      </c>
      <c r="F23201" s="14" t="s">
        <v>25</v>
      </c>
      <c r="G23201" s="16">
        <v>0</v>
      </c>
    </row>
    <row r="23202" spans="1:7" x14ac:dyDescent="0.3">
      <c r="A23202" s="13" t="s">
        <v>154</v>
      </c>
      <c r="B23202" s="14" t="s">
        <v>1</v>
      </c>
      <c r="C23202" s="14" t="s">
        <v>59</v>
      </c>
      <c r="D23202" s="14" t="s">
        <v>155</v>
      </c>
      <c r="E23202" s="15">
        <v>45583</v>
      </c>
      <c r="F23202" s="14" t="s">
        <v>25</v>
      </c>
      <c r="G23202" s="16">
        <v>0</v>
      </c>
    </row>
    <row r="23203" spans="1:7" x14ac:dyDescent="0.3">
      <c r="A23203" s="13" t="s">
        <v>154</v>
      </c>
      <c r="B23203" s="14" t="s">
        <v>1</v>
      </c>
      <c r="C23203" s="14" t="s">
        <v>59</v>
      </c>
      <c r="D23203" s="14" t="s">
        <v>155</v>
      </c>
      <c r="E23203" s="15">
        <v>45584</v>
      </c>
      <c r="F23203" s="14" t="s">
        <v>25</v>
      </c>
      <c r="G23203" s="16">
        <v>0</v>
      </c>
    </row>
    <row r="23204" spans="1:7" x14ac:dyDescent="0.3">
      <c r="A23204" s="13" t="s">
        <v>154</v>
      </c>
      <c r="B23204" s="14" t="s">
        <v>1</v>
      </c>
      <c r="C23204" s="14" t="s">
        <v>59</v>
      </c>
      <c r="D23204" s="14" t="s">
        <v>155</v>
      </c>
      <c r="E23204" s="15">
        <v>45585</v>
      </c>
      <c r="F23204" s="14" t="s">
        <v>25</v>
      </c>
      <c r="G23204" s="16">
        <v>0</v>
      </c>
    </row>
    <row r="23205" spans="1:7" x14ac:dyDescent="0.3">
      <c r="A23205" s="13" t="s">
        <v>154</v>
      </c>
      <c r="B23205" s="14" t="s">
        <v>1</v>
      </c>
      <c r="C23205" s="14" t="s">
        <v>59</v>
      </c>
      <c r="D23205" s="14" t="s">
        <v>155</v>
      </c>
      <c r="E23205" s="15">
        <v>45586</v>
      </c>
      <c r="F23205" s="14" t="s">
        <v>25</v>
      </c>
      <c r="G23205" s="16">
        <v>0</v>
      </c>
    </row>
    <row r="23206" spans="1:7" x14ac:dyDescent="0.3">
      <c r="A23206" s="13" t="s">
        <v>154</v>
      </c>
      <c r="B23206" s="14" t="s">
        <v>1</v>
      </c>
      <c r="C23206" s="14" t="s">
        <v>59</v>
      </c>
      <c r="D23206" s="14" t="s">
        <v>155</v>
      </c>
      <c r="E23206" s="15">
        <v>45587</v>
      </c>
      <c r="F23206" s="14" t="s">
        <v>25</v>
      </c>
      <c r="G23206" s="16">
        <v>0</v>
      </c>
    </row>
    <row r="23207" spans="1:7" x14ac:dyDescent="0.3">
      <c r="A23207" s="13" t="s">
        <v>154</v>
      </c>
      <c r="B23207" s="14" t="s">
        <v>1</v>
      </c>
      <c r="C23207" s="14" t="s">
        <v>59</v>
      </c>
      <c r="D23207" s="14" t="s">
        <v>155</v>
      </c>
      <c r="E23207" s="15">
        <v>45588</v>
      </c>
      <c r="F23207" s="14" t="s">
        <v>25</v>
      </c>
      <c r="G23207" s="16">
        <v>0</v>
      </c>
    </row>
    <row r="23208" spans="1:7" x14ac:dyDescent="0.3">
      <c r="A23208" s="13" t="s">
        <v>154</v>
      </c>
      <c r="B23208" s="14" t="s">
        <v>1</v>
      </c>
      <c r="C23208" s="14" t="s">
        <v>59</v>
      </c>
      <c r="D23208" s="14" t="s">
        <v>155</v>
      </c>
      <c r="E23208" s="15">
        <v>45589</v>
      </c>
      <c r="F23208" s="14" t="s">
        <v>25</v>
      </c>
      <c r="G23208" s="16">
        <v>0</v>
      </c>
    </row>
    <row r="23209" spans="1:7" x14ac:dyDescent="0.3">
      <c r="A23209" s="13" t="s">
        <v>154</v>
      </c>
      <c r="B23209" s="14" t="s">
        <v>1</v>
      </c>
      <c r="C23209" s="14" t="s">
        <v>59</v>
      </c>
      <c r="D23209" s="14" t="s">
        <v>155</v>
      </c>
      <c r="E23209" s="15">
        <v>45590</v>
      </c>
      <c r="F23209" s="14" t="s">
        <v>25</v>
      </c>
      <c r="G23209" s="16">
        <v>0</v>
      </c>
    </row>
    <row r="23210" spans="1:7" x14ac:dyDescent="0.3">
      <c r="A23210" s="13" t="s">
        <v>154</v>
      </c>
      <c r="B23210" s="14" t="s">
        <v>1</v>
      </c>
      <c r="C23210" s="14" t="s">
        <v>59</v>
      </c>
      <c r="D23210" s="14" t="s">
        <v>155</v>
      </c>
      <c r="E23210" s="15">
        <v>45591</v>
      </c>
      <c r="F23210" s="14" t="s">
        <v>25</v>
      </c>
      <c r="G23210" s="16">
        <v>0</v>
      </c>
    </row>
    <row r="23211" spans="1:7" x14ac:dyDescent="0.3">
      <c r="A23211" s="13" t="s">
        <v>154</v>
      </c>
      <c r="B23211" s="14" t="s">
        <v>1</v>
      </c>
      <c r="C23211" s="14" t="s">
        <v>59</v>
      </c>
      <c r="D23211" s="14" t="s">
        <v>155</v>
      </c>
      <c r="E23211" s="15">
        <v>45592</v>
      </c>
      <c r="F23211" s="14" t="s">
        <v>25</v>
      </c>
      <c r="G23211" s="16">
        <v>0</v>
      </c>
    </row>
    <row r="23212" spans="1:7" x14ac:dyDescent="0.3">
      <c r="A23212" s="13" t="s">
        <v>154</v>
      </c>
      <c r="B23212" s="14" t="s">
        <v>1</v>
      </c>
      <c r="C23212" s="14" t="s">
        <v>59</v>
      </c>
      <c r="D23212" s="14" t="s">
        <v>155</v>
      </c>
      <c r="E23212" s="15">
        <v>45593</v>
      </c>
      <c r="F23212" s="14" t="s">
        <v>25</v>
      </c>
      <c r="G23212" s="16">
        <v>0</v>
      </c>
    </row>
    <row r="23213" spans="1:7" x14ac:dyDescent="0.3">
      <c r="A23213" s="13" t="s">
        <v>154</v>
      </c>
      <c r="B23213" s="14" t="s">
        <v>1</v>
      </c>
      <c r="C23213" s="14" t="s">
        <v>59</v>
      </c>
      <c r="D23213" s="14" t="s">
        <v>155</v>
      </c>
      <c r="E23213" s="15">
        <v>45594</v>
      </c>
      <c r="F23213" s="14" t="s">
        <v>25</v>
      </c>
      <c r="G23213" s="16">
        <v>0</v>
      </c>
    </row>
    <row r="23214" spans="1:7" x14ac:dyDescent="0.3">
      <c r="A23214" s="13" t="s">
        <v>154</v>
      </c>
      <c r="B23214" s="14" t="s">
        <v>1</v>
      </c>
      <c r="C23214" s="14" t="s">
        <v>59</v>
      </c>
      <c r="D23214" s="14" t="s">
        <v>155</v>
      </c>
      <c r="E23214" s="15">
        <v>45595</v>
      </c>
      <c r="F23214" s="14" t="s">
        <v>25</v>
      </c>
      <c r="G23214" s="16">
        <v>0</v>
      </c>
    </row>
    <row r="23215" spans="1:7" x14ac:dyDescent="0.3">
      <c r="A23215" s="13" t="s">
        <v>154</v>
      </c>
      <c r="B23215" s="14" t="s">
        <v>1</v>
      </c>
      <c r="C23215" s="14" t="s">
        <v>59</v>
      </c>
      <c r="D23215" s="14" t="s">
        <v>155</v>
      </c>
      <c r="E23215" s="15">
        <v>45596</v>
      </c>
      <c r="F23215" s="14" t="s">
        <v>25</v>
      </c>
      <c r="G23215" s="16">
        <v>0</v>
      </c>
    </row>
    <row r="23216" spans="1:7" x14ac:dyDescent="0.3">
      <c r="A23216" s="13" t="s">
        <v>154</v>
      </c>
      <c r="B23216" s="14" t="s">
        <v>1</v>
      </c>
      <c r="C23216" s="14" t="s">
        <v>59</v>
      </c>
      <c r="D23216" s="14" t="s">
        <v>155</v>
      </c>
      <c r="E23216" s="15">
        <v>45597</v>
      </c>
      <c r="F23216" s="14" t="s">
        <v>25</v>
      </c>
      <c r="G23216" s="16">
        <v>0</v>
      </c>
    </row>
    <row r="23217" spans="1:7" x14ac:dyDescent="0.3">
      <c r="A23217" s="13" t="s">
        <v>154</v>
      </c>
      <c r="B23217" s="14" t="s">
        <v>1</v>
      </c>
      <c r="C23217" s="14" t="s">
        <v>59</v>
      </c>
      <c r="D23217" s="14" t="s">
        <v>155</v>
      </c>
      <c r="E23217" s="15">
        <v>45598</v>
      </c>
      <c r="F23217" s="14" t="s">
        <v>25</v>
      </c>
      <c r="G23217" s="16">
        <v>0</v>
      </c>
    </row>
    <row r="23218" spans="1:7" x14ac:dyDescent="0.3">
      <c r="A23218" s="13" t="s">
        <v>154</v>
      </c>
      <c r="B23218" s="14" t="s">
        <v>1</v>
      </c>
      <c r="C23218" s="14" t="s">
        <v>59</v>
      </c>
      <c r="D23218" s="14" t="s">
        <v>155</v>
      </c>
      <c r="E23218" s="15">
        <v>45599</v>
      </c>
      <c r="F23218" s="14" t="s">
        <v>25</v>
      </c>
      <c r="G23218" s="16">
        <v>0</v>
      </c>
    </row>
    <row r="23219" spans="1:7" x14ac:dyDescent="0.3">
      <c r="A23219" s="13" t="s">
        <v>154</v>
      </c>
      <c r="B23219" s="14" t="s">
        <v>1</v>
      </c>
      <c r="C23219" s="14" t="s">
        <v>59</v>
      </c>
      <c r="D23219" s="14" t="s">
        <v>155</v>
      </c>
      <c r="E23219" s="15">
        <v>45600</v>
      </c>
      <c r="F23219" s="14" t="s">
        <v>25</v>
      </c>
      <c r="G23219" s="16">
        <v>0</v>
      </c>
    </row>
    <row r="23220" spans="1:7" x14ac:dyDescent="0.3">
      <c r="A23220" s="13" t="s">
        <v>154</v>
      </c>
      <c r="B23220" s="14" t="s">
        <v>1</v>
      </c>
      <c r="C23220" s="14" t="s">
        <v>59</v>
      </c>
      <c r="D23220" s="14" t="s">
        <v>155</v>
      </c>
      <c r="E23220" s="15">
        <v>45601</v>
      </c>
      <c r="F23220" s="14" t="s">
        <v>25</v>
      </c>
      <c r="G23220" s="16">
        <v>0</v>
      </c>
    </row>
    <row r="23221" spans="1:7" x14ac:dyDescent="0.3">
      <c r="A23221" s="13" t="s">
        <v>154</v>
      </c>
      <c r="B23221" s="14" t="s">
        <v>1</v>
      </c>
      <c r="C23221" s="14" t="s">
        <v>59</v>
      </c>
      <c r="D23221" s="14" t="s">
        <v>155</v>
      </c>
      <c r="E23221" s="15">
        <v>45602</v>
      </c>
      <c r="F23221" s="14" t="s">
        <v>25</v>
      </c>
      <c r="G23221" s="16">
        <v>0</v>
      </c>
    </row>
    <row r="23222" spans="1:7" x14ac:dyDescent="0.3">
      <c r="A23222" s="13" t="s">
        <v>154</v>
      </c>
      <c r="B23222" s="14" t="s">
        <v>1</v>
      </c>
      <c r="C23222" s="14" t="s">
        <v>59</v>
      </c>
      <c r="D23222" s="14" t="s">
        <v>155</v>
      </c>
      <c r="E23222" s="15">
        <v>45603</v>
      </c>
      <c r="F23222" s="14" t="s">
        <v>25</v>
      </c>
      <c r="G23222" s="16">
        <v>0</v>
      </c>
    </row>
    <row r="23223" spans="1:7" x14ac:dyDescent="0.3">
      <c r="A23223" s="13" t="s">
        <v>154</v>
      </c>
      <c r="B23223" s="14" t="s">
        <v>1</v>
      </c>
      <c r="C23223" s="14" t="s">
        <v>59</v>
      </c>
      <c r="D23223" s="14" t="s">
        <v>155</v>
      </c>
      <c r="E23223" s="15">
        <v>45604</v>
      </c>
      <c r="F23223" s="14" t="s">
        <v>25</v>
      </c>
      <c r="G23223" s="16">
        <v>0</v>
      </c>
    </row>
    <row r="23224" spans="1:7" x14ac:dyDescent="0.3">
      <c r="A23224" s="13" t="s">
        <v>154</v>
      </c>
      <c r="B23224" s="14" t="s">
        <v>1</v>
      </c>
      <c r="C23224" s="14" t="s">
        <v>59</v>
      </c>
      <c r="D23224" s="14" t="s">
        <v>155</v>
      </c>
      <c r="E23224" s="15">
        <v>45605</v>
      </c>
      <c r="F23224" s="14" t="s">
        <v>25</v>
      </c>
      <c r="G23224" s="16">
        <v>0</v>
      </c>
    </row>
    <row r="23225" spans="1:7" x14ac:dyDescent="0.3">
      <c r="A23225" s="13" t="s">
        <v>154</v>
      </c>
      <c r="B23225" s="14" t="s">
        <v>1</v>
      </c>
      <c r="C23225" s="14" t="s">
        <v>59</v>
      </c>
      <c r="D23225" s="14" t="s">
        <v>155</v>
      </c>
      <c r="E23225" s="15">
        <v>45606</v>
      </c>
      <c r="F23225" s="14" t="s">
        <v>25</v>
      </c>
      <c r="G23225" s="16">
        <v>0</v>
      </c>
    </row>
    <row r="23226" spans="1:7" x14ac:dyDescent="0.3">
      <c r="A23226" s="13" t="s">
        <v>154</v>
      </c>
      <c r="B23226" s="14" t="s">
        <v>1</v>
      </c>
      <c r="C23226" s="14" t="s">
        <v>59</v>
      </c>
      <c r="D23226" s="14" t="s">
        <v>155</v>
      </c>
      <c r="E23226" s="15">
        <v>45607</v>
      </c>
      <c r="F23226" s="14" t="s">
        <v>25</v>
      </c>
      <c r="G23226" s="16">
        <v>0</v>
      </c>
    </row>
    <row r="23227" spans="1:7" x14ac:dyDescent="0.3">
      <c r="A23227" s="13" t="s">
        <v>154</v>
      </c>
      <c r="B23227" s="14" t="s">
        <v>1</v>
      </c>
      <c r="C23227" s="14" t="s">
        <v>59</v>
      </c>
      <c r="D23227" s="14" t="s">
        <v>155</v>
      </c>
      <c r="E23227" s="15">
        <v>45608</v>
      </c>
      <c r="F23227" s="14" t="s">
        <v>25</v>
      </c>
      <c r="G23227" s="16">
        <v>0</v>
      </c>
    </row>
    <row r="23228" spans="1:7" x14ac:dyDescent="0.3">
      <c r="A23228" s="13" t="s">
        <v>154</v>
      </c>
      <c r="B23228" s="14" t="s">
        <v>1</v>
      </c>
      <c r="C23228" s="14" t="s">
        <v>59</v>
      </c>
      <c r="D23228" s="14" t="s">
        <v>155</v>
      </c>
      <c r="E23228" s="15">
        <v>45609</v>
      </c>
      <c r="F23228" s="14" t="s">
        <v>25</v>
      </c>
      <c r="G23228" s="16">
        <v>0</v>
      </c>
    </row>
    <row r="23229" spans="1:7" x14ac:dyDescent="0.3">
      <c r="A23229" s="13" t="s">
        <v>154</v>
      </c>
      <c r="B23229" s="14" t="s">
        <v>1</v>
      </c>
      <c r="C23229" s="14" t="s">
        <v>59</v>
      </c>
      <c r="D23229" s="14" t="s">
        <v>155</v>
      </c>
      <c r="E23229" s="15">
        <v>45610</v>
      </c>
      <c r="F23229" s="14" t="s">
        <v>25</v>
      </c>
      <c r="G23229" s="16">
        <v>0</v>
      </c>
    </row>
    <row r="23230" spans="1:7" x14ac:dyDescent="0.3">
      <c r="A23230" s="13" t="s">
        <v>154</v>
      </c>
      <c r="B23230" s="14" t="s">
        <v>1</v>
      </c>
      <c r="C23230" s="14" t="s">
        <v>59</v>
      </c>
      <c r="D23230" s="14" t="s">
        <v>155</v>
      </c>
      <c r="E23230" s="15">
        <v>45611</v>
      </c>
      <c r="F23230" s="14" t="s">
        <v>25</v>
      </c>
      <c r="G23230" s="16">
        <v>0</v>
      </c>
    </row>
    <row r="23231" spans="1:7" x14ac:dyDescent="0.3">
      <c r="A23231" s="13" t="s">
        <v>154</v>
      </c>
      <c r="B23231" s="14" t="s">
        <v>1</v>
      </c>
      <c r="C23231" s="14" t="s">
        <v>59</v>
      </c>
      <c r="D23231" s="14" t="s">
        <v>155</v>
      </c>
      <c r="E23231" s="15">
        <v>45612</v>
      </c>
      <c r="F23231" s="14" t="s">
        <v>25</v>
      </c>
      <c r="G23231" s="16">
        <v>0</v>
      </c>
    </row>
    <row r="23232" spans="1:7" x14ac:dyDescent="0.3">
      <c r="A23232" s="13" t="s">
        <v>154</v>
      </c>
      <c r="B23232" s="14" t="s">
        <v>1</v>
      </c>
      <c r="C23232" s="14" t="s">
        <v>59</v>
      </c>
      <c r="D23232" s="14" t="s">
        <v>155</v>
      </c>
      <c r="E23232" s="15">
        <v>45613</v>
      </c>
      <c r="F23232" s="14" t="s">
        <v>25</v>
      </c>
      <c r="G23232" s="16">
        <v>0</v>
      </c>
    </row>
    <row r="23233" spans="1:7" x14ac:dyDescent="0.3">
      <c r="A23233" s="13" t="s">
        <v>154</v>
      </c>
      <c r="B23233" s="14" t="s">
        <v>1</v>
      </c>
      <c r="C23233" s="14" t="s">
        <v>59</v>
      </c>
      <c r="D23233" s="14" t="s">
        <v>155</v>
      </c>
      <c r="E23233" s="15">
        <v>45614</v>
      </c>
      <c r="F23233" s="14" t="s">
        <v>25</v>
      </c>
      <c r="G23233" s="16">
        <v>0</v>
      </c>
    </row>
    <row r="23234" spans="1:7" x14ac:dyDescent="0.3">
      <c r="A23234" s="13" t="s">
        <v>154</v>
      </c>
      <c r="B23234" s="14" t="s">
        <v>1</v>
      </c>
      <c r="C23234" s="14" t="s">
        <v>59</v>
      </c>
      <c r="D23234" s="14" t="s">
        <v>155</v>
      </c>
      <c r="E23234" s="15">
        <v>45615</v>
      </c>
      <c r="F23234" s="14" t="s">
        <v>25</v>
      </c>
      <c r="G23234" s="16">
        <v>0</v>
      </c>
    </row>
    <row r="23235" spans="1:7" x14ac:dyDescent="0.3">
      <c r="A23235" s="13" t="s">
        <v>154</v>
      </c>
      <c r="B23235" s="14" t="s">
        <v>1</v>
      </c>
      <c r="C23235" s="14" t="s">
        <v>59</v>
      </c>
      <c r="D23235" s="14" t="s">
        <v>155</v>
      </c>
      <c r="E23235" s="15">
        <v>45616</v>
      </c>
      <c r="F23235" s="14" t="s">
        <v>25</v>
      </c>
      <c r="G23235" s="16">
        <v>0</v>
      </c>
    </row>
    <row r="23236" spans="1:7" x14ac:dyDescent="0.3">
      <c r="A23236" s="13" t="s">
        <v>154</v>
      </c>
      <c r="B23236" s="14" t="s">
        <v>1</v>
      </c>
      <c r="C23236" s="14" t="s">
        <v>59</v>
      </c>
      <c r="D23236" s="14" t="s">
        <v>155</v>
      </c>
      <c r="E23236" s="15">
        <v>45617</v>
      </c>
      <c r="F23236" s="14" t="s">
        <v>25</v>
      </c>
      <c r="G23236" s="16">
        <v>0</v>
      </c>
    </row>
    <row r="23237" spans="1:7" x14ac:dyDescent="0.3">
      <c r="A23237" s="13" t="s">
        <v>154</v>
      </c>
      <c r="B23237" s="14" t="s">
        <v>1</v>
      </c>
      <c r="C23237" s="14" t="s">
        <v>59</v>
      </c>
      <c r="D23237" s="14" t="s">
        <v>155</v>
      </c>
      <c r="E23237" s="15">
        <v>45618</v>
      </c>
      <c r="F23237" s="14" t="s">
        <v>25</v>
      </c>
      <c r="G23237" s="16">
        <v>0</v>
      </c>
    </row>
    <row r="23238" spans="1:7" x14ac:dyDescent="0.3">
      <c r="A23238" s="13" t="s">
        <v>154</v>
      </c>
      <c r="B23238" s="14" t="s">
        <v>1</v>
      </c>
      <c r="C23238" s="14" t="s">
        <v>59</v>
      </c>
      <c r="D23238" s="14" t="s">
        <v>155</v>
      </c>
      <c r="E23238" s="15">
        <v>45619</v>
      </c>
      <c r="F23238" s="14" t="s">
        <v>25</v>
      </c>
      <c r="G23238" s="16">
        <v>0</v>
      </c>
    </row>
    <row r="23239" spans="1:7" x14ac:dyDescent="0.3">
      <c r="A23239" s="13" t="s">
        <v>154</v>
      </c>
      <c r="B23239" s="14" t="s">
        <v>1</v>
      </c>
      <c r="C23239" s="14" t="s">
        <v>59</v>
      </c>
      <c r="D23239" s="14" t="s">
        <v>155</v>
      </c>
      <c r="E23239" s="15">
        <v>45620</v>
      </c>
      <c r="F23239" s="14" t="s">
        <v>25</v>
      </c>
      <c r="G23239" s="16">
        <v>0</v>
      </c>
    </row>
    <row r="23240" spans="1:7" x14ac:dyDescent="0.3">
      <c r="A23240" s="13" t="s">
        <v>154</v>
      </c>
      <c r="B23240" s="14" t="s">
        <v>1</v>
      </c>
      <c r="C23240" s="14" t="s">
        <v>59</v>
      </c>
      <c r="D23240" s="14" t="s">
        <v>155</v>
      </c>
      <c r="E23240" s="15">
        <v>45621</v>
      </c>
      <c r="F23240" s="14" t="s">
        <v>25</v>
      </c>
      <c r="G23240" s="16">
        <v>0</v>
      </c>
    </row>
    <row r="23241" spans="1:7" x14ac:dyDescent="0.3">
      <c r="A23241" s="13" t="s">
        <v>154</v>
      </c>
      <c r="B23241" s="14" t="s">
        <v>1</v>
      </c>
      <c r="C23241" s="14" t="s">
        <v>59</v>
      </c>
      <c r="D23241" s="14" t="s">
        <v>155</v>
      </c>
      <c r="E23241" s="15">
        <v>45622</v>
      </c>
      <c r="F23241" s="14" t="s">
        <v>25</v>
      </c>
      <c r="G23241" s="16">
        <v>0</v>
      </c>
    </row>
    <row r="23242" spans="1:7" x14ac:dyDescent="0.3">
      <c r="A23242" s="13" t="s">
        <v>154</v>
      </c>
      <c r="B23242" s="14" t="s">
        <v>1</v>
      </c>
      <c r="C23242" s="14" t="s">
        <v>59</v>
      </c>
      <c r="D23242" s="14" t="s">
        <v>155</v>
      </c>
      <c r="E23242" s="15">
        <v>45623</v>
      </c>
      <c r="F23242" s="14" t="s">
        <v>25</v>
      </c>
      <c r="G23242" s="16">
        <v>0</v>
      </c>
    </row>
    <row r="23243" spans="1:7" x14ac:dyDescent="0.3">
      <c r="A23243" s="13" t="s">
        <v>154</v>
      </c>
      <c r="B23243" s="14" t="s">
        <v>1</v>
      </c>
      <c r="C23243" s="14" t="s">
        <v>59</v>
      </c>
      <c r="D23243" s="14" t="s">
        <v>155</v>
      </c>
      <c r="E23243" s="15">
        <v>45624</v>
      </c>
      <c r="F23243" s="14" t="s">
        <v>25</v>
      </c>
      <c r="G23243" s="16">
        <v>0</v>
      </c>
    </row>
    <row r="23244" spans="1:7" x14ac:dyDescent="0.3">
      <c r="A23244" s="13" t="s">
        <v>154</v>
      </c>
      <c r="B23244" s="14" t="s">
        <v>1</v>
      </c>
      <c r="C23244" s="14" t="s">
        <v>59</v>
      </c>
      <c r="D23244" s="14" t="s">
        <v>155</v>
      </c>
      <c r="E23244" s="15">
        <v>45625</v>
      </c>
      <c r="F23244" s="14" t="s">
        <v>25</v>
      </c>
      <c r="G23244" s="16">
        <v>0</v>
      </c>
    </row>
    <row r="23245" spans="1:7" x14ac:dyDescent="0.3">
      <c r="A23245" s="13" t="s">
        <v>154</v>
      </c>
      <c r="B23245" s="14" t="s">
        <v>1</v>
      </c>
      <c r="C23245" s="14" t="s">
        <v>59</v>
      </c>
      <c r="D23245" s="14" t="s">
        <v>155</v>
      </c>
      <c r="E23245" s="15">
        <v>45626</v>
      </c>
      <c r="F23245" s="14" t="s">
        <v>25</v>
      </c>
      <c r="G23245" s="16">
        <v>0</v>
      </c>
    </row>
    <row r="23246" spans="1:7" x14ac:dyDescent="0.3">
      <c r="A23246" s="13" t="s">
        <v>154</v>
      </c>
      <c r="B23246" s="14" t="s">
        <v>1</v>
      </c>
      <c r="C23246" s="14" t="s">
        <v>59</v>
      </c>
      <c r="D23246" s="14" t="s">
        <v>155</v>
      </c>
      <c r="E23246" s="15">
        <v>45627</v>
      </c>
      <c r="F23246" s="14" t="s">
        <v>25</v>
      </c>
      <c r="G23246" s="16">
        <v>0</v>
      </c>
    </row>
    <row r="23247" spans="1:7" x14ac:dyDescent="0.3">
      <c r="A23247" s="13" t="s">
        <v>154</v>
      </c>
      <c r="B23247" s="14" t="s">
        <v>1</v>
      </c>
      <c r="C23247" s="14" t="s">
        <v>59</v>
      </c>
      <c r="D23247" s="14" t="s">
        <v>155</v>
      </c>
      <c r="E23247" s="15">
        <v>45628</v>
      </c>
      <c r="F23247" s="14" t="s">
        <v>25</v>
      </c>
      <c r="G23247" s="16">
        <v>0</v>
      </c>
    </row>
    <row r="23248" spans="1:7" x14ac:dyDescent="0.3">
      <c r="A23248" s="13" t="s">
        <v>154</v>
      </c>
      <c r="B23248" s="14" t="s">
        <v>1</v>
      </c>
      <c r="C23248" s="14" t="s">
        <v>59</v>
      </c>
      <c r="D23248" s="14" t="s">
        <v>155</v>
      </c>
      <c r="E23248" s="15">
        <v>45629</v>
      </c>
      <c r="F23248" s="14" t="s">
        <v>25</v>
      </c>
      <c r="G23248" s="16">
        <v>0</v>
      </c>
    </row>
    <row r="23249" spans="1:7" x14ac:dyDescent="0.3">
      <c r="A23249" s="13" t="s">
        <v>154</v>
      </c>
      <c r="B23249" s="14" t="s">
        <v>1</v>
      </c>
      <c r="C23249" s="14" t="s">
        <v>59</v>
      </c>
      <c r="D23249" s="14" t="s">
        <v>155</v>
      </c>
      <c r="E23249" s="15">
        <v>45630</v>
      </c>
      <c r="F23249" s="14" t="s">
        <v>25</v>
      </c>
      <c r="G23249" s="16">
        <v>0</v>
      </c>
    </row>
    <row r="23250" spans="1:7" x14ac:dyDescent="0.3">
      <c r="A23250" s="13" t="s">
        <v>154</v>
      </c>
      <c r="B23250" s="14" t="s">
        <v>1</v>
      </c>
      <c r="C23250" s="14" t="s">
        <v>59</v>
      </c>
      <c r="D23250" s="14" t="s">
        <v>155</v>
      </c>
      <c r="E23250" s="15">
        <v>45631</v>
      </c>
      <c r="F23250" s="14" t="s">
        <v>25</v>
      </c>
      <c r="G23250" s="16">
        <v>0</v>
      </c>
    </row>
    <row r="23251" spans="1:7" x14ac:dyDescent="0.3">
      <c r="A23251" s="13" t="s">
        <v>154</v>
      </c>
      <c r="B23251" s="14" t="s">
        <v>1</v>
      </c>
      <c r="C23251" s="14" t="s">
        <v>59</v>
      </c>
      <c r="D23251" s="14" t="s">
        <v>155</v>
      </c>
      <c r="E23251" s="15">
        <v>45632</v>
      </c>
      <c r="F23251" s="14" t="s">
        <v>25</v>
      </c>
      <c r="G23251" s="16">
        <v>0</v>
      </c>
    </row>
    <row r="23252" spans="1:7" x14ac:dyDescent="0.3">
      <c r="A23252" s="13" t="s">
        <v>154</v>
      </c>
      <c r="B23252" s="14" t="s">
        <v>1</v>
      </c>
      <c r="C23252" s="14" t="s">
        <v>59</v>
      </c>
      <c r="D23252" s="14" t="s">
        <v>155</v>
      </c>
      <c r="E23252" s="15">
        <v>45633</v>
      </c>
      <c r="F23252" s="14" t="s">
        <v>25</v>
      </c>
      <c r="G23252" s="16">
        <v>0</v>
      </c>
    </row>
    <row r="23253" spans="1:7" x14ac:dyDescent="0.3">
      <c r="A23253" s="13" t="s">
        <v>154</v>
      </c>
      <c r="B23253" s="14" t="s">
        <v>1</v>
      </c>
      <c r="C23253" s="14" t="s">
        <v>59</v>
      </c>
      <c r="D23253" s="14" t="s">
        <v>155</v>
      </c>
      <c r="E23253" s="15">
        <v>45634</v>
      </c>
      <c r="F23253" s="14" t="s">
        <v>25</v>
      </c>
      <c r="G23253" s="16">
        <v>0</v>
      </c>
    </row>
    <row r="23254" spans="1:7" x14ac:dyDescent="0.3">
      <c r="A23254" s="13" t="s">
        <v>154</v>
      </c>
      <c r="B23254" s="14" t="s">
        <v>1</v>
      </c>
      <c r="C23254" s="14" t="s">
        <v>59</v>
      </c>
      <c r="D23254" s="14" t="s">
        <v>155</v>
      </c>
      <c r="E23254" s="15">
        <v>45635</v>
      </c>
      <c r="F23254" s="14" t="s">
        <v>25</v>
      </c>
      <c r="G23254" s="16">
        <v>0</v>
      </c>
    </row>
    <row r="23255" spans="1:7" x14ac:dyDescent="0.3">
      <c r="A23255" s="13" t="s">
        <v>154</v>
      </c>
      <c r="B23255" s="14" t="s">
        <v>1</v>
      </c>
      <c r="C23255" s="14" t="s">
        <v>59</v>
      </c>
      <c r="D23255" s="14" t="s">
        <v>155</v>
      </c>
      <c r="E23255" s="15">
        <v>45636</v>
      </c>
      <c r="F23255" s="14" t="s">
        <v>25</v>
      </c>
      <c r="G23255" s="16">
        <v>0</v>
      </c>
    </row>
    <row r="23256" spans="1:7" x14ac:dyDescent="0.3">
      <c r="A23256" s="13" t="s">
        <v>154</v>
      </c>
      <c r="B23256" s="14" t="s">
        <v>1</v>
      </c>
      <c r="C23256" s="14" t="s">
        <v>59</v>
      </c>
      <c r="D23256" s="14" t="s">
        <v>155</v>
      </c>
      <c r="E23256" s="15">
        <v>45637</v>
      </c>
      <c r="F23256" s="14" t="s">
        <v>25</v>
      </c>
      <c r="G23256" s="16">
        <v>0</v>
      </c>
    </row>
    <row r="23257" spans="1:7" x14ac:dyDescent="0.3">
      <c r="A23257" s="13" t="s">
        <v>154</v>
      </c>
      <c r="B23257" s="14" t="s">
        <v>1</v>
      </c>
      <c r="C23257" s="14" t="s">
        <v>59</v>
      </c>
      <c r="D23257" s="14" t="s">
        <v>155</v>
      </c>
      <c r="E23257" s="15">
        <v>45638</v>
      </c>
      <c r="F23257" s="14" t="s">
        <v>25</v>
      </c>
      <c r="G23257" s="16">
        <v>0</v>
      </c>
    </row>
    <row r="23258" spans="1:7" x14ac:dyDescent="0.3">
      <c r="A23258" s="13" t="s">
        <v>154</v>
      </c>
      <c r="B23258" s="14" t="s">
        <v>1</v>
      </c>
      <c r="C23258" s="14" t="s">
        <v>59</v>
      </c>
      <c r="D23258" s="14" t="s">
        <v>155</v>
      </c>
      <c r="E23258" s="15">
        <v>45639</v>
      </c>
      <c r="F23258" s="14" t="s">
        <v>25</v>
      </c>
      <c r="G23258" s="16">
        <v>0</v>
      </c>
    </row>
    <row r="23259" spans="1:7" x14ac:dyDescent="0.3">
      <c r="A23259" s="13" t="s">
        <v>154</v>
      </c>
      <c r="B23259" s="14" t="s">
        <v>1</v>
      </c>
      <c r="C23259" s="14" t="s">
        <v>59</v>
      </c>
      <c r="D23259" s="14" t="s">
        <v>155</v>
      </c>
      <c r="E23259" s="15">
        <v>45640</v>
      </c>
      <c r="F23259" s="14" t="s">
        <v>25</v>
      </c>
      <c r="G23259" s="16">
        <v>0</v>
      </c>
    </row>
    <row r="23260" spans="1:7" x14ac:dyDescent="0.3">
      <c r="A23260" s="13" t="s">
        <v>154</v>
      </c>
      <c r="B23260" s="14" t="s">
        <v>1</v>
      </c>
      <c r="C23260" s="14" t="s">
        <v>59</v>
      </c>
      <c r="D23260" s="14" t="s">
        <v>155</v>
      </c>
      <c r="E23260" s="15">
        <v>45641</v>
      </c>
      <c r="F23260" s="14" t="s">
        <v>25</v>
      </c>
      <c r="G23260" s="16">
        <v>0</v>
      </c>
    </row>
    <row r="23261" spans="1:7" x14ac:dyDescent="0.3">
      <c r="A23261" s="13" t="s">
        <v>154</v>
      </c>
      <c r="B23261" s="14" t="s">
        <v>1</v>
      </c>
      <c r="C23261" s="14" t="s">
        <v>59</v>
      </c>
      <c r="D23261" s="14" t="s">
        <v>155</v>
      </c>
      <c r="E23261" s="15">
        <v>45642</v>
      </c>
      <c r="F23261" s="14" t="s">
        <v>25</v>
      </c>
      <c r="G23261" s="16">
        <v>0</v>
      </c>
    </row>
    <row r="23262" spans="1:7" x14ac:dyDescent="0.3">
      <c r="A23262" s="13" t="s">
        <v>154</v>
      </c>
      <c r="B23262" s="14" t="s">
        <v>1</v>
      </c>
      <c r="C23262" s="14" t="s">
        <v>59</v>
      </c>
      <c r="D23262" s="14" t="s">
        <v>155</v>
      </c>
      <c r="E23262" s="15">
        <v>45643</v>
      </c>
      <c r="F23262" s="14" t="s">
        <v>25</v>
      </c>
      <c r="G23262" s="16">
        <v>0</v>
      </c>
    </row>
    <row r="23263" spans="1:7" x14ac:dyDescent="0.3">
      <c r="A23263" s="13" t="s">
        <v>154</v>
      </c>
      <c r="B23263" s="14" t="s">
        <v>1</v>
      </c>
      <c r="C23263" s="14" t="s">
        <v>59</v>
      </c>
      <c r="D23263" s="14" t="s">
        <v>155</v>
      </c>
      <c r="E23263" s="15">
        <v>45644</v>
      </c>
      <c r="F23263" s="14" t="s">
        <v>25</v>
      </c>
      <c r="G23263" s="16">
        <v>0</v>
      </c>
    </row>
    <row r="23264" spans="1:7" x14ac:dyDescent="0.3">
      <c r="A23264" s="13" t="s">
        <v>154</v>
      </c>
      <c r="B23264" s="14" t="s">
        <v>1</v>
      </c>
      <c r="C23264" s="14" t="s">
        <v>59</v>
      </c>
      <c r="D23264" s="14" t="s">
        <v>155</v>
      </c>
      <c r="E23264" s="15">
        <v>45645</v>
      </c>
      <c r="F23264" s="14" t="s">
        <v>25</v>
      </c>
      <c r="G23264" s="16">
        <v>0</v>
      </c>
    </row>
    <row r="23265" spans="1:7" x14ac:dyDescent="0.3">
      <c r="A23265" s="13" t="s">
        <v>154</v>
      </c>
      <c r="B23265" s="14" t="s">
        <v>1</v>
      </c>
      <c r="C23265" s="14" t="s">
        <v>59</v>
      </c>
      <c r="D23265" s="14" t="s">
        <v>155</v>
      </c>
      <c r="E23265" s="15">
        <v>45646</v>
      </c>
      <c r="F23265" s="14" t="s">
        <v>25</v>
      </c>
      <c r="G23265" s="16">
        <v>0</v>
      </c>
    </row>
    <row r="23266" spans="1:7" x14ac:dyDescent="0.3">
      <c r="A23266" s="13" t="s">
        <v>154</v>
      </c>
      <c r="B23266" s="14" t="s">
        <v>1</v>
      </c>
      <c r="C23266" s="14" t="s">
        <v>59</v>
      </c>
      <c r="D23266" s="14" t="s">
        <v>155</v>
      </c>
      <c r="E23266" s="15">
        <v>45647</v>
      </c>
      <c r="F23266" s="14" t="s">
        <v>25</v>
      </c>
      <c r="G23266" s="16">
        <v>0</v>
      </c>
    </row>
    <row r="23267" spans="1:7" x14ac:dyDescent="0.3">
      <c r="A23267" s="13" t="s">
        <v>154</v>
      </c>
      <c r="B23267" s="14" t="s">
        <v>1</v>
      </c>
      <c r="C23267" s="14" t="s">
        <v>59</v>
      </c>
      <c r="D23267" s="14" t="s">
        <v>155</v>
      </c>
      <c r="E23267" s="15">
        <v>45648</v>
      </c>
      <c r="F23267" s="14" t="s">
        <v>25</v>
      </c>
      <c r="G23267" s="16">
        <v>0</v>
      </c>
    </row>
    <row r="23268" spans="1:7" x14ac:dyDescent="0.3">
      <c r="A23268" s="13" t="s">
        <v>154</v>
      </c>
      <c r="B23268" s="14" t="s">
        <v>1</v>
      </c>
      <c r="C23268" s="14" t="s">
        <v>59</v>
      </c>
      <c r="D23268" s="14" t="s">
        <v>155</v>
      </c>
      <c r="E23268" s="15">
        <v>45649</v>
      </c>
      <c r="F23268" s="14" t="s">
        <v>25</v>
      </c>
      <c r="G23268" s="16">
        <v>0</v>
      </c>
    </row>
    <row r="23269" spans="1:7" x14ac:dyDescent="0.3">
      <c r="A23269" s="13" t="s">
        <v>154</v>
      </c>
      <c r="B23269" s="14" t="s">
        <v>1</v>
      </c>
      <c r="C23269" s="14" t="s">
        <v>59</v>
      </c>
      <c r="D23269" s="14" t="s">
        <v>155</v>
      </c>
      <c r="E23269" s="15">
        <v>45650</v>
      </c>
      <c r="F23269" s="14" t="s">
        <v>25</v>
      </c>
      <c r="G23269" s="16">
        <v>0</v>
      </c>
    </row>
    <row r="23270" spans="1:7" x14ac:dyDescent="0.3">
      <c r="A23270" s="13" t="s">
        <v>154</v>
      </c>
      <c r="B23270" s="14" t="s">
        <v>1</v>
      </c>
      <c r="C23270" s="14" t="s">
        <v>59</v>
      </c>
      <c r="D23270" s="14" t="s">
        <v>155</v>
      </c>
      <c r="E23270" s="15">
        <v>45651</v>
      </c>
      <c r="F23270" s="14" t="s">
        <v>25</v>
      </c>
      <c r="G23270" s="16">
        <v>0</v>
      </c>
    </row>
    <row r="23271" spans="1:7" x14ac:dyDescent="0.3">
      <c r="A23271" s="13" t="s">
        <v>154</v>
      </c>
      <c r="B23271" s="14" t="s">
        <v>1</v>
      </c>
      <c r="C23271" s="14" t="s">
        <v>59</v>
      </c>
      <c r="D23271" s="14" t="s">
        <v>155</v>
      </c>
      <c r="E23271" s="15">
        <v>45652</v>
      </c>
      <c r="F23271" s="14" t="s">
        <v>25</v>
      </c>
      <c r="G23271" s="16">
        <v>0</v>
      </c>
    </row>
    <row r="23272" spans="1:7" x14ac:dyDescent="0.3">
      <c r="A23272" s="13" t="s">
        <v>154</v>
      </c>
      <c r="B23272" s="14" t="s">
        <v>1</v>
      </c>
      <c r="C23272" s="14" t="s">
        <v>59</v>
      </c>
      <c r="D23272" s="14" t="s">
        <v>155</v>
      </c>
      <c r="E23272" s="15">
        <v>45653</v>
      </c>
      <c r="F23272" s="14" t="s">
        <v>25</v>
      </c>
      <c r="G23272" s="16">
        <v>0</v>
      </c>
    </row>
    <row r="23273" spans="1:7" x14ac:dyDescent="0.3">
      <c r="A23273" s="13" t="s">
        <v>154</v>
      </c>
      <c r="B23273" s="14" t="s">
        <v>1</v>
      </c>
      <c r="C23273" s="14" t="s">
        <v>59</v>
      </c>
      <c r="D23273" s="14" t="s">
        <v>155</v>
      </c>
      <c r="E23273" s="15">
        <v>45654</v>
      </c>
      <c r="F23273" s="14" t="s">
        <v>25</v>
      </c>
      <c r="G23273" s="16">
        <v>0</v>
      </c>
    </row>
    <row r="23274" spans="1:7" x14ac:dyDescent="0.3">
      <c r="A23274" s="13" t="s">
        <v>154</v>
      </c>
      <c r="B23274" s="14" t="s">
        <v>1</v>
      </c>
      <c r="C23274" s="14" t="s">
        <v>59</v>
      </c>
      <c r="D23274" s="14" t="s">
        <v>155</v>
      </c>
      <c r="E23274" s="15">
        <v>45655</v>
      </c>
      <c r="F23274" s="14" t="s">
        <v>25</v>
      </c>
      <c r="G23274" s="16">
        <v>0</v>
      </c>
    </row>
    <row r="23275" spans="1:7" x14ac:dyDescent="0.3">
      <c r="A23275" s="13" t="s">
        <v>154</v>
      </c>
      <c r="B23275" s="14" t="s">
        <v>1</v>
      </c>
      <c r="C23275" s="14" t="s">
        <v>59</v>
      </c>
      <c r="D23275" s="14" t="s">
        <v>155</v>
      </c>
      <c r="E23275" s="15">
        <v>45656</v>
      </c>
      <c r="F23275" s="14" t="s">
        <v>25</v>
      </c>
      <c r="G23275" s="16">
        <v>0</v>
      </c>
    </row>
    <row r="23276" spans="1:7" x14ac:dyDescent="0.3">
      <c r="A23276" s="13" t="s">
        <v>154</v>
      </c>
      <c r="B23276" s="14" t="s">
        <v>1</v>
      </c>
      <c r="C23276" s="14" t="s">
        <v>59</v>
      </c>
      <c r="D23276" s="14" t="s">
        <v>155</v>
      </c>
      <c r="E23276" s="15">
        <v>45657</v>
      </c>
      <c r="F23276" s="14" t="s">
        <v>25</v>
      </c>
      <c r="G23276" s="16">
        <v>0</v>
      </c>
    </row>
    <row r="23277" spans="1:7" x14ac:dyDescent="0.3">
      <c r="A23277" s="13" t="s">
        <v>154</v>
      </c>
      <c r="B23277" s="14" t="s">
        <v>1</v>
      </c>
      <c r="C23277" s="14" t="s">
        <v>59</v>
      </c>
      <c r="D23277" s="14" t="s">
        <v>155</v>
      </c>
      <c r="E23277" s="15">
        <v>45658</v>
      </c>
      <c r="F23277" s="14" t="s">
        <v>25</v>
      </c>
      <c r="G23277" s="16">
        <v>0</v>
      </c>
    </row>
    <row r="23278" spans="1:7" x14ac:dyDescent="0.3">
      <c r="A23278" s="13" t="s">
        <v>154</v>
      </c>
      <c r="B23278" s="14" t="s">
        <v>1</v>
      </c>
      <c r="C23278" s="14" t="s">
        <v>59</v>
      </c>
      <c r="D23278" s="14" t="s">
        <v>155</v>
      </c>
      <c r="E23278" s="15">
        <v>45659</v>
      </c>
      <c r="F23278" s="14" t="s">
        <v>25</v>
      </c>
      <c r="G23278" s="16">
        <v>0</v>
      </c>
    </row>
    <row r="23279" spans="1:7" x14ac:dyDescent="0.3">
      <c r="A23279" s="13" t="s">
        <v>154</v>
      </c>
      <c r="B23279" s="14" t="s">
        <v>1</v>
      </c>
      <c r="C23279" s="14" t="s">
        <v>59</v>
      </c>
      <c r="D23279" s="14" t="s">
        <v>155</v>
      </c>
      <c r="E23279" s="15">
        <v>45660</v>
      </c>
      <c r="F23279" s="14" t="s">
        <v>25</v>
      </c>
      <c r="G23279" s="16">
        <v>0</v>
      </c>
    </row>
    <row r="23280" spans="1:7" x14ac:dyDescent="0.3">
      <c r="A23280" s="13" t="s">
        <v>154</v>
      </c>
      <c r="B23280" s="14" t="s">
        <v>1</v>
      </c>
      <c r="C23280" s="14" t="s">
        <v>59</v>
      </c>
      <c r="D23280" s="14" t="s">
        <v>155</v>
      </c>
      <c r="E23280" s="15">
        <v>45661</v>
      </c>
      <c r="F23280" s="14" t="s">
        <v>25</v>
      </c>
      <c r="G23280" s="16">
        <v>0</v>
      </c>
    </row>
    <row r="23281" spans="1:7" x14ac:dyDescent="0.3">
      <c r="A23281" s="13" t="s">
        <v>154</v>
      </c>
      <c r="B23281" s="14" t="s">
        <v>1</v>
      </c>
      <c r="C23281" s="14" t="s">
        <v>59</v>
      </c>
      <c r="D23281" s="14" t="s">
        <v>155</v>
      </c>
      <c r="E23281" s="15">
        <v>45662</v>
      </c>
      <c r="F23281" s="14" t="s">
        <v>25</v>
      </c>
      <c r="G23281" s="16">
        <v>0</v>
      </c>
    </row>
    <row r="23282" spans="1:7" x14ac:dyDescent="0.3">
      <c r="A23282" s="13" t="s">
        <v>154</v>
      </c>
      <c r="B23282" s="14" t="s">
        <v>1</v>
      </c>
      <c r="C23282" s="14" t="s">
        <v>59</v>
      </c>
      <c r="D23282" s="14" t="s">
        <v>155</v>
      </c>
      <c r="E23282" s="15">
        <v>45663</v>
      </c>
      <c r="F23282" s="14" t="s">
        <v>25</v>
      </c>
      <c r="G23282" s="16">
        <v>0</v>
      </c>
    </row>
    <row r="23283" spans="1:7" x14ac:dyDescent="0.3">
      <c r="A23283" s="13" t="s">
        <v>154</v>
      </c>
      <c r="B23283" s="14" t="s">
        <v>1</v>
      </c>
      <c r="C23283" s="14" t="s">
        <v>59</v>
      </c>
      <c r="D23283" s="14" t="s">
        <v>155</v>
      </c>
      <c r="E23283" s="15">
        <v>45664</v>
      </c>
      <c r="F23283" s="14" t="s">
        <v>25</v>
      </c>
      <c r="G23283" s="16">
        <v>0</v>
      </c>
    </row>
    <row r="23284" spans="1:7" x14ac:dyDescent="0.3">
      <c r="A23284" s="13" t="s">
        <v>154</v>
      </c>
      <c r="B23284" s="14" t="s">
        <v>1</v>
      </c>
      <c r="C23284" s="14" t="s">
        <v>59</v>
      </c>
      <c r="D23284" s="14" t="s">
        <v>155</v>
      </c>
      <c r="E23284" s="15">
        <v>45665</v>
      </c>
      <c r="F23284" s="14" t="s">
        <v>25</v>
      </c>
      <c r="G23284" s="16">
        <v>0</v>
      </c>
    </row>
    <row r="23285" spans="1:7" x14ac:dyDescent="0.3">
      <c r="A23285" s="13" t="s">
        <v>154</v>
      </c>
      <c r="B23285" s="14" t="s">
        <v>1</v>
      </c>
      <c r="C23285" s="14" t="s">
        <v>59</v>
      </c>
      <c r="D23285" s="14" t="s">
        <v>155</v>
      </c>
      <c r="E23285" s="15">
        <v>45666</v>
      </c>
      <c r="F23285" s="14" t="s">
        <v>25</v>
      </c>
      <c r="G23285" s="16">
        <v>0</v>
      </c>
    </row>
    <row r="23286" spans="1:7" x14ac:dyDescent="0.3">
      <c r="A23286" s="13" t="s">
        <v>154</v>
      </c>
      <c r="B23286" s="14" t="s">
        <v>1</v>
      </c>
      <c r="C23286" s="14" t="s">
        <v>59</v>
      </c>
      <c r="D23286" s="14" t="s">
        <v>155</v>
      </c>
      <c r="E23286" s="15">
        <v>45667</v>
      </c>
      <c r="F23286" s="14" t="s">
        <v>25</v>
      </c>
      <c r="G23286" s="16">
        <v>0</v>
      </c>
    </row>
    <row r="23287" spans="1:7" x14ac:dyDescent="0.3">
      <c r="A23287" s="13" t="s">
        <v>154</v>
      </c>
      <c r="B23287" s="14" t="s">
        <v>1</v>
      </c>
      <c r="C23287" s="14" t="s">
        <v>59</v>
      </c>
      <c r="D23287" s="14" t="s">
        <v>155</v>
      </c>
      <c r="E23287" s="15">
        <v>45668</v>
      </c>
      <c r="F23287" s="14" t="s">
        <v>25</v>
      </c>
      <c r="G23287" s="16">
        <v>0</v>
      </c>
    </row>
    <row r="23288" spans="1:7" x14ac:dyDescent="0.3">
      <c r="A23288" s="13" t="s">
        <v>154</v>
      </c>
      <c r="B23288" s="14" t="s">
        <v>1</v>
      </c>
      <c r="C23288" s="14" t="s">
        <v>59</v>
      </c>
      <c r="D23288" s="14" t="s">
        <v>155</v>
      </c>
      <c r="E23288" s="15">
        <v>45669</v>
      </c>
      <c r="F23288" s="14" t="s">
        <v>25</v>
      </c>
      <c r="G23288" s="16">
        <v>0</v>
      </c>
    </row>
    <row r="23289" spans="1:7" x14ac:dyDescent="0.3">
      <c r="A23289" s="13" t="s">
        <v>154</v>
      </c>
      <c r="B23289" s="14" t="s">
        <v>1</v>
      </c>
      <c r="C23289" s="14" t="s">
        <v>59</v>
      </c>
      <c r="D23289" s="14" t="s">
        <v>155</v>
      </c>
      <c r="E23289" s="15">
        <v>45670</v>
      </c>
      <c r="F23289" s="14" t="s">
        <v>25</v>
      </c>
      <c r="G23289" s="16">
        <v>0</v>
      </c>
    </row>
    <row r="23290" spans="1:7" x14ac:dyDescent="0.3">
      <c r="A23290" s="13" t="s">
        <v>154</v>
      </c>
      <c r="B23290" s="14" t="s">
        <v>1</v>
      </c>
      <c r="C23290" s="14" t="s">
        <v>59</v>
      </c>
      <c r="D23290" s="14" t="s">
        <v>155</v>
      </c>
      <c r="E23290" s="15">
        <v>45671</v>
      </c>
      <c r="F23290" s="14" t="s">
        <v>25</v>
      </c>
      <c r="G23290" s="16">
        <v>0</v>
      </c>
    </row>
    <row r="23291" spans="1:7" x14ac:dyDescent="0.3">
      <c r="A23291" s="13" t="s">
        <v>154</v>
      </c>
      <c r="B23291" s="14" t="s">
        <v>1</v>
      </c>
      <c r="C23291" s="14" t="s">
        <v>59</v>
      </c>
      <c r="D23291" s="14" t="s">
        <v>155</v>
      </c>
      <c r="E23291" s="15">
        <v>45672</v>
      </c>
      <c r="F23291" s="14" t="s">
        <v>25</v>
      </c>
      <c r="G23291" s="16">
        <v>0</v>
      </c>
    </row>
    <row r="23292" spans="1:7" x14ac:dyDescent="0.3">
      <c r="A23292" s="13" t="s">
        <v>154</v>
      </c>
      <c r="B23292" s="14" t="s">
        <v>1</v>
      </c>
      <c r="C23292" s="14" t="s">
        <v>59</v>
      </c>
      <c r="D23292" s="14" t="s">
        <v>155</v>
      </c>
      <c r="E23292" s="15">
        <v>45673</v>
      </c>
      <c r="F23292" s="14" t="s">
        <v>25</v>
      </c>
      <c r="G23292" s="16">
        <v>0</v>
      </c>
    </row>
    <row r="23293" spans="1:7" x14ac:dyDescent="0.3">
      <c r="A23293" s="13" t="s">
        <v>154</v>
      </c>
      <c r="B23293" s="14" t="s">
        <v>1</v>
      </c>
      <c r="C23293" s="14" t="s">
        <v>59</v>
      </c>
      <c r="D23293" s="14" t="s">
        <v>155</v>
      </c>
      <c r="E23293" s="15">
        <v>45674</v>
      </c>
      <c r="F23293" s="14" t="s">
        <v>25</v>
      </c>
      <c r="G23293" s="16">
        <v>0</v>
      </c>
    </row>
    <row r="23294" spans="1:7" x14ac:dyDescent="0.3">
      <c r="A23294" s="13" t="s">
        <v>154</v>
      </c>
      <c r="B23294" s="14" t="s">
        <v>1</v>
      </c>
      <c r="C23294" s="14" t="s">
        <v>59</v>
      </c>
      <c r="D23294" s="14" t="s">
        <v>155</v>
      </c>
      <c r="E23294" s="15">
        <v>45675</v>
      </c>
      <c r="F23294" s="14" t="s">
        <v>25</v>
      </c>
      <c r="G23294" s="16">
        <v>0</v>
      </c>
    </row>
    <row r="23295" spans="1:7" x14ac:dyDescent="0.3">
      <c r="A23295" s="13" t="s">
        <v>154</v>
      </c>
      <c r="B23295" s="14" t="s">
        <v>1</v>
      </c>
      <c r="C23295" s="14" t="s">
        <v>59</v>
      </c>
      <c r="D23295" s="14" t="s">
        <v>155</v>
      </c>
      <c r="E23295" s="15">
        <v>45676</v>
      </c>
      <c r="F23295" s="14" t="s">
        <v>25</v>
      </c>
      <c r="G23295" s="16">
        <v>0</v>
      </c>
    </row>
    <row r="23296" spans="1:7" x14ac:dyDescent="0.3">
      <c r="A23296" s="13" t="s">
        <v>154</v>
      </c>
      <c r="B23296" s="14" t="s">
        <v>1</v>
      </c>
      <c r="C23296" s="14" t="s">
        <v>59</v>
      </c>
      <c r="D23296" s="14" t="s">
        <v>155</v>
      </c>
      <c r="E23296" s="15">
        <v>45677</v>
      </c>
      <c r="F23296" s="14" t="s">
        <v>25</v>
      </c>
      <c r="G23296" s="16">
        <v>0</v>
      </c>
    </row>
    <row r="23297" spans="1:7" x14ac:dyDescent="0.3">
      <c r="A23297" s="13" t="s">
        <v>154</v>
      </c>
      <c r="B23297" s="14" t="s">
        <v>1</v>
      </c>
      <c r="C23297" s="14" t="s">
        <v>59</v>
      </c>
      <c r="D23297" s="14" t="s">
        <v>155</v>
      </c>
      <c r="E23297" s="15">
        <v>45678</v>
      </c>
      <c r="F23297" s="14" t="s">
        <v>25</v>
      </c>
      <c r="G23297" s="16">
        <v>0</v>
      </c>
    </row>
    <row r="23298" spans="1:7" x14ac:dyDescent="0.3">
      <c r="A23298" s="13" t="s">
        <v>154</v>
      </c>
      <c r="B23298" s="14" t="s">
        <v>1</v>
      </c>
      <c r="C23298" s="14" t="s">
        <v>59</v>
      </c>
      <c r="D23298" s="14" t="s">
        <v>155</v>
      </c>
      <c r="E23298" s="15">
        <v>45679</v>
      </c>
      <c r="F23298" s="14" t="s">
        <v>25</v>
      </c>
      <c r="G23298" s="16">
        <v>0</v>
      </c>
    </row>
    <row r="23299" spans="1:7" x14ac:dyDescent="0.3">
      <c r="A23299" s="13" t="s">
        <v>154</v>
      </c>
      <c r="B23299" s="14" t="s">
        <v>1</v>
      </c>
      <c r="C23299" s="14" t="s">
        <v>59</v>
      </c>
      <c r="D23299" s="14" t="s">
        <v>155</v>
      </c>
      <c r="E23299" s="15">
        <v>45680</v>
      </c>
      <c r="F23299" s="14" t="s">
        <v>25</v>
      </c>
      <c r="G23299" s="16">
        <v>0</v>
      </c>
    </row>
    <row r="23300" spans="1:7" x14ac:dyDescent="0.3">
      <c r="A23300" s="13" t="s">
        <v>154</v>
      </c>
      <c r="B23300" s="14" t="s">
        <v>1</v>
      </c>
      <c r="C23300" s="14" t="s">
        <v>59</v>
      </c>
      <c r="D23300" s="14" t="s">
        <v>155</v>
      </c>
      <c r="E23300" s="15">
        <v>45681</v>
      </c>
      <c r="F23300" s="14" t="s">
        <v>25</v>
      </c>
      <c r="G23300" s="16">
        <v>0</v>
      </c>
    </row>
    <row r="23301" spans="1:7" x14ac:dyDescent="0.3">
      <c r="A23301" s="13" t="s">
        <v>154</v>
      </c>
      <c r="B23301" s="14" t="s">
        <v>1</v>
      </c>
      <c r="C23301" s="14" t="s">
        <v>59</v>
      </c>
      <c r="D23301" s="14" t="s">
        <v>155</v>
      </c>
      <c r="E23301" s="15">
        <v>45682</v>
      </c>
      <c r="F23301" s="14" t="s">
        <v>25</v>
      </c>
      <c r="G23301" s="16">
        <v>0</v>
      </c>
    </row>
    <row r="23302" spans="1:7" x14ac:dyDescent="0.3">
      <c r="A23302" s="13" t="s">
        <v>154</v>
      </c>
      <c r="B23302" s="14" t="s">
        <v>1</v>
      </c>
      <c r="C23302" s="14" t="s">
        <v>59</v>
      </c>
      <c r="D23302" s="14" t="s">
        <v>155</v>
      </c>
      <c r="E23302" s="15">
        <v>45683</v>
      </c>
      <c r="F23302" s="14" t="s">
        <v>25</v>
      </c>
      <c r="G23302" s="16">
        <v>0</v>
      </c>
    </row>
    <row r="23303" spans="1:7" x14ac:dyDescent="0.3">
      <c r="A23303" s="13" t="s">
        <v>154</v>
      </c>
      <c r="B23303" s="14" t="s">
        <v>1</v>
      </c>
      <c r="C23303" s="14" t="s">
        <v>59</v>
      </c>
      <c r="D23303" s="14" t="s">
        <v>155</v>
      </c>
      <c r="E23303" s="15">
        <v>45684</v>
      </c>
      <c r="F23303" s="14" t="s">
        <v>25</v>
      </c>
      <c r="G23303" s="16">
        <v>0</v>
      </c>
    </row>
    <row r="23304" spans="1:7" x14ac:dyDescent="0.3">
      <c r="A23304" s="13" t="s">
        <v>154</v>
      </c>
      <c r="B23304" s="14" t="s">
        <v>1</v>
      </c>
      <c r="C23304" s="14" t="s">
        <v>59</v>
      </c>
      <c r="D23304" s="14" t="s">
        <v>155</v>
      </c>
      <c r="E23304" s="15">
        <v>45685</v>
      </c>
      <c r="F23304" s="14" t="s">
        <v>25</v>
      </c>
      <c r="G23304" s="16">
        <v>0</v>
      </c>
    </row>
    <row r="23305" spans="1:7" x14ac:dyDescent="0.3">
      <c r="A23305" s="13" t="s">
        <v>154</v>
      </c>
      <c r="B23305" s="14" t="s">
        <v>1</v>
      </c>
      <c r="C23305" s="14" t="s">
        <v>59</v>
      </c>
      <c r="D23305" s="14" t="s">
        <v>155</v>
      </c>
      <c r="E23305" s="15">
        <v>45686</v>
      </c>
      <c r="F23305" s="14" t="s">
        <v>25</v>
      </c>
      <c r="G23305" s="16">
        <v>0</v>
      </c>
    </row>
    <row r="23306" spans="1:7" x14ac:dyDescent="0.3">
      <c r="A23306" s="13" t="s">
        <v>154</v>
      </c>
      <c r="B23306" s="14" t="s">
        <v>1</v>
      </c>
      <c r="C23306" s="14" t="s">
        <v>59</v>
      </c>
      <c r="D23306" s="14" t="s">
        <v>155</v>
      </c>
      <c r="E23306" s="15">
        <v>45687</v>
      </c>
      <c r="F23306" s="14" t="s">
        <v>25</v>
      </c>
      <c r="G23306" s="16">
        <v>0</v>
      </c>
    </row>
    <row r="23307" spans="1:7" x14ac:dyDescent="0.3">
      <c r="A23307" s="13" t="s">
        <v>154</v>
      </c>
      <c r="B23307" s="14" t="s">
        <v>1</v>
      </c>
      <c r="C23307" s="14" t="s">
        <v>59</v>
      </c>
      <c r="D23307" s="14" t="s">
        <v>155</v>
      </c>
      <c r="E23307" s="15">
        <v>45688</v>
      </c>
      <c r="F23307" s="14" t="s">
        <v>25</v>
      </c>
      <c r="G23307" s="16">
        <v>0</v>
      </c>
    </row>
    <row r="23308" spans="1:7" x14ac:dyDescent="0.3">
      <c r="A23308" s="13" t="s">
        <v>154</v>
      </c>
      <c r="B23308" s="14" t="s">
        <v>1</v>
      </c>
      <c r="C23308" s="14" t="s">
        <v>59</v>
      </c>
      <c r="D23308" s="14" t="s">
        <v>155</v>
      </c>
      <c r="E23308" s="15">
        <v>45689</v>
      </c>
      <c r="F23308" s="14" t="s">
        <v>25</v>
      </c>
      <c r="G23308" s="16">
        <v>0</v>
      </c>
    </row>
    <row r="23309" spans="1:7" x14ac:dyDescent="0.3">
      <c r="A23309" s="13" t="s">
        <v>154</v>
      </c>
      <c r="B23309" s="14" t="s">
        <v>1</v>
      </c>
      <c r="C23309" s="14" t="s">
        <v>59</v>
      </c>
      <c r="D23309" s="14" t="s">
        <v>155</v>
      </c>
      <c r="E23309" s="15">
        <v>45690</v>
      </c>
      <c r="F23309" s="14" t="s">
        <v>25</v>
      </c>
      <c r="G23309" s="16">
        <v>0</v>
      </c>
    </row>
    <row r="23310" spans="1:7" x14ac:dyDescent="0.3">
      <c r="A23310" s="13" t="s">
        <v>154</v>
      </c>
      <c r="B23310" s="14" t="s">
        <v>1</v>
      </c>
      <c r="C23310" s="14" t="s">
        <v>59</v>
      </c>
      <c r="D23310" s="14" t="s">
        <v>155</v>
      </c>
      <c r="E23310" s="15">
        <v>45691</v>
      </c>
      <c r="F23310" s="14" t="s">
        <v>25</v>
      </c>
      <c r="G23310" s="16">
        <v>0</v>
      </c>
    </row>
    <row r="23311" spans="1:7" x14ac:dyDescent="0.3">
      <c r="A23311" s="13" t="s">
        <v>154</v>
      </c>
      <c r="B23311" s="14" t="s">
        <v>1</v>
      </c>
      <c r="C23311" s="14" t="s">
        <v>59</v>
      </c>
      <c r="D23311" s="14" t="s">
        <v>155</v>
      </c>
      <c r="E23311" s="15">
        <v>45692</v>
      </c>
      <c r="F23311" s="14" t="s">
        <v>25</v>
      </c>
      <c r="G23311" s="16">
        <v>0</v>
      </c>
    </row>
    <row r="23312" spans="1:7" x14ac:dyDescent="0.3">
      <c r="A23312" s="13" t="s">
        <v>154</v>
      </c>
      <c r="B23312" s="14" t="s">
        <v>1</v>
      </c>
      <c r="C23312" s="14" t="s">
        <v>59</v>
      </c>
      <c r="D23312" s="14" t="s">
        <v>155</v>
      </c>
      <c r="E23312" s="15">
        <v>45693</v>
      </c>
      <c r="F23312" s="14" t="s">
        <v>25</v>
      </c>
      <c r="G23312" s="16">
        <v>0</v>
      </c>
    </row>
    <row r="23313" spans="1:7" x14ac:dyDescent="0.3">
      <c r="A23313" s="13" t="s">
        <v>154</v>
      </c>
      <c r="B23313" s="14" t="s">
        <v>1</v>
      </c>
      <c r="C23313" s="14" t="s">
        <v>59</v>
      </c>
      <c r="D23313" s="14" t="s">
        <v>155</v>
      </c>
      <c r="E23313" s="15">
        <v>45694</v>
      </c>
      <c r="F23313" s="14" t="s">
        <v>25</v>
      </c>
      <c r="G23313" s="16">
        <v>0</v>
      </c>
    </row>
    <row r="23314" spans="1:7" x14ac:dyDescent="0.3">
      <c r="A23314" s="13" t="s">
        <v>154</v>
      </c>
      <c r="B23314" s="14" t="s">
        <v>1</v>
      </c>
      <c r="C23314" s="14" t="s">
        <v>59</v>
      </c>
      <c r="D23314" s="14" t="s">
        <v>155</v>
      </c>
      <c r="E23314" s="15">
        <v>45695</v>
      </c>
      <c r="F23314" s="14" t="s">
        <v>25</v>
      </c>
      <c r="G23314" s="16">
        <v>0</v>
      </c>
    </row>
    <row r="23315" spans="1:7" x14ac:dyDescent="0.3">
      <c r="A23315" s="13" t="s">
        <v>154</v>
      </c>
      <c r="B23315" s="14" t="s">
        <v>1</v>
      </c>
      <c r="C23315" s="14" t="s">
        <v>59</v>
      </c>
      <c r="D23315" s="14" t="s">
        <v>155</v>
      </c>
      <c r="E23315" s="15">
        <v>45696</v>
      </c>
      <c r="F23315" s="14" t="s">
        <v>25</v>
      </c>
      <c r="G23315" s="16">
        <v>0</v>
      </c>
    </row>
    <row r="23316" spans="1:7" x14ac:dyDescent="0.3">
      <c r="A23316" s="13" t="s">
        <v>154</v>
      </c>
      <c r="B23316" s="14" t="s">
        <v>1</v>
      </c>
      <c r="C23316" s="14" t="s">
        <v>59</v>
      </c>
      <c r="D23316" s="14" t="s">
        <v>155</v>
      </c>
      <c r="E23316" s="15">
        <v>45697</v>
      </c>
      <c r="F23316" s="14" t="s">
        <v>25</v>
      </c>
      <c r="G23316" s="16">
        <v>0</v>
      </c>
    </row>
    <row r="23317" spans="1:7" x14ac:dyDescent="0.3">
      <c r="A23317" s="13" t="s">
        <v>154</v>
      </c>
      <c r="B23317" s="14" t="s">
        <v>1</v>
      </c>
      <c r="C23317" s="14" t="s">
        <v>59</v>
      </c>
      <c r="D23317" s="14" t="s">
        <v>155</v>
      </c>
      <c r="E23317" s="15">
        <v>45698</v>
      </c>
      <c r="F23317" s="14" t="s">
        <v>25</v>
      </c>
      <c r="G23317" s="16">
        <v>0</v>
      </c>
    </row>
    <row r="23318" spans="1:7" x14ac:dyDescent="0.3">
      <c r="A23318" s="13" t="s">
        <v>154</v>
      </c>
      <c r="B23318" s="14" t="s">
        <v>1</v>
      </c>
      <c r="C23318" s="14" t="s">
        <v>59</v>
      </c>
      <c r="D23318" s="14" t="s">
        <v>155</v>
      </c>
      <c r="E23318" s="15">
        <v>45699</v>
      </c>
      <c r="F23318" s="14" t="s">
        <v>25</v>
      </c>
      <c r="G23318" s="16">
        <v>0</v>
      </c>
    </row>
    <row r="23319" spans="1:7" x14ac:dyDescent="0.3">
      <c r="A23319" s="13" t="s">
        <v>154</v>
      </c>
      <c r="B23319" s="14" t="s">
        <v>1</v>
      </c>
      <c r="C23319" s="14" t="s">
        <v>59</v>
      </c>
      <c r="D23319" s="14" t="s">
        <v>155</v>
      </c>
      <c r="E23319" s="15">
        <v>45700</v>
      </c>
      <c r="F23319" s="14" t="s">
        <v>25</v>
      </c>
      <c r="G23319" s="16">
        <v>0</v>
      </c>
    </row>
    <row r="23320" spans="1:7" x14ac:dyDescent="0.3">
      <c r="A23320" s="13" t="s">
        <v>154</v>
      </c>
      <c r="B23320" s="14" t="s">
        <v>1</v>
      </c>
      <c r="C23320" s="14" t="s">
        <v>59</v>
      </c>
      <c r="D23320" s="14" t="s">
        <v>155</v>
      </c>
      <c r="E23320" s="15">
        <v>45701</v>
      </c>
      <c r="F23320" s="14" t="s">
        <v>25</v>
      </c>
      <c r="G23320" s="16">
        <v>0</v>
      </c>
    </row>
    <row r="23321" spans="1:7" x14ac:dyDescent="0.3">
      <c r="A23321" s="13" t="s">
        <v>154</v>
      </c>
      <c r="B23321" s="14" t="s">
        <v>1</v>
      </c>
      <c r="C23321" s="14" t="s">
        <v>59</v>
      </c>
      <c r="D23321" s="14" t="s">
        <v>155</v>
      </c>
      <c r="E23321" s="15">
        <v>45702</v>
      </c>
      <c r="F23321" s="14" t="s">
        <v>25</v>
      </c>
      <c r="G23321" s="16">
        <v>0</v>
      </c>
    </row>
    <row r="23322" spans="1:7" x14ac:dyDescent="0.3">
      <c r="A23322" s="13" t="s">
        <v>154</v>
      </c>
      <c r="B23322" s="14" t="s">
        <v>1</v>
      </c>
      <c r="C23322" s="14" t="s">
        <v>59</v>
      </c>
      <c r="D23322" s="14" t="s">
        <v>155</v>
      </c>
      <c r="E23322" s="15">
        <v>45703</v>
      </c>
      <c r="F23322" s="14" t="s">
        <v>25</v>
      </c>
      <c r="G23322" s="16">
        <v>0</v>
      </c>
    </row>
    <row r="23323" spans="1:7" x14ac:dyDescent="0.3">
      <c r="A23323" s="13" t="s">
        <v>154</v>
      </c>
      <c r="B23323" s="14" t="s">
        <v>1</v>
      </c>
      <c r="C23323" s="14" t="s">
        <v>59</v>
      </c>
      <c r="D23323" s="14" t="s">
        <v>155</v>
      </c>
      <c r="E23323" s="15">
        <v>45704</v>
      </c>
      <c r="F23323" s="14" t="s">
        <v>25</v>
      </c>
      <c r="G23323" s="16">
        <v>0</v>
      </c>
    </row>
    <row r="23324" spans="1:7" x14ac:dyDescent="0.3">
      <c r="A23324" s="13" t="s">
        <v>154</v>
      </c>
      <c r="B23324" s="14" t="s">
        <v>1</v>
      </c>
      <c r="C23324" s="14" t="s">
        <v>59</v>
      </c>
      <c r="D23324" s="14" t="s">
        <v>155</v>
      </c>
      <c r="E23324" s="15">
        <v>45705</v>
      </c>
      <c r="F23324" s="14" t="s">
        <v>25</v>
      </c>
      <c r="G23324" s="16">
        <v>0</v>
      </c>
    </row>
    <row r="23325" spans="1:7" x14ac:dyDescent="0.3">
      <c r="A23325" s="13" t="s">
        <v>154</v>
      </c>
      <c r="B23325" s="14" t="s">
        <v>1</v>
      </c>
      <c r="C23325" s="14" t="s">
        <v>59</v>
      </c>
      <c r="D23325" s="14" t="s">
        <v>155</v>
      </c>
      <c r="E23325" s="15">
        <v>45706</v>
      </c>
      <c r="F23325" s="14" t="s">
        <v>25</v>
      </c>
      <c r="G23325" s="16">
        <v>0</v>
      </c>
    </row>
    <row r="23326" spans="1:7" x14ac:dyDescent="0.3">
      <c r="A23326" s="13" t="s">
        <v>154</v>
      </c>
      <c r="B23326" s="14" t="s">
        <v>1</v>
      </c>
      <c r="C23326" s="14" t="s">
        <v>59</v>
      </c>
      <c r="D23326" s="14" t="s">
        <v>155</v>
      </c>
      <c r="E23326" s="15">
        <v>45707</v>
      </c>
      <c r="F23326" s="14" t="s">
        <v>25</v>
      </c>
      <c r="G23326" s="16">
        <v>0</v>
      </c>
    </row>
    <row r="23327" spans="1:7" x14ac:dyDescent="0.3">
      <c r="A23327" s="13" t="s">
        <v>154</v>
      </c>
      <c r="B23327" s="14" t="s">
        <v>1</v>
      </c>
      <c r="C23327" s="14" t="s">
        <v>59</v>
      </c>
      <c r="D23327" s="14" t="s">
        <v>155</v>
      </c>
      <c r="E23327" s="15">
        <v>45708</v>
      </c>
      <c r="F23327" s="14" t="s">
        <v>25</v>
      </c>
      <c r="G23327" s="16">
        <v>0</v>
      </c>
    </row>
    <row r="23328" spans="1:7" x14ac:dyDescent="0.3">
      <c r="A23328" s="13" t="s">
        <v>154</v>
      </c>
      <c r="B23328" s="14" t="s">
        <v>1</v>
      </c>
      <c r="C23328" s="14" t="s">
        <v>59</v>
      </c>
      <c r="D23328" s="14" t="s">
        <v>155</v>
      </c>
      <c r="E23328" s="15">
        <v>45709</v>
      </c>
      <c r="F23328" s="14" t="s">
        <v>25</v>
      </c>
      <c r="G23328" s="16">
        <v>0</v>
      </c>
    </row>
    <row r="23329" spans="1:7" x14ac:dyDescent="0.3">
      <c r="A23329" s="13" t="s">
        <v>154</v>
      </c>
      <c r="B23329" s="14" t="s">
        <v>1</v>
      </c>
      <c r="C23329" s="14" t="s">
        <v>59</v>
      </c>
      <c r="D23329" s="14" t="s">
        <v>155</v>
      </c>
      <c r="E23329" s="15">
        <v>45710</v>
      </c>
      <c r="F23329" s="14" t="s">
        <v>25</v>
      </c>
      <c r="G23329" s="16">
        <v>0</v>
      </c>
    </row>
    <row r="23330" spans="1:7" x14ac:dyDescent="0.3">
      <c r="A23330" s="13" t="s">
        <v>154</v>
      </c>
      <c r="B23330" s="14" t="s">
        <v>1</v>
      </c>
      <c r="C23330" s="14" t="s">
        <v>59</v>
      </c>
      <c r="D23330" s="14" t="s">
        <v>155</v>
      </c>
      <c r="E23330" s="15">
        <v>45711</v>
      </c>
      <c r="F23330" s="14" t="s">
        <v>25</v>
      </c>
      <c r="G23330" s="16">
        <v>0</v>
      </c>
    </row>
    <row r="23331" spans="1:7" x14ac:dyDescent="0.3">
      <c r="A23331" s="13" t="s">
        <v>154</v>
      </c>
      <c r="B23331" s="14" t="s">
        <v>1</v>
      </c>
      <c r="C23331" s="14" t="s">
        <v>59</v>
      </c>
      <c r="D23331" s="14" t="s">
        <v>155</v>
      </c>
      <c r="E23331" s="15">
        <v>45712</v>
      </c>
      <c r="F23331" s="14" t="s">
        <v>25</v>
      </c>
      <c r="G23331" s="16">
        <v>0</v>
      </c>
    </row>
    <row r="23332" spans="1:7" x14ac:dyDescent="0.3">
      <c r="A23332" s="13" t="s">
        <v>154</v>
      </c>
      <c r="B23332" s="14" t="s">
        <v>1</v>
      </c>
      <c r="C23332" s="14" t="s">
        <v>59</v>
      </c>
      <c r="D23332" s="14" t="s">
        <v>155</v>
      </c>
      <c r="E23332" s="15">
        <v>45713</v>
      </c>
      <c r="F23332" s="14" t="s">
        <v>25</v>
      </c>
      <c r="G23332" s="16">
        <v>0</v>
      </c>
    </row>
    <row r="23333" spans="1:7" x14ac:dyDescent="0.3">
      <c r="A23333" s="13" t="s">
        <v>154</v>
      </c>
      <c r="B23333" s="14" t="s">
        <v>1</v>
      </c>
      <c r="C23333" s="14" t="s">
        <v>59</v>
      </c>
      <c r="D23333" s="14" t="s">
        <v>155</v>
      </c>
      <c r="E23333" s="15">
        <v>45714</v>
      </c>
      <c r="F23333" s="14" t="s">
        <v>25</v>
      </c>
      <c r="G23333" s="16">
        <v>0</v>
      </c>
    </row>
    <row r="23334" spans="1:7" x14ac:dyDescent="0.3">
      <c r="A23334" s="13" t="s">
        <v>154</v>
      </c>
      <c r="B23334" s="14" t="s">
        <v>1</v>
      </c>
      <c r="C23334" s="14" t="s">
        <v>59</v>
      </c>
      <c r="D23334" s="14" t="s">
        <v>155</v>
      </c>
      <c r="E23334" s="15">
        <v>45715</v>
      </c>
      <c r="F23334" s="14" t="s">
        <v>25</v>
      </c>
      <c r="G23334" s="16">
        <v>0</v>
      </c>
    </row>
    <row r="23335" spans="1:7" x14ac:dyDescent="0.3">
      <c r="A23335" s="13" t="s">
        <v>154</v>
      </c>
      <c r="B23335" s="14" t="s">
        <v>1</v>
      </c>
      <c r="C23335" s="14" t="s">
        <v>59</v>
      </c>
      <c r="D23335" s="14" t="s">
        <v>155</v>
      </c>
      <c r="E23335" s="15">
        <v>45716</v>
      </c>
      <c r="F23335" s="14" t="s">
        <v>25</v>
      </c>
      <c r="G23335" s="16">
        <v>0</v>
      </c>
    </row>
    <row r="23336" spans="1:7" x14ac:dyDescent="0.3">
      <c r="A23336" s="13" t="s">
        <v>154</v>
      </c>
      <c r="B23336" s="14" t="s">
        <v>1</v>
      </c>
      <c r="C23336" s="14" t="s">
        <v>59</v>
      </c>
      <c r="D23336" s="14" t="s">
        <v>155</v>
      </c>
      <c r="E23336" s="15">
        <v>45717</v>
      </c>
      <c r="F23336" s="14" t="s">
        <v>25</v>
      </c>
      <c r="G23336" s="16">
        <v>0</v>
      </c>
    </row>
    <row r="23337" spans="1:7" x14ac:dyDescent="0.3">
      <c r="A23337" s="13" t="s">
        <v>154</v>
      </c>
      <c r="B23337" s="14" t="s">
        <v>1</v>
      </c>
      <c r="C23337" s="14" t="s">
        <v>59</v>
      </c>
      <c r="D23337" s="14" t="s">
        <v>155</v>
      </c>
      <c r="E23337" s="15">
        <v>45718</v>
      </c>
      <c r="F23337" s="14" t="s">
        <v>25</v>
      </c>
      <c r="G23337" s="16">
        <v>0</v>
      </c>
    </row>
    <row r="23338" spans="1:7" x14ac:dyDescent="0.3">
      <c r="A23338" s="13" t="s">
        <v>154</v>
      </c>
      <c r="B23338" s="14" t="s">
        <v>1</v>
      </c>
      <c r="C23338" s="14" t="s">
        <v>59</v>
      </c>
      <c r="D23338" s="14" t="s">
        <v>155</v>
      </c>
      <c r="E23338" s="15">
        <v>45719</v>
      </c>
      <c r="F23338" s="14" t="s">
        <v>25</v>
      </c>
      <c r="G23338" s="16">
        <v>0</v>
      </c>
    </row>
    <row r="23339" spans="1:7" x14ac:dyDescent="0.3">
      <c r="A23339" s="13" t="s">
        <v>154</v>
      </c>
      <c r="B23339" s="14" t="s">
        <v>1</v>
      </c>
      <c r="C23339" s="14" t="s">
        <v>59</v>
      </c>
      <c r="D23339" s="14" t="s">
        <v>155</v>
      </c>
      <c r="E23339" s="15">
        <v>45720</v>
      </c>
      <c r="F23339" s="14" t="s">
        <v>25</v>
      </c>
      <c r="G23339" s="16">
        <v>0</v>
      </c>
    </row>
    <row r="23340" spans="1:7" x14ac:dyDescent="0.3">
      <c r="A23340" s="13" t="s">
        <v>154</v>
      </c>
      <c r="B23340" s="14" t="s">
        <v>1</v>
      </c>
      <c r="C23340" s="14" t="s">
        <v>59</v>
      </c>
      <c r="D23340" s="14" t="s">
        <v>155</v>
      </c>
      <c r="E23340" s="15">
        <v>45721</v>
      </c>
      <c r="F23340" s="14" t="s">
        <v>25</v>
      </c>
      <c r="G23340" s="16">
        <v>0</v>
      </c>
    </row>
    <row r="23341" spans="1:7" x14ac:dyDescent="0.3">
      <c r="A23341" s="13" t="s">
        <v>154</v>
      </c>
      <c r="B23341" s="14" t="s">
        <v>1</v>
      </c>
      <c r="C23341" s="14" t="s">
        <v>59</v>
      </c>
      <c r="D23341" s="14" t="s">
        <v>155</v>
      </c>
      <c r="E23341" s="15">
        <v>45722</v>
      </c>
      <c r="F23341" s="14" t="s">
        <v>25</v>
      </c>
      <c r="G23341" s="16">
        <v>0</v>
      </c>
    </row>
    <row r="23342" spans="1:7" x14ac:dyDescent="0.3">
      <c r="A23342" s="13" t="s">
        <v>154</v>
      </c>
      <c r="B23342" s="14" t="s">
        <v>1</v>
      </c>
      <c r="C23342" s="14" t="s">
        <v>59</v>
      </c>
      <c r="D23342" s="14" t="s">
        <v>155</v>
      </c>
      <c r="E23342" s="15">
        <v>45723</v>
      </c>
      <c r="F23342" s="14" t="s">
        <v>25</v>
      </c>
      <c r="G23342" s="16">
        <v>0</v>
      </c>
    </row>
    <row r="23343" spans="1:7" x14ac:dyDescent="0.3">
      <c r="A23343" s="13" t="s">
        <v>154</v>
      </c>
      <c r="B23343" s="14" t="s">
        <v>1</v>
      </c>
      <c r="C23343" s="14" t="s">
        <v>59</v>
      </c>
      <c r="D23343" s="14" t="s">
        <v>155</v>
      </c>
      <c r="E23343" s="15">
        <v>45724</v>
      </c>
      <c r="F23343" s="14" t="s">
        <v>25</v>
      </c>
      <c r="G23343" s="16">
        <v>0</v>
      </c>
    </row>
    <row r="23344" spans="1:7" x14ac:dyDescent="0.3">
      <c r="A23344" s="13" t="s">
        <v>154</v>
      </c>
      <c r="B23344" s="14" t="s">
        <v>1</v>
      </c>
      <c r="C23344" s="14" t="s">
        <v>59</v>
      </c>
      <c r="D23344" s="14" t="s">
        <v>155</v>
      </c>
      <c r="E23344" s="15">
        <v>45725</v>
      </c>
      <c r="F23344" s="14" t="s">
        <v>25</v>
      </c>
      <c r="G23344" s="16">
        <v>0</v>
      </c>
    </row>
    <row r="23345" spans="1:7" x14ac:dyDescent="0.3">
      <c r="A23345" s="13" t="s">
        <v>154</v>
      </c>
      <c r="B23345" s="14" t="s">
        <v>1</v>
      </c>
      <c r="C23345" s="14" t="s">
        <v>59</v>
      </c>
      <c r="D23345" s="14" t="s">
        <v>155</v>
      </c>
      <c r="E23345" s="15">
        <v>45726</v>
      </c>
      <c r="F23345" s="14" t="s">
        <v>25</v>
      </c>
      <c r="G23345" s="16">
        <v>0</v>
      </c>
    </row>
    <row r="23346" spans="1:7" x14ac:dyDescent="0.3">
      <c r="A23346" s="13" t="s">
        <v>154</v>
      </c>
      <c r="B23346" s="14" t="s">
        <v>1</v>
      </c>
      <c r="C23346" s="14" t="s">
        <v>59</v>
      </c>
      <c r="D23346" s="14" t="s">
        <v>155</v>
      </c>
      <c r="E23346" s="15">
        <v>45727</v>
      </c>
      <c r="F23346" s="14" t="s">
        <v>25</v>
      </c>
      <c r="G23346" s="16">
        <v>0</v>
      </c>
    </row>
    <row r="23347" spans="1:7" x14ac:dyDescent="0.3">
      <c r="A23347" s="13" t="s">
        <v>154</v>
      </c>
      <c r="B23347" s="14" t="s">
        <v>1</v>
      </c>
      <c r="C23347" s="14" t="s">
        <v>59</v>
      </c>
      <c r="D23347" s="14" t="s">
        <v>155</v>
      </c>
      <c r="E23347" s="15">
        <v>45728</v>
      </c>
      <c r="F23347" s="14" t="s">
        <v>25</v>
      </c>
      <c r="G23347" s="16">
        <v>0</v>
      </c>
    </row>
    <row r="23348" spans="1:7" x14ac:dyDescent="0.3">
      <c r="A23348" s="13" t="s">
        <v>154</v>
      </c>
      <c r="B23348" s="14" t="s">
        <v>1</v>
      </c>
      <c r="C23348" s="14" t="s">
        <v>59</v>
      </c>
      <c r="D23348" s="14" t="s">
        <v>155</v>
      </c>
      <c r="E23348" s="15">
        <v>45729</v>
      </c>
      <c r="F23348" s="14" t="s">
        <v>25</v>
      </c>
      <c r="G23348" s="16">
        <v>0</v>
      </c>
    </row>
    <row r="23349" spans="1:7" x14ac:dyDescent="0.3">
      <c r="A23349" s="13" t="s">
        <v>154</v>
      </c>
      <c r="B23349" s="14" t="s">
        <v>1</v>
      </c>
      <c r="C23349" s="14" t="s">
        <v>59</v>
      </c>
      <c r="D23349" s="14" t="s">
        <v>155</v>
      </c>
      <c r="E23349" s="15">
        <v>45730</v>
      </c>
      <c r="F23349" s="14" t="s">
        <v>25</v>
      </c>
      <c r="G23349" s="16">
        <v>0</v>
      </c>
    </row>
    <row r="23350" spans="1:7" x14ac:dyDescent="0.3">
      <c r="A23350" s="13" t="s">
        <v>154</v>
      </c>
      <c r="B23350" s="14" t="s">
        <v>1</v>
      </c>
      <c r="C23350" s="14" t="s">
        <v>59</v>
      </c>
      <c r="D23350" s="14" t="s">
        <v>155</v>
      </c>
      <c r="E23350" s="15">
        <v>45731</v>
      </c>
      <c r="F23350" s="14" t="s">
        <v>25</v>
      </c>
      <c r="G23350" s="16">
        <v>0</v>
      </c>
    </row>
    <row r="23351" spans="1:7" x14ac:dyDescent="0.3">
      <c r="A23351" s="13" t="s">
        <v>154</v>
      </c>
      <c r="B23351" s="14" t="s">
        <v>1</v>
      </c>
      <c r="C23351" s="14" t="s">
        <v>59</v>
      </c>
      <c r="D23351" s="14" t="s">
        <v>155</v>
      </c>
      <c r="E23351" s="15">
        <v>45732</v>
      </c>
      <c r="F23351" s="14" t="s">
        <v>25</v>
      </c>
      <c r="G23351" s="16">
        <v>0</v>
      </c>
    </row>
    <row r="23352" spans="1:7" x14ac:dyDescent="0.3">
      <c r="A23352" s="13" t="s">
        <v>154</v>
      </c>
      <c r="B23352" s="14" t="s">
        <v>1</v>
      </c>
      <c r="C23352" s="14" t="s">
        <v>59</v>
      </c>
      <c r="D23352" s="14" t="s">
        <v>155</v>
      </c>
      <c r="E23352" s="15">
        <v>45733</v>
      </c>
      <c r="F23352" s="14" t="s">
        <v>25</v>
      </c>
      <c r="G23352" s="16">
        <v>0</v>
      </c>
    </row>
    <row r="23353" spans="1:7" x14ac:dyDescent="0.3">
      <c r="A23353" s="13" t="s">
        <v>154</v>
      </c>
      <c r="B23353" s="14" t="s">
        <v>1</v>
      </c>
      <c r="C23353" s="14" t="s">
        <v>59</v>
      </c>
      <c r="D23353" s="14" t="s">
        <v>155</v>
      </c>
      <c r="E23353" s="15">
        <v>45734</v>
      </c>
      <c r="F23353" s="14" t="s">
        <v>25</v>
      </c>
      <c r="G23353" s="16">
        <v>0</v>
      </c>
    </row>
    <row r="23354" spans="1:7" x14ac:dyDescent="0.3">
      <c r="A23354" s="13" t="s">
        <v>154</v>
      </c>
      <c r="B23354" s="14" t="s">
        <v>1</v>
      </c>
      <c r="C23354" s="14" t="s">
        <v>59</v>
      </c>
      <c r="D23354" s="14" t="s">
        <v>155</v>
      </c>
      <c r="E23354" s="15">
        <v>45735</v>
      </c>
      <c r="F23354" s="14" t="s">
        <v>25</v>
      </c>
      <c r="G23354" s="16">
        <v>0</v>
      </c>
    </row>
    <row r="23355" spans="1:7" x14ac:dyDescent="0.3">
      <c r="A23355" s="13" t="s">
        <v>154</v>
      </c>
      <c r="B23355" s="14" t="s">
        <v>1</v>
      </c>
      <c r="C23355" s="14" t="s">
        <v>59</v>
      </c>
      <c r="D23355" s="14" t="s">
        <v>155</v>
      </c>
      <c r="E23355" s="15">
        <v>45736</v>
      </c>
      <c r="F23355" s="14" t="s">
        <v>25</v>
      </c>
      <c r="G23355" s="16">
        <v>0</v>
      </c>
    </row>
    <row r="23356" spans="1:7" x14ac:dyDescent="0.3">
      <c r="A23356" s="13" t="s">
        <v>154</v>
      </c>
      <c r="B23356" s="14" t="s">
        <v>1</v>
      </c>
      <c r="C23356" s="14" t="s">
        <v>59</v>
      </c>
      <c r="D23356" s="14" t="s">
        <v>155</v>
      </c>
      <c r="E23356" s="15">
        <v>45737</v>
      </c>
      <c r="F23356" s="14" t="s">
        <v>25</v>
      </c>
      <c r="G23356" s="16">
        <v>0</v>
      </c>
    </row>
    <row r="23357" spans="1:7" x14ac:dyDescent="0.3">
      <c r="A23357" s="13" t="s">
        <v>154</v>
      </c>
      <c r="B23357" s="14" t="s">
        <v>1</v>
      </c>
      <c r="C23357" s="14" t="s">
        <v>59</v>
      </c>
      <c r="D23357" s="14" t="s">
        <v>155</v>
      </c>
      <c r="E23357" s="15">
        <v>45738</v>
      </c>
      <c r="F23357" s="14" t="s">
        <v>25</v>
      </c>
      <c r="G23357" s="16">
        <v>0</v>
      </c>
    </row>
    <row r="23358" spans="1:7" x14ac:dyDescent="0.3">
      <c r="A23358" s="13" t="s">
        <v>154</v>
      </c>
      <c r="B23358" s="14" t="s">
        <v>1</v>
      </c>
      <c r="C23358" s="14" t="s">
        <v>59</v>
      </c>
      <c r="D23358" s="14" t="s">
        <v>155</v>
      </c>
      <c r="E23358" s="15">
        <v>45739</v>
      </c>
      <c r="F23358" s="14" t="s">
        <v>25</v>
      </c>
      <c r="G23358" s="16">
        <v>0</v>
      </c>
    </row>
    <row r="23359" spans="1:7" x14ac:dyDescent="0.3">
      <c r="A23359" s="13" t="s">
        <v>154</v>
      </c>
      <c r="B23359" s="14" t="s">
        <v>1</v>
      </c>
      <c r="C23359" s="14" t="s">
        <v>59</v>
      </c>
      <c r="D23359" s="14" t="s">
        <v>155</v>
      </c>
      <c r="E23359" s="15">
        <v>45740</v>
      </c>
      <c r="F23359" s="14" t="s">
        <v>25</v>
      </c>
      <c r="G23359" s="16">
        <v>0</v>
      </c>
    </row>
    <row r="23360" spans="1:7" x14ac:dyDescent="0.3">
      <c r="A23360" s="13" t="s">
        <v>154</v>
      </c>
      <c r="B23360" s="14" t="s">
        <v>1</v>
      </c>
      <c r="C23360" s="14" t="s">
        <v>59</v>
      </c>
      <c r="D23360" s="14" t="s">
        <v>155</v>
      </c>
      <c r="E23360" s="15">
        <v>45741</v>
      </c>
      <c r="F23360" s="14" t="s">
        <v>25</v>
      </c>
      <c r="G23360" s="16">
        <v>0</v>
      </c>
    </row>
    <row r="23361" spans="1:7" x14ac:dyDescent="0.3">
      <c r="A23361" s="13" t="s">
        <v>154</v>
      </c>
      <c r="B23361" s="14" t="s">
        <v>1</v>
      </c>
      <c r="C23361" s="14" t="s">
        <v>59</v>
      </c>
      <c r="D23361" s="14" t="s">
        <v>155</v>
      </c>
      <c r="E23361" s="15">
        <v>45742</v>
      </c>
      <c r="F23361" s="14" t="s">
        <v>25</v>
      </c>
      <c r="G23361" s="16">
        <v>0</v>
      </c>
    </row>
    <row r="23362" spans="1:7" x14ac:dyDescent="0.3">
      <c r="A23362" s="13" t="s">
        <v>154</v>
      </c>
      <c r="B23362" s="14" t="s">
        <v>1</v>
      </c>
      <c r="C23362" s="14" t="s">
        <v>59</v>
      </c>
      <c r="D23362" s="14" t="s">
        <v>155</v>
      </c>
      <c r="E23362" s="15">
        <v>45743</v>
      </c>
      <c r="F23362" s="14" t="s">
        <v>25</v>
      </c>
      <c r="G23362" s="16">
        <v>0</v>
      </c>
    </row>
    <row r="23363" spans="1:7" x14ac:dyDescent="0.3">
      <c r="A23363" s="13" t="s">
        <v>154</v>
      </c>
      <c r="B23363" s="14" t="s">
        <v>1</v>
      </c>
      <c r="C23363" s="14" t="s">
        <v>59</v>
      </c>
      <c r="D23363" s="14" t="s">
        <v>155</v>
      </c>
      <c r="E23363" s="15">
        <v>45744</v>
      </c>
      <c r="F23363" s="14" t="s">
        <v>25</v>
      </c>
      <c r="G23363" s="16">
        <v>0</v>
      </c>
    </row>
    <row r="23364" spans="1:7" x14ac:dyDescent="0.3">
      <c r="A23364" s="13" t="s">
        <v>154</v>
      </c>
      <c r="B23364" s="14" t="s">
        <v>1</v>
      </c>
      <c r="C23364" s="14" t="s">
        <v>59</v>
      </c>
      <c r="D23364" s="14" t="s">
        <v>155</v>
      </c>
      <c r="E23364" s="15">
        <v>45745</v>
      </c>
      <c r="F23364" s="14" t="s">
        <v>25</v>
      </c>
      <c r="G23364" s="16">
        <v>0</v>
      </c>
    </row>
    <row r="23365" spans="1:7" x14ac:dyDescent="0.3">
      <c r="A23365" s="13" t="s">
        <v>154</v>
      </c>
      <c r="B23365" s="14" t="s">
        <v>1</v>
      </c>
      <c r="C23365" s="14" t="s">
        <v>59</v>
      </c>
      <c r="D23365" s="14" t="s">
        <v>155</v>
      </c>
      <c r="E23365" s="15">
        <v>45746</v>
      </c>
      <c r="F23365" s="14" t="s">
        <v>25</v>
      </c>
      <c r="G23365" s="16">
        <v>0</v>
      </c>
    </row>
    <row r="23366" spans="1:7" x14ac:dyDescent="0.3">
      <c r="A23366" s="13" t="s">
        <v>154</v>
      </c>
      <c r="B23366" s="14" t="s">
        <v>1</v>
      </c>
      <c r="C23366" s="14" t="s">
        <v>59</v>
      </c>
      <c r="D23366" s="14" t="s">
        <v>155</v>
      </c>
      <c r="E23366" s="15">
        <v>45747</v>
      </c>
      <c r="F23366" s="14" t="s">
        <v>25</v>
      </c>
      <c r="G23366" s="16">
        <v>0</v>
      </c>
    </row>
    <row r="23367" spans="1:7" x14ac:dyDescent="0.3">
      <c r="A23367" s="13" t="s">
        <v>156</v>
      </c>
      <c r="B23367" s="14" t="s">
        <v>1</v>
      </c>
      <c r="C23367" s="14" t="s">
        <v>157</v>
      </c>
      <c r="D23367" s="14" t="s">
        <v>94</v>
      </c>
      <c r="E23367" s="15">
        <v>45383</v>
      </c>
      <c r="F23367" s="14" t="s">
        <v>15</v>
      </c>
      <c r="G23367" s="16">
        <v>0</v>
      </c>
    </row>
    <row r="23368" spans="1:7" x14ac:dyDescent="0.3">
      <c r="A23368" s="13" t="s">
        <v>156</v>
      </c>
      <c r="B23368" s="14" t="s">
        <v>1</v>
      </c>
      <c r="C23368" s="14" t="s">
        <v>157</v>
      </c>
      <c r="D23368" s="14" t="s">
        <v>94</v>
      </c>
      <c r="E23368" s="15">
        <v>45384</v>
      </c>
      <c r="F23368" s="14" t="s">
        <v>15</v>
      </c>
      <c r="G23368" s="16">
        <v>0</v>
      </c>
    </row>
    <row r="23369" spans="1:7" x14ac:dyDescent="0.3">
      <c r="A23369" s="13" t="s">
        <v>156</v>
      </c>
      <c r="B23369" s="14" t="s">
        <v>1</v>
      </c>
      <c r="C23369" s="14" t="s">
        <v>157</v>
      </c>
      <c r="D23369" s="14" t="s">
        <v>94</v>
      </c>
      <c r="E23369" s="15">
        <v>45385</v>
      </c>
      <c r="F23369" s="14" t="s">
        <v>15</v>
      </c>
      <c r="G23369" s="16">
        <v>0</v>
      </c>
    </row>
    <row r="23370" spans="1:7" x14ac:dyDescent="0.3">
      <c r="A23370" s="13" t="s">
        <v>156</v>
      </c>
      <c r="B23370" s="14" t="s">
        <v>1</v>
      </c>
      <c r="C23370" s="14" t="s">
        <v>157</v>
      </c>
      <c r="D23370" s="14" t="s">
        <v>94</v>
      </c>
      <c r="E23370" s="15">
        <v>45386</v>
      </c>
      <c r="F23370" s="14" t="s">
        <v>15</v>
      </c>
      <c r="G23370" s="16">
        <v>0</v>
      </c>
    </row>
    <row r="23371" spans="1:7" x14ac:dyDescent="0.3">
      <c r="A23371" s="13" t="s">
        <v>156</v>
      </c>
      <c r="B23371" s="14" t="s">
        <v>1</v>
      </c>
      <c r="C23371" s="14" t="s">
        <v>157</v>
      </c>
      <c r="D23371" s="14" t="s">
        <v>94</v>
      </c>
      <c r="E23371" s="15">
        <v>45387</v>
      </c>
      <c r="F23371" s="14" t="s">
        <v>15</v>
      </c>
      <c r="G23371" s="16">
        <v>0</v>
      </c>
    </row>
    <row r="23372" spans="1:7" x14ac:dyDescent="0.3">
      <c r="A23372" s="13" t="s">
        <v>156</v>
      </c>
      <c r="B23372" s="14" t="s">
        <v>1</v>
      </c>
      <c r="C23372" s="14" t="s">
        <v>157</v>
      </c>
      <c r="D23372" s="14" t="s">
        <v>94</v>
      </c>
      <c r="E23372" s="15">
        <v>45388</v>
      </c>
      <c r="F23372" s="14" t="s">
        <v>15</v>
      </c>
      <c r="G23372" s="16">
        <v>0</v>
      </c>
    </row>
    <row r="23373" spans="1:7" x14ac:dyDescent="0.3">
      <c r="A23373" s="13" t="s">
        <v>156</v>
      </c>
      <c r="B23373" s="14" t="s">
        <v>1</v>
      </c>
      <c r="C23373" s="14" t="s">
        <v>157</v>
      </c>
      <c r="D23373" s="14" t="s">
        <v>94</v>
      </c>
      <c r="E23373" s="15">
        <v>45389</v>
      </c>
      <c r="F23373" s="14" t="s">
        <v>15</v>
      </c>
      <c r="G23373" s="16">
        <v>0</v>
      </c>
    </row>
    <row r="23374" spans="1:7" x14ac:dyDescent="0.3">
      <c r="A23374" s="13" t="s">
        <v>156</v>
      </c>
      <c r="B23374" s="14" t="s">
        <v>1</v>
      </c>
      <c r="C23374" s="14" t="s">
        <v>157</v>
      </c>
      <c r="D23374" s="14" t="s">
        <v>94</v>
      </c>
      <c r="E23374" s="15">
        <v>45390</v>
      </c>
      <c r="F23374" s="14" t="s">
        <v>15</v>
      </c>
      <c r="G23374" s="16">
        <v>6.6176842372782013E-2</v>
      </c>
    </row>
    <row r="23375" spans="1:7" x14ac:dyDescent="0.3">
      <c r="A23375" s="13" t="s">
        <v>156</v>
      </c>
      <c r="B23375" s="14" t="s">
        <v>1</v>
      </c>
      <c r="C23375" s="14" t="s">
        <v>157</v>
      </c>
      <c r="D23375" s="14" t="s">
        <v>94</v>
      </c>
      <c r="E23375" s="15">
        <v>45391</v>
      </c>
      <c r="F23375" s="14" t="s">
        <v>15</v>
      </c>
      <c r="G23375" s="16">
        <v>5.846409343308475E-2</v>
      </c>
    </row>
    <row r="23376" spans="1:7" x14ac:dyDescent="0.3">
      <c r="A23376" s="13" t="s">
        <v>156</v>
      </c>
      <c r="B23376" s="14" t="s">
        <v>1</v>
      </c>
      <c r="C23376" s="14" t="s">
        <v>157</v>
      </c>
      <c r="D23376" s="14" t="s">
        <v>94</v>
      </c>
      <c r="E23376" s="15">
        <v>45392</v>
      </c>
      <c r="F23376" s="14" t="s">
        <v>15</v>
      </c>
      <c r="G23376" s="16">
        <v>5.846409343308475E-2</v>
      </c>
    </row>
    <row r="23377" spans="1:7" x14ac:dyDescent="0.3">
      <c r="A23377" s="13" t="s">
        <v>156</v>
      </c>
      <c r="B23377" s="14" t="s">
        <v>1</v>
      </c>
      <c r="C23377" s="14" t="s">
        <v>157</v>
      </c>
      <c r="D23377" s="14" t="s">
        <v>94</v>
      </c>
      <c r="E23377" s="15">
        <v>45393</v>
      </c>
      <c r="F23377" s="14" t="s">
        <v>15</v>
      </c>
      <c r="G23377" s="16">
        <v>5.5882651272510769E-2</v>
      </c>
    </row>
    <row r="23378" spans="1:7" x14ac:dyDescent="0.3">
      <c r="A23378" s="13" t="s">
        <v>156</v>
      </c>
      <c r="B23378" s="14" t="s">
        <v>1</v>
      </c>
      <c r="C23378" s="14" t="s">
        <v>157</v>
      </c>
      <c r="D23378" s="14" t="s">
        <v>94</v>
      </c>
      <c r="E23378" s="15">
        <v>45394</v>
      </c>
      <c r="F23378" s="14" t="s">
        <v>15</v>
      </c>
      <c r="G23378" s="16">
        <v>0.1498938540247956</v>
      </c>
    </row>
    <row r="23379" spans="1:7" x14ac:dyDescent="0.3">
      <c r="A23379" s="13" t="s">
        <v>156</v>
      </c>
      <c r="B23379" s="14" t="s">
        <v>1</v>
      </c>
      <c r="C23379" s="14" t="s">
        <v>157</v>
      </c>
      <c r="D23379" s="14" t="s">
        <v>94</v>
      </c>
      <c r="E23379" s="15">
        <v>45395</v>
      </c>
      <c r="F23379" s="14" t="s">
        <v>15</v>
      </c>
      <c r="G23379" s="16">
        <v>0.1498938540247956</v>
      </c>
    </row>
    <row r="23380" spans="1:7" x14ac:dyDescent="0.3">
      <c r="A23380" s="13" t="s">
        <v>156</v>
      </c>
      <c r="B23380" s="14" t="s">
        <v>1</v>
      </c>
      <c r="C23380" s="14" t="s">
        <v>157</v>
      </c>
      <c r="D23380" s="14" t="s">
        <v>94</v>
      </c>
      <c r="E23380" s="15">
        <v>45396</v>
      </c>
      <c r="F23380" s="14" t="s">
        <v>15</v>
      </c>
      <c r="G23380" s="16">
        <v>0.1498938540247956</v>
      </c>
    </row>
    <row r="23381" spans="1:7" x14ac:dyDescent="0.3">
      <c r="A23381" s="13" t="s">
        <v>156</v>
      </c>
      <c r="B23381" s="14" t="s">
        <v>1</v>
      </c>
      <c r="C23381" s="14" t="s">
        <v>157</v>
      </c>
      <c r="D23381" s="14" t="s">
        <v>94</v>
      </c>
      <c r="E23381" s="15">
        <v>45397</v>
      </c>
      <c r="F23381" s="14" t="s">
        <v>15</v>
      </c>
      <c r="G23381" s="16">
        <v>0.14728963848149576</v>
      </c>
    </row>
    <row r="23382" spans="1:7" x14ac:dyDescent="0.3">
      <c r="A23382" s="13" t="s">
        <v>156</v>
      </c>
      <c r="B23382" s="14" t="s">
        <v>1</v>
      </c>
      <c r="C23382" s="14" t="s">
        <v>157</v>
      </c>
      <c r="D23382" s="14" t="s">
        <v>94</v>
      </c>
      <c r="E23382" s="15">
        <v>45398</v>
      </c>
      <c r="F23382" s="14" t="s">
        <v>15</v>
      </c>
      <c r="G23382" s="16">
        <v>0.13955481974869893</v>
      </c>
    </row>
    <row r="23383" spans="1:7" x14ac:dyDescent="0.3">
      <c r="A23383" s="13" t="s">
        <v>156</v>
      </c>
      <c r="B23383" s="14" t="s">
        <v>1</v>
      </c>
      <c r="C23383" s="14" t="s">
        <v>157</v>
      </c>
      <c r="D23383" s="14" t="s">
        <v>94</v>
      </c>
      <c r="E23383" s="15">
        <v>45399</v>
      </c>
      <c r="F23383" s="14" t="s">
        <v>15</v>
      </c>
      <c r="G23383" s="16">
        <v>0.13701775363556967</v>
      </c>
    </row>
    <row r="23384" spans="1:7" x14ac:dyDescent="0.3">
      <c r="A23384" s="13" t="s">
        <v>156</v>
      </c>
      <c r="B23384" s="14" t="s">
        <v>1</v>
      </c>
      <c r="C23384" s="14" t="s">
        <v>157</v>
      </c>
      <c r="D23384" s="14" t="s">
        <v>94</v>
      </c>
      <c r="E23384" s="15">
        <v>45400</v>
      </c>
      <c r="F23384" s="14" t="s">
        <v>15</v>
      </c>
      <c r="G23384" s="16">
        <v>0.13455135262958323</v>
      </c>
    </row>
    <row r="23385" spans="1:7" x14ac:dyDescent="0.3">
      <c r="A23385" s="13" t="s">
        <v>156</v>
      </c>
      <c r="B23385" s="14" t="s">
        <v>1</v>
      </c>
      <c r="C23385" s="14" t="s">
        <v>157</v>
      </c>
      <c r="D23385" s="14" t="s">
        <v>94</v>
      </c>
      <c r="E23385" s="15">
        <v>45401</v>
      </c>
      <c r="F23385" s="14" t="s">
        <v>15</v>
      </c>
      <c r="G23385" s="16">
        <v>0.11632522645995658</v>
      </c>
    </row>
    <row r="23386" spans="1:7" x14ac:dyDescent="0.3">
      <c r="A23386" s="13" t="s">
        <v>156</v>
      </c>
      <c r="B23386" s="14" t="s">
        <v>1</v>
      </c>
      <c r="C23386" s="14" t="s">
        <v>157</v>
      </c>
      <c r="D23386" s="14" t="s">
        <v>94</v>
      </c>
      <c r="E23386" s="15">
        <v>45402</v>
      </c>
      <c r="F23386" s="14" t="s">
        <v>15</v>
      </c>
      <c r="G23386" s="16">
        <v>0.11632522645995658</v>
      </c>
    </row>
    <row r="23387" spans="1:7" x14ac:dyDescent="0.3">
      <c r="A23387" s="13" t="s">
        <v>156</v>
      </c>
      <c r="B23387" s="14" t="s">
        <v>1</v>
      </c>
      <c r="C23387" s="14" t="s">
        <v>157</v>
      </c>
      <c r="D23387" s="14" t="s">
        <v>94</v>
      </c>
      <c r="E23387" s="15">
        <v>45403</v>
      </c>
      <c r="F23387" s="14" t="s">
        <v>15</v>
      </c>
      <c r="G23387" s="16">
        <v>0.11632522645995658</v>
      </c>
    </row>
    <row r="23388" spans="1:7" x14ac:dyDescent="0.3">
      <c r="A23388" s="13" t="s">
        <v>156</v>
      </c>
      <c r="B23388" s="14" t="s">
        <v>1</v>
      </c>
      <c r="C23388" s="14" t="s">
        <v>157</v>
      </c>
      <c r="D23388" s="14" t="s">
        <v>94</v>
      </c>
      <c r="E23388" s="15">
        <v>45404</v>
      </c>
      <c r="F23388" s="14" t="s">
        <v>15</v>
      </c>
      <c r="G23388" s="16">
        <v>0.11381523105951387</v>
      </c>
    </row>
    <row r="23389" spans="1:7" x14ac:dyDescent="0.3">
      <c r="A23389" s="13" t="s">
        <v>156</v>
      </c>
      <c r="B23389" s="14" t="s">
        <v>1</v>
      </c>
      <c r="C23389" s="14" t="s">
        <v>157</v>
      </c>
      <c r="D23389" s="14" t="s">
        <v>94</v>
      </c>
      <c r="E23389" s="15">
        <v>45405</v>
      </c>
      <c r="F23389" s="14" t="s">
        <v>15</v>
      </c>
      <c r="G23389" s="16">
        <v>0.13806182260815505</v>
      </c>
    </row>
    <row r="23390" spans="1:7" x14ac:dyDescent="0.3">
      <c r="A23390" s="13" t="s">
        <v>156</v>
      </c>
      <c r="B23390" s="14" t="s">
        <v>1</v>
      </c>
      <c r="C23390" s="14" t="s">
        <v>157</v>
      </c>
      <c r="D23390" s="14" t="s">
        <v>94</v>
      </c>
      <c r="E23390" s="15">
        <v>45406</v>
      </c>
      <c r="F23390" s="14" t="s">
        <v>15</v>
      </c>
      <c r="G23390" s="16">
        <v>0.13498949467599614</v>
      </c>
    </row>
    <row r="23391" spans="1:7" x14ac:dyDescent="0.3">
      <c r="A23391" s="13" t="s">
        <v>156</v>
      </c>
      <c r="B23391" s="14" t="s">
        <v>1</v>
      </c>
      <c r="C23391" s="14" t="s">
        <v>157</v>
      </c>
      <c r="D23391" s="14" t="s">
        <v>94</v>
      </c>
      <c r="E23391" s="15">
        <v>45407</v>
      </c>
      <c r="F23391" s="14" t="s">
        <v>15</v>
      </c>
      <c r="G23391" s="16">
        <v>0.13253592589095853</v>
      </c>
    </row>
    <row r="23392" spans="1:7" x14ac:dyDescent="0.3">
      <c r="A23392" s="13" t="s">
        <v>156</v>
      </c>
      <c r="B23392" s="14" t="s">
        <v>1</v>
      </c>
      <c r="C23392" s="14" t="s">
        <v>157</v>
      </c>
      <c r="D23392" s="14" t="s">
        <v>94</v>
      </c>
      <c r="E23392" s="15">
        <v>45408</v>
      </c>
      <c r="F23392" s="14" t="s">
        <v>15</v>
      </c>
      <c r="G23392" s="16">
        <v>0.20263521803268128</v>
      </c>
    </row>
    <row r="23393" spans="1:7" x14ac:dyDescent="0.3">
      <c r="A23393" s="13" t="s">
        <v>156</v>
      </c>
      <c r="B23393" s="14" t="s">
        <v>1</v>
      </c>
      <c r="C23393" s="14" t="s">
        <v>157</v>
      </c>
      <c r="D23393" s="14" t="s">
        <v>94</v>
      </c>
      <c r="E23393" s="15">
        <v>45409</v>
      </c>
      <c r="F23393" s="14" t="s">
        <v>15</v>
      </c>
      <c r="G23393" s="16">
        <v>0.20263521803268128</v>
      </c>
    </row>
    <row r="23394" spans="1:7" x14ac:dyDescent="0.3">
      <c r="A23394" s="13" t="s">
        <v>156</v>
      </c>
      <c r="B23394" s="14" t="s">
        <v>1</v>
      </c>
      <c r="C23394" s="14" t="s">
        <v>157</v>
      </c>
      <c r="D23394" s="14" t="s">
        <v>94</v>
      </c>
      <c r="E23394" s="15">
        <v>45410</v>
      </c>
      <c r="F23394" s="14" t="s">
        <v>15</v>
      </c>
      <c r="G23394" s="16">
        <v>0.20263521803268128</v>
      </c>
    </row>
    <row r="23395" spans="1:7" x14ac:dyDescent="0.3">
      <c r="A23395" s="13" t="s">
        <v>156</v>
      </c>
      <c r="B23395" s="14" t="s">
        <v>1</v>
      </c>
      <c r="C23395" s="14" t="s">
        <v>157</v>
      </c>
      <c r="D23395" s="14" t="s">
        <v>94</v>
      </c>
      <c r="E23395" s="15">
        <v>45411</v>
      </c>
      <c r="F23395" s="14" t="s">
        <v>15</v>
      </c>
      <c r="G23395" s="16">
        <v>0.22070078234467544</v>
      </c>
    </row>
    <row r="23396" spans="1:7" x14ac:dyDescent="0.3">
      <c r="A23396" s="13" t="s">
        <v>156</v>
      </c>
      <c r="B23396" s="14" t="s">
        <v>1</v>
      </c>
      <c r="C23396" s="14" t="s">
        <v>157</v>
      </c>
      <c r="D23396" s="14" t="s">
        <v>94</v>
      </c>
      <c r="E23396" s="15">
        <v>45412</v>
      </c>
      <c r="F23396" s="14" t="s">
        <v>15</v>
      </c>
      <c r="G23396" s="16">
        <v>0.28592282154412307</v>
      </c>
    </row>
    <row r="23397" spans="1:7" x14ac:dyDescent="0.3">
      <c r="A23397" s="13" t="s">
        <v>156</v>
      </c>
      <c r="B23397" s="14" t="s">
        <v>1</v>
      </c>
      <c r="C23397" s="14" t="s">
        <v>157</v>
      </c>
      <c r="D23397" s="14" t="s">
        <v>94</v>
      </c>
      <c r="E23397" s="15">
        <v>45413</v>
      </c>
      <c r="F23397" s="14" t="s">
        <v>15</v>
      </c>
      <c r="G23397" s="16">
        <v>0.28592282154412307</v>
      </c>
    </row>
    <row r="23398" spans="1:7" x14ac:dyDescent="0.3">
      <c r="A23398" s="13" t="s">
        <v>156</v>
      </c>
      <c r="B23398" s="14" t="s">
        <v>1</v>
      </c>
      <c r="C23398" s="14" t="s">
        <v>157</v>
      </c>
      <c r="D23398" s="14" t="s">
        <v>94</v>
      </c>
      <c r="E23398" s="15">
        <v>45414</v>
      </c>
      <c r="F23398" s="14" t="s">
        <v>15</v>
      </c>
      <c r="G23398" s="16">
        <v>0.28293196329062437</v>
      </c>
    </row>
    <row r="23399" spans="1:7" x14ac:dyDescent="0.3">
      <c r="A23399" s="13" t="s">
        <v>156</v>
      </c>
      <c r="B23399" s="14" t="s">
        <v>1</v>
      </c>
      <c r="C23399" s="14" t="s">
        <v>157</v>
      </c>
      <c r="D23399" s="14" t="s">
        <v>94</v>
      </c>
      <c r="E23399" s="15">
        <v>45415</v>
      </c>
      <c r="F23399" s="14" t="s">
        <v>15</v>
      </c>
      <c r="G23399" s="16">
        <v>0.279251829664042</v>
      </c>
    </row>
    <row r="23400" spans="1:7" x14ac:dyDescent="0.3">
      <c r="A23400" s="13" t="s">
        <v>156</v>
      </c>
      <c r="B23400" s="14" t="s">
        <v>1</v>
      </c>
      <c r="C23400" s="14" t="s">
        <v>157</v>
      </c>
      <c r="D23400" s="14" t="s">
        <v>94</v>
      </c>
      <c r="E23400" s="15">
        <v>45416</v>
      </c>
      <c r="F23400" s="14" t="s">
        <v>15</v>
      </c>
      <c r="G23400" s="16">
        <v>0.279251829664042</v>
      </c>
    </row>
    <row r="23401" spans="1:7" x14ac:dyDescent="0.3">
      <c r="A23401" s="13" t="s">
        <v>156</v>
      </c>
      <c r="B23401" s="14" t="s">
        <v>1</v>
      </c>
      <c r="C23401" s="14" t="s">
        <v>157</v>
      </c>
      <c r="D23401" s="14" t="s">
        <v>94</v>
      </c>
      <c r="E23401" s="15">
        <v>45417</v>
      </c>
      <c r="F23401" s="14" t="s">
        <v>15</v>
      </c>
      <c r="G23401" s="16">
        <v>0.279251829664042</v>
      </c>
    </row>
    <row r="23402" spans="1:7" x14ac:dyDescent="0.3">
      <c r="A23402" s="13" t="s">
        <v>156</v>
      </c>
      <c r="B23402" s="14" t="s">
        <v>1</v>
      </c>
      <c r="C23402" s="14" t="s">
        <v>157</v>
      </c>
      <c r="D23402" s="14" t="s">
        <v>94</v>
      </c>
      <c r="E23402" s="15">
        <v>45418</v>
      </c>
      <c r="F23402" s="14" t="s">
        <v>15</v>
      </c>
      <c r="G23402" s="16">
        <v>0.279251829664042</v>
      </c>
    </row>
    <row r="23403" spans="1:7" x14ac:dyDescent="0.3">
      <c r="A23403" s="13" t="s">
        <v>156</v>
      </c>
      <c r="B23403" s="14" t="s">
        <v>1</v>
      </c>
      <c r="C23403" s="14" t="s">
        <v>157</v>
      </c>
      <c r="D23403" s="14" t="s">
        <v>94</v>
      </c>
      <c r="E23403" s="15">
        <v>45419</v>
      </c>
      <c r="F23403" s="14" t="s">
        <v>15</v>
      </c>
      <c r="G23403" s="16">
        <v>0.27671983795459043</v>
      </c>
    </row>
    <row r="23404" spans="1:7" x14ac:dyDescent="0.3">
      <c r="A23404" s="13" t="s">
        <v>156</v>
      </c>
      <c r="B23404" s="14" t="s">
        <v>1</v>
      </c>
      <c r="C23404" s="14" t="s">
        <v>157</v>
      </c>
      <c r="D23404" s="14" t="s">
        <v>94</v>
      </c>
      <c r="E23404" s="15">
        <v>45420</v>
      </c>
      <c r="F23404" s="14" t="s">
        <v>15</v>
      </c>
      <c r="G23404" s="16">
        <v>0.26653398067027212</v>
      </c>
    </row>
    <row r="23405" spans="1:7" x14ac:dyDescent="0.3">
      <c r="A23405" s="13" t="s">
        <v>156</v>
      </c>
      <c r="B23405" s="14" t="s">
        <v>1</v>
      </c>
      <c r="C23405" s="14" t="s">
        <v>157</v>
      </c>
      <c r="D23405" s="14" t="s">
        <v>94</v>
      </c>
      <c r="E23405" s="15">
        <v>45421</v>
      </c>
      <c r="F23405" s="14" t="s">
        <v>15</v>
      </c>
      <c r="G23405" s="16">
        <v>0.35018677507861024</v>
      </c>
    </row>
    <row r="23406" spans="1:7" x14ac:dyDescent="0.3">
      <c r="A23406" s="13" t="s">
        <v>156</v>
      </c>
      <c r="B23406" s="14" t="s">
        <v>1</v>
      </c>
      <c r="C23406" s="14" t="s">
        <v>157</v>
      </c>
      <c r="D23406" s="14" t="s">
        <v>94</v>
      </c>
      <c r="E23406" s="15">
        <v>45422</v>
      </c>
      <c r="F23406" s="14" t="s">
        <v>15</v>
      </c>
      <c r="G23406" s="16">
        <v>0.5433767072564879</v>
      </c>
    </row>
    <row r="23407" spans="1:7" x14ac:dyDescent="0.3">
      <c r="A23407" s="13" t="s">
        <v>156</v>
      </c>
      <c r="B23407" s="14" t="s">
        <v>1</v>
      </c>
      <c r="C23407" s="14" t="s">
        <v>157</v>
      </c>
      <c r="D23407" s="14" t="s">
        <v>94</v>
      </c>
      <c r="E23407" s="15">
        <v>45423</v>
      </c>
      <c r="F23407" s="14" t="s">
        <v>15</v>
      </c>
      <c r="G23407" s="16">
        <v>0.5433767072564879</v>
      </c>
    </row>
    <row r="23408" spans="1:7" x14ac:dyDescent="0.3">
      <c r="A23408" s="13" t="s">
        <v>156</v>
      </c>
      <c r="B23408" s="14" t="s">
        <v>1</v>
      </c>
      <c r="C23408" s="14" t="s">
        <v>157</v>
      </c>
      <c r="D23408" s="14" t="s">
        <v>94</v>
      </c>
      <c r="E23408" s="15">
        <v>45424</v>
      </c>
      <c r="F23408" s="14" t="s">
        <v>15</v>
      </c>
      <c r="G23408" s="16">
        <v>0.5433767072564879</v>
      </c>
    </row>
    <row r="23409" spans="1:7" x14ac:dyDescent="0.3">
      <c r="A23409" s="13" t="s">
        <v>156</v>
      </c>
      <c r="B23409" s="14" t="s">
        <v>1</v>
      </c>
      <c r="C23409" s="14" t="s">
        <v>157</v>
      </c>
      <c r="D23409" s="14" t="s">
        <v>94</v>
      </c>
      <c r="E23409" s="15">
        <v>45425</v>
      </c>
      <c r="F23409" s="14" t="s">
        <v>15</v>
      </c>
      <c r="G23409" s="16">
        <v>0.54083495997690778</v>
      </c>
    </row>
    <row r="23410" spans="1:7" x14ac:dyDescent="0.3">
      <c r="A23410" s="13" t="s">
        <v>156</v>
      </c>
      <c r="B23410" s="14" t="s">
        <v>1</v>
      </c>
      <c r="C23410" s="14" t="s">
        <v>157</v>
      </c>
      <c r="D23410" s="14" t="s">
        <v>94</v>
      </c>
      <c r="E23410" s="15">
        <v>45426</v>
      </c>
      <c r="F23410" s="14" t="s">
        <v>15</v>
      </c>
      <c r="G23410" s="16">
        <v>0.56100382520862035</v>
      </c>
    </row>
    <row r="23411" spans="1:7" x14ac:dyDescent="0.3">
      <c r="A23411" s="13" t="s">
        <v>156</v>
      </c>
      <c r="B23411" s="14" t="s">
        <v>1</v>
      </c>
      <c r="C23411" s="14" t="s">
        <v>157</v>
      </c>
      <c r="D23411" s="14" t="s">
        <v>94</v>
      </c>
      <c r="E23411" s="15">
        <v>45427</v>
      </c>
      <c r="F23411" s="14" t="s">
        <v>15</v>
      </c>
      <c r="G23411" s="16">
        <v>0.66379013062311032</v>
      </c>
    </row>
    <row r="23412" spans="1:7" x14ac:dyDescent="0.3">
      <c r="A23412" s="13" t="s">
        <v>156</v>
      </c>
      <c r="B23412" s="14" t="s">
        <v>1</v>
      </c>
      <c r="C23412" s="14" t="s">
        <v>157</v>
      </c>
      <c r="D23412" s="14" t="s">
        <v>94</v>
      </c>
      <c r="E23412" s="15">
        <v>45428</v>
      </c>
      <c r="F23412" s="14" t="s">
        <v>15</v>
      </c>
      <c r="G23412" s="16">
        <v>0.66121450490908373</v>
      </c>
    </row>
    <row r="23413" spans="1:7" x14ac:dyDescent="0.3">
      <c r="A23413" s="13" t="s">
        <v>156</v>
      </c>
      <c r="B23413" s="14" t="s">
        <v>1</v>
      </c>
      <c r="C23413" s="14" t="s">
        <v>157</v>
      </c>
      <c r="D23413" s="14" t="s">
        <v>94</v>
      </c>
      <c r="E23413" s="15">
        <v>45429</v>
      </c>
      <c r="F23413" s="14" t="s">
        <v>15</v>
      </c>
      <c r="G23413" s="16">
        <v>0.65589046902883708</v>
      </c>
    </row>
    <row r="23414" spans="1:7" x14ac:dyDescent="0.3">
      <c r="A23414" s="13" t="s">
        <v>156</v>
      </c>
      <c r="B23414" s="14" t="s">
        <v>1</v>
      </c>
      <c r="C23414" s="14" t="s">
        <v>157</v>
      </c>
      <c r="D23414" s="14" t="s">
        <v>94</v>
      </c>
      <c r="E23414" s="15">
        <v>45430</v>
      </c>
      <c r="F23414" s="14" t="s">
        <v>15</v>
      </c>
      <c r="G23414" s="16">
        <v>0.65589046902883708</v>
      </c>
    </row>
    <row r="23415" spans="1:7" x14ac:dyDescent="0.3">
      <c r="A23415" s="13" t="s">
        <v>156</v>
      </c>
      <c r="B23415" s="14" t="s">
        <v>1</v>
      </c>
      <c r="C23415" s="14" t="s">
        <v>157</v>
      </c>
      <c r="D23415" s="14" t="s">
        <v>94</v>
      </c>
      <c r="E23415" s="15">
        <v>45431</v>
      </c>
      <c r="F23415" s="14" t="s">
        <v>15</v>
      </c>
      <c r="G23415" s="16">
        <v>0.65589046902883708</v>
      </c>
    </row>
    <row r="23416" spans="1:7" x14ac:dyDescent="0.3">
      <c r="A23416" s="13" t="s">
        <v>156</v>
      </c>
      <c r="B23416" s="14" t="s">
        <v>1</v>
      </c>
      <c r="C23416" s="14" t="s">
        <v>157</v>
      </c>
      <c r="D23416" s="14" t="s">
        <v>94</v>
      </c>
      <c r="E23416" s="15">
        <v>45432</v>
      </c>
      <c r="F23416" s="14" t="s">
        <v>15</v>
      </c>
      <c r="G23416" s="16">
        <v>0.65327710709424891</v>
      </c>
    </row>
    <row r="23417" spans="1:7" x14ac:dyDescent="0.3">
      <c r="A23417" s="13" t="s">
        <v>156</v>
      </c>
      <c r="B23417" s="14" t="s">
        <v>1</v>
      </c>
      <c r="C23417" s="14" t="s">
        <v>157</v>
      </c>
      <c r="D23417" s="14" t="s">
        <v>94</v>
      </c>
      <c r="E23417" s="15">
        <v>45433</v>
      </c>
      <c r="F23417" s="14" t="s">
        <v>15</v>
      </c>
      <c r="G23417" s="16">
        <v>0.64545259194818794</v>
      </c>
    </row>
    <row r="23418" spans="1:7" x14ac:dyDescent="0.3">
      <c r="A23418" s="13" t="s">
        <v>156</v>
      </c>
      <c r="B23418" s="14" t="s">
        <v>1</v>
      </c>
      <c r="C23418" s="14" t="s">
        <v>157</v>
      </c>
      <c r="D23418" s="14" t="s">
        <v>94</v>
      </c>
      <c r="E23418" s="15">
        <v>45434</v>
      </c>
      <c r="F23418" s="14" t="s">
        <v>15</v>
      </c>
      <c r="G23418" s="16">
        <v>0.64545259194818794</v>
      </c>
    </row>
    <row r="23419" spans="1:7" x14ac:dyDescent="0.3">
      <c r="A23419" s="13" t="s">
        <v>156</v>
      </c>
      <c r="B23419" s="14" t="s">
        <v>1</v>
      </c>
      <c r="C23419" s="14" t="s">
        <v>157</v>
      </c>
      <c r="D23419" s="14" t="s">
        <v>94</v>
      </c>
      <c r="E23419" s="15">
        <v>45435</v>
      </c>
      <c r="F23419" s="14" t="s">
        <v>15</v>
      </c>
      <c r="G23419" s="16">
        <v>0.64283521354535411</v>
      </c>
    </row>
    <row r="23420" spans="1:7" x14ac:dyDescent="0.3">
      <c r="A23420" s="13" t="s">
        <v>156</v>
      </c>
      <c r="B23420" s="14" t="s">
        <v>1</v>
      </c>
      <c r="C23420" s="14" t="s">
        <v>157</v>
      </c>
      <c r="D23420" s="14" t="s">
        <v>94</v>
      </c>
      <c r="E23420" s="15">
        <v>45436</v>
      </c>
      <c r="F23420" s="14" t="s">
        <v>15</v>
      </c>
      <c r="G23420" s="16">
        <v>0.68858596606038358</v>
      </c>
    </row>
    <row r="23421" spans="1:7" x14ac:dyDescent="0.3">
      <c r="A23421" s="13" t="s">
        <v>156</v>
      </c>
      <c r="B23421" s="14" t="s">
        <v>1</v>
      </c>
      <c r="C23421" s="14" t="s">
        <v>157</v>
      </c>
      <c r="D23421" s="14" t="s">
        <v>94</v>
      </c>
      <c r="E23421" s="15">
        <v>45437</v>
      </c>
      <c r="F23421" s="14" t="s">
        <v>15</v>
      </c>
      <c r="G23421" s="16">
        <v>0.68858596606038358</v>
      </c>
    </row>
    <row r="23422" spans="1:7" x14ac:dyDescent="0.3">
      <c r="A23422" s="13" t="s">
        <v>156</v>
      </c>
      <c r="B23422" s="14" t="s">
        <v>1</v>
      </c>
      <c r="C23422" s="14" t="s">
        <v>157</v>
      </c>
      <c r="D23422" s="14" t="s">
        <v>94</v>
      </c>
      <c r="E23422" s="15">
        <v>45438</v>
      </c>
      <c r="F23422" s="14" t="s">
        <v>15</v>
      </c>
      <c r="G23422" s="16">
        <v>0.68858596606038358</v>
      </c>
    </row>
    <row r="23423" spans="1:7" x14ac:dyDescent="0.3">
      <c r="A23423" s="13" t="s">
        <v>156</v>
      </c>
      <c r="B23423" s="14" t="s">
        <v>1</v>
      </c>
      <c r="C23423" s="14" t="s">
        <v>157</v>
      </c>
      <c r="D23423" s="14" t="s">
        <v>94</v>
      </c>
      <c r="E23423" s="15">
        <v>45439</v>
      </c>
      <c r="F23423" s="14" t="s">
        <v>15</v>
      </c>
      <c r="G23423" s="16">
        <v>0.68598558957582612</v>
      </c>
    </row>
    <row r="23424" spans="1:7" x14ac:dyDescent="0.3">
      <c r="A23424" s="13" t="s">
        <v>156</v>
      </c>
      <c r="B23424" s="14" t="s">
        <v>1</v>
      </c>
      <c r="C23424" s="14" t="s">
        <v>157</v>
      </c>
      <c r="D23424" s="14" t="s">
        <v>94</v>
      </c>
      <c r="E23424" s="15">
        <v>45440</v>
      </c>
      <c r="F23424" s="14" t="s">
        <v>15</v>
      </c>
      <c r="G23424" s="16">
        <v>0.67825671866888482</v>
      </c>
    </row>
    <row r="23425" spans="1:7" x14ac:dyDescent="0.3">
      <c r="A23425" s="13" t="s">
        <v>156</v>
      </c>
      <c r="B23425" s="14" t="s">
        <v>1</v>
      </c>
      <c r="C23425" s="14" t="s">
        <v>157</v>
      </c>
      <c r="D23425" s="14" t="s">
        <v>94</v>
      </c>
      <c r="E23425" s="15">
        <v>45441</v>
      </c>
      <c r="F23425" s="14" t="s">
        <v>15</v>
      </c>
      <c r="G23425" s="16">
        <v>0.75942067727789786</v>
      </c>
    </row>
    <row r="23426" spans="1:7" x14ac:dyDescent="0.3">
      <c r="A23426" s="13" t="s">
        <v>156</v>
      </c>
      <c r="B23426" s="14" t="s">
        <v>1</v>
      </c>
      <c r="C23426" s="14" t="s">
        <v>157</v>
      </c>
      <c r="D23426" s="14" t="s">
        <v>94</v>
      </c>
      <c r="E23426" s="15">
        <v>45442</v>
      </c>
      <c r="F23426" s="14" t="s">
        <v>15</v>
      </c>
      <c r="G23426" s="16">
        <v>0.79955785495338627</v>
      </c>
    </row>
    <row r="23427" spans="1:7" x14ac:dyDescent="0.3">
      <c r="A23427" s="13" t="s">
        <v>156</v>
      </c>
      <c r="B23427" s="14" t="s">
        <v>1</v>
      </c>
      <c r="C23427" s="14" t="s">
        <v>157</v>
      </c>
      <c r="D23427" s="14" t="s">
        <v>94</v>
      </c>
      <c r="E23427" s="15">
        <v>45443</v>
      </c>
      <c r="F23427" s="14" t="s">
        <v>15</v>
      </c>
      <c r="G23427" s="16">
        <v>0.79698494121333563</v>
      </c>
    </row>
    <row r="23428" spans="1:7" x14ac:dyDescent="0.3">
      <c r="A23428" s="13" t="s">
        <v>156</v>
      </c>
      <c r="B23428" s="14" t="s">
        <v>1</v>
      </c>
      <c r="C23428" s="14" t="s">
        <v>157</v>
      </c>
      <c r="D23428" s="14" t="s">
        <v>94</v>
      </c>
      <c r="E23428" s="15">
        <v>45444</v>
      </c>
      <c r="F23428" s="14" t="s">
        <v>15</v>
      </c>
      <c r="G23428" s="16">
        <v>0.79698494121333563</v>
      </c>
    </row>
    <row r="23429" spans="1:7" x14ac:dyDescent="0.3">
      <c r="A23429" s="13" t="s">
        <v>156</v>
      </c>
      <c r="B23429" s="14" t="s">
        <v>1</v>
      </c>
      <c r="C23429" s="14" t="s">
        <v>157</v>
      </c>
      <c r="D23429" s="14" t="s">
        <v>94</v>
      </c>
      <c r="E23429" s="15">
        <v>45445</v>
      </c>
      <c r="F23429" s="14" t="s">
        <v>15</v>
      </c>
      <c r="G23429" s="16">
        <v>0.79698494121333563</v>
      </c>
    </row>
    <row r="23430" spans="1:7" x14ac:dyDescent="0.3">
      <c r="A23430" s="13" t="s">
        <v>156</v>
      </c>
      <c r="B23430" s="14" t="s">
        <v>1</v>
      </c>
      <c r="C23430" s="14" t="s">
        <v>157</v>
      </c>
      <c r="D23430" s="14" t="s">
        <v>94</v>
      </c>
      <c r="E23430" s="15">
        <v>45446</v>
      </c>
      <c r="F23430" s="14" t="s">
        <v>15</v>
      </c>
      <c r="G23430" s="16">
        <v>0.79698494121333563</v>
      </c>
    </row>
    <row r="23431" spans="1:7" x14ac:dyDescent="0.3">
      <c r="A23431" s="13" t="s">
        <v>156</v>
      </c>
      <c r="B23431" s="14" t="s">
        <v>1</v>
      </c>
      <c r="C23431" s="14" t="s">
        <v>157</v>
      </c>
      <c r="D23431" s="14" t="s">
        <v>94</v>
      </c>
      <c r="E23431" s="15">
        <v>45447</v>
      </c>
      <c r="F23431" s="14" t="s">
        <v>15</v>
      </c>
      <c r="G23431" s="16">
        <v>0.79400869657545281</v>
      </c>
    </row>
    <row r="23432" spans="1:7" x14ac:dyDescent="0.3">
      <c r="A23432" s="13" t="s">
        <v>156</v>
      </c>
      <c r="B23432" s="14" t="s">
        <v>1</v>
      </c>
      <c r="C23432" s="14" t="s">
        <v>157</v>
      </c>
      <c r="D23432" s="14" t="s">
        <v>94</v>
      </c>
      <c r="E23432" s="15">
        <v>45448</v>
      </c>
      <c r="F23432" s="14" t="s">
        <v>15</v>
      </c>
      <c r="G23432" s="16">
        <v>0.78454709885524554</v>
      </c>
    </row>
    <row r="23433" spans="1:7" x14ac:dyDescent="0.3">
      <c r="A23433" s="13" t="s">
        <v>156</v>
      </c>
      <c r="B23433" s="14" t="s">
        <v>1</v>
      </c>
      <c r="C23433" s="14" t="s">
        <v>157</v>
      </c>
      <c r="D23433" s="14" t="s">
        <v>94</v>
      </c>
      <c r="E23433" s="15">
        <v>45449</v>
      </c>
      <c r="F23433" s="14" t="s">
        <v>15</v>
      </c>
      <c r="G23433" s="16">
        <v>0.84197626754405031</v>
      </c>
    </row>
    <row r="23434" spans="1:7" x14ac:dyDescent="0.3">
      <c r="A23434" s="13" t="s">
        <v>156</v>
      </c>
      <c r="B23434" s="14" t="s">
        <v>1</v>
      </c>
      <c r="C23434" s="14" t="s">
        <v>157</v>
      </c>
      <c r="D23434" s="14" t="s">
        <v>94</v>
      </c>
      <c r="E23434" s="15">
        <v>45450</v>
      </c>
      <c r="F23434" s="14" t="s">
        <v>15</v>
      </c>
      <c r="G23434" s="16">
        <v>0.83941263402387378</v>
      </c>
    </row>
    <row r="23435" spans="1:7" x14ac:dyDescent="0.3">
      <c r="A23435" s="13" t="s">
        <v>156</v>
      </c>
      <c r="B23435" s="14" t="s">
        <v>1</v>
      </c>
      <c r="C23435" s="14" t="s">
        <v>157</v>
      </c>
      <c r="D23435" s="14" t="s">
        <v>94</v>
      </c>
      <c r="E23435" s="15">
        <v>45451</v>
      </c>
      <c r="F23435" s="14" t="s">
        <v>15</v>
      </c>
      <c r="G23435" s="16">
        <v>0.83941263402387378</v>
      </c>
    </row>
    <row r="23436" spans="1:7" x14ac:dyDescent="0.3">
      <c r="A23436" s="13" t="s">
        <v>156</v>
      </c>
      <c r="B23436" s="14" t="s">
        <v>1</v>
      </c>
      <c r="C23436" s="14" t="s">
        <v>157</v>
      </c>
      <c r="D23436" s="14" t="s">
        <v>94</v>
      </c>
      <c r="E23436" s="15">
        <v>45452</v>
      </c>
      <c r="F23436" s="14" t="s">
        <v>15</v>
      </c>
      <c r="G23436" s="16">
        <v>0.83941263402387378</v>
      </c>
    </row>
    <row r="23437" spans="1:7" x14ac:dyDescent="0.3">
      <c r="A23437" s="13" t="s">
        <v>156</v>
      </c>
      <c r="B23437" s="14" t="s">
        <v>1</v>
      </c>
      <c r="C23437" s="14" t="s">
        <v>157</v>
      </c>
      <c r="D23437" s="14" t="s">
        <v>94</v>
      </c>
      <c r="E23437" s="15">
        <v>45453</v>
      </c>
      <c r="F23437" s="14" t="s">
        <v>15</v>
      </c>
      <c r="G23437" s="16">
        <v>0.8412952866590846</v>
      </c>
    </row>
    <row r="23438" spans="1:7" x14ac:dyDescent="0.3">
      <c r="A23438" s="13" t="s">
        <v>156</v>
      </c>
      <c r="B23438" s="14" t="s">
        <v>1</v>
      </c>
      <c r="C23438" s="14" t="s">
        <v>157</v>
      </c>
      <c r="D23438" s="14" t="s">
        <v>94</v>
      </c>
      <c r="E23438" s="15">
        <v>45454</v>
      </c>
      <c r="F23438" s="14" t="s">
        <v>15</v>
      </c>
      <c r="G23438" s="16">
        <v>0.83353881292237164</v>
      </c>
    </row>
    <row r="23439" spans="1:7" x14ac:dyDescent="0.3">
      <c r="A23439" s="13" t="s">
        <v>156</v>
      </c>
      <c r="B23439" s="14" t="s">
        <v>1</v>
      </c>
      <c r="C23439" s="14" t="s">
        <v>157</v>
      </c>
      <c r="D23439" s="14" t="s">
        <v>94</v>
      </c>
      <c r="E23439" s="15">
        <v>45455</v>
      </c>
      <c r="F23439" s="14" t="s">
        <v>15</v>
      </c>
      <c r="G23439" s="16">
        <v>0.87478293520412098</v>
      </c>
    </row>
    <row r="23440" spans="1:7" x14ac:dyDescent="0.3">
      <c r="A23440" s="13" t="s">
        <v>156</v>
      </c>
      <c r="B23440" s="14" t="s">
        <v>1</v>
      </c>
      <c r="C23440" s="14" t="s">
        <v>157</v>
      </c>
      <c r="D23440" s="14" t="s">
        <v>94</v>
      </c>
      <c r="E23440" s="15">
        <v>45456</v>
      </c>
      <c r="F23440" s="14" t="s">
        <v>15</v>
      </c>
      <c r="G23440" s="16">
        <v>0.87221619864750455</v>
      </c>
    </row>
    <row r="23441" spans="1:7" x14ac:dyDescent="0.3">
      <c r="A23441" s="13" t="s">
        <v>156</v>
      </c>
      <c r="B23441" s="14" t="s">
        <v>1</v>
      </c>
      <c r="C23441" s="14" t="s">
        <v>157</v>
      </c>
      <c r="D23441" s="14" t="s">
        <v>94</v>
      </c>
      <c r="E23441" s="15">
        <v>45457</v>
      </c>
      <c r="F23441" s="14" t="s">
        <v>15</v>
      </c>
      <c r="G23441" s="16">
        <v>0.88993711433550726</v>
      </c>
    </row>
    <row r="23442" spans="1:7" x14ac:dyDescent="0.3">
      <c r="A23442" s="13" t="s">
        <v>156</v>
      </c>
      <c r="B23442" s="14" t="s">
        <v>1</v>
      </c>
      <c r="C23442" s="14" t="s">
        <v>157</v>
      </c>
      <c r="D23442" s="14" t="s">
        <v>94</v>
      </c>
      <c r="E23442" s="15">
        <v>45458</v>
      </c>
      <c r="F23442" s="14" t="s">
        <v>15</v>
      </c>
      <c r="G23442" s="16">
        <v>0.88993711433550726</v>
      </c>
    </row>
    <row r="23443" spans="1:7" x14ac:dyDescent="0.3">
      <c r="A23443" s="13" t="s">
        <v>156</v>
      </c>
      <c r="B23443" s="14" t="s">
        <v>1</v>
      </c>
      <c r="C23443" s="14" t="s">
        <v>157</v>
      </c>
      <c r="D23443" s="14" t="s">
        <v>94</v>
      </c>
      <c r="E23443" s="15">
        <v>45459</v>
      </c>
      <c r="F23443" s="14" t="s">
        <v>15</v>
      </c>
      <c r="G23443" s="16">
        <v>0.88993711433550726</v>
      </c>
    </row>
    <row r="23444" spans="1:7" x14ac:dyDescent="0.3">
      <c r="A23444" s="13" t="s">
        <v>156</v>
      </c>
      <c r="B23444" s="14" t="s">
        <v>1</v>
      </c>
      <c r="C23444" s="14" t="s">
        <v>157</v>
      </c>
      <c r="D23444" s="14" t="s">
        <v>94</v>
      </c>
      <c r="E23444" s="15">
        <v>45460</v>
      </c>
      <c r="F23444" s="14" t="s">
        <v>15</v>
      </c>
      <c r="G23444" s="16">
        <v>0.88993711433550726</v>
      </c>
    </row>
    <row r="23445" spans="1:7" x14ac:dyDescent="0.3">
      <c r="A23445" s="13" t="s">
        <v>156</v>
      </c>
      <c r="B23445" s="14" t="s">
        <v>1</v>
      </c>
      <c r="C23445" s="14" t="s">
        <v>157</v>
      </c>
      <c r="D23445" s="14" t="s">
        <v>94</v>
      </c>
      <c r="E23445" s="15">
        <v>45461</v>
      </c>
      <c r="F23445" s="14" t="s">
        <v>15</v>
      </c>
      <c r="G23445" s="16">
        <v>0.88731744362785581</v>
      </c>
    </row>
    <row r="23446" spans="1:7" x14ac:dyDescent="0.3">
      <c r="A23446" s="13" t="s">
        <v>156</v>
      </c>
      <c r="B23446" s="14" t="s">
        <v>1</v>
      </c>
      <c r="C23446" s="14" t="s">
        <v>157</v>
      </c>
      <c r="D23446" s="14" t="s">
        <v>94</v>
      </c>
      <c r="E23446" s="15">
        <v>45462</v>
      </c>
      <c r="F23446" s="14" t="s">
        <v>15</v>
      </c>
      <c r="G23446" s="16">
        <v>0.92106718531237641</v>
      </c>
    </row>
    <row r="23447" spans="1:7" x14ac:dyDescent="0.3">
      <c r="A23447" s="13" t="s">
        <v>156</v>
      </c>
      <c r="B23447" s="14" t="s">
        <v>1</v>
      </c>
      <c r="C23447" s="14" t="s">
        <v>157</v>
      </c>
      <c r="D23447" s="14" t="s">
        <v>94</v>
      </c>
      <c r="E23447" s="15">
        <v>45463</v>
      </c>
      <c r="F23447" s="14" t="s">
        <v>15</v>
      </c>
      <c r="G23447" s="16">
        <v>0.918442780349358</v>
      </c>
    </row>
    <row r="23448" spans="1:7" x14ac:dyDescent="0.3">
      <c r="A23448" s="13" t="s">
        <v>156</v>
      </c>
      <c r="B23448" s="14" t="s">
        <v>1</v>
      </c>
      <c r="C23448" s="14" t="s">
        <v>157</v>
      </c>
      <c r="D23448" s="14" t="s">
        <v>94</v>
      </c>
      <c r="E23448" s="15">
        <v>45464</v>
      </c>
      <c r="F23448" s="14" t="s">
        <v>15</v>
      </c>
      <c r="G23448" s="16">
        <v>0.91576962611365531</v>
      </c>
    </row>
    <row r="23449" spans="1:7" x14ac:dyDescent="0.3">
      <c r="A23449" s="13" t="s">
        <v>156</v>
      </c>
      <c r="B23449" s="14" t="s">
        <v>1</v>
      </c>
      <c r="C23449" s="14" t="s">
        <v>157</v>
      </c>
      <c r="D23449" s="14" t="s">
        <v>94</v>
      </c>
      <c r="E23449" s="15">
        <v>45465</v>
      </c>
      <c r="F23449" s="14" t="s">
        <v>15</v>
      </c>
      <c r="G23449" s="16">
        <v>0.91576962611365531</v>
      </c>
    </row>
    <row r="23450" spans="1:7" x14ac:dyDescent="0.3">
      <c r="A23450" s="13" t="s">
        <v>156</v>
      </c>
      <c r="B23450" s="14" t="s">
        <v>1</v>
      </c>
      <c r="C23450" s="14" t="s">
        <v>157</v>
      </c>
      <c r="D23450" s="14" t="s">
        <v>94</v>
      </c>
      <c r="E23450" s="15">
        <v>45466</v>
      </c>
      <c r="F23450" s="14" t="s">
        <v>15</v>
      </c>
      <c r="G23450" s="16">
        <v>0.91576962611365531</v>
      </c>
    </row>
    <row r="23451" spans="1:7" x14ac:dyDescent="0.3">
      <c r="A23451" s="13" t="s">
        <v>156</v>
      </c>
      <c r="B23451" s="14" t="s">
        <v>1</v>
      </c>
      <c r="C23451" s="14" t="s">
        <v>157</v>
      </c>
      <c r="D23451" s="14" t="s">
        <v>94</v>
      </c>
      <c r="E23451" s="15">
        <v>45467</v>
      </c>
      <c r="F23451" s="14" t="s">
        <v>15</v>
      </c>
      <c r="G23451" s="16">
        <v>0.91309677221249697</v>
      </c>
    </row>
    <row r="23452" spans="1:7" x14ac:dyDescent="0.3">
      <c r="A23452" s="13" t="s">
        <v>156</v>
      </c>
      <c r="B23452" s="14" t="s">
        <v>1</v>
      </c>
      <c r="C23452" s="14" t="s">
        <v>157</v>
      </c>
      <c r="D23452" s="14" t="s">
        <v>94</v>
      </c>
      <c r="E23452" s="15">
        <v>45468</v>
      </c>
      <c r="F23452" s="14" t="s">
        <v>15</v>
      </c>
      <c r="G23452" s="16">
        <v>0.90515234166949188</v>
      </c>
    </row>
    <row r="23453" spans="1:7" x14ac:dyDescent="0.3">
      <c r="A23453" s="13" t="s">
        <v>156</v>
      </c>
      <c r="B23453" s="14" t="s">
        <v>1</v>
      </c>
      <c r="C23453" s="14" t="s">
        <v>157</v>
      </c>
      <c r="D23453" s="14" t="s">
        <v>94</v>
      </c>
      <c r="E23453" s="15">
        <v>45469</v>
      </c>
      <c r="F23453" s="14" t="s">
        <v>15</v>
      </c>
      <c r="G23453" s="16">
        <v>0.90252479694581933</v>
      </c>
    </row>
    <row r="23454" spans="1:7" x14ac:dyDescent="0.3">
      <c r="A23454" s="13" t="s">
        <v>156</v>
      </c>
      <c r="B23454" s="14" t="s">
        <v>1</v>
      </c>
      <c r="C23454" s="14" t="s">
        <v>157</v>
      </c>
      <c r="D23454" s="14" t="s">
        <v>94</v>
      </c>
      <c r="E23454" s="15">
        <v>45470</v>
      </c>
      <c r="F23454" s="14" t="s">
        <v>15</v>
      </c>
      <c r="G23454" s="16">
        <v>0.89989305016133159</v>
      </c>
    </row>
    <row r="23455" spans="1:7" x14ac:dyDescent="0.3">
      <c r="A23455" s="13" t="s">
        <v>156</v>
      </c>
      <c r="B23455" s="14" t="s">
        <v>1</v>
      </c>
      <c r="C23455" s="14" t="s">
        <v>157</v>
      </c>
      <c r="D23455" s="14" t="s">
        <v>94</v>
      </c>
      <c r="E23455" s="15">
        <v>45471</v>
      </c>
      <c r="F23455" s="14" t="s">
        <v>15</v>
      </c>
      <c r="G23455" s="16">
        <v>0.91519109037015078</v>
      </c>
    </row>
    <row r="23456" spans="1:7" x14ac:dyDescent="0.3">
      <c r="A23456" s="13" t="s">
        <v>156</v>
      </c>
      <c r="B23456" s="14" t="s">
        <v>1</v>
      </c>
      <c r="C23456" s="14" t="s">
        <v>157</v>
      </c>
      <c r="D23456" s="14" t="s">
        <v>94</v>
      </c>
      <c r="E23456" s="15">
        <v>45472</v>
      </c>
      <c r="F23456" s="14" t="s">
        <v>15</v>
      </c>
      <c r="G23456" s="16">
        <v>0.91519109037015078</v>
      </c>
    </row>
    <row r="23457" spans="1:7" x14ac:dyDescent="0.3">
      <c r="A23457" s="13" t="s">
        <v>156</v>
      </c>
      <c r="B23457" s="14" t="s">
        <v>1</v>
      </c>
      <c r="C23457" s="14" t="s">
        <v>157</v>
      </c>
      <c r="D23457" s="14" t="s">
        <v>94</v>
      </c>
      <c r="E23457" s="15">
        <v>45473</v>
      </c>
      <c r="F23457" s="14" t="s">
        <v>15</v>
      </c>
      <c r="G23457" s="16">
        <v>0.91519109037015078</v>
      </c>
    </row>
    <row r="23458" spans="1:7" x14ac:dyDescent="0.3">
      <c r="A23458" s="13" t="s">
        <v>156</v>
      </c>
      <c r="B23458" s="14" t="s">
        <v>1</v>
      </c>
      <c r="C23458" s="14" t="s">
        <v>157</v>
      </c>
      <c r="D23458" s="14" t="s">
        <v>94</v>
      </c>
      <c r="E23458" s="15">
        <v>45474</v>
      </c>
      <c r="F23458" s="14" t="s">
        <v>15</v>
      </c>
      <c r="G23458" s="16">
        <v>0.91253847826547674</v>
      </c>
    </row>
    <row r="23459" spans="1:7" x14ac:dyDescent="0.3">
      <c r="A23459" s="13" t="s">
        <v>156</v>
      </c>
      <c r="B23459" s="14" t="s">
        <v>1</v>
      </c>
      <c r="C23459" s="14" t="s">
        <v>157</v>
      </c>
      <c r="D23459" s="14" t="s">
        <v>94</v>
      </c>
      <c r="E23459" s="15">
        <v>45475</v>
      </c>
      <c r="F23459" s="14" t="s">
        <v>15</v>
      </c>
      <c r="G23459" s="16">
        <v>0.90460876814881641</v>
      </c>
    </row>
    <row r="23460" spans="1:7" x14ac:dyDescent="0.3">
      <c r="A23460" s="13" t="s">
        <v>156</v>
      </c>
      <c r="B23460" s="14" t="s">
        <v>1</v>
      </c>
      <c r="C23460" s="14" t="s">
        <v>157</v>
      </c>
      <c r="D23460" s="14" t="s">
        <v>94</v>
      </c>
      <c r="E23460" s="15">
        <v>45476</v>
      </c>
      <c r="F23460" s="14" t="s">
        <v>15</v>
      </c>
      <c r="G23460" s="16">
        <v>0.90194363580183357</v>
      </c>
    </row>
    <row r="23461" spans="1:7" x14ac:dyDescent="0.3">
      <c r="A23461" s="13" t="s">
        <v>156</v>
      </c>
      <c r="B23461" s="14" t="s">
        <v>1</v>
      </c>
      <c r="C23461" s="14" t="s">
        <v>157</v>
      </c>
      <c r="D23461" s="14" t="s">
        <v>94</v>
      </c>
      <c r="E23461" s="15">
        <v>45477</v>
      </c>
      <c r="F23461" s="14" t="s">
        <v>15</v>
      </c>
      <c r="G23461" s="16">
        <v>0.89929838854557653</v>
      </c>
    </row>
    <row r="23462" spans="1:7" x14ac:dyDescent="0.3">
      <c r="A23462" s="13" t="s">
        <v>156</v>
      </c>
      <c r="B23462" s="14" t="s">
        <v>1</v>
      </c>
      <c r="C23462" s="14" t="s">
        <v>157</v>
      </c>
      <c r="D23462" s="14" t="s">
        <v>94</v>
      </c>
      <c r="E23462" s="15">
        <v>45478</v>
      </c>
      <c r="F23462" s="14" t="s">
        <v>15</v>
      </c>
      <c r="G23462" s="16">
        <v>0.98700437172020195</v>
      </c>
    </row>
    <row r="23463" spans="1:7" x14ac:dyDescent="0.3">
      <c r="A23463" s="13" t="s">
        <v>156</v>
      </c>
      <c r="B23463" s="14" t="s">
        <v>1</v>
      </c>
      <c r="C23463" s="14" t="s">
        <v>157</v>
      </c>
      <c r="D23463" s="14" t="s">
        <v>94</v>
      </c>
      <c r="E23463" s="15">
        <v>45479</v>
      </c>
      <c r="F23463" s="14" t="s">
        <v>15</v>
      </c>
      <c r="G23463" s="16">
        <v>0.98700437172020195</v>
      </c>
    </row>
    <row r="23464" spans="1:7" x14ac:dyDescent="0.3">
      <c r="A23464" s="13" t="s">
        <v>156</v>
      </c>
      <c r="B23464" s="14" t="s">
        <v>1</v>
      </c>
      <c r="C23464" s="14" t="s">
        <v>157</v>
      </c>
      <c r="D23464" s="14" t="s">
        <v>94</v>
      </c>
      <c r="E23464" s="15">
        <v>45480</v>
      </c>
      <c r="F23464" s="14" t="s">
        <v>15</v>
      </c>
      <c r="G23464" s="16">
        <v>0.98700437172020195</v>
      </c>
    </row>
    <row r="23465" spans="1:7" x14ac:dyDescent="0.3">
      <c r="A23465" s="13" t="s">
        <v>156</v>
      </c>
      <c r="B23465" s="14" t="s">
        <v>1</v>
      </c>
      <c r="C23465" s="14" t="s">
        <v>157</v>
      </c>
      <c r="D23465" s="14" t="s">
        <v>94</v>
      </c>
      <c r="E23465" s="15">
        <v>45481</v>
      </c>
      <c r="F23465" s="14" t="s">
        <v>15</v>
      </c>
      <c r="G23465" s="16">
        <v>0.98429412107648739</v>
      </c>
    </row>
    <row r="23466" spans="1:7" x14ac:dyDescent="0.3">
      <c r="A23466" s="13" t="s">
        <v>156</v>
      </c>
      <c r="B23466" s="14" t="s">
        <v>1</v>
      </c>
      <c r="C23466" s="14" t="s">
        <v>157</v>
      </c>
      <c r="D23466" s="14" t="s">
        <v>94</v>
      </c>
      <c r="E23466" s="15">
        <v>45482</v>
      </c>
      <c r="F23466" s="14" t="s">
        <v>15</v>
      </c>
      <c r="G23466" s="16">
        <v>0.97618008785238708</v>
      </c>
    </row>
    <row r="23467" spans="1:7" x14ac:dyDescent="0.3">
      <c r="A23467" s="13" t="s">
        <v>156</v>
      </c>
      <c r="B23467" s="14" t="s">
        <v>1</v>
      </c>
      <c r="C23467" s="14" t="s">
        <v>157</v>
      </c>
      <c r="D23467" s="14" t="s">
        <v>94</v>
      </c>
      <c r="E23467" s="15">
        <v>45483</v>
      </c>
      <c r="F23467" s="14" t="s">
        <v>15</v>
      </c>
      <c r="G23467" s="16">
        <v>0.97818762400486337</v>
      </c>
    </row>
    <row r="23468" spans="1:7" x14ac:dyDescent="0.3">
      <c r="A23468" s="13" t="s">
        <v>156</v>
      </c>
      <c r="B23468" s="14" t="s">
        <v>1</v>
      </c>
      <c r="C23468" s="14" t="s">
        <v>157</v>
      </c>
      <c r="D23468" s="14" t="s">
        <v>94</v>
      </c>
      <c r="E23468" s="15">
        <v>45484</v>
      </c>
      <c r="F23468" s="14" t="s">
        <v>15</v>
      </c>
      <c r="G23468" s="16">
        <v>1.0786114237586544</v>
      </c>
    </row>
    <row r="23469" spans="1:7" x14ac:dyDescent="0.3">
      <c r="A23469" s="13" t="s">
        <v>156</v>
      </c>
      <c r="B23469" s="14" t="s">
        <v>1</v>
      </c>
      <c r="C23469" s="14" t="s">
        <v>157</v>
      </c>
      <c r="D23469" s="14" t="s">
        <v>94</v>
      </c>
      <c r="E23469" s="15">
        <v>45485</v>
      </c>
      <c r="F23469" s="14" t="s">
        <v>15</v>
      </c>
      <c r="G23469" s="16">
        <v>1.1007329678789126</v>
      </c>
    </row>
    <row r="23470" spans="1:7" x14ac:dyDescent="0.3">
      <c r="A23470" s="13" t="s">
        <v>156</v>
      </c>
      <c r="B23470" s="14" t="s">
        <v>1</v>
      </c>
      <c r="C23470" s="14" t="s">
        <v>157</v>
      </c>
      <c r="D23470" s="14" t="s">
        <v>94</v>
      </c>
      <c r="E23470" s="15">
        <v>45486</v>
      </c>
      <c r="F23470" s="14" t="s">
        <v>15</v>
      </c>
      <c r="G23470" s="16">
        <v>1.1007329678789126</v>
      </c>
    </row>
    <row r="23471" spans="1:7" x14ac:dyDescent="0.3">
      <c r="A23471" s="13" t="s">
        <v>156</v>
      </c>
      <c r="B23471" s="14" t="s">
        <v>1</v>
      </c>
      <c r="C23471" s="14" t="s">
        <v>157</v>
      </c>
      <c r="D23471" s="14" t="s">
        <v>94</v>
      </c>
      <c r="E23471" s="15">
        <v>45487</v>
      </c>
      <c r="F23471" s="14" t="s">
        <v>15</v>
      </c>
      <c r="G23471" s="16">
        <v>1.1007329678789126</v>
      </c>
    </row>
    <row r="23472" spans="1:7" x14ac:dyDescent="0.3">
      <c r="A23472" s="13" t="s">
        <v>156</v>
      </c>
      <c r="B23472" s="14" t="s">
        <v>1</v>
      </c>
      <c r="C23472" s="14" t="s">
        <v>157</v>
      </c>
      <c r="D23472" s="14" t="s">
        <v>94</v>
      </c>
      <c r="E23472" s="15">
        <v>45488</v>
      </c>
      <c r="F23472" s="14" t="s">
        <v>15</v>
      </c>
      <c r="G23472" s="16">
        <v>1.097985506937559</v>
      </c>
    </row>
    <row r="23473" spans="1:7" x14ac:dyDescent="0.3">
      <c r="A23473" s="13" t="s">
        <v>156</v>
      </c>
      <c r="B23473" s="14" t="s">
        <v>1</v>
      </c>
      <c r="C23473" s="14" t="s">
        <v>157</v>
      </c>
      <c r="D23473" s="14" t="s">
        <v>94</v>
      </c>
      <c r="E23473" s="15">
        <v>45489</v>
      </c>
      <c r="F23473" s="14" t="s">
        <v>15</v>
      </c>
      <c r="G23473" s="16">
        <v>1.0897935191958448</v>
      </c>
    </row>
    <row r="23474" spans="1:7" x14ac:dyDescent="0.3">
      <c r="A23474" s="13" t="s">
        <v>156</v>
      </c>
      <c r="B23474" s="14" t="s">
        <v>1</v>
      </c>
      <c r="C23474" s="14" t="s">
        <v>157</v>
      </c>
      <c r="D23474" s="14" t="s">
        <v>94</v>
      </c>
      <c r="E23474" s="15">
        <v>45490</v>
      </c>
      <c r="F23474" s="14" t="s">
        <v>15</v>
      </c>
      <c r="G23474" s="16">
        <v>1.14423995339614</v>
      </c>
    </row>
    <row r="23475" spans="1:7" x14ac:dyDescent="0.3">
      <c r="A23475" s="13" t="s">
        <v>156</v>
      </c>
      <c r="B23475" s="14" t="s">
        <v>1</v>
      </c>
      <c r="C23475" s="14" t="s">
        <v>157</v>
      </c>
      <c r="D23475" s="14" t="s">
        <v>94</v>
      </c>
      <c r="E23475" s="15">
        <v>45491</v>
      </c>
      <c r="F23475" s="14" t="s">
        <v>15</v>
      </c>
      <c r="G23475" s="16">
        <v>1.1415191174970616</v>
      </c>
    </row>
    <row r="23476" spans="1:7" x14ac:dyDescent="0.3">
      <c r="A23476" s="13" t="s">
        <v>156</v>
      </c>
      <c r="B23476" s="14" t="s">
        <v>1</v>
      </c>
      <c r="C23476" s="14" t="s">
        <v>157</v>
      </c>
      <c r="D23476" s="14" t="s">
        <v>94</v>
      </c>
      <c r="E23476" s="15">
        <v>45492</v>
      </c>
      <c r="F23476" s="14" t="s">
        <v>15</v>
      </c>
      <c r="G23476" s="16">
        <v>1.1388043908935137</v>
      </c>
    </row>
    <row r="23477" spans="1:7" x14ac:dyDescent="0.3">
      <c r="A23477" s="13" t="s">
        <v>156</v>
      </c>
      <c r="B23477" s="14" t="s">
        <v>1</v>
      </c>
      <c r="C23477" s="14" t="s">
        <v>157</v>
      </c>
      <c r="D23477" s="14" t="s">
        <v>94</v>
      </c>
      <c r="E23477" s="15">
        <v>45493</v>
      </c>
      <c r="F23477" s="14" t="s">
        <v>15</v>
      </c>
      <c r="G23477" s="16">
        <v>1.1388043908935137</v>
      </c>
    </row>
    <row r="23478" spans="1:7" x14ac:dyDescent="0.3">
      <c r="A23478" s="13" t="s">
        <v>156</v>
      </c>
      <c r="B23478" s="14" t="s">
        <v>1</v>
      </c>
      <c r="C23478" s="14" t="s">
        <v>157</v>
      </c>
      <c r="D23478" s="14" t="s">
        <v>94</v>
      </c>
      <c r="E23478" s="15">
        <v>45494</v>
      </c>
      <c r="F23478" s="14" t="s">
        <v>15</v>
      </c>
      <c r="G23478" s="16">
        <v>1.1388043908935137</v>
      </c>
    </row>
    <row r="23479" spans="1:7" x14ac:dyDescent="0.3">
      <c r="A23479" s="13" t="s">
        <v>156</v>
      </c>
      <c r="B23479" s="14" t="s">
        <v>1</v>
      </c>
      <c r="C23479" s="14" t="s">
        <v>157</v>
      </c>
      <c r="D23479" s="14" t="s">
        <v>94</v>
      </c>
      <c r="E23479" s="15">
        <v>45495</v>
      </c>
      <c r="F23479" s="14" t="s">
        <v>15</v>
      </c>
      <c r="G23479" s="16">
        <v>1.1361141014720868</v>
      </c>
    </row>
    <row r="23480" spans="1:7" x14ac:dyDescent="0.3">
      <c r="A23480" s="13" t="s">
        <v>156</v>
      </c>
      <c r="B23480" s="14" t="s">
        <v>1</v>
      </c>
      <c r="C23480" s="14" t="s">
        <v>157</v>
      </c>
      <c r="D23480" s="14" t="s">
        <v>94</v>
      </c>
      <c r="E23480" s="15">
        <v>45496</v>
      </c>
      <c r="F23480" s="14" t="s">
        <v>15</v>
      </c>
      <c r="G23480" s="16">
        <v>1.1281955509878954</v>
      </c>
    </row>
    <row r="23481" spans="1:7" x14ac:dyDescent="0.3">
      <c r="A23481" s="13" t="s">
        <v>156</v>
      </c>
      <c r="B23481" s="14" t="s">
        <v>1</v>
      </c>
      <c r="C23481" s="14" t="s">
        <v>157</v>
      </c>
      <c r="D23481" s="14" t="s">
        <v>94</v>
      </c>
      <c r="E23481" s="15">
        <v>45497</v>
      </c>
      <c r="F23481" s="14" t="s">
        <v>15</v>
      </c>
      <c r="G23481" s="16">
        <v>1.1255980117804287</v>
      </c>
    </row>
    <row r="23482" spans="1:7" x14ac:dyDescent="0.3">
      <c r="A23482" s="13" t="s">
        <v>156</v>
      </c>
      <c r="B23482" s="14" t="s">
        <v>1</v>
      </c>
      <c r="C23482" s="14" t="s">
        <v>157</v>
      </c>
      <c r="D23482" s="14" t="s">
        <v>94</v>
      </c>
      <c r="E23482" s="15">
        <v>45498</v>
      </c>
      <c r="F23482" s="14" t="s">
        <v>15</v>
      </c>
      <c r="G23482" s="16">
        <v>1.1229664086221263</v>
      </c>
    </row>
    <row r="23483" spans="1:7" x14ac:dyDescent="0.3">
      <c r="A23483" s="13" t="s">
        <v>156</v>
      </c>
      <c r="B23483" s="14" t="s">
        <v>1</v>
      </c>
      <c r="C23483" s="14" t="s">
        <v>157</v>
      </c>
      <c r="D23483" s="14" t="s">
        <v>94</v>
      </c>
      <c r="E23483" s="15">
        <v>45499</v>
      </c>
      <c r="F23483" s="14" t="s">
        <v>15</v>
      </c>
      <c r="G23483" s="16">
        <v>1.120374053059352</v>
      </c>
    </row>
    <row r="23484" spans="1:7" x14ac:dyDescent="0.3">
      <c r="A23484" s="13" t="s">
        <v>156</v>
      </c>
      <c r="B23484" s="14" t="s">
        <v>1</v>
      </c>
      <c r="C23484" s="14" t="s">
        <v>157</v>
      </c>
      <c r="D23484" s="14" t="s">
        <v>94</v>
      </c>
      <c r="E23484" s="15">
        <v>45500</v>
      </c>
      <c r="F23484" s="14" t="s">
        <v>15</v>
      </c>
      <c r="G23484" s="16">
        <v>1.120374053059352</v>
      </c>
    </row>
    <row r="23485" spans="1:7" x14ac:dyDescent="0.3">
      <c r="A23485" s="13" t="s">
        <v>156</v>
      </c>
      <c r="B23485" s="14" t="s">
        <v>1</v>
      </c>
      <c r="C23485" s="14" t="s">
        <v>157</v>
      </c>
      <c r="D23485" s="14" t="s">
        <v>94</v>
      </c>
      <c r="E23485" s="15">
        <v>45501</v>
      </c>
      <c r="F23485" s="14" t="s">
        <v>15</v>
      </c>
      <c r="G23485" s="16">
        <v>1.120374053059352</v>
      </c>
    </row>
    <row r="23486" spans="1:7" x14ac:dyDescent="0.3">
      <c r="A23486" s="13" t="s">
        <v>156</v>
      </c>
      <c r="B23486" s="14" t="s">
        <v>1</v>
      </c>
      <c r="C23486" s="14" t="s">
        <v>157</v>
      </c>
      <c r="D23486" s="14" t="s">
        <v>94</v>
      </c>
      <c r="E23486" s="15">
        <v>45502</v>
      </c>
      <c r="F23486" s="14" t="s">
        <v>15</v>
      </c>
      <c r="G23486" s="16">
        <v>1.1512728555936882</v>
      </c>
    </row>
    <row r="23487" spans="1:7" x14ac:dyDescent="0.3">
      <c r="A23487" s="13" t="s">
        <v>156</v>
      </c>
      <c r="B23487" s="14" t="s">
        <v>1</v>
      </c>
      <c r="C23487" s="14" t="s">
        <v>157</v>
      </c>
      <c r="D23487" s="14" t="s">
        <v>94</v>
      </c>
      <c r="E23487" s="15">
        <v>45503</v>
      </c>
      <c r="F23487" s="14" t="s">
        <v>15</v>
      </c>
      <c r="G23487" s="16">
        <v>1.143688650192155</v>
      </c>
    </row>
    <row r="23488" spans="1:7" x14ac:dyDescent="0.3">
      <c r="A23488" s="13" t="s">
        <v>156</v>
      </c>
      <c r="B23488" s="14" t="s">
        <v>1</v>
      </c>
      <c r="C23488" s="14" t="s">
        <v>157</v>
      </c>
      <c r="D23488" s="14" t="s">
        <v>94</v>
      </c>
      <c r="E23488" s="15">
        <v>45504</v>
      </c>
      <c r="F23488" s="14" t="s">
        <v>15</v>
      </c>
      <c r="G23488" s="16">
        <v>1.1411629414897113</v>
      </c>
    </row>
    <row r="23489" spans="1:7" x14ac:dyDescent="0.3">
      <c r="A23489" s="13" t="s">
        <v>156</v>
      </c>
      <c r="B23489" s="14" t="s">
        <v>1</v>
      </c>
      <c r="C23489" s="14" t="s">
        <v>157</v>
      </c>
      <c r="D23489" s="14" t="s">
        <v>94</v>
      </c>
      <c r="E23489" s="15">
        <v>45505</v>
      </c>
      <c r="F23489" s="14" t="s">
        <v>15</v>
      </c>
      <c r="G23489" s="16">
        <v>1.1386444528638031</v>
      </c>
    </row>
    <row r="23490" spans="1:7" x14ac:dyDescent="0.3">
      <c r="A23490" s="13" t="s">
        <v>156</v>
      </c>
      <c r="B23490" s="14" t="s">
        <v>1</v>
      </c>
      <c r="C23490" s="14" t="s">
        <v>157</v>
      </c>
      <c r="D23490" s="14" t="s">
        <v>94</v>
      </c>
      <c r="E23490" s="15">
        <v>45506</v>
      </c>
      <c r="F23490" s="14" t="s">
        <v>15</v>
      </c>
      <c r="G23490" s="16">
        <v>1.1356774670935792</v>
      </c>
    </row>
    <row r="23491" spans="1:7" x14ac:dyDescent="0.3">
      <c r="A23491" s="13" t="s">
        <v>156</v>
      </c>
      <c r="B23491" s="14" t="s">
        <v>1</v>
      </c>
      <c r="C23491" s="14" t="s">
        <v>157</v>
      </c>
      <c r="D23491" s="14" t="s">
        <v>94</v>
      </c>
      <c r="E23491" s="15">
        <v>45507</v>
      </c>
      <c r="F23491" s="14" t="s">
        <v>15</v>
      </c>
      <c r="G23491" s="16">
        <v>1.1356774670935792</v>
      </c>
    </row>
    <row r="23492" spans="1:7" x14ac:dyDescent="0.3">
      <c r="A23492" s="13" t="s">
        <v>156</v>
      </c>
      <c r="B23492" s="14" t="s">
        <v>1</v>
      </c>
      <c r="C23492" s="14" t="s">
        <v>157</v>
      </c>
      <c r="D23492" s="14" t="s">
        <v>94</v>
      </c>
      <c r="E23492" s="15">
        <v>45508</v>
      </c>
      <c r="F23492" s="14" t="s">
        <v>15</v>
      </c>
      <c r="G23492" s="16">
        <v>1.1356774670935792</v>
      </c>
    </row>
    <row r="23493" spans="1:7" x14ac:dyDescent="0.3">
      <c r="A23493" s="13" t="s">
        <v>156</v>
      </c>
      <c r="B23493" s="14" t="s">
        <v>1</v>
      </c>
      <c r="C23493" s="14" t="s">
        <v>157</v>
      </c>
      <c r="D23493" s="14" t="s">
        <v>94</v>
      </c>
      <c r="E23493" s="15">
        <v>45509</v>
      </c>
      <c r="F23493" s="14" t="s">
        <v>15</v>
      </c>
      <c r="G23493" s="16">
        <v>1.1356774670935792</v>
      </c>
    </row>
    <row r="23494" spans="1:7" x14ac:dyDescent="0.3">
      <c r="A23494" s="13" t="s">
        <v>156</v>
      </c>
      <c r="B23494" s="14" t="s">
        <v>1</v>
      </c>
      <c r="C23494" s="14" t="s">
        <v>157</v>
      </c>
      <c r="D23494" s="14" t="s">
        <v>94</v>
      </c>
      <c r="E23494" s="15">
        <v>45510</v>
      </c>
      <c r="F23494" s="14" t="s">
        <v>15</v>
      </c>
      <c r="G23494" s="16">
        <v>1.1331172455539293</v>
      </c>
    </row>
    <row r="23495" spans="1:7" x14ac:dyDescent="0.3">
      <c r="A23495" s="13" t="s">
        <v>156</v>
      </c>
      <c r="B23495" s="14" t="s">
        <v>1</v>
      </c>
      <c r="C23495" s="14" t="s">
        <v>157</v>
      </c>
      <c r="D23495" s="14" t="s">
        <v>94</v>
      </c>
      <c r="E23495" s="15">
        <v>45511</v>
      </c>
      <c r="F23495" s="14" t="s">
        <v>15</v>
      </c>
      <c r="G23495" s="16">
        <v>1.1232441588853823</v>
      </c>
    </row>
    <row r="23496" spans="1:7" x14ac:dyDescent="0.3">
      <c r="A23496" s="13" t="s">
        <v>156</v>
      </c>
      <c r="B23496" s="14" t="s">
        <v>1</v>
      </c>
      <c r="C23496" s="14" t="s">
        <v>157</v>
      </c>
      <c r="D23496" s="14" t="s">
        <v>94</v>
      </c>
      <c r="E23496" s="15">
        <v>45512</v>
      </c>
      <c r="F23496" s="14" t="s">
        <v>15</v>
      </c>
      <c r="G23496" s="16">
        <v>1.1208873194610192</v>
      </c>
    </row>
    <row r="23497" spans="1:7" x14ac:dyDescent="0.3">
      <c r="A23497" s="13" t="s">
        <v>156</v>
      </c>
      <c r="B23497" s="14" t="s">
        <v>1</v>
      </c>
      <c r="C23497" s="14" t="s">
        <v>157</v>
      </c>
      <c r="D23497" s="14" t="s">
        <v>94</v>
      </c>
      <c r="E23497" s="15">
        <v>45513</v>
      </c>
      <c r="F23497" s="14" t="s">
        <v>15</v>
      </c>
      <c r="G23497" s="16">
        <v>1.1208873194610192</v>
      </c>
    </row>
    <row r="23498" spans="1:7" x14ac:dyDescent="0.3">
      <c r="A23498" s="13" t="s">
        <v>156</v>
      </c>
      <c r="B23498" s="14" t="s">
        <v>1</v>
      </c>
      <c r="C23498" s="14" t="s">
        <v>157</v>
      </c>
      <c r="D23498" s="14" t="s">
        <v>94</v>
      </c>
      <c r="E23498" s="15">
        <v>45514</v>
      </c>
      <c r="F23498" s="14" t="s">
        <v>15</v>
      </c>
      <c r="G23498" s="16">
        <v>1.1208873194610192</v>
      </c>
    </row>
    <row r="23499" spans="1:7" x14ac:dyDescent="0.3">
      <c r="A23499" s="13" t="s">
        <v>156</v>
      </c>
      <c r="B23499" s="14" t="s">
        <v>1</v>
      </c>
      <c r="C23499" s="14" t="s">
        <v>157</v>
      </c>
      <c r="D23499" s="14" t="s">
        <v>94</v>
      </c>
      <c r="E23499" s="15">
        <v>45515</v>
      </c>
      <c r="F23499" s="14" t="s">
        <v>15</v>
      </c>
      <c r="G23499" s="16">
        <v>1.1208873194610192</v>
      </c>
    </row>
    <row r="23500" spans="1:7" x14ac:dyDescent="0.3">
      <c r="A23500" s="13" t="s">
        <v>156</v>
      </c>
      <c r="B23500" s="14" t="s">
        <v>1</v>
      </c>
      <c r="C23500" s="14" t="s">
        <v>157</v>
      </c>
      <c r="D23500" s="14" t="s">
        <v>94</v>
      </c>
      <c r="E23500" s="15">
        <v>45516</v>
      </c>
      <c r="F23500" s="14" t="s">
        <v>15</v>
      </c>
      <c r="G23500" s="16">
        <v>1.1195040468836035</v>
      </c>
    </row>
    <row r="23501" spans="1:7" x14ac:dyDescent="0.3">
      <c r="A23501" s="13" t="s">
        <v>156</v>
      </c>
      <c r="B23501" s="14" t="s">
        <v>1</v>
      </c>
      <c r="C23501" s="14" t="s">
        <v>157</v>
      </c>
      <c r="D23501" s="14" t="s">
        <v>94</v>
      </c>
      <c r="E23501" s="15">
        <v>45517</v>
      </c>
      <c r="F23501" s="14" t="s">
        <v>15</v>
      </c>
      <c r="G23501" s="16">
        <v>1.215796794854072</v>
      </c>
    </row>
    <row r="23502" spans="1:7" x14ac:dyDescent="0.3">
      <c r="A23502" s="13" t="s">
        <v>156</v>
      </c>
      <c r="B23502" s="14" t="s">
        <v>1</v>
      </c>
      <c r="C23502" s="14" t="s">
        <v>157</v>
      </c>
      <c r="D23502" s="14" t="s">
        <v>94</v>
      </c>
      <c r="E23502" s="15">
        <v>45518</v>
      </c>
      <c r="F23502" s="14" t="s">
        <v>15</v>
      </c>
      <c r="G23502" s="16">
        <v>1.2743760526598003</v>
      </c>
    </row>
    <row r="23503" spans="1:7" x14ac:dyDescent="0.3">
      <c r="A23503" s="13" t="s">
        <v>156</v>
      </c>
      <c r="B23503" s="14" t="s">
        <v>1</v>
      </c>
      <c r="C23503" s="14" t="s">
        <v>157</v>
      </c>
      <c r="D23503" s="14" t="s">
        <v>94</v>
      </c>
      <c r="E23503" s="15">
        <v>45519</v>
      </c>
      <c r="F23503" s="14" t="s">
        <v>15</v>
      </c>
      <c r="G23503" s="16">
        <v>1.2737012833528514</v>
      </c>
    </row>
    <row r="23504" spans="1:7" x14ac:dyDescent="0.3">
      <c r="A23504" s="13" t="s">
        <v>156</v>
      </c>
      <c r="B23504" s="14" t="s">
        <v>1</v>
      </c>
      <c r="C23504" s="14" t="s">
        <v>157</v>
      </c>
      <c r="D23504" s="14" t="s">
        <v>94</v>
      </c>
      <c r="E23504" s="15">
        <v>45520</v>
      </c>
      <c r="F23504" s="14" t="s">
        <v>15</v>
      </c>
      <c r="G23504" s="16">
        <v>1.4041290705907661</v>
      </c>
    </row>
    <row r="23505" spans="1:7" x14ac:dyDescent="0.3">
      <c r="A23505" s="13" t="s">
        <v>156</v>
      </c>
      <c r="B23505" s="14" t="s">
        <v>1</v>
      </c>
      <c r="C23505" s="14" t="s">
        <v>157</v>
      </c>
      <c r="D23505" s="14" t="s">
        <v>94</v>
      </c>
      <c r="E23505" s="15">
        <v>45521</v>
      </c>
      <c r="F23505" s="14" t="s">
        <v>15</v>
      </c>
      <c r="G23505" s="16">
        <v>1.4041290705907661</v>
      </c>
    </row>
    <row r="23506" spans="1:7" x14ac:dyDescent="0.3">
      <c r="A23506" s="13" t="s">
        <v>156</v>
      </c>
      <c r="B23506" s="14" t="s">
        <v>1</v>
      </c>
      <c r="C23506" s="14" t="s">
        <v>157</v>
      </c>
      <c r="D23506" s="14" t="s">
        <v>94</v>
      </c>
      <c r="E23506" s="15">
        <v>45522</v>
      </c>
      <c r="F23506" s="14" t="s">
        <v>15</v>
      </c>
      <c r="G23506" s="16">
        <v>1.4041290705907661</v>
      </c>
    </row>
    <row r="23507" spans="1:7" x14ac:dyDescent="0.3">
      <c r="A23507" s="13" t="s">
        <v>156</v>
      </c>
      <c r="B23507" s="14" t="s">
        <v>1</v>
      </c>
      <c r="C23507" s="14" t="s">
        <v>157</v>
      </c>
      <c r="D23507" s="14" t="s">
        <v>94</v>
      </c>
      <c r="E23507" s="15">
        <v>45523</v>
      </c>
      <c r="F23507" s="14" t="s">
        <v>15</v>
      </c>
      <c r="G23507" s="16">
        <v>1.4016144783735702</v>
      </c>
    </row>
    <row r="23508" spans="1:7" x14ac:dyDescent="0.3">
      <c r="A23508" s="13" t="s">
        <v>156</v>
      </c>
      <c r="B23508" s="14" t="s">
        <v>1</v>
      </c>
      <c r="C23508" s="14" t="s">
        <v>157</v>
      </c>
      <c r="D23508" s="14" t="s">
        <v>94</v>
      </c>
      <c r="E23508" s="15">
        <v>45524</v>
      </c>
      <c r="F23508" s="14" t="s">
        <v>15</v>
      </c>
      <c r="G23508" s="16">
        <v>1.3939101066324668</v>
      </c>
    </row>
    <row r="23509" spans="1:7" x14ac:dyDescent="0.3">
      <c r="A23509" s="13" t="s">
        <v>156</v>
      </c>
      <c r="B23509" s="14" t="s">
        <v>1</v>
      </c>
      <c r="C23509" s="14" t="s">
        <v>157</v>
      </c>
      <c r="D23509" s="14" t="s">
        <v>94</v>
      </c>
      <c r="E23509" s="15">
        <v>45525</v>
      </c>
      <c r="F23509" s="14" t="s">
        <v>15</v>
      </c>
      <c r="G23509" s="16">
        <v>1.3913216425133177</v>
      </c>
    </row>
    <row r="23510" spans="1:7" x14ac:dyDescent="0.3">
      <c r="A23510" s="13" t="s">
        <v>156</v>
      </c>
      <c r="B23510" s="14" t="s">
        <v>1</v>
      </c>
      <c r="C23510" s="14" t="s">
        <v>157</v>
      </c>
      <c r="D23510" s="14" t="s">
        <v>94</v>
      </c>
      <c r="E23510" s="15">
        <v>45526</v>
      </c>
      <c r="F23510" s="14" t="s">
        <v>15</v>
      </c>
      <c r="G23510" s="16">
        <v>1.3887222275343314</v>
      </c>
    </row>
    <row r="23511" spans="1:7" x14ac:dyDescent="0.3">
      <c r="A23511" s="13" t="s">
        <v>156</v>
      </c>
      <c r="B23511" s="14" t="s">
        <v>1</v>
      </c>
      <c r="C23511" s="14" t="s">
        <v>157</v>
      </c>
      <c r="D23511" s="14" t="s">
        <v>94</v>
      </c>
      <c r="E23511" s="15">
        <v>45527</v>
      </c>
      <c r="F23511" s="14" t="s">
        <v>15</v>
      </c>
      <c r="G23511" s="16">
        <v>1.3861436006282566</v>
      </c>
    </row>
    <row r="23512" spans="1:7" x14ac:dyDescent="0.3">
      <c r="A23512" s="13" t="s">
        <v>156</v>
      </c>
      <c r="B23512" s="14" t="s">
        <v>1</v>
      </c>
      <c r="C23512" s="14" t="s">
        <v>157</v>
      </c>
      <c r="D23512" s="14" t="s">
        <v>94</v>
      </c>
      <c r="E23512" s="15">
        <v>45528</v>
      </c>
      <c r="F23512" s="14" t="s">
        <v>15</v>
      </c>
      <c r="G23512" s="16">
        <v>1.3861436006282566</v>
      </c>
    </row>
    <row r="23513" spans="1:7" x14ac:dyDescent="0.3">
      <c r="A23513" s="13" t="s">
        <v>156</v>
      </c>
      <c r="B23513" s="14" t="s">
        <v>1</v>
      </c>
      <c r="C23513" s="14" t="s">
        <v>157</v>
      </c>
      <c r="D23513" s="14" t="s">
        <v>94</v>
      </c>
      <c r="E23513" s="15">
        <v>45529</v>
      </c>
      <c r="F23513" s="14" t="s">
        <v>15</v>
      </c>
      <c r="G23513" s="16">
        <v>1.3861436006282566</v>
      </c>
    </row>
    <row r="23514" spans="1:7" x14ac:dyDescent="0.3">
      <c r="A23514" s="13" t="s">
        <v>156</v>
      </c>
      <c r="B23514" s="14" t="s">
        <v>1</v>
      </c>
      <c r="C23514" s="14" t="s">
        <v>157</v>
      </c>
      <c r="D23514" s="14" t="s">
        <v>94</v>
      </c>
      <c r="E23514" s="15">
        <v>45530</v>
      </c>
      <c r="F23514" s="14" t="s">
        <v>15</v>
      </c>
      <c r="G23514" s="16">
        <v>1.3835523523921998</v>
      </c>
    </row>
    <row r="23515" spans="1:7" x14ac:dyDescent="0.3">
      <c r="A23515" s="13" t="s">
        <v>156</v>
      </c>
      <c r="B23515" s="14" t="s">
        <v>1</v>
      </c>
      <c r="C23515" s="14" t="s">
        <v>157</v>
      </c>
      <c r="D23515" s="14" t="s">
        <v>94</v>
      </c>
      <c r="E23515" s="15">
        <v>45531</v>
      </c>
      <c r="F23515" s="14" t="s">
        <v>15</v>
      </c>
      <c r="G23515" s="16">
        <v>1.4178575206726833</v>
      </c>
    </row>
    <row r="23516" spans="1:7" x14ac:dyDescent="0.3">
      <c r="A23516" s="13" t="s">
        <v>156</v>
      </c>
      <c r="B23516" s="14" t="s">
        <v>1</v>
      </c>
      <c r="C23516" s="14" t="s">
        <v>157</v>
      </c>
      <c r="D23516" s="14" t="s">
        <v>94</v>
      </c>
      <c r="E23516" s="15">
        <v>45532</v>
      </c>
      <c r="F23516" s="14" t="s">
        <v>15</v>
      </c>
      <c r="G23516" s="16">
        <v>1.4153499815516539</v>
      </c>
    </row>
    <row r="23517" spans="1:7" x14ac:dyDescent="0.3">
      <c r="A23517" s="13" t="s">
        <v>156</v>
      </c>
      <c r="B23517" s="14" t="s">
        <v>1</v>
      </c>
      <c r="C23517" s="14" t="s">
        <v>157</v>
      </c>
      <c r="D23517" s="14" t="s">
        <v>94</v>
      </c>
      <c r="E23517" s="15">
        <v>45533</v>
      </c>
      <c r="F23517" s="14" t="s">
        <v>15</v>
      </c>
      <c r="G23517" s="16">
        <v>1.4127626310792678</v>
      </c>
    </row>
    <row r="23518" spans="1:7" x14ac:dyDescent="0.3">
      <c r="A23518" s="13" t="s">
        <v>156</v>
      </c>
      <c r="B23518" s="14" t="s">
        <v>1</v>
      </c>
      <c r="C23518" s="14" t="s">
        <v>157</v>
      </c>
      <c r="D23518" s="14" t="s">
        <v>94</v>
      </c>
      <c r="E23518" s="15">
        <v>45534</v>
      </c>
      <c r="F23518" s="14" t="s">
        <v>15</v>
      </c>
      <c r="G23518" s="16">
        <v>1.4101752806068819</v>
      </c>
    </row>
    <row r="23519" spans="1:7" x14ac:dyDescent="0.3">
      <c r="A23519" s="13" t="s">
        <v>156</v>
      </c>
      <c r="B23519" s="14" t="s">
        <v>1</v>
      </c>
      <c r="C23519" s="14" t="s">
        <v>157</v>
      </c>
      <c r="D23519" s="14" t="s">
        <v>94</v>
      </c>
      <c r="E23519" s="15">
        <v>45535</v>
      </c>
      <c r="F23519" s="14" t="s">
        <v>15</v>
      </c>
      <c r="G23519" s="16">
        <v>1.4101752806068819</v>
      </c>
    </row>
    <row r="23520" spans="1:7" x14ac:dyDescent="0.3">
      <c r="A23520" s="13" t="s">
        <v>156</v>
      </c>
      <c r="B23520" s="14" t="s">
        <v>1</v>
      </c>
      <c r="C23520" s="14" t="s">
        <v>157</v>
      </c>
      <c r="D23520" s="14" t="s">
        <v>94</v>
      </c>
      <c r="E23520" s="15">
        <v>45536</v>
      </c>
      <c r="F23520" s="14" t="s">
        <v>15</v>
      </c>
      <c r="G23520" s="16">
        <v>1.4101752806068819</v>
      </c>
    </row>
    <row r="23521" spans="1:7" x14ac:dyDescent="0.3">
      <c r="A23521" s="13" t="s">
        <v>156</v>
      </c>
      <c r="B23521" s="14" t="s">
        <v>1</v>
      </c>
      <c r="C23521" s="14" t="s">
        <v>157</v>
      </c>
      <c r="D23521" s="14" t="s">
        <v>94</v>
      </c>
      <c r="E23521" s="15">
        <v>45537</v>
      </c>
      <c r="F23521" s="14" t="s">
        <v>15</v>
      </c>
      <c r="G23521" s="16">
        <v>1.4075864452721449</v>
      </c>
    </row>
    <row r="23522" spans="1:7" x14ac:dyDescent="0.3">
      <c r="A23522" s="13" t="s">
        <v>156</v>
      </c>
      <c r="B23522" s="14" t="s">
        <v>1</v>
      </c>
      <c r="C23522" s="14" t="s">
        <v>157</v>
      </c>
      <c r="D23522" s="14" t="s">
        <v>94</v>
      </c>
      <c r="E23522" s="15">
        <v>45538</v>
      </c>
      <c r="F23522" s="14" t="s">
        <v>15</v>
      </c>
      <c r="G23522" s="16">
        <v>1.399852933107407</v>
      </c>
    </row>
    <row r="23523" spans="1:7" x14ac:dyDescent="0.3">
      <c r="A23523" s="13" t="s">
        <v>156</v>
      </c>
      <c r="B23523" s="14" t="s">
        <v>1</v>
      </c>
      <c r="C23523" s="14" t="s">
        <v>157</v>
      </c>
      <c r="D23523" s="14" t="s">
        <v>94</v>
      </c>
      <c r="E23523" s="15">
        <v>45539</v>
      </c>
      <c r="F23523" s="14" t="s">
        <v>15</v>
      </c>
      <c r="G23523" s="16">
        <v>1.3972631697337008</v>
      </c>
    </row>
    <row r="23524" spans="1:7" x14ac:dyDescent="0.3">
      <c r="A23524" s="13" t="s">
        <v>156</v>
      </c>
      <c r="B23524" s="14" t="s">
        <v>1</v>
      </c>
      <c r="C23524" s="14" t="s">
        <v>157</v>
      </c>
      <c r="D23524" s="14" t="s">
        <v>94</v>
      </c>
      <c r="E23524" s="15">
        <v>45540</v>
      </c>
      <c r="F23524" s="14" t="s">
        <v>15</v>
      </c>
      <c r="G23524" s="16">
        <v>1.3946949368640815</v>
      </c>
    </row>
    <row r="23525" spans="1:7" x14ac:dyDescent="0.3">
      <c r="A23525" s="13" t="s">
        <v>156</v>
      </c>
      <c r="B23525" s="14" t="s">
        <v>1</v>
      </c>
      <c r="C23525" s="14" t="s">
        <v>157</v>
      </c>
      <c r="D23525" s="14" t="s">
        <v>94</v>
      </c>
      <c r="E23525" s="15">
        <v>45541</v>
      </c>
      <c r="F23525" s="14" t="s">
        <v>15</v>
      </c>
      <c r="G23525" s="16">
        <v>1.4086476537252659</v>
      </c>
    </row>
    <row r="23526" spans="1:7" x14ac:dyDescent="0.3">
      <c r="A23526" s="13" t="s">
        <v>156</v>
      </c>
      <c r="B23526" s="14" t="s">
        <v>1</v>
      </c>
      <c r="C23526" s="14" t="s">
        <v>157</v>
      </c>
      <c r="D23526" s="14" t="s">
        <v>94</v>
      </c>
      <c r="E23526" s="15">
        <v>45542</v>
      </c>
      <c r="F23526" s="14" t="s">
        <v>15</v>
      </c>
      <c r="G23526" s="16">
        <v>1.4086476537252659</v>
      </c>
    </row>
    <row r="23527" spans="1:7" x14ac:dyDescent="0.3">
      <c r="A23527" s="13" t="s">
        <v>156</v>
      </c>
      <c r="B23527" s="14" t="s">
        <v>1</v>
      </c>
      <c r="C23527" s="14" t="s">
        <v>157</v>
      </c>
      <c r="D23527" s="14" t="s">
        <v>94</v>
      </c>
      <c r="E23527" s="15">
        <v>45543</v>
      </c>
      <c r="F23527" s="14" t="s">
        <v>15</v>
      </c>
      <c r="G23527" s="16">
        <v>1.4086476537252659</v>
      </c>
    </row>
    <row r="23528" spans="1:7" x14ac:dyDescent="0.3">
      <c r="A23528" s="13" t="s">
        <v>156</v>
      </c>
      <c r="B23528" s="14" t="s">
        <v>1</v>
      </c>
      <c r="C23528" s="14" t="s">
        <v>157</v>
      </c>
      <c r="D23528" s="14" t="s">
        <v>94</v>
      </c>
      <c r="E23528" s="15">
        <v>45544</v>
      </c>
      <c r="F23528" s="14" t="s">
        <v>15</v>
      </c>
      <c r="G23528" s="16">
        <v>1.412289486422361</v>
      </c>
    </row>
    <row r="23529" spans="1:7" x14ac:dyDescent="0.3">
      <c r="A23529" s="13" t="s">
        <v>156</v>
      </c>
      <c r="B23529" s="14" t="s">
        <v>1</v>
      </c>
      <c r="C23529" s="14" t="s">
        <v>157</v>
      </c>
      <c r="D23529" s="14" t="s">
        <v>94</v>
      </c>
      <c r="E23529" s="15">
        <v>45545</v>
      </c>
      <c r="F23529" s="14" t="s">
        <v>15</v>
      </c>
      <c r="G23529" s="16">
        <v>1.4705087340783776</v>
      </c>
    </row>
    <row r="23530" spans="1:7" x14ac:dyDescent="0.3">
      <c r="A23530" s="13" t="s">
        <v>156</v>
      </c>
      <c r="B23530" s="14" t="s">
        <v>1</v>
      </c>
      <c r="C23530" s="14" t="s">
        <v>157</v>
      </c>
      <c r="D23530" s="14" t="s">
        <v>94</v>
      </c>
      <c r="E23530" s="15">
        <v>45546</v>
      </c>
      <c r="F23530" s="14" t="s">
        <v>15</v>
      </c>
      <c r="G23530" s="16">
        <v>1.4680216118146721</v>
      </c>
    </row>
    <row r="23531" spans="1:7" x14ac:dyDescent="0.3">
      <c r="A23531" s="13" t="s">
        <v>156</v>
      </c>
      <c r="B23531" s="14" t="s">
        <v>1</v>
      </c>
      <c r="C23531" s="14" t="s">
        <v>157</v>
      </c>
      <c r="D23531" s="14" t="s">
        <v>94</v>
      </c>
      <c r="E23531" s="15">
        <v>45547</v>
      </c>
      <c r="F23531" s="14" t="s">
        <v>15</v>
      </c>
      <c r="G23531" s="16">
        <v>1.5278055331728646</v>
      </c>
    </row>
    <row r="23532" spans="1:7" x14ac:dyDescent="0.3">
      <c r="A23532" s="13" t="s">
        <v>156</v>
      </c>
      <c r="B23532" s="14" t="s">
        <v>1</v>
      </c>
      <c r="C23532" s="14" t="s">
        <v>157</v>
      </c>
      <c r="D23532" s="14" t="s">
        <v>94</v>
      </c>
      <c r="E23532" s="15">
        <v>45548</v>
      </c>
      <c r="F23532" s="14" t="s">
        <v>15</v>
      </c>
      <c r="G23532" s="16">
        <v>1.594152174906091</v>
      </c>
    </row>
    <row r="23533" spans="1:7" x14ac:dyDescent="0.3">
      <c r="A23533" s="13" t="s">
        <v>156</v>
      </c>
      <c r="B23533" s="14" t="s">
        <v>1</v>
      </c>
      <c r="C23533" s="14" t="s">
        <v>157</v>
      </c>
      <c r="D23533" s="14" t="s">
        <v>94</v>
      </c>
      <c r="E23533" s="15">
        <v>45549</v>
      </c>
      <c r="F23533" s="14" t="s">
        <v>15</v>
      </c>
      <c r="G23533" s="16">
        <v>1.594152174906091</v>
      </c>
    </row>
    <row r="23534" spans="1:7" x14ac:dyDescent="0.3">
      <c r="A23534" s="13" t="s">
        <v>156</v>
      </c>
      <c r="B23534" s="14" t="s">
        <v>1</v>
      </c>
      <c r="C23534" s="14" t="s">
        <v>157</v>
      </c>
      <c r="D23534" s="14" t="s">
        <v>94</v>
      </c>
      <c r="E23534" s="15">
        <v>45550</v>
      </c>
      <c r="F23534" s="14" t="s">
        <v>15</v>
      </c>
      <c r="G23534" s="16">
        <v>1.594152174906091</v>
      </c>
    </row>
    <row r="23535" spans="1:7" x14ac:dyDescent="0.3">
      <c r="A23535" s="13" t="s">
        <v>156</v>
      </c>
      <c r="B23535" s="14" t="s">
        <v>1</v>
      </c>
      <c r="C23535" s="14" t="s">
        <v>157</v>
      </c>
      <c r="D23535" s="14" t="s">
        <v>94</v>
      </c>
      <c r="E23535" s="15">
        <v>45551</v>
      </c>
      <c r="F23535" s="14" t="s">
        <v>15</v>
      </c>
      <c r="G23535" s="16">
        <v>1.6129980700366067</v>
      </c>
    </row>
    <row r="23536" spans="1:7" x14ac:dyDescent="0.3">
      <c r="A23536" s="13" t="s">
        <v>156</v>
      </c>
      <c r="B23536" s="14" t="s">
        <v>1</v>
      </c>
      <c r="C23536" s="14" t="s">
        <v>157</v>
      </c>
      <c r="D23536" s="14" t="s">
        <v>94</v>
      </c>
      <c r="E23536" s="15">
        <v>45552</v>
      </c>
      <c r="F23536" s="14" t="s">
        <v>15</v>
      </c>
      <c r="G23536" s="16">
        <v>1.6054056197951962</v>
      </c>
    </row>
    <row r="23537" spans="1:7" x14ac:dyDescent="0.3">
      <c r="A23537" s="13" t="s">
        <v>156</v>
      </c>
      <c r="B23537" s="14" t="s">
        <v>1</v>
      </c>
      <c r="C23537" s="14" t="s">
        <v>157</v>
      </c>
      <c r="D23537" s="14" t="s">
        <v>94</v>
      </c>
      <c r="E23537" s="15">
        <v>45553</v>
      </c>
      <c r="F23537" s="14" t="s">
        <v>15</v>
      </c>
      <c r="G23537" s="16">
        <v>1.6028637432323041</v>
      </c>
    </row>
    <row r="23538" spans="1:7" x14ac:dyDescent="0.3">
      <c r="A23538" s="13" t="s">
        <v>156</v>
      </c>
      <c r="B23538" s="14" t="s">
        <v>1</v>
      </c>
      <c r="C23538" s="14" t="s">
        <v>157</v>
      </c>
      <c r="D23538" s="14" t="s">
        <v>94</v>
      </c>
      <c r="E23538" s="15">
        <v>45554</v>
      </c>
      <c r="F23538" s="14" t="s">
        <v>15</v>
      </c>
      <c r="G23538" s="16">
        <v>1.6003103589861931</v>
      </c>
    </row>
    <row r="23539" spans="1:7" x14ac:dyDescent="0.3">
      <c r="A23539" s="13" t="s">
        <v>156</v>
      </c>
      <c r="B23539" s="14" t="s">
        <v>1</v>
      </c>
      <c r="C23539" s="14" t="s">
        <v>157</v>
      </c>
      <c r="D23539" s="14" t="s">
        <v>94</v>
      </c>
      <c r="E23539" s="15">
        <v>45555</v>
      </c>
      <c r="F23539" s="14" t="s">
        <v>15</v>
      </c>
      <c r="G23539" s="16">
        <v>1.5977751643038796</v>
      </c>
    </row>
    <row r="23540" spans="1:7" x14ac:dyDescent="0.3">
      <c r="A23540" s="13" t="s">
        <v>156</v>
      </c>
      <c r="B23540" s="14" t="s">
        <v>1</v>
      </c>
      <c r="C23540" s="14" t="s">
        <v>157</v>
      </c>
      <c r="D23540" s="14" t="s">
        <v>94</v>
      </c>
      <c r="E23540" s="15">
        <v>45556</v>
      </c>
      <c r="F23540" s="14" t="s">
        <v>15</v>
      </c>
      <c r="G23540" s="16">
        <v>1.5977751643038796</v>
      </c>
    </row>
    <row r="23541" spans="1:7" x14ac:dyDescent="0.3">
      <c r="A23541" s="13" t="s">
        <v>156</v>
      </c>
      <c r="B23541" s="14" t="s">
        <v>1</v>
      </c>
      <c r="C23541" s="14" t="s">
        <v>157</v>
      </c>
      <c r="D23541" s="14" t="s">
        <v>94</v>
      </c>
      <c r="E23541" s="15">
        <v>45557</v>
      </c>
      <c r="F23541" s="14" t="s">
        <v>15</v>
      </c>
      <c r="G23541" s="16">
        <v>1.5977751643038796</v>
      </c>
    </row>
    <row r="23542" spans="1:7" x14ac:dyDescent="0.3">
      <c r="A23542" s="13" t="s">
        <v>156</v>
      </c>
      <c r="B23542" s="14" t="s">
        <v>1</v>
      </c>
      <c r="C23542" s="14" t="s">
        <v>157</v>
      </c>
      <c r="D23542" s="14" t="s">
        <v>94</v>
      </c>
      <c r="E23542" s="15">
        <v>45558</v>
      </c>
      <c r="F23542" s="14" t="s">
        <v>15</v>
      </c>
      <c r="G23542" s="16">
        <v>1.5951957949666293</v>
      </c>
    </row>
    <row r="23543" spans="1:7" x14ac:dyDescent="0.3">
      <c r="A23543" s="13" t="s">
        <v>156</v>
      </c>
      <c r="B23543" s="14" t="s">
        <v>1</v>
      </c>
      <c r="C23543" s="14" t="s">
        <v>157</v>
      </c>
      <c r="D23543" s="14" t="s">
        <v>94</v>
      </c>
      <c r="E23543" s="15">
        <v>45559</v>
      </c>
      <c r="F23543" s="14" t="s">
        <v>15</v>
      </c>
      <c r="G23543" s="16">
        <v>1.5874008466221261</v>
      </c>
    </row>
    <row r="23544" spans="1:7" x14ac:dyDescent="0.3">
      <c r="A23544" s="13" t="s">
        <v>156</v>
      </c>
      <c r="B23544" s="14" t="s">
        <v>1</v>
      </c>
      <c r="C23544" s="14" t="s">
        <v>157</v>
      </c>
      <c r="D23544" s="14" t="s">
        <v>94</v>
      </c>
      <c r="E23544" s="15">
        <v>45560</v>
      </c>
      <c r="F23544" s="14" t="s">
        <v>15</v>
      </c>
      <c r="G23544" s="16">
        <v>1.5847990187418197</v>
      </c>
    </row>
    <row r="23545" spans="1:7" x14ac:dyDescent="0.3">
      <c r="A23545" s="13" t="s">
        <v>156</v>
      </c>
      <c r="B23545" s="14" t="s">
        <v>1</v>
      </c>
      <c r="C23545" s="14" t="s">
        <v>157</v>
      </c>
      <c r="D23545" s="14" t="s">
        <v>94</v>
      </c>
      <c r="E23545" s="15">
        <v>45561</v>
      </c>
      <c r="F23545" s="14" t="s">
        <v>15</v>
      </c>
      <c r="G23545" s="16">
        <v>1.5821630390274444</v>
      </c>
    </row>
    <row r="23546" spans="1:7" x14ac:dyDescent="0.3">
      <c r="A23546" s="13" t="s">
        <v>156</v>
      </c>
      <c r="B23546" s="14" t="s">
        <v>1</v>
      </c>
      <c r="C23546" s="14" t="s">
        <v>157</v>
      </c>
      <c r="D23546" s="14" t="s">
        <v>94</v>
      </c>
      <c r="E23546" s="15">
        <v>45562</v>
      </c>
      <c r="F23546" s="14" t="s">
        <v>15</v>
      </c>
      <c r="G23546" s="16">
        <v>1.5796794433118218</v>
      </c>
    </row>
    <row r="23547" spans="1:7" x14ac:dyDescent="0.3">
      <c r="A23547" s="13" t="s">
        <v>156</v>
      </c>
      <c r="B23547" s="14" t="s">
        <v>1</v>
      </c>
      <c r="C23547" s="14" t="s">
        <v>157</v>
      </c>
      <c r="D23547" s="14" t="s">
        <v>94</v>
      </c>
      <c r="E23547" s="15">
        <v>45563</v>
      </c>
      <c r="F23547" s="14" t="s">
        <v>15</v>
      </c>
      <c r="G23547" s="16">
        <v>1.5796794433118218</v>
      </c>
    </row>
    <row r="23548" spans="1:7" x14ac:dyDescent="0.3">
      <c r="A23548" s="13" t="s">
        <v>156</v>
      </c>
      <c r="B23548" s="14" t="s">
        <v>1</v>
      </c>
      <c r="C23548" s="14" t="s">
        <v>157</v>
      </c>
      <c r="D23548" s="14" t="s">
        <v>94</v>
      </c>
      <c r="E23548" s="15">
        <v>45564</v>
      </c>
      <c r="F23548" s="14" t="s">
        <v>15</v>
      </c>
      <c r="G23548" s="16">
        <v>1.5796794433118218</v>
      </c>
    </row>
    <row r="23549" spans="1:7" x14ac:dyDescent="0.3">
      <c r="A23549" s="13" t="s">
        <v>156</v>
      </c>
      <c r="B23549" s="14" t="s">
        <v>1</v>
      </c>
      <c r="C23549" s="14" t="s">
        <v>157</v>
      </c>
      <c r="D23549" s="14" t="s">
        <v>94</v>
      </c>
      <c r="E23549" s="15">
        <v>45565</v>
      </c>
      <c r="F23549" s="14" t="s">
        <v>15</v>
      </c>
      <c r="G23549" s="16">
        <v>1.5960303984773732</v>
      </c>
    </row>
    <row r="23550" spans="1:7" x14ac:dyDescent="0.3">
      <c r="A23550" s="13" t="s">
        <v>156</v>
      </c>
      <c r="B23550" s="14" t="s">
        <v>1</v>
      </c>
      <c r="C23550" s="14" t="s">
        <v>157</v>
      </c>
      <c r="D23550" s="14" t="s">
        <v>94</v>
      </c>
      <c r="E23550" s="15">
        <v>45566</v>
      </c>
      <c r="F23550" s="14" t="s">
        <v>15</v>
      </c>
      <c r="G23550" s="16">
        <v>1.5879017273195233</v>
      </c>
    </row>
    <row r="23551" spans="1:7" x14ac:dyDescent="0.3">
      <c r="A23551" s="13" t="s">
        <v>156</v>
      </c>
      <c r="B23551" s="14" t="s">
        <v>1</v>
      </c>
      <c r="C23551" s="14" t="s">
        <v>157</v>
      </c>
      <c r="D23551" s="14" t="s">
        <v>94</v>
      </c>
      <c r="E23551" s="15">
        <v>45567</v>
      </c>
      <c r="F23551" s="14" t="s">
        <v>15</v>
      </c>
      <c r="G23551" s="16">
        <v>1.5852945168131951</v>
      </c>
    </row>
    <row r="23552" spans="1:7" x14ac:dyDescent="0.3">
      <c r="A23552" s="13" t="s">
        <v>156</v>
      </c>
      <c r="B23552" s="14" t="s">
        <v>1</v>
      </c>
      <c r="C23552" s="14" t="s">
        <v>157</v>
      </c>
      <c r="D23552" s="14" t="s">
        <v>94</v>
      </c>
      <c r="E23552" s="15">
        <v>45568</v>
      </c>
      <c r="F23552" s="14" t="s">
        <v>15</v>
      </c>
      <c r="G23552" s="16">
        <v>1.5826082373866857</v>
      </c>
    </row>
    <row r="23553" spans="1:7" x14ac:dyDescent="0.3">
      <c r="A23553" s="13" t="s">
        <v>156</v>
      </c>
      <c r="B23553" s="14" t="s">
        <v>1</v>
      </c>
      <c r="C23553" s="14" t="s">
        <v>157</v>
      </c>
      <c r="D23553" s="14" t="s">
        <v>94</v>
      </c>
      <c r="E23553" s="15">
        <v>45569</v>
      </c>
      <c r="F23553" s="14" t="s">
        <v>15</v>
      </c>
      <c r="G23553" s="16">
        <v>1.5799017267106465</v>
      </c>
    </row>
    <row r="23554" spans="1:7" x14ac:dyDescent="0.3">
      <c r="A23554" s="13" t="s">
        <v>156</v>
      </c>
      <c r="B23554" s="14" t="s">
        <v>1</v>
      </c>
      <c r="C23554" s="14" t="s">
        <v>157</v>
      </c>
      <c r="D23554" s="14" t="s">
        <v>94</v>
      </c>
      <c r="E23554" s="15">
        <v>45570</v>
      </c>
      <c r="F23554" s="14" t="s">
        <v>15</v>
      </c>
      <c r="G23554" s="16">
        <v>1.5799017267106465</v>
      </c>
    </row>
    <row r="23555" spans="1:7" x14ac:dyDescent="0.3">
      <c r="A23555" s="13" t="s">
        <v>156</v>
      </c>
      <c r="B23555" s="14" t="s">
        <v>1</v>
      </c>
      <c r="C23555" s="14" t="s">
        <v>157</v>
      </c>
      <c r="D23555" s="14" t="s">
        <v>94</v>
      </c>
      <c r="E23555" s="15">
        <v>45571</v>
      </c>
      <c r="F23555" s="14" t="s">
        <v>15</v>
      </c>
      <c r="G23555" s="16">
        <v>1.5799017267106465</v>
      </c>
    </row>
    <row r="23556" spans="1:7" x14ac:dyDescent="0.3">
      <c r="A23556" s="13" t="s">
        <v>156</v>
      </c>
      <c r="B23556" s="14" t="s">
        <v>1</v>
      </c>
      <c r="C23556" s="14" t="s">
        <v>157</v>
      </c>
      <c r="D23556" s="14" t="s">
        <v>94</v>
      </c>
      <c r="E23556" s="15">
        <v>45572</v>
      </c>
      <c r="F23556" s="14" t="s">
        <v>15</v>
      </c>
      <c r="G23556" s="16">
        <v>1.5772108070892907</v>
      </c>
    </row>
    <row r="23557" spans="1:7" x14ac:dyDescent="0.3">
      <c r="A23557" s="13" t="s">
        <v>156</v>
      </c>
      <c r="B23557" s="14" t="s">
        <v>1</v>
      </c>
      <c r="C23557" s="14" t="s">
        <v>157</v>
      </c>
      <c r="D23557" s="14" t="s">
        <v>94</v>
      </c>
      <c r="E23557" s="15">
        <v>45573</v>
      </c>
      <c r="F23557" s="14" t="s">
        <v>15</v>
      </c>
      <c r="G23557" s="16">
        <v>1.5691329924669564</v>
      </c>
    </row>
    <row r="23558" spans="1:7" x14ac:dyDescent="0.3">
      <c r="A23558" s="13" t="s">
        <v>156</v>
      </c>
      <c r="B23558" s="14" t="s">
        <v>1</v>
      </c>
      <c r="C23558" s="14" t="s">
        <v>157</v>
      </c>
      <c r="D23558" s="14" t="s">
        <v>94</v>
      </c>
      <c r="E23558" s="15">
        <v>45574</v>
      </c>
      <c r="F23558" s="14" t="s">
        <v>15</v>
      </c>
      <c r="G23558" s="16">
        <v>1.6100691847906115</v>
      </c>
    </row>
    <row r="23559" spans="1:7" x14ac:dyDescent="0.3">
      <c r="A23559" s="13" t="s">
        <v>156</v>
      </c>
      <c r="B23559" s="14" t="s">
        <v>1</v>
      </c>
      <c r="C23559" s="14" t="s">
        <v>157</v>
      </c>
      <c r="D23559" s="14" t="s">
        <v>94</v>
      </c>
      <c r="E23559" s="15">
        <v>45575</v>
      </c>
      <c r="F23559" s="14" t="s">
        <v>15</v>
      </c>
      <c r="G23559" s="16">
        <v>1.607447125660775</v>
      </c>
    </row>
    <row r="23560" spans="1:7" x14ac:dyDescent="0.3">
      <c r="A23560" s="13" t="s">
        <v>156</v>
      </c>
      <c r="B23560" s="14" t="s">
        <v>1</v>
      </c>
      <c r="C23560" s="14" t="s">
        <v>157</v>
      </c>
      <c r="D23560" s="14" t="s">
        <v>94</v>
      </c>
      <c r="E23560" s="15">
        <v>45576</v>
      </c>
      <c r="F23560" s="14" t="s">
        <v>15</v>
      </c>
      <c r="G23560" s="16">
        <v>1.6048226536296186</v>
      </c>
    </row>
    <row r="23561" spans="1:7" x14ac:dyDescent="0.3">
      <c r="A23561" s="13" t="s">
        <v>156</v>
      </c>
      <c r="B23561" s="14" t="s">
        <v>1</v>
      </c>
      <c r="C23561" s="14" t="s">
        <v>157</v>
      </c>
      <c r="D23561" s="14" t="s">
        <v>94</v>
      </c>
      <c r="E23561" s="15">
        <v>45577</v>
      </c>
      <c r="F23561" s="14" t="s">
        <v>15</v>
      </c>
      <c r="G23561" s="16">
        <v>1.6048226536296186</v>
      </c>
    </row>
    <row r="23562" spans="1:7" x14ac:dyDescent="0.3">
      <c r="A23562" s="13" t="s">
        <v>156</v>
      </c>
      <c r="B23562" s="14" t="s">
        <v>1</v>
      </c>
      <c r="C23562" s="14" t="s">
        <v>157</v>
      </c>
      <c r="D23562" s="14" t="s">
        <v>94</v>
      </c>
      <c r="E23562" s="15">
        <v>45578</v>
      </c>
      <c r="F23562" s="14" t="s">
        <v>15</v>
      </c>
      <c r="G23562" s="16">
        <v>1.6048226536296186</v>
      </c>
    </row>
    <row r="23563" spans="1:7" x14ac:dyDescent="0.3">
      <c r="A23563" s="13" t="s">
        <v>156</v>
      </c>
      <c r="B23563" s="14" t="s">
        <v>1</v>
      </c>
      <c r="C23563" s="14" t="s">
        <v>157</v>
      </c>
      <c r="D23563" s="14" t="s">
        <v>94</v>
      </c>
      <c r="E23563" s="15">
        <v>45579</v>
      </c>
      <c r="F23563" s="14" t="s">
        <v>15</v>
      </c>
      <c r="G23563" s="16">
        <v>1.6021807344658399</v>
      </c>
    </row>
    <row r="23564" spans="1:7" x14ac:dyDescent="0.3">
      <c r="A23564" s="13" t="s">
        <v>156</v>
      </c>
      <c r="B23564" s="14" t="s">
        <v>1</v>
      </c>
      <c r="C23564" s="14" t="s">
        <v>157</v>
      </c>
      <c r="D23564" s="14" t="s">
        <v>94</v>
      </c>
      <c r="E23564" s="15">
        <v>45580</v>
      </c>
      <c r="F23564" s="14" t="s">
        <v>15</v>
      </c>
      <c r="G23564" s="16">
        <v>1.5942111291873216</v>
      </c>
    </row>
    <row r="23565" spans="1:7" x14ac:dyDescent="0.3">
      <c r="A23565" s="13" t="s">
        <v>156</v>
      </c>
      <c r="B23565" s="14" t="s">
        <v>1</v>
      </c>
      <c r="C23565" s="14" t="s">
        <v>157</v>
      </c>
      <c r="D23565" s="14" t="s">
        <v>94</v>
      </c>
      <c r="E23565" s="15">
        <v>45581</v>
      </c>
      <c r="F23565" s="14" t="s">
        <v>15</v>
      </c>
      <c r="G23565" s="16">
        <v>1.5915454522259298</v>
      </c>
    </row>
    <row r="23566" spans="1:7" x14ac:dyDescent="0.3">
      <c r="A23566" s="13" t="s">
        <v>156</v>
      </c>
      <c r="B23566" s="14" t="s">
        <v>1</v>
      </c>
      <c r="C23566" s="14" t="s">
        <v>157</v>
      </c>
      <c r="D23566" s="14" t="s">
        <v>94</v>
      </c>
      <c r="E23566" s="15">
        <v>45582</v>
      </c>
      <c r="F23566" s="14" t="s">
        <v>15</v>
      </c>
      <c r="G23566" s="16">
        <v>1.5888886844386427</v>
      </c>
    </row>
    <row r="23567" spans="1:7" x14ac:dyDescent="0.3">
      <c r="A23567" s="13" t="s">
        <v>156</v>
      </c>
      <c r="B23567" s="14" t="s">
        <v>1</v>
      </c>
      <c r="C23567" s="14" t="s">
        <v>157</v>
      </c>
      <c r="D23567" s="14" t="s">
        <v>94</v>
      </c>
      <c r="E23567" s="15">
        <v>45583</v>
      </c>
      <c r="F23567" s="14" t="s">
        <v>15</v>
      </c>
      <c r="G23567" s="16">
        <v>1.5862582729580832</v>
      </c>
    </row>
    <row r="23568" spans="1:7" x14ac:dyDescent="0.3">
      <c r="A23568" s="13" t="s">
        <v>156</v>
      </c>
      <c r="B23568" s="14" t="s">
        <v>1</v>
      </c>
      <c r="C23568" s="14" t="s">
        <v>157</v>
      </c>
      <c r="D23568" s="14" t="s">
        <v>94</v>
      </c>
      <c r="E23568" s="15">
        <v>45584</v>
      </c>
      <c r="F23568" s="14" t="s">
        <v>15</v>
      </c>
      <c r="G23568" s="16">
        <v>1.5862582729580832</v>
      </c>
    </row>
    <row r="23569" spans="1:7" x14ac:dyDescent="0.3">
      <c r="A23569" s="13" t="s">
        <v>156</v>
      </c>
      <c r="B23569" s="14" t="s">
        <v>1</v>
      </c>
      <c r="C23569" s="14" t="s">
        <v>157</v>
      </c>
      <c r="D23569" s="14" t="s">
        <v>94</v>
      </c>
      <c r="E23569" s="15">
        <v>45585</v>
      </c>
      <c r="F23569" s="14" t="s">
        <v>15</v>
      </c>
      <c r="G23569" s="16">
        <v>1.5862582729580832</v>
      </c>
    </row>
    <row r="23570" spans="1:7" x14ac:dyDescent="0.3">
      <c r="A23570" s="13" t="s">
        <v>156</v>
      </c>
      <c r="B23570" s="14" t="s">
        <v>1</v>
      </c>
      <c r="C23570" s="14" t="s">
        <v>157</v>
      </c>
      <c r="D23570" s="14" t="s">
        <v>94</v>
      </c>
      <c r="E23570" s="15">
        <v>45586</v>
      </c>
      <c r="F23570" s="14" t="s">
        <v>15</v>
      </c>
      <c r="G23570" s="16">
        <v>1.5836362138282469</v>
      </c>
    </row>
    <row r="23571" spans="1:7" x14ac:dyDescent="0.3">
      <c r="A23571" s="13" t="s">
        <v>156</v>
      </c>
      <c r="B23571" s="14" t="s">
        <v>1</v>
      </c>
      <c r="C23571" s="14" t="s">
        <v>157</v>
      </c>
      <c r="D23571" s="14" t="s">
        <v>94</v>
      </c>
      <c r="E23571" s="15">
        <v>45587</v>
      </c>
      <c r="F23571" s="14" t="s">
        <v>15</v>
      </c>
      <c r="G23571" s="16">
        <v>1.5756209490324407</v>
      </c>
    </row>
    <row r="23572" spans="1:7" x14ac:dyDescent="0.3">
      <c r="A23572" s="13" t="s">
        <v>156</v>
      </c>
      <c r="B23572" s="14" t="s">
        <v>1</v>
      </c>
      <c r="C23572" s="14" t="s">
        <v>157</v>
      </c>
      <c r="D23572" s="14" t="s">
        <v>94</v>
      </c>
      <c r="E23572" s="15">
        <v>45588</v>
      </c>
      <c r="F23572" s="14" t="s">
        <v>15</v>
      </c>
      <c r="G23572" s="16">
        <v>1.5729662229308861</v>
      </c>
    </row>
    <row r="23573" spans="1:7" x14ac:dyDescent="0.3">
      <c r="A23573" s="13" t="s">
        <v>156</v>
      </c>
      <c r="B23573" s="14" t="s">
        <v>1</v>
      </c>
      <c r="C23573" s="14" t="s">
        <v>157</v>
      </c>
      <c r="D23573" s="14" t="s">
        <v>94</v>
      </c>
      <c r="E23573" s="15">
        <v>45589</v>
      </c>
      <c r="F23573" s="14" t="s">
        <v>15</v>
      </c>
      <c r="G23573" s="16">
        <v>1.5703261886942028</v>
      </c>
    </row>
    <row r="23574" spans="1:7" x14ac:dyDescent="0.3">
      <c r="A23574" s="13" t="s">
        <v>156</v>
      </c>
      <c r="B23574" s="14" t="s">
        <v>1</v>
      </c>
      <c r="C23574" s="14" t="s">
        <v>157</v>
      </c>
      <c r="D23574" s="14" t="s">
        <v>94</v>
      </c>
      <c r="E23574" s="15">
        <v>45590</v>
      </c>
      <c r="F23574" s="14" t="s">
        <v>15</v>
      </c>
      <c r="G23574" s="16">
        <v>1.5676831394038031</v>
      </c>
    </row>
    <row r="23575" spans="1:7" x14ac:dyDescent="0.3">
      <c r="A23575" s="13" t="s">
        <v>156</v>
      </c>
      <c r="B23575" s="14" t="s">
        <v>1</v>
      </c>
      <c r="C23575" s="14" t="s">
        <v>157</v>
      </c>
      <c r="D23575" s="14" t="s">
        <v>94</v>
      </c>
      <c r="E23575" s="15">
        <v>45591</v>
      </c>
      <c r="F23575" s="14" t="s">
        <v>15</v>
      </c>
      <c r="G23575" s="16">
        <v>1.5676831394038031</v>
      </c>
    </row>
    <row r="23576" spans="1:7" x14ac:dyDescent="0.3">
      <c r="A23576" s="13" t="s">
        <v>156</v>
      </c>
      <c r="B23576" s="14" t="s">
        <v>1</v>
      </c>
      <c r="C23576" s="14" t="s">
        <v>157</v>
      </c>
      <c r="D23576" s="14" t="s">
        <v>94</v>
      </c>
      <c r="E23576" s="15">
        <v>45592</v>
      </c>
      <c r="F23576" s="14" t="s">
        <v>15</v>
      </c>
      <c r="G23576" s="16">
        <v>1.5676831394038031</v>
      </c>
    </row>
    <row r="23577" spans="1:7" x14ac:dyDescent="0.3">
      <c r="A23577" s="13" t="s">
        <v>156</v>
      </c>
      <c r="B23577" s="14" t="s">
        <v>1</v>
      </c>
      <c r="C23577" s="14" t="s">
        <v>157</v>
      </c>
      <c r="D23577" s="14" t="s">
        <v>94</v>
      </c>
      <c r="E23577" s="15">
        <v>45593</v>
      </c>
      <c r="F23577" s="14" t="s">
        <v>15</v>
      </c>
      <c r="G23577" s="16">
        <v>1.5676831394038031</v>
      </c>
    </row>
    <row r="23578" spans="1:7" x14ac:dyDescent="0.3">
      <c r="A23578" s="13" t="s">
        <v>156</v>
      </c>
      <c r="B23578" s="14" t="s">
        <v>1</v>
      </c>
      <c r="C23578" s="14" t="s">
        <v>157</v>
      </c>
      <c r="D23578" s="14" t="s">
        <v>94</v>
      </c>
      <c r="E23578" s="15">
        <v>45594</v>
      </c>
      <c r="F23578" s="14" t="s">
        <v>15</v>
      </c>
      <c r="G23578" s="16">
        <v>1.565246244411276</v>
      </c>
    </row>
    <row r="23579" spans="1:7" x14ac:dyDescent="0.3">
      <c r="A23579" s="13" t="s">
        <v>156</v>
      </c>
      <c r="B23579" s="14" t="s">
        <v>1</v>
      </c>
      <c r="C23579" s="14" t="s">
        <v>157</v>
      </c>
      <c r="D23579" s="14" t="s">
        <v>94</v>
      </c>
      <c r="E23579" s="15">
        <v>45595</v>
      </c>
      <c r="F23579" s="14" t="s">
        <v>15</v>
      </c>
      <c r="G23579" s="16">
        <v>1.5547329627162583</v>
      </c>
    </row>
    <row r="23580" spans="1:7" x14ac:dyDescent="0.3">
      <c r="A23580" s="13" t="s">
        <v>156</v>
      </c>
      <c r="B23580" s="14" t="s">
        <v>1</v>
      </c>
      <c r="C23580" s="14" t="s">
        <v>157</v>
      </c>
      <c r="D23580" s="14" t="s">
        <v>94</v>
      </c>
      <c r="E23580" s="15">
        <v>45596</v>
      </c>
      <c r="F23580" s="14" t="s">
        <v>15</v>
      </c>
      <c r="G23580" s="16">
        <v>1.5547329627162583</v>
      </c>
    </row>
    <row r="23581" spans="1:7" x14ac:dyDescent="0.3">
      <c r="A23581" s="13" t="s">
        <v>156</v>
      </c>
      <c r="B23581" s="14" t="s">
        <v>1</v>
      </c>
      <c r="C23581" s="14" t="s">
        <v>157</v>
      </c>
      <c r="D23581" s="14" t="s">
        <v>94</v>
      </c>
      <c r="E23581" s="15">
        <v>45597</v>
      </c>
      <c r="F23581" s="14" t="s">
        <v>15</v>
      </c>
      <c r="G23581" s="16">
        <v>1.5521055540170134</v>
      </c>
    </row>
    <row r="23582" spans="1:7" x14ac:dyDescent="0.3">
      <c r="A23582" s="13" t="s">
        <v>156</v>
      </c>
      <c r="B23582" s="14" t="s">
        <v>1</v>
      </c>
      <c r="C23582" s="14" t="s">
        <v>157</v>
      </c>
      <c r="D23582" s="14" t="s">
        <v>94</v>
      </c>
      <c r="E23582" s="15">
        <v>45598</v>
      </c>
      <c r="F23582" s="14" t="s">
        <v>15</v>
      </c>
      <c r="G23582" s="16">
        <v>1.5521055540170134</v>
      </c>
    </row>
    <row r="23583" spans="1:7" x14ac:dyDescent="0.3">
      <c r="A23583" s="13" t="s">
        <v>156</v>
      </c>
      <c r="B23583" s="14" t="s">
        <v>1</v>
      </c>
      <c r="C23583" s="14" t="s">
        <v>157</v>
      </c>
      <c r="D23583" s="14" t="s">
        <v>94</v>
      </c>
      <c r="E23583" s="15">
        <v>45599</v>
      </c>
      <c r="F23583" s="14" t="s">
        <v>15</v>
      </c>
      <c r="G23583" s="16">
        <v>1.5521055540170134</v>
      </c>
    </row>
    <row r="23584" spans="1:7" x14ac:dyDescent="0.3">
      <c r="A23584" s="13" t="s">
        <v>156</v>
      </c>
      <c r="B23584" s="14" t="s">
        <v>1</v>
      </c>
      <c r="C23584" s="14" t="s">
        <v>157</v>
      </c>
      <c r="D23584" s="14" t="s">
        <v>94</v>
      </c>
      <c r="E23584" s="15">
        <v>45600</v>
      </c>
      <c r="F23584" s="14" t="s">
        <v>15</v>
      </c>
      <c r="G23584" s="16">
        <v>1.5464329410640005</v>
      </c>
    </row>
    <row r="23585" spans="1:7" x14ac:dyDescent="0.3">
      <c r="A23585" s="13" t="s">
        <v>156</v>
      </c>
      <c r="B23585" s="14" t="s">
        <v>1</v>
      </c>
      <c r="C23585" s="14" t="s">
        <v>157</v>
      </c>
      <c r="D23585" s="14" t="s">
        <v>94</v>
      </c>
      <c r="E23585" s="15">
        <v>45601</v>
      </c>
      <c r="F23585" s="14" t="s">
        <v>15</v>
      </c>
      <c r="G23585" s="16">
        <v>1.5386332077139246</v>
      </c>
    </row>
    <row r="23586" spans="1:7" x14ac:dyDescent="0.3">
      <c r="A23586" s="13" t="s">
        <v>156</v>
      </c>
      <c r="B23586" s="14" t="s">
        <v>1</v>
      </c>
      <c r="C23586" s="14" t="s">
        <v>157</v>
      </c>
      <c r="D23586" s="14" t="s">
        <v>94</v>
      </c>
      <c r="E23586" s="15">
        <v>45602</v>
      </c>
      <c r="F23586" s="14" t="s">
        <v>15</v>
      </c>
      <c r="G23586" s="16">
        <v>1.5360144672941152</v>
      </c>
    </row>
    <row r="23587" spans="1:7" x14ac:dyDescent="0.3">
      <c r="A23587" s="13" t="s">
        <v>156</v>
      </c>
      <c r="B23587" s="14" t="s">
        <v>1</v>
      </c>
      <c r="C23587" s="14" t="s">
        <v>157</v>
      </c>
      <c r="D23587" s="14" t="s">
        <v>94</v>
      </c>
      <c r="E23587" s="15">
        <v>45603</v>
      </c>
      <c r="F23587" s="14" t="s">
        <v>15</v>
      </c>
      <c r="G23587" s="16">
        <v>1.5333819706917238</v>
      </c>
    </row>
    <row r="23588" spans="1:7" x14ac:dyDescent="0.3">
      <c r="A23588" s="13" t="s">
        <v>156</v>
      </c>
      <c r="B23588" s="14" t="s">
        <v>1</v>
      </c>
      <c r="C23588" s="14" t="s">
        <v>157</v>
      </c>
      <c r="D23588" s="14" t="s">
        <v>94</v>
      </c>
      <c r="E23588" s="15">
        <v>45604</v>
      </c>
      <c r="F23588" s="14" t="s">
        <v>15</v>
      </c>
      <c r="G23588" s="16">
        <v>1.5639538837885574</v>
      </c>
    </row>
    <row r="23589" spans="1:7" x14ac:dyDescent="0.3">
      <c r="A23589" s="13" t="s">
        <v>156</v>
      </c>
      <c r="B23589" s="14" t="s">
        <v>1</v>
      </c>
      <c r="C23589" s="14" t="s">
        <v>157</v>
      </c>
      <c r="D23589" s="14" t="s">
        <v>94</v>
      </c>
      <c r="E23589" s="15">
        <v>45605</v>
      </c>
      <c r="F23589" s="14" t="s">
        <v>15</v>
      </c>
      <c r="G23589" s="16">
        <v>1.5639538837885574</v>
      </c>
    </row>
    <row r="23590" spans="1:7" x14ac:dyDescent="0.3">
      <c r="A23590" s="13" t="s">
        <v>156</v>
      </c>
      <c r="B23590" s="14" t="s">
        <v>1</v>
      </c>
      <c r="C23590" s="14" t="s">
        <v>157</v>
      </c>
      <c r="D23590" s="14" t="s">
        <v>94</v>
      </c>
      <c r="E23590" s="15">
        <v>45606</v>
      </c>
      <c r="F23590" s="14" t="s">
        <v>15</v>
      </c>
      <c r="G23590" s="16">
        <v>1.5639538837885574</v>
      </c>
    </row>
    <row r="23591" spans="1:7" x14ac:dyDescent="0.3">
      <c r="A23591" s="13" t="s">
        <v>156</v>
      </c>
      <c r="B23591" s="14" t="s">
        <v>1</v>
      </c>
      <c r="C23591" s="14" t="s">
        <v>157</v>
      </c>
      <c r="D23591" s="14" t="s">
        <v>94</v>
      </c>
      <c r="E23591" s="15">
        <v>45607</v>
      </c>
      <c r="F23591" s="14" t="s">
        <v>15</v>
      </c>
      <c r="G23591" s="16">
        <v>1.5613244022398822</v>
      </c>
    </row>
    <row r="23592" spans="1:7" x14ac:dyDescent="0.3">
      <c r="A23592" s="13" t="s">
        <v>156</v>
      </c>
      <c r="B23592" s="14" t="s">
        <v>1</v>
      </c>
      <c r="C23592" s="14" t="s">
        <v>157</v>
      </c>
      <c r="D23592" s="14" t="s">
        <v>94</v>
      </c>
      <c r="E23592" s="15">
        <v>45608</v>
      </c>
      <c r="F23592" s="14" t="s">
        <v>15</v>
      </c>
      <c r="G23592" s="16">
        <v>1.5534394936223124</v>
      </c>
    </row>
    <row r="23593" spans="1:7" x14ac:dyDescent="0.3">
      <c r="A23593" s="13" t="s">
        <v>156</v>
      </c>
      <c r="B23593" s="14" t="s">
        <v>1</v>
      </c>
      <c r="C23593" s="14" t="s">
        <v>157</v>
      </c>
      <c r="D23593" s="14" t="s">
        <v>94</v>
      </c>
      <c r="E23593" s="15">
        <v>45609</v>
      </c>
      <c r="F23593" s="14" t="s">
        <v>15</v>
      </c>
      <c r="G23593" s="16">
        <v>1.5597121466127626</v>
      </c>
    </row>
    <row r="23594" spans="1:7" x14ac:dyDescent="0.3">
      <c r="A23594" s="13" t="s">
        <v>156</v>
      </c>
      <c r="B23594" s="14" t="s">
        <v>1</v>
      </c>
      <c r="C23594" s="14" t="s">
        <v>157</v>
      </c>
      <c r="D23594" s="14" t="s">
        <v>94</v>
      </c>
      <c r="E23594" s="15">
        <v>45610</v>
      </c>
      <c r="F23594" s="14" t="s">
        <v>15</v>
      </c>
      <c r="G23594" s="16">
        <v>1.5571567223210017</v>
      </c>
    </row>
    <row r="23595" spans="1:7" x14ac:dyDescent="0.3">
      <c r="A23595" s="13" t="s">
        <v>156</v>
      </c>
      <c r="B23595" s="14" t="s">
        <v>1</v>
      </c>
      <c r="C23595" s="14" t="s">
        <v>157</v>
      </c>
      <c r="D23595" s="14" t="s">
        <v>94</v>
      </c>
      <c r="E23595" s="15">
        <v>45611</v>
      </c>
      <c r="F23595" s="14" t="s">
        <v>15</v>
      </c>
      <c r="G23595" s="16">
        <v>1.6501705863295233</v>
      </c>
    </row>
    <row r="23596" spans="1:7" x14ac:dyDescent="0.3">
      <c r="A23596" s="13" t="s">
        <v>156</v>
      </c>
      <c r="B23596" s="14" t="s">
        <v>1</v>
      </c>
      <c r="C23596" s="14" t="s">
        <v>157</v>
      </c>
      <c r="D23596" s="14" t="s">
        <v>94</v>
      </c>
      <c r="E23596" s="15">
        <v>45612</v>
      </c>
      <c r="F23596" s="14" t="s">
        <v>15</v>
      </c>
      <c r="G23596" s="16">
        <v>1.6501705863295233</v>
      </c>
    </row>
    <row r="23597" spans="1:7" x14ac:dyDescent="0.3">
      <c r="A23597" s="13" t="s">
        <v>156</v>
      </c>
      <c r="B23597" s="14" t="s">
        <v>1</v>
      </c>
      <c r="C23597" s="14" t="s">
        <v>157</v>
      </c>
      <c r="D23597" s="14" t="s">
        <v>94</v>
      </c>
      <c r="E23597" s="15">
        <v>45613</v>
      </c>
      <c r="F23597" s="14" t="s">
        <v>15</v>
      </c>
      <c r="G23597" s="16">
        <v>1.6501705863295233</v>
      </c>
    </row>
    <row r="23598" spans="1:7" x14ac:dyDescent="0.3">
      <c r="A23598" s="13" t="s">
        <v>156</v>
      </c>
      <c r="B23598" s="14" t="s">
        <v>1</v>
      </c>
      <c r="C23598" s="14" t="s">
        <v>157</v>
      </c>
      <c r="D23598" s="14" t="s">
        <v>94</v>
      </c>
      <c r="E23598" s="15">
        <v>45614</v>
      </c>
      <c r="F23598" s="14" t="s">
        <v>15</v>
      </c>
      <c r="G23598" s="16">
        <v>1.6476502120372181</v>
      </c>
    </row>
    <row r="23599" spans="1:7" x14ac:dyDescent="0.3">
      <c r="A23599" s="13" t="s">
        <v>156</v>
      </c>
      <c r="B23599" s="14" t="s">
        <v>1</v>
      </c>
      <c r="C23599" s="14" t="s">
        <v>157</v>
      </c>
      <c r="D23599" s="14" t="s">
        <v>94</v>
      </c>
      <c r="E23599" s="15">
        <v>45615</v>
      </c>
      <c r="F23599" s="14" t="s">
        <v>15</v>
      </c>
      <c r="G23599" s="16">
        <v>1.6400279899747072</v>
      </c>
    </row>
    <row r="23600" spans="1:7" x14ac:dyDescent="0.3">
      <c r="A23600" s="13" t="s">
        <v>156</v>
      </c>
      <c r="B23600" s="14" t="s">
        <v>1</v>
      </c>
      <c r="C23600" s="14" t="s">
        <v>157</v>
      </c>
      <c r="D23600" s="14" t="s">
        <v>94</v>
      </c>
      <c r="E23600" s="15">
        <v>45616</v>
      </c>
      <c r="F23600" s="14" t="s">
        <v>15</v>
      </c>
      <c r="G23600" s="16">
        <v>1.6374768987553971</v>
      </c>
    </row>
    <row r="23601" spans="1:7" x14ac:dyDescent="0.3">
      <c r="A23601" s="13" t="s">
        <v>156</v>
      </c>
      <c r="B23601" s="14" t="s">
        <v>1</v>
      </c>
      <c r="C23601" s="14" t="s">
        <v>157</v>
      </c>
      <c r="D23601" s="14" t="s">
        <v>94</v>
      </c>
      <c r="E23601" s="15">
        <v>45617</v>
      </c>
      <c r="F23601" s="14" t="s">
        <v>15</v>
      </c>
      <c r="G23601" s="16">
        <v>1.6752811227099933</v>
      </c>
    </row>
    <row r="23602" spans="1:7" x14ac:dyDescent="0.3">
      <c r="A23602" s="13" t="s">
        <v>156</v>
      </c>
      <c r="B23602" s="14" t="s">
        <v>1</v>
      </c>
      <c r="C23602" s="14" t="s">
        <v>157</v>
      </c>
      <c r="D23602" s="14" t="s">
        <v>94</v>
      </c>
      <c r="E23602" s="15">
        <v>45618</v>
      </c>
      <c r="F23602" s="14" t="s">
        <v>15</v>
      </c>
      <c r="G23602" s="16">
        <v>1.6727181289398594</v>
      </c>
    </row>
    <row r="23603" spans="1:7" x14ac:dyDescent="0.3">
      <c r="A23603" s="13" t="s">
        <v>156</v>
      </c>
      <c r="B23603" s="14" t="s">
        <v>1</v>
      </c>
      <c r="C23603" s="14" t="s">
        <v>157</v>
      </c>
      <c r="D23603" s="14" t="s">
        <v>94</v>
      </c>
      <c r="E23603" s="15">
        <v>45619</v>
      </c>
      <c r="F23603" s="14" t="s">
        <v>15</v>
      </c>
      <c r="G23603" s="16">
        <v>1.6727181289398594</v>
      </c>
    </row>
    <row r="23604" spans="1:7" x14ac:dyDescent="0.3">
      <c r="A23604" s="13" t="s">
        <v>156</v>
      </c>
      <c r="B23604" s="14" t="s">
        <v>1</v>
      </c>
      <c r="C23604" s="14" t="s">
        <v>157</v>
      </c>
      <c r="D23604" s="14" t="s">
        <v>94</v>
      </c>
      <c r="E23604" s="15">
        <v>45620</v>
      </c>
      <c r="F23604" s="14" t="s">
        <v>15</v>
      </c>
      <c r="G23604" s="16">
        <v>1.6727181289398594</v>
      </c>
    </row>
    <row r="23605" spans="1:7" x14ac:dyDescent="0.3">
      <c r="A23605" s="13" t="s">
        <v>156</v>
      </c>
      <c r="B23605" s="14" t="s">
        <v>1</v>
      </c>
      <c r="C23605" s="14" t="s">
        <v>157</v>
      </c>
      <c r="D23605" s="14" t="s">
        <v>94</v>
      </c>
      <c r="E23605" s="15">
        <v>45621</v>
      </c>
      <c r="F23605" s="14" t="s">
        <v>15</v>
      </c>
      <c r="G23605" s="16">
        <v>1.6701666598617928</v>
      </c>
    </row>
    <row r="23606" spans="1:7" x14ac:dyDescent="0.3">
      <c r="A23606" s="13" t="s">
        <v>156</v>
      </c>
      <c r="B23606" s="14" t="s">
        <v>1</v>
      </c>
      <c r="C23606" s="14" t="s">
        <v>157</v>
      </c>
      <c r="D23606" s="14" t="s">
        <v>94</v>
      </c>
      <c r="E23606" s="15">
        <v>45622</v>
      </c>
      <c r="F23606" s="14" t="s">
        <v>15</v>
      </c>
      <c r="G23606" s="16">
        <v>1.677301788931111</v>
      </c>
    </row>
    <row r="23607" spans="1:7" x14ac:dyDescent="0.3">
      <c r="A23607" s="13" t="s">
        <v>156</v>
      </c>
      <c r="B23607" s="14" t="s">
        <v>1</v>
      </c>
      <c r="C23607" s="14" t="s">
        <v>157</v>
      </c>
      <c r="D23607" s="14" t="s">
        <v>94</v>
      </c>
      <c r="E23607" s="15">
        <v>45623</v>
      </c>
      <c r="F23607" s="14" t="s">
        <v>15</v>
      </c>
      <c r="G23607" s="16">
        <v>1.6732409630509644</v>
      </c>
    </row>
    <row r="23608" spans="1:7" x14ac:dyDescent="0.3">
      <c r="A23608" s="13" t="s">
        <v>156</v>
      </c>
      <c r="B23608" s="14" t="s">
        <v>1</v>
      </c>
      <c r="C23608" s="14" t="s">
        <v>157</v>
      </c>
      <c r="D23608" s="14" t="s">
        <v>94</v>
      </c>
      <c r="E23608" s="15">
        <v>45624</v>
      </c>
      <c r="F23608" s="14" t="s">
        <v>15</v>
      </c>
      <c r="G23608" s="16">
        <v>1.6788342394651596</v>
      </c>
    </row>
    <row r="23609" spans="1:7" x14ac:dyDescent="0.3">
      <c r="A23609" s="13" t="s">
        <v>156</v>
      </c>
      <c r="B23609" s="14" t="s">
        <v>1</v>
      </c>
      <c r="C23609" s="14" t="s">
        <v>157</v>
      </c>
      <c r="D23609" s="14" t="s">
        <v>94</v>
      </c>
      <c r="E23609" s="15">
        <v>45625</v>
      </c>
      <c r="F23609" s="14" t="s">
        <v>15</v>
      </c>
      <c r="G23609" s="16">
        <v>1.6926518006398199</v>
      </c>
    </row>
    <row r="23610" spans="1:7" x14ac:dyDescent="0.3">
      <c r="A23610" s="13" t="s">
        <v>156</v>
      </c>
      <c r="B23610" s="14" t="s">
        <v>1</v>
      </c>
      <c r="C23610" s="14" t="s">
        <v>157</v>
      </c>
      <c r="D23610" s="14" t="s">
        <v>94</v>
      </c>
      <c r="E23610" s="15">
        <v>45626</v>
      </c>
      <c r="F23610" s="14" t="s">
        <v>15</v>
      </c>
      <c r="G23610" s="16">
        <v>1.6926518006398199</v>
      </c>
    </row>
    <row r="23611" spans="1:7" x14ac:dyDescent="0.3">
      <c r="A23611" s="13" t="s">
        <v>156</v>
      </c>
      <c r="B23611" s="14" t="s">
        <v>1</v>
      </c>
      <c r="C23611" s="14" t="s">
        <v>157</v>
      </c>
      <c r="D23611" s="14" t="s">
        <v>94</v>
      </c>
      <c r="E23611" s="15">
        <v>45627</v>
      </c>
      <c r="F23611" s="14" t="s">
        <v>15</v>
      </c>
      <c r="G23611" s="16">
        <v>1.6926518006398199</v>
      </c>
    </row>
    <row r="23612" spans="1:7" x14ac:dyDescent="0.3">
      <c r="A23612" s="13" t="s">
        <v>156</v>
      </c>
      <c r="B23612" s="14" t="s">
        <v>1</v>
      </c>
      <c r="C23612" s="14" t="s">
        <v>157</v>
      </c>
      <c r="D23612" s="14" t="s">
        <v>94</v>
      </c>
      <c r="E23612" s="15">
        <v>45628</v>
      </c>
      <c r="F23612" s="14" t="s">
        <v>15</v>
      </c>
      <c r="G23612" s="16">
        <v>1.6901095891012829</v>
      </c>
    </row>
    <row r="23613" spans="1:7" x14ac:dyDescent="0.3">
      <c r="A23613" s="13" t="s">
        <v>156</v>
      </c>
      <c r="B23613" s="14" t="s">
        <v>1</v>
      </c>
      <c r="C23613" s="14" t="s">
        <v>157</v>
      </c>
      <c r="D23613" s="14" t="s">
        <v>94</v>
      </c>
      <c r="E23613" s="15">
        <v>45629</v>
      </c>
      <c r="F23613" s="14" t="s">
        <v>15</v>
      </c>
      <c r="G23613" s="16">
        <v>1.6824819654909484</v>
      </c>
    </row>
    <row r="23614" spans="1:7" x14ac:dyDescent="0.3">
      <c r="A23614" s="13" t="s">
        <v>156</v>
      </c>
      <c r="B23614" s="14" t="s">
        <v>1</v>
      </c>
      <c r="C23614" s="14" t="s">
        <v>157</v>
      </c>
      <c r="D23614" s="14" t="s">
        <v>94</v>
      </c>
      <c r="E23614" s="15">
        <v>45630</v>
      </c>
      <c r="F23614" s="14" t="s">
        <v>15</v>
      </c>
      <c r="G23614" s="16">
        <v>1.6799765951811516</v>
      </c>
    </row>
    <row r="23615" spans="1:7" x14ac:dyDescent="0.3">
      <c r="A23615" s="13" t="s">
        <v>156</v>
      </c>
      <c r="B23615" s="14" t="s">
        <v>1</v>
      </c>
      <c r="C23615" s="14" t="s">
        <v>157</v>
      </c>
      <c r="D23615" s="14" t="s">
        <v>94</v>
      </c>
      <c r="E23615" s="15">
        <v>45631</v>
      </c>
      <c r="F23615" s="14" t="s">
        <v>15</v>
      </c>
      <c r="G23615" s="16">
        <v>1.6773829948517567</v>
      </c>
    </row>
    <row r="23616" spans="1:7" x14ac:dyDescent="0.3">
      <c r="A23616" s="13" t="s">
        <v>156</v>
      </c>
      <c r="B23616" s="14" t="s">
        <v>1</v>
      </c>
      <c r="C23616" s="14" t="s">
        <v>157</v>
      </c>
      <c r="D23616" s="14" t="s">
        <v>94</v>
      </c>
      <c r="E23616" s="15">
        <v>45632</v>
      </c>
      <c r="F23616" s="14" t="s">
        <v>15</v>
      </c>
      <c r="G23616" s="16">
        <v>1.6747822152059917</v>
      </c>
    </row>
    <row r="23617" spans="1:7" x14ac:dyDescent="0.3">
      <c r="A23617" s="13" t="s">
        <v>156</v>
      </c>
      <c r="B23617" s="14" t="s">
        <v>1</v>
      </c>
      <c r="C23617" s="14" t="s">
        <v>157</v>
      </c>
      <c r="D23617" s="14" t="s">
        <v>94</v>
      </c>
      <c r="E23617" s="15">
        <v>45633</v>
      </c>
      <c r="F23617" s="14" t="s">
        <v>15</v>
      </c>
      <c r="G23617" s="16">
        <v>1.6747822152059917</v>
      </c>
    </row>
    <row r="23618" spans="1:7" x14ac:dyDescent="0.3">
      <c r="A23618" s="13" t="s">
        <v>156</v>
      </c>
      <c r="B23618" s="14" t="s">
        <v>1</v>
      </c>
      <c r="C23618" s="14" t="s">
        <v>157</v>
      </c>
      <c r="D23618" s="14" t="s">
        <v>94</v>
      </c>
      <c r="E23618" s="15">
        <v>45634</v>
      </c>
      <c r="F23618" s="14" t="s">
        <v>15</v>
      </c>
      <c r="G23618" s="16">
        <v>1.6747822152059917</v>
      </c>
    </row>
    <row r="23619" spans="1:7" x14ac:dyDescent="0.3">
      <c r="A23619" s="13" t="s">
        <v>156</v>
      </c>
      <c r="B23619" s="14" t="s">
        <v>1</v>
      </c>
      <c r="C23619" s="14" t="s">
        <v>157</v>
      </c>
      <c r="D23619" s="14" t="s">
        <v>94</v>
      </c>
      <c r="E23619" s="15">
        <v>45635</v>
      </c>
      <c r="F23619" s="14" t="s">
        <v>15</v>
      </c>
      <c r="G23619" s="16">
        <v>1.6797465457203089</v>
      </c>
    </row>
    <row r="23620" spans="1:7" x14ac:dyDescent="0.3">
      <c r="A23620" s="13" t="s">
        <v>156</v>
      </c>
      <c r="B23620" s="14" t="s">
        <v>1</v>
      </c>
      <c r="C23620" s="14" t="s">
        <v>157</v>
      </c>
      <c r="D23620" s="14" t="s">
        <v>94</v>
      </c>
      <c r="E23620" s="15">
        <v>45636</v>
      </c>
      <c r="F23620" s="14" t="s">
        <v>15</v>
      </c>
      <c r="G23620" s="16">
        <v>1.6719439735058026</v>
      </c>
    </row>
    <row r="23621" spans="1:7" x14ac:dyDescent="0.3">
      <c r="A23621" s="13" t="s">
        <v>156</v>
      </c>
      <c r="B23621" s="14" t="s">
        <v>1</v>
      </c>
      <c r="C23621" s="14" t="s">
        <v>157</v>
      </c>
      <c r="D23621" s="14" t="s">
        <v>94</v>
      </c>
      <c r="E23621" s="15">
        <v>45637</v>
      </c>
      <c r="F23621" s="14" t="s">
        <v>15</v>
      </c>
      <c r="G23621" s="16">
        <v>1.6693284573685414</v>
      </c>
    </row>
    <row r="23622" spans="1:7" x14ac:dyDescent="0.3">
      <c r="A23622" s="13" t="s">
        <v>156</v>
      </c>
      <c r="B23622" s="14" t="s">
        <v>1</v>
      </c>
      <c r="C23622" s="14" t="s">
        <v>157</v>
      </c>
      <c r="D23622" s="14" t="s">
        <v>94</v>
      </c>
      <c r="E23622" s="15">
        <v>45638</v>
      </c>
      <c r="F23622" s="14" t="s">
        <v>15</v>
      </c>
      <c r="G23622" s="16">
        <v>1.6667087847849611</v>
      </c>
    </row>
    <row r="23623" spans="1:7" x14ac:dyDescent="0.3">
      <c r="A23623" s="13" t="s">
        <v>156</v>
      </c>
      <c r="B23623" s="14" t="s">
        <v>1</v>
      </c>
      <c r="C23623" s="14" t="s">
        <v>157</v>
      </c>
      <c r="D23623" s="14" t="s">
        <v>94</v>
      </c>
      <c r="E23623" s="15">
        <v>45639</v>
      </c>
      <c r="F23623" s="14" t="s">
        <v>15</v>
      </c>
      <c r="G23623" s="16">
        <v>1.6845926729656511</v>
      </c>
    </row>
    <row r="23624" spans="1:7" x14ac:dyDescent="0.3">
      <c r="A23624" s="13" t="s">
        <v>156</v>
      </c>
      <c r="B23624" s="14" t="s">
        <v>1</v>
      </c>
      <c r="C23624" s="14" t="s">
        <v>157</v>
      </c>
      <c r="D23624" s="14" t="s">
        <v>94</v>
      </c>
      <c r="E23624" s="15">
        <v>45640</v>
      </c>
      <c r="F23624" s="14" t="s">
        <v>15</v>
      </c>
      <c r="G23624" s="16">
        <v>1.6845926729656511</v>
      </c>
    </row>
    <row r="23625" spans="1:7" x14ac:dyDescent="0.3">
      <c r="A23625" s="13" t="s">
        <v>156</v>
      </c>
      <c r="B23625" s="14" t="s">
        <v>1</v>
      </c>
      <c r="C23625" s="14" t="s">
        <v>157</v>
      </c>
      <c r="D23625" s="14" t="s">
        <v>94</v>
      </c>
      <c r="E23625" s="15">
        <v>45641</v>
      </c>
      <c r="F23625" s="14" t="s">
        <v>15</v>
      </c>
      <c r="G23625" s="16">
        <v>1.6845926729656511</v>
      </c>
    </row>
    <row r="23626" spans="1:7" x14ac:dyDescent="0.3">
      <c r="A23626" s="13" t="s">
        <v>156</v>
      </c>
      <c r="B23626" s="14" t="s">
        <v>1</v>
      </c>
      <c r="C23626" s="14" t="s">
        <v>157</v>
      </c>
      <c r="D23626" s="14" t="s">
        <v>94</v>
      </c>
      <c r="E23626" s="15">
        <v>45642</v>
      </c>
      <c r="F23626" s="14" t="s">
        <v>15</v>
      </c>
      <c r="G23626" s="16">
        <v>1.6819718668058017</v>
      </c>
    </row>
    <row r="23627" spans="1:7" x14ac:dyDescent="0.3">
      <c r="A23627" s="13" t="s">
        <v>156</v>
      </c>
      <c r="B23627" s="14" t="s">
        <v>1</v>
      </c>
      <c r="C23627" s="14" t="s">
        <v>157</v>
      </c>
      <c r="D23627" s="14" t="s">
        <v>94</v>
      </c>
      <c r="E23627" s="15">
        <v>45643</v>
      </c>
      <c r="F23627" s="14" t="s">
        <v>15</v>
      </c>
      <c r="G23627" s="16">
        <v>1.6741398216083032</v>
      </c>
    </row>
    <row r="23628" spans="1:7" x14ac:dyDescent="0.3">
      <c r="A23628" s="13" t="s">
        <v>156</v>
      </c>
      <c r="B23628" s="14" t="s">
        <v>1</v>
      </c>
      <c r="C23628" s="14" t="s">
        <v>157</v>
      </c>
      <c r="D23628" s="14" t="s">
        <v>94</v>
      </c>
      <c r="E23628" s="15">
        <v>45644</v>
      </c>
      <c r="F23628" s="14" t="s">
        <v>15</v>
      </c>
      <c r="G23628" s="16">
        <v>1.6715388530331601</v>
      </c>
    </row>
    <row r="23629" spans="1:7" x14ac:dyDescent="0.3">
      <c r="A23629" s="13" t="s">
        <v>156</v>
      </c>
      <c r="B23629" s="14" t="s">
        <v>1</v>
      </c>
      <c r="C23629" s="14" t="s">
        <v>157</v>
      </c>
      <c r="D23629" s="14" t="s">
        <v>94</v>
      </c>
      <c r="E23629" s="15">
        <v>45645</v>
      </c>
      <c r="F23629" s="14" t="s">
        <v>15</v>
      </c>
      <c r="G23629" s="16">
        <v>1.6689514873732443</v>
      </c>
    </row>
    <row r="23630" spans="1:7" x14ac:dyDescent="0.3">
      <c r="A23630" s="13" t="s">
        <v>156</v>
      </c>
      <c r="B23630" s="14" t="s">
        <v>1</v>
      </c>
      <c r="C23630" s="14" t="s">
        <v>157</v>
      </c>
      <c r="D23630" s="14" t="s">
        <v>94</v>
      </c>
      <c r="E23630" s="15">
        <v>45646</v>
      </c>
      <c r="F23630" s="14" t="s">
        <v>15</v>
      </c>
      <c r="G23630" s="16">
        <v>1.6663463623517818</v>
      </c>
    </row>
    <row r="23631" spans="1:7" x14ac:dyDescent="0.3">
      <c r="A23631" s="13" t="s">
        <v>156</v>
      </c>
      <c r="B23631" s="14" t="s">
        <v>1</v>
      </c>
      <c r="C23631" s="14" t="s">
        <v>157</v>
      </c>
      <c r="D23631" s="14" t="s">
        <v>94</v>
      </c>
      <c r="E23631" s="15">
        <v>45647</v>
      </c>
      <c r="F23631" s="14" t="s">
        <v>15</v>
      </c>
      <c r="G23631" s="16">
        <v>1.6663463623517818</v>
      </c>
    </row>
    <row r="23632" spans="1:7" x14ac:dyDescent="0.3">
      <c r="A23632" s="13" t="s">
        <v>156</v>
      </c>
      <c r="B23632" s="14" t="s">
        <v>1</v>
      </c>
      <c r="C23632" s="14" t="s">
        <v>157</v>
      </c>
      <c r="D23632" s="14" t="s">
        <v>94</v>
      </c>
      <c r="E23632" s="15">
        <v>45648</v>
      </c>
      <c r="F23632" s="14" t="s">
        <v>15</v>
      </c>
      <c r="G23632" s="16">
        <v>1.6663463623517818</v>
      </c>
    </row>
    <row r="23633" spans="1:7" x14ac:dyDescent="0.3">
      <c r="A23633" s="13" t="s">
        <v>156</v>
      </c>
      <c r="B23633" s="14" t="s">
        <v>1</v>
      </c>
      <c r="C23633" s="14" t="s">
        <v>157</v>
      </c>
      <c r="D23633" s="14" t="s">
        <v>94</v>
      </c>
      <c r="E23633" s="15">
        <v>45649</v>
      </c>
      <c r="F23633" s="14" t="s">
        <v>15</v>
      </c>
      <c r="G23633" s="16">
        <v>1.6637754335477655</v>
      </c>
    </row>
    <row r="23634" spans="1:7" x14ac:dyDescent="0.3">
      <c r="A23634" s="13" t="s">
        <v>156</v>
      </c>
      <c r="B23634" s="14" t="s">
        <v>1</v>
      </c>
      <c r="C23634" s="14" t="s">
        <v>157</v>
      </c>
      <c r="D23634" s="14" t="s">
        <v>94</v>
      </c>
      <c r="E23634" s="15">
        <v>45650</v>
      </c>
      <c r="F23634" s="14" t="s">
        <v>15</v>
      </c>
      <c r="G23634" s="16">
        <v>1.6561294837877496</v>
      </c>
    </row>
    <row r="23635" spans="1:7" x14ac:dyDescent="0.3">
      <c r="A23635" s="13" t="s">
        <v>156</v>
      </c>
      <c r="B23635" s="14" t="s">
        <v>1</v>
      </c>
      <c r="C23635" s="14" t="s">
        <v>157</v>
      </c>
      <c r="D23635" s="14" t="s">
        <v>94</v>
      </c>
      <c r="E23635" s="15">
        <v>45651</v>
      </c>
      <c r="F23635" s="14" t="s">
        <v>15</v>
      </c>
      <c r="G23635" s="16">
        <v>1.6561294837877496</v>
      </c>
    </row>
    <row r="23636" spans="1:7" x14ac:dyDescent="0.3">
      <c r="A23636" s="13" t="s">
        <v>156</v>
      </c>
      <c r="B23636" s="14" t="s">
        <v>1</v>
      </c>
      <c r="C23636" s="14" t="s">
        <v>157</v>
      </c>
      <c r="D23636" s="14" t="s">
        <v>94</v>
      </c>
      <c r="E23636" s="15">
        <v>45652</v>
      </c>
      <c r="F23636" s="14" t="s">
        <v>15</v>
      </c>
      <c r="G23636" s="16">
        <v>1.6561294837877496</v>
      </c>
    </row>
    <row r="23637" spans="1:7" x14ac:dyDescent="0.3">
      <c r="A23637" s="13" t="s">
        <v>156</v>
      </c>
      <c r="B23637" s="14" t="s">
        <v>1</v>
      </c>
      <c r="C23637" s="14" t="s">
        <v>157</v>
      </c>
      <c r="D23637" s="14" t="s">
        <v>94</v>
      </c>
      <c r="E23637" s="15">
        <v>45653</v>
      </c>
      <c r="F23637" s="14" t="s">
        <v>15</v>
      </c>
      <c r="G23637" s="16">
        <v>1.6561294837877496</v>
      </c>
    </row>
    <row r="23638" spans="1:7" x14ac:dyDescent="0.3">
      <c r="A23638" s="13" t="s">
        <v>156</v>
      </c>
      <c r="B23638" s="14" t="s">
        <v>1</v>
      </c>
      <c r="C23638" s="14" t="s">
        <v>157</v>
      </c>
      <c r="D23638" s="14" t="s">
        <v>94</v>
      </c>
      <c r="E23638" s="15">
        <v>45654</v>
      </c>
      <c r="F23638" s="14" t="s">
        <v>15</v>
      </c>
      <c r="G23638" s="16">
        <v>1.6561294837877496</v>
      </c>
    </row>
    <row r="23639" spans="1:7" x14ac:dyDescent="0.3">
      <c r="A23639" s="13" t="s">
        <v>156</v>
      </c>
      <c r="B23639" s="14" t="s">
        <v>1</v>
      </c>
      <c r="C23639" s="14" t="s">
        <v>157</v>
      </c>
      <c r="D23639" s="14" t="s">
        <v>94</v>
      </c>
      <c r="E23639" s="15">
        <v>45655</v>
      </c>
      <c r="F23639" s="14" t="s">
        <v>15</v>
      </c>
      <c r="G23639" s="16">
        <v>1.6561294837877496</v>
      </c>
    </row>
    <row r="23640" spans="1:7" x14ac:dyDescent="0.3">
      <c r="A23640" s="13" t="s">
        <v>156</v>
      </c>
      <c r="B23640" s="14" t="s">
        <v>1</v>
      </c>
      <c r="C23640" s="14" t="s">
        <v>157</v>
      </c>
      <c r="D23640" s="14" t="s">
        <v>94</v>
      </c>
      <c r="E23640" s="15">
        <v>45656</v>
      </c>
      <c r="F23640" s="14" t="s">
        <v>15</v>
      </c>
      <c r="G23640" s="16">
        <v>1.6535424959865899</v>
      </c>
    </row>
    <row r="23641" spans="1:7" x14ac:dyDescent="0.3">
      <c r="A23641" s="13" t="s">
        <v>156</v>
      </c>
      <c r="B23641" s="14" t="s">
        <v>1</v>
      </c>
      <c r="C23641" s="14" t="s">
        <v>157</v>
      </c>
      <c r="D23641" s="14" t="s">
        <v>94</v>
      </c>
      <c r="E23641" s="15">
        <v>45657</v>
      </c>
      <c r="F23641" s="14" t="s">
        <v>15</v>
      </c>
      <c r="G23641" s="16">
        <v>1.6931878367313065</v>
      </c>
    </row>
    <row r="23642" spans="1:7" x14ac:dyDescent="0.3">
      <c r="A23642" s="13" t="s">
        <v>156</v>
      </c>
      <c r="B23642" s="14" t="s">
        <v>1</v>
      </c>
      <c r="C23642" s="14" t="s">
        <v>157</v>
      </c>
      <c r="D23642" s="14" t="s">
        <v>94</v>
      </c>
      <c r="E23642" s="15">
        <v>45658</v>
      </c>
      <c r="F23642" s="14" t="s">
        <v>15</v>
      </c>
      <c r="G23642" s="16">
        <v>1.6931878367313065</v>
      </c>
    </row>
    <row r="23643" spans="1:7" x14ac:dyDescent="0.3">
      <c r="A23643" s="13" t="s">
        <v>156</v>
      </c>
      <c r="B23643" s="14" t="s">
        <v>1</v>
      </c>
      <c r="C23643" s="14" t="s">
        <v>157</v>
      </c>
      <c r="D23643" s="14" t="s">
        <v>94</v>
      </c>
      <c r="E23643" s="15">
        <v>45659</v>
      </c>
      <c r="F23643" s="14" t="s">
        <v>15</v>
      </c>
      <c r="G23643" s="16">
        <v>1.6905915913906173</v>
      </c>
    </row>
    <row r="23644" spans="1:7" x14ac:dyDescent="0.3">
      <c r="A23644" s="13" t="s">
        <v>156</v>
      </c>
      <c r="B23644" s="14" t="s">
        <v>1</v>
      </c>
      <c r="C23644" s="14" t="s">
        <v>157</v>
      </c>
      <c r="D23644" s="14" t="s">
        <v>94</v>
      </c>
      <c r="E23644" s="15">
        <v>45660</v>
      </c>
      <c r="F23644" s="14" t="s">
        <v>15</v>
      </c>
      <c r="G23644" s="16">
        <v>1.8501742135519545</v>
      </c>
    </row>
    <row r="23645" spans="1:7" x14ac:dyDescent="0.3">
      <c r="A23645" s="13" t="s">
        <v>156</v>
      </c>
      <c r="B23645" s="14" t="s">
        <v>1</v>
      </c>
      <c r="C23645" s="14" t="s">
        <v>157</v>
      </c>
      <c r="D23645" s="14" t="s">
        <v>94</v>
      </c>
      <c r="E23645" s="15">
        <v>45661</v>
      </c>
      <c r="F23645" s="14" t="s">
        <v>15</v>
      </c>
      <c r="G23645" s="16">
        <v>1.8501742135519545</v>
      </c>
    </row>
    <row r="23646" spans="1:7" x14ac:dyDescent="0.3">
      <c r="A23646" s="13" t="s">
        <v>156</v>
      </c>
      <c r="B23646" s="14" t="s">
        <v>1</v>
      </c>
      <c r="C23646" s="14" t="s">
        <v>157</v>
      </c>
      <c r="D23646" s="14" t="s">
        <v>94</v>
      </c>
      <c r="E23646" s="15">
        <v>45662</v>
      </c>
      <c r="F23646" s="14" t="s">
        <v>15</v>
      </c>
      <c r="G23646" s="16">
        <v>1.8501742135519545</v>
      </c>
    </row>
    <row r="23647" spans="1:7" x14ac:dyDescent="0.3">
      <c r="A23647" s="13" t="s">
        <v>156</v>
      </c>
      <c r="B23647" s="14" t="s">
        <v>1</v>
      </c>
      <c r="C23647" s="14" t="s">
        <v>157</v>
      </c>
      <c r="D23647" s="14" t="s">
        <v>94</v>
      </c>
      <c r="E23647" s="15">
        <v>45663</v>
      </c>
      <c r="F23647" s="14" t="s">
        <v>15</v>
      </c>
      <c r="G23647" s="16">
        <v>1.8476042726617501</v>
      </c>
    </row>
    <row r="23648" spans="1:7" x14ac:dyDescent="0.3">
      <c r="A23648" s="13" t="s">
        <v>156</v>
      </c>
      <c r="B23648" s="14" t="s">
        <v>1</v>
      </c>
      <c r="C23648" s="14" t="s">
        <v>157</v>
      </c>
      <c r="D23648" s="14" t="s">
        <v>94</v>
      </c>
      <c r="E23648" s="15">
        <v>45664</v>
      </c>
      <c r="F23648" s="14" t="s">
        <v>15</v>
      </c>
      <c r="G23648" s="16">
        <v>1.8399567558720311</v>
      </c>
    </row>
    <row r="23649" spans="1:7" x14ac:dyDescent="0.3">
      <c r="A23649" s="13" t="s">
        <v>156</v>
      </c>
      <c r="B23649" s="14" t="s">
        <v>1</v>
      </c>
      <c r="C23649" s="14" t="s">
        <v>157</v>
      </c>
      <c r="D23649" s="14" t="s">
        <v>94</v>
      </c>
      <c r="E23649" s="15">
        <v>45665</v>
      </c>
      <c r="F23649" s="14" t="s">
        <v>15</v>
      </c>
      <c r="G23649" s="16">
        <v>1.8373647089916412</v>
      </c>
    </row>
    <row r="23650" spans="1:7" x14ac:dyDescent="0.3">
      <c r="A23650" s="13" t="s">
        <v>156</v>
      </c>
      <c r="B23650" s="14" t="s">
        <v>1</v>
      </c>
      <c r="C23650" s="14" t="s">
        <v>157</v>
      </c>
      <c r="D23650" s="14" t="s">
        <v>94</v>
      </c>
      <c r="E23650" s="15">
        <v>45666</v>
      </c>
      <c r="F23650" s="14" t="s">
        <v>15</v>
      </c>
      <c r="G23650" s="16">
        <v>1.8347620814663761</v>
      </c>
    </row>
    <row r="23651" spans="1:7" x14ac:dyDescent="0.3">
      <c r="A23651" s="13" t="s">
        <v>156</v>
      </c>
      <c r="B23651" s="14" t="s">
        <v>1</v>
      </c>
      <c r="C23651" s="14" t="s">
        <v>157</v>
      </c>
      <c r="D23651" s="14" t="s">
        <v>94</v>
      </c>
      <c r="E23651" s="15">
        <v>45667</v>
      </c>
      <c r="F23651" s="14" t="s">
        <v>15</v>
      </c>
      <c r="G23651" s="16">
        <v>1.8382794123009074</v>
      </c>
    </row>
    <row r="23652" spans="1:7" x14ac:dyDescent="0.3">
      <c r="A23652" s="13" t="s">
        <v>156</v>
      </c>
      <c r="B23652" s="14" t="s">
        <v>1</v>
      </c>
      <c r="C23652" s="14" t="s">
        <v>157</v>
      </c>
      <c r="D23652" s="14" t="s">
        <v>94</v>
      </c>
      <c r="E23652" s="15">
        <v>45668</v>
      </c>
      <c r="F23652" s="14" t="s">
        <v>15</v>
      </c>
      <c r="G23652" s="16">
        <v>1.8382794123009074</v>
      </c>
    </row>
    <row r="23653" spans="1:7" x14ac:dyDescent="0.3">
      <c r="A23653" s="13" t="s">
        <v>156</v>
      </c>
      <c r="B23653" s="14" t="s">
        <v>1</v>
      </c>
      <c r="C23653" s="14" t="s">
        <v>157</v>
      </c>
      <c r="D23653" s="14" t="s">
        <v>94</v>
      </c>
      <c r="E23653" s="15">
        <v>45669</v>
      </c>
      <c r="F23653" s="14" t="s">
        <v>15</v>
      </c>
      <c r="G23653" s="16">
        <v>1.8382794123009074</v>
      </c>
    </row>
    <row r="23654" spans="1:7" x14ac:dyDescent="0.3">
      <c r="A23654" s="13" t="s">
        <v>156</v>
      </c>
      <c r="B23654" s="14" t="s">
        <v>1</v>
      </c>
      <c r="C23654" s="14" t="s">
        <v>157</v>
      </c>
      <c r="D23654" s="14" t="s">
        <v>94</v>
      </c>
      <c r="E23654" s="15">
        <v>45670</v>
      </c>
      <c r="F23654" s="14" t="s">
        <v>15</v>
      </c>
      <c r="G23654" s="16">
        <v>1.8357030474477432</v>
      </c>
    </row>
    <row r="23655" spans="1:7" x14ac:dyDescent="0.3">
      <c r="A23655" s="13" t="s">
        <v>156</v>
      </c>
      <c r="B23655" s="14" t="s">
        <v>1</v>
      </c>
      <c r="C23655" s="14" t="s">
        <v>157</v>
      </c>
      <c r="D23655" s="14" t="s">
        <v>94</v>
      </c>
      <c r="E23655" s="15">
        <v>45671</v>
      </c>
      <c r="F23655" s="14" t="s">
        <v>15</v>
      </c>
      <c r="G23655" s="16">
        <v>1.8280147195992202</v>
      </c>
    </row>
    <row r="23656" spans="1:7" x14ac:dyDescent="0.3">
      <c r="A23656" s="13" t="s">
        <v>156</v>
      </c>
      <c r="B23656" s="14" t="s">
        <v>1</v>
      </c>
      <c r="C23656" s="14" t="s">
        <v>157</v>
      </c>
      <c r="D23656" s="14" t="s">
        <v>94</v>
      </c>
      <c r="E23656" s="15">
        <v>45672</v>
      </c>
      <c r="F23656" s="14" t="s">
        <v>15</v>
      </c>
      <c r="G23656" s="16">
        <v>1.8254950367721723</v>
      </c>
    </row>
    <row r="23657" spans="1:7" x14ac:dyDescent="0.3">
      <c r="A23657" s="13" t="s">
        <v>156</v>
      </c>
      <c r="B23657" s="14" t="s">
        <v>1</v>
      </c>
      <c r="C23657" s="14" t="s">
        <v>157</v>
      </c>
      <c r="D23657" s="14" t="s">
        <v>94</v>
      </c>
      <c r="E23657" s="15">
        <v>45673</v>
      </c>
      <c r="F23657" s="14" t="s">
        <v>15</v>
      </c>
      <c r="G23657" s="16">
        <v>1.8229502249135461</v>
      </c>
    </row>
    <row r="23658" spans="1:7" x14ac:dyDescent="0.3">
      <c r="A23658" s="13" t="s">
        <v>156</v>
      </c>
      <c r="B23658" s="14" t="s">
        <v>1</v>
      </c>
      <c r="C23658" s="14" t="s">
        <v>157</v>
      </c>
      <c r="D23658" s="14" t="s">
        <v>94</v>
      </c>
      <c r="E23658" s="15">
        <v>45674</v>
      </c>
      <c r="F23658" s="14" t="s">
        <v>15</v>
      </c>
      <c r="G23658" s="16">
        <v>1.8204071135157034</v>
      </c>
    </row>
    <row r="23659" spans="1:7" x14ac:dyDescent="0.3">
      <c r="A23659" s="13" t="s">
        <v>156</v>
      </c>
      <c r="B23659" s="14" t="s">
        <v>1</v>
      </c>
      <c r="C23659" s="14" t="s">
        <v>157</v>
      </c>
      <c r="D23659" s="14" t="s">
        <v>94</v>
      </c>
      <c r="E23659" s="15">
        <v>45675</v>
      </c>
      <c r="F23659" s="14" t="s">
        <v>15</v>
      </c>
      <c r="G23659" s="16">
        <v>1.8204071135157034</v>
      </c>
    </row>
    <row r="23660" spans="1:7" x14ac:dyDescent="0.3">
      <c r="A23660" s="13" t="s">
        <v>156</v>
      </c>
      <c r="B23660" s="14" t="s">
        <v>1</v>
      </c>
      <c r="C23660" s="14" t="s">
        <v>157</v>
      </c>
      <c r="D23660" s="14" t="s">
        <v>94</v>
      </c>
      <c r="E23660" s="15">
        <v>45676</v>
      </c>
      <c r="F23660" s="14" t="s">
        <v>15</v>
      </c>
      <c r="G23660" s="16">
        <v>1.8204071135157034</v>
      </c>
    </row>
    <row r="23661" spans="1:7" x14ac:dyDescent="0.3">
      <c r="A23661" s="13" t="s">
        <v>156</v>
      </c>
      <c r="B23661" s="14" t="s">
        <v>1</v>
      </c>
      <c r="C23661" s="14" t="s">
        <v>157</v>
      </c>
      <c r="D23661" s="14" t="s">
        <v>94</v>
      </c>
      <c r="E23661" s="15">
        <v>45677</v>
      </c>
      <c r="F23661" s="14" t="s">
        <v>15</v>
      </c>
      <c r="G23661" s="16">
        <v>1.8315417528999416</v>
      </c>
    </row>
    <row r="23662" spans="1:7" x14ac:dyDescent="0.3">
      <c r="A23662" s="13" t="s">
        <v>156</v>
      </c>
      <c r="B23662" s="14" t="s">
        <v>1</v>
      </c>
      <c r="C23662" s="14" t="s">
        <v>157</v>
      </c>
      <c r="D23662" s="14" t="s">
        <v>94</v>
      </c>
      <c r="E23662" s="15">
        <v>45678</v>
      </c>
      <c r="F23662" s="14" t="s">
        <v>15</v>
      </c>
      <c r="G23662" s="16">
        <v>1.8237948536244317</v>
      </c>
    </row>
    <row r="23663" spans="1:7" x14ac:dyDescent="0.3">
      <c r="A23663" s="13" t="s">
        <v>156</v>
      </c>
      <c r="B23663" s="14" t="s">
        <v>1</v>
      </c>
      <c r="C23663" s="14" t="s">
        <v>157</v>
      </c>
      <c r="D23663" s="14" t="s">
        <v>94</v>
      </c>
      <c r="E23663" s="15">
        <v>45679</v>
      </c>
      <c r="F23663" s="14" t="s">
        <v>15</v>
      </c>
      <c r="G23663" s="16">
        <v>1.8211931707996019</v>
      </c>
    </row>
    <row r="23664" spans="1:7" x14ac:dyDescent="0.3">
      <c r="A23664" s="13" t="s">
        <v>156</v>
      </c>
      <c r="B23664" s="14" t="s">
        <v>1</v>
      </c>
      <c r="C23664" s="14" t="s">
        <v>157</v>
      </c>
      <c r="D23664" s="14" t="s">
        <v>94</v>
      </c>
      <c r="E23664" s="15">
        <v>45680</v>
      </c>
      <c r="F23664" s="14" t="s">
        <v>15</v>
      </c>
      <c r="G23664" s="16">
        <v>1.8185829856708546</v>
      </c>
    </row>
    <row r="23665" spans="1:7" x14ac:dyDescent="0.3">
      <c r="A23665" s="13" t="s">
        <v>156</v>
      </c>
      <c r="B23665" s="14" t="s">
        <v>1</v>
      </c>
      <c r="C23665" s="14" t="s">
        <v>157</v>
      </c>
      <c r="D23665" s="14" t="s">
        <v>94</v>
      </c>
      <c r="E23665" s="15">
        <v>45681</v>
      </c>
      <c r="F23665" s="14" t="s">
        <v>15</v>
      </c>
      <c r="G23665" s="16">
        <v>1.8159739341826295</v>
      </c>
    </row>
    <row r="23666" spans="1:7" x14ac:dyDescent="0.3">
      <c r="A23666" s="13" t="s">
        <v>156</v>
      </c>
      <c r="B23666" s="14" t="s">
        <v>1</v>
      </c>
      <c r="C23666" s="14" t="s">
        <v>157</v>
      </c>
      <c r="D23666" s="14" t="s">
        <v>94</v>
      </c>
      <c r="E23666" s="15">
        <v>45682</v>
      </c>
      <c r="F23666" s="14" t="s">
        <v>15</v>
      </c>
      <c r="G23666" s="16">
        <v>1.8159739341826295</v>
      </c>
    </row>
    <row r="23667" spans="1:7" x14ac:dyDescent="0.3">
      <c r="A23667" s="13" t="s">
        <v>156</v>
      </c>
      <c r="B23667" s="14" t="s">
        <v>1</v>
      </c>
      <c r="C23667" s="14" t="s">
        <v>157</v>
      </c>
      <c r="D23667" s="14" t="s">
        <v>94</v>
      </c>
      <c r="E23667" s="15">
        <v>45683</v>
      </c>
      <c r="F23667" s="14" t="s">
        <v>15</v>
      </c>
      <c r="G23667" s="16">
        <v>1.8159739341826295</v>
      </c>
    </row>
    <row r="23668" spans="1:7" x14ac:dyDescent="0.3">
      <c r="A23668" s="13" t="s">
        <v>156</v>
      </c>
      <c r="B23668" s="14" t="s">
        <v>1</v>
      </c>
      <c r="C23668" s="14" t="s">
        <v>157</v>
      </c>
      <c r="D23668" s="14" t="s">
        <v>94</v>
      </c>
      <c r="E23668" s="15">
        <v>45684</v>
      </c>
      <c r="F23668" s="14" t="s">
        <v>15</v>
      </c>
      <c r="G23668" s="16">
        <v>1.8133631822336211</v>
      </c>
    </row>
    <row r="23669" spans="1:7" x14ac:dyDescent="0.3">
      <c r="A23669" s="13" t="s">
        <v>156</v>
      </c>
      <c r="B23669" s="14" t="s">
        <v>1</v>
      </c>
      <c r="C23669" s="14" t="s">
        <v>157</v>
      </c>
      <c r="D23669" s="14" t="s">
        <v>94</v>
      </c>
      <c r="E23669" s="15">
        <v>45685</v>
      </c>
      <c r="F23669" s="14" t="s">
        <v>15</v>
      </c>
      <c r="G23669" s="16">
        <v>1.8054696654505566</v>
      </c>
    </row>
    <row r="23670" spans="1:7" x14ac:dyDescent="0.3">
      <c r="A23670" s="13" t="s">
        <v>156</v>
      </c>
      <c r="B23670" s="14" t="s">
        <v>1</v>
      </c>
      <c r="C23670" s="14" t="s">
        <v>157</v>
      </c>
      <c r="D23670" s="14" t="s">
        <v>94</v>
      </c>
      <c r="E23670" s="15">
        <v>45686</v>
      </c>
      <c r="F23670" s="14" t="s">
        <v>15</v>
      </c>
      <c r="G23670" s="16">
        <v>1.8054696654505566</v>
      </c>
    </row>
    <row r="23671" spans="1:7" x14ac:dyDescent="0.3">
      <c r="A23671" s="13" t="s">
        <v>156</v>
      </c>
      <c r="B23671" s="14" t="s">
        <v>1</v>
      </c>
      <c r="C23671" s="14" t="s">
        <v>157</v>
      </c>
      <c r="D23671" s="14" t="s">
        <v>94</v>
      </c>
      <c r="E23671" s="15">
        <v>45687</v>
      </c>
      <c r="F23671" s="14" t="s">
        <v>15</v>
      </c>
      <c r="G23671" s="16">
        <v>1.8054696654505566</v>
      </c>
    </row>
    <row r="23672" spans="1:7" x14ac:dyDescent="0.3">
      <c r="A23672" s="13" t="s">
        <v>156</v>
      </c>
      <c r="B23672" s="14" t="s">
        <v>1</v>
      </c>
      <c r="C23672" s="14" t="s">
        <v>157</v>
      </c>
      <c r="D23672" s="14" t="s">
        <v>94</v>
      </c>
      <c r="E23672" s="15">
        <v>45688</v>
      </c>
      <c r="F23672" s="14" t="s">
        <v>15</v>
      </c>
      <c r="G23672" s="16">
        <v>1.802834351290231</v>
      </c>
    </row>
    <row r="23673" spans="1:7" x14ac:dyDescent="0.3">
      <c r="A23673" s="13" t="s">
        <v>156</v>
      </c>
      <c r="B23673" s="14" t="s">
        <v>1</v>
      </c>
      <c r="C23673" s="14" t="s">
        <v>157</v>
      </c>
      <c r="D23673" s="14" t="s">
        <v>94</v>
      </c>
      <c r="E23673" s="15">
        <v>45689</v>
      </c>
      <c r="F23673" s="14" t="s">
        <v>15</v>
      </c>
      <c r="G23673" s="16">
        <v>1.802834351290231</v>
      </c>
    </row>
    <row r="23674" spans="1:7" x14ac:dyDescent="0.3">
      <c r="A23674" s="13" t="s">
        <v>156</v>
      </c>
      <c r="B23674" s="14" t="s">
        <v>1</v>
      </c>
      <c r="C23674" s="14" t="s">
        <v>157</v>
      </c>
      <c r="D23674" s="14" t="s">
        <v>94</v>
      </c>
      <c r="E23674" s="15">
        <v>45690</v>
      </c>
      <c r="F23674" s="14" t="s">
        <v>15</v>
      </c>
      <c r="G23674" s="16">
        <v>1.802834351290231</v>
      </c>
    </row>
    <row r="23675" spans="1:7" x14ac:dyDescent="0.3">
      <c r="A23675" s="13" t="s">
        <v>156</v>
      </c>
      <c r="B23675" s="14" t="s">
        <v>1</v>
      </c>
      <c r="C23675" s="14" t="s">
        <v>157</v>
      </c>
      <c r="D23675" s="14" t="s">
        <v>94</v>
      </c>
      <c r="E23675" s="15">
        <v>45691</v>
      </c>
      <c r="F23675" s="14" t="s">
        <v>15</v>
      </c>
      <c r="G23675" s="16">
        <v>1.802834351290231</v>
      </c>
    </row>
    <row r="23676" spans="1:7" x14ac:dyDescent="0.3">
      <c r="A23676" s="13" t="s">
        <v>156</v>
      </c>
      <c r="B23676" s="14" t="s">
        <v>1</v>
      </c>
      <c r="C23676" s="14" t="s">
        <v>157</v>
      </c>
      <c r="D23676" s="14" t="s">
        <v>94</v>
      </c>
      <c r="E23676" s="15">
        <v>45692</v>
      </c>
      <c r="F23676" s="14" t="s">
        <v>15</v>
      </c>
      <c r="G23676" s="16">
        <v>1.7950428621541761</v>
      </c>
    </row>
    <row r="23677" spans="1:7" x14ac:dyDescent="0.3">
      <c r="A23677" s="13" t="s">
        <v>156</v>
      </c>
      <c r="B23677" s="14" t="s">
        <v>1</v>
      </c>
      <c r="C23677" s="14" t="s">
        <v>157</v>
      </c>
      <c r="D23677" s="14" t="s">
        <v>94</v>
      </c>
      <c r="E23677" s="15">
        <v>45693</v>
      </c>
      <c r="F23677" s="14" t="s">
        <v>15</v>
      </c>
      <c r="G23677" s="16">
        <v>1.7845439939544767</v>
      </c>
    </row>
    <row r="23678" spans="1:7" x14ac:dyDescent="0.3">
      <c r="A23678" s="13" t="s">
        <v>156</v>
      </c>
      <c r="B23678" s="14" t="s">
        <v>1</v>
      </c>
      <c r="C23678" s="14" t="s">
        <v>157</v>
      </c>
      <c r="D23678" s="14" t="s">
        <v>94</v>
      </c>
      <c r="E23678" s="15">
        <v>45694</v>
      </c>
      <c r="F23678" s="14" t="s">
        <v>15</v>
      </c>
      <c r="G23678" s="16">
        <v>1.7819508973472855</v>
      </c>
    </row>
    <row r="23679" spans="1:7" x14ac:dyDescent="0.3">
      <c r="A23679" s="13" t="s">
        <v>156</v>
      </c>
      <c r="B23679" s="14" t="s">
        <v>1</v>
      </c>
      <c r="C23679" s="14" t="s">
        <v>157</v>
      </c>
      <c r="D23679" s="14" t="s">
        <v>94</v>
      </c>
      <c r="E23679" s="15">
        <v>45695</v>
      </c>
      <c r="F23679" s="14" t="s">
        <v>15</v>
      </c>
      <c r="G23679" s="16">
        <v>1.7793521318948395</v>
      </c>
    </row>
    <row r="23680" spans="1:7" x14ac:dyDescent="0.3">
      <c r="A23680" s="13" t="s">
        <v>156</v>
      </c>
      <c r="B23680" s="14" t="s">
        <v>1</v>
      </c>
      <c r="C23680" s="14" t="s">
        <v>157</v>
      </c>
      <c r="D23680" s="14" t="s">
        <v>94</v>
      </c>
      <c r="E23680" s="15">
        <v>45696</v>
      </c>
      <c r="F23680" s="14" t="s">
        <v>15</v>
      </c>
      <c r="G23680" s="16">
        <v>1.7793521318948395</v>
      </c>
    </row>
    <row r="23681" spans="1:7" x14ac:dyDescent="0.3">
      <c r="A23681" s="13" t="s">
        <v>156</v>
      </c>
      <c r="B23681" s="14" t="s">
        <v>1</v>
      </c>
      <c r="C23681" s="14" t="s">
        <v>157</v>
      </c>
      <c r="D23681" s="14" t="s">
        <v>94</v>
      </c>
      <c r="E23681" s="15">
        <v>45697</v>
      </c>
      <c r="F23681" s="14" t="s">
        <v>15</v>
      </c>
      <c r="G23681" s="16">
        <v>1.7793521318948395</v>
      </c>
    </row>
    <row r="23682" spans="1:7" x14ac:dyDescent="0.3">
      <c r="A23682" s="13" t="s">
        <v>156</v>
      </c>
      <c r="B23682" s="14" t="s">
        <v>1</v>
      </c>
      <c r="C23682" s="14" t="s">
        <v>157</v>
      </c>
      <c r="D23682" s="14" t="s">
        <v>94</v>
      </c>
      <c r="E23682" s="15">
        <v>45698</v>
      </c>
      <c r="F23682" s="14" t="s">
        <v>15</v>
      </c>
      <c r="G23682" s="16">
        <v>1.781811866024865</v>
      </c>
    </row>
    <row r="23683" spans="1:7" x14ac:dyDescent="0.3">
      <c r="A23683" s="13" t="s">
        <v>156</v>
      </c>
      <c r="B23683" s="14" t="s">
        <v>1</v>
      </c>
      <c r="C23683" s="14" t="s">
        <v>157</v>
      </c>
      <c r="D23683" s="14" t="s">
        <v>94</v>
      </c>
      <c r="E23683" s="15">
        <v>45699</v>
      </c>
      <c r="F23683" s="14" t="s">
        <v>15</v>
      </c>
      <c r="G23683" s="16">
        <v>1.773941641369871</v>
      </c>
    </row>
    <row r="23684" spans="1:7" x14ac:dyDescent="0.3">
      <c r="A23684" s="13" t="s">
        <v>156</v>
      </c>
      <c r="B23684" s="14" t="s">
        <v>1</v>
      </c>
      <c r="C23684" s="14" t="s">
        <v>157</v>
      </c>
      <c r="D23684" s="14" t="s">
        <v>94</v>
      </c>
      <c r="E23684" s="15">
        <v>45700</v>
      </c>
      <c r="F23684" s="14" t="s">
        <v>15</v>
      </c>
      <c r="G23684" s="16">
        <v>1.771889352599999</v>
      </c>
    </row>
    <row r="23685" spans="1:7" x14ac:dyDescent="0.3">
      <c r="A23685" s="13" t="s">
        <v>156</v>
      </c>
      <c r="B23685" s="14" t="s">
        <v>1</v>
      </c>
      <c r="C23685" s="14" t="s">
        <v>157</v>
      </c>
      <c r="D23685" s="14" t="s">
        <v>94</v>
      </c>
      <c r="E23685" s="15">
        <v>45701</v>
      </c>
      <c r="F23685" s="14" t="s">
        <v>15</v>
      </c>
      <c r="G23685" s="16">
        <v>1.7929907064278043</v>
      </c>
    </row>
    <row r="23686" spans="1:7" x14ac:dyDescent="0.3">
      <c r="A23686" s="13" t="s">
        <v>156</v>
      </c>
      <c r="B23686" s="14" t="s">
        <v>1</v>
      </c>
      <c r="C23686" s="14" t="s">
        <v>157</v>
      </c>
      <c r="D23686" s="14" t="s">
        <v>94</v>
      </c>
      <c r="E23686" s="15">
        <v>45702</v>
      </c>
      <c r="F23686" s="14" t="s">
        <v>15</v>
      </c>
      <c r="G23686" s="16">
        <v>1.7903739896320512</v>
      </c>
    </row>
    <row r="23687" spans="1:7" x14ac:dyDescent="0.3">
      <c r="A23687" s="13" t="s">
        <v>156</v>
      </c>
      <c r="B23687" s="14" t="s">
        <v>1</v>
      </c>
      <c r="C23687" s="14" t="s">
        <v>157</v>
      </c>
      <c r="D23687" s="14" t="s">
        <v>94</v>
      </c>
      <c r="E23687" s="15">
        <v>45703</v>
      </c>
      <c r="F23687" s="14" t="s">
        <v>15</v>
      </c>
      <c r="G23687" s="16">
        <v>1.7903739896320512</v>
      </c>
    </row>
    <row r="23688" spans="1:7" x14ac:dyDescent="0.3">
      <c r="A23688" s="13" t="s">
        <v>156</v>
      </c>
      <c r="B23688" s="14" t="s">
        <v>1</v>
      </c>
      <c r="C23688" s="14" t="s">
        <v>157</v>
      </c>
      <c r="D23688" s="14" t="s">
        <v>94</v>
      </c>
      <c r="E23688" s="15">
        <v>45704</v>
      </c>
      <c r="F23688" s="14" t="s">
        <v>15</v>
      </c>
      <c r="G23688" s="16">
        <v>1.7903739896320512</v>
      </c>
    </row>
    <row r="23689" spans="1:7" x14ac:dyDescent="0.3">
      <c r="A23689" s="13" t="s">
        <v>156</v>
      </c>
      <c r="B23689" s="14" t="s">
        <v>1</v>
      </c>
      <c r="C23689" s="14" t="s">
        <v>157</v>
      </c>
      <c r="D23689" s="14" t="s">
        <v>94</v>
      </c>
      <c r="E23689" s="15">
        <v>45705</v>
      </c>
      <c r="F23689" s="14" t="s">
        <v>15</v>
      </c>
      <c r="G23689" s="16">
        <v>1.7877525487985855</v>
      </c>
    </row>
    <row r="23690" spans="1:7" x14ac:dyDescent="0.3">
      <c r="A23690" s="13" t="s">
        <v>156</v>
      </c>
      <c r="B23690" s="14" t="s">
        <v>1</v>
      </c>
      <c r="C23690" s="14" t="s">
        <v>157</v>
      </c>
      <c r="D23690" s="14" t="s">
        <v>94</v>
      </c>
      <c r="E23690" s="15">
        <v>45706</v>
      </c>
      <c r="F23690" s="14" t="s">
        <v>15</v>
      </c>
      <c r="G23690" s="16">
        <v>1.7798005038104121</v>
      </c>
    </row>
    <row r="23691" spans="1:7" x14ac:dyDescent="0.3">
      <c r="A23691" s="13" t="s">
        <v>156</v>
      </c>
      <c r="B23691" s="14" t="s">
        <v>1</v>
      </c>
      <c r="C23691" s="14" t="s">
        <v>157</v>
      </c>
      <c r="D23691" s="14" t="s">
        <v>94</v>
      </c>
      <c r="E23691" s="15">
        <v>45707</v>
      </c>
      <c r="F23691" s="14" t="s">
        <v>15</v>
      </c>
      <c r="G23691" s="16">
        <v>1.7825049430939415</v>
      </c>
    </row>
    <row r="23692" spans="1:7" x14ac:dyDescent="0.3">
      <c r="A23692" s="13" t="s">
        <v>156</v>
      </c>
      <c r="B23692" s="14" t="s">
        <v>1</v>
      </c>
      <c r="C23692" s="14" t="s">
        <v>157</v>
      </c>
      <c r="D23692" s="14" t="s">
        <v>94</v>
      </c>
      <c r="E23692" s="15">
        <v>45708</v>
      </c>
      <c r="F23692" s="14" t="s">
        <v>15</v>
      </c>
      <c r="G23692" s="16">
        <v>1.7798305930380967</v>
      </c>
    </row>
    <row r="23693" spans="1:7" x14ac:dyDescent="0.3">
      <c r="A23693" s="13" t="s">
        <v>156</v>
      </c>
      <c r="B23693" s="14" t="s">
        <v>1</v>
      </c>
      <c r="C23693" s="14" t="s">
        <v>157</v>
      </c>
      <c r="D23693" s="14" t="s">
        <v>94</v>
      </c>
      <c r="E23693" s="15">
        <v>45709</v>
      </c>
      <c r="F23693" s="14" t="s">
        <v>15</v>
      </c>
      <c r="G23693" s="16">
        <v>1.7771568098667772</v>
      </c>
    </row>
    <row r="23694" spans="1:7" x14ac:dyDescent="0.3">
      <c r="A23694" s="13" t="s">
        <v>156</v>
      </c>
      <c r="B23694" s="14" t="s">
        <v>1</v>
      </c>
      <c r="C23694" s="14" t="s">
        <v>157</v>
      </c>
      <c r="D23694" s="14" t="s">
        <v>94</v>
      </c>
      <c r="E23694" s="15">
        <v>45710</v>
      </c>
      <c r="F23694" s="14" t="s">
        <v>15</v>
      </c>
      <c r="G23694" s="16">
        <v>1.7771568098667772</v>
      </c>
    </row>
    <row r="23695" spans="1:7" x14ac:dyDescent="0.3">
      <c r="A23695" s="13" t="s">
        <v>156</v>
      </c>
      <c r="B23695" s="14" t="s">
        <v>1</v>
      </c>
      <c r="C23695" s="14" t="s">
        <v>157</v>
      </c>
      <c r="D23695" s="14" t="s">
        <v>94</v>
      </c>
      <c r="E23695" s="15">
        <v>45711</v>
      </c>
      <c r="F23695" s="14" t="s">
        <v>15</v>
      </c>
      <c r="G23695" s="16">
        <v>1.7771568098667772</v>
      </c>
    </row>
    <row r="23696" spans="1:7" x14ac:dyDescent="0.3">
      <c r="A23696" s="13" t="s">
        <v>156</v>
      </c>
      <c r="B23696" s="14" t="s">
        <v>1</v>
      </c>
      <c r="C23696" s="14" t="s">
        <v>157</v>
      </c>
      <c r="D23696" s="14" t="s">
        <v>94</v>
      </c>
      <c r="E23696" s="15">
        <v>45712</v>
      </c>
      <c r="F23696" s="14" t="s">
        <v>15</v>
      </c>
      <c r="G23696" s="16">
        <v>1.7745049462304434</v>
      </c>
    </row>
    <row r="23697" spans="1:7" x14ac:dyDescent="0.3">
      <c r="A23697" s="13" t="s">
        <v>156</v>
      </c>
      <c r="B23697" s="14" t="s">
        <v>1</v>
      </c>
      <c r="C23697" s="14" t="s">
        <v>157</v>
      </c>
      <c r="D23697" s="14" t="s">
        <v>94</v>
      </c>
      <c r="E23697" s="15">
        <v>45713</v>
      </c>
      <c r="F23697" s="14" t="s">
        <v>15</v>
      </c>
      <c r="G23697" s="16">
        <v>1.7664661679098697</v>
      </c>
    </row>
    <row r="23698" spans="1:7" x14ac:dyDescent="0.3">
      <c r="A23698" s="13" t="s">
        <v>156</v>
      </c>
      <c r="B23698" s="14" t="s">
        <v>1</v>
      </c>
      <c r="C23698" s="14" t="s">
        <v>157</v>
      </c>
      <c r="D23698" s="14" t="s">
        <v>94</v>
      </c>
      <c r="E23698" s="15">
        <v>45714</v>
      </c>
      <c r="F23698" s="14" t="s">
        <v>15</v>
      </c>
      <c r="G23698" s="16">
        <v>1.7637938964306183</v>
      </c>
    </row>
    <row r="23699" spans="1:7" x14ac:dyDescent="0.3">
      <c r="A23699" s="13" t="s">
        <v>156</v>
      </c>
      <c r="B23699" s="14" t="s">
        <v>1</v>
      </c>
      <c r="C23699" s="14" t="s">
        <v>157</v>
      </c>
      <c r="D23699" s="14" t="s">
        <v>94</v>
      </c>
      <c r="E23699" s="15">
        <v>45715</v>
      </c>
      <c r="F23699" s="14" t="s">
        <v>15</v>
      </c>
      <c r="G23699" s="16">
        <v>1.7611495912546244</v>
      </c>
    </row>
    <row r="23700" spans="1:7" x14ac:dyDescent="0.3">
      <c r="A23700" s="13" t="s">
        <v>156</v>
      </c>
      <c r="B23700" s="14" t="s">
        <v>1</v>
      </c>
      <c r="C23700" s="14" t="s">
        <v>157</v>
      </c>
      <c r="D23700" s="14" t="s">
        <v>94</v>
      </c>
      <c r="E23700" s="15">
        <v>45716</v>
      </c>
      <c r="F23700" s="14" t="s">
        <v>15</v>
      </c>
      <c r="G23700" s="16">
        <v>1.7872240340630607</v>
      </c>
    </row>
    <row r="23701" spans="1:7" x14ac:dyDescent="0.3">
      <c r="A23701" s="13" t="s">
        <v>156</v>
      </c>
      <c r="B23701" s="14" t="s">
        <v>1</v>
      </c>
      <c r="C23701" s="14" t="s">
        <v>157</v>
      </c>
      <c r="D23701" s="14" t="s">
        <v>94</v>
      </c>
      <c r="E23701" s="15">
        <v>45717</v>
      </c>
      <c r="F23701" s="14" t="s">
        <v>15</v>
      </c>
      <c r="G23701" s="16">
        <v>1.7872240340630607</v>
      </c>
    </row>
    <row r="23702" spans="1:7" x14ac:dyDescent="0.3">
      <c r="A23702" s="13" t="s">
        <v>156</v>
      </c>
      <c r="B23702" s="14" t="s">
        <v>1</v>
      </c>
      <c r="C23702" s="14" t="s">
        <v>157</v>
      </c>
      <c r="D23702" s="14" t="s">
        <v>94</v>
      </c>
      <c r="E23702" s="15">
        <v>45718</v>
      </c>
      <c r="F23702" s="14" t="s">
        <v>15</v>
      </c>
      <c r="G23702" s="16">
        <v>1.7872240340630607</v>
      </c>
    </row>
    <row r="23703" spans="1:7" x14ac:dyDescent="0.3">
      <c r="A23703" s="13" t="s">
        <v>156</v>
      </c>
      <c r="B23703" s="14" t="s">
        <v>1</v>
      </c>
      <c r="C23703" s="14" t="s">
        <v>157</v>
      </c>
      <c r="D23703" s="14" t="s">
        <v>94</v>
      </c>
      <c r="E23703" s="15">
        <v>45719</v>
      </c>
      <c r="F23703" s="14" t="s">
        <v>15</v>
      </c>
      <c r="G23703" s="16">
        <v>1.7845708476961675</v>
      </c>
    </row>
    <row r="23704" spans="1:7" x14ac:dyDescent="0.3">
      <c r="A23704" s="13" t="s">
        <v>156</v>
      </c>
      <c r="B23704" s="14" t="s">
        <v>1</v>
      </c>
      <c r="C23704" s="14" t="s">
        <v>157</v>
      </c>
      <c r="D23704" s="14" t="s">
        <v>94</v>
      </c>
      <c r="E23704" s="15">
        <v>45720</v>
      </c>
      <c r="F23704" s="14" t="s">
        <v>15</v>
      </c>
      <c r="G23704" s="16">
        <v>1.7767832309632772</v>
      </c>
    </row>
    <row r="23705" spans="1:7" x14ac:dyDescent="0.3">
      <c r="A23705" s="13" t="s">
        <v>156</v>
      </c>
      <c r="B23705" s="14" t="s">
        <v>1</v>
      </c>
      <c r="C23705" s="14" t="s">
        <v>157</v>
      </c>
      <c r="D23705" s="14" t="s">
        <v>94</v>
      </c>
      <c r="E23705" s="15">
        <v>45721</v>
      </c>
      <c r="F23705" s="14" t="s">
        <v>15</v>
      </c>
      <c r="G23705" s="16">
        <v>1.7741793803185719</v>
      </c>
    </row>
    <row r="23706" spans="1:7" x14ac:dyDescent="0.3">
      <c r="A23706" s="13" t="s">
        <v>156</v>
      </c>
      <c r="B23706" s="14" t="s">
        <v>1</v>
      </c>
      <c r="C23706" s="14" t="s">
        <v>157</v>
      </c>
      <c r="D23706" s="14" t="s">
        <v>94</v>
      </c>
      <c r="E23706" s="15">
        <v>45722</v>
      </c>
      <c r="F23706" s="14" t="s">
        <v>15</v>
      </c>
      <c r="G23706" s="16">
        <v>1.8166954196713518</v>
      </c>
    </row>
    <row r="23707" spans="1:7" x14ac:dyDescent="0.3">
      <c r="A23707" s="13" t="s">
        <v>156</v>
      </c>
      <c r="B23707" s="14" t="s">
        <v>1</v>
      </c>
      <c r="C23707" s="14" t="s">
        <v>157</v>
      </c>
      <c r="D23707" s="14" t="s">
        <v>94</v>
      </c>
      <c r="E23707" s="15">
        <v>45723</v>
      </c>
      <c r="F23707" s="14" t="s">
        <v>15</v>
      </c>
      <c r="G23707" s="16">
        <v>1.9092656614659935</v>
      </c>
    </row>
    <row r="23708" spans="1:7" x14ac:dyDescent="0.3">
      <c r="A23708" s="13" t="s">
        <v>156</v>
      </c>
      <c r="B23708" s="14" t="s">
        <v>1</v>
      </c>
      <c r="C23708" s="14" t="s">
        <v>157</v>
      </c>
      <c r="D23708" s="14" t="s">
        <v>94</v>
      </c>
      <c r="E23708" s="15">
        <v>45724</v>
      </c>
      <c r="F23708" s="14" t="s">
        <v>15</v>
      </c>
      <c r="G23708" s="16">
        <v>1.9092656614659935</v>
      </c>
    </row>
    <row r="23709" spans="1:7" x14ac:dyDescent="0.3">
      <c r="A23709" s="13" t="s">
        <v>156</v>
      </c>
      <c r="B23709" s="14" t="s">
        <v>1</v>
      </c>
      <c r="C23709" s="14" t="s">
        <v>157</v>
      </c>
      <c r="D23709" s="14" t="s">
        <v>94</v>
      </c>
      <c r="E23709" s="15">
        <v>45725</v>
      </c>
      <c r="F23709" s="14" t="s">
        <v>15</v>
      </c>
      <c r="G23709" s="16">
        <v>1.9092656614659935</v>
      </c>
    </row>
    <row r="23710" spans="1:7" x14ac:dyDescent="0.3">
      <c r="A23710" s="13" t="s">
        <v>156</v>
      </c>
      <c r="B23710" s="14" t="s">
        <v>1</v>
      </c>
      <c r="C23710" s="14" t="s">
        <v>157</v>
      </c>
      <c r="D23710" s="14" t="s">
        <v>94</v>
      </c>
      <c r="E23710" s="15">
        <v>45726</v>
      </c>
      <c r="F23710" s="14" t="s">
        <v>15</v>
      </c>
      <c r="G23710" s="16">
        <v>1.9097126177627919</v>
      </c>
    </row>
    <row r="23711" spans="1:7" x14ac:dyDescent="0.3">
      <c r="A23711" s="13" t="s">
        <v>156</v>
      </c>
      <c r="B23711" s="14" t="s">
        <v>1</v>
      </c>
      <c r="C23711" s="14" t="s">
        <v>157</v>
      </c>
      <c r="D23711" s="14" t="s">
        <v>94</v>
      </c>
      <c r="E23711" s="15">
        <v>45727</v>
      </c>
      <c r="F23711" s="14" t="s">
        <v>15</v>
      </c>
      <c r="G23711" s="16">
        <v>1.901691588704574</v>
      </c>
    </row>
    <row r="23712" spans="1:7" x14ac:dyDescent="0.3">
      <c r="A23712" s="13" t="s">
        <v>156</v>
      </c>
      <c r="B23712" s="14" t="s">
        <v>1</v>
      </c>
      <c r="C23712" s="14" t="s">
        <v>157</v>
      </c>
      <c r="D23712" s="14" t="s">
        <v>94</v>
      </c>
      <c r="E23712" s="15">
        <v>45728</v>
      </c>
      <c r="F23712" s="14" t="s">
        <v>15</v>
      </c>
      <c r="G23712" s="16">
        <v>1.8990318680825578</v>
      </c>
    </row>
    <row r="23713" spans="1:7" x14ac:dyDescent="0.3">
      <c r="A23713" s="13" t="s">
        <v>156</v>
      </c>
      <c r="B23713" s="14" t="s">
        <v>1</v>
      </c>
      <c r="C23713" s="14" t="s">
        <v>157</v>
      </c>
      <c r="D23713" s="14" t="s">
        <v>94</v>
      </c>
      <c r="E23713" s="15">
        <v>45729</v>
      </c>
      <c r="F23713" s="14" t="s">
        <v>15</v>
      </c>
      <c r="G23713" s="16">
        <v>1.8963953401287643</v>
      </c>
    </row>
    <row r="23714" spans="1:7" x14ac:dyDescent="0.3">
      <c r="A23714" s="13" t="s">
        <v>156</v>
      </c>
      <c r="B23714" s="14" t="s">
        <v>1</v>
      </c>
      <c r="C23714" s="14" t="s">
        <v>157</v>
      </c>
      <c r="D23714" s="14" t="s">
        <v>94</v>
      </c>
      <c r="E23714" s="15">
        <v>45730</v>
      </c>
      <c r="F23714" s="14" t="s">
        <v>15</v>
      </c>
      <c r="G23714" s="16">
        <v>1.9516760375306779</v>
      </c>
    </row>
    <row r="23715" spans="1:7" x14ac:dyDescent="0.3">
      <c r="A23715" s="13" t="s">
        <v>156</v>
      </c>
      <c r="B23715" s="14" t="s">
        <v>1</v>
      </c>
      <c r="C23715" s="14" t="s">
        <v>157</v>
      </c>
      <c r="D23715" s="14" t="s">
        <v>94</v>
      </c>
      <c r="E23715" s="15">
        <v>45731</v>
      </c>
      <c r="F23715" s="14" t="s">
        <v>15</v>
      </c>
      <c r="G23715" s="16">
        <v>1.9516760375306779</v>
      </c>
    </row>
    <row r="23716" spans="1:7" x14ac:dyDescent="0.3">
      <c r="A23716" s="13" t="s">
        <v>156</v>
      </c>
      <c r="B23716" s="14" t="s">
        <v>1</v>
      </c>
      <c r="C23716" s="14" t="s">
        <v>157</v>
      </c>
      <c r="D23716" s="14" t="s">
        <v>94</v>
      </c>
      <c r="E23716" s="15">
        <v>45732</v>
      </c>
      <c r="F23716" s="14" t="s">
        <v>15</v>
      </c>
      <c r="G23716" s="16">
        <v>1.9516760375306779</v>
      </c>
    </row>
    <row r="23717" spans="1:7" x14ac:dyDescent="0.3">
      <c r="A23717" s="13" t="s">
        <v>156</v>
      </c>
      <c r="B23717" s="14" t="s">
        <v>1</v>
      </c>
      <c r="C23717" s="14" t="s">
        <v>157</v>
      </c>
      <c r="D23717" s="14" t="s">
        <v>94</v>
      </c>
      <c r="E23717" s="15">
        <v>45733</v>
      </c>
      <c r="F23717" s="14" t="s">
        <v>15</v>
      </c>
      <c r="G23717" s="16">
        <v>1.9516760375306779</v>
      </c>
    </row>
    <row r="23718" spans="1:7" x14ac:dyDescent="0.3">
      <c r="A23718" s="13" t="s">
        <v>156</v>
      </c>
      <c r="B23718" s="14" t="s">
        <v>1</v>
      </c>
      <c r="C23718" s="14" t="s">
        <v>157</v>
      </c>
      <c r="D23718" s="14" t="s">
        <v>94</v>
      </c>
      <c r="E23718" s="15">
        <v>45734</v>
      </c>
      <c r="F23718" s="14" t="s">
        <v>15</v>
      </c>
      <c r="G23718" s="16">
        <v>1.9494417692978618</v>
      </c>
    </row>
    <row r="23719" spans="1:7" x14ac:dyDescent="0.3">
      <c r="A23719" s="13" t="s">
        <v>156</v>
      </c>
      <c r="B23719" s="14" t="s">
        <v>1</v>
      </c>
      <c r="C23719" s="14" t="s">
        <v>157</v>
      </c>
      <c r="D23719" s="14" t="s">
        <v>94</v>
      </c>
      <c r="E23719" s="15">
        <v>45735</v>
      </c>
      <c r="F23719" s="14" t="s">
        <v>15</v>
      </c>
      <c r="G23719" s="16">
        <v>2.0899328108186355</v>
      </c>
    </row>
    <row r="23720" spans="1:7" x14ac:dyDescent="0.3">
      <c r="A23720" s="13" t="s">
        <v>156</v>
      </c>
      <c r="B23720" s="14" t="s">
        <v>1</v>
      </c>
      <c r="C23720" s="14" t="s">
        <v>157</v>
      </c>
      <c r="D23720" s="14" t="s">
        <v>94</v>
      </c>
      <c r="E23720" s="15">
        <v>45736</v>
      </c>
      <c r="F23720" s="14" t="s">
        <v>15</v>
      </c>
      <c r="G23720" s="16">
        <v>2.0872501485218358</v>
      </c>
    </row>
    <row r="23721" spans="1:7" x14ac:dyDescent="0.3">
      <c r="A23721" s="13" t="s">
        <v>156</v>
      </c>
      <c r="B23721" s="14" t="s">
        <v>1</v>
      </c>
      <c r="C23721" s="14" t="s">
        <v>157</v>
      </c>
      <c r="D23721" s="14" t="s">
        <v>94</v>
      </c>
      <c r="E23721" s="15">
        <v>45737</v>
      </c>
      <c r="F23721" s="14" t="s">
        <v>15</v>
      </c>
      <c r="G23721" s="16">
        <v>2.0845722930298241</v>
      </c>
    </row>
    <row r="23722" spans="1:7" x14ac:dyDescent="0.3">
      <c r="A23722" s="13" t="s">
        <v>156</v>
      </c>
      <c r="B23722" s="14" t="s">
        <v>1</v>
      </c>
      <c r="C23722" s="14" t="s">
        <v>157</v>
      </c>
      <c r="D23722" s="14" t="s">
        <v>94</v>
      </c>
      <c r="E23722" s="15">
        <v>45738</v>
      </c>
      <c r="F23722" s="14" t="s">
        <v>15</v>
      </c>
      <c r="G23722" s="16">
        <v>2.0845722930298241</v>
      </c>
    </row>
    <row r="23723" spans="1:7" x14ac:dyDescent="0.3">
      <c r="A23723" s="13" t="s">
        <v>156</v>
      </c>
      <c r="B23723" s="14" t="s">
        <v>1</v>
      </c>
      <c r="C23723" s="14" t="s">
        <v>157</v>
      </c>
      <c r="D23723" s="14" t="s">
        <v>94</v>
      </c>
      <c r="E23723" s="15">
        <v>45739</v>
      </c>
      <c r="F23723" s="14" t="s">
        <v>15</v>
      </c>
      <c r="G23723" s="16">
        <v>2.0845722930298241</v>
      </c>
    </row>
    <row r="23724" spans="1:7" x14ac:dyDescent="0.3">
      <c r="A23724" s="13" t="s">
        <v>156</v>
      </c>
      <c r="B23724" s="14" t="s">
        <v>1</v>
      </c>
      <c r="C23724" s="14" t="s">
        <v>157</v>
      </c>
      <c r="D23724" s="14" t="s">
        <v>94</v>
      </c>
      <c r="E23724" s="15">
        <v>45740</v>
      </c>
      <c r="F23724" s="14" t="s">
        <v>15</v>
      </c>
      <c r="G23724" s="16">
        <v>2.0818997841275615</v>
      </c>
    </row>
    <row r="23725" spans="1:7" x14ac:dyDescent="0.3">
      <c r="A23725" s="13" t="s">
        <v>156</v>
      </c>
      <c r="B23725" s="14" t="s">
        <v>1</v>
      </c>
      <c r="C23725" s="14" t="s">
        <v>157</v>
      </c>
      <c r="D23725" s="14" t="s">
        <v>94</v>
      </c>
      <c r="E23725" s="15">
        <v>45741</v>
      </c>
      <c r="F23725" s="14" t="s">
        <v>15</v>
      </c>
      <c r="G23725" s="16">
        <v>2.0739505730418792</v>
      </c>
    </row>
    <row r="23726" spans="1:7" x14ac:dyDescent="0.3">
      <c r="A23726" s="13" t="s">
        <v>156</v>
      </c>
      <c r="B23726" s="14" t="s">
        <v>1</v>
      </c>
      <c r="C23726" s="14" t="s">
        <v>157</v>
      </c>
      <c r="D23726" s="14" t="s">
        <v>94</v>
      </c>
      <c r="E23726" s="15">
        <v>45742</v>
      </c>
      <c r="F23726" s="14" t="s">
        <v>15</v>
      </c>
      <c r="G23726" s="16">
        <v>2.1704109032305019</v>
      </c>
    </row>
    <row r="23727" spans="1:7" x14ac:dyDescent="0.3">
      <c r="A23727" s="13" t="s">
        <v>156</v>
      </c>
      <c r="B23727" s="14" t="s">
        <v>1</v>
      </c>
      <c r="C23727" s="14" t="s">
        <v>157</v>
      </c>
      <c r="D23727" s="14" t="s">
        <v>94</v>
      </c>
      <c r="E23727" s="15">
        <v>45743</v>
      </c>
      <c r="F23727" s="14" t="s">
        <v>15</v>
      </c>
      <c r="G23727" s="16">
        <v>2.1677540521982195</v>
      </c>
    </row>
    <row r="23728" spans="1:7" x14ac:dyDescent="0.3">
      <c r="A23728" s="13" t="s">
        <v>156</v>
      </c>
      <c r="B23728" s="14" t="s">
        <v>1</v>
      </c>
      <c r="C23728" s="14" t="s">
        <v>157</v>
      </c>
      <c r="D23728" s="14" t="s">
        <v>94</v>
      </c>
      <c r="E23728" s="15">
        <v>45744</v>
      </c>
      <c r="F23728" s="14" t="s">
        <v>15</v>
      </c>
      <c r="G23728" s="16">
        <v>2.1650826734611659</v>
      </c>
    </row>
    <row r="23729" spans="1:7" x14ac:dyDescent="0.3">
      <c r="A23729" s="13" t="s">
        <v>156</v>
      </c>
      <c r="B23729" s="14" t="s">
        <v>1</v>
      </c>
      <c r="C23729" s="14" t="s">
        <v>157</v>
      </c>
      <c r="D23729" s="14" t="s">
        <v>94</v>
      </c>
      <c r="E23729" s="15">
        <v>45745</v>
      </c>
      <c r="F23729" s="14" t="s">
        <v>15</v>
      </c>
      <c r="G23729" s="16">
        <v>2.1650826734611659</v>
      </c>
    </row>
    <row r="23730" spans="1:7" x14ac:dyDescent="0.3">
      <c r="A23730" s="13" t="s">
        <v>156</v>
      </c>
      <c r="B23730" s="14" t="s">
        <v>1</v>
      </c>
      <c r="C23730" s="14" t="s">
        <v>157</v>
      </c>
      <c r="D23730" s="14" t="s">
        <v>94</v>
      </c>
      <c r="E23730" s="15">
        <v>45746</v>
      </c>
      <c r="F23730" s="14" t="s">
        <v>15</v>
      </c>
      <c r="G23730" s="16">
        <v>2.1650826734611659</v>
      </c>
    </row>
    <row r="23731" spans="1:7" x14ac:dyDescent="0.3">
      <c r="A23731" s="13" t="s">
        <v>156</v>
      </c>
      <c r="B23731" s="14" t="s">
        <v>1</v>
      </c>
      <c r="C23731" s="14" t="s">
        <v>157</v>
      </c>
      <c r="D23731" s="14" t="s">
        <v>94</v>
      </c>
      <c r="E23731" s="15">
        <v>45747</v>
      </c>
      <c r="F23731" s="14" t="s">
        <v>15</v>
      </c>
      <c r="G23731" s="16">
        <v>2.1650826734611659</v>
      </c>
    </row>
    <row r="23732" spans="1:7" x14ac:dyDescent="0.3">
      <c r="A23732" s="13" t="s">
        <v>158</v>
      </c>
      <c r="B23732" s="14" t="s">
        <v>1</v>
      </c>
      <c r="C23732" s="14" t="s">
        <v>96</v>
      </c>
      <c r="D23732" s="14" t="s">
        <v>159</v>
      </c>
      <c r="E23732" s="15">
        <v>45383</v>
      </c>
      <c r="F23732" s="14" t="s">
        <v>61</v>
      </c>
      <c r="G23732" s="16">
        <v>0</v>
      </c>
    </row>
    <row r="23733" spans="1:7" x14ac:dyDescent="0.3">
      <c r="A23733" s="13" t="s">
        <v>158</v>
      </c>
      <c r="B23733" s="14" t="s">
        <v>1</v>
      </c>
      <c r="C23733" s="14" t="s">
        <v>96</v>
      </c>
      <c r="D23733" s="14" t="s">
        <v>159</v>
      </c>
      <c r="E23733" s="15">
        <v>45384</v>
      </c>
      <c r="F23733" s="14" t="s">
        <v>61</v>
      </c>
      <c r="G23733" s="16">
        <v>0</v>
      </c>
    </row>
    <row r="23734" spans="1:7" x14ac:dyDescent="0.3">
      <c r="A23734" s="13" t="s">
        <v>158</v>
      </c>
      <c r="B23734" s="14" t="s">
        <v>1</v>
      </c>
      <c r="C23734" s="14" t="s">
        <v>96</v>
      </c>
      <c r="D23734" s="14" t="s">
        <v>159</v>
      </c>
      <c r="E23734" s="15">
        <v>45385</v>
      </c>
      <c r="F23734" s="14" t="s">
        <v>61</v>
      </c>
      <c r="G23734" s="16">
        <v>0</v>
      </c>
    </row>
    <row r="23735" spans="1:7" x14ac:dyDescent="0.3">
      <c r="A23735" s="13" t="s">
        <v>158</v>
      </c>
      <c r="B23735" s="14" t="s">
        <v>1</v>
      </c>
      <c r="C23735" s="14" t="s">
        <v>96</v>
      </c>
      <c r="D23735" s="14" t="s">
        <v>159</v>
      </c>
      <c r="E23735" s="15">
        <v>45386</v>
      </c>
      <c r="F23735" s="14" t="s">
        <v>61</v>
      </c>
      <c r="G23735" s="16">
        <v>0</v>
      </c>
    </row>
    <row r="23736" spans="1:7" x14ac:dyDescent="0.3">
      <c r="A23736" s="13" t="s">
        <v>158</v>
      </c>
      <c r="B23736" s="14" t="s">
        <v>1</v>
      </c>
      <c r="C23736" s="14" t="s">
        <v>96</v>
      </c>
      <c r="D23736" s="14" t="s">
        <v>159</v>
      </c>
      <c r="E23736" s="15">
        <v>45387</v>
      </c>
      <c r="F23736" s="14" t="s">
        <v>61</v>
      </c>
      <c r="G23736" s="16">
        <v>0</v>
      </c>
    </row>
    <row r="23737" spans="1:7" x14ac:dyDescent="0.3">
      <c r="A23737" s="13" t="s">
        <v>158</v>
      </c>
      <c r="B23737" s="14" t="s">
        <v>1</v>
      </c>
      <c r="C23737" s="14" t="s">
        <v>96</v>
      </c>
      <c r="D23737" s="14" t="s">
        <v>159</v>
      </c>
      <c r="E23737" s="15">
        <v>45388</v>
      </c>
      <c r="F23737" s="14" t="s">
        <v>61</v>
      </c>
      <c r="G23737" s="16">
        <v>0</v>
      </c>
    </row>
    <row r="23738" spans="1:7" x14ac:dyDescent="0.3">
      <c r="A23738" s="13" t="s">
        <v>158</v>
      </c>
      <c r="B23738" s="14" t="s">
        <v>1</v>
      </c>
      <c r="C23738" s="14" t="s">
        <v>96</v>
      </c>
      <c r="D23738" s="14" t="s">
        <v>159</v>
      </c>
      <c r="E23738" s="15">
        <v>45389</v>
      </c>
      <c r="F23738" s="14" t="s">
        <v>61</v>
      </c>
      <c r="G23738" s="16">
        <v>0</v>
      </c>
    </row>
    <row r="23739" spans="1:7" x14ac:dyDescent="0.3">
      <c r="A23739" s="13" t="s">
        <v>158</v>
      </c>
      <c r="B23739" s="14" t="s">
        <v>1</v>
      </c>
      <c r="C23739" s="14" t="s">
        <v>96</v>
      </c>
      <c r="D23739" s="14" t="s">
        <v>159</v>
      </c>
      <c r="E23739" s="15">
        <v>45390</v>
      </c>
      <c r="F23739" s="14" t="s">
        <v>61</v>
      </c>
      <c r="G23739" s="16">
        <v>0</v>
      </c>
    </row>
    <row r="23740" spans="1:7" x14ac:dyDescent="0.3">
      <c r="A23740" s="13" t="s">
        <v>158</v>
      </c>
      <c r="B23740" s="14" t="s">
        <v>1</v>
      </c>
      <c r="C23740" s="14" t="s">
        <v>96</v>
      </c>
      <c r="D23740" s="14" t="s">
        <v>159</v>
      </c>
      <c r="E23740" s="15">
        <v>45391</v>
      </c>
      <c r="F23740" s="14" t="s">
        <v>61</v>
      </c>
      <c r="G23740" s="16">
        <v>0</v>
      </c>
    </row>
    <row r="23741" spans="1:7" x14ac:dyDescent="0.3">
      <c r="A23741" s="13" t="s">
        <v>158</v>
      </c>
      <c r="B23741" s="14" t="s">
        <v>1</v>
      </c>
      <c r="C23741" s="14" t="s">
        <v>96</v>
      </c>
      <c r="D23741" s="14" t="s">
        <v>159</v>
      </c>
      <c r="E23741" s="15">
        <v>45392</v>
      </c>
      <c r="F23741" s="14" t="s">
        <v>61</v>
      </c>
      <c r="G23741" s="16">
        <v>0</v>
      </c>
    </row>
    <row r="23742" spans="1:7" x14ac:dyDescent="0.3">
      <c r="A23742" s="13" t="s">
        <v>158</v>
      </c>
      <c r="B23742" s="14" t="s">
        <v>1</v>
      </c>
      <c r="C23742" s="14" t="s">
        <v>96</v>
      </c>
      <c r="D23742" s="14" t="s">
        <v>159</v>
      </c>
      <c r="E23742" s="15">
        <v>45393</v>
      </c>
      <c r="F23742" s="14" t="s">
        <v>61</v>
      </c>
      <c r="G23742" s="16">
        <v>0</v>
      </c>
    </row>
    <row r="23743" spans="1:7" x14ac:dyDescent="0.3">
      <c r="A23743" s="13" t="s">
        <v>158</v>
      </c>
      <c r="B23743" s="14" t="s">
        <v>1</v>
      </c>
      <c r="C23743" s="14" t="s">
        <v>96</v>
      </c>
      <c r="D23743" s="14" t="s">
        <v>159</v>
      </c>
      <c r="E23743" s="15">
        <v>45394</v>
      </c>
      <c r="F23743" s="14" t="s">
        <v>61</v>
      </c>
      <c r="G23743" s="16">
        <v>0</v>
      </c>
    </row>
    <row r="23744" spans="1:7" x14ac:dyDescent="0.3">
      <c r="A23744" s="13" t="s">
        <v>158</v>
      </c>
      <c r="B23744" s="14" t="s">
        <v>1</v>
      </c>
      <c r="C23744" s="14" t="s">
        <v>96</v>
      </c>
      <c r="D23744" s="14" t="s">
        <v>159</v>
      </c>
      <c r="E23744" s="15">
        <v>45395</v>
      </c>
      <c r="F23744" s="14" t="s">
        <v>61</v>
      </c>
      <c r="G23744" s="16">
        <v>0</v>
      </c>
    </row>
    <row r="23745" spans="1:7" x14ac:dyDescent="0.3">
      <c r="A23745" s="13" t="s">
        <v>158</v>
      </c>
      <c r="B23745" s="14" t="s">
        <v>1</v>
      </c>
      <c r="C23745" s="14" t="s">
        <v>96</v>
      </c>
      <c r="D23745" s="14" t="s">
        <v>159</v>
      </c>
      <c r="E23745" s="15">
        <v>45396</v>
      </c>
      <c r="F23745" s="14" t="s">
        <v>61</v>
      </c>
      <c r="G23745" s="16">
        <v>0</v>
      </c>
    </row>
    <row r="23746" spans="1:7" x14ac:dyDescent="0.3">
      <c r="A23746" s="13" t="s">
        <v>158</v>
      </c>
      <c r="B23746" s="14" t="s">
        <v>1</v>
      </c>
      <c r="C23746" s="14" t="s">
        <v>96</v>
      </c>
      <c r="D23746" s="14" t="s">
        <v>159</v>
      </c>
      <c r="E23746" s="15">
        <v>45397</v>
      </c>
      <c r="F23746" s="14" t="s">
        <v>61</v>
      </c>
      <c r="G23746" s="16">
        <v>0</v>
      </c>
    </row>
    <row r="23747" spans="1:7" x14ac:dyDescent="0.3">
      <c r="A23747" s="13" t="s">
        <v>158</v>
      </c>
      <c r="B23747" s="14" t="s">
        <v>1</v>
      </c>
      <c r="C23747" s="14" t="s">
        <v>96</v>
      </c>
      <c r="D23747" s="14" t="s">
        <v>159</v>
      </c>
      <c r="E23747" s="15">
        <v>45398</v>
      </c>
      <c r="F23747" s="14" t="s">
        <v>61</v>
      </c>
      <c r="G23747" s="16">
        <v>0</v>
      </c>
    </row>
    <row r="23748" spans="1:7" x14ac:dyDescent="0.3">
      <c r="A23748" s="13" t="s">
        <v>158</v>
      </c>
      <c r="B23748" s="14" t="s">
        <v>1</v>
      </c>
      <c r="C23748" s="14" t="s">
        <v>96</v>
      </c>
      <c r="D23748" s="14" t="s">
        <v>159</v>
      </c>
      <c r="E23748" s="15">
        <v>45399</v>
      </c>
      <c r="F23748" s="14" t="s">
        <v>61</v>
      </c>
      <c r="G23748" s="16">
        <v>0</v>
      </c>
    </row>
    <row r="23749" spans="1:7" x14ac:dyDescent="0.3">
      <c r="A23749" s="13" t="s">
        <v>158</v>
      </c>
      <c r="B23749" s="14" t="s">
        <v>1</v>
      </c>
      <c r="C23749" s="14" t="s">
        <v>96</v>
      </c>
      <c r="D23749" s="14" t="s">
        <v>159</v>
      </c>
      <c r="E23749" s="15">
        <v>45400</v>
      </c>
      <c r="F23749" s="14" t="s">
        <v>61</v>
      </c>
      <c r="G23749" s="16">
        <v>0</v>
      </c>
    </row>
    <row r="23750" spans="1:7" x14ac:dyDescent="0.3">
      <c r="A23750" s="13" t="s">
        <v>158</v>
      </c>
      <c r="B23750" s="14" t="s">
        <v>1</v>
      </c>
      <c r="C23750" s="14" t="s">
        <v>96</v>
      </c>
      <c r="D23750" s="14" t="s">
        <v>159</v>
      </c>
      <c r="E23750" s="15">
        <v>45401</v>
      </c>
      <c r="F23750" s="14" t="s">
        <v>61</v>
      </c>
      <c r="G23750" s="16">
        <v>0</v>
      </c>
    </row>
    <row r="23751" spans="1:7" x14ac:dyDescent="0.3">
      <c r="A23751" s="13" t="s">
        <v>158</v>
      </c>
      <c r="B23751" s="14" t="s">
        <v>1</v>
      </c>
      <c r="C23751" s="14" t="s">
        <v>96</v>
      </c>
      <c r="D23751" s="14" t="s">
        <v>159</v>
      </c>
      <c r="E23751" s="15">
        <v>45402</v>
      </c>
      <c r="F23751" s="14" t="s">
        <v>61</v>
      </c>
      <c r="G23751" s="16">
        <v>0</v>
      </c>
    </row>
    <row r="23752" spans="1:7" x14ac:dyDescent="0.3">
      <c r="A23752" s="13" t="s">
        <v>158</v>
      </c>
      <c r="B23752" s="14" t="s">
        <v>1</v>
      </c>
      <c r="C23752" s="14" t="s">
        <v>96</v>
      </c>
      <c r="D23752" s="14" t="s">
        <v>159</v>
      </c>
      <c r="E23752" s="15">
        <v>45403</v>
      </c>
      <c r="F23752" s="14" t="s">
        <v>61</v>
      </c>
      <c r="G23752" s="16">
        <v>0</v>
      </c>
    </row>
    <row r="23753" spans="1:7" x14ac:dyDescent="0.3">
      <c r="A23753" s="13" t="s">
        <v>158</v>
      </c>
      <c r="B23753" s="14" t="s">
        <v>1</v>
      </c>
      <c r="C23753" s="14" t="s">
        <v>96</v>
      </c>
      <c r="D23753" s="14" t="s">
        <v>159</v>
      </c>
      <c r="E23753" s="15">
        <v>45404</v>
      </c>
      <c r="F23753" s="14" t="s">
        <v>61</v>
      </c>
      <c r="G23753" s="16">
        <v>0</v>
      </c>
    </row>
    <row r="23754" spans="1:7" x14ac:dyDescent="0.3">
      <c r="A23754" s="13" t="s">
        <v>158</v>
      </c>
      <c r="B23754" s="14" t="s">
        <v>1</v>
      </c>
      <c r="C23754" s="14" t="s">
        <v>96</v>
      </c>
      <c r="D23754" s="14" t="s">
        <v>159</v>
      </c>
      <c r="E23754" s="15">
        <v>45405</v>
      </c>
      <c r="F23754" s="14" t="s">
        <v>61</v>
      </c>
      <c r="G23754" s="16">
        <v>0</v>
      </c>
    </row>
    <row r="23755" spans="1:7" x14ac:dyDescent="0.3">
      <c r="A23755" s="13" t="s">
        <v>158</v>
      </c>
      <c r="B23755" s="14" t="s">
        <v>1</v>
      </c>
      <c r="C23755" s="14" t="s">
        <v>96</v>
      </c>
      <c r="D23755" s="14" t="s">
        <v>159</v>
      </c>
      <c r="E23755" s="15">
        <v>45406</v>
      </c>
      <c r="F23755" s="14" t="s">
        <v>61</v>
      </c>
      <c r="G23755" s="16">
        <v>0</v>
      </c>
    </row>
    <row r="23756" spans="1:7" x14ac:dyDescent="0.3">
      <c r="A23756" s="13" t="s">
        <v>158</v>
      </c>
      <c r="B23756" s="14" t="s">
        <v>1</v>
      </c>
      <c r="C23756" s="14" t="s">
        <v>96</v>
      </c>
      <c r="D23756" s="14" t="s">
        <v>159</v>
      </c>
      <c r="E23756" s="15">
        <v>45407</v>
      </c>
      <c r="F23756" s="14" t="s">
        <v>61</v>
      </c>
      <c r="G23756" s="16">
        <v>0</v>
      </c>
    </row>
    <row r="23757" spans="1:7" x14ac:dyDescent="0.3">
      <c r="A23757" s="13" t="s">
        <v>158</v>
      </c>
      <c r="B23757" s="14" t="s">
        <v>1</v>
      </c>
      <c r="C23757" s="14" t="s">
        <v>96</v>
      </c>
      <c r="D23757" s="14" t="s">
        <v>159</v>
      </c>
      <c r="E23757" s="15">
        <v>45408</v>
      </c>
      <c r="F23757" s="14" t="s">
        <v>61</v>
      </c>
      <c r="G23757" s="16">
        <v>0</v>
      </c>
    </row>
    <row r="23758" spans="1:7" x14ac:dyDescent="0.3">
      <c r="A23758" s="13" t="s">
        <v>158</v>
      </c>
      <c r="B23758" s="14" t="s">
        <v>1</v>
      </c>
      <c r="C23758" s="14" t="s">
        <v>96</v>
      </c>
      <c r="D23758" s="14" t="s">
        <v>159</v>
      </c>
      <c r="E23758" s="15">
        <v>45409</v>
      </c>
      <c r="F23758" s="14" t="s">
        <v>61</v>
      </c>
      <c r="G23758" s="16">
        <v>0</v>
      </c>
    </row>
    <row r="23759" spans="1:7" x14ac:dyDescent="0.3">
      <c r="A23759" s="13" t="s">
        <v>158</v>
      </c>
      <c r="B23759" s="14" t="s">
        <v>1</v>
      </c>
      <c r="C23759" s="14" t="s">
        <v>96</v>
      </c>
      <c r="D23759" s="14" t="s">
        <v>159</v>
      </c>
      <c r="E23759" s="15">
        <v>45410</v>
      </c>
      <c r="F23759" s="14" t="s">
        <v>61</v>
      </c>
      <c r="G23759" s="16">
        <v>0</v>
      </c>
    </row>
    <row r="23760" spans="1:7" x14ac:dyDescent="0.3">
      <c r="A23760" s="13" t="s">
        <v>158</v>
      </c>
      <c r="B23760" s="14" t="s">
        <v>1</v>
      </c>
      <c r="C23760" s="14" t="s">
        <v>96</v>
      </c>
      <c r="D23760" s="14" t="s">
        <v>159</v>
      </c>
      <c r="E23760" s="15">
        <v>45411</v>
      </c>
      <c r="F23760" s="14" t="s">
        <v>61</v>
      </c>
      <c r="G23760" s="16">
        <v>0</v>
      </c>
    </row>
    <row r="23761" spans="1:7" x14ac:dyDescent="0.3">
      <c r="A23761" s="13" t="s">
        <v>158</v>
      </c>
      <c r="B23761" s="14" t="s">
        <v>1</v>
      </c>
      <c r="C23761" s="14" t="s">
        <v>96</v>
      </c>
      <c r="D23761" s="14" t="s">
        <v>159</v>
      </c>
      <c r="E23761" s="15">
        <v>45412</v>
      </c>
      <c r="F23761" s="14" t="s">
        <v>61</v>
      </c>
      <c r="G23761" s="16">
        <v>0</v>
      </c>
    </row>
    <row r="23762" spans="1:7" x14ac:dyDescent="0.3">
      <c r="A23762" s="13" t="s">
        <v>158</v>
      </c>
      <c r="B23762" s="14" t="s">
        <v>1</v>
      </c>
      <c r="C23762" s="14" t="s">
        <v>96</v>
      </c>
      <c r="D23762" s="14" t="s">
        <v>159</v>
      </c>
      <c r="E23762" s="15">
        <v>45413</v>
      </c>
      <c r="F23762" s="14" t="s">
        <v>61</v>
      </c>
      <c r="G23762" s="16">
        <v>0</v>
      </c>
    </row>
    <row r="23763" spans="1:7" x14ac:dyDescent="0.3">
      <c r="A23763" s="13" t="s">
        <v>158</v>
      </c>
      <c r="B23763" s="14" t="s">
        <v>1</v>
      </c>
      <c r="C23763" s="14" t="s">
        <v>96</v>
      </c>
      <c r="D23763" s="14" t="s">
        <v>159</v>
      </c>
      <c r="E23763" s="15">
        <v>45414</v>
      </c>
      <c r="F23763" s="14" t="s">
        <v>61</v>
      </c>
      <c r="G23763" s="16">
        <v>0</v>
      </c>
    </row>
    <row r="23764" spans="1:7" x14ac:dyDescent="0.3">
      <c r="A23764" s="13" t="s">
        <v>158</v>
      </c>
      <c r="B23764" s="14" t="s">
        <v>1</v>
      </c>
      <c r="C23764" s="14" t="s">
        <v>96</v>
      </c>
      <c r="D23764" s="14" t="s">
        <v>159</v>
      </c>
      <c r="E23764" s="15">
        <v>45415</v>
      </c>
      <c r="F23764" s="14" t="s">
        <v>61</v>
      </c>
      <c r="G23764" s="16">
        <v>0</v>
      </c>
    </row>
    <row r="23765" spans="1:7" x14ac:dyDescent="0.3">
      <c r="A23765" s="13" t="s">
        <v>158</v>
      </c>
      <c r="B23765" s="14" t="s">
        <v>1</v>
      </c>
      <c r="C23765" s="14" t="s">
        <v>96</v>
      </c>
      <c r="D23765" s="14" t="s">
        <v>159</v>
      </c>
      <c r="E23765" s="15">
        <v>45416</v>
      </c>
      <c r="F23765" s="14" t="s">
        <v>61</v>
      </c>
      <c r="G23765" s="16">
        <v>0</v>
      </c>
    </row>
    <row r="23766" spans="1:7" x14ac:dyDescent="0.3">
      <c r="A23766" s="13" t="s">
        <v>158</v>
      </c>
      <c r="B23766" s="14" t="s">
        <v>1</v>
      </c>
      <c r="C23766" s="14" t="s">
        <v>96</v>
      </c>
      <c r="D23766" s="14" t="s">
        <v>159</v>
      </c>
      <c r="E23766" s="15">
        <v>45417</v>
      </c>
      <c r="F23766" s="14" t="s">
        <v>61</v>
      </c>
      <c r="G23766" s="16">
        <v>0</v>
      </c>
    </row>
    <row r="23767" spans="1:7" x14ac:dyDescent="0.3">
      <c r="A23767" s="13" t="s">
        <v>158</v>
      </c>
      <c r="B23767" s="14" t="s">
        <v>1</v>
      </c>
      <c r="C23767" s="14" t="s">
        <v>96</v>
      </c>
      <c r="D23767" s="14" t="s">
        <v>159</v>
      </c>
      <c r="E23767" s="15">
        <v>45418</v>
      </c>
      <c r="F23767" s="14" t="s">
        <v>61</v>
      </c>
      <c r="G23767" s="16">
        <v>0</v>
      </c>
    </row>
    <row r="23768" spans="1:7" x14ac:dyDescent="0.3">
      <c r="A23768" s="13" t="s">
        <v>158</v>
      </c>
      <c r="B23768" s="14" t="s">
        <v>1</v>
      </c>
      <c r="C23768" s="14" t="s">
        <v>96</v>
      </c>
      <c r="D23768" s="14" t="s">
        <v>159</v>
      </c>
      <c r="E23768" s="15">
        <v>45419</v>
      </c>
      <c r="F23768" s="14" t="s">
        <v>61</v>
      </c>
      <c r="G23768" s="16">
        <v>0</v>
      </c>
    </row>
    <row r="23769" spans="1:7" x14ac:dyDescent="0.3">
      <c r="A23769" s="13" t="s">
        <v>158</v>
      </c>
      <c r="B23769" s="14" t="s">
        <v>1</v>
      </c>
      <c r="C23769" s="14" t="s">
        <v>96</v>
      </c>
      <c r="D23769" s="14" t="s">
        <v>159</v>
      </c>
      <c r="E23769" s="15">
        <v>45420</v>
      </c>
      <c r="F23769" s="14" t="s">
        <v>61</v>
      </c>
      <c r="G23769" s="16">
        <v>0</v>
      </c>
    </row>
    <row r="23770" spans="1:7" x14ac:dyDescent="0.3">
      <c r="A23770" s="13" t="s">
        <v>158</v>
      </c>
      <c r="B23770" s="14" t="s">
        <v>1</v>
      </c>
      <c r="C23770" s="14" t="s">
        <v>96</v>
      </c>
      <c r="D23770" s="14" t="s">
        <v>159</v>
      </c>
      <c r="E23770" s="15">
        <v>45421</v>
      </c>
      <c r="F23770" s="14" t="s">
        <v>61</v>
      </c>
      <c r="G23770" s="16">
        <v>0</v>
      </c>
    </row>
    <row r="23771" spans="1:7" x14ac:dyDescent="0.3">
      <c r="A23771" s="13" t="s">
        <v>158</v>
      </c>
      <c r="B23771" s="14" t="s">
        <v>1</v>
      </c>
      <c r="C23771" s="14" t="s">
        <v>96</v>
      </c>
      <c r="D23771" s="14" t="s">
        <v>159</v>
      </c>
      <c r="E23771" s="15">
        <v>45422</v>
      </c>
      <c r="F23771" s="14" t="s">
        <v>61</v>
      </c>
      <c r="G23771" s="16">
        <v>0</v>
      </c>
    </row>
    <row r="23772" spans="1:7" x14ac:dyDescent="0.3">
      <c r="A23772" s="13" t="s">
        <v>158</v>
      </c>
      <c r="B23772" s="14" t="s">
        <v>1</v>
      </c>
      <c r="C23772" s="14" t="s">
        <v>96</v>
      </c>
      <c r="D23772" s="14" t="s">
        <v>159</v>
      </c>
      <c r="E23772" s="15">
        <v>45423</v>
      </c>
      <c r="F23772" s="14" t="s">
        <v>61</v>
      </c>
      <c r="G23772" s="16">
        <v>0</v>
      </c>
    </row>
    <row r="23773" spans="1:7" x14ac:dyDescent="0.3">
      <c r="A23773" s="13" t="s">
        <v>158</v>
      </c>
      <c r="B23773" s="14" t="s">
        <v>1</v>
      </c>
      <c r="C23773" s="14" t="s">
        <v>96</v>
      </c>
      <c r="D23773" s="14" t="s">
        <v>159</v>
      </c>
      <c r="E23773" s="15">
        <v>45424</v>
      </c>
      <c r="F23773" s="14" t="s">
        <v>61</v>
      </c>
      <c r="G23773" s="16">
        <v>0</v>
      </c>
    </row>
    <row r="23774" spans="1:7" x14ac:dyDescent="0.3">
      <c r="A23774" s="13" t="s">
        <v>158</v>
      </c>
      <c r="B23774" s="14" t="s">
        <v>1</v>
      </c>
      <c r="C23774" s="14" t="s">
        <v>96</v>
      </c>
      <c r="D23774" s="14" t="s">
        <v>159</v>
      </c>
      <c r="E23774" s="15">
        <v>45425</v>
      </c>
      <c r="F23774" s="14" t="s">
        <v>61</v>
      </c>
      <c r="G23774" s="16">
        <v>0</v>
      </c>
    </row>
    <row r="23775" spans="1:7" x14ac:dyDescent="0.3">
      <c r="A23775" s="13" t="s">
        <v>158</v>
      </c>
      <c r="B23775" s="14" t="s">
        <v>1</v>
      </c>
      <c r="C23775" s="14" t="s">
        <v>96</v>
      </c>
      <c r="D23775" s="14" t="s">
        <v>159</v>
      </c>
      <c r="E23775" s="15">
        <v>45426</v>
      </c>
      <c r="F23775" s="14" t="s">
        <v>61</v>
      </c>
      <c r="G23775" s="16">
        <v>0</v>
      </c>
    </row>
    <row r="23776" spans="1:7" x14ac:dyDescent="0.3">
      <c r="A23776" s="13" t="s">
        <v>158</v>
      </c>
      <c r="B23776" s="14" t="s">
        <v>1</v>
      </c>
      <c r="C23776" s="14" t="s">
        <v>96</v>
      </c>
      <c r="D23776" s="14" t="s">
        <v>159</v>
      </c>
      <c r="E23776" s="15">
        <v>45427</v>
      </c>
      <c r="F23776" s="14" t="s">
        <v>61</v>
      </c>
      <c r="G23776" s="16">
        <v>0</v>
      </c>
    </row>
    <row r="23777" spans="1:7" x14ac:dyDescent="0.3">
      <c r="A23777" s="13" t="s">
        <v>158</v>
      </c>
      <c r="B23777" s="14" t="s">
        <v>1</v>
      </c>
      <c r="C23777" s="14" t="s">
        <v>96</v>
      </c>
      <c r="D23777" s="14" t="s">
        <v>159</v>
      </c>
      <c r="E23777" s="15">
        <v>45428</v>
      </c>
      <c r="F23777" s="14" t="s">
        <v>61</v>
      </c>
      <c r="G23777" s="16">
        <v>0</v>
      </c>
    </row>
    <row r="23778" spans="1:7" x14ac:dyDescent="0.3">
      <c r="A23778" s="13" t="s">
        <v>158</v>
      </c>
      <c r="B23778" s="14" t="s">
        <v>1</v>
      </c>
      <c r="C23778" s="14" t="s">
        <v>96</v>
      </c>
      <c r="D23778" s="14" t="s">
        <v>159</v>
      </c>
      <c r="E23778" s="15">
        <v>45429</v>
      </c>
      <c r="F23778" s="14" t="s">
        <v>61</v>
      </c>
      <c r="G23778" s="16">
        <v>0</v>
      </c>
    </row>
    <row r="23779" spans="1:7" x14ac:dyDescent="0.3">
      <c r="A23779" s="13" t="s">
        <v>158</v>
      </c>
      <c r="B23779" s="14" t="s">
        <v>1</v>
      </c>
      <c r="C23779" s="14" t="s">
        <v>96</v>
      </c>
      <c r="D23779" s="14" t="s">
        <v>159</v>
      </c>
      <c r="E23779" s="15">
        <v>45430</v>
      </c>
      <c r="F23779" s="14" t="s">
        <v>61</v>
      </c>
      <c r="G23779" s="16">
        <v>0</v>
      </c>
    </row>
    <row r="23780" spans="1:7" x14ac:dyDescent="0.3">
      <c r="A23780" s="13" t="s">
        <v>158</v>
      </c>
      <c r="B23780" s="14" t="s">
        <v>1</v>
      </c>
      <c r="C23780" s="14" t="s">
        <v>96</v>
      </c>
      <c r="D23780" s="14" t="s">
        <v>159</v>
      </c>
      <c r="E23780" s="15">
        <v>45431</v>
      </c>
      <c r="F23780" s="14" t="s">
        <v>61</v>
      </c>
      <c r="G23780" s="16">
        <v>0</v>
      </c>
    </row>
    <row r="23781" spans="1:7" x14ac:dyDescent="0.3">
      <c r="A23781" s="13" t="s">
        <v>158</v>
      </c>
      <c r="B23781" s="14" t="s">
        <v>1</v>
      </c>
      <c r="C23781" s="14" t="s">
        <v>96</v>
      </c>
      <c r="D23781" s="14" t="s">
        <v>159</v>
      </c>
      <c r="E23781" s="15">
        <v>45432</v>
      </c>
      <c r="F23781" s="14" t="s">
        <v>61</v>
      </c>
      <c r="G23781" s="16">
        <v>0</v>
      </c>
    </row>
    <row r="23782" spans="1:7" x14ac:dyDescent="0.3">
      <c r="A23782" s="13" t="s">
        <v>158</v>
      </c>
      <c r="B23782" s="14" t="s">
        <v>1</v>
      </c>
      <c r="C23782" s="14" t="s">
        <v>96</v>
      </c>
      <c r="D23782" s="14" t="s">
        <v>159</v>
      </c>
      <c r="E23782" s="15">
        <v>45433</v>
      </c>
      <c r="F23782" s="14" t="s">
        <v>61</v>
      </c>
      <c r="G23782" s="16">
        <v>0</v>
      </c>
    </row>
    <row r="23783" spans="1:7" x14ac:dyDescent="0.3">
      <c r="A23783" s="13" t="s">
        <v>158</v>
      </c>
      <c r="B23783" s="14" t="s">
        <v>1</v>
      </c>
      <c r="C23783" s="14" t="s">
        <v>96</v>
      </c>
      <c r="D23783" s="14" t="s">
        <v>159</v>
      </c>
      <c r="E23783" s="15">
        <v>45434</v>
      </c>
      <c r="F23783" s="14" t="s">
        <v>61</v>
      </c>
      <c r="G23783" s="16">
        <v>0</v>
      </c>
    </row>
    <row r="23784" spans="1:7" x14ac:dyDescent="0.3">
      <c r="A23784" s="13" t="s">
        <v>158</v>
      </c>
      <c r="B23784" s="14" t="s">
        <v>1</v>
      </c>
      <c r="C23784" s="14" t="s">
        <v>96</v>
      </c>
      <c r="D23784" s="14" t="s">
        <v>159</v>
      </c>
      <c r="E23784" s="15">
        <v>45435</v>
      </c>
      <c r="F23784" s="14" t="s">
        <v>61</v>
      </c>
      <c r="G23784" s="16">
        <v>0</v>
      </c>
    </row>
    <row r="23785" spans="1:7" x14ac:dyDescent="0.3">
      <c r="A23785" s="13" t="s">
        <v>158</v>
      </c>
      <c r="B23785" s="14" t="s">
        <v>1</v>
      </c>
      <c r="C23785" s="14" t="s">
        <v>96</v>
      </c>
      <c r="D23785" s="14" t="s">
        <v>159</v>
      </c>
      <c r="E23785" s="15">
        <v>45436</v>
      </c>
      <c r="F23785" s="14" t="s">
        <v>61</v>
      </c>
      <c r="G23785" s="16">
        <v>0</v>
      </c>
    </row>
    <row r="23786" spans="1:7" x14ac:dyDescent="0.3">
      <c r="A23786" s="13" t="s">
        <v>158</v>
      </c>
      <c r="B23786" s="14" t="s">
        <v>1</v>
      </c>
      <c r="C23786" s="14" t="s">
        <v>96</v>
      </c>
      <c r="D23786" s="14" t="s">
        <v>159</v>
      </c>
      <c r="E23786" s="15">
        <v>45437</v>
      </c>
      <c r="F23786" s="14" t="s">
        <v>61</v>
      </c>
      <c r="G23786" s="16">
        <v>0</v>
      </c>
    </row>
    <row r="23787" spans="1:7" x14ac:dyDescent="0.3">
      <c r="A23787" s="13" t="s">
        <v>158</v>
      </c>
      <c r="B23787" s="14" t="s">
        <v>1</v>
      </c>
      <c r="C23787" s="14" t="s">
        <v>96</v>
      </c>
      <c r="D23787" s="14" t="s">
        <v>159</v>
      </c>
      <c r="E23787" s="15">
        <v>45438</v>
      </c>
      <c r="F23787" s="14" t="s">
        <v>61</v>
      </c>
      <c r="G23787" s="16">
        <v>0</v>
      </c>
    </row>
    <row r="23788" spans="1:7" x14ac:dyDescent="0.3">
      <c r="A23788" s="13" t="s">
        <v>158</v>
      </c>
      <c r="B23788" s="14" t="s">
        <v>1</v>
      </c>
      <c r="C23788" s="14" t="s">
        <v>96</v>
      </c>
      <c r="D23788" s="14" t="s">
        <v>159</v>
      </c>
      <c r="E23788" s="15">
        <v>45439</v>
      </c>
      <c r="F23788" s="14" t="s">
        <v>61</v>
      </c>
      <c r="G23788" s="16">
        <v>0</v>
      </c>
    </row>
    <row r="23789" spans="1:7" x14ac:dyDescent="0.3">
      <c r="A23789" s="13" t="s">
        <v>158</v>
      </c>
      <c r="B23789" s="14" t="s">
        <v>1</v>
      </c>
      <c r="C23789" s="14" t="s">
        <v>96</v>
      </c>
      <c r="D23789" s="14" t="s">
        <v>159</v>
      </c>
      <c r="E23789" s="15">
        <v>45440</v>
      </c>
      <c r="F23789" s="14" t="s">
        <v>61</v>
      </c>
      <c r="G23789" s="16">
        <v>0</v>
      </c>
    </row>
    <row r="23790" spans="1:7" x14ac:dyDescent="0.3">
      <c r="A23790" s="13" t="s">
        <v>158</v>
      </c>
      <c r="B23790" s="14" t="s">
        <v>1</v>
      </c>
      <c r="C23790" s="14" t="s">
        <v>96</v>
      </c>
      <c r="D23790" s="14" t="s">
        <v>159</v>
      </c>
      <c r="E23790" s="15">
        <v>45441</v>
      </c>
      <c r="F23790" s="14" t="s">
        <v>61</v>
      </c>
      <c r="G23790" s="16">
        <v>0</v>
      </c>
    </row>
    <row r="23791" spans="1:7" x14ac:dyDescent="0.3">
      <c r="A23791" s="13" t="s">
        <v>158</v>
      </c>
      <c r="B23791" s="14" t="s">
        <v>1</v>
      </c>
      <c r="C23791" s="14" t="s">
        <v>96</v>
      </c>
      <c r="D23791" s="14" t="s">
        <v>159</v>
      </c>
      <c r="E23791" s="15">
        <v>45442</v>
      </c>
      <c r="F23791" s="14" t="s">
        <v>61</v>
      </c>
      <c r="G23791" s="16">
        <v>0</v>
      </c>
    </row>
    <row r="23792" spans="1:7" x14ac:dyDescent="0.3">
      <c r="A23792" s="13" t="s">
        <v>158</v>
      </c>
      <c r="B23792" s="14" t="s">
        <v>1</v>
      </c>
      <c r="C23792" s="14" t="s">
        <v>96</v>
      </c>
      <c r="D23792" s="14" t="s">
        <v>159</v>
      </c>
      <c r="E23792" s="15">
        <v>45443</v>
      </c>
      <c r="F23792" s="14" t="s">
        <v>61</v>
      </c>
      <c r="G23792" s="16">
        <v>0</v>
      </c>
    </row>
    <row r="23793" spans="1:7" x14ac:dyDescent="0.3">
      <c r="A23793" s="13" t="s">
        <v>158</v>
      </c>
      <c r="B23793" s="14" t="s">
        <v>1</v>
      </c>
      <c r="C23793" s="14" t="s">
        <v>96</v>
      </c>
      <c r="D23793" s="14" t="s">
        <v>159</v>
      </c>
      <c r="E23793" s="15">
        <v>45444</v>
      </c>
      <c r="F23793" s="14" t="s">
        <v>61</v>
      </c>
      <c r="G23793" s="16">
        <v>0</v>
      </c>
    </row>
    <row r="23794" spans="1:7" x14ac:dyDescent="0.3">
      <c r="A23794" s="13" t="s">
        <v>158</v>
      </c>
      <c r="B23794" s="14" t="s">
        <v>1</v>
      </c>
      <c r="C23794" s="14" t="s">
        <v>96</v>
      </c>
      <c r="D23794" s="14" t="s">
        <v>159</v>
      </c>
      <c r="E23794" s="15">
        <v>45445</v>
      </c>
      <c r="F23794" s="14" t="s">
        <v>61</v>
      </c>
      <c r="G23794" s="16">
        <v>0</v>
      </c>
    </row>
    <row r="23795" spans="1:7" x14ac:dyDescent="0.3">
      <c r="A23795" s="13" t="s">
        <v>158</v>
      </c>
      <c r="B23795" s="14" t="s">
        <v>1</v>
      </c>
      <c r="C23795" s="14" t="s">
        <v>96</v>
      </c>
      <c r="D23795" s="14" t="s">
        <v>159</v>
      </c>
      <c r="E23795" s="15">
        <v>45446</v>
      </c>
      <c r="F23795" s="14" t="s">
        <v>61</v>
      </c>
      <c r="G23795" s="16">
        <v>0</v>
      </c>
    </row>
    <row r="23796" spans="1:7" x14ac:dyDescent="0.3">
      <c r="A23796" s="13" t="s">
        <v>158</v>
      </c>
      <c r="B23796" s="14" t="s">
        <v>1</v>
      </c>
      <c r="C23796" s="14" t="s">
        <v>96</v>
      </c>
      <c r="D23796" s="14" t="s">
        <v>159</v>
      </c>
      <c r="E23796" s="15">
        <v>45447</v>
      </c>
      <c r="F23796" s="14" t="s">
        <v>61</v>
      </c>
      <c r="G23796" s="16">
        <v>0</v>
      </c>
    </row>
    <row r="23797" spans="1:7" x14ac:dyDescent="0.3">
      <c r="A23797" s="13" t="s">
        <v>158</v>
      </c>
      <c r="B23797" s="14" t="s">
        <v>1</v>
      </c>
      <c r="C23797" s="14" t="s">
        <v>96</v>
      </c>
      <c r="D23797" s="14" t="s">
        <v>159</v>
      </c>
      <c r="E23797" s="15">
        <v>45448</v>
      </c>
      <c r="F23797" s="14" t="s">
        <v>61</v>
      </c>
      <c r="G23797" s="16">
        <v>0</v>
      </c>
    </row>
    <row r="23798" spans="1:7" x14ac:dyDescent="0.3">
      <c r="A23798" s="13" t="s">
        <v>158</v>
      </c>
      <c r="B23798" s="14" t="s">
        <v>1</v>
      </c>
      <c r="C23798" s="14" t="s">
        <v>96</v>
      </c>
      <c r="D23798" s="14" t="s">
        <v>159</v>
      </c>
      <c r="E23798" s="15">
        <v>45449</v>
      </c>
      <c r="F23798" s="14" t="s">
        <v>61</v>
      </c>
      <c r="G23798" s="16">
        <v>0</v>
      </c>
    </row>
    <row r="23799" spans="1:7" x14ac:dyDescent="0.3">
      <c r="A23799" s="13" t="s">
        <v>158</v>
      </c>
      <c r="B23799" s="14" t="s">
        <v>1</v>
      </c>
      <c r="C23799" s="14" t="s">
        <v>96</v>
      </c>
      <c r="D23799" s="14" t="s">
        <v>159</v>
      </c>
      <c r="E23799" s="15">
        <v>45450</v>
      </c>
      <c r="F23799" s="14" t="s">
        <v>61</v>
      </c>
      <c r="G23799" s="16">
        <v>0</v>
      </c>
    </row>
    <row r="23800" spans="1:7" x14ac:dyDescent="0.3">
      <c r="A23800" s="13" t="s">
        <v>158</v>
      </c>
      <c r="B23800" s="14" t="s">
        <v>1</v>
      </c>
      <c r="C23800" s="14" t="s">
        <v>96</v>
      </c>
      <c r="D23800" s="14" t="s">
        <v>159</v>
      </c>
      <c r="E23800" s="15">
        <v>45451</v>
      </c>
      <c r="F23800" s="14" t="s">
        <v>61</v>
      </c>
      <c r="G23800" s="16">
        <v>0</v>
      </c>
    </row>
    <row r="23801" spans="1:7" x14ac:dyDescent="0.3">
      <c r="A23801" s="13" t="s">
        <v>158</v>
      </c>
      <c r="B23801" s="14" t="s">
        <v>1</v>
      </c>
      <c r="C23801" s="14" t="s">
        <v>96</v>
      </c>
      <c r="D23801" s="14" t="s">
        <v>159</v>
      </c>
      <c r="E23801" s="15">
        <v>45452</v>
      </c>
      <c r="F23801" s="14" t="s">
        <v>61</v>
      </c>
      <c r="G23801" s="16">
        <v>0</v>
      </c>
    </row>
    <row r="23802" spans="1:7" x14ac:dyDescent="0.3">
      <c r="A23802" s="13" t="s">
        <v>158</v>
      </c>
      <c r="B23802" s="14" t="s">
        <v>1</v>
      </c>
      <c r="C23802" s="14" t="s">
        <v>96</v>
      </c>
      <c r="D23802" s="14" t="s">
        <v>159</v>
      </c>
      <c r="E23802" s="15">
        <v>45453</v>
      </c>
      <c r="F23802" s="14" t="s">
        <v>61</v>
      </c>
      <c r="G23802" s="16">
        <v>0</v>
      </c>
    </row>
    <row r="23803" spans="1:7" x14ac:dyDescent="0.3">
      <c r="A23803" s="13" t="s">
        <v>158</v>
      </c>
      <c r="B23803" s="14" t="s">
        <v>1</v>
      </c>
      <c r="C23803" s="14" t="s">
        <v>96</v>
      </c>
      <c r="D23803" s="14" t="s">
        <v>159</v>
      </c>
      <c r="E23803" s="15">
        <v>45454</v>
      </c>
      <c r="F23803" s="14" t="s">
        <v>61</v>
      </c>
      <c r="G23803" s="16">
        <v>0</v>
      </c>
    </row>
    <row r="23804" spans="1:7" x14ac:dyDescent="0.3">
      <c r="A23804" s="13" t="s">
        <v>158</v>
      </c>
      <c r="B23804" s="14" t="s">
        <v>1</v>
      </c>
      <c r="C23804" s="14" t="s">
        <v>96</v>
      </c>
      <c r="D23804" s="14" t="s">
        <v>159</v>
      </c>
      <c r="E23804" s="15">
        <v>45455</v>
      </c>
      <c r="F23804" s="14" t="s">
        <v>61</v>
      </c>
      <c r="G23804" s="16">
        <v>0</v>
      </c>
    </row>
    <row r="23805" spans="1:7" x14ac:dyDescent="0.3">
      <c r="A23805" s="13" t="s">
        <v>158</v>
      </c>
      <c r="B23805" s="14" t="s">
        <v>1</v>
      </c>
      <c r="C23805" s="14" t="s">
        <v>96</v>
      </c>
      <c r="D23805" s="14" t="s">
        <v>159</v>
      </c>
      <c r="E23805" s="15">
        <v>45456</v>
      </c>
      <c r="F23805" s="14" t="s">
        <v>61</v>
      </c>
      <c r="G23805" s="16">
        <v>0</v>
      </c>
    </row>
    <row r="23806" spans="1:7" x14ac:dyDescent="0.3">
      <c r="A23806" s="13" t="s">
        <v>158</v>
      </c>
      <c r="B23806" s="14" t="s">
        <v>1</v>
      </c>
      <c r="C23806" s="14" t="s">
        <v>96</v>
      </c>
      <c r="D23806" s="14" t="s">
        <v>159</v>
      </c>
      <c r="E23806" s="15">
        <v>45457</v>
      </c>
      <c r="F23806" s="14" t="s">
        <v>61</v>
      </c>
      <c r="G23806" s="16">
        <v>0</v>
      </c>
    </row>
    <row r="23807" spans="1:7" x14ac:dyDescent="0.3">
      <c r="A23807" s="13" t="s">
        <v>158</v>
      </c>
      <c r="B23807" s="14" t="s">
        <v>1</v>
      </c>
      <c r="C23807" s="14" t="s">
        <v>96</v>
      </c>
      <c r="D23807" s="14" t="s">
        <v>159</v>
      </c>
      <c r="E23807" s="15">
        <v>45458</v>
      </c>
      <c r="F23807" s="14" t="s">
        <v>61</v>
      </c>
      <c r="G23807" s="16">
        <v>0</v>
      </c>
    </row>
    <row r="23808" spans="1:7" x14ac:dyDescent="0.3">
      <c r="A23808" s="13" t="s">
        <v>158</v>
      </c>
      <c r="B23808" s="14" t="s">
        <v>1</v>
      </c>
      <c r="C23808" s="14" t="s">
        <v>96</v>
      </c>
      <c r="D23808" s="14" t="s">
        <v>159</v>
      </c>
      <c r="E23808" s="15">
        <v>45459</v>
      </c>
      <c r="F23808" s="14" t="s">
        <v>61</v>
      </c>
      <c r="G23808" s="16">
        <v>0</v>
      </c>
    </row>
    <row r="23809" spans="1:7" x14ac:dyDescent="0.3">
      <c r="A23809" s="13" t="s">
        <v>158</v>
      </c>
      <c r="B23809" s="14" t="s">
        <v>1</v>
      </c>
      <c r="C23809" s="14" t="s">
        <v>96</v>
      </c>
      <c r="D23809" s="14" t="s">
        <v>159</v>
      </c>
      <c r="E23809" s="15">
        <v>45460</v>
      </c>
      <c r="F23809" s="14" t="s">
        <v>61</v>
      </c>
      <c r="G23809" s="16">
        <v>0</v>
      </c>
    </row>
    <row r="23810" spans="1:7" x14ac:dyDescent="0.3">
      <c r="A23810" s="13" t="s">
        <v>158</v>
      </c>
      <c r="B23810" s="14" t="s">
        <v>1</v>
      </c>
      <c r="C23810" s="14" t="s">
        <v>96</v>
      </c>
      <c r="D23810" s="14" t="s">
        <v>159</v>
      </c>
      <c r="E23810" s="15">
        <v>45461</v>
      </c>
      <c r="F23810" s="14" t="s">
        <v>61</v>
      </c>
      <c r="G23810" s="16">
        <v>0</v>
      </c>
    </row>
    <row r="23811" spans="1:7" x14ac:dyDescent="0.3">
      <c r="A23811" s="13" t="s">
        <v>158</v>
      </c>
      <c r="B23811" s="14" t="s">
        <v>1</v>
      </c>
      <c r="C23811" s="14" t="s">
        <v>96</v>
      </c>
      <c r="D23811" s="14" t="s">
        <v>159</v>
      </c>
      <c r="E23811" s="15">
        <v>45462</v>
      </c>
      <c r="F23811" s="14" t="s">
        <v>61</v>
      </c>
      <c r="G23811" s="16">
        <v>0</v>
      </c>
    </row>
    <row r="23812" spans="1:7" x14ac:dyDescent="0.3">
      <c r="A23812" s="13" t="s">
        <v>158</v>
      </c>
      <c r="B23812" s="14" t="s">
        <v>1</v>
      </c>
      <c r="C23812" s="14" t="s">
        <v>96</v>
      </c>
      <c r="D23812" s="14" t="s">
        <v>159</v>
      </c>
      <c r="E23812" s="15">
        <v>45463</v>
      </c>
      <c r="F23812" s="14" t="s">
        <v>61</v>
      </c>
      <c r="G23812" s="16">
        <v>0</v>
      </c>
    </row>
    <row r="23813" spans="1:7" x14ac:dyDescent="0.3">
      <c r="A23813" s="13" t="s">
        <v>158</v>
      </c>
      <c r="B23813" s="14" t="s">
        <v>1</v>
      </c>
      <c r="C23813" s="14" t="s">
        <v>96</v>
      </c>
      <c r="D23813" s="14" t="s">
        <v>159</v>
      </c>
      <c r="E23813" s="15">
        <v>45464</v>
      </c>
      <c r="F23813" s="14" t="s">
        <v>61</v>
      </c>
      <c r="G23813" s="16">
        <v>0</v>
      </c>
    </row>
    <row r="23814" spans="1:7" x14ac:dyDescent="0.3">
      <c r="A23814" s="13" t="s">
        <v>158</v>
      </c>
      <c r="B23814" s="14" t="s">
        <v>1</v>
      </c>
      <c r="C23814" s="14" t="s">
        <v>96</v>
      </c>
      <c r="D23814" s="14" t="s">
        <v>159</v>
      </c>
      <c r="E23814" s="15">
        <v>45465</v>
      </c>
      <c r="F23814" s="14" t="s">
        <v>61</v>
      </c>
      <c r="G23814" s="16">
        <v>0</v>
      </c>
    </row>
    <row r="23815" spans="1:7" x14ac:dyDescent="0.3">
      <c r="A23815" s="13" t="s">
        <v>158</v>
      </c>
      <c r="B23815" s="14" t="s">
        <v>1</v>
      </c>
      <c r="C23815" s="14" t="s">
        <v>96</v>
      </c>
      <c r="D23815" s="14" t="s">
        <v>159</v>
      </c>
      <c r="E23815" s="15">
        <v>45466</v>
      </c>
      <c r="F23815" s="14" t="s">
        <v>61</v>
      </c>
      <c r="G23815" s="16">
        <v>0</v>
      </c>
    </row>
    <row r="23816" spans="1:7" x14ac:dyDescent="0.3">
      <c r="A23816" s="13" t="s">
        <v>158</v>
      </c>
      <c r="B23816" s="14" t="s">
        <v>1</v>
      </c>
      <c r="C23816" s="14" t="s">
        <v>96</v>
      </c>
      <c r="D23816" s="14" t="s">
        <v>159</v>
      </c>
      <c r="E23816" s="15">
        <v>45467</v>
      </c>
      <c r="F23816" s="14" t="s">
        <v>61</v>
      </c>
      <c r="G23816" s="16">
        <v>0</v>
      </c>
    </row>
    <row r="23817" spans="1:7" x14ac:dyDescent="0.3">
      <c r="A23817" s="13" t="s">
        <v>158</v>
      </c>
      <c r="B23817" s="14" t="s">
        <v>1</v>
      </c>
      <c r="C23817" s="14" t="s">
        <v>96</v>
      </c>
      <c r="D23817" s="14" t="s">
        <v>159</v>
      </c>
      <c r="E23817" s="15">
        <v>45468</v>
      </c>
      <c r="F23817" s="14" t="s">
        <v>61</v>
      </c>
      <c r="G23817" s="16">
        <v>0</v>
      </c>
    </row>
    <row r="23818" spans="1:7" x14ac:dyDescent="0.3">
      <c r="A23818" s="13" t="s">
        <v>158</v>
      </c>
      <c r="B23818" s="14" t="s">
        <v>1</v>
      </c>
      <c r="C23818" s="14" t="s">
        <v>96</v>
      </c>
      <c r="D23818" s="14" t="s">
        <v>159</v>
      </c>
      <c r="E23818" s="15">
        <v>45469</v>
      </c>
      <c r="F23818" s="14" t="s">
        <v>61</v>
      </c>
      <c r="G23818" s="16">
        <v>0</v>
      </c>
    </row>
    <row r="23819" spans="1:7" x14ac:dyDescent="0.3">
      <c r="A23819" s="13" t="s">
        <v>158</v>
      </c>
      <c r="B23819" s="14" t="s">
        <v>1</v>
      </c>
      <c r="C23819" s="14" t="s">
        <v>96</v>
      </c>
      <c r="D23819" s="14" t="s">
        <v>159</v>
      </c>
      <c r="E23819" s="15">
        <v>45470</v>
      </c>
      <c r="F23819" s="14" t="s">
        <v>61</v>
      </c>
      <c r="G23819" s="16">
        <v>0</v>
      </c>
    </row>
    <row r="23820" spans="1:7" x14ac:dyDescent="0.3">
      <c r="A23820" s="13" t="s">
        <v>158</v>
      </c>
      <c r="B23820" s="14" t="s">
        <v>1</v>
      </c>
      <c r="C23820" s="14" t="s">
        <v>96</v>
      </c>
      <c r="D23820" s="14" t="s">
        <v>159</v>
      </c>
      <c r="E23820" s="15">
        <v>45471</v>
      </c>
      <c r="F23820" s="14" t="s">
        <v>61</v>
      </c>
      <c r="G23820" s="16">
        <v>0</v>
      </c>
    </row>
    <row r="23821" spans="1:7" x14ac:dyDescent="0.3">
      <c r="A23821" s="13" t="s">
        <v>158</v>
      </c>
      <c r="B23821" s="14" t="s">
        <v>1</v>
      </c>
      <c r="C23821" s="14" t="s">
        <v>96</v>
      </c>
      <c r="D23821" s="14" t="s">
        <v>159</v>
      </c>
      <c r="E23821" s="15">
        <v>45472</v>
      </c>
      <c r="F23821" s="14" t="s">
        <v>61</v>
      </c>
      <c r="G23821" s="16">
        <v>0</v>
      </c>
    </row>
    <row r="23822" spans="1:7" x14ac:dyDescent="0.3">
      <c r="A23822" s="13" t="s">
        <v>158</v>
      </c>
      <c r="B23822" s="14" t="s">
        <v>1</v>
      </c>
      <c r="C23822" s="14" t="s">
        <v>96</v>
      </c>
      <c r="D23822" s="14" t="s">
        <v>159</v>
      </c>
      <c r="E23822" s="15">
        <v>45473</v>
      </c>
      <c r="F23822" s="14" t="s">
        <v>61</v>
      </c>
      <c r="G23822" s="16">
        <v>0</v>
      </c>
    </row>
    <row r="23823" spans="1:7" x14ac:dyDescent="0.3">
      <c r="A23823" s="13" t="s">
        <v>158</v>
      </c>
      <c r="B23823" s="14" t="s">
        <v>1</v>
      </c>
      <c r="C23823" s="14" t="s">
        <v>96</v>
      </c>
      <c r="D23823" s="14" t="s">
        <v>159</v>
      </c>
      <c r="E23823" s="15">
        <v>45474</v>
      </c>
      <c r="F23823" s="14" t="s">
        <v>61</v>
      </c>
      <c r="G23823" s="16">
        <v>0</v>
      </c>
    </row>
    <row r="23824" spans="1:7" x14ac:dyDescent="0.3">
      <c r="A23824" s="13" t="s">
        <v>158</v>
      </c>
      <c r="B23824" s="14" t="s">
        <v>1</v>
      </c>
      <c r="C23824" s="14" t="s">
        <v>96</v>
      </c>
      <c r="D23824" s="14" t="s">
        <v>159</v>
      </c>
      <c r="E23824" s="15">
        <v>45475</v>
      </c>
      <c r="F23824" s="14" t="s">
        <v>61</v>
      </c>
      <c r="G23824" s="16">
        <v>0</v>
      </c>
    </row>
    <row r="23825" spans="1:7" x14ac:dyDescent="0.3">
      <c r="A23825" s="13" t="s">
        <v>158</v>
      </c>
      <c r="B23825" s="14" t="s">
        <v>1</v>
      </c>
      <c r="C23825" s="14" t="s">
        <v>96</v>
      </c>
      <c r="D23825" s="14" t="s">
        <v>159</v>
      </c>
      <c r="E23825" s="15">
        <v>45476</v>
      </c>
      <c r="F23825" s="14" t="s">
        <v>61</v>
      </c>
      <c r="G23825" s="16">
        <v>0</v>
      </c>
    </row>
    <row r="23826" spans="1:7" x14ac:dyDescent="0.3">
      <c r="A23826" s="13" t="s">
        <v>158</v>
      </c>
      <c r="B23826" s="14" t="s">
        <v>1</v>
      </c>
      <c r="C23826" s="14" t="s">
        <v>96</v>
      </c>
      <c r="D23826" s="14" t="s">
        <v>159</v>
      </c>
      <c r="E23826" s="15">
        <v>45477</v>
      </c>
      <c r="F23826" s="14" t="s">
        <v>61</v>
      </c>
      <c r="G23826" s="16">
        <v>0</v>
      </c>
    </row>
    <row r="23827" spans="1:7" x14ac:dyDescent="0.3">
      <c r="A23827" s="13" t="s">
        <v>158</v>
      </c>
      <c r="B23827" s="14" t="s">
        <v>1</v>
      </c>
      <c r="C23827" s="14" t="s">
        <v>96</v>
      </c>
      <c r="D23827" s="14" t="s">
        <v>159</v>
      </c>
      <c r="E23827" s="15">
        <v>45478</v>
      </c>
      <c r="F23827" s="14" t="s">
        <v>61</v>
      </c>
      <c r="G23827" s="16">
        <v>0</v>
      </c>
    </row>
    <row r="23828" spans="1:7" x14ac:dyDescent="0.3">
      <c r="A23828" s="13" t="s">
        <v>158</v>
      </c>
      <c r="B23828" s="14" t="s">
        <v>1</v>
      </c>
      <c r="C23828" s="14" t="s">
        <v>96</v>
      </c>
      <c r="D23828" s="14" t="s">
        <v>159</v>
      </c>
      <c r="E23828" s="15">
        <v>45479</v>
      </c>
      <c r="F23828" s="14" t="s">
        <v>61</v>
      </c>
      <c r="G23828" s="16">
        <v>0</v>
      </c>
    </row>
    <row r="23829" spans="1:7" x14ac:dyDescent="0.3">
      <c r="A23829" s="13" t="s">
        <v>158</v>
      </c>
      <c r="B23829" s="14" t="s">
        <v>1</v>
      </c>
      <c r="C23829" s="14" t="s">
        <v>96</v>
      </c>
      <c r="D23829" s="14" t="s">
        <v>159</v>
      </c>
      <c r="E23829" s="15">
        <v>45480</v>
      </c>
      <c r="F23829" s="14" t="s">
        <v>61</v>
      </c>
      <c r="G23829" s="16">
        <v>0</v>
      </c>
    </row>
    <row r="23830" spans="1:7" x14ac:dyDescent="0.3">
      <c r="A23830" s="13" t="s">
        <v>158</v>
      </c>
      <c r="B23830" s="14" t="s">
        <v>1</v>
      </c>
      <c r="C23830" s="14" t="s">
        <v>96</v>
      </c>
      <c r="D23830" s="14" t="s">
        <v>159</v>
      </c>
      <c r="E23830" s="15">
        <v>45481</v>
      </c>
      <c r="F23830" s="14" t="s">
        <v>61</v>
      </c>
      <c r="G23830" s="16">
        <v>0</v>
      </c>
    </row>
    <row r="23831" spans="1:7" x14ac:dyDescent="0.3">
      <c r="A23831" s="13" t="s">
        <v>158</v>
      </c>
      <c r="B23831" s="14" t="s">
        <v>1</v>
      </c>
      <c r="C23831" s="14" t="s">
        <v>96</v>
      </c>
      <c r="D23831" s="14" t="s">
        <v>159</v>
      </c>
      <c r="E23831" s="15">
        <v>45482</v>
      </c>
      <c r="F23831" s="14" t="s">
        <v>61</v>
      </c>
      <c r="G23831" s="16">
        <v>0</v>
      </c>
    </row>
    <row r="23832" spans="1:7" x14ac:dyDescent="0.3">
      <c r="A23832" s="13" t="s">
        <v>158</v>
      </c>
      <c r="B23832" s="14" t="s">
        <v>1</v>
      </c>
      <c r="C23832" s="14" t="s">
        <v>96</v>
      </c>
      <c r="D23832" s="14" t="s">
        <v>159</v>
      </c>
      <c r="E23832" s="15">
        <v>45483</v>
      </c>
      <c r="F23832" s="14" t="s">
        <v>61</v>
      </c>
      <c r="G23832" s="16">
        <v>0</v>
      </c>
    </row>
    <row r="23833" spans="1:7" x14ac:dyDescent="0.3">
      <c r="A23833" s="13" t="s">
        <v>158</v>
      </c>
      <c r="B23833" s="14" t="s">
        <v>1</v>
      </c>
      <c r="C23833" s="14" t="s">
        <v>96</v>
      </c>
      <c r="D23833" s="14" t="s">
        <v>159</v>
      </c>
      <c r="E23833" s="15">
        <v>45484</v>
      </c>
      <c r="F23833" s="14" t="s">
        <v>61</v>
      </c>
      <c r="G23833" s="16">
        <v>0</v>
      </c>
    </row>
    <row r="23834" spans="1:7" x14ac:dyDescent="0.3">
      <c r="A23834" s="13" t="s">
        <v>158</v>
      </c>
      <c r="B23834" s="14" t="s">
        <v>1</v>
      </c>
      <c r="C23834" s="14" t="s">
        <v>96</v>
      </c>
      <c r="D23834" s="14" t="s">
        <v>159</v>
      </c>
      <c r="E23834" s="15">
        <v>45485</v>
      </c>
      <c r="F23834" s="14" t="s">
        <v>61</v>
      </c>
      <c r="G23834" s="16">
        <v>0</v>
      </c>
    </row>
    <row r="23835" spans="1:7" x14ac:dyDescent="0.3">
      <c r="A23835" s="13" t="s">
        <v>158</v>
      </c>
      <c r="B23835" s="14" t="s">
        <v>1</v>
      </c>
      <c r="C23835" s="14" t="s">
        <v>96</v>
      </c>
      <c r="D23835" s="14" t="s">
        <v>159</v>
      </c>
      <c r="E23835" s="15">
        <v>45486</v>
      </c>
      <c r="F23835" s="14" t="s">
        <v>61</v>
      </c>
      <c r="G23835" s="16">
        <v>0</v>
      </c>
    </row>
    <row r="23836" spans="1:7" x14ac:dyDescent="0.3">
      <c r="A23836" s="13" t="s">
        <v>158</v>
      </c>
      <c r="B23836" s="14" t="s">
        <v>1</v>
      </c>
      <c r="C23836" s="14" t="s">
        <v>96</v>
      </c>
      <c r="D23836" s="14" t="s">
        <v>159</v>
      </c>
      <c r="E23836" s="15">
        <v>45487</v>
      </c>
      <c r="F23836" s="14" t="s">
        <v>61</v>
      </c>
      <c r="G23836" s="16">
        <v>0</v>
      </c>
    </row>
    <row r="23837" spans="1:7" x14ac:dyDescent="0.3">
      <c r="A23837" s="13" t="s">
        <v>158</v>
      </c>
      <c r="B23837" s="14" t="s">
        <v>1</v>
      </c>
      <c r="C23837" s="14" t="s">
        <v>96</v>
      </c>
      <c r="D23837" s="14" t="s">
        <v>159</v>
      </c>
      <c r="E23837" s="15">
        <v>45488</v>
      </c>
      <c r="F23837" s="14" t="s">
        <v>61</v>
      </c>
      <c r="G23837" s="16">
        <v>0</v>
      </c>
    </row>
    <row r="23838" spans="1:7" x14ac:dyDescent="0.3">
      <c r="A23838" s="13" t="s">
        <v>158</v>
      </c>
      <c r="B23838" s="14" t="s">
        <v>1</v>
      </c>
      <c r="C23838" s="14" t="s">
        <v>96</v>
      </c>
      <c r="D23838" s="14" t="s">
        <v>159</v>
      </c>
      <c r="E23838" s="15">
        <v>45489</v>
      </c>
      <c r="F23838" s="14" t="s">
        <v>61</v>
      </c>
      <c r="G23838" s="16">
        <v>0</v>
      </c>
    </row>
    <row r="23839" spans="1:7" x14ac:dyDescent="0.3">
      <c r="A23839" s="13" t="s">
        <v>158</v>
      </c>
      <c r="B23839" s="14" t="s">
        <v>1</v>
      </c>
      <c r="C23839" s="14" t="s">
        <v>96</v>
      </c>
      <c r="D23839" s="14" t="s">
        <v>159</v>
      </c>
      <c r="E23839" s="15">
        <v>45490</v>
      </c>
      <c r="F23839" s="14" t="s">
        <v>61</v>
      </c>
      <c r="G23839" s="16">
        <v>0</v>
      </c>
    </row>
    <row r="23840" spans="1:7" x14ac:dyDescent="0.3">
      <c r="A23840" s="13" t="s">
        <v>158</v>
      </c>
      <c r="B23840" s="14" t="s">
        <v>1</v>
      </c>
      <c r="C23840" s="14" t="s">
        <v>96</v>
      </c>
      <c r="D23840" s="14" t="s">
        <v>159</v>
      </c>
      <c r="E23840" s="15">
        <v>45491</v>
      </c>
      <c r="F23840" s="14" t="s">
        <v>61</v>
      </c>
      <c r="G23840" s="16">
        <v>0</v>
      </c>
    </row>
    <row r="23841" spans="1:7" x14ac:dyDescent="0.3">
      <c r="A23841" s="13" t="s">
        <v>158</v>
      </c>
      <c r="B23841" s="14" t="s">
        <v>1</v>
      </c>
      <c r="C23841" s="14" t="s">
        <v>96</v>
      </c>
      <c r="D23841" s="14" t="s">
        <v>159</v>
      </c>
      <c r="E23841" s="15">
        <v>45492</v>
      </c>
      <c r="F23841" s="14" t="s">
        <v>61</v>
      </c>
      <c r="G23841" s="16">
        <v>0</v>
      </c>
    </row>
    <row r="23842" spans="1:7" x14ac:dyDescent="0.3">
      <c r="A23842" s="13" t="s">
        <v>158</v>
      </c>
      <c r="B23842" s="14" t="s">
        <v>1</v>
      </c>
      <c r="C23842" s="14" t="s">
        <v>96</v>
      </c>
      <c r="D23842" s="14" t="s">
        <v>159</v>
      </c>
      <c r="E23842" s="15">
        <v>45493</v>
      </c>
      <c r="F23842" s="14" t="s">
        <v>61</v>
      </c>
      <c r="G23842" s="16">
        <v>0</v>
      </c>
    </row>
    <row r="23843" spans="1:7" x14ac:dyDescent="0.3">
      <c r="A23843" s="13" t="s">
        <v>158</v>
      </c>
      <c r="B23843" s="14" t="s">
        <v>1</v>
      </c>
      <c r="C23843" s="14" t="s">
        <v>96</v>
      </c>
      <c r="D23843" s="14" t="s">
        <v>159</v>
      </c>
      <c r="E23843" s="15">
        <v>45494</v>
      </c>
      <c r="F23843" s="14" t="s">
        <v>61</v>
      </c>
      <c r="G23843" s="16">
        <v>0</v>
      </c>
    </row>
    <row r="23844" spans="1:7" x14ac:dyDescent="0.3">
      <c r="A23844" s="13" t="s">
        <v>158</v>
      </c>
      <c r="B23844" s="14" t="s">
        <v>1</v>
      </c>
      <c r="C23844" s="14" t="s">
        <v>96</v>
      </c>
      <c r="D23844" s="14" t="s">
        <v>159</v>
      </c>
      <c r="E23844" s="15">
        <v>45495</v>
      </c>
      <c r="F23844" s="14" t="s">
        <v>61</v>
      </c>
      <c r="G23844" s="16">
        <v>0</v>
      </c>
    </row>
    <row r="23845" spans="1:7" x14ac:dyDescent="0.3">
      <c r="A23845" s="13" t="s">
        <v>158</v>
      </c>
      <c r="B23845" s="14" t="s">
        <v>1</v>
      </c>
      <c r="C23845" s="14" t="s">
        <v>96</v>
      </c>
      <c r="D23845" s="14" t="s">
        <v>159</v>
      </c>
      <c r="E23845" s="15">
        <v>45496</v>
      </c>
      <c r="F23845" s="14" t="s">
        <v>61</v>
      </c>
      <c r="G23845" s="16">
        <v>0</v>
      </c>
    </row>
    <row r="23846" spans="1:7" x14ac:dyDescent="0.3">
      <c r="A23846" s="13" t="s">
        <v>158</v>
      </c>
      <c r="B23846" s="14" t="s">
        <v>1</v>
      </c>
      <c r="C23846" s="14" t="s">
        <v>96</v>
      </c>
      <c r="D23846" s="14" t="s">
        <v>159</v>
      </c>
      <c r="E23846" s="15">
        <v>45497</v>
      </c>
      <c r="F23846" s="14" t="s">
        <v>61</v>
      </c>
      <c r="G23846" s="16">
        <v>0</v>
      </c>
    </row>
    <row r="23847" spans="1:7" x14ac:dyDescent="0.3">
      <c r="A23847" s="13" t="s">
        <v>158</v>
      </c>
      <c r="B23847" s="14" t="s">
        <v>1</v>
      </c>
      <c r="C23847" s="14" t="s">
        <v>96</v>
      </c>
      <c r="D23847" s="14" t="s">
        <v>159</v>
      </c>
      <c r="E23847" s="15">
        <v>45498</v>
      </c>
      <c r="F23847" s="14" t="s">
        <v>61</v>
      </c>
      <c r="G23847" s="16">
        <v>0</v>
      </c>
    </row>
    <row r="23848" spans="1:7" x14ac:dyDescent="0.3">
      <c r="A23848" s="13" t="s">
        <v>158</v>
      </c>
      <c r="B23848" s="14" t="s">
        <v>1</v>
      </c>
      <c r="C23848" s="14" t="s">
        <v>96</v>
      </c>
      <c r="D23848" s="14" t="s">
        <v>159</v>
      </c>
      <c r="E23848" s="15">
        <v>45499</v>
      </c>
      <c r="F23848" s="14" t="s">
        <v>61</v>
      </c>
      <c r="G23848" s="16">
        <v>0</v>
      </c>
    </row>
    <row r="23849" spans="1:7" x14ac:dyDescent="0.3">
      <c r="A23849" s="13" t="s">
        <v>158</v>
      </c>
      <c r="B23849" s="14" t="s">
        <v>1</v>
      </c>
      <c r="C23849" s="14" t="s">
        <v>96</v>
      </c>
      <c r="D23849" s="14" t="s">
        <v>159</v>
      </c>
      <c r="E23849" s="15">
        <v>45500</v>
      </c>
      <c r="F23849" s="14" t="s">
        <v>61</v>
      </c>
      <c r="G23849" s="16">
        <v>0</v>
      </c>
    </row>
    <row r="23850" spans="1:7" x14ac:dyDescent="0.3">
      <c r="A23850" s="13" t="s">
        <v>158</v>
      </c>
      <c r="B23850" s="14" t="s">
        <v>1</v>
      </c>
      <c r="C23850" s="14" t="s">
        <v>96</v>
      </c>
      <c r="D23850" s="14" t="s">
        <v>159</v>
      </c>
      <c r="E23850" s="15">
        <v>45501</v>
      </c>
      <c r="F23850" s="14" t="s">
        <v>61</v>
      </c>
      <c r="G23850" s="16">
        <v>0</v>
      </c>
    </row>
    <row r="23851" spans="1:7" x14ac:dyDescent="0.3">
      <c r="A23851" s="13" t="s">
        <v>158</v>
      </c>
      <c r="B23851" s="14" t="s">
        <v>1</v>
      </c>
      <c r="C23851" s="14" t="s">
        <v>96</v>
      </c>
      <c r="D23851" s="14" t="s">
        <v>159</v>
      </c>
      <c r="E23851" s="15">
        <v>45502</v>
      </c>
      <c r="F23851" s="14" t="s">
        <v>61</v>
      </c>
      <c r="G23851" s="16">
        <v>0</v>
      </c>
    </row>
    <row r="23852" spans="1:7" x14ac:dyDescent="0.3">
      <c r="A23852" s="13" t="s">
        <v>158</v>
      </c>
      <c r="B23852" s="14" t="s">
        <v>1</v>
      </c>
      <c r="C23852" s="14" t="s">
        <v>96</v>
      </c>
      <c r="D23852" s="14" t="s">
        <v>159</v>
      </c>
      <c r="E23852" s="15">
        <v>45503</v>
      </c>
      <c r="F23852" s="14" t="s">
        <v>61</v>
      </c>
      <c r="G23852" s="16">
        <v>0</v>
      </c>
    </row>
    <row r="23853" spans="1:7" x14ac:dyDescent="0.3">
      <c r="A23853" s="13" t="s">
        <v>158</v>
      </c>
      <c r="B23853" s="14" t="s">
        <v>1</v>
      </c>
      <c r="C23853" s="14" t="s">
        <v>96</v>
      </c>
      <c r="D23853" s="14" t="s">
        <v>159</v>
      </c>
      <c r="E23853" s="15">
        <v>45504</v>
      </c>
      <c r="F23853" s="14" t="s">
        <v>61</v>
      </c>
      <c r="G23853" s="16">
        <v>0</v>
      </c>
    </row>
    <row r="23854" spans="1:7" x14ac:dyDescent="0.3">
      <c r="A23854" s="13" t="s">
        <v>158</v>
      </c>
      <c r="B23854" s="14" t="s">
        <v>1</v>
      </c>
      <c r="C23854" s="14" t="s">
        <v>96</v>
      </c>
      <c r="D23854" s="14" t="s">
        <v>159</v>
      </c>
      <c r="E23854" s="15">
        <v>45505</v>
      </c>
      <c r="F23854" s="14" t="s">
        <v>61</v>
      </c>
      <c r="G23854" s="16">
        <v>0</v>
      </c>
    </row>
    <row r="23855" spans="1:7" x14ac:dyDescent="0.3">
      <c r="A23855" s="13" t="s">
        <v>158</v>
      </c>
      <c r="B23855" s="14" t="s">
        <v>1</v>
      </c>
      <c r="C23855" s="14" t="s">
        <v>96</v>
      </c>
      <c r="D23855" s="14" t="s">
        <v>159</v>
      </c>
      <c r="E23855" s="15">
        <v>45506</v>
      </c>
      <c r="F23855" s="14" t="s">
        <v>61</v>
      </c>
      <c r="G23855" s="16">
        <v>0</v>
      </c>
    </row>
    <row r="23856" spans="1:7" x14ac:dyDescent="0.3">
      <c r="A23856" s="13" t="s">
        <v>158</v>
      </c>
      <c r="B23856" s="14" t="s">
        <v>1</v>
      </c>
      <c r="C23856" s="14" t="s">
        <v>96</v>
      </c>
      <c r="D23856" s="14" t="s">
        <v>159</v>
      </c>
      <c r="E23856" s="15">
        <v>45507</v>
      </c>
      <c r="F23856" s="14" t="s">
        <v>61</v>
      </c>
      <c r="G23856" s="16">
        <v>0</v>
      </c>
    </row>
    <row r="23857" spans="1:7" x14ac:dyDescent="0.3">
      <c r="A23857" s="13" t="s">
        <v>158</v>
      </c>
      <c r="B23857" s="14" t="s">
        <v>1</v>
      </c>
      <c r="C23857" s="14" t="s">
        <v>96</v>
      </c>
      <c r="D23857" s="14" t="s">
        <v>159</v>
      </c>
      <c r="E23857" s="15">
        <v>45508</v>
      </c>
      <c r="F23857" s="14" t="s">
        <v>61</v>
      </c>
      <c r="G23857" s="16">
        <v>0</v>
      </c>
    </row>
    <row r="23858" spans="1:7" x14ac:dyDescent="0.3">
      <c r="A23858" s="13" t="s">
        <v>158</v>
      </c>
      <c r="B23858" s="14" t="s">
        <v>1</v>
      </c>
      <c r="C23858" s="14" t="s">
        <v>96</v>
      </c>
      <c r="D23858" s="14" t="s">
        <v>159</v>
      </c>
      <c r="E23858" s="15">
        <v>45509</v>
      </c>
      <c r="F23858" s="14" t="s">
        <v>61</v>
      </c>
      <c r="G23858" s="16">
        <v>0</v>
      </c>
    </row>
    <row r="23859" spans="1:7" x14ac:dyDescent="0.3">
      <c r="A23859" s="13" t="s">
        <v>158</v>
      </c>
      <c r="B23859" s="14" t="s">
        <v>1</v>
      </c>
      <c r="C23859" s="14" t="s">
        <v>96</v>
      </c>
      <c r="D23859" s="14" t="s">
        <v>159</v>
      </c>
      <c r="E23859" s="15">
        <v>45510</v>
      </c>
      <c r="F23859" s="14" t="s">
        <v>61</v>
      </c>
      <c r="G23859" s="16">
        <v>0</v>
      </c>
    </row>
    <row r="23860" spans="1:7" x14ac:dyDescent="0.3">
      <c r="A23860" s="13" t="s">
        <v>158</v>
      </c>
      <c r="B23860" s="14" t="s">
        <v>1</v>
      </c>
      <c r="C23860" s="14" t="s">
        <v>96</v>
      </c>
      <c r="D23860" s="14" t="s">
        <v>159</v>
      </c>
      <c r="E23860" s="15">
        <v>45511</v>
      </c>
      <c r="F23860" s="14" t="s">
        <v>61</v>
      </c>
      <c r="G23860" s="16">
        <v>0</v>
      </c>
    </row>
    <row r="23861" spans="1:7" x14ac:dyDescent="0.3">
      <c r="A23861" s="13" t="s">
        <v>158</v>
      </c>
      <c r="B23861" s="14" t="s">
        <v>1</v>
      </c>
      <c r="C23861" s="14" t="s">
        <v>96</v>
      </c>
      <c r="D23861" s="14" t="s">
        <v>159</v>
      </c>
      <c r="E23861" s="15">
        <v>45512</v>
      </c>
      <c r="F23861" s="14" t="s">
        <v>61</v>
      </c>
      <c r="G23861" s="16">
        <v>0</v>
      </c>
    </row>
    <row r="23862" spans="1:7" x14ac:dyDescent="0.3">
      <c r="A23862" s="13" t="s">
        <v>158</v>
      </c>
      <c r="B23862" s="14" t="s">
        <v>1</v>
      </c>
      <c r="C23862" s="14" t="s">
        <v>96</v>
      </c>
      <c r="D23862" s="14" t="s">
        <v>159</v>
      </c>
      <c r="E23862" s="15">
        <v>45513</v>
      </c>
      <c r="F23862" s="14" t="s">
        <v>61</v>
      </c>
      <c r="G23862" s="16">
        <v>0</v>
      </c>
    </row>
    <row r="23863" spans="1:7" x14ac:dyDescent="0.3">
      <c r="A23863" s="13" t="s">
        <v>158</v>
      </c>
      <c r="B23863" s="14" t="s">
        <v>1</v>
      </c>
      <c r="C23863" s="14" t="s">
        <v>96</v>
      </c>
      <c r="D23863" s="14" t="s">
        <v>159</v>
      </c>
      <c r="E23863" s="15">
        <v>45514</v>
      </c>
      <c r="F23863" s="14" t="s">
        <v>61</v>
      </c>
      <c r="G23863" s="16">
        <v>0</v>
      </c>
    </row>
    <row r="23864" spans="1:7" x14ac:dyDescent="0.3">
      <c r="A23864" s="13" t="s">
        <v>158</v>
      </c>
      <c r="B23864" s="14" t="s">
        <v>1</v>
      </c>
      <c r="C23864" s="14" t="s">
        <v>96</v>
      </c>
      <c r="D23864" s="14" t="s">
        <v>159</v>
      </c>
      <c r="E23864" s="15">
        <v>45515</v>
      </c>
      <c r="F23864" s="14" t="s">
        <v>61</v>
      </c>
      <c r="G23864" s="16">
        <v>0</v>
      </c>
    </row>
    <row r="23865" spans="1:7" x14ac:dyDescent="0.3">
      <c r="A23865" s="13" t="s">
        <v>158</v>
      </c>
      <c r="B23865" s="14" t="s">
        <v>1</v>
      </c>
      <c r="C23865" s="14" t="s">
        <v>96</v>
      </c>
      <c r="D23865" s="14" t="s">
        <v>159</v>
      </c>
      <c r="E23865" s="15">
        <v>45516</v>
      </c>
      <c r="F23865" s="14" t="s">
        <v>61</v>
      </c>
      <c r="G23865" s="16">
        <v>0</v>
      </c>
    </row>
    <row r="23866" spans="1:7" x14ac:dyDescent="0.3">
      <c r="A23866" s="13" t="s">
        <v>158</v>
      </c>
      <c r="B23866" s="14" t="s">
        <v>1</v>
      </c>
      <c r="C23866" s="14" t="s">
        <v>96</v>
      </c>
      <c r="D23866" s="14" t="s">
        <v>159</v>
      </c>
      <c r="E23866" s="15">
        <v>45517</v>
      </c>
      <c r="F23866" s="14" t="s">
        <v>61</v>
      </c>
      <c r="G23866" s="16">
        <v>0</v>
      </c>
    </row>
    <row r="23867" spans="1:7" x14ac:dyDescent="0.3">
      <c r="A23867" s="13" t="s">
        <v>158</v>
      </c>
      <c r="B23867" s="14" t="s">
        <v>1</v>
      </c>
      <c r="C23867" s="14" t="s">
        <v>96</v>
      </c>
      <c r="D23867" s="14" t="s">
        <v>159</v>
      </c>
      <c r="E23867" s="15">
        <v>45518</v>
      </c>
      <c r="F23867" s="14" t="s">
        <v>61</v>
      </c>
      <c r="G23867" s="16">
        <v>0</v>
      </c>
    </row>
    <row r="23868" spans="1:7" x14ac:dyDescent="0.3">
      <c r="A23868" s="13" t="s">
        <v>158</v>
      </c>
      <c r="B23868" s="14" t="s">
        <v>1</v>
      </c>
      <c r="C23868" s="14" t="s">
        <v>96</v>
      </c>
      <c r="D23868" s="14" t="s">
        <v>159</v>
      </c>
      <c r="E23868" s="15">
        <v>45519</v>
      </c>
      <c r="F23868" s="14" t="s">
        <v>61</v>
      </c>
      <c r="G23868" s="16">
        <v>0</v>
      </c>
    </row>
    <row r="23869" spans="1:7" x14ac:dyDescent="0.3">
      <c r="A23869" s="13" t="s">
        <v>158</v>
      </c>
      <c r="B23869" s="14" t="s">
        <v>1</v>
      </c>
      <c r="C23869" s="14" t="s">
        <v>96</v>
      </c>
      <c r="D23869" s="14" t="s">
        <v>159</v>
      </c>
      <c r="E23869" s="15">
        <v>45520</v>
      </c>
      <c r="F23869" s="14" t="s">
        <v>61</v>
      </c>
      <c r="G23869" s="16">
        <v>0</v>
      </c>
    </row>
    <row r="23870" spans="1:7" x14ac:dyDescent="0.3">
      <c r="A23870" s="13" t="s">
        <v>158</v>
      </c>
      <c r="B23870" s="14" t="s">
        <v>1</v>
      </c>
      <c r="C23870" s="14" t="s">
        <v>96</v>
      </c>
      <c r="D23870" s="14" t="s">
        <v>159</v>
      </c>
      <c r="E23870" s="15">
        <v>45521</v>
      </c>
      <c r="F23870" s="14" t="s">
        <v>61</v>
      </c>
      <c r="G23870" s="16">
        <v>0</v>
      </c>
    </row>
    <row r="23871" spans="1:7" x14ac:dyDescent="0.3">
      <c r="A23871" s="13" t="s">
        <v>158</v>
      </c>
      <c r="B23871" s="14" t="s">
        <v>1</v>
      </c>
      <c r="C23871" s="14" t="s">
        <v>96</v>
      </c>
      <c r="D23871" s="14" t="s">
        <v>159</v>
      </c>
      <c r="E23871" s="15">
        <v>45522</v>
      </c>
      <c r="F23871" s="14" t="s">
        <v>61</v>
      </c>
      <c r="G23871" s="16">
        <v>0</v>
      </c>
    </row>
    <row r="23872" spans="1:7" x14ac:dyDescent="0.3">
      <c r="A23872" s="13" t="s">
        <v>158</v>
      </c>
      <c r="B23872" s="14" t="s">
        <v>1</v>
      </c>
      <c r="C23872" s="14" t="s">
        <v>96</v>
      </c>
      <c r="D23872" s="14" t="s">
        <v>159</v>
      </c>
      <c r="E23872" s="15">
        <v>45523</v>
      </c>
      <c r="F23872" s="14" t="s">
        <v>61</v>
      </c>
      <c r="G23872" s="16">
        <v>0</v>
      </c>
    </row>
    <row r="23873" spans="1:7" x14ac:dyDescent="0.3">
      <c r="A23873" s="13" t="s">
        <v>158</v>
      </c>
      <c r="B23873" s="14" t="s">
        <v>1</v>
      </c>
      <c r="C23873" s="14" t="s">
        <v>96</v>
      </c>
      <c r="D23873" s="14" t="s">
        <v>159</v>
      </c>
      <c r="E23873" s="15">
        <v>45524</v>
      </c>
      <c r="F23873" s="14" t="s">
        <v>61</v>
      </c>
      <c r="G23873" s="16">
        <v>0</v>
      </c>
    </row>
    <row r="23874" spans="1:7" x14ac:dyDescent="0.3">
      <c r="A23874" s="13" t="s">
        <v>158</v>
      </c>
      <c r="B23874" s="14" t="s">
        <v>1</v>
      </c>
      <c r="C23874" s="14" t="s">
        <v>96</v>
      </c>
      <c r="D23874" s="14" t="s">
        <v>159</v>
      </c>
      <c r="E23874" s="15">
        <v>45525</v>
      </c>
      <c r="F23874" s="14" t="s">
        <v>61</v>
      </c>
      <c r="G23874" s="16">
        <v>0</v>
      </c>
    </row>
    <row r="23875" spans="1:7" x14ac:dyDescent="0.3">
      <c r="A23875" s="13" t="s">
        <v>158</v>
      </c>
      <c r="B23875" s="14" t="s">
        <v>1</v>
      </c>
      <c r="C23875" s="14" t="s">
        <v>96</v>
      </c>
      <c r="D23875" s="14" t="s">
        <v>159</v>
      </c>
      <c r="E23875" s="15">
        <v>45526</v>
      </c>
      <c r="F23875" s="14" t="s">
        <v>61</v>
      </c>
      <c r="G23875" s="16">
        <v>0</v>
      </c>
    </row>
    <row r="23876" spans="1:7" x14ac:dyDescent="0.3">
      <c r="A23876" s="13" t="s">
        <v>158</v>
      </c>
      <c r="B23876" s="14" t="s">
        <v>1</v>
      </c>
      <c r="C23876" s="14" t="s">
        <v>96</v>
      </c>
      <c r="D23876" s="14" t="s">
        <v>159</v>
      </c>
      <c r="E23876" s="15">
        <v>45527</v>
      </c>
      <c r="F23876" s="14" t="s">
        <v>61</v>
      </c>
      <c r="G23876" s="16">
        <v>0</v>
      </c>
    </row>
    <row r="23877" spans="1:7" x14ac:dyDescent="0.3">
      <c r="A23877" s="13" t="s">
        <v>158</v>
      </c>
      <c r="B23877" s="14" t="s">
        <v>1</v>
      </c>
      <c r="C23877" s="14" t="s">
        <v>96</v>
      </c>
      <c r="D23877" s="14" t="s">
        <v>159</v>
      </c>
      <c r="E23877" s="15">
        <v>45528</v>
      </c>
      <c r="F23877" s="14" t="s">
        <v>61</v>
      </c>
      <c r="G23877" s="16">
        <v>0</v>
      </c>
    </row>
    <row r="23878" spans="1:7" x14ac:dyDescent="0.3">
      <c r="A23878" s="13" t="s">
        <v>158</v>
      </c>
      <c r="B23878" s="14" t="s">
        <v>1</v>
      </c>
      <c r="C23878" s="14" t="s">
        <v>96</v>
      </c>
      <c r="D23878" s="14" t="s">
        <v>159</v>
      </c>
      <c r="E23878" s="15">
        <v>45529</v>
      </c>
      <c r="F23878" s="14" t="s">
        <v>61</v>
      </c>
      <c r="G23878" s="16">
        <v>0</v>
      </c>
    </row>
    <row r="23879" spans="1:7" x14ac:dyDescent="0.3">
      <c r="A23879" s="13" t="s">
        <v>158</v>
      </c>
      <c r="B23879" s="14" t="s">
        <v>1</v>
      </c>
      <c r="C23879" s="14" t="s">
        <v>96</v>
      </c>
      <c r="D23879" s="14" t="s">
        <v>159</v>
      </c>
      <c r="E23879" s="15">
        <v>45530</v>
      </c>
      <c r="F23879" s="14" t="s">
        <v>61</v>
      </c>
      <c r="G23879" s="16">
        <v>0</v>
      </c>
    </row>
    <row r="23880" spans="1:7" x14ac:dyDescent="0.3">
      <c r="A23880" s="13" t="s">
        <v>158</v>
      </c>
      <c r="B23880" s="14" t="s">
        <v>1</v>
      </c>
      <c r="C23880" s="14" t="s">
        <v>96</v>
      </c>
      <c r="D23880" s="14" t="s">
        <v>159</v>
      </c>
      <c r="E23880" s="15">
        <v>45531</v>
      </c>
      <c r="F23880" s="14" t="s">
        <v>61</v>
      </c>
      <c r="G23880" s="16">
        <v>0</v>
      </c>
    </row>
    <row r="23881" spans="1:7" x14ac:dyDescent="0.3">
      <c r="A23881" s="13" t="s">
        <v>158</v>
      </c>
      <c r="B23881" s="14" t="s">
        <v>1</v>
      </c>
      <c r="C23881" s="14" t="s">
        <v>96</v>
      </c>
      <c r="D23881" s="14" t="s">
        <v>159</v>
      </c>
      <c r="E23881" s="15">
        <v>45532</v>
      </c>
      <c r="F23881" s="14" t="s">
        <v>61</v>
      </c>
      <c r="G23881" s="16">
        <v>0</v>
      </c>
    </row>
    <row r="23882" spans="1:7" x14ac:dyDescent="0.3">
      <c r="A23882" s="13" t="s">
        <v>158</v>
      </c>
      <c r="B23882" s="14" t="s">
        <v>1</v>
      </c>
      <c r="C23882" s="14" t="s">
        <v>96</v>
      </c>
      <c r="D23882" s="14" t="s">
        <v>159</v>
      </c>
      <c r="E23882" s="15">
        <v>45533</v>
      </c>
      <c r="F23882" s="14" t="s">
        <v>61</v>
      </c>
      <c r="G23882" s="16">
        <v>0</v>
      </c>
    </row>
    <row r="23883" spans="1:7" x14ac:dyDescent="0.3">
      <c r="A23883" s="13" t="s">
        <v>158</v>
      </c>
      <c r="B23883" s="14" t="s">
        <v>1</v>
      </c>
      <c r="C23883" s="14" t="s">
        <v>96</v>
      </c>
      <c r="D23883" s="14" t="s">
        <v>159</v>
      </c>
      <c r="E23883" s="15">
        <v>45534</v>
      </c>
      <c r="F23883" s="14" t="s">
        <v>61</v>
      </c>
      <c r="G23883" s="16">
        <v>0</v>
      </c>
    </row>
    <row r="23884" spans="1:7" x14ac:dyDescent="0.3">
      <c r="A23884" s="13" t="s">
        <v>158</v>
      </c>
      <c r="B23884" s="14" t="s">
        <v>1</v>
      </c>
      <c r="C23884" s="14" t="s">
        <v>96</v>
      </c>
      <c r="D23884" s="14" t="s">
        <v>159</v>
      </c>
      <c r="E23884" s="15">
        <v>45535</v>
      </c>
      <c r="F23884" s="14" t="s">
        <v>61</v>
      </c>
      <c r="G23884" s="16">
        <v>0</v>
      </c>
    </row>
    <row r="23885" spans="1:7" x14ac:dyDescent="0.3">
      <c r="A23885" s="13" t="s">
        <v>158</v>
      </c>
      <c r="B23885" s="14" t="s">
        <v>1</v>
      </c>
      <c r="C23885" s="14" t="s">
        <v>96</v>
      </c>
      <c r="D23885" s="14" t="s">
        <v>159</v>
      </c>
      <c r="E23885" s="15">
        <v>45536</v>
      </c>
      <c r="F23885" s="14" t="s">
        <v>61</v>
      </c>
      <c r="G23885" s="16">
        <v>0</v>
      </c>
    </row>
    <row r="23886" spans="1:7" x14ac:dyDescent="0.3">
      <c r="A23886" s="13" t="s">
        <v>158</v>
      </c>
      <c r="B23886" s="14" t="s">
        <v>1</v>
      </c>
      <c r="C23886" s="14" t="s">
        <v>96</v>
      </c>
      <c r="D23886" s="14" t="s">
        <v>159</v>
      </c>
      <c r="E23886" s="15">
        <v>45537</v>
      </c>
      <c r="F23886" s="14" t="s">
        <v>61</v>
      </c>
      <c r="G23886" s="16">
        <v>0</v>
      </c>
    </row>
    <row r="23887" spans="1:7" x14ac:dyDescent="0.3">
      <c r="A23887" s="13" t="s">
        <v>158</v>
      </c>
      <c r="B23887" s="14" t="s">
        <v>1</v>
      </c>
      <c r="C23887" s="14" t="s">
        <v>96</v>
      </c>
      <c r="D23887" s="14" t="s">
        <v>159</v>
      </c>
      <c r="E23887" s="15">
        <v>45538</v>
      </c>
      <c r="F23887" s="14" t="s">
        <v>61</v>
      </c>
      <c r="G23887" s="16">
        <v>0</v>
      </c>
    </row>
    <row r="23888" spans="1:7" x14ac:dyDescent="0.3">
      <c r="A23888" s="13" t="s">
        <v>158</v>
      </c>
      <c r="B23888" s="14" t="s">
        <v>1</v>
      </c>
      <c r="C23888" s="14" t="s">
        <v>96</v>
      </c>
      <c r="D23888" s="14" t="s">
        <v>159</v>
      </c>
      <c r="E23888" s="15">
        <v>45539</v>
      </c>
      <c r="F23888" s="14" t="s">
        <v>61</v>
      </c>
      <c r="G23888" s="16">
        <v>0</v>
      </c>
    </row>
    <row r="23889" spans="1:7" x14ac:dyDescent="0.3">
      <c r="A23889" s="13" t="s">
        <v>158</v>
      </c>
      <c r="B23889" s="14" t="s">
        <v>1</v>
      </c>
      <c r="C23889" s="14" t="s">
        <v>96</v>
      </c>
      <c r="D23889" s="14" t="s">
        <v>159</v>
      </c>
      <c r="E23889" s="15">
        <v>45540</v>
      </c>
      <c r="F23889" s="14" t="s">
        <v>61</v>
      </c>
      <c r="G23889" s="16">
        <v>0</v>
      </c>
    </row>
    <row r="23890" spans="1:7" x14ac:dyDescent="0.3">
      <c r="A23890" s="13" t="s">
        <v>158</v>
      </c>
      <c r="B23890" s="14" t="s">
        <v>1</v>
      </c>
      <c r="C23890" s="14" t="s">
        <v>96</v>
      </c>
      <c r="D23890" s="14" t="s">
        <v>159</v>
      </c>
      <c r="E23890" s="15">
        <v>45541</v>
      </c>
      <c r="F23890" s="14" t="s">
        <v>61</v>
      </c>
      <c r="G23890" s="16">
        <v>0</v>
      </c>
    </row>
    <row r="23891" spans="1:7" x14ac:dyDescent="0.3">
      <c r="A23891" s="13" t="s">
        <v>158</v>
      </c>
      <c r="B23891" s="14" t="s">
        <v>1</v>
      </c>
      <c r="C23891" s="14" t="s">
        <v>96</v>
      </c>
      <c r="D23891" s="14" t="s">
        <v>159</v>
      </c>
      <c r="E23891" s="15">
        <v>45542</v>
      </c>
      <c r="F23891" s="14" t="s">
        <v>61</v>
      </c>
      <c r="G23891" s="16">
        <v>0</v>
      </c>
    </row>
    <row r="23892" spans="1:7" x14ac:dyDescent="0.3">
      <c r="A23892" s="13" t="s">
        <v>158</v>
      </c>
      <c r="B23892" s="14" t="s">
        <v>1</v>
      </c>
      <c r="C23892" s="14" t="s">
        <v>96</v>
      </c>
      <c r="D23892" s="14" t="s">
        <v>159</v>
      </c>
      <c r="E23892" s="15">
        <v>45543</v>
      </c>
      <c r="F23892" s="14" t="s">
        <v>61</v>
      </c>
      <c r="G23892" s="16">
        <v>0</v>
      </c>
    </row>
    <row r="23893" spans="1:7" x14ac:dyDescent="0.3">
      <c r="A23893" s="13" t="s">
        <v>158</v>
      </c>
      <c r="B23893" s="14" t="s">
        <v>1</v>
      </c>
      <c r="C23893" s="14" t="s">
        <v>96</v>
      </c>
      <c r="D23893" s="14" t="s">
        <v>159</v>
      </c>
      <c r="E23893" s="15">
        <v>45544</v>
      </c>
      <c r="F23893" s="14" t="s">
        <v>61</v>
      </c>
      <c r="G23893" s="16">
        <v>0</v>
      </c>
    </row>
    <row r="23894" spans="1:7" x14ac:dyDescent="0.3">
      <c r="A23894" s="13" t="s">
        <v>158</v>
      </c>
      <c r="B23894" s="14" t="s">
        <v>1</v>
      </c>
      <c r="C23894" s="14" t="s">
        <v>96</v>
      </c>
      <c r="D23894" s="14" t="s">
        <v>159</v>
      </c>
      <c r="E23894" s="15">
        <v>45545</v>
      </c>
      <c r="F23894" s="14" t="s">
        <v>61</v>
      </c>
      <c r="G23894" s="16">
        <v>0</v>
      </c>
    </row>
    <row r="23895" spans="1:7" x14ac:dyDescent="0.3">
      <c r="A23895" s="13" t="s">
        <v>158</v>
      </c>
      <c r="B23895" s="14" t="s">
        <v>1</v>
      </c>
      <c r="C23895" s="14" t="s">
        <v>96</v>
      </c>
      <c r="D23895" s="14" t="s">
        <v>159</v>
      </c>
      <c r="E23895" s="15">
        <v>45546</v>
      </c>
      <c r="F23895" s="14" t="s">
        <v>61</v>
      </c>
      <c r="G23895" s="16">
        <v>0</v>
      </c>
    </row>
    <row r="23896" spans="1:7" x14ac:dyDescent="0.3">
      <c r="A23896" s="13" t="s">
        <v>158</v>
      </c>
      <c r="B23896" s="14" t="s">
        <v>1</v>
      </c>
      <c r="C23896" s="14" t="s">
        <v>96</v>
      </c>
      <c r="D23896" s="14" t="s">
        <v>159</v>
      </c>
      <c r="E23896" s="15">
        <v>45547</v>
      </c>
      <c r="F23896" s="14" t="s">
        <v>61</v>
      </c>
      <c r="G23896" s="16">
        <v>0</v>
      </c>
    </row>
    <row r="23897" spans="1:7" x14ac:dyDescent="0.3">
      <c r="A23897" s="13" t="s">
        <v>158</v>
      </c>
      <c r="B23897" s="14" t="s">
        <v>1</v>
      </c>
      <c r="C23897" s="14" t="s">
        <v>96</v>
      </c>
      <c r="D23897" s="14" t="s">
        <v>159</v>
      </c>
      <c r="E23897" s="15">
        <v>45548</v>
      </c>
      <c r="F23897" s="14" t="s">
        <v>61</v>
      </c>
      <c r="G23897" s="16">
        <v>0</v>
      </c>
    </row>
    <row r="23898" spans="1:7" x14ac:dyDescent="0.3">
      <c r="A23898" s="13" t="s">
        <v>158</v>
      </c>
      <c r="B23898" s="14" t="s">
        <v>1</v>
      </c>
      <c r="C23898" s="14" t="s">
        <v>96</v>
      </c>
      <c r="D23898" s="14" t="s">
        <v>159</v>
      </c>
      <c r="E23898" s="15">
        <v>45549</v>
      </c>
      <c r="F23898" s="14" t="s">
        <v>61</v>
      </c>
      <c r="G23898" s="16">
        <v>0</v>
      </c>
    </row>
    <row r="23899" spans="1:7" x14ac:dyDescent="0.3">
      <c r="A23899" s="13" t="s">
        <v>158</v>
      </c>
      <c r="B23899" s="14" t="s">
        <v>1</v>
      </c>
      <c r="C23899" s="14" t="s">
        <v>96</v>
      </c>
      <c r="D23899" s="14" t="s">
        <v>159</v>
      </c>
      <c r="E23899" s="15">
        <v>45550</v>
      </c>
      <c r="F23899" s="14" t="s">
        <v>61</v>
      </c>
      <c r="G23899" s="16">
        <v>0</v>
      </c>
    </row>
    <row r="23900" spans="1:7" x14ac:dyDescent="0.3">
      <c r="A23900" s="13" t="s">
        <v>158</v>
      </c>
      <c r="B23900" s="14" t="s">
        <v>1</v>
      </c>
      <c r="C23900" s="14" t="s">
        <v>96</v>
      </c>
      <c r="D23900" s="14" t="s">
        <v>159</v>
      </c>
      <c r="E23900" s="15">
        <v>45551</v>
      </c>
      <c r="F23900" s="14" t="s">
        <v>61</v>
      </c>
      <c r="G23900" s="16">
        <v>0</v>
      </c>
    </row>
    <row r="23901" spans="1:7" x14ac:dyDescent="0.3">
      <c r="A23901" s="13" t="s">
        <v>158</v>
      </c>
      <c r="B23901" s="14" t="s">
        <v>1</v>
      </c>
      <c r="C23901" s="14" t="s">
        <v>96</v>
      </c>
      <c r="D23901" s="14" t="s">
        <v>159</v>
      </c>
      <c r="E23901" s="15">
        <v>45552</v>
      </c>
      <c r="F23901" s="14" t="s">
        <v>61</v>
      </c>
      <c r="G23901" s="16">
        <v>0</v>
      </c>
    </row>
    <row r="23902" spans="1:7" x14ac:dyDescent="0.3">
      <c r="A23902" s="13" t="s">
        <v>158</v>
      </c>
      <c r="B23902" s="14" t="s">
        <v>1</v>
      </c>
      <c r="C23902" s="14" t="s">
        <v>96</v>
      </c>
      <c r="D23902" s="14" t="s">
        <v>159</v>
      </c>
      <c r="E23902" s="15">
        <v>45553</v>
      </c>
      <c r="F23902" s="14" t="s">
        <v>61</v>
      </c>
      <c r="G23902" s="16">
        <v>0</v>
      </c>
    </row>
    <row r="23903" spans="1:7" x14ac:dyDescent="0.3">
      <c r="A23903" s="13" t="s">
        <v>158</v>
      </c>
      <c r="B23903" s="14" t="s">
        <v>1</v>
      </c>
      <c r="C23903" s="14" t="s">
        <v>96</v>
      </c>
      <c r="D23903" s="14" t="s">
        <v>159</v>
      </c>
      <c r="E23903" s="15">
        <v>45554</v>
      </c>
      <c r="F23903" s="14" t="s">
        <v>61</v>
      </c>
      <c r="G23903" s="16">
        <v>0</v>
      </c>
    </row>
    <row r="23904" spans="1:7" x14ac:dyDescent="0.3">
      <c r="A23904" s="13" t="s">
        <v>158</v>
      </c>
      <c r="B23904" s="14" t="s">
        <v>1</v>
      </c>
      <c r="C23904" s="14" t="s">
        <v>96</v>
      </c>
      <c r="D23904" s="14" t="s">
        <v>159</v>
      </c>
      <c r="E23904" s="15">
        <v>45555</v>
      </c>
      <c r="F23904" s="14" t="s">
        <v>61</v>
      </c>
      <c r="G23904" s="16">
        <v>0</v>
      </c>
    </row>
    <row r="23905" spans="1:7" x14ac:dyDescent="0.3">
      <c r="A23905" s="13" t="s">
        <v>158</v>
      </c>
      <c r="B23905" s="14" t="s">
        <v>1</v>
      </c>
      <c r="C23905" s="14" t="s">
        <v>96</v>
      </c>
      <c r="D23905" s="14" t="s">
        <v>159</v>
      </c>
      <c r="E23905" s="15">
        <v>45556</v>
      </c>
      <c r="F23905" s="14" t="s">
        <v>61</v>
      </c>
      <c r="G23905" s="16">
        <v>0</v>
      </c>
    </row>
    <row r="23906" spans="1:7" x14ac:dyDescent="0.3">
      <c r="A23906" s="13" t="s">
        <v>158</v>
      </c>
      <c r="B23906" s="14" t="s">
        <v>1</v>
      </c>
      <c r="C23906" s="14" t="s">
        <v>96</v>
      </c>
      <c r="D23906" s="14" t="s">
        <v>159</v>
      </c>
      <c r="E23906" s="15">
        <v>45557</v>
      </c>
      <c r="F23906" s="14" t="s">
        <v>61</v>
      </c>
      <c r="G23906" s="16">
        <v>0</v>
      </c>
    </row>
    <row r="23907" spans="1:7" x14ac:dyDescent="0.3">
      <c r="A23907" s="13" t="s">
        <v>158</v>
      </c>
      <c r="B23907" s="14" t="s">
        <v>1</v>
      </c>
      <c r="C23907" s="14" t="s">
        <v>96</v>
      </c>
      <c r="D23907" s="14" t="s">
        <v>159</v>
      </c>
      <c r="E23907" s="15">
        <v>45558</v>
      </c>
      <c r="F23907" s="14" t="s">
        <v>61</v>
      </c>
      <c r="G23907" s="16">
        <v>0</v>
      </c>
    </row>
    <row r="23908" spans="1:7" x14ac:dyDescent="0.3">
      <c r="A23908" s="13" t="s">
        <v>158</v>
      </c>
      <c r="B23908" s="14" t="s">
        <v>1</v>
      </c>
      <c r="C23908" s="14" t="s">
        <v>96</v>
      </c>
      <c r="D23908" s="14" t="s">
        <v>159</v>
      </c>
      <c r="E23908" s="15">
        <v>45559</v>
      </c>
      <c r="F23908" s="14" t="s">
        <v>61</v>
      </c>
      <c r="G23908" s="16">
        <v>0</v>
      </c>
    </row>
    <row r="23909" spans="1:7" x14ac:dyDescent="0.3">
      <c r="A23909" s="13" t="s">
        <v>158</v>
      </c>
      <c r="B23909" s="14" t="s">
        <v>1</v>
      </c>
      <c r="C23909" s="14" t="s">
        <v>96</v>
      </c>
      <c r="D23909" s="14" t="s">
        <v>159</v>
      </c>
      <c r="E23909" s="15">
        <v>45560</v>
      </c>
      <c r="F23909" s="14" t="s">
        <v>61</v>
      </c>
      <c r="G23909" s="16">
        <v>0</v>
      </c>
    </row>
    <row r="23910" spans="1:7" x14ac:dyDescent="0.3">
      <c r="A23910" s="13" t="s">
        <v>158</v>
      </c>
      <c r="B23910" s="14" t="s">
        <v>1</v>
      </c>
      <c r="C23910" s="14" t="s">
        <v>96</v>
      </c>
      <c r="D23910" s="14" t="s">
        <v>159</v>
      </c>
      <c r="E23910" s="15">
        <v>45561</v>
      </c>
      <c r="F23910" s="14" t="s">
        <v>61</v>
      </c>
      <c r="G23910" s="16">
        <v>0</v>
      </c>
    </row>
    <row r="23911" spans="1:7" x14ac:dyDescent="0.3">
      <c r="A23911" s="13" t="s">
        <v>158</v>
      </c>
      <c r="B23911" s="14" t="s">
        <v>1</v>
      </c>
      <c r="C23911" s="14" t="s">
        <v>96</v>
      </c>
      <c r="D23911" s="14" t="s">
        <v>159</v>
      </c>
      <c r="E23911" s="15">
        <v>45562</v>
      </c>
      <c r="F23911" s="14" t="s">
        <v>61</v>
      </c>
      <c r="G23911" s="16">
        <v>0</v>
      </c>
    </row>
    <row r="23912" spans="1:7" x14ac:dyDescent="0.3">
      <c r="A23912" s="13" t="s">
        <v>158</v>
      </c>
      <c r="B23912" s="14" t="s">
        <v>1</v>
      </c>
      <c r="C23912" s="14" t="s">
        <v>96</v>
      </c>
      <c r="D23912" s="14" t="s">
        <v>159</v>
      </c>
      <c r="E23912" s="15">
        <v>45563</v>
      </c>
      <c r="F23912" s="14" t="s">
        <v>61</v>
      </c>
      <c r="G23912" s="16">
        <v>0</v>
      </c>
    </row>
    <row r="23913" spans="1:7" x14ac:dyDescent="0.3">
      <c r="A23913" s="13" t="s">
        <v>158</v>
      </c>
      <c r="B23913" s="14" t="s">
        <v>1</v>
      </c>
      <c r="C23913" s="14" t="s">
        <v>96</v>
      </c>
      <c r="D23913" s="14" t="s">
        <v>159</v>
      </c>
      <c r="E23913" s="15">
        <v>45564</v>
      </c>
      <c r="F23913" s="14" t="s">
        <v>61</v>
      </c>
      <c r="G23913" s="16">
        <v>0</v>
      </c>
    </row>
    <row r="23914" spans="1:7" x14ac:dyDescent="0.3">
      <c r="A23914" s="13" t="s">
        <v>158</v>
      </c>
      <c r="B23914" s="14" t="s">
        <v>1</v>
      </c>
      <c r="C23914" s="14" t="s">
        <v>96</v>
      </c>
      <c r="D23914" s="14" t="s">
        <v>159</v>
      </c>
      <c r="E23914" s="15">
        <v>45565</v>
      </c>
      <c r="F23914" s="14" t="s">
        <v>61</v>
      </c>
      <c r="G23914" s="16">
        <v>0</v>
      </c>
    </row>
    <row r="23915" spans="1:7" x14ac:dyDescent="0.3">
      <c r="A23915" s="13" t="s">
        <v>158</v>
      </c>
      <c r="B23915" s="14" t="s">
        <v>1</v>
      </c>
      <c r="C23915" s="14" t="s">
        <v>96</v>
      </c>
      <c r="D23915" s="14" t="s">
        <v>159</v>
      </c>
      <c r="E23915" s="15">
        <v>45566</v>
      </c>
      <c r="F23915" s="14" t="s">
        <v>61</v>
      </c>
      <c r="G23915" s="16">
        <v>0</v>
      </c>
    </row>
    <row r="23916" spans="1:7" x14ac:dyDescent="0.3">
      <c r="A23916" s="13" t="s">
        <v>158</v>
      </c>
      <c r="B23916" s="14" t="s">
        <v>1</v>
      </c>
      <c r="C23916" s="14" t="s">
        <v>96</v>
      </c>
      <c r="D23916" s="14" t="s">
        <v>159</v>
      </c>
      <c r="E23916" s="15">
        <v>45567</v>
      </c>
      <c r="F23916" s="14" t="s">
        <v>61</v>
      </c>
      <c r="G23916" s="16">
        <v>0</v>
      </c>
    </row>
    <row r="23917" spans="1:7" x14ac:dyDescent="0.3">
      <c r="A23917" s="13" t="s">
        <v>158</v>
      </c>
      <c r="B23917" s="14" t="s">
        <v>1</v>
      </c>
      <c r="C23917" s="14" t="s">
        <v>96</v>
      </c>
      <c r="D23917" s="14" t="s">
        <v>159</v>
      </c>
      <c r="E23917" s="15">
        <v>45568</v>
      </c>
      <c r="F23917" s="14" t="s">
        <v>61</v>
      </c>
      <c r="G23917" s="16">
        <v>0</v>
      </c>
    </row>
    <row r="23918" spans="1:7" x14ac:dyDescent="0.3">
      <c r="A23918" s="13" t="s">
        <v>158</v>
      </c>
      <c r="B23918" s="14" t="s">
        <v>1</v>
      </c>
      <c r="C23918" s="14" t="s">
        <v>96</v>
      </c>
      <c r="D23918" s="14" t="s">
        <v>159</v>
      </c>
      <c r="E23918" s="15">
        <v>45569</v>
      </c>
      <c r="F23918" s="14" t="s">
        <v>61</v>
      </c>
      <c r="G23918" s="16">
        <v>0</v>
      </c>
    </row>
    <row r="23919" spans="1:7" x14ac:dyDescent="0.3">
      <c r="A23919" s="13" t="s">
        <v>158</v>
      </c>
      <c r="B23919" s="14" t="s">
        <v>1</v>
      </c>
      <c r="C23919" s="14" t="s">
        <v>96</v>
      </c>
      <c r="D23919" s="14" t="s">
        <v>159</v>
      </c>
      <c r="E23919" s="15">
        <v>45570</v>
      </c>
      <c r="F23919" s="14" t="s">
        <v>61</v>
      </c>
      <c r="G23919" s="16">
        <v>0</v>
      </c>
    </row>
    <row r="23920" spans="1:7" x14ac:dyDescent="0.3">
      <c r="A23920" s="13" t="s">
        <v>158</v>
      </c>
      <c r="B23920" s="14" t="s">
        <v>1</v>
      </c>
      <c r="C23920" s="14" t="s">
        <v>96</v>
      </c>
      <c r="D23920" s="14" t="s">
        <v>159</v>
      </c>
      <c r="E23920" s="15">
        <v>45571</v>
      </c>
      <c r="F23920" s="14" t="s">
        <v>61</v>
      </c>
      <c r="G23920" s="16">
        <v>0</v>
      </c>
    </row>
    <row r="23921" spans="1:7" x14ac:dyDescent="0.3">
      <c r="A23921" s="13" t="s">
        <v>158</v>
      </c>
      <c r="B23921" s="14" t="s">
        <v>1</v>
      </c>
      <c r="C23921" s="14" t="s">
        <v>96</v>
      </c>
      <c r="D23921" s="14" t="s">
        <v>159</v>
      </c>
      <c r="E23921" s="15">
        <v>45572</v>
      </c>
      <c r="F23921" s="14" t="s">
        <v>61</v>
      </c>
      <c r="G23921" s="16">
        <v>0</v>
      </c>
    </row>
    <row r="23922" spans="1:7" x14ac:dyDescent="0.3">
      <c r="A23922" s="13" t="s">
        <v>158</v>
      </c>
      <c r="B23922" s="14" t="s">
        <v>1</v>
      </c>
      <c r="C23922" s="14" t="s">
        <v>96</v>
      </c>
      <c r="D23922" s="14" t="s">
        <v>159</v>
      </c>
      <c r="E23922" s="15">
        <v>45573</v>
      </c>
      <c r="F23922" s="14" t="s">
        <v>61</v>
      </c>
      <c r="G23922" s="16">
        <v>0</v>
      </c>
    </row>
    <row r="23923" spans="1:7" x14ac:dyDescent="0.3">
      <c r="A23923" s="13" t="s">
        <v>158</v>
      </c>
      <c r="B23923" s="14" t="s">
        <v>1</v>
      </c>
      <c r="C23923" s="14" t="s">
        <v>96</v>
      </c>
      <c r="D23923" s="14" t="s">
        <v>159</v>
      </c>
      <c r="E23923" s="15">
        <v>45574</v>
      </c>
      <c r="F23923" s="14" t="s">
        <v>61</v>
      </c>
      <c r="G23923" s="16">
        <v>0</v>
      </c>
    </row>
    <row r="23924" spans="1:7" x14ac:dyDescent="0.3">
      <c r="A23924" s="13" t="s">
        <v>158</v>
      </c>
      <c r="B23924" s="14" t="s">
        <v>1</v>
      </c>
      <c r="C23924" s="14" t="s">
        <v>96</v>
      </c>
      <c r="D23924" s="14" t="s">
        <v>159</v>
      </c>
      <c r="E23924" s="15">
        <v>45575</v>
      </c>
      <c r="F23924" s="14" t="s">
        <v>61</v>
      </c>
      <c r="G23924" s="16">
        <v>0</v>
      </c>
    </row>
    <row r="23925" spans="1:7" x14ac:dyDescent="0.3">
      <c r="A23925" s="13" t="s">
        <v>158</v>
      </c>
      <c r="B23925" s="14" t="s">
        <v>1</v>
      </c>
      <c r="C23925" s="14" t="s">
        <v>96</v>
      </c>
      <c r="D23925" s="14" t="s">
        <v>159</v>
      </c>
      <c r="E23925" s="15">
        <v>45576</v>
      </c>
      <c r="F23925" s="14" t="s">
        <v>61</v>
      </c>
      <c r="G23925" s="16">
        <v>0</v>
      </c>
    </row>
    <row r="23926" spans="1:7" x14ac:dyDescent="0.3">
      <c r="A23926" s="13" t="s">
        <v>158</v>
      </c>
      <c r="B23926" s="14" t="s">
        <v>1</v>
      </c>
      <c r="C23926" s="14" t="s">
        <v>96</v>
      </c>
      <c r="D23926" s="14" t="s">
        <v>159</v>
      </c>
      <c r="E23926" s="15">
        <v>45577</v>
      </c>
      <c r="F23926" s="14" t="s">
        <v>61</v>
      </c>
      <c r="G23926" s="16">
        <v>0</v>
      </c>
    </row>
    <row r="23927" spans="1:7" x14ac:dyDescent="0.3">
      <c r="A23927" s="13" t="s">
        <v>158</v>
      </c>
      <c r="B23927" s="14" t="s">
        <v>1</v>
      </c>
      <c r="C23927" s="14" t="s">
        <v>96</v>
      </c>
      <c r="D23927" s="14" t="s">
        <v>159</v>
      </c>
      <c r="E23927" s="15">
        <v>45578</v>
      </c>
      <c r="F23927" s="14" t="s">
        <v>61</v>
      </c>
      <c r="G23927" s="16">
        <v>0</v>
      </c>
    </row>
    <row r="23928" spans="1:7" x14ac:dyDescent="0.3">
      <c r="A23928" s="13" t="s">
        <v>158</v>
      </c>
      <c r="B23928" s="14" t="s">
        <v>1</v>
      </c>
      <c r="C23928" s="14" t="s">
        <v>96</v>
      </c>
      <c r="D23928" s="14" t="s">
        <v>159</v>
      </c>
      <c r="E23928" s="15">
        <v>45579</v>
      </c>
      <c r="F23928" s="14" t="s">
        <v>61</v>
      </c>
      <c r="G23928" s="16">
        <v>0</v>
      </c>
    </row>
    <row r="23929" spans="1:7" x14ac:dyDescent="0.3">
      <c r="A23929" s="13" t="s">
        <v>158</v>
      </c>
      <c r="B23929" s="14" t="s">
        <v>1</v>
      </c>
      <c r="C23929" s="14" t="s">
        <v>96</v>
      </c>
      <c r="D23929" s="14" t="s">
        <v>159</v>
      </c>
      <c r="E23929" s="15">
        <v>45580</v>
      </c>
      <c r="F23929" s="14" t="s">
        <v>61</v>
      </c>
      <c r="G23929" s="16">
        <v>0</v>
      </c>
    </row>
    <row r="23930" spans="1:7" x14ac:dyDescent="0.3">
      <c r="A23930" s="13" t="s">
        <v>158</v>
      </c>
      <c r="B23930" s="14" t="s">
        <v>1</v>
      </c>
      <c r="C23930" s="14" t="s">
        <v>96</v>
      </c>
      <c r="D23930" s="14" t="s">
        <v>159</v>
      </c>
      <c r="E23930" s="15">
        <v>45581</v>
      </c>
      <c r="F23930" s="14" t="s">
        <v>61</v>
      </c>
      <c r="G23930" s="16">
        <v>0</v>
      </c>
    </row>
    <row r="23931" spans="1:7" x14ac:dyDescent="0.3">
      <c r="A23931" s="13" t="s">
        <v>158</v>
      </c>
      <c r="B23931" s="14" t="s">
        <v>1</v>
      </c>
      <c r="C23931" s="14" t="s">
        <v>96</v>
      </c>
      <c r="D23931" s="14" t="s">
        <v>159</v>
      </c>
      <c r="E23931" s="15">
        <v>45582</v>
      </c>
      <c r="F23931" s="14" t="s">
        <v>61</v>
      </c>
      <c r="G23931" s="16">
        <v>0</v>
      </c>
    </row>
    <row r="23932" spans="1:7" x14ac:dyDescent="0.3">
      <c r="A23932" s="13" t="s">
        <v>158</v>
      </c>
      <c r="B23932" s="14" t="s">
        <v>1</v>
      </c>
      <c r="C23932" s="14" t="s">
        <v>96</v>
      </c>
      <c r="D23932" s="14" t="s">
        <v>159</v>
      </c>
      <c r="E23932" s="15">
        <v>45583</v>
      </c>
      <c r="F23932" s="14" t="s">
        <v>61</v>
      </c>
      <c r="G23932" s="16">
        <v>0</v>
      </c>
    </row>
    <row r="23933" spans="1:7" x14ac:dyDescent="0.3">
      <c r="A23933" s="13" t="s">
        <v>158</v>
      </c>
      <c r="B23933" s="14" t="s">
        <v>1</v>
      </c>
      <c r="C23933" s="14" t="s">
        <v>96</v>
      </c>
      <c r="D23933" s="14" t="s">
        <v>159</v>
      </c>
      <c r="E23933" s="15">
        <v>45584</v>
      </c>
      <c r="F23933" s="14" t="s">
        <v>61</v>
      </c>
      <c r="G23933" s="16">
        <v>0</v>
      </c>
    </row>
    <row r="23934" spans="1:7" x14ac:dyDescent="0.3">
      <c r="A23934" s="13" t="s">
        <v>158</v>
      </c>
      <c r="B23934" s="14" t="s">
        <v>1</v>
      </c>
      <c r="C23934" s="14" t="s">
        <v>96</v>
      </c>
      <c r="D23934" s="14" t="s">
        <v>159</v>
      </c>
      <c r="E23934" s="15">
        <v>45585</v>
      </c>
      <c r="F23934" s="14" t="s">
        <v>61</v>
      </c>
      <c r="G23934" s="16">
        <v>0</v>
      </c>
    </row>
    <row r="23935" spans="1:7" x14ac:dyDescent="0.3">
      <c r="A23935" s="13" t="s">
        <v>158</v>
      </c>
      <c r="B23935" s="14" t="s">
        <v>1</v>
      </c>
      <c r="C23935" s="14" t="s">
        <v>96</v>
      </c>
      <c r="D23935" s="14" t="s">
        <v>159</v>
      </c>
      <c r="E23935" s="15">
        <v>45586</v>
      </c>
      <c r="F23935" s="14" t="s">
        <v>61</v>
      </c>
      <c r="G23935" s="16">
        <v>0</v>
      </c>
    </row>
    <row r="23936" spans="1:7" x14ac:dyDescent="0.3">
      <c r="A23936" s="13" t="s">
        <v>158</v>
      </c>
      <c r="B23936" s="14" t="s">
        <v>1</v>
      </c>
      <c r="C23936" s="14" t="s">
        <v>96</v>
      </c>
      <c r="D23936" s="14" t="s">
        <v>159</v>
      </c>
      <c r="E23936" s="15">
        <v>45587</v>
      </c>
      <c r="F23936" s="14" t="s">
        <v>61</v>
      </c>
      <c r="G23936" s="16">
        <v>0</v>
      </c>
    </row>
    <row r="23937" spans="1:7" x14ac:dyDescent="0.3">
      <c r="A23937" s="13" t="s">
        <v>158</v>
      </c>
      <c r="B23937" s="14" t="s">
        <v>1</v>
      </c>
      <c r="C23937" s="14" t="s">
        <v>96</v>
      </c>
      <c r="D23937" s="14" t="s">
        <v>159</v>
      </c>
      <c r="E23937" s="15">
        <v>45588</v>
      </c>
      <c r="F23937" s="14" t="s">
        <v>61</v>
      </c>
      <c r="G23937" s="16">
        <v>0</v>
      </c>
    </row>
    <row r="23938" spans="1:7" x14ac:dyDescent="0.3">
      <c r="A23938" s="13" t="s">
        <v>158</v>
      </c>
      <c r="B23938" s="14" t="s">
        <v>1</v>
      </c>
      <c r="C23938" s="14" t="s">
        <v>96</v>
      </c>
      <c r="D23938" s="14" t="s">
        <v>159</v>
      </c>
      <c r="E23938" s="15">
        <v>45589</v>
      </c>
      <c r="F23938" s="14" t="s">
        <v>61</v>
      </c>
      <c r="G23938" s="16">
        <v>0</v>
      </c>
    </row>
    <row r="23939" spans="1:7" x14ac:dyDescent="0.3">
      <c r="A23939" s="13" t="s">
        <v>158</v>
      </c>
      <c r="B23939" s="14" t="s">
        <v>1</v>
      </c>
      <c r="C23939" s="14" t="s">
        <v>96</v>
      </c>
      <c r="D23939" s="14" t="s">
        <v>159</v>
      </c>
      <c r="E23939" s="15">
        <v>45590</v>
      </c>
      <c r="F23939" s="14" t="s">
        <v>61</v>
      </c>
      <c r="G23939" s="16">
        <v>0</v>
      </c>
    </row>
    <row r="23940" spans="1:7" x14ac:dyDescent="0.3">
      <c r="A23940" s="13" t="s">
        <v>158</v>
      </c>
      <c r="B23940" s="14" t="s">
        <v>1</v>
      </c>
      <c r="C23940" s="14" t="s">
        <v>96</v>
      </c>
      <c r="D23940" s="14" t="s">
        <v>159</v>
      </c>
      <c r="E23940" s="15">
        <v>45591</v>
      </c>
      <c r="F23940" s="14" t="s">
        <v>61</v>
      </c>
      <c r="G23940" s="16">
        <v>0</v>
      </c>
    </row>
    <row r="23941" spans="1:7" x14ac:dyDescent="0.3">
      <c r="A23941" s="13" t="s">
        <v>158</v>
      </c>
      <c r="B23941" s="14" t="s">
        <v>1</v>
      </c>
      <c r="C23941" s="14" t="s">
        <v>96</v>
      </c>
      <c r="D23941" s="14" t="s">
        <v>159</v>
      </c>
      <c r="E23941" s="15">
        <v>45592</v>
      </c>
      <c r="F23941" s="14" t="s">
        <v>61</v>
      </c>
      <c r="G23941" s="16">
        <v>0</v>
      </c>
    </row>
    <row r="23942" spans="1:7" x14ac:dyDescent="0.3">
      <c r="A23942" s="13" t="s">
        <v>158</v>
      </c>
      <c r="B23942" s="14" t="s">
        <v>1</v>
      </c>
      <c r="C23942" s="14" t="s">
        <v>96</v>
      </c>
      <c r="D23942" s="14" t="s">
        <v>159</v>
      </c>
      <c r="E23942" s="15">
        <v>45593</v>
      </c>
      <c r="F23942" s="14" t="s">
        <v>61</v>
      </c>
      <c r="G23942" s="16">
        <v>0</v>
      </c>
    </row>
    <row r="23943" spans="1:7" x14ac:dyDescent="0.3">
      <c r="A23943" s="13" t="s">
        <v>158</v>
      </c>
      <c r="B23943" s="14" t="s">
        <v>1</v>
      </c>
      <c r="C23943" s="14" t="s">
        <v>96</v>
      </c>
      <c r="D23943" s="14" t="s">
        <v>159</v>
      </c>
      <c r="E23943" s="15">
        <v>45594</v>
      </c>
      <c r="F23943" s="14" t="s">
        <v>61</v>
      </c>
      <c r="G23943" s="16">
        <v>0</v>
      </c>
    </row>
    <row r="23944" spans="1:7" x14ac:dyDescent="0.3">
      <c r="A23944" s="13" t="s">
        <v>158</v>
      </c>
      <c r="B23944" s="14" t="s">
        <v>1</v>
      </c>
      <c r="C23944" s="14" t="s">
        <v>96</v>
      </c>
      <c r="D23944" s="14" t="s">
        <v>159</v>
      </c>
      <c r="E23944" s="15">
        <v>45595</v>
      </c>
      <c r="F23944" s="14" t="s">
        <v>61</v>
      </c>
      <c r="G23944" s="16">
        <v>0</v>
      </c>
    </row>
    <row r="23945" spans="1:7" x14ac:dyDescent="0.3">
      <c r="A23945" s="13" t="s">
        <v>158</v>
      </c>
      <c r="B23945" s="14" t="s">
        <v>1</v>
      </c>
      <c r="C23945" s="14" t="s">
        <v>96</v>
      </c>
      <c r="D23945" s="14" t="s">
        <v>159</v>
      </c>
      <c r="E23945" s="15">
        <v>45596</v>
      </c>
      <c r="F23945" s="14" t="s">
        <v>61</v>
      </c>
      <c r="G23945" s="16">
        <v>0</v>
      </c>
    </row>
    <row r="23946" spans="1:7" x14ac:dyDescent="0.3">
      <c r="A23946" s="13" t="s">
        <v>158</v>
      </c>
      <c r="B23946" s="14" t="s">
        <v>1</v>
      </c>
      <c r="C23946" s="14" t="s">
        <v>96</v>
      </c>
      <c r="D23946" s="14" t="s">
        <v>159</v>
      </c>
      <c r="E23946" s="15">
        <v>45597</v>
      </c>
      <c r="F23946" s="14" t="s">
        <v>61</v>
      </c>
      <c r="G23946" s="16">
        <v>0</v>
      </c>
    </row>
    <row r="23947" spans="1:7" x14ac:dyDescent="0.3">
      <c r="A23947" s="13" t="s">
        <v>158</v>
      </c>
      <c r="B23947" s="14" t="s">
        <v>1</v>
      </c>
      <c r="C23947" s="14" t="s">
        <v>96</v>
      </c>
      <c r="D23947" s="14" t="s">
        <v>159</v>
      </c>
      <c r="E23947" s="15">
        <v>45598</v>
      </c>
      <c r="F23947" s="14" t="s">
        <v>61</v>
      </c>
      <c r="G23947" s="16">
        <v>0</v>
      </c>
    </row>
    <row r="23948" spans="1:7" x14ac:dyDescent="0.3">
      <c r="A23948" s="13" t="s">
        <v>158</v>
      </c>
      <c r="B23948" s="14" t="s">
        <v>1</v>
      </c>
      <c r="C23948" s="14" t="s">
        <v>96</v>
      </c>
      <c r="D23948" s="14" t="s">
        <v>159</v>
      </c>
      <c r="E23948" s="15">
        <v>45599</v>
      </c>
      <c r="F23948" s="14" t="s">
        <v>61</v>
      </c>
      <c r="G23948" s="16">
        <v>0</v>
      </c>
    </row>
    <row r="23949" spans="1:7" x14ac:dyDescent="0.3">
      <c r="A23949" s="13" t="s">
        <v>158</v>
      </c>
      <c r="B23949" s="14" t="s">
        <v>1</v>
      </c>
      <c r="C23949" s="14" t="s">
        <v>96</v>
      </c>
      <c r="D23949" s="14" t="s">
        <v>159</v>
      </c>
      <c r="E23949" s="15">
        <v>45600</v>
      </c>
      <c r="F23949" s="14" t="s">
        <v>61</v>
      </c>
      <c r="G23949" s="16">
        <v>0</v>
      </c>
    </row>
    <row r="23950" spans="1:7" x14ac:dyDescent="0.3">
      <c r="A23950" s="13" t="s">
        <v>158</v>
      </c>
      <c r="B23950" s="14" t="s">
        <v>1</v>
      </c>
      <c r="C23950" s="14" t="s">
        <v>96</v>
      </c>
      <c r="D23950" s="14" t="s">
        <v>159</v>
      </c>
      <c r="E23950" s="15">
        <v>45601</v>
      </c>
      <c r="F23950" s="14" t="s">
        <v>61</v>
      </c>
      <c r="G23950" s="16">
        <v>0</v>
      </c>
    </row>
    <row r="23951" spans="1:7" x14ac:dyDescent="0.3">
      <c r="A23951" s="13" t="s">
        <v>158</v>
      </c>
      <c r="B23951" s="14" t="s">
        <v>1</v>
      </c>
      <c r="C23951" s="14" t="s">
        <v>96</v>
      </c>
      <c r="D23951" s="14" t="s">
        <v>159</v>
      </c>
      <c r="E23951" s="15">
        <v>45602</v>
      </c>
      <c r="F23951" s="14" t="s">
        <v>61</v>
      </c>
      <c r="G23951" s="16">
        <v>0</v>
      </c>
    </row>
    <row r="23952" spans="1:7" x14ac:dyDescent="0.3">
      <c r="A23952" s="13" t="s">
        <v>158</v>
      </c>
      <c r="B23952" s="14" t="s">
        <v>1</v>
      </c>
      <c r="C23952" s="14" t="s">
        <v>96</v>
      </c>
      <c r="D23952" s="14" t="s">
        <v>159</v>
      </c>
      <c r="E23952" s="15">
        <v>45603</v>
      </c>
      <c r="F23952" s="14" t="s">
        <v>61</v>
      </c>
      <c r="G23952" s="16">
        <v>0</v>
      </c>
    </row>
    <row r="23953" spans="1:7" x14ac:dyDescent="0.3">
      <c r="A23953" s="13" t="s">
        <v>158</v>
      </c>
      <c r="B23953" s="14" t="s">
        <v>1</v>
      </c>
      <c r="C23953" s="14" t="s">
        <v>96</v>
      </c>
      <c r="D23953" s="14" t="s">
        <v>159</v>
      </c>
      <c r="E23953" s="15">
        <v>45604</v>
      </c>
      <c r="F23953" s="14" t="s">
        <v>61</v>
      </c>
      <c r="G23953" s="16">
        <v>0</v>
      </c>
    </row>
    <row r="23954" spans="1:7" x14ac:dyDescent="0.3">
      <c r="A23954" s="13" t="s">
        <v>158</v>
      </c>
      <c r="B23954" s="14" t="s">
        <v>1</v>
      </c>
      <c r="C23954" s="14" t="s">
        <v>96</v>
      </c>
      <c r="D23954" s="14" t="s">
        <v>159</v>
      </c>
      <c r="E23954" s="15">
        <v>45605</v>
      </c>
      <c r="F23954" s="14" t="s">
        <v>61</v>
      </c>
      <c r="G23954" s="16">
        <v>0</v>
      </c>
    </row>
    <row r="23955" spans="1:7" x14ac:dyDescent="0.3">
      <c r="A23955" s="13" t="s">
        <v>158</v>
      </c>
      <c r="B23955" s="14" t="s">
        <v>1</v>
      </c>
      <c r="C23955" s="14" t="s">
        <v>96</v>
      </c>
      <c r="D23955" s="14" t="s">
        <v>159</v>
      </c>
      <c r="E23955" s="15">
        <v>45606</v>
      </c>
      <c r="F23955" s="14" t="s">
        <v>61</v>
      </c>
      <c r="G23955" s="16">
        <v>0</v>
      </c>
    </row>
    <row r="23956" spans="1:7" x14ac:dyDescent="0.3">
      <c r="A23956" s="13" t="s">
        <v>158</v>
      </c>
      <c r="B23956" s="14" t="s">
        <v>1</v>
      </c>
      <c r="C23956" s="14" t="s">
        <v>96</v>
      </c>
      <c r="D23956" s="14" t="s">
        <v>159</v>
      </c>
      <c r="E23956" s="15">
        <v>45607</v>
      </c>
      <c r="F23956" s="14" t="s">
        <v>61</v>
      </c>
      <c r="G23956" s="16">
        <v>0</v>
      </c>
    </row>
    <row r="23957" spans="1:7" x14ac:dyDescent="0.3">
      <c r="A23957" s="13" t="s">
        <v>158</v>
      </c>
      <c r="B23957" s="14" t="s">
        <v>1</v>
      </c>
      <c r="C23957" s="14" t="s">
        <v>96</v>
      </c>
      <c r="D23957" s="14" t="s">
        <v>159</v>
      </c>
      <c r="E23957" s="15">
        <v>45608</v>
      </c>
      <c r="F23957" s="14" t="s">
        <v>61</v>
      </c>
      <c r="G23957" s="16">
        <v>0</v>
      </c>
    </row>
    <row r="23958" spans="1:7" x14ac:dyDescent="0.3">
      <c r="A23958" s="13" t="s">
        <v>158</v>
      </c>
      <c r="B23958" s="14" t="s">
        <v>1</v>
      </c>
      <c r="C23958" s="14" t="s">
        <v>96</v>
      </c>
      <c r="D23958" s="14" t="s">
        <v>159</v>
      </c>
      <c r="E23958" s="15">
        <v>45609</v>
      </c>
      <c r="F23958" s="14" t="s">
        <v>61</v>
      </c>
      <c r="G23958" s="16">
        <v>0</v>
      </c>
    </row>
    <row r="23959" spans="1:7" x14ac:dyDescent="0.3">
      <c r="A23959" s="13" t="s">
        <v>158</v>
      </c>
      <c r="B23959" s="14" t="s">
        <v>1</v>
      </c>
      <c r="C23959" s="14" t="s">
        <v>96</v>
      </c>
      <c r="D23959" s="14" t="s">
        <v>159</v>
      </c>
      <c r="E23959" s="15">
        <v>45610</v>
      </c>
      <c r="F23959" s="14" t="s">
        <v>61</v>
      </c>
      <c r="G23959" s="16">
        <v>0</v>
      </c>
    </row>
    <row r="23960" spans="1:7" x14ac:dyDescent="0.3">
      <c r="A23960" s="13" t="s">
        <v>158</v>
      </c>
      <c r="B23960" s="14" t="s">
        <v>1</v>
      </c>
      <c r="C23960" s="14" t="s">
        <v>96</v>
      </c>
      <c r="D23960" s="14" t="s">
        <v>159</v>
      </c>
      <c r="E23960" s="15">
        <v>45611</v>
      </c>
      <c r="F23960" s="14" t="s">
        <v>61</v>
      </c>
      <c r="G23960" s="16">
        <v>0</v>
      </c>
    </row>
    <row r="23961" spans="1:7" x14ac:dyDescent="0.3">
      <c r="A23961" s="13" t="s">
        <v>158</v>
      </c>
      <c r="B23961" s="14" t="s">
        <v>1</v>
      </c>
      <c r="C23961" s="14" t="s">
        <v>96</v>
      </c>
      <c r="D23961" s="14" t="s">
        <v>159</v>
      </c>
      <c r="E23961" s="15">
        <v>45612</v>
      </c>
      <c r="F23961" s="14" t="s">
        <v>61</v>
      </c>
      <c r="G23961" s="16">
        <v>0</v>
      </c>
    </row>
    <row r="23962" spans="1:7" x14ac:dyDescent="0.3">
      <c r="A23962" s="13" t="s">
        <v>158</v>
      </c>
      <c r="B23962" s="14" t="s">
        <v>1</v>
      </c>
      <c r="C23962" s="14" t="s">
        <v>96</v>
      </c>
      <c r="D23962" s="14" t="s">
        <v>159</v>
      </c>
      <c r="E23962" s="15">
        <v>45613</v>
      </c>
      <c r="F23962" s="14" t="s">
        <v>61</v>
      </c>
      <c r="G23962" s="16">
        <v>0</v>
      </c>
    </row>
    <row r="23963" spans="1:7" x14ac:dyDescent="0.3">
      <c r="A23963" s="13" t="s">
        <v>158</v>
      </c>
      <c r="B23963" s="14" t="s">
        <v>1</v>
      </c>
      <c r="C23963" s="14" t="s">
        <v>96</v>
      </c>
      <c r="D23963" s="14" t="s">
        <v>159</v>
      </c>
      <c r="E23963" s="15">
        <v>45614</v>
      </c>
      <c r="F23963" s="14" t="s">
        <v>61</v>
      </c>
      <c r="G23963" s="16">
        <v>0</v>
      </c>
    </row>
    <row r="23964" spans="1:7" x14ac:dyDescent="0.3">
      <c r="A23964" s="13" t="s">
        <v>158</v>
      </c>
      <c r="B23964" s="14" t="s">
        <v>1</v>
      </c>
      <c r="C23964" s="14" t="s">
        <v>96</v>
      </c>
      <c r="D23964" s="14" t="s">
        <v>159</v>
      </c>
      <c r="E23964" s="15">
        <v>45615</v>
      </c>
      <c r="F23964" s="14" t="s">
        <v>61</v>
      </c>
      <c r="G23964" s="16">
        <v>0</v>
      </c>
    </row>
    <row r="23965" spans="1:7" x14ac:dyDescent="0.3">
      <c r="A23965" s="13" t="s">
        <v>158</v>
      </c>
      <c r="B23965" s="14" t="s">
        <v>1</v>
      </c>
      <c r="C23965" s="14" t="s">
        <v>96</v>
      </c>
      <c r="D23965" s="14" t="s">
        <v>159</v>
      </c>
      <c r="E23965" s="15">
        <v>45616</v>
      </c>
      <c r="F23965" s="14" t="s">
        <v>61</v>
      </c>
      <c r="G23965" s="16">
        <v>0</v>
      </c>
    </row>
    <row r="23966" spans="1:7" x14ac:dyDescent="0.3">
      <c r="A23966" s="13" t="s">
        <v>158</v>
      </c>
      <c r="B23966" s="14" t="s">
        <v>1</v>
      </c>
      <c r="C23966" s="14" t="s">
        <v>96</v>
      </c>
      <c r="D23966" s="14" t="s">
        <v>159</v>
      </c>
      <c r="E23966" s="15">
        <v>45617</v>
      </c>
      <c r="F23966" s="14" t="s">
        <v>61</v>
      </c>
      <c r="G23966" s="16">
        <v>0</v>
      </c>
    </row>
    <row r="23967" spans="1:7" x14ac:dyDescent="0.3">
      <c r="A23967" s="13" t="s">
        <v>158</v>
      </c>
      <c r="B23967" s="14" t="s">
        <v>1</v>
      </c>
      <c r="C23967" s="14" t="s">
        <v>96</v>
      </c>
      <c r="D23967" s="14" t="s">
        <v>159</v>
      </c>
      <c r="E23967" s="15">
        <v>45618</v>
      </c>
      <c r="F23967" s="14" t="s">
        <v>61</v>
      </c>
      <c r="G23967" s="16">
        <v>0</v>
      </c>
    </row>
    <row r="23968" spans="1:7" x14ac:dyDescent="0.3">
      <c r="A23968" s="13" t="s">
        <v>158</v>
      </c>
      <c r="B23968" s="14" t="s">
        <v>1</v>
      </c>
      <c r="C23968" s="14" t="s">
        <v>96</v>
      </c>
      <c r="D23968" s="14" t="s">
        <v>159</v>
      </c>
      <c r="E23968" s="15">
        <v>45619</v>
      </c>
      <c r="F23968" s="14" t="s">
        <v>61</v>
      </c>
      <c r="G23968" s="16">
        <v>0</v>
      </c>
    </row>
    <row r="23969" spans="1:7" x14ac:dyDescent="0.3">
      <c r="A23969" s="13" t="s">
        <v>158</v>
      </c>
      <c r="B23969" s="14" t="s">
        <v>1</v>
      </c>
      <c r="C23969" s="14" t="s">
        <v>96</v>
      </c>
      <c r="D23969" s="14" t="s">
        <v>159</v>
      </c>
      <c r="E23969" s="15">
        <v>45620</v>
      </c>
      <c r="F23969" s="14" t="s">
        <v>61</v>
      </c>
      <c r="G23969" s="16">
        <v>0</v>
      </c>
    </row>
    <row r="23970" spans="1:7" x14ac:dyDescent="0.3">
      <c r="A23970" s="13" t="s">
        <v>158</v>
      </c>
      <c r="B23970" s="14" t="s">
        <v>1</v>
      </c>
      <c r="C23970" s="14" t="s">
        <v>96</v>
      </c>
      <c r="D23970" s="14" t="s">
        <v>159</v>
      </c>
      <c r="E23970" s="15">
        <v>45621</v>
      </c>
      <c r="F23970" s="14" t="s">
        <v>61</v>
      </c>
      <c r="G23970" s="16">
        <v>0</v>
      </c>
    </row>
    <row r="23971" spans="1:7" x14ac:dyDescent="0.3">
      <c r="A23971" s="13" t="s">
        <v>158</v>
      </c>
      <c r="B23971" s="14" t="s">
        <v>1</v>
      </c>
      <c r="C23971" s="14" t="s">
        <v>96</v>
      </c>
      <c r="D23971" s="14" t="s">
        <v>159</v>
      </c>
      <c r="E23971" s="15">
        <v>45622</v>
      </c>
      <c r="F23971" s="14" t="s">
        <v>61</v>
      </c>
      <c r="G23971" s="16">
        <v>0</v>
      </c>
    </row>
    <row r="23972" spans="1:7" x14ac:dyDescent="0.3">
      <c r="A23972" s="13" t="s">
        <v>158</v>
      </c>
      <c r="B23972" s="14" t="s">
        <v>1</v>
      </c>
      <c r="C23972" s="14" t="s">
        <v>96</v>
      </c>
      <c r="D23972" s="14" t="s">
        <v>159</v>
      </c>
      <c r="E23972" s="15">
        <v>45623</v>
      </c>
      <c r="F23972" s="14" t="s">
        <v>61</v>
      </c>
      <c r="G23972" s="16">
        <v>0</v>
      </c>
    </row>
    <row r="23973" spans="1:7" x14ac:dyDescent="0.3">
      <c r="A23973" s="13" t="s">
        <v>158</v>
      </c>
      <c r="B23973" s="14" t="s">
        <v>1</v>
      </c>
      <c r="C23973" s="14" t="s">
        <v>96</v>
      </c>
      <c r="D23973" s="14" t="s">
        <v>159</v>
      </c>
      <c r="E23973" s="15">
        <v>45624</v>
      </c>
      <c r="F23973" s="14" t="s">
        <v>61</v>
      </c>
      <c r="G23973" s="16">
        <v>0</v>
      </c>
    </row>
    <row r="23974" spans="1:7" x14ac:dyDescent="0.3">
      <c r="A23974" s="13" t="s">
        <v>158</v>
      </c>
      <c r="B23974" s="14" t="s">
        <v>1</v>
      </c>
      <c r="C23974" s="14" t="s">
        <v>96</v>
      </c>
      <c r="D23974" s="14" t="s">
        <v>159</v>
      </c>
      <c r="E23974" s="15">
        <v>45625</v>
      </c>
      <c r="F23974" s="14" t="s">
        <v>61</v>
      </c>
      <c r="G23974" s="16">
        <v>0</v>
      </c>
    </row>
    <row r="23975" spans="1:7" x14ac:dyDescent="0.3">
      <c r="A23975" s="13" t="s">
        <v>158</v>
      </c>
      <c r="B23975" s="14" t="s">
        <v>1</v>
      </c>
      <c r="C23975" s="14" t="s">
        <v>96</v>
      </c>
      <c r="D23975" s="14" t="s">
        <v>159</v>
      </c>
      <c r="E23975" s="15">
        <v>45626</v>
      </c>
      <c r="F23975" s="14" t="s">
        <v>61</v>
      </c>
      <c r="G23975" s="16">
        <v>0</v>
      </c>
    </row>
    <row r="23976" spans="1:7" x14ac:dyDescent="0.3">
      <c r="A23976" s="13" t="s">
        <v>158</v>
      </c>
      <c r="B23976" s="14" t="s">
        <v>1</v>
      </c>
      <c r="C23976" s="14" t="s">
        <v>96</v>
      </c>
      <c r="D23976" s="14" t="s">
        <v>159</v>
      </c>
      <c r="E23976" s="15">
        <v>45627</v>
      </c>
      <c r="F23976" s="14" t="s">
        <v>61</v>
      </c>
      <c r="G23976" s="16">
        <v>0</v>
      </c>
    </row>
    <row r="23977" spans="1:7" x14ac:dyDescent="0.3">
      <c r="A23977" s="13" t="s">
        <v>158</v>
      </c>
      <c r="B23977" s="14" t="s">
        <v>1</v>
      </c>
      <c r="C23977" s="14" t="s">
        <v>96</v>
      </c>
      <c r="D23977" s="14" t="s">
        <v>159</v>
      </c>
      <c r="E23977" s="15">
        <v>45628</v>
      </c>
      <c r="F23977" s="14" t="s">
        <v>61</v>
      </c>
      <c r="G23977" s="16">
        <v>0</v>
      </c>
    </row>
    <row r="23978" spans="1:7" x14ac:dyDescent="0.3">
      <c r="A23978" s="13" t="s">
        <v>158</v>
      </c>
      <c r="B23978" s="14" t="s">
        <v>1</v>
      </c>
      <c r="C23978" s="14" t="s">
        <v>96</v>
      </c>
      <c r="D23978" s="14" t="s">
        <v>159</v>
      </c>
      <c r="E23978" s="15">
        <v>45629</v>
      </c>
      <c r="F23978" s="14" t="s">
        <v>61</v>
      </c>
      <c r="G23978" s="16">
        <v>0</v>
      </c>
    </row>
    <row r="23979" spans="1:7" x14ac:dyDescent="0.3">
      <c r="A23979" s="13" t="s">
        <v>158</v>
      </c>
      <c r="B23979" s="14" t="s">
        <v>1</v>
      </c>
      <c r="C23979" s="14" t="s">
        <v>96</v>
      </c>
      <c r="D23979" s="14" t="s">
        <v>159</v>
      </c>
      <c r="E23979" s="15">
        <v>45630</v>
      </c>
      <c r="F23979" s="14" t="s">
        <v>61</v>
      </c>
      <c r="G23979" s="16">
        <v>0</v>
      </c>
    </row>
    <row r="23980" spans="1:7" x14ac:dyDescent="0.3">
      <c r="A23980" s="13" t="s">
        <v>158</v>
      </c>
      <c r="B23980" s="14" t="s">
        <v>1</v>
      </c>
      <c r="C23980" s="14" t="s">
        <v>96</v>
      </c>
      <c r="D23980" s="14" t="s">
        <v>159</v>
      </c>
      <c r="E23980" s="15">
        <v>45631</v>
      </c>
      <c r="F23980" s="14" t="s">
        <v>61</v>
      </c>
      <c r="G23980" s="16">
        <v>0</v>
      </c>
    </row>
    <row r="23981" spans="1:7" x14ac:dyDescent="0.3">
      <c r="A23981" s="13" t="s">
        <v>158</v>
      </c>
      <c r="B23981" s="14" t="s">
        <v>1</v>
      </c>
      <c r="C23981" s="14" t="s">
        <v>96</v>
      </c>
      <c r="D23981" s="14" t="s">
        <v>159</v>
      </c>
      <c r="E23981" s="15">
        <v>45632</v>
      </c>
      <c r="F23981" s="14" t="s">
        <v>61</v>
      </c>
      <c r="G23981" s="16">
        <v>0</v>
      </c>
    </row>
    <row r="23982" spans="1:7" x14ac:dyDescent="0.3">
      <c r="A23982" s="13" t="s">
        <v>158</v>
      </c>
      <c r="B23982" s="14" t="s">
        <v>1</v>
      </c>
      <c r="C23982" s="14" t="s">
        <v>96</v>
      </c>
      <c r="D23982" s="14" t="s">
        <v>159</v>
      </c>
      <c r="E23982" s="15">
        <v>45633</v>
      </c>
      <c r="F23982" s="14" t="s">
        <v>61</v>
      </c>
      <c r="G23982" s="16">
        <v>0</v>
      </c>
    </row>
    <row r="23983" spans="1:7" x14ac:dyDescent="0.3">
      <c r="A23983" s="13" t="s">
        <v>158</v>
      </c>
      <c r="B23983" s="14" t="s">
        <v>1</v>
      </c>
      <c r="C23983" s="14" t="s">
        <v>96</v>
      </c>
      <c r="D23983" s="14" t="s">
        <v>159</v>
      </c>
      <c r="E23983" s="15">
        <v>45634</v>
      </c>
      <c r="F23983" s="14" t="s">
        <v>61</v>
      </c>
      <c r="G23983" s="16">
        <v>0</v>
      </c>
    </row>
    <row r="23984" spans="1:7" x14ac:dyDescent="0.3">
      <c r="A23984" s="13" t="s">
        <v>158</v>
      </c>
      <c r="B23984" s="14" t="s">
        <v>1</v>
      </c>
      <c r="C23984" s="14" t="s">
        <v>96</v>
      </c>
      <c r="D23984" s="14" t="s">
        <v>159</v>
      </c>
      <c r="E23984" s="15">
        <v>45635</v>
      </c>
      <c r="F23984" s="14" t="s">
        <v>61</v>
      </c>
      <c r="G23984" s="16">
        <v>0</v>
      </c>
    </row>
    <row r="23985" spans="1:7" x14ac:dyDescent="0.3">
      <c r="A23985" s="13" t="s">
        <v>158</v>
      </c>
      <c r="B23985" s="14" t="s">
        <v>1</v>
      </c>
      <c r="C23985" s="14" t="s">
        <v>96</v>
      </c>
      <c r="D23985" s="14" t="s">
        <v>159</v>
      </c>
      <c r="E23985" s="15">
        <v>45636</v>
      </c>
      <c r="F23985" s="14" t="s">
        <v>61</v>
      </c>
      <c r="G23985" s="16">
        <v>0</v>
      </c>
    </row>
    <row r="23986" spans="1:7" x14ac:dyDescent="0.3">
      <c r="A23986" s="13" t="s">
        <v>158</v>
      </c>
      <c r="B23986" s="14" t="s">
        <v>1</v>
      </c>
      <c r="C23986" s="14" t="s">
        <v>96</v>
      </c>
      <c r="D23986" s="14" t="s">
        <v>159</v>
      </c>
      <c r="E23986" s="15">
        <v>45637</v>
      </c>
      <c r="F23986" s="14" t="s">
        <v>61</v>
      </c>
      <c r="G23986" s="16">
        <v>0</v>
      </c>
    </row>
    <row r="23987" spans="1:7" x14ac:dyDescent="0.3">
      <c r="A23987" s="13" t="s">
        <v>158</v>
      </c>
      <c r="B23987" s="14" t="s">
        <v>1</v>
      </c>
      <c r="C23987" s="14" t="s">
        <v>96</v>
      </c>
      <c r="D23987" s="14" t="s">
        <v>159</v>
      </c>
      <c r="E23987" s="15">
        <v>45638</v>
      </c>
      <c r="F23987" s="14" t="s">
        <v>61</v>
      </c>
      <c r="G23987" s="16">
        <v>0</v>
      </c>
    </row>
    <row r="23988" spans="1:7" x14ac:dyDescent="0.3">
      <c r="A23988" s="13" t="s">
        <v>158</v>
      </c>
      <c r="B23988" s="14" t="s">
        <v>1</v>
      </c>
      <c r="C23988" s="14" t="s">
        <v>96</v>
      </c>
      <c r="D23988" s="14" t="s">
        <v>159</v>
      </c>
      <c r="E23988" s="15">
        <v>45639</v>
      </c>
      <c r="F23988" s="14" t="s">
        <v>61</v>
      </c>
      <c r="G23988" s="16">
        <v>0</v>
      </c>
    </row>
    <row r="23989" spans="1:7" x14ac:dyDescent="0.3">
      <c r="A23989" s="13" t="s">
        <v>158</v>
      </c>
      <c r="B23989" s="14" t="s">
        <v>1</v>
      </c>
      <c r="C23989" s="14" t="s">
        <v>96</v>
      </c>
      <c r="D23989" s="14" t="s">
        <v>159</v>
      </c>
      <c r="E23989" s="15">
        <v>45640</v>
      </c>
      <c r="F23989" s="14" t="s">
        <v>61</v>
      </c>
      <c r="G23989" s="16">
        <v>0</v>
      </c>
    </row>
    <row r="23990" spans="1:7" x14ac:dyDescent="0.3">
      <c r="A23990" s="13" t="s">
        <v>158</v>
      </c>
      <c r="B23990" s="14" t="s">
        <v>1</v>
      </c>
      <c r="C23990" s="14" t="s">
        <v>96</v>
      </c>
      <c r="D23990" s="14" t="s">
        <v>159</v>
      </c>
      <c r="E23990" s="15">
        <v>45641</v>
      </c>
      <c r="F23990" s="14" t="s">
        <v>61</v>
      </c>
      <c r="G23990" s="16">
        <v>0</v>
      </c>
    </row>
    <row r="23991" spans="1:7" x14ac:dyDescent="0.3">
      <c r="A23991" s="13" t="s">
        <v>158</v>
      </c>
      <c r="B23991" s="14" t="s">
        <v>1</v>
      </c>
      <c r="C23991" s="14" t="s">
        <v>96</v>
      </c>
      <c r="D23991" s="14" t="s">
        <v>159</v>
      </c>
      <c r="E23991" s="15">
        <v>45642</v>
      </c>
      <c r="F23991" s="14" t="s">
        <v>61</v>
      </c>
      <c r="G23991" s="16">
        <v>0</v>
      </c>
    </row>
    <row r="23992" spans="1:7" x14ac:dyDescent="0.3">
      <c r="A23992" s="13" t="s">
        <v>158</v>
      </c>
      <c r="B23992" s="14" t="s">
        <v>1</v>
      </c>
      <c r="C23992" s="14" t="s">
        <v>96</v>
      </c>
      <c r="D23992" s="14" t="s">
        <v>159</v>
      </c>
      <c r="E23992" s="15">
        <v>45643</v>
      </c>
      <c r="F23992" s="14" t="s">
        <v>61</v>
      </c>
      <c r="G23992" s="16">
        <v>0</v>
      </c>
    </row>
    <row r="23993" spans="1:7" x14ac:dyDescent="0.3">
      <c r="A23993" s="13" t="s">
        <v>158</v>
      </c>
      <c r="B23993" s="14" t="s">
        <v>1</v>
      </c>
      <c r="C23993" s="14" t="s">
        <v>96</v>
      </c>
      <c r="D23993" s="14" t="s">
        <v>159</v>
      </c>
      <c r="E23993" s="15">
        <v>45644</v>
      </c>
      <c r="F23993" s="14" t="s">
        <v>61</v>
      </c>
      <c r="G23993" s="16">
        <v>0</v>
      </c>
    </row>
    <row r="23994" spans="1:7" x14ac:dyDescent="0.3">
      <c r="A23994" s="13" t="s">
        <v>158</v>
      </c>
      <c r="B23994" s="14" t="s">
        <v>1</v>
      </c>
      <c r="C23994" s="14" t="s">
        <v>96</v>
      </c>
      <c r="D23994" s="14" t="s">
        <v>159</v>
      </c>
      <c r="E23994" s="15">
        <v>45645</v>
      </c>
      <c r="F23994" s="14" t="s">
        <v>61</v>
      </c>
      <c r="G23994" s="16">
        <v>0</v>
      </c>
    </row>
    <row r="23995" spans="1:7" x14ac:dyDescent="0.3">
      <c r="A23995" s="13" t="s">
        <v>158</v>
      </c>
      <c r="B23995" s="14" t="s">
        <v>1</v>
      </c>
      <c r="C23995" s="14" t="s">
        <v>96</v>
      </c>
      <c r="D23995" s="14" t="s">
        <v>159</v>
      </c>
      <c r="E23995" s="15">
        <v>45646</v>
      </c>
      <c r="F23995" s="14" t="s">
        <v>61</v>
      </c>
      <c r="G23995" s="16">
        <v>0</v>
      </c>
    </row>
    <row r="23996" spans="1:7" x14ac:dyDescent="0.3">
      <c r="A23996" s="13" t="s">
        <v>158</v>
      </c>
      <c r="B23996" s="14" t="s">
        <v>1</v>
      </c>
      <c r="C23996" s="14" t="s">
        <v>96</v>
      </c>
      <c r="D23996" s="14" t="s">
        <v>159</v>
      </c>
      <c r="E23996" s="15">
        <v>45647</v>
      </c>
      <c r="F23996" s="14" t="s">
        <v>61</v>
      </c>
      <c r="G23996" s="16">
        <v>0</v>
      </c>
    </row>
    <row r="23997" spans="1:7" x14ac:dyDescent="0.3">
      <c r="A23997" s="13" t="s">
        <v>158</v>
      </c>
      <c r="B23997" s="14" t="s">
        <v>1</v>
      </c>
      <c r="C23997" s="14" t="s">
        <v>96</v>
      </c>
      <c r="D23997" s="14" t="s">
        <v>159</v>
      </c>
      <c r="E23997" s="15">
        <v>45648</v>
      </c>
      <c r="F23997" s="14" t="s">
        <v>61</v>
      </c>
      <c r="G23997" s="16">
        <v>0</v>
      </c>
    </row>
    <row r="23998" spans="1:7" x14ac:dyDescent="0.3">
      <c r="A23998" s="13" t="s">
        <v>158</v>
      </c>
      <c r="B23998" s="14" t="s">
        <v>1</v>
      </c>
      <c r="C23998" s="14" t="s">
        <v>96</v>
      </c>
      <c r="D23998" s="14" t="s">
        <v>159</v>
      </c>
      <c r="E23998" s="15">
        <v>45649</v>
      </c>
      <c r="F23998" s="14" t="s">
        <v>61</v>
      </c>
      <c r="G23998" s="16">
        <v>0</v>
      </c>
    </row>
    <row r="23999" spans="1:7" x14ac:dyDescent="0.3">
      <c r="A23999" s="13" t="s">
        <v>158</v>
      </c>
      <c r="B23999" s="14" t="s">
        <v>1</v>
      </c>
      <c r="C23999" s="14" t="s">
        <v>96</v>
      </c>
      <c r="D23999" s="14" t="s">
        <v>159</v>
      </c>
      <c r="E23999" s="15">
        <v>45650</v>
      </c>
      <c r="F23999" s="14" t="s">
        <v>61</v>
      </c>
      <c r="G23999" s="16">
        <v>0</v>
      </c>
    </row>
    <row r="24000" spans="1:7" x14ac:dyDescent="0.3">
      <c r="A24000" s="13" t="s">
        <v>158</v>
      </c>
      <c r="B24000" s="14" t="s">
        <v>1</v>
      </c>
      <c r="C24000" s="14" t="s">
        <v>96</v>
      </c>
      <c r="D24000" s="14" t="s">
        <v>159</v>
      </c>
      <c r="E24000" s="15">
        <v>45651</v>
      </c>
      <c r="F24000" s="14" t="s">
        <v>61</v>
      </c>
      <c r="G24000" s="16">
        <v>0</v>
      </c>
    </row>
    <row r="24001" spans="1:7" x14ac:dyDescent="0.3">
      <c r="A24001" s="13" t="s">
        <v>158</v>
      </c>
      <c r="B24001" s="14" t="s">
        <v>1</v>
      </c>
      <c r="C24001" s="14" t="s">
        <v>96</v>
      </c>
      <c r="D24001" s="14" t="s">
        <v>159</v>
      </c>
      <c r="E24001" s="15">
        <v>45652</v>
      </c>
      <c r="F24001" s="14" t="s">
        <v>61</v>
      </c>
      <c r="G24001" s="16">
        <v>0</v>
      </c>
    </row>
    <row r="24002" spans="1:7" x14ac:dyDescent="0.3">
      <c r="A24002" s="13" t="s">
        <v>158</v>
      </c>
      <c r="B24002" s="14" t="s">
        <v>1</v>
      </c>
      <c r="C24002" s="14" t="s">
        <v>96</v>
      </c>
      <c r="D24002" s="14" t="s">
        <v>159</v>
      </c>
      <c r="E24002" s="15">
        <v>45653</v>
      </c>
      <c r="F24002" s="14" t="s">
        <v>61</v>
      </c>
      <c r="G24002" s="16">
        <v>0</v>
      </c>
    </row>
    <row r="24003" spans="1:7" x14ac:dyDescent="0.3">
      <c r="A24003" s="13" t="s">
        <v>158</v>
      </c>
      <c r="B24003" s="14" t="s">
        <v>1</v>
      </c>
      <c r="C24003" s="14" t="s">
        <v>96</v>
      </c>
      <c r="D24003" s="14" t="s">
        <v>159</v>
      </c>
      <c r="E24003" s="15">
        <v>45654</v>
      </c>
      <c r="F24003" s="14" t="s">
        <v>61</v>
      </c>
      <c r="G24003" s="16">
        <v>0</v>
      </c>
    </row>
    <row r="24004" spans="1:7" x14ac:dyDescent="0.3">
      <c r="A24004" s="13" t="s">
        <v>158</v>
      </c>
      <c r="B24004" s="14" t="s">
        <v>1</v>
      </c>
      <c r="C24004" s="14" t="s">
        <v>96</v>
      </c>
      <c r="D24004" s="14" t="s">
        <v>159</v>
      </c>
      <c r="E24004" s="15">
        <v>45655</v>
      </c>
      <c r="F24004" s="14" t="s">
        <v>61</v>
      </c>
      <c r="G24004" s="16">
        <v>0</v>
      </c>
    </row>
    <row r="24005" spans="1:7" x14ac:dyDescent="0.3">
      <c r="A24005" s="13" t="s">
        <v>158</v>
      </c>
      <c r="B24005" s="14" t="s">
        <v>1</v>
      </c>
      <c r="C24005" s="14" t="s">
        <v>96</v>
      </c>
      <c r="D24005" s="14" t="s">
        <v>159</v>
      </c>
      <c r="E24005" s="15">
        <v>45656</v>
      </c>
      <c r="F24005" s="14" t="s">
        <v>61</v>
      </c>
      <c r="G24005" s="16">
        <v>0</v>
      </c>
    </row>
    <row r="24006" spans="1:7" x14ac:dyDescent="0.3">
      <c r="A24006" s="13" t="s">
        <v>158</v>
      </c>
      <c r="B24006" s="14" t="s">
        <v>1</v>
      </c>
      <c r="C24006" s="14" t="s">
        <v>96</v>
      </c>
      <c r="D24006" s="14" t="s">
        <v>159</v>
      </c>
      <c r="E24006" s="15">
        <v>45657</v>
      </c>
      <c r="F24006" s="14" t="s">
        <v>61</v>
      </c>
      <c r="G24006" s="16">
        <v>0</v>
      </c>
    </row>
    <row r="24007" spans="1:7" x14ac:dyDescent="0.3">
      <c r="A24007" s="13" t="s">
        <v>158</v>
      </c>
      <c r="B24007" s="14" t="s">
        <v>1</v>
      </c>
      <c r="C24007" s="14" t="s">
        <v>96</v>
      </c>
      <c r="D24007" s="14" t="s">
        <v>159</v>
      </c>
      <c r="E24007" s="15">
        <v>45658</v>
      </c>
      <c r="F24007" s="14" t="s">
        <v>61</v>
      </c>
      <c r="G24007" s="16">
        <v>0</v>
      </c>
    </row>
    <row r="24008" spans="1:7" x14ac:dyDescent="0.3">
      <c r="A24008" s="13" t="s">
        <v>158</v>
      </c>
      <c r="B24008" s="14" t="s">
        <v>1</v>
      </c>
      <c r="C24008" s="14" t="s">
        <v>96</v>
      </c>
      <c r="D24008" s="14" t="s">
        <v>159</v>
      </c>
      <c r="E24008" s="15">
        <v>45659</v>
      </c>
      <c r="F24008" s="14" t="s">
        <v>61</v>
      </c>
      <c r="G24008" s="16">
        <v>0</v>
      </c>
    </row>
    <row r="24009" spans="1:7" x14ac:dyDescent="0.3">
      <c r="A24009" s="13" t="s">
        <v>158</v>
      </c>
      <c r="B24009" s="14" t="s">
        <v>1</v>
      </c>
      <c r="C24009" s="14" t="s">
        <v>96</v>
      </c>
      <c r="D24009" s="14" t="s">
        <v>159</v>
      </c>
      <c r="E24009" s="15">
        <v>45660</v>
      </c>
      <c r="F24009" s="14" t="s">
        <v>61</v>
      </c>
      <c r="G24009" s="16">
        <v>0</v>
      </c>
    </row>
    <row r="24010" spans="1:7" x14ac:dyDescent="0.3">
      <c r="A24010" s="13" t="s">
        <v>158</v>
      </c>
      <c r="B24010" s="14" t="s">
        <v>1</v>
      </c>
      <c r="C24010" s="14" t="s">
        <v>96</v>
      </c>
      <c r="D24010" s="14" t="s">
        <v>159</v>
      </c>
      <c r="E24010" s="15">
        <v>45661</v>
      </c>
      <c r="F24010" s="14" t="s">
        <v>61</v>
      </c>
      <c r="G24010" s="16">
        <v>0</v>
      </c>
    </row>
    <row r="24011" spans="1:7" x14ac:dyDescent="0.3">
      <c r="A24011" s="13" t="s">
        <v>158</v>
      </c>
      <c r="B24011" s="14" t="s">
        <v>1</v>
      </c>
      <c r="C24011" s="14" t="s">
        <v>96</v>
      </c>
      <c r="D24011" s="14" t="s">
        <v>159</v>
      </c>
      <c r="E24011" s="15">
        <v>45662</v>
      </c>
      <c r="F24011" s="14" t="s">
        <v>61</v>
      </c>
      <c r="G24011" s="16">
        <v>0</v>
      </c>
    </row>
    <row r="24012" spans="1:7" x14ac:dyDescent="0.3">
      <c r="A24012" s="13" t="s">
        <v>158</v>
      </c>
      <c r="B24012" s="14" t="s">
        <v>1</v>
      </c>
      <c r="C24012" s="14" t="s">
        <v>96</v>
      </c>
      <c r="D24012" s="14" t="s">
        <v>159</v>
      </c>
      <c r="E24012" s="15">
        <v>45663</v>
      </c>
      <c r="F24012" s="14" t="s">
        <v>61</v>
      </c>
      <c r="G24012" s="16">
        <v>0</v>
      </c>
    </row>
    <row r="24013" spans="1:7" x14ac:dyDescent="0.3">
      <c r="A24013" s="13" t="s">
        <v>158</v>
      </c>
      <c r="B24013" s="14" t="s">
        <v>1</v>
      </c>
      <c r="C24013" s="14" t="s">
        <v>96</v>
      </c>
      <c r="D24013" s="14" t="s">
        <v>159</v>
      </c>
      <c r="E24013" s="15">
        <v>45664</v>
      </c>
      <c r="F24013" s="14" t="s">
        <v>61</v>
      </c>
      <c r="G24013" s="16">
        <v>0</v>
      </c>
    </row>
    <row r="24014" spans="1:7" x14ac:dyDescent="0.3">
      <c r="A24014" s="13" t="s">
        <v>158</v>
      </c>
      <c r="B24014" s="14" t="s">
        <v>1</v>
      </c>
      <c r="C24014" s="14" t="s">
        <v>96</v>
      </c>
      <c r="D24014" s="14" t="s">
        <v>159</v>
      </c>
      <c r="E24014" s="15">
        <v>45665</v>
      </c>
      <c r="F24014" s="14" t="s">
        <v>61</v>
      </c>
      <c r="G24014" s="16">
        <v>0</v>
      </c>
    </row>
    <row r="24015" spans="1:7" x14ac:dyDescent="0.3">
      <c r="A24015" s="13" t="s">
        <v>158</v>
      </c>
      <c r="B24015" s="14" t="s">
        <v>1</v>
      </c>
      <c r="C24015" s="14" t="s">
        <v>96</v>
      </c>
      <c r="D24015" s="14" t="s">
        <v>159</v>
      </c>
      <c r="E24015" s="15">
        <v>45666</v>
      </c>
      <c r="F24015" s="14" t="s">
        <v>61</v>
      </c>
      <c r="G24015" s="16">
        <v>0</v>
      </c>
    </row>
    <row r="24016" spans="1:7" x14ac:dyDescent="0.3">
      <c r="A24016" s="13" t="s">
        <v>158</v>
      </c>
      <c r="B24016" s="14" t="s">
        <v>1</v>
      </c>
      <c r="C24016" s="14" t="s">
        <v>96</v>
      </c>
      <c r="D24016" s="14" t="s">
        <v>159</v>
      </c>
      <c r="E24016" s="15">
        <v>45667</v>
      </c>
      <c r="F24016" s="14" t="s">
        <v>61</v>
      </c>
      <c r="G24016" s="16">
        <v>0</v>
      </c>
    </row>
    <row r="24017" spans="1:7" x14ac:dyDescent="0.3">
      <c r="A24017" s="13" t="s">
        <v>158</v>
      </c>
      <c r="B24017" s="14" t="s">
        <v>1</v>
      </c>
      <c r="C24017" s="14" t="s">
        <v>96</v>
      </c>
      <c r="D24017" s="14" t="s">
        <v>159</v>
      </c>
      <c r="E24017" s="15">
        <v>45668</v>
      </c>
      <c r="F24017" s="14" t="s">
        <v>61</v>
      </c>
      <c r="G24017" s="16">
        <v>0</v>
      </c>
    </row>
    <row r="24018" spans="1:7" x14ac:dyDescent="0.3">
      <c r="A24018" s="13" t="s">
        <v>158</v>
      </c>
      <c r="B24018" s="14" t="s">
        <v>1</v>
      </c>
      <c r="C24018" s="14" t="s">
        <v>96</v>
      </c>
      <c r="D24018" s="14" t="s">
        <v>159</v>
      </c>
      <c r="E24018" s="15">
        <v>45669</v>
      </c>
      <c r="F24018" s="14" t="s">
        <v>61</v>
      </c>
      <c r="G24018" s="16">
        <v>0</v>
      </c>
    </row>
    <row r="24019" spans="1:7" x14ac:dyDescent="0.3">
      <c r="A24019" s="13" t="s">
        <v>158</v>
      </c>
      <c r="B24019" s="14" t="s">
        <v>1</v>
      </c>
      <c r="C24019" s="14" t="s">
        <v>96</v>
      </c>
      <c r="D24019" s="14" t="s">
        <v>159</v>
      </c>
      <c r="E24019" s="15">
        <v>45670</v>
      </c>
      <c r="F24019" s="14" t="s">
        <v>61</v>
      </c>
      <c r="G24019" s="16">
        <v>0</v>
      </c>
    </row>
    <row r="24020" spans="1:7" x14ac:dyDescent="0.3">
      <c r="A24020" s="13" t="s">
        <v>158</v>
      </c>
      <c r="B24020" s="14" t="s">
        <v>1</v>
      </c>
      <c r="C24020" s="14" t="s">
        <v>96</v>
      </c>
      <c r="D24020" s="14" t="s">
        <v>159</v>
      </c>
      <c r="E24020" s="15">
        <v>45671</v>
      </c>
      <c r="F24020" s="14" t="s">
        <v>61</v>
      </c>
      <c r="G24020" s="16">
        <v>0</v>
      </c>
    </row>
    <row r="24021" spans="1:7" x14ac:dyDescent="0.3">
      <c r="A24021" s="13" t="s">
        <v>158</v>
      </c>
      <c r="B24021" s="14" t="s">
        <v>1</v>
      </c>
      <c r="C24021" s="14" t="s">
        <v>96</v>
      </c>
      <c r="D24021" s="14" t="s">
        <v>159</v>
      </c>
      <c r="E24021" s="15">
        <v>45672</v>
      </c>
      <c r="F24021" s="14" t="s">
        <v>61</v>
      </c>
      <c r="G24021" s="16">
        <v>0</v>
      </c>
    </row>
    <row r="24022" spans="1:7" x14ac:dyDescent="0.3">
      <c r="A24022" s="13" t="s">
        <v>158</v>
      </c>
      <c r="B24022" s="14" t="s">
        <v>1</v>
      </c>
      <c r="C24022" s="14" t="s">
        <v>96</v>
      </c>
      <c r="D24022" s="14" t="s">
        <v>159</v>
      </c>
      <c r="E24022" s="15">
        <v>45673</v>
      </c>
      <c r="F24022" s="14" t="s">
        <v>61</v>
      </c>
      <c r="G24022" s="16">
        <v>0</v>
      </c>
    </row>
    <row r="24023" spans="1:7" x14ac:dyDescent="0.3">
      <c r="A24023" s="13" t="s">
        <v>158</v>
      </c>
      <c r="B24023" s="14" t="s">
        <v>1</v>
      </c>
      <c r="C24023" s="14" t="s">
        <v>96</v>
      </c>
      <c r="D24023" s="14" t="s">
        <v>159</v>
      </c>
      <c r="E24023" s="15">
        <v>45674</v>
      </c>
      <c r="F24023" s="14" t="s">
        <v>61</v>
      </c>
      <c r="G24023" s="16">
        <v>0</v>
      </c>
    </row>
    <row r="24024" spans="1:7" x14ac:dyDescent="0.3">
      <c r="A24024" s="13" t="s">
        <v>158</v>
      </c>
      <c r="B24024" s="14" t="s">
        <v>1</v>
      </c>
      <c r="C24024" s="14" t="s">
        <v>96</v>
      </c>
      <c r="D24024" s="14" t="s">
        <v>159</v>
      </c>
      <c r="E24024" s="15">
        <v>45675</v>
      </c>
      <c r="F24024" s="14" t="s">
        <v>61</v>
      </c>
      <c r="G24024" s="16">
        <v>0</v>
      </c>
    </row>
    <row r="24025" spans="1:7" x14ac:dyDescent="0.3">
      <c r="A24025" s="13" t="s">
        <v>158</v>
      </c>
      <c r="B24025" s="14" t="s">
        <v>1</v>
      </c>
      <c r="C24025" s="14" t="s">
        <v>96</v>
      </c>
      <c r="D24025" s="14" t="s">
        <v>159</v>
      </c>
      <c r="E24025" s="15">
        <v>45676</v>
      </c>
      <c r="F24025" s="14" t="s">
        <v>61</v>
      </c>
      <c r="G24025" s="16">
        <v>0</v>
      </c>
    </row>
    <row r="24026" spans="1:7" x14ac:dyDescent="0.3">
      <c r="A24026" s="13" t="s">
        <v>158</v>
      </c>
      <c r="B24026" s="14" t="s">
        <v>1</v>
      </c>
      <c r="C24026" s="14" t="s">
        <v>96</v>
      </c>
      <c r="D24026" s="14" t="s">
        <v>159</v>
      </c>
      <c r="E24026" s="15">
        <v>45677</v>
      </c>
      <c r="F24026" s="14" t="s">
        <v>61</v>
      </c>
      <c r="G24026" s="16">
        <v>0</v>
      </c>
    </row>
    <row r="24027" spans="1:7" x14ac:dyDescent="0.3">
      <c r="A24027" s="13" t="s">
        <v>158</v>
      </c>
      <c r="B24027" s="14" t="s">
        <v>1</v>
      </c>
      <c r="C24027" s="14" t="s">
        <v>96</v>
      </c>
      <c r="D24027" s="14" t="s">
        <v>159</v>
      </c>
      <c r="E24027" s="15">
        <v>45678</v>
      </c>
      <c r="F24027" s="14" t="s">
        <v>61</v>
      </c>
      <c r="G24027" s="16">
        <v>0</v>
      </c>
    </row>
    <row r="24028" spans="1:7" x14ac:dyDescent="0.3">
      <c r="A24028" s="13" t="s">
        <v>158</v>
      </c>
      <c r="B24028" s="14" t="s">
        <v>1</v>
      </c>
      <c r="C24028" s="14" t="s">
        <v>96</v>
      </c>
      <c r="D24028" s="14" t="s">
        <v>159</v>
      </c>
      <c r="E24028" s="15">
        <v>45679</v>
      </c>
      <c r="F24028" s="14" t="s">
        <v>61</v>
      </c>
      <c r="G24028" s="16">
        <v>0</v>
      </c>
    </row>
    <row r="24029" spans="1:7" x14ac:dyDescent="0.3">
      <c r="A24029" s="13" t="s">
        <v>158</v>
      </c>
      <c r="B24029" s="14" t="s">
        <v>1</v>
      </c>
      <c r="C24029" s="14" t="s">
        <v>96</v>
      </c>
      <c r="D24029" s="14" t="s">
        <v>159</v>
      </c>
      <c r="E24029" s="15">
        <v>45680</v>
      </c>
      <c r="F24029" s="14" t="s">
        <v>61</v>
      </c>
      <c r="G24029" s="16">
        <v>0</v>
      </c>
    </row>
    <row r="24030" spans="1:7" x14ac:dyDescent="0.3">
      <c r="A24030" s="13" t="s">
        <v>158</v>
      </c>
      <c r="B24030" s="14" t="s">
        <v>1</v>
      </c>
      <c r="C24030" s="14" t="s">
        <v>96</v>
      </c>
      <c r="D24030" s="14" t="s">
        <v>159</v>
      </c>
      <c r="E24030" s="15">
        <v>45681</v>
      </c>
      <c r="F24030" s="14" t="s">
        <v>61</v>
      </c>
      <c r="G24030" s="16">
        <v>0</v>
      </c>
    </row>
    <row r="24031" spans="1:7" x14ac:dyDescent="0.3">
      <c r="A24031" s="13" t="s">
        <v>158</v>
      </c>
      <c r="B24031" s="14" t="s">
        <v>1</v>
      </c>
      <c r="C24031" s="14" t="s">
        <v>96</v>
      </c>
      <c r="D24031" s="14" t="s">
        <v>159</v>
      </c>
      <c r="E24031" s="15">
        <v>45682</v>
      </c>
      <c r="F24031" s="14" t="s">
        <v>61</v>
      </c>
      <c r="G24031" s="16">
        <v>0</v>
      </c>
    </row>
    <row r="24032" spans="1:7" x14ac:dyDescent="0.3">
      <c r="A24032" s="13" t="s">
        <v>158</v>
      </c>
      <c r="B24032" s="14" t="s">
        <v>1</v>
      </c>
      <c r="C24032" s="14" t="s">
        <v>96</v>
      </c>
      <c r="D24032" s="14" t="s">
        <v>159</v>
      </c>
      <c r="E24032" s="15">
        <v>45683</v>
      </c>
      <c r="F24032" s="14" t="s">
        <v>61</v>
      </c>
      <c r="G24032" s="16">
        <v>0</v>
      </c>
    </row>
    <row r="24033" spans="1:7" x14ac:dyDescent="0.3">
      <c r="A24033" s="13" t="s">
        <v>158</v>
      </c>
      <c r="B24033" s="14" t="s">
        <v>1</v>
      </c>
      <c r="C24033" s="14" t="s">
        <v>96</v>
      </c>
      <c r="D24033" s="14" t="s">
        <v>159</v>
      </c>
      <c r="E24033" s="15">
        <v>45684</v>
      </c>
      <c r="F24033" s="14" t="s">
        <v>61</v>
      </c>
      <c r="G24033" s="16">
        <v>0</v>
      </c>
    </row>
    <row r="24034" spans="1:7" x14ac:dyDescent="0.3">
      <c r="A24034" s="13" t="s">
        <v>158</v>
      </c>
      <c r="B24034" s="14" t="s">
        <v>1</v>
      </c>
      <c r="C24034" s="14" t="s">
        <v>96</v>
      </c>
      <c r="D24034" s="14" t="s">
        <v>159</v>
      </c>
      <c r="E24034" s="15">
        <v>45685</v>
      </c>
      <c r="F24034" s="14" t="s">
        <v>61</v>
      </c>
      <c r="G24034" s="16">
        <v>0</v>
      </c>
    </row>
    <row r="24035" spans="1:7" x14ac:dyDescent="0.3">
      <c r="A24035" s="13" t="s">
        <v>158</v>
      </c>
      <c r="B24035" s="14" t="s">
        <v>1</v>
      </c>
      <c r="C24035" s="14" t="s">
        <v>96</v>
      </c>
      <c r="D24035" s="14" t="s">
        <v>159</v>
      </c>
      <c r="E24035" s="15">
        <v>45686</v>
      </c>
      <c r="F24035" s="14" t="s">
        <v>61</v>
      </c>
      <c r="G24035" s="16">
        <v>0</v>
      </c>
    </row>
    <row r="24036" spans="1:7" x14ac:dyDescent="0.3">
      <c r="A24036" s="13" t="s">
        <v>158</v>
      </c>
      <c r="B24036" s="14" t="s">
        <v>1</v>
      </c>
      <c r="C24036" s="14" t="s">
        <v>96</v>
      </c>
      <c r="D24036" s="14" t="s">
        <v>159</v>
      </c>
      <c r="E24036" s="15">
        <v>45687</v>
      </c>
      <c r="F24036" s="14" t="s">
        <v>61</v>
      </c>
      <c r="G24036" s="16">
        <v>0</v>
      </c>
    </row>
    <row r="24037" spans="1:7" x14ac:dyDescent="0.3">
      <c r="A24037" s="13" t="s">
        <v>158</v>
      </c>
      <c r="B24037" s="14" t="s">
        <v>1</v>
      </c>
      <c r="C24037" s="14" t="s">
        <v>96</v>
      </c>
      <c r="D24037" s="14" t="s">
        <v>159</v>
      </c>
      <c r="E24037" s="15">
        <v>45688</v>
      </c>
      <c r="F24037" s="14" t="s">
        <v>61</v>
      </c>
      <c r="G24037" s="16">
        <v>0</v>
      </c>
    </row>
    <row r="24038" spans="1:7" x14ac:dyDescent="0.3">
      <c r="A24038" s="13" t="s">
        <v>158</v>
      </c>
      <c r="B24038" s="14" t="s">
        <v>1</v>
      </c>
      <c r="C24038" s="14" t="s">
        <v>96</v>
      </c>
      <c r="D24038" s="14" t="s">
        <v>159</v>
      </c>
      <c r="E24038" s="15">
        <v>45689</v>
      </c>
      <c r="F24038" s="14" t="s">
        <v>61</v>
      </c>
      <c r="G24038" s="16">
        <v>0</v>
      </c>
    </row>
    <row r="24039" spans="1:7" x14ac:dyDescent="0.3">
      <c r="A24039" s="13" t="s">
        <v>158</v>
      </c>
      <c r="B24039" s="14" t="s">
        <v>1</v>
      </c>
      <c r="C24039" s="14" t="s">
        <v>96</v>
      </c>
      <c r="D24039" s="14" t="s">
        <v>159</v>
      </c>
      <c r="E24039" s="15">
        <v>45690</v>
      </c>
      <c r="F24039" s="14" t="s">
        <v>61</v>
      </c>
      <c r="G24039" s="16">
        <v>0</v>
      </c>
    </row>
    <row r="24040" spans="1:7" x14ac:dyDescent="0.3">
      <c r="A24040" s="13" t="s">
        <v>158</v>
      </c>
      <c r="B24040" s="14" t="s">
        <v>1</v>
      </c>
      <c r="C24040" s="14" t="s">
        <v>96</v>
      </c>
      <c r="D24040" s="14" t="s">
        <v>159</v>
      </c>
      <c r="E24040" s="15">
        <v>45691</v>
      </c>
      <c r="F24040" s="14" t="s">
        <v>61</v>
      </c>
      <c r="G24040" s="16">
        <v>0</v>
      </c>
    </row>
    <row r="24041" spans="1:7" x14ac:dyDescent="0.3">
      <c r="A24041" s="13" t="s">
        <v>158</v>
      </c>
      <c r="B24041" s="14" t="s">
        <v>1</v>
      </c>
      <c r="C24041" s="14" t="s">
        <v>96</v>
      </c>
      <c r="D24041" s="14" t="s">
        <v>159</v>
      </c>
      <c r="E24041" s="15">
        <v>45692</v>
      </c>
      <c r="F24041" s="14" t="s">
        <v>61</v>
      </c>
      <c r="G24041" s="16">
        <v>0</v>
      </c>
    </row>
    <row r="24042" spans="1:7" x14ac:dyDescent="0.3">
      <c r="A24042" s="13" t="s">
        <v>158</v>
      </c>
      <c r="B24042" s="14" t="s">
        <v>1</v>
      </c>
      <c r="C24042" s="14" t="s">
        <v>96</v>
      </c>
      <c r="D24042" s="14" t="s">
        <v>159</v>
      </c>
      <c r="E24042" s="15">
        <v>45693</v>
      </c>
      <c r="F24042" s="14" t="s">
        <v>61</v>
      </c>
      <c r="G24042" s="16">
        <v>0</v>
      </c>
    </row>
    <row r="24043" spans="1:7" x14ac:dyDescent="0.3">
      <c r="A24043" s="13" t="s">
        <v>158</v>
      </c>
      <c r="B24043" s="14" t="s">
        <v>1</v>
      </c>
      <c r="C24043" s="14" t="s">
        <v>96</v>
      </c>
      <c r="D24043" s="14" t="s">
        <v>159</v>
      </c>
      <c r="E24043" s="15">
        <v>45694</v>
      </c>
      <c r="F24043" s="14" t="s">
        <v>61</v>
      </c>
      <c r="G24043" s="16">
        <v>0</v>
      </c>
    </row>
    <row r="24044" spans="1:7" x14ac:dyDescent="0.3">
      <c r="A24044" s="13" t="s">
        <v>158</v>
      </c>
      <c r="B24044" s="14" t="s">
        <v>1</v>
      </c>
      <c r="C24044" s="14" t="s">
        <v>96</v>
      </c>
      <c r="D24044" s="14" t="s">
        <v>159</v>
      </c>
      <c r="E24044" s="15">
        <v>45695</v>
      </c>
      <c r="F24044" s="14" t="s">
        <v>61</v>
      </c>
      <c r="G24044" s="16">
        <v>0</v>
      </c>
    </row>
    <row r="24045" spans="1:7" x14ac:dyDescent="0.3">
      <c r="A24045" s="13" t="s">
        <v>158</v>
      </c>
      <c r="B24045" s="14" t="s">
        <v>1</v>
      </c>
      <c r="C24045" s="14" t="s">
        <v>96</v>
      </c>
      <c r="D24045" s="14" t="s">
        <v>159</v>
      </c>
      <c r="E24045" s="15">
        <v>45696</v>
      </c>
      <c r="F24045" s="14" t="s">
        <v>61</v>
      </c>
      <c r="G24045" s="16">
        <v>0</v>
      </c>
    </row>
    <row r="24046" spans="1:7" x14ac:dyDescent="0.3">
      <c r="A24046" s="13" t="s">
        <v>158</v>
      </c>
      <c r="B24046" s="14" t="s">
        <v>1</v>
      </c>
      <c r="C24046" s="14" t="s">
        <v>96</v>
      </c>
      <c r="D24046" s="14" t="s">
        <v>159</v>
      </c>
      <c r="E24046" s="15">
        <v>45697</v>
      </c>
      <c r="F24046" s="14" t="s">
        <v>61</v>
      </c>
      <c r="G24046" s="16">
        <v>0</v>
      </c>
    </row>
    <row r="24047" spans="1:7" x14ac:dyDescent="0.3">
      <c r="A24047" s="13" t="s">
        <v>158</v>
      </c>
      <c r="B24047" s="14" t="s">
        <v>1</v>
      </c>
      <c r="C24047" s="14" t="s">
        <v>96</v>
      </c>
      <c r="D24047" s="14" t="s">
        <v>159</v>
      </c>
      <c r="E24047" s="15">
        <v>45698</v>
      </c>
      <c r="F24047" s="14" t="s">
        <v>61</v>
      </c>
      <c r="G24047" s="16">
        <v>0</v>
      </c>
    </row>
    <row r="24048" spans="1:7" x14ac:dyDescent="0.3">
      <c r="A24048" s="13" t="s">
        <v>158</v>
      </c>
      <c r="B24048" s="14" t="s">
        <v>1</v>
      </c>
      <c r="C24048" s="14" t="s">
        <v>96</v>
      </c>
      <c r="D24048" s="14" t="s">
        <v>159</v>
      </c>
      <c r="E24048" s="15">
        <v>45699</v>
      </c>
      <c r="F24048" s="14" t="s">
        <v>61</v>
      </c>
      <c r="G24048" s="16">
        <v>0</v>
      </c>
    </row>
    <row r="24049" spans="1:7" x14ac:dyDescent="0.3">
      <c r="A24049" s="13" t="s">
        <v>158</v>
      </c>
      <c r="B24049" s="14" t="s">
        <v>1</v>
      </c>
      <c r="C24049" s="14" t="s">
        <v>96</v>
      </c>
      <c r="D24049" s="14" t="s">
        <v>159</v>
      </c>
      <c r="E24049" s="15">
        <v>45700</v>
      </c>
      <c r="F24049" s="14" t="s">
        <v>61</v>
      </c>
      <c r="G24049" s="16">
        <v>0</v>
      </c>
    </row>
    <row r="24050" spans="1:7" x14ac:dyDescent="0.3">
      <c r="A24050" s="13" t="s">
        <v>158</v>
      </c>
      <c r="B24050" s="14" t="s">
        <v>1</v>
      </c>
      <c r="C24050" s="14" t="s">
        <v>96</v>
      </c>
      <c r="D24050" s="14" t="s">
        <v>159</v>
      </c>
      <c r="E24050" s="15">
        <v>45701</v>
      </c>
      <c r="F24050" s="14" t="s">
        <v>61</v>
      </c>
      <c r="G24050" s="16">
        <v>0</v>
      </c>
    </row>
    <row r="24051" spans="1:7" x14ac:dyDescent="0.3">
      <c r="A24051" s="13" t="s">
        <v>158</v>
      </c>
      <c r="B24051" s="14" t="s">
        <v>1</v>
      </c>
      <c r="C24051" s="14" t="s">
        <v>96</v>
      </c>
      <c r="D24051" s="14" t="s">
        <v>159</v>
      </c>
      <c r="E24051" s="15">
        <v>45702</v>
      </c>
      <c r="F24051" s="14" t="s">
        <v>61</v>
      </c>
      <c r="G24051" s="16">
        <v>0</v>
      </c>
    </row>
    <row r="24052" spans="1:7" x14ac:dyDescent="0.3">
      <c r="A24052" s="13" t="s">
        <v>158</v>
      </c>
      <c r="B24052" s="14" t="s">
        <v>1</v>
      </c>
      <c r="C24052" s="14" t="s">
        <v>96</v>
      </c>
      <c r="D24052" s="14" t="s">
        <v>159</v>
      </c>
      <c r="E24052" s="15">
        <v>45703</v>
      </c>
      <c r="F24052" s="14" t="s">
        <v>61</v>
      </c>
      <c r="G24052" s="16">
        <v>0</v>
      </c>
    </row>
    <row r="24053" spans="1:7" x14ac:dyDescent="0.3">
      <c r="A24053" s="13" t="s">
        <v>158</v>
      </c>
      <c r="B24053" s="14" t="s">
        <v>1</v>
      </c>
      <c r="C24053" s="14" t="s">
        <v>96</v>
      </c>
      <c r="D24053" s="14" t="s">
        <v>159</v>
      </c>
      <c r="E24053" s="15">
        <v>45704</v>
      </c>
      <c r="F24053" s="14" t="s">
        <v>61</v>
      </c>
      <c r="G24053" s="16">
        <v>0</v>
      </c>
    </row>
    <row r="24054" spans="1:7" x14ac:dyDescent="0.3">
      <c r="A24054" s="13" t="s">
        <v>158</v>
      </c>
      <c r="B24054" s="14" t="s">
        <v>1</v>
      </c>
      <c r="C24054" s="14" t="s">
        <v>96</v>
      </c>
      <c r="D24054" s="14" t="s">
        <v>159</v>
      </c>
      <c r="E24054" s="15">
        <v>45705</v>
      </c>
      <c r="F24054" s="14" t="s">
        <v>61</v>
      </c>
      <c r="G24054" s="16">
        <v>0</v>
      </c>
    </row>
    <row r="24055" spans="1:7" x14ac:dyDescent="0.3">
      <c r="A24055" s="13" t="s">
        <v>158</v>
      </c>
      <c r="B24055" s="14" t="s">
        <v>1</v>
      </c>
      <c r="C24055" s="14" t="s">
        <v>96</v>
      </c>
      <c r="D24055" s="14" t="s">
        <v>159</v>
      </c>
      <c r="E24055" s="15">
        <v>45706</v>
      </c>
      <c r="F24055" s="14" t="s">
        <v>61</v>
      </c>
      <c r="G24055" s="16">
        <v>0</v>
      </c>
    </row>
    <row r="24056" spans="1:7" x14ac:dyDescent="0.3">
      <c r="A24056" s="13" t="s">
        <v>158</v>
      </c>
      <c r="B24056" s="14" t="s">
        <v>1</v>
      </c>
      <c r="C24056" s="14" t="s">
        <v>96</v>
      </c>
      <c r="D24056" s="14" t="s">
        <v>159</v>
      </c>
      <c r="E24056" s="15">
        <v>45707</v>
      </c>
      <c r="F24056" s="14" t="s">
        <v>61</v>
      </c>
      <c r="G24056" s="16">
        <v>0</v>
      </c>
    </row>
    <row r="24057" spans="1:7" x14ac:dyDescent="0.3">
      <c r="A24057" s="13" t="s">
        <v>158</v>
      </c>
      <c r="B24057" s="14" t="s">
        <v>1</v>
      </c>
      <c r="C24057" s="14" t="s">
        <v>96</v>
      </c>
      <c r="D24057" s="14" t="s">
        <v>159</v>
      </c>
      <c r="E24057" s="15">
        <v>45708</v>
      </c>
      <c r="F24057" s="14" t="s">
        <v>61</v>
      </c>
      <c r="G24057" s="16">
        <v>0</v>
      </c>
    </row>
    <row r="24058" spans="1:7" x14ac:dyDescent="0.3">
      <c r="A24058" s="13" t="s">
        <v>158</v>
      </c>
      <c r="B24058" s="14" t="s">
        <v>1</v>
      </c>
      <c r="C24058" s="14" t="s">
        <v>96</v>
      </c>
      <c r="D24058" s="14" t="s">
        <v>159</v>
      </c>
      <c r="E24058" s="15">
        <v>45709</v>
      </c>
      <c r="F24058" s="14" t="s">
        <v>61</v>
      </c>
      <c r="G24058" s="16">
        <v>0</v>
      </c>
    </row>
    <row r="24059" spans="1:7" x14ac:dyDescent="0.3">
      <c r="A24059" s="13" t="s">
        <v>158</v>
      </c>
      <c r="B24059" s="14" t="s">
        <v>1</v>
      </c>
      <c r="C24059" s="14" t="s">
        <v>96</v>
      </c>
      <c r="D24059" s="14" t="s">
        <v>159</v>
      </c>
      <c r="E24059" s="15">
        <v>45710</v>
      </c>
      <c r="F24059" s="14" t="s">
        <v>61</v>
      </c>
      <c r="G24059" s="16">
        <v>0</v>
      </c>
    </row>
    <row r="24060" spans="1:7" x14ac:dyDescent="0.3">
      <c r="A24060" s="13" t="s">
        <v>158</v>
      </c>
      <c r="B24060" s="14" t="s">
        <v>1</v>
      </c>
      <c r="C24060" s="14" t="s">
        <v>96</v>
      </c>
      <c r="D24060" s="14" t="s">
        <v>159</v>
      </c>
      <c r="E24060" s="15">
        <v>45711</v>
      </c>
      <c r="F24060" s="14" t="s">
        <v>61</v>
      </c>
      <c r="G24060" s="16">
        <v>0</v>
      </c>
    </row>
    <row r="24061" spans="1:7" x14ac:dyDescent="0.3">
      <c r="A24061" s="13" t="s">
        <v>158</v>
      </c>
      <c r="B24061" s="14" t="s">
        <v>1</v>
      </c>
      <c r="C24061" s="14" t="s">
        <v>96</v>
      </c>
      <c r="D24061" s="14" t="s">
        <v>159</v>
      </c>
      <c r="E24061" s="15">
        <v>45712</v>
      </c>
      <c r="F24061" s="14" t="s">
        <v>61</v>
      </c>
      <c r="G24061" s="16">
        <v>0</v>
      </c>
    </row>
    <row r="24062" spans="1:7" x14ac:dyDescent="0.3">
      <c r="A24062" s="13" t="s">
        <v>158</v>
      </c>
      <c r="B24062" s="14" t="s">
        <v>1</v>
      </c>
      <c r="C24062" s="14" t="s">
        <v>96</v>
      </c>
      <c r="D24062" s="14" t="s">
        <v>159</v>
      </c>
      <c r="E24062" s="15">
        <v>45713</v>
      </c>
      <c r="F24062" s="14" t="s">
        <v>61</v>
      </c>
      <c r="G24062" s="16">
        <v>0</v>
      </c>
    </row>
    <row r="24063" spans="1:7" x14ac:dyDescent="0.3">
      <c r="A24063" s="13" t="s">
        <v>158</v>
      </c>
      <c r="B24063" s="14" t="s">
        <v>1</v>
      </c>
      <c r="C24063" s="14" t="s">
        <v>96</v>
      </c>
      <c r="D24063" s="14" t="s">
        <v>159</v>
      </c>
      <c r="E24063" s="15">
        <v>45714</v>
      </c>
      <c r="F24063" s="14" t="s">
        <v>61</v>
      </c>
      <c r="G24063" s="16">
        <v>0</v>
      </c>
    </row>
    <row r="24064" spans="1:7" x14ac:dyDescent="0.3">
      <c r="A24064" s="13" t="s">
        <v>158</v>
      </c>
      <c r="B24064" s="14" t="s">
        <v>1</v>
      </c>
      <c r="C24064" s="14" t="s">
        <v>96</v>
      </c>
      <c r="D24064" s="14" t="s">
        <v>159</v>
      </c>
      <c r="E24064" s="15">
        <v>45715</v>
      </c>
      <c r="F24064" s="14" t="s">
        <v>61</v>
      </c>
      <c r="G24064" s="16">
        <v>0</v>
      </c>
    </row>
    <row r="24065" spans="1:7" x14ac:dyDescent="0.3">
      <c r="A24065" s="13" t="s">
        <v>158</v>
      </c>
      <c r="B24065" s="14" t="s">
        <v>1</v>
      </c>
      <c r="C24065" s="14" t="s">
        <v>96</v>
      </c>
      <c r="D24065" s="14" t="s">
        <v>159</v>
      </c>
      <c r="E24065" s="15">
        <v>45716</v>
      </c>
      <c r="F24065" s="14" t="s">
        <v>61</v>
      </c>
      <c r="G24065" s="16">
        <v>0</v>
      </c>
    </row>
    <row r="24066" spans="1:7" x14ac:dyDescent="0.3">
      <c r="A24066" s="13" t="s">
        <v>158</v>
      </c>
      <c r="B24066" s="14" t="s">
        <v>1</v>
      </c>
      <c r="C24066" s="14" t="s">
        <v>96</v>
      </c>
      <c r="D24066" s="14" t="s">
        <v>159</v>
      </c>
      <c r="E24066" s="15">
        <v>45717</v>
      </c>
      <c r="F24066" s="14" t="s">
        <v>61</v>
      </c>
      <c r="G24066" s="16">
        <v>0</v>
      </c>
    </row>
    <row r="24067" spans="1:7" x14ac:dyDescent="0.3">
      <c r="A24067" s="13" t="s">
        <v>158</v>
      </c>
      <c r="B24067" s="14" t="s">
        <v>1</v>
      </c>
      <c r="C24067" s="14" t="s">
        <v>96</v>
      </c>
      <c r="D24067" s="14" t="s">
        <v>159</v>
      </c>
      <c r="E24067" s="15">
        <v>45718</v>
      </c>
      <c r="F24067" s="14" t="s">
        <v>61</v>
      </c>
      <c r="G24067" s="16">
        <v>0</v>
      </c>
    </row>
    <row r="24068" spans="1:7" x14ac:dyDescent="0.3">
      <c r="A24068" s="13" t="s">
        <v>158</v>
      </c>
      <c r="B24068" s="14" t="s">
        <v>1</v>
      </c>
      <c r="C24068" s="14" t="s">
        <v>96</v>
      </c>
      <c r="D24068" s="14" t="s">
        <v>159</v>
      </c>
      <c r="E24068" s="15">
        <v>45719</v>
      </c>
      <c r="F24068" s="14" t="s">
        <v>61</v>
      </c>
      <c r="G24068" s="16">
        <v>0</v>
      </c>
    </row>
    <row r="24069" spans="1:7" x14ac:dyDescent="0.3">
      <c r="A24069" s="13" t="s">
        <v>158</v>
      </c>
      <c r="B24069" s="14" t="s">
        <v>1</v>
      </c>
      <c r="C24069" s="14" t="s">
        <v>96</v>
      </c>
      <c r="D24069" s="14" t="s">
        <v>159</v>
      </c>
      <c r="E24069" s="15">
        <v>45720</v>
      </c>
      <c r="F24069" s="14" t="s">
        <v>61</v>
      </c>
      <c r="G24069" s="16">
        <v>0</v>
      </c>
    </row>
    <row r="24070" spans="1:7" x14ac:dyDescent="0.3">
      <c r="A24070" s="13" t="s">
        <v>158</v>
      </c>
      <c r="B24070" s="14" t="s">
        <v>1</v>
      </c>
      <c r="C24070" s="14" t="s">
        <v>96</v>
      </c>
      <c r="D24070" s="14" t="s">
        <v>159</v>
      </c>
      <c r="E24070" s="15">
        <v>45721</v>
      </c>
      <c r="F24070" s="14" t="s">
        <v>61</v>
      </c>
      <c r="G24070" s="16">
        <v>0</v>
      </c>
    </row>
    <row r="24071" spans="1:7" x14ac:dyDescent="0.3">
      <c r="A24071" s="13" t="s">
        <v>158</v>
      </c>
      <c r="B24071" s="14" t="s">
        <v>1</v>
      </c>
      <c r="C24071" s="14" t="s">
        <v>96</v>
      </c>
      <c r="D24071" s="14" t="s">
        <v>159</v>
      </c>
      <c r="E24071" s="15">
        <v>45722</v>
      </c>
      <c r="F24071" s="14" t="s">
        <v>61</v>
      </c>
      <c r="G24071" s="16">
        <v>0</v>
      </c>
    </row>
    <row r="24072" spans="1:7" x14ac:dyDescent="0.3">
      <c r="A24072" s="13" t="s">
        <v>158</v>
      </c>
      <c r="B24072" s="14" t="s">
        <v>1</v>
      </c>
      <c r="C24072" s="14" t="s">
        <v>96</v>
      </c>
      <c r="D24072" s="14" t="s">
        <v>159</v>
      </c>
      <c r="E24072" s="15">
        <v>45723</v>
      </c>
      <c r="F24072" s="14" t="s">
        <v>61</v>
      </c>
      <c r="G24072" s="16">
        <v>0</v>
      </c>
    </row>
    <row r="24073" spans="1:7" x14ac:dyDescent="0.3">
      <c r="A24073" s="13" t="s">
        <v>158</v>
      </c>
      <c r="B24073" s="14" t="s">
        <v>1</v>
      </c>
      <c r="C24073" s="14" t="s">
        <v>96</v>
      </c>
      <c r="D24073" s="14" t="s">
        <v>159</v>
      </c>
      <c r="E24073" s="15">
        <v>45724</v>
      </c>
      <c r="F24073" s="14" t="s">
        <v>61</v>
      </c>
      <c r="G24073" s="16">
        <v>0</v>
      </c>
    </row>
    <row r="24074" spans="1:7" x14ac:dyDescent="0.3">
      <c r="A24074" s="13" t="s">
        <v>158</v>
      </c>
      <c r="B24074" s="14" t="s">
        <v>1</v>
      </c>
      <c r="C24074" s="14" t="s">
        <v>96</v>
      </c>
      <c r="D24074" s="14" t="s">
        <v>159</v>
      </c>
      <c r="E24074" s="15">
        <v>45725</v>
      </c>
      <c r="F24074" s="14" t="s">
        <v>61</v>
      </c>
      <c r="G24074" s="16">
        <v>0</v>
      </c>
    </row>
    <row r="24075" spans="1:7" x14ac:dyDescent="0.3">
      <c r="A24075" s="13" t="s">
        <v>158</v>
      </c>
      <c r="B24075" s="14" t="s">
        <v>1</v>
      </c>
      <c r="C24075" s="14" t="s">
        <v>96</v>
      </c>
      <c r="D24075" s="14" t="s">
        <v>159</v>
      </c>
      <c r="E24075" s="15">
        <v>45726</v>
      </c>
      <c r="F24075" s="14" t="s">
        <v>61</v>
      </c>
      <c r="G24075" s="16">
        <v>0</v>
      </c>
    </row>
    <row r="24076" spans="1:7" x14ac:dyDescent="0.3">
      <c r="A24076" s="13" t="s">
        <v>158</v>
      </c>
      <c r="B24076" s="14" t="s">
        <v>1</v>
      </c>
      <c r="C24076" s="14" t="s">
        <v>96</v>
      </c>
      <c r="D24076" s="14" t="s">
        <v>159</v>
      </c>
      <c r="E24076" s="15">
        <v>45727</v>
      </c>
      <c r="F24076" s="14" t="s">
        <v>61</v>
      </c>
      <c r="G24076" s="16">
        <v>0</v>
      </c>
    </row>
    <row r="24077" spans="1:7" x14ac:dyDescent="0.3">
      <c r="A24077" s="13" t="s">
        <v>158</v>
      </c>
      <c r="B24077" s="14" t="s">
        <v>1</v>
      </c>
      <c r="C24077" s="14" t="s">
        <v>96</v>
      </c>
      <c r="D24077" s="14" t="s">
        <v>159</v>
      </c>
      <c r="E24077" s="15">
        <v>45728</v>
      </c>
      <c r="F24077" s="14" t="s">
        <v>61</v>
      </c>
      <c r="G24077" s="16">
        <v>0</v>
      </c>
    </row>
    <row r="24078" spans="1:7" x14ac:dyDescent="0.3">
      <c r="A24078" s="13" t="s">
        <v>158</v>
      </c>
      <c r="B24078" s="14" t="s">
        <v>1</v>
      </c>
      <c r="C24078" s="14" t="s">
        <v>96</v>
      </c>
      <c r="D24078" s="14" t="s">
        <v>159</v>
      </c>
      <c r="E24078" s="15">
        <v>45729</v>
      </c>
      <c r="F24078" s="14" t="s">
        <v>61</v>
      </c>
      <c r="G24078" s="16">
        <v>0</v>
      </c>
    </row>
    <row r="24079" spans="1:7" x14ac:dyDescent="0.3">
      <c r="A24079" s="13" t="s">
        <v>158</v>
      </c>
      <c r="B24079" s="14" t="s">
        <v>1</v>
      </c>
      <c r="C24079" s="14" t="s">
        <v>96</v>
      </c>
      <c r="D24079" s="14" t="s">
        <v>159</v>
      </c>
      <c r="E24079" s="15">
        <v>45730</v>
      </c>
      <c r="F24079" s="14" t="s">
        <v>61</v>
      </c>
      <c r="G24079" s="16">
        <v>0</v>
      </c>
    </row>
    <row r="24080" spans="1:7" x14ac:dyDescent="0.3">
      <c r="A24080" s="13" t="s">
        <v>158</v>
      </c>
      <c r="B24080" s="14" t="s">
        <v>1</v>
      </c>
      <c r="C24080" s="14" t="s">
        <v>96</v>
      </c>
      <c r="D24080" s="14" t="s">
        <v>159</v>
      </c>
      <c r="E24080" s="15">
        <v>45731</v>
      </c>
      <c r="F24080" s="14" t="s">
        <v>61</v>
      </c>
      <c r="G24080" s="16">
        <v>0</v>
      </c>
    </row>
    <row r="24081" spans="1:7" x14ac:dyDescent="0.3">
      <c r="A24081" s="13" t="s">
        <v>158</v>
      </c>
      <c r="B24081" s="14" t="s">
        <v>1</v>
      </c>
      <c r="C24081" s="14" t="s">
        <v>96</v>
      </c>
      <c r="D24081" s="14" t="s">
        <v>159</v>
      </c>
      <c r="E24081" s="15">
        <v>45732</v>
      </c>
      <c r="F24081" s="14" t="s">
        <v>61</v>
      </c>
      <c r="G24081" s="16">
        <v>0</v>
      </c>
    </row>
    <row r="24082" spans="1:7" x14ac:dyDescent="0.3">
      <c r="A24082" s="13" t="s">
        <v>158</v>
      </c>
      <c r="B24082" s="14" t="s">
        <v>1</v>
      </c>
      <c r="C24082" s="14" t="s">
        <v>96</v>
      </c>
      <c r="D24082" s="14" t="s">
        <v>159</v>
      </c>
      <c r="E24082" s="15">
        <v>45733</v>
      </c>
      <c r="F24082" s="14" t="s">
        <v>61</v>
      </c>
      <c r="G24082" s="16">
        <v>0</v>
      </c>
    </row>
    <row r="24083" spans="1:7" x14ac:dyDescent="0.3">
      <c r="A24083" s="13" t="s">
        <v>158</v>
      </c>
      <c r="B24083" s="14" t="s">
        <v>1</v>
      </c>
      <c r="C24083" s="14" t="s">
        <v>96</v>
      </c>
      <c r="D24083" s="14" t="s">
        <v>159</v>
      </c>
      <c r="E24083" s="15">
        <v>45734</v>
      </c>
      <c r="F24083" s="14" t="s">
        <v>61</v>
      </c>
      <c r="G24083" s="16">
        <v>0</v>
      </c>
    </row>
    <row r="24084" spans="1:7" x14ac:dyDescent="0.3">
      <c r="A24084" s="13" t="s">
        <v>158</v>
      </c>
      <c r="B24084" s="14" t="s">
        <v>1</v>
      </c>
      <c r="C24084" s="14" t="s">
        <v>96</v>
      </c>
      <c r="D24084" s="14" t="s">
        <v>159</v>
      </c>
      <c r="E24084" s="15">
        <v>45735</v>
      </c>
      <c r="F24084" s="14" t="s">
        <v>61</v>
      </c>
      <c r="G24084" s="16">
        <v>0</v>
      </c>
    </row>
    <row r="24085" spans="1:7" x14ac:dyDescent="0.3">
      <c r="A24085" s="13" t="s">
        <v>158</v>
      </c>
      <c r="B24085" s="14" t="s">
        <v>1</v>
      </c>
      <c r="C24085" s="14" t="s">
        <v>96</v>
      </c>
      <c r="D24085" s="14" t="s">
        <v>159</v>
      </c>
      <c r="E24085" s="15">
        <v>45736</v>
      </c>
      <c r="F24085" s="14" t="s">
        <v>61</v>
      </c>
      <c r="G24085" s="16">
        <v>0</v>
      </c>
    </row>
    <row r="24086" spans="1:7" x14ac:dyDescent="0.3">
      <c r="A24086" s="13" t="s">
        <v>158</v>
      </c>
      <c r="B24086" s="14" t="s">
        <v>1</v>
      </c>
      <c r="C24086" s="14" t="s">
        <v>96</v>
      </c>
      <c r="D24086" s="14" t="s">
        <v>159</v>
      </c>
      <c r="E24086" s="15">
        <v>45737</v>
      </c>
      <c r="F24086" s="14" t="s">
        <v>61</v>
      </c>
      <c r="G24086" s="16">
        <v>0</v>
      </c>
    </row>
    <row r="24087" spans="1:7" x14ac:dyDescent="0.3">
      <c r="A24087" s="13" t="s">
        <v>158</v>
      </c>
      <c r="B24087" s="14" t="s">
        <v>1</v>
      </c>
      <c r="C24087" s="14" t="s">
        <v>96</v>
      </c>
      <c r="D24087" s="14" t="s">
        <v>159</v>
      </c>
      <c r="E24087" s="15">
        <v>45738</v>
      </c>
      <c r="F24087" s="14" t="s">
        <v>61</v>
      </c>
      <c r="G24087" s="16">
        <v>0</v>
      </c>
    </row>
    <row r="24088" spans="1:7" x14ac:dyDescent="0.3">
      <c r="A24088" s="13" t="s">
        <v>158</v>
      </c>
      <c r="B24088" s="14" t="s">
        <v>1</v>
      </c>
      <c r="C24088" s="14" t="s">
        <v>96</v>
      </c>
      <c r="D24088" s="14" t="s">
        <v>159</v>
      </c>
      <c r="E24088" s="15">
        <v>45739</v>
      </c>
      <c r="F24088" s="14" t="s">
        <v>61</v>
      </c>
      <c r="G24088" s="16">
        <v>0</v>
      </c>
    </row>
    <row r="24089" spans="1:7" x14ac:dyDescent="0.3">
      <c r="A24089" s="13" t="s">
        <v>158</v>
      </c>
      <c r="B24089" s="14" t="s">
        <v>1</v>
      </c>
      <c r="C24089" s="14" t="s">
        <v>96</v>
      </c>
      <c r="D24089" s="14" t="s">
        <v>159</v>
      </c>
      <c r="E24089" s="15">
        <v>45740</v>
      </c>
      <c r="F24089" s="14" t="s">
        <v>61</v>
      </c>
      <c r="G24089" s="16">
        <v>0</v>
      </c>
    </row>
    <row r="24090" spans="1:7" x14ac:dyDescent="0.3">
      <c r="A24090" s="13" t="s">
        <v>158</v>
      </c>
      <c r="B24090" s="14" t="s">
        <v>1</v>
      </c>
      <c r="C24090" s="14" t="s">
        <v>96</v>
      </c>
      <c r="D24090" s="14" t="s">
        <v>159</v>
      </c>
      <c r="E24090" s="15">
        <v>45741</v>
      </c>
      <c r="F24090" s="14" t="s">
        <v>61</v>
      </c>
      <c r="G24090" s="16">
        <v>0</v>
      </c>
    </row>
    <row r="24091" spans="1:7" x14ac:dyDescent="0.3">
      <c r="A24091" s="13" t="s">
        <v>158</v>
      </c>
      <c r="B24091" s="14" t="s">
        <v>1</v>
      </c>
      <c r="C24091" s="14" t="s">
        <v>96</v>
      </c>
      <c r="D24091" s="14" t="s">
        <v>159</v>
      </c>
      <c r="E24091" s="15">
        <v>45742</v>
      </c>
      <c r="F24091" s="14" t="s">
        <v>61</v>
      </c>
      <c r="G24091" s="16">
        <v>1.8063428165680469E-2</v>
      </c>
    </row>
    <row r="24092" spans="1:7" x14ac:dyDescent="0.3">
      <c r="A24092" s="13" t="s">
        <v>158</v>
      </c>
      <c r="B24092" s="14" t="s">
        <v>1</v>
      </c>
      <c r="C24092" s="14" t="s">
        <v>96</v>
      </c>
      <c r="D24092" s="14" t="s">
        <v>159</v>
      </c>
      <c r="E24092" s="15">
        <v>45743</v>
      </c>
      <c r="F24092" s="14" t="s">
        <v>61</v>
      </c>
      <c r="G24092" s="16">
        <v>3.3934678579881652E-2</v>
      </c>
    </row>
    <row r="24093" spans="1:7" x14ac:dyDescent="0.3">
      <c r="A24093" s="13" t="s">
        <v>158</v>
      </c>
      <c r="B24093" s="14" t="s">
        <v>1</v>
      </c>
      <c r="C24093" s="14" t="s">
        <v>96</v>
      </c>
      <c r="D24093" s="14" t="s">
        <v>159</v>
      </c>
      <c r="E24093" s="15">
        <v>45744</v>
      </c>
      <c r="F24093" s="14" t="s">
        <v>61</v>
      </c>
      <c r="G24093" s="16">
        <v>3.0932351893491118E-2</v>
      </c>
    </row>
    <row r="24094" spans="1:7" x14ac:dyDescent="0.3">
      <c r="A24094" s="13" t="s">
        <v>158</v>
      </c>
      <c r="B24094" s="14" t="s">
        <v>1</v>
      </c>
      <c r="C24094" s="14" t="s">
        <v>96</v>
      </c>
      <c r="D24094" s="14" t="s">
        <v>159</v>
      </c>
      <c r="E24094" s="15">
        <v>45745</v>
      </c>
      <c r="F24094" s="14" t="s">
        <v>61</v>
      </c>
      <c r="G24094" s="16">
        <v>3.0932351893491118E-2</v>
      </c>
    </row>
    <row r="24095" spans="1:7" x14ac:dyDescent="0.3">
      <c r="A24095" s="13" t="s">
        <v>158</v>
      </c>
      <c r="B24095" s="14" t="s">
        <v>1</v>
      </c>
      <c r="C24095" s="14" t="s">
        <v>96</v>
      </c>
      <c r="D24095" s="14" t="s">
        <v>159</v>
      </c>
      <c r="E24095" s="15">
        <v>45746</v>
      </c>
      <c r="F24095" s="14" t="s">
        <v>61</v>
      </c>
      <c r="G24095" s="16">
        <v>3.0932351893491118E-2</v>
      </c>
    </row>
    <row r="24096" spans="1:7" x14ac:dyDescent="0.3">
      <c r="A24096" s="13" t="s">
        <v>158</v>
      </c>
      <c r="B24096" s="14" t="s">
        <v>1</v>
      </c>
      <c r="C24096" s="14" t="s">
        <v>96</v>
      </c>
      <c r="D24096" s="14" t="s">
        <v>159</v>
      </c>
      <c r="E24096" s="15">
        <v>45747</v>
      </c>
      <c r="F24096" s="14" t="s">
        <v>61</v>
      </c>
      <c r="G24096" s="16">
        <v>3.0932351893491118E-2</v>
      </c>
    </row>
    <row r="24097" spans="1:7" x14ac:dyDescent="0.3">
      <c r="A24097" s="13" t="s">
        <v>160</v>
      </c>
      <c r="B24097" s="14" t="s">
        <v>1</v>
      </c>
      <c r="C24097" s="14" t="s">
        <v>51</v>
      </c>
      <c r="D24097" s="14" t="s">
        <v>133</v>
      </c>
      <c r="E24097" s="15">
        <v>45383</v>
      </c>
      <c r="F24097" s="14" t="s">
        <v>61</v>
      </c>
      <c r="G24097" s="16">
        <v>0</v>
      </c>
    </row>
    <row r="24098" spans="1:7" x14ac:dyDescent="0.3">
      <c r="A24098" s="13" t="s">
        <v>160</v>
      </c>
      <c r="B24098" s="14" t="s">
        <v>1</v>
      </c>
      <c r="C24098" s="14" t="s">
        <v>51</v>
      </c>
      <c r="D24098" s="14" t="s">
        <v>133</v>
      </c>
      <c r="E24098" s="15">
        <v>45384</v>
      </c>
      <c r="F24098" s="14" t="s">
        <v>61</v>
      </c>
      <c r="G24098" s="16">
        <v>0</v>
      </c>
    </row>
    <row r="24099" spans="1:7" x14ac:dyDescent="0.3">
      <c r="A24099" s="13" t="s">
        <v>160</v>
      </c>
      <c r="B24099" s="14" t="s">
        <v>1</v>
      </c>
      <c r="C24099" s="14" t="s">
        <v>51</v>
      </c>
      <c r="D24099" s="14" t="s">
        <v>133</v>
      </c>
      <c r="E24099" s="15">
        <v>45385</v>
      </c>
      <c r="F24099" s="14" t="s">
        <v>61</v>
      </c>
      <c r="G24099" s="16">
        <v>0</v>
      </c>
    </row>
    <row r="24100" spans="1:7" x14ac:dyDescent="0.3">
      <c r="A24100" s="13" t="s">
        <v>160</v>
      </c>
      <c r="B24100" s="14" t="s">
        <v>1</v>
      </c>
      <c r="C24100" s="14" t="s">
        <v>51</v>
      </c>
      <c r="D24100" s="14" t="s">
        <v>133</v>
      </c>
      <c r="E24100" s="15">
        <v>45386</v>
      </c>
      <c r="F24100" s="14" t="s">
        <v>61</v>
      </c>
      <c r="G24100" s="16">
        <v>0</v>
      </c>
    </row>
    <row r="24101" spans="1:7" x14ac:dyDescent="0.3">
      <c r="A24101" s="13" t="s">
        <v>160</v>
      </c>
      <c r="B24101" s="14" t="s">
        <v>1</v>
      </c>
      <c r="C24101" s="14" t="s">
        <v>51</v>
      </c>
      <c r="D24101" s="14" t="s">
        <v>133</v>
      </c>
      <c r="E24101" s="15">
        <v>45387</v>
      </c>
      <c r="F24101" s="14" t="s">
        <v>61</v>
      </c>
      <c r="G24101" s="16">
        <v>0</v>
      </c>
    </row>
    <row r="24102" spans="1:7" x14ac:dyDescent="0.3">
      <c r="A24102" s="13" t="s">
        <v>160</v>
      </c>
      <c r="B24102" s="14" t="s">
        <v>1</v>
      </c>
      <c r="C24102" s="14" t="s">
        <v>51</v>
      </c>
      <c r="D24102" s="14" t="s">
        <v>133</v>
      </c>
      <c r="E24102" s="15">
        <v>45388</v>
      </c>
      <c r="F24102" s="14" t="s">
        <v>61</v>
      </c>
      <c r="G24102" s="16">
        <v>0</v>
      </c>
    </row>
    <row r="24103" spans="1:7" x14ac:dyDescent="0.3">
      <c r="A24103" s="13" t="s">
        <v>160</v>
      </c>
      <c r="B24103" s="14" t="s">
        <v>1</v>
      </c>
      <c r="C24103" s="14" t="s">
        <v>51</v>
      </c>
      <c r="D24103" s="14" t="s">
        <v>133</v>
      </c>
      <c r="E24103" s="15">
        <v>45389</v>
      </c>
      <c r="F24103" s="14" t="s">
        <v>61</v>
      </c>
      <c r="G24103" s="16">
        <v>0</v>
      </c>
    </row>
    <row r="24104" spans="1:7" x14ac:dyDescent="0.3">
      <c r="A24104" s="13" t="s">
        <v>160</v>
      </c>
      <c r="B24104" s="14" t="s">
        <v>1</v>
      </c>
      <c r="C24104" s="14" t="s">
        <v>51</v>
      </c>
      <c r="D24104" s="14" t="s">
        <v>133</v>
      </c>
      <c r="E24104" s="15">
        <v>45390</v>
      </c>
      <c r="F24104" s="14" t="s">
        <v>61</v>
      </c>
      <c r="G24104" s="16">
        <v>0</v>
      </c>
    </row>
    <row r="24105" spans="1:7" x14ac:dyDescent="0.3">
      <c r="A24105" s="13" t="s">
        <v>160</v>
      </c>
      <c r="B24105" s="14" t="s">
        <v>1</v>
      </c>
      <c r="C24105" s="14" t="s">
        <v>51</v>
      </c>
      <c r="D24105" s="14" t="s">
        <v>133</v>
      </c>
      <c r="E24105" s="15">
        <v>45391</v>
      </c>
      <c r="F24105" s="14" t="s">
        <v>61</v>
      </c>
      <c r="G24105" s="16">
        <v>0</v>
      </c>
    </row>
    <row r="24106" spans="1:7" x14ac:dyDescent="0.3">
      <c r="A24106" s="13" t="s">
        <v>160</v>
      </c>
      <c r="B24106" s="14" t="s">
        <v>1</v>
      </c>
      <c r="C24106" s="14" t="s">
        <v>51</v>
      </c>
      <c r="D24106" s="14" t="s">
        <v>133</v>
      </c>
      <c r="E24106" s="15">
        <v>45392</v>
      </c>
      <c r="F24106" s="14" t="s">
        <v>61</v>
      </c>
      <c r="G24106" s="16">
        <v>0</v>
      </c>
    </row>
    <row r="24107" spans="1:7" x14ac:dyDescent="0.3">
      <c r="A24107" s="13" t="s">
        <v>160</v>
      </c>
      <c r="B24107" s="14" t="s">
        <v>1</v>
      </c>
      <c r="C24107" s="14" t="s">
        <v>51</v>
      </c>
      <c r="D24107" s="14" t="s">
        <v>133</v>
      </c>
      <c r="E24107" s="15">
        <v>45393</v>
      </c>
      <c r="F24107" s="14" t="s">
        <v>61</v>
      </c>
      <c r="G24107" s="16">
        <v>0</v>
      </c>
    </row>
    <row r="24108" spans="1:7" x14ac:dyDescent="0.3">
      <c r="A24108" s="13" t="s">
        <v>160</v>
      </c>
      <c r="B24108" s="14" t="s">
        <v>1</v>
      </c>
      <c r="C24108" s="14" t="s">
        <v>51</v>
      </c>
      <c r="D24108" s="14" t="s">
        <v>133</v>
      </c>
      <c r="E24108" s="15">
        <v>45394</v>
      </c>
      <c r="F24108" s="14" t="s">
        <v>61</v>
      </c>
      <c r="G24108" s="16">
        <v>0</v>
      </c>
    </row>
    <row r="24109" spans="1:7" x14ac:dyDescent="0.3">
      <c r="A24109" s="13" t="s">
        <v>160</v>
      </c>
      <c r="B24109" s="14" t="s">
        <v>1</v>
      </c>
      <c r="C24109" s="14" t="s">
        <v>51</v>
      </c>
      <c r="D24109" s="14" t="s">
        <v>133</v>
      </c>
      <c r="E24109" s="15">
        <v>45395</v>
      </c>
      <c r="F24109" s="14" t="s">
        <v>61</v>
      </c>
      <c r="G24109" s="16">
        <v>0</v>
      </c>
    </row>
    <row r="24110" spans="1:7" x14ac:dyDescent="0.3">
      <c r="A24110" s="13" t="s">
        <v>160</v>
      </c>
      <c r="B24110" s="14" t="s">
        <v>1</v>
      </c>
      <c r="C24110" s="14" t="s">
        <v>51</v>
      </c>
      <c r="D24110" s="14" t="s">
        <v>133</v>
      </c>
      <c r="E24110" s="15">
        <v>45396</v>
      </c>
      <c r="F24110" s="14" t="s">
        <v>61</v>
      </c>
      <c r="G24110" s="16">
        <v>0</v>
      </c>
    </row>
    <row r="24111" spans="1:7" x14ac:dyDescent="0.3">
      <c r="A24111" s="13" t="s">
        <v>160</v>
      </c>
      <c r="B24111" s="14" t="s">
        <v>1</v>
      </c>
      <c r="C24111" s="14" t="s">
        <v>51</v>
      </c>
      <c r="D24111" s="14" t="s">
        <v>133</v>
      </c>
      <c r="E24111" s="15">
        <v>45397</v>
      </c>
      <c r="F24111" s="14" t="s">
        <v>61</v>
      </c>
      <c r="G24111" s="16">
        <v>0</v>
      </c>
    </row>
    <row r="24112" spans="1:7" x14ac:dyDescent="0.3">
      <c r="A24112" s="13" t="s">
        <v>160</v>
      </c>
      <c r="B24112" s="14" t="s">
        <v>1</v>
      </c>
      <c r="C24112" s="14" t="s">
        <v>51</v>
      </c>
      <c r="D24112" s="14" t="s">
        <v>133</v>
      </c>
      <c r="E24112" s="15">
        <v>45398</v>
      </c>
      <c r="F24112" s="14" t="s">
        <v>61</v>
      </c>
      <c r="G24112" s="16">
        <v>0</v>
      </c>
    </row>
    <row r="24113" spans="1:7" x14ac:dyDescent="0.3">
      <c r="A24113" s="13" t="s">
        <v>160</v>
      </c>
      <c r="B24113" s="14" t="s">
        <v>1</v>
      </c>
      <c r="C24113" s="14" t="s">
        <v>51</v>
      </c>
      <c r="D24113" s="14" t="s">
        <v>133</v>
      </c>
      <c r="E24113" s="15">
        <v>45399</v>
      </c>
      <c r="F24113" s="14" t="s">
        <v>61</v>
      </c>
      <c r="G24113" s="16">
        <v>0</v>
      </c>
    </row>
    <row r="24114" spans="1:7" x14ac:dyDescent="0.3">
      <c r="A24114" s="13" t="s">
        <v>160</v>
      </c>
      <c r="B24114" s="14" t="s">
        <v>1</v>
      </c>
      <c r="C24114" s="14" t="s">
        <v>51</v>
      </c>
      <c r="D24114" s="14" t="s">
        <v>133</v>
      </c>
      <c r="E24114" s="15">
        <v>45400</v>
      </c>
      <c r="F24114" s="14" t="s">
        <v>61</v>
      </c>
      <c r="G24114" s="16">
        <v>0</v>
      </c>
    </row>
    <row r="24115" spans="1:7" x14ac:dyDescent="0.3">
      <c r="A24115" s="13" t="s">
        <v>160</v>
      </c>
      <c r="B24115" s="14" t="s">
        <v>1</v>
      </c>
      <c r="C24115" s="14" t="s">
        <v>51</v>
      </c>
      <c r="D24115" s="14" t="s">
        <v>133</v>
      </c>
      <c r="E24115" s="15">
        <v>45401</v>
      </c>
      <c r="F24115" s="14" t="s">
        <v>61</v>
      </c>
      <c r="G24115" s="16">
        <v>0</v>
      </c>
    </row>
    <row r="24116" spans="1:7" x14ac:dyDescent="0.3">
      <c r="A24116" s="13" t="s">
        <v>160</v>
      </c>
      <c r="B24116" s="14" t="s">
        <v>1</v>
      </c>
      <c r="C24116" s="14" t="s">
        <v>51</v>
      </c>
      <c r="D24116" s="14" t="s">
        <v>133</v>
      </c>
      <c r="E24116" s="15">
        <v>45402</v>
      </c>
      <c r="F24116" s="14" t="s">
        <v>61</v>
      </c>
      <c r="G24116" s="16">
        <v>0</v>
      </c>
    </row>
    <row r="24117" spans="1:7" x14ac:dyDescent="0.3">
      <c r="A24117" s="13" t="s">
        <v>160</v>
      </c>
      <c r="B24117" s="14" t="s">
        <v>1</v>
      </c>
      <c r="C24117" s="14" t="s">
        <v>51</v>
      </c>
      <c r="D24117" s="14" t="s">
        <v>133</v>
      </c>
      <c r="E24117" s="15">
        <v>45403</v>
      </c>
      <c r="F24117" s="14" t="s">
        <v>61</v>
      </c>
      <c r="G24117" s="16">
        <v>0</v>
      </c>
    </row>
    <row r="24118" spans="1:7" x14ac:dyDescent="0.3">
      <c r="A24118" s="13" t="s">
        <v>160</v>
      </c>
      <c r="B24118" s="14" t="s">
        <v>1</v>
      </c>
      <c r="C24118" s="14" t="s">
        <v>51</v>
      </c>
      <c r="D24118" s="14" t="s">
        <v>133</v>
      </c>
      <c r="E24118" s="15">
        <v>45404</v>
      </c>
      <c r="F24118" s="14" t="s">
        <v>61</v>
      </c>
      <c r="G24118" s="16">
        <v>0</v>
      </c>
    </row>
    <row r="24119" spans="1:7" x14ac:dyDescent="0.3">
      <c r="A24119" s="13" t="s">
        <v>160</v>
      </c>
      <c r="B24119" s="14" t="s">
        <v>1</v>
      </c>
      <c r="C24119" s="14" t="s">
        <v>51</v>
      </c>
      <c r="D24119" s="14" t="s">
        <v>133</v>
      </c>
      <c r="E24119" s="15">
        <v>45405</v>
      </c>
      <c r="F24119" s="14" t="s">
        <v>61</v>
      </c>
      <c r="G24119" s="16">
        <v>0</v>
      </c>
    </row>
    <row r="24120" spans="1:7" x14ac:dyDescent="0.3">
      <c r="A24120" s="13" t="s">
        <v>160</v>
      </c>
      <c r="B24120" s="14" t="s">
        <v>1</v>
      </c>
      <c r="C24120" s="14" t="s">
        <v>51</v>
      </c>
      <c r="D24120" s="14" t="s">
        <v>133</v>
      </c>
      <c r="E24120" s="15">
        <v>45406</v>
      </c>
      <c r="F24120" s="14" t="s">
        <v>61</v>
      </c>
      <c r="G24120" s="16">
        <v>0</v>
      </c>
    </row>
    <row r="24121" spans="1:7" x14ac:dyDescent="0.3">
      <c r="A24121" s="13" t="s">
        <v>160</v>
      </c>
      <c r="B24121" s="14" t="s">
        <v>1</v>
      </c>
      <c r="C24121" s="14" t="s">
        <v>51</v>
      </c>
      <c r="D24121" s="14" t="s">
        <v>133</v>
      </c>
      <c r="E24121" s="15">
        <v>45407</v>
      </c>
      <c r="F24121" s="14" t="s">
        <v>61</v>
      </c>
      <c r="G24121" s="16">
        <v>0</v>
      </c>
    </row>
    <row r="24122" spans="1:7" x14ac:dyDescent="0.3">
      <c r="A24122" s="13" t="s">
        <v>160</v>
      </c>
      <c r="B24122" s="14" t="s">
        <v>1</v>
      </c>
      <c r="C24122" s="14" t="s">
        <v>51</v>
      </c>
      <c r="D24122" s="14" t="s">
        <v>133</v>
      </c>
      <c r="E24122" s="15">
        <v>45408</v>
      </c>
      <c r="F24122" s="14" t="s">
        <v>61</v>
      </c>
      <c r="G24122" s="16">
        <v>0</v>
      </c>
    </row>
    <row r="24123" spans="1:7" x14ac:dyDescent="0.3">
      <c r="A24123" s="13" t="s">
        <v>160</v>
      </c>
      <c r="B24123" s="14" t="s">
        <v>1</v>
      </c>
      <c r="C24123" s="14" t="s">
        <v>51</v>
      </c>
      <c r="D24123" s="14" t="s">
        <v>133</v>
      </c>
      <c r="E24123" s="15">
        <v>45409</v>
      </c>
      <c r="F24123" s="14" t="s">
        <v>61</v>
      </c>
      <c r="G24123" s="16">
        <v>0</v>
      </c>
    </row>
    <row r="24124" spans="1:7" x14ac:dyDescent="0.3">
      <c r="A24124" s="13" t="s">
        <v>160</v>
      </c>
      <c r="B24124" s="14" t="s">
        <v>1</v>
      </c>
      <c r="C24124" s="14" t="s">
        <v>51</v>
      </c>
      <c r="D24124" s="14" t="s">
        <v>133</v>
      </c>
      <c r="E24124" s="15">
        <v>45410</v>
      </c>
      <c r="F24124" s="14" t="s">
        <v>61</v>
      </c>
      <c r="G24124" s="16">
        <v>0</v>
      </c>
    </row>
    <row r="24125" spans="1:7" x14ac:dyDescent="0.3">
      <c r="A24125" s="13" t="s">
        <v>160</v>
      </c>
      <c r="B24125" s="14" t="s">
        <v>1</v>
      </c>
      <c r="C24125" s="14" t="s">
        <v>51</v>
      </c>
      <c r="D24125" s="14" t="s">
        <v>133</v>
      </c>
      <c r="E24125" s="15">
        <v>45411</v>
      </c>
      <c r="F24125" s="14" t="s">
        <v>61</v>
      </c>
      <c r="G24125" s="16">
        <v>0</v>
      </c>
    </row>
    <row r="24126" spans="1:7" x14ac:dyDescent="0.3">
      <c r="A24126" s="13" t="s">
        <v>160</v>
      </c>
      <c r="B24126" s="14" t="s">
        <v>1</v>
      </c>
      <c r="C24126" s="14" t="s">
        <v>51</v>
      </c>
      <c r="D24126" s="14" t="s">
        <v>133</v>
      </c>
      <c r="E24126" s="15">
        <v>45412</v>
      </c>
      <c r="F24126" s="14" t="s">
        <v>61</v>
      </c>
      <c r="G24126" s="16">
        <v>0</v>
      </c>
    </row>
    <row r="24127" spans="1:7" x14ac:dyDescent="0.3">
      <c r="A24127" s="13" t="s">
        <v>160</v>
      </c>
      <c r="B24127" s="14" t="s">
        <v>1</v>
      </c>
      <c r="C24127" s="14" t="s">
        <v>51</v>
      </c>
      <c r="D24127" s="14" t="s">
        <v>133</v>
      </c>
      <c r="E24127" s="15">
        <v>45413</v>
      </c>
      <c r="F24127" s="14" t="s">
        <v>61</v>
      </c>
      <c r="G24127" s="16">
        <v>0</v>
      </c>
    </row>
    <row r="24128" spans="1:7" x14ac:dyDescent="0.3">
      <c r="A24128" s="13" t="s">
        <v>160</v>
      </c>
      <c r="B24128" s="14" t="s">
        <v>1</v>
      </c>
      <c r="C24128" s="14" t="s">
        <v>51</v>
      </c>
      <c r="D24128" s="14" t="s">
        <v>133</v>
      </c>
      <c r="E24128" s="15">
        <v>45414</v>
      </c>
      <c r="F24128" s="14" t="s">
        <v>61</v>
      </c>
      <c r="G24128" s="16">
        <v>0</v>
      </c>
    </row>
    <row r="24129" spans="1:7" x14ac:dyDescent="0.3">
      <c r="A24129" s="13" t="s">
        <v>160</v>
      </c>
      <c r="B24129" s="14" t="s">
        <v>1</v>
      </c>
      <c r="C24129" s="14" t="s">
        <v>51</v>
      </c>
      <c r="D24129" s="14" t="s">
        <v>133</v>
      </c>
      <c r="E24129" s="15">
        <v>45415</v>
      </c>
      <c r="F24129" s="14" t="s">
        <v>61</v>
      </c>
      <c r="G24129" s="16">
        <v>0</v>
      </c>
    </row>
    <row r="24130" spans="1:7" x14ac:dyDescent="0.3">
      <c r="A24130" s="13" t="s">
        <v>160</v>
      </c>
      <c r="B24130" s="14" t="s">
        <v>1</v>
      </c>
      <c r="C24130" s="14" t="s">
        <v>51</v>
      </c>
      <c r="D24130" s="14" t="s">
        <v>133</v>
      </c>
      <c r="E24130" s="15">
        <v>45416</v>
      </c>
      <c r="F24130" s="14" t="s">
        <v>61</v>
      </c>
      <c r="G24130" s="16">
        <v>0</v>
      </c>
    </row>
    <row r="24131" spans="1:7" x14ac:dyDescent="0.3">
      <c r="A24131" s="13" t="s">
        <v>160</v>
      </c>
      <c r="B24131" s="14" t="s">
        <v>1</v>
      </c>
      <c r="C24131" s="14" t="s">
        <v>51</v>
      </c>
      <c r="D24131" s="14" t="s">
        <v>133</v>
      </c>
      <c r="E24131" s="15">
        <v>45417</v>
      </c>
      <c r="F24131" s="14" t="s">
        <v>61</v>
      </c>
      <c r="G24131" s="16">
        <v>0</v>
      </c>
    </row>
    <row r="24132" spans="1:7" x14ac:dyDescent="0.3">
      <c r="A24132" s="13" t="s">
        <v>160</v>
      </c>
      <c r="B24132" s="14" t="s">
        <v>1</v>
      </c>
      <c r="C24132" s="14" t="s">
        <v>51</v>
      </c>
      <c r="D24132" s="14" t="s">
        <v>133</v>
      </c>
      <c r="E24132" s="15">
        <v>45418</v>
      </c>
      <c r="F24132" s="14" t="s">
        <v>61</v>
      </c>
      <c r="G24132" s="16">
        <v>0</v>
      </c>
    </row>
    <row r="24133" spans="1:7" x14ac:dyDescent="0.3">
      <c r="A24133" s="13" t="s">
        <v>160</v>
      </c>
      <c r="B24133" s="14" t="s">
        <v>1</v>
      </c>
      <c r="C24133" s="14" t="s">
        <v>51</v>
      </c>
      <c r="D24133" s="14" t="s">
        <v>133</v>
      </c>
      <c r="E24133" s="15">
        <v>45419</v>
      </c>
      <c r="F24133" s="14" t="s">
        <v>61</v>
      </c>
      <c r="G24133" s="16">
        <v>0</v>
      </c>
    </row>
    <row r="24134" spans="1:7" x14ac:dyDescent="0.3">
      <c r="A24134" s="13" t="s">
        <v>160</v>
      </c>
      <c r="B24134" s="14" t="s">
        <v>1</v>
      </c>
      <c r="C24134" s="14" t="s">
        <v>51</v>
      </c>
      <c r="D24134" s="14" t="s">
        <v>133</v>
      </c>
      <c r="E24134" s="15">
        <v>45420</v>
      </c>
      <c r="F24134" s="14" t="s">
        <v>61</v>
      </c>
      <c r="G24134" s="16">
        <v>0</v>
      </c>
    </row>
    <row r="24135" spans="1:7" x14ac:dyDescent="0.3">
      <c r="A24135" s="13" t="s">
        <v>160</v>
      </c>
      <c r="B24135" s="14" t="s">
        <v>1</v>
      </c>
      <c r="C24135" s="14" t="s">
        <v>51</v>
      </c>
      <c r="D24135" s="14" t="s">
        <v>133</v>
      </c>
      <c r="E24135" s="15">
        <v>45421</v>
      </c>
      <c r="F24135" s="14" t="s">
        <v>61</v>
      </c>
      <c r="G24135" s="16">
        <v>0</v>
      </c>
    </row>
    <row r="24136" spans="1:7" x14ac:dyDescent="0.3">
      <c r="A24136" s="13" t="s">
        <v>160</v>
      </c>
      <c r="B24136" s="14" t="s">
        <v>1</v>
      </c>
      <c r="C24136" s="14" t="s">
        <v>51</v>
      </c>
      <c r="D24136" s="14" t="s">
        <v>133</v>
      </c>
      <c r="E24136" s="15">
        <v>45422</v>
      </c>
      <c r="F24136" s="14" t="s">
        <v>61</v>
      </c>
      <c r="G24136" s="16">
        <v>0</v>
      </c>
    </row>
    <row r="24137" spans="1:7" x14ac:dyDescent="0.3">
      <c r="A24137" s="13" t="s">
        <v>160</v>
      </c>
      <c r="B24137" s="14" t="s">
        <v>1</v>
      </c>
      <c r="C24137" s="14" t="s">
        <v>51</v>
      </c>
      <c r="D24137" s="14" t="s">
        <v>133</v>
      </c>
      <c r="E24137" s="15">
        <v>45423</v>
      </c>
      <c r="F24137" s="14" t="s">
        <v>61</v>
      </c>
      <c r="G24137" s="16">
        <v>0</v>
      </c>
    </row>
    <row r="24138" spans="1:7" x14ac:dyDescent="0.3">
      <c r="A24138" s="13" t="s">
        <v>160</v>
      </c>
      <c r="B24138" s="14" t="s">
        <v>1</v>
      </c>
      <c r="C24138" s="14" t="s">
        <v>51</v>
      </c>
      <c r="D24138" s="14" t="s">
        <v>133</v>
      </c>
      <c r="E24138" s="15">
        <v>45424</v>
      </c>
      <c r="F24138" s="14" t="s">
        <v>61</v>
      </c>
      <c r="G24138" s="16">
        <v>0</v>
      </c>
    </row>
    <row r="24139" spans="1:7" x14ac:dyDescent="0.3">
      <c r="A24139" s="13" t="s">
        <v>160</v>
      </c>
      <c r="B24139" s="14" t="s">
        <v>1</v>
      </c>
      <c r="C24139" s="14" t="s">
        <v>51</v>
      </c>
      <c r="D24139" s="14" t="s">
        <v>133</v>
      </c>
      <c r="E24139" s="15">
        <v>45425</v>
      </c>
      <c r="F24139" s="14" t="s">
        <v>61</v>
      </c>
      <c r="G24139" s="16">
        <v>0</v>
      </c>
    </row>
    <row r="24140" spans="1:7" x14ac:dyDescent="0.3">
      <c r="A24140" s="13" t="s">
        <v>160</v>
      </c>
      <c r="B24140" s="14" t="s">
        <v>1</v>
      </c>
      <c r="C24140" s="14" t="s">
        <v>51</v>
      </c>
      <c r="D24140" s="14" t="s">
        <v>133</v>
      </c>
      <c r="E24140" s="15">
        <v>45426</v>
      </c>
      <c r="F24140" s="14" t="s">
        <v>61</v>
      </c>
      <c r="G24140" s="16">
        <v>0</v>
      </c>
    </row>
    <row r="24141" spans="1:7" x14ac:dyDescent="0.3">
      <c r="A24141" s="13" t="s">
        <v>160</v>
      </c>
      <c r="B24141" s="14" t="s">
        <v>1</v>
      </c>
      <c r="C24141" s="14" t="s">
        <v>51</v>
      </c>
      <c r="D24141" s="14" t="s">
        <v>133</v>
      </c>
      <c r="E24141" s="15">
        <v>45427</v>
      </c>
      <c r="F24141" s="14" t="s">
        <v>61</v>
      </c>
      <c r="G24141" s="16">
        <v>0</v>
      </c>
    </row>
    <row r="24142" spans="1:7" x14ac:dyDescent="0.3">
      <c r="A24142" s="13" t="s">
        <v>160</v>
      </c>
      <c r="B24142" s="14" t="s">
        <v>1</v>
      </c>
      <c r="C24142" s="14" t="s">
        <v>51</v>
      </c>
      <c r="D24142" s="14" t="s">
        <v>133</v>
      </c>
      <c r="E24142" s="15">
        <v>45428</v>
      </c>
      <c r="F24142" s="14" t="s">
        <v>61</v>
      </c>
      <c r="G24142" s="16">
        <v>0</v>
      </c>
    </row>
    <row r="24143" spans="1:7" x14ac:dyDescent="0.3">
      <c r="A24143" s="13" t="s">
        <v>160</v>
      </c>
      <c r="B24143" s="14" t="s">
        <v>1</v>
      </c>
      <c r="C24143" s="14" t="s">
        <v>51</v>
      </c>
      <c r="D24143" s="14" t="s">
        <v>133</v>
      </c>
      <c r="E24143" s="15">
        <v>45429</v>
      </c>
      <c r="F24143" s="14" t="s">
        <v>61</v>
      </c>
      <c r="G24143" s="16">
        <v>0</v>
      </c>
    </row>
    <row r="24144" spans="1:7" x14ac:dyDescent="0.3">
      <c r="A24144" s="13" t="s">
        <v>160</v>
      </c>
      <c r="B24144" s="14" t="s">
        <v>1</v>
      </c>
      <c r="C24144" s="14" t="s">
        <v>51</v>
      </c>
      <c r="D24144" s="14" t="s">
        <v>133</v>
      </c>
      <c r="E24144" s="15">
        <v>45430</v>
      </c>
      <c r="F24144" s="14" t="s">
        <v>61</v>
      </c>
      <c r="G24144" s="16">
        <v>0</v>
      </c>
    </row>
    <row r="24145" spans="1:7" x14ac:dyDescent="0.3">
      <c r="A24145" s="13" t="s">
        <v>160</v>
      </c>
      <c r="B24145" s="14" t="s">
        <v>1</v>
      </c>
      <c r="C24145" s="14" t="s">
        <v>51</v>
      </c>
      <c r="D24145" s="14" t="s">
        <v>133</v>
      </c>
      <c r="E24145" s="15">
        <v>45431</v>
      </c>
      <c r="F24145" s="14" t="s">
        <v>61</v>
      </c>
      <c r="G24145" s="16">
        <v>0</v>
      </c>
    </row>
    <row r="24146" spans="1:7" x14ac:dyDescent="0.3">
      <c r="A24146" s="13" t="s">
        <v>160</v>
      </c>
      <c r="B24146" s="14" t="s">
        <v>1</v>
      </c>
      <c r="C24146" s="14" t="s">
        <v>51</v>
      </c>
      <c r="D24146" s="14" t="s">
        <v>133</v>
      </c>
      <c r="E24146" s="15">
        <v>45432</v>
      </c>
      <c r="F24146" s="14" t="s">
        <v>61</v>
      </c>
      <c r="G24146" s="16">
        <v>0</v>
      </c>
    </row>
    <row r="24147" spans="1:7" x14ac:dyDescent="0.3">
      <c r="A24147" s="13" t="s">
        <v>160</v>
      </c>
      <c r="B24147" s="14" t="s">
        <v>1</v>
      </c>
      <c r="C24147" s="14" t="s">
        <v>51</v>
      </c>
      <c r="D24147" s="14" t="s">
        <v>133</v>
      </c>
      <c r="E24147" s="15">
        <v>45433</v>
      </c>
      <c r="F24147" s="14" t="s">
        <v>61</v>
      </c>
      <c r="G24147" s="16">
        <v>0</v>
      </c>
    </row>
    <row r="24148" spans="1:7" x14ac:dyDescent="0.3">
      <c r="A24148" s="13" t="s">
        <v>160</v>
      </c>
      <c r="B24148" s="14" t="s">
        <v>1</v>
      </c>
      <c r="C24148" s="14" t="s">
        <v>51</v>
      </c>
      <c r="D24148" s="14" t="s">
        <v>133</v>
      </c>
      <c r="E24148" s="15">
        <v>45434</v>
      </c>
      <c r="F24148" s="14" t="s">
        <v>61</v>
      </c>
      <c r="G24148" s="16">
        <v>0</v>
      </c>
    </row>
    <row r="24149" spans="1:7" x14ac:dyDescent="0.3">
      <c r="A24149" s="13" t="s">
        <v>160</v>
      </c>
      <c r="B24149" s="14" t="s">
        <v>1</v>
      </c>
      <c r="C24149" s="14" t="s">
        <v>51</v>
      </c>
      <c r="D24149" s="14" t="s">
        <v>133</v>
      </c>
      <c r="E24149" s="15">
        <v>45435</v>
      </c>
      <c r="F24149" s="14" t="s">
        <v>61</v>
      </c>
      <c r="G24149" s="16">
        <v>0</v>
      </c>
    </row>
    <row r="24150" spans="1:7" x14ac:dyDescent="0.3">
      <c r="A24150" s="13" t="s">
        <v>160</v>
      </c>
      <c r="B24150" s="14" t="s">
        <v>1</v>
      </c>
      <c r="C24150" s="14" t="s">
        <v>51</v>
      </c>
      <c r="D24150" s="14" t="s">
        <v>133</v>
      </c>
      <c r="E24150" s="15">
        <v>45436</v>
      </c>
      <c r="F24150" s="14" t="s">
        <v>61</v>
      </c>
      <c r="G24150" s="16">
        <v>0</v>
      </c>
    </row>
    <row r="24151" spans="1:7" x14ac:dyDescent="0.3">
      <c r="A24151" s="13" t="s">
        <v>160</v>
      </c>
      <c r="B24151" s="14" t="s">
        <v>1</v>
      </c>
      <c r="C24151" s="14" t="s">
        <v>51</v>
      </c>
      <c r="D24151" s="14" t="s">
        <v>133</v>
      </c>
      <c r="E24151" s="15">
        <v>45437</v>
      </c>
      <c r="F24151" s="14" t="s">
        <v>61</v>
      </c>
      <c r="G24151" s="16">
        <v>0</v>
      </c>
    </row>
    <row r="24152" spans="1:7" x14ac:dyDescent="0.3">
      <c r="A24152" s="13" t="s">
        <v>160</v>
      </c>
      <c r="B24152" s="14" t="s">
        <v>1</v>
      </c>
      <c r="C24152" s="14" t="s">
        <v>51</v>
      </c>
      <c r="D24152" s="14" t="s">
        <v>133</v>
      </c>
      <c r="E24152" s="15">
        <v>45438</v>
      </c>
      <c r="F24152" s="14" t="s">
        <v>61</v>
      </c>
      <c r="G24152" s="16">
        <v>0</v>
      </c>
    </row>
    <row r="24153" spans="1:7" x14ac:dyDescent="0.3">
      <c r="A24153" s="13" t="s">
        <v>160</v>
      </c>
      <c r="B24153" s="14" t="s">
        <v>1</v>
      </c>
      <c r="C24153" s="14" t="s">
        <v>51</v>
      </c>
      <c r="D24153" s="14" t="s">
        <v>133</v>
      </c>
      <c r="E24153" s="15">
        <v>45439</v>
      </c>
      <c r="F24153" s="14" t="s">
        <v>61</v>
      </c>
      <c r="G24153" s="16">
        <v>0</v>
      </c>
    </row>
    <row r="24154" spans="1:7" x14ac:dyDescent="0.3">
      <c r="A24154" s="13" t="s">
        <v>160</v>
      </c>
      <c r="B24154" s="14" t="s">
        <v>1</v>
      </c>
      <c r="C24154" s="14" t="s">
        <v>51</v>
      </c>
      <c r="D24154" s="14" t="s">
        <v>133</v>
      </c>
      <c r="E24154" s="15">
        <v>45440</v>
      </c>
      <c r="F24154" s="14" t="s">
        <v>61</v>
      </c>
      <c r="G24154" s="16">
        <v>0</v>
      </c>
    </row>
    <row r="24155" spans="1:7" x14ac:dyDescent="0.3">
      <c r="A24155" s="13" t="s">
        <v>160</v>
      </c>
      <c r="B24155" s="14" t="s">
        <v>1</v>
      </c>
      <c r="C24155" s="14" t="s">
        <v>51</v>
      </c>
      <c r="D24155" s="14" t="s">
        <v>133</v>
      </c>
      <c r="E24155" s="15">
        <v>45441</v>
      </c>
      <c r="F24155" s="14" t="s">
        <v>61</v>
      </c>
      <c r="G24155" s="16">
        <v>0</v>
      </c>
    </row>
    <row r="24156" spans="1:7" x14ac:dyDescent="0.3">
      <c r="A24156" s="13" t="s">
        <v>160</v>
      </c>
      <c r="B24156" s="14" t="s">
        <v>1</v>
      </c>
      <c r="C24156" s="14" t="s">
        <v>51</v>
      </c>
      <c r="D24156" s="14" t="s">
        <v>133</v>
      </c>
      <c r="E24156" s="15">
        <v>45442</v>
      </c>
      <c r="F24156" s="14" t="s">
        <v>61</v>
      </c>
      <c r="G24156" s="16">
        <v>0</v>
      </c>
    </row>
    <row r="24157" spans="1:7" x14ac:dyDescent="0.3">
      <c r="A24157" s="13" t="s">
        <v>160</v>
      </c>
      <c r="B24157" s="14" t="s">
        <v>1</v>
      </c>
      <c r="C24157" s="14" t="s">
        <v>51</v>
      </c>
      <c r="D24157" s="14" t="s">
        <v>133</v>
      </c>
      <c r="E24157" s="15">
        <v>45443</v>
      </c>
      <c r="F24157" s="14" t="s">
        <v>61</v>
      </c>
      <c r="G24157" s="16">
        <v>0</v>
      </c>
    </row>
    <row r="24158" spans="1:7" x14ac:dyDescent="0.3">
      <c r="A24158" s="13" t="s">
        <v>160</v>
      </c>
      <c r="B24158" s="14" t="s">
        <v>1</v>
      </c>
      <c r="C24158" s="14" t="s">
        <v>51</v>
      </c>
      <c r="D24158" s="14" t="s">
        <v>133</v>
      </c>
      <c r="E24158" s="15">
        <v>45444</v>
      </c>
      <c r="F24158" s="14" t="s">
        <v>61</v>
      </c>
      <c r="G24158" s="16">
        <v>0</v>
      </c>
    </row>
    <row r="24159" spans="1:7" x14ac:dyDescent="0.3">
      <c r="A24159" s="13" t="s">
        <v>160</v>
      </c>
      <c r="B24159" s="14" t="s">
        <v>1</v>
      </c>
      <c r="C24159" s="14" t="s">
        <v>51</v>
      </c>
      <c r="D24159" s="14" t="s">
        <v>133</v>
      </c>
      <c r="E24159" s="15">
        <v>45445</v>
      </c>
      <c r="F24159" s="14" t="s">
        <v>61</v>
      </c>
      <c r="G24159" s="16">
        <v>0</v>
      </c>
    </row>
    <row r="24160" spans="1:7" x14ac:dyDescent="0.3">
      <c r="A24160" s="13" t="s">
        <v>160</v>
      </c>
      <c r="B24160" s="14" t="s">
        <v>1</v>
      </c>
      <c r="C24160" s="14" t="s">
        <v>51</v>
      </c>
      <c r="D24160" s="14" t="s">
        <v>133</v>
      </c>
      <c r="E24160" s="15">
        <v>45446</v>
      </c>
      <c r="F24160" s="14" t="s">
        <v>61</v>
      </c>
      <c r="G24160" s="16">
        <v>0</v>
      </c>
    </row>
    <row r="24161" spans="1:7" x14ac:dyDescent="0.3">
      <c r="A24161" s="13" t="s">
        <v>160</v>
      </c>
      <c r="B24161" s="14" t="s">
        <v>1</v>
      </c>
      <c r="C24161" s="14" t="s">
        <v>51</v>
      </c>
      <c r="D24161" s="14" t="s">
        <v>133</v>
      </c>
      <c r="E24161" s="15">
        <v>45447</v>
      </c>
      <c r="F24161" s="14" t="s">
        <v>61</v>
      </c>
      <c r="G24161" s="16">
        <v>0</v>
      </c>
    </row>
    <row r="24162" spans="1:7" x14ac:dyDescent="0.3">
      <c r="A24162" s="13" t="s">
        <v>160</v>
      </c>
      <c r="B24162" s="14" t="s">
        <v>1</v>
      </c>
      <c r="C24162" s="14" t="s">
        <v>51</v>
      </c>
      <c r="D24162" s="14" t="s">
        <v>133</v>
      </c>
      <c r="E24162" s="15">
        <v>45448</v>
      </c>
      <c r="F24162" s="14" t="s">
        <v>61</v>
      </c>
      <c r="G24162" s="16">
        <v>0</v>
      </c>
    </row>
    <row r="24163" spans="1:7" x14ac:dyDescent="0.3">
      <c r="A24163" s="13" t="s">
        <v>160</v>
      </c>
      <c r="B24163" s="14" t="s">
        <v>1</v>
      </c>
      <c r="C24163" s="14" t="s">
        <v>51</v>
      </c>
      <c r="D24163" s="14" t="s">
        <v>133</v>
      </c>
      <c r="E24163" s="15">
        <v>45449</v>
      </c>
      <c r="F24163" s="14" t="s">
        <v>61</v>
      </c>
      <c r="G24163" s="16">
        <v>0</v>
      </c>
    </row>
    <row r="24164" spans="1:7" x14ac:dyDescent="0.3">
      <c r="A24164" s="13" t="s">
        <v>160</v>
      </c>
      <c r="B24164" s="14" t="s">
        <v>1</v>
      </c>
      <c r="C24164" s="14" t="s">
        <v>51</v>
      </c>
      <c r="D24164" s="14" t="s">
        <v>133</v>
      </c>
      <c r="E24164" s="15">
        <v>45450</v>
      </c>
      <c r="F24164" s="14" t="s">
        <v>61</v>
      </c>
      <c r="G24164" s="16">
        <v>0</v>
      </c>
    </row>
    <row r="24165" spans="1:7" x14ac:dyDescent="0.3">
      <c r="A24165" s="13" t="s">
        <v>160</v>
      </c>
      <c r="B24165" s="14" t="s">
        <v>1</v>
      </c>
      <c r="C24165" s="14" t="s">
        <v>51</v>
      </c>
      <c r="D24165" s="14" t="s">
        <v>133</v>
      </c>
      <c r="E24165" s="15">
        <v>45451</v>
      </c>
      <c r="F24165" s="14" t="s">
        <v>61</v>
      </c>
      <c r="G24165" s="16">
        <v>0</v>
      </c>
    </row>
    <row r="24166" spans="1:7" x14ac:dyDescent="0.3">
      <c r="A24166" s="13" t="s">
        <v>160</v>
      </c>
      <c r="B24166" s="14" t="s">
        <v>1</v>
      </c>
      <c r="C24166" s="14" t="s">
        <v>51</v>
      </c>
      <c r="D24166" s="14" t="s">
        <v>133</v>
      </c>
      <c r="E24166" s="15">
        <v>45452</v>
      </c>
      <c r="F24166" s="14" t="s">
        <v>61</v>
      </c>
      <c r="G24166" s="16">
        <v>0</v>
      </c>
    </row>
    <row r="24167" spans="1:7" x14ac:dyDescent="0.3">
      <c r="A24167" s="13" t="s">
        <v>160</v>
      </c>
      <c r="B24167" s="14" t="s">
        <v>1</v>
      </c>
      <c r="C24167" s="14" t="s">
        <v>51</v>
      </c>
      <c r="D24167" s="14" t="s">
        <v>133</v>
      </c>
      <c r="E24167" s="15">
        <v>45453</v>
      </c>
      <c r="F24167" s="14" t="s">
        <v>61</v>
      </c>
      <c r="G24167" s="16">
        <v>0</v>
      </c>
    </row>
    <row r="24168" spans="1:7" x14ac:dyDescent="0.3">
      <c r="A24168" s="13" t="s">
        <v>160</v>
      </c>
      <c r="B24168" s="14" t="s">
        <v>1</v>
      </c>
      <c r="C24168" s="14" t="s">
        <v>51</v>
      </c>
      <c r="D24168" s="14" t="s">
        <v>133</v>
      </c>
      <c r="E24168" s="15">
        <v>45454</v>
      </c>
      <c r="F24168" s="14" t="s">
        <v>61</v>
      </c>
      <c r="G24168" s="16">
        <v>0</v>
      </c>
    </row>
    <row r="24169" spans="1:7" x14ac:dyDescent="0.3">
      <c r="A24169" s="13" t="s">
        <v>160</v>
      </c>
      <c r="B24169" s="14" t="s">
        <v>1</v>
      </c>
      <c r="C24169" s="14" t="s">
        <v>51</v>
      </c>
      <c r="D24169" s="14" t="s">
        <v>133</v>
      </c>
      <c r="E24169" s="15">
        <v>45455</v>
      </c>
      <c r="F24169" s="14" t="s">
        <v>61</v>
      </c>
      <c r="G24169" s="16">
        <v>0</v>
      </c>
    </row>
    <row r="24170" spans="1:7" x14ac:dyDescent="0.3">
      <c r="A24170" s="13" t="s">
        <v>160</v>
      </c>
      <c r="B24170" s="14" t="s">
        <v>1</v>
      </c>
      <c r="C24170" s="14" t="s">
        <v>51</v>
      </c>
      <c r="D24170" s="14" t="s">
        <v>133</v>
      </c>
      <c r="E24170" s="15">
        <v>45456</v>
      </c>
      <c r="F24170" s="14" t="s">
        <v>61</v>
      </c>
      <c r="G24170" s="16">
        <v>0</v>
      </c>
    </row>
    <row r="24171" spans="1:7" x14ac:dyDescent="0.3">
      <c r="A24171" s="13" t="s">
        <v>160</v>
      </c>
      <c r="B24171" s="14" t="s">
        <v>1</v>
      </c>
      <c r="C24171" s="14" t="s">
        <v>51</v>
      </c>
      <c r="D24171" s="14" t="s">
        <v>133</v>
      </c>
      <c r="E24171" s="15">
        <v>45457</v>
      </c>
      <c r="F24171" s="14" t="s">
        <v>61</v>
      </c>
      <c r="G24171" s="16">
        <v>0</v>
      </c>
    </row>
    <row r="24172" spans="1:7" x14ac:dyDescent="0.3">
      <c r="A24172" s="13" t="s">
        <v>160</v>
      </c>
      <c r="B24172" s="14" t="s">
        <v>1</v>
      </c>
      <c r="C24172" s="14" t="s">
        <v>51</v>
      </c>
      <c r="D24172" s="14" t="s">
        <v>133</v>
      </c>
      <c r="E24172" s="15">
        <v>45458</v>
      </c>
      <c r="F24172" s="14" t="s">
        <v>61</v>
      </c>
      <c r="G24172" s="16">
        <v>0</v>
      </c>
    </row>
    <row r="24173" spans="1:7" x14ac:dyDescent="0.3">
      <c r="A24173" s="13" t="s">
        <v>160</v>
      </c>
      <c r="B24173" s="14" t="s">
        <v>1</v>
      </c>
      <c r="C24173" s="14" t="s">
        <v>51</v>
      </c>
      <c r="D24173" s="14" t="s">
        <v>133</v>
      </c>
      <c r="E24173" s="15">
        <v>45459</v>
      </c>
      <c r="F24173" s="14" t="s">
        <v>61</v>
      </c>
      <c r="G24173" s="16">
        <v>0</v>
      </c>
    </row>
    <row r="24174" spans="1:7" x14ac:dyDescent="0.3">
      <c r="A24174" s="13" t="s">
        <v>160</v>
      </c>
      <c r="B24174" s="14" t="s">
        <v>1</v>
      </c>
      <c r="C24174" s="14" t="s">
        <v>51</v>
      </c>
      <c r="D24174" s="14" t="s">
        <v>133</v>
      </c>
      <c r="E24174" s="15">
        <v>45460</v>
      </c>
      <c r="F24174" s="14" t="s">
        <v>61</v>
      </c>
      <c r="G24174" s="16">
        <v>0</v>
      </c>
    </row>
    <row r="24175" spans="1:7" x14ac:dyDescent="0.3">
      <c r="A24175" s="13" t="s">
        <v>160</v>
      </c>
      <c r="B24175" s="14" t="s">
        <v>1</v>
      </c>
      <c r="C24175" s="14" t="s">
        <v>51</v>
      </c>
      <c r="D24175" s="14" t="s">
        <v>133</v>
      </c>
      <c r="E24175" s="15">
        <v>45461</v>
      </c>
      <c r="F24175" s="14" t="s">
        <v>61</v>
      </c>
      <c r="G24175" s="16">
        <v>0</v>
      </c>
    </row>
    <row r="24176" spans="1:7" x14ac:dyDescent="0.3">
      <c r="A24176" s="13" t="s">
        <v>160</v>
      </c>
      <c r="B24176" s="14" t="s">
        <v>1</v>
      </c>
      <c r="C24176" s="14" t="s">
        <v>51</v>
      </c>
      <c r="D24176" s="14" t="s">
        <v>133</v>
      </c>
      <c r="E24176" s="15">
        <v>45462</v>
      </c>
      <c r="F24176" s="14" t="s">
        <v>61</v>
      </c>
      <c r="G24176" s="16">
        <v>0</v>
      </c>
    </row>
    <row r="24177" spans="1:7" x14ac:dyDescent="0.3">
      <c r="A24177" s="13" t="s">
        <v>160</v>
      </c>
      <c r="B24177" s="14" t="s">
        <v>1</v>
      </c>
      <c r="C24177" s="14" t="s">
        <v>51</v>
      </c>
      <c r="D24177" s="14" t="s">
        <v>133</v>
      </c>
      <c r="E24177" s="15">
        <v>45463</v>
      </c>
      <c r="F24177" s="14" t="s">
        <v>61</v>
      </c>
      <c r="G24177" s="16">
        <v>0</v>
      </c>
    </row>
    <row r="24178" spans="1:7" x14ac:dyDescent="0.3">
      <c r="A24178" s="13" t="s">
        <v>160</v>
      </c>
      <c r="B24178" s="14" t="s">
        <v>1</v>
      </c>
      <c r="C24178" s="14" t="s">
        <v>51</v>
      </c>
      <c r="D24178" s="14" t="s">
        <v>133</v>
      </c>
      <c r="E24178" s="15">
        <v>45464</v>
      </c>
      <c r="F24178" s="14" t="s">
        <v>61</v>
      </c>
      <c r="G24178" s="16">
        <v>0</v>
      </c>
    </row>
    <row r="24179" spans="1:7" x14ac:dyDescent="0.3">
      <c r="A24179" s="13" t="s">
        <v>160</v>
      </c>
      <c r="B24179" s="14" t="s">
        <v>1</v>
      </c>
      <c r="C24179" s="14" t="s">
        <v>51</v>
      </c>
      <c r="D24179" s="14" t="s">
        <v>133</v>
      </c>
      <c r="E24179" s="15">
        <v>45465</v>
      </c>
      <c r="F24179" s="14" t="s">
        <v>61</v>
      </c>
      <c r="G24179" s="16">
        <v>0</v>
      </c>
    </row>
    <row r="24180" spans="1:7" x14ac:dyDescent="0.3">
      <c r="A24180" s="13" t="s">
        <v>160</v>
      </c>
      <c r="B24180" s="14" t="s">
        <v>1</v>
      </c>
      <c r="C24180" s="14" t="s">
        <v>51</v>
      </c>
      <c r="D24180" s="14" t="s">
        <v>133</v>
      </c>
      <c r="E24180" s="15">
        <v>45466</v>
      </c>
      <c r="F24180" s="14" t="s">
        <v>61</v>
      </c>
      <c r="G24180" s="16">
        <v>0</v>
      </c>
    </row>
    <row r="24181" spans="1:7" x14ac:dyDescent="0.3">
      <c r="A24181" s="13" t="s">
        <v>160</v>
      </c>
      <c r="B24181" s="14" t="s">
        <v>1</v>
      </c>
      <c r="C24181" s="14" t="s">
        <v>51</v>
      </c>
      <c r="D24181" s="14" t="s">
        <v>133</v>
      </c>
      <c r="E24181" s="15">
        <v>45467</v>
      </c>
      <c r="F24181" s="14" t="s">
        <v>61</v>
      </c>
      <c r="G24181" s="16">
        <v>0</v>
      </c>
    </row>
    <row r="24182" spans="1:7" x14ac:dyDescent="0.3">
      <c r="A24182" s="13" t="s">
        <v>160</v>
      </c>
      <c r="B24182" s="14" t="s">
        <v>1</v>
      </c>
      <c r="C24182" s="14" t="s">
        <v>51</v>
      </c>
      <c r="D24182" s="14" t="s">
        <v>133</v>
      </c>
      <c r="E24182" s="15">
        <v>45468</v>
      </c>
      <c r="F24182" s="14" t="s">
        <v>61</v>
      </c>
      <c r="G24182" s="16">
        <v>0</v>
      </c>
    </row>
    <row r="24183" spans="1:7" x14ac:dyDescent="0.3">
      <c r="A24183" s="13" t="s">
        <v>160</v>
      </c>
      <c r="B24183" s="14" t="s">
        <v>1</v>
      </c>
      <c r="C24183" s="14" t="s">
        <v>51</v>
      </c>
      <c r="D24183" s="14" t="s">
        <v>133</v>
      </c>
      <c r="E24183" s="15">
        <v>45469</v>
      </c>
      <c r="F24183" s="14" t="s">
        <v>61</v>
      </c>
      <c r="G24183" s="16">
        <v>0</v>
      </c>
    </row>
    <row r="24184" spans="1:7" x14ac:dyDescent="0.3">
      <c r="A24184" s="13" t="s">
        <v>160</v>
      </c>
      <c r="B24184" s="14" t="s">
        <v>1</v>
      </c>
      <c r="C24184" s="14" t="s">
        <v>51</v>
      </c>
      <c r="D24184" s="14" t="s">
        <v>133</v>
      </c>
      <c r="E24184" s="15">
        <v>45470</v>
      </c>
      <c r="F24184" s="14" t="s">
        <v>61</v>
      </c>
      <c r="G24184" s="16">
        <v>0</v>
      </c>
    </row>
    <row r="24185" spans="1:7" x14ac:dyDescent="0.3">
      <c r="A24185" s="13" t="s">
        <v>160</v>
      </c>
      <c r="B24185" s="14" t="s">
        <v>1</v>
      </c>
      <c r="C24185" s="14" t="s">
        <v>51</v>
      </c>
      <c r="D24185" s="14" t="s">
        <v>133</v>
      </c>
      <c r="E24185" s="15">
        <v>45471</v>
      </c>
      <c r="F24185" s="14" t="s">
        <v>61</v>
      </c>
      <c r="G24185" s="16">
        <v>0</v>
      </c>
    </row>
    <row r="24186" spans="1:7" x14ac:dyDescent="0.3">
      <c r="A24186" s="13" t="s">
        <v>160</v>
      </c>
      <c r="B24186" s="14" t="s">
        <v>1</v>
      </c>
      <c r="C24186" s="14" t="s">
        <v>51</v>
      </c>
      <c r="D24186" s="14" t="s">
        <v>133</v>
      </c>
      <c r="E24186" s="15">
        <v>45472</v>
      </c>
      <c r="F24186" s="14" t="s">
        <v>61</v>
      </c>
      <c r="G24186" s="16">
        <v>0</v>
      </c>
    </row>
    <row r="24187" spans="1:7" x14ac:dyDescent="0.3">
      <c r="A24187" s="13" t="s">
        <v>160</v>
      </c>
      <c r="B24187" s="14" t="s">
        <v>1</v>
      </c>
      <c r="C24187" s="14" t="s">
        <v>51</v>
      </c>
      <c r="D24187" s="14" t="s">
        <v>133</v>
      </c>
      <c r="E24187" s="15">
        <v>45473</v>
      </c>
      <c r="F24187" s="14" t="s">
        <v>61</v>
      </c>
      <c r="G24187" s="16">
        <v>0</v>
      </c>
    </row>
    <row r="24188" spans="1:7" x14ac:dyDescent="0.3">
      <c r="A24188" s="13" t="s">
        <v>160</v>
      </c>
      <c r="B24188" s="14" t="s">
        <v>1</v>
      </c>
      <c r="C24188" s="14" t="s">
        <v>51</v>
      </c>
      <c r="D24188" s="14" t="s">
        <v>133</v>
      </c>
      <c r="E24188" s="15">
        <v>45474</v>
      </c>
      <c r="F24188" s="14" t="s">
        <v>61</v>
      </c>
      <c r="G24188" s="16">
        <v>0</v>
      </c>
    </row>
    <row r="24189" spans="1:7" x14ac:dyDescent="0.3">
      <c r="A24189" s="13" t="s">
        <v>160</v>
      </c>
      <c r="B24189" s="14" t="s">
        <v>1</v>
      </c>
      <c r="C24189" s="14" t="s">
        <v>51</v>
      </c>
      <c r="D24189" s="14" t="s">
        <v>133</v>
      </c>
      <c r="E24189" s="15">
        <v>45475</v>
      </c>
      <c r="F24189" s="14" t="s">
        <v>61</v>
      </c>
      <c r="G24189" s="16">
        <v>0</v>
      </c>
    </row>
    <row r="24190" spans="1:7" x14ac:dyDescent="0.3">
      <c r="A24190" s="13" t="s">
        <v>160</v>
      </c>
      <c r="B24190" s="14" t="s">
        <v>1</v>
      </c>
      <c r="C24190" s="14" t="s">
        <v>51</v>
      </c>
      <c r="D24190" s="14" t="s">
        <v>133</v>
      </c>
      <c r="E24190" s="15">
        <v>45476</v>
      </c>
      <c r="F24190" s="14" t="s">
        <v>61</v>
      </c>
      <c r="G24190" s="16">
        <v>0</v>
      </c>
    </row>
    <row r="24191" spans="1:7" x14ac:dyDescent="0.3">
      <c r="A24191" s="13" t="s">
        <v>160</v>
      </c>
      <c r="B24191" s="14" t="s">
        <v>1</v>
      </c>
      <c r="C24191" s="14" t="s">
        <v>51</v>
      </c>
      <c r="D24191" s="14" t="s">
        <v>133</v>
      </c>
      <c r="E24191" s="15">
        <v>45477</v>
      </c>
      <c r="F24191" s="14" t="s">
        <v>61</v>
      </c>
      <c r="G24191" s="16">
        <v>0</v>
      </c>
    </row>
    <row r="24192" spans="1:7" x14ac:dyDescent="0.3">
      <c r="A24192" s="13" t="s">
        <v>160</v>
      </c>
      <c r="B24192" s="14" t="s">
        <v>1</v>
      </c>
      <c r="C24192" s="14" t="s">
        <v>51</v>
      </c>
      <c r="D24192" s="14" t="s">
        <v>133</v>
      </c>
      <c r="E24192" s="15">
        <v>45478</v>
      </c>
      <c r="F24192" s="14" t="s">
        <v>61</v>
      </c>
      <c r="G24192" s="16">
        <v>0</v>
      </c>
    </row>
    <row r="24193" spans="1:7" x14ac:dyDescent="0.3">
      <c r="A24193" s="13" t="s">
        <v>160</v>
      </c>
      <c r="B24193" s="14" t="s">
        <v>1</v>
      </c>
      <c r="C24193" s="14" t="s">
        <v>51</v>
      </c>
      <c r="D24193" s="14" t="s">
        <v>133</v>
      </c>
      <c r="E24193" s="15">
        <v>45479</v>
      </c>
      <c r="F24193" s="14" t="s">
        <v>61</v>
      </c>
      <c r="G24193" s="16">
        <v>0</v>
      </c>
    </row>
    <row r="24194" spans="1:7" x14ac:dyDescent="0.3">
      <c r="A24194" s="13" t="s">
        <v>160</v>
      </c>
      <c r="B24194" s="14" t="s">
        <v>1</v>
      </c>
      <c r="C24194" s="14" t="s">
        <v>51</v>
      </c>
      <c r="D24194" s="14" t="s">
        <v>133</v>
      </c>
      <c r="E24194" s="15">
        <v>45480</v>
      </c>
      <c r="F24194" s="14" t="s">
        <v>61</v>
      </c>
      <c r="G24194" s="16">
        <v>0</v>
      </c>
    </row>
    <row r="24195" spans="1:7" x14ac:dyDescent="0.3">
      <c r="A24195" s="13" t="s">
        <v>160</v>
      </c>
      <c r="B24195" s="14" t="s">
        <v>1</v>
      </c>
      <c r="C24195" s="14" t="s">
        <v>51</v>
      </c>
      <c r="D24195" s="14" t="s">
        <v>133</v>
      </c>
      <c r="E24195" s="15">
        <v>45481</v>
      </c>
      <c r="F24195" s="14" t="s">
        <v>61</v>
      </c>
      <c r="G24195" s="16">
        <v>0</v>
      </c>
    </row>
    <row r="24196" spans="1:7" x14ac:dyDescent="0.3">
      <c r="A24196" s="13" t="s">
        <v>160</v>
      </c>
      <c r="B24196" s="14" t="s">
        <v>1</v>
      </c>
      <c r="C24196" s="14" t="s">
        <v>51</v>
      </c>
      <c r="D24196" s="14" t="s">
        <v>133</v>
      </c>
      <c r="E24196" s="15">
        <v>45482</v>
      </c>
      <c r="F24196" s="14" t="s">
        <v>61</v>
      </c>
      <c r="G24196" s="16">
        <v>0</v>
      </c>
    </row>
    <row r="24197" spans="1:7" x14ac:dyDescent="0.3">
      <c r="A24197" s="13" t="s">
        <v>160</v>
      </c>
      <c r="B24197" s="14" t="s">
        <v>1</v>
      </c>
      <c r="C24197" s="14" t="s">
        <v>51</v>
      </c>
      <c r="D24197" s="14" t="s">
        <v>133</v>
      </c>
      <c r="E24197" s="15">
        <v>45483</v>
      </c>
      <c r="F24197" s="14" t="s">
        <v>61</v>
      </c>
      <c r="G24197" s="16">
        <v>0</v>
      </c>
    </row>
    <row r="24198" spans="1:7" x14ac:dyDescent="0.3">
      <c r="A24198" s="13" t="s">
        <v>160</v>
      </c>
      <c r="B24198" s="14" t="s">
        <v>1</v>
      </c>
      <c r="C24198" s="14" t="s">
        <v>51</v>
      </c>
      <c r="D24198" s="14" t="s">
        <v>133</v>
      </c>
      <c r="E24198" s="15">
        <v>45484</v>
      </c>
      <c r="F24198" s="14" t="s">
        <v>61</v>
      </c>
      <c r="G24198" s="16">
        <v>0</v>
      </c>
    </row>
    <row r="24199" spans="1:7" x14ac:dyDescent="0.3">
      <c r="A24199" s="13" t="s">
        <v>160</v>
      </c>
      <c r="B24199" s="14" t="s">
        <v>1</v>
      </c>
      <c r="C24199" s="14" t="s">
        <v>51</v>
      </c>
      <c r="D24199" s="14" t="s">
        <v>133</v>
      </c>
      <c r="E24199" s="15">
        <v>45485</v>
      </c>
      <c r="F24199" s="14" t="s">
        <v>61</v>
      </c>
      <c r="G24199" s="16">
        <v>0</v>
      </c>
    </row>
    <row r="24200" spans="1:7" x14ac:dyDescent="0.3">
      <c r="A24200" s="13" t="s">
        <v>160</v>
      </c>
      <c r="B24200" s="14" t="s">
        <v>1</v>
      </c>
      <c r="C24200" s="14" t="s">
        <v>51</v>
      </c>
      <c r="D24200" s="14" t="s">
        <v>133</v>
      </c>
      <c r="E24200" s="15">
        <v>45486</v>
      </c>
      <c r="F24200" s="14" t="s">
        <v>61</v>
      </c>
      <c r="G24200" s="16">
        <v>0</v>
      </c>
    </row>
    <row r="24201" spans="1:7" x14ac:dyDescent="0.3">
      <c r="A24201" s="13" t="s">
        <v>160</v>
      </c>
      <c r="B24201" s="14" t="s">
        <v>1</v>
      </c>
      <c r="C24201" s="14" t="s">
        <v>51</v>
      </c>
      <c r="D24201" s="14" t="s">
        <v>133</v>
      </c>
      <c r="E24201" s="15">
        <v>45487</v>
      </c>
      <c r="F24201" s="14" t="s">
        <v>61</v>
      </c>
      <c r="G24201" s="16">
        <v>0</v>
      </c>
    </row>
    <row r="24202" spans="1:7" x14ac:dyDescent="0.3">
      <c r="A24202" s="13" t="s">
        <v>160</v>
      </c>
      <c r="B24202" s="14" t="s">
        <v>1</v>
      </c>
      <c r="C24202" s="14" t="s">
        <v>51</v>
      </c>
      <c r="D24202" s="14" t="s">
        <v>133</v>
      </c>
      <c r="E24202" s="15">
        <v>45488</v>
      </c>
      <c r="F24202" s="14" t="s">
        <v>61</v>
      </c>
      <c r="G24202" s="16">
        <v>0</v>
      </c>
    </row>
    <row r="24203" spans="1:7" x14ac:dyDescent="0.3">
      <c r="A24203" s="13" t="s">
        <v>160</v>
      </c>
      <c r="B24203" s="14" t="s">
        <v>1</v>
      </c>
      <c r="C24203" s="14" t="s">
        <v>51</v>
      </c>
      <c r="D24203" s="14" t="s">
        <v>133</v>
      </c>
      <c r="E24203" s="15">
        <v>45489</v>
      </c>
      <c r="F24203" s="14" t="s">
        <v>61</v>
      </c>
      <c r="G24203" s="16">
        <v>0</v>
      </c>
    </row>
    <row r="24204" spans="1:7" x14ac:dyDescent="0.3">
      <c r="A24204" s="13" t="s">
        <v>160</v>
      </c>
      <c r="B24204" s="14" t="s">
        <v>1</v>
      </c>
      <c r="C24204" s="14" t="s">
        <v>51</v>
      </c>
      <c r="D24204" s="14" t="s">
        <v>133</v>
      </c>
      <c r="E24204" s="15">
        <v>45490</v>
      </c>
      <c r="F24204" s="14" t="s">
        <v>61</v>
      </c>
      <c r="G24204" s="16">
        <v>0</v>
      </c>
    </row>
    <row r="24205" spans="1:7" x14ac:dyDescent="0.3">
      <c r="A24205" s="13" t="s">
        <v>160</v>
      </c>
      <c r="B24205" s="14" t="s">
        <v>1</v>
      </c>
      <c r="C24205" s="14" t="s">
        <v>51</v>
      </c>
      <c r="D24205" s="14" t="s">
        <v>133</v>
      </c>
      <c r="E24205" s="15">
        <v>45491</v>
      </c>
      <c r="F24205" s="14" t="s">
        <v>61</v>
      </c>
      <c r="G24205" s="16">
        <v>0</v>
      </c>
    </row>
    <row r="24206" spans="1:7" x14ac:dyDescent="0.3">
      <c r="A24206" s="13" t="s">
        <v>160</v>
      </c>
      <c r="B24206" s="14" t="s">
        <v>1</v>
      </c>
      <c r="C24206" s="14" t="s">
        <v>51</v>
      </c>
      <c r="D24206" s="14" t="s">
        <v>133</v>
      </c>
      <c r="E24206" s="15">
        <v>45492</v>
      </c>
      <c r="F24206" s="14" t="s">
        <v>61</v>
      </c>
      <c r="G24206" s="16">
        <v>0</v>
      </c>
    </row>
    <row r="24207" spans="1:7" x14ac:dyDescent="0.3">
      <c r="A24207" s="13" t="s">
        <v>160</v>
      </c>
      <c r="B24207" s="14" t="s">
        <v>1</v>
      </c>
      <c r="C24207" s="14" t="s">
        <v>51</v>
      </c>
      <c r="D24207" s="14" t="s">
        <v>133</v>
      </c>
      <c r="E24207" s="15">
        <v>45493</v>
      </c>
      <c r="F24207" s="14" t="s">
        <v>61</v>
      </c>
      <c r="G24207" s="16">
        <v>0</v>
      </c>
    </row>
    <row r="24208" spans="1:7" x14ac:dyDescent="0.3">
      <c r="A24208" s="13" t="s">
        <v>160</v>
      </c>
      <c r="B24208" s="14" t="s">
        <v>1</v>
      </c>
      <c r="C24208" s="14" t="s">
        <v>51</v>
      </c>
      <c r="D24208" s="14" t="s">
        <v>133</v>
      </c>
      <c r="E24208" s="15">
        <v>45494</v>
      </c>
      <c r="F24208" s="14" t="s">
        <v>61</v>
      </c>
      <c r="G24208" s="16">
        <v>0</v>
      </c>
    </row>
    <row r="24209" spans="1:7" x14ac:dyDescent="0.3">
      <c r="A24209" s="13" t="s">
        <v>160</v>
      </c>
      <c r="B24209" s="14" t="s">
        <v>1</v>
      </c>
      <c r="C24209" s="14" t="s">
        <v>51</v>
      </c>
      <c r="D24209" s="14" t="s">
        <v>133</v>
      </c>
      <c r="E24209" s="15">
        <v>45495</v>
      </c>
      <c r="F24209" s="14" t="s">
        <v>61</v>
      </c>
      <c r="G24209" s="16">
        <v>0</v>
      </c>
    </row>
    <row r="24210" spans="1:7" x14ac:dyDescent="0.3">
      <c r="A24210" s="13" t="s">
        <v>160</v>
      </c>
      <c r="B24210" s="14" t="s">
        <v>1</v>
      </c>
      <c r="C24210" s="14" t="s">
        <v>51</v>
      </c>
      <c r="D24210" s="14" t="s">
        <v>133</v>
      </c>
      <c r="E24210" s="15">
        <v>45496</v>
      </c>
      <c r="F24210" s="14" t="s">
        <v>61</v>
      </c>
      <c r="G24210" s="16">
        <v>0</v>
      </c>
    </row>
    <row r="24211" spans="1:7" x14ac:dyDescent="0.3">
      <c r="A24211" s="13" t="s">
        <v>160</v>
      </c>
      <c r="B24211" s="14" t="s">
        <v>1</v>
      </c>
      <c r="C24211" s="14" t="s">
        <v>51</v>
      </c>
      <c r="D24211" s="14" t="s">
        <v>133</v>
      </c>
      <c r="E24211" s="15">
        <v>45497</v>
      </c>
      <c r="F24211" s="14" t="s">
        <v>61</v>
      </c>
      <c r="G24211" s="16">
        <v>0</v>
      </c>
    </row>
    <row r="24212" spans="1:7" x14ac:dyDescent="0.3">
      <c r="A24212" s="13" t="s">
        <v>160</v>
      </c>
      <c r="B24212" s="14" t="s">
        <v>1</v>
      </c>
      <c r="C24212" s="14" t="s">
        <v>51</v>
      </c>
      <c r="D24212" s="14" t="s">
        <v>133</v>
      </c>
      <c r="E24212" s="15">
        <v>45498</v>
      </c>
      <c r="F24212" s="14" t="s">
        <v>61</v>
      </c>
      <c r="G24212" s="16">
        <v>0</v>
      </c>
    </row>
    <row r="24213" spans="1:7" x14ac:dyDescent="0.3">
      <c r="A24213" s="13" t="s">
        <v>160</v>
      </c>
      <c r="B24213" s="14" t="s">
        <v>1</v>
      </c>
      <c r="C24213" s="14" t="s">
        <v>51</v>
      </c>
      <c r="D24213" s="14" t="s">
        <v>133</v>
      </c>
      <c r="E24213" s="15">
        <v>45499</v>
      </c>
      <c r="F24213" s="14" t="s">
        <v>61</v>
      </c>
      <c r="G24213" s="16">
        <v>0</v>
      </c>
    </row>
    <row r="24214" spans="1:7" x14ac:dyDescent="0.3">
      <c r="A24214" s="13" t="s">
        <v>160</v>
      </c>
      <c r="B24214" s="14" t="s">
        <v>1</v>
      </c>
      <c r="C24214" s="14" t="s">
        <v>51</v>
      </c>
      <c r="D24214" s="14" t="s">
        <v>133</v>
      </c>
      <c r="E24214" s="15">
        <v>45500</v>
      </c>
      <c r="F24214" s="14" t="s">
        <v>61</v>
      </c>
      <c r="G24214" s="16">
        <v>0</v>
      </c>
    </row>
    <row r="24215" spans="1:7" x14ac:dyDescent="0.3">
      <c r="A24215" s="13" t="s">
        <v>160</v>
      </c>
      <c r="B24215" s="14" t="s">
        <v>1</v>
      </c>
      <c r="C24215" s="14" t="s">
        <v>51</v>
      </c>
      <c r="D24215" s="14" t="s">
        <v>133</v>
      </c>
      <c r="E24215" s="15">
        <v>45501</v>
      </c>
      <c r="F24215" s="14" t="s">
        <v>61</v>
      </c>
      <c r="G24215" s="16">
        <v>0</v>
      </c>
    </row>
    <row r="24216" spans="1:7" x14ac:dyDescent="0.3">
      <c r="A24216" s="13" t="s">
        <v>160</v>
      </c>
      <c r="B24216" s="14" t="s">
        <v>1</v>
      </c>
      <c r="C24216" s="14" t="s">
        <v>51</v>
      </c>
      <c r="D24216" s="14" t="s">
        <v>133</v>
      </c>
      <c r="E24216" s="15">
        <v>45502</v>
      </c>
      <c r="F24216" s="14" t="s">
        <v>61</v>
      </c>
      <c r="G24216" s="16">
        <v>0</v>
      </c>
    </row>
    <row r="24217" spans="1:7" x14ac:dyDescent="0.3">
      <c r="A24217" s="13" t="s">
        <v>160</v>
      </c>
      <c r="B24217" s="14" t="s">
        <v>1</v>
      </c>
      <c r="C24217" s="14" t="s">
        <v>51</v>
      </c>
      <c r="D24217" s="14" t="s">
        <v>133</v>
      </c>
      <c r="E24217" s="15">
        <v>45503</v>
      </c>
      <c r="F24217" s="14" t="s">
        <v>61</v>
      </c>
      <c r="G24217" s="16">
        <v>0</v>
      </c>
    </row>
    <row r="24218" spans="1:7" x14ac:dyDescent="0.3">
      <c r="A24218" s="13" t="s">
        <v>160</v>
      </c>
      <c r="B24218" s="14" t="s">
        <v>1</v>
      </c>
      <c r="C24218" s="14" t="s">
        <v>51</v>
      </c>
      <c r="D24218" s="14" t="s">
        <v>133</v>
      </c>
      <c r="E24218" s="15">
        <v>45504</v>
      </c>
      <c r="F24218" s="14" t="s">
        <v>61</v>
      </c>
      <c r="G24218" s="16">
        <v>0</v>
      </c>
    </row>
    <row r="24219" spans="1:7" x14ac:dyDescent="0.3">
      <c r="A24219" s="13" t="s">
        <v>160</v>
      </c>
      <c r="B24219" s="14" t="s">
        <v>1</v>
      </c>
      <c r="C24219" s="14" t="s">
        <v>51</v>
      </c>
      <c r="D24219" s="14" t="s">
        <v>133</v>
      </c>
      <c r="E24219" s="15">
        <v>45505</v>
      </c>
      <c r="F24219" s="14" t="s">
        <v>61</v>
      </c>
      <c r="G24219" s="16">
        <v>0</v>
      </c>
    </row>
    <row r="24220" spans="1:7" x14ac:dyDescent="0.3">
      <c r="A24220" s="13" t="s">
        <v>160</v>
      </c>
      <c r="B24220" s="14" t="s">
        <v>1</v>
      </c>
      <c r="C24220" s="14" t="s">
        <v>51</v>
      </c>
      <c r="D24220" s="14" t="s">
        <v>133</v>
      </c>
      <c r="E24220" s="15">
        <v>45506</v>
      </c>
      <c r="F24220" s="14" t="s">
        <v>61</v>
      </c>
      <c r="G24220" s="16">
        <v>0</v>
      </c>
    </row>
    <row r="24221" spans="1:7" x14ac:dyDescent="0.3">
      <c r="A24221" s="13" t="s">
        <v>160</v>
      </c>
      <c r="B24221" s="14" t="s">
        <v>1</v>
      </c>
      <c r="C24221" s="14" t="s">
        <v>51</v>
      </c>
      <c r="D24221" s="14" t="s">
        <v>133</v>
      </c>
      <c r="E24221" s="15">
        <v>45507</v>
      </c>
      <c r="F24221" s="14" t="s">
        <v>61</v>
      </c>
      <c r="G24221" s="16">
        <v>0</v>
      </c>
    </row>
    <row r="24222" spans="1:7" x14ac:dyDescent="0.3">
      <c r="A24222" s="13" t="s">
        <v>160</v>
      </c>
      <c r="B24222" s="14" t="s">
        <v>1</v>
      </c>
      <c r="C24222" s="14" t="s">
        <v>51</v>
      </c>
      <c r="D24222" s="14" t="s">
        <v>133</v>
      </c>
      <c r="E24222" s="15">
        <v>45508</v>
      </c>
      <c r="F24222" s="14" t="s">
        <v>61</v>
      </c>
      <c r="G24222" s="16">
        <v>0</v>
      </c>
    </row>
    <row r="24223" spans="1:7" x14ac:dyDescent="0.3">
      <c r="A24223" s="13" t="s">
        <v>160</v>
      </c>
      <c r="B24223" s="14" t="s">
        <v>1</v>
      </c>
      <c r="C24223" s="14" t="s">
        <v>51</v>
      </c>
      <c r="D24223" s="14" t="s">
        <v>133</v>
      </c>
      <c r="E24223" s="15">
        <v>45509</v>
      </c>
      <c r="F24223" s="14" t="s">
        <v>61</v>
      </c>
      <c r="G24223" s="16">
        <v>0</v>
      </c>
    </row>
    <row r="24224" spans="1:7" x14ac:dyDescent="0.3">
      <c r="A24224" s="13" t="s">
        <v>160</v>
      </c>
      <c r="B24224" s="14" t="s">
        <v>1</v>
      </c>
      <c r="C24224" s="14" t="s">
        <v>51</v>
      </c>
      <c r="D24224" s="14" t="s">
        <v>133</v>
      </c>
      <c r="E24224" s="15">
        <v>45510</v>
      </c>
      <c r="F24224" s="14" t="s">
        <v>61</v>
      </c>
      <c r="G24224" s="16">
        <v>0</v>
      </c>
    </row>
    <row r="24225" spans="1:7" x14ac:dyDescent="0.3">
      <c r="A24225" s="13" t="s">
        <v>160</v>
      </c>
      <c r="B24225" s="14" t="s">
        <v>1</v>
      </c>
      <c r="C24225" s="14" t="s">
        <v>51</v>
      </c>
      <c r="D24225" s="14" t="s">
        <v>133</v>
      </c>
      <c r="E24225" s="15">
        <v>45511</v>
      </c>
      <c r="F24225" s="14" t="s">
        <v>61</v>
      </c>
      <c r="G24225" s="16">
        <v>0</v>
      </c>
    </row>
    <row r="24226" spans="1:7" x14ac:dyDescent="0.3">
      <c r="A24226" s="13" t="s">
        <v>160</v>
      </c>
      <c r="B24226" s="14" t="s">
        <v>1</v>
      </c>
      <c r="C24226" s="14" t="s">
        <v>51</v>
      </c>
      <c r="D24226" s="14" t="s">
        <v>133</v>
      </c>
      <c r="E24226" s="15">
        <v>45512</v>
      </c>
      <c r="F24226" s="14" t="s">
        <v>61</v>
      </c>
      <c r="G24226" s="16">
        <v>0</v>
      </c>
    </row>
    <row r="24227" spans="1:7" x14ac:dyDescent="0.3">
      <c r="A24227" s="13" t="s">
        <v>160</v>
      </c>
      <c r="B24227" s="14" t="s">
        <v>1</v>
      </c>
      <c r="C24227" s="14" t="s">
        <v>51</v>
      </c>
      <c r="D24227" s="14" t="s">
        <v>133</v>
      </c>
      <c r="E24227" s="15">
        <v>45513</v>
      </c>
      <c r="F24227" s="14" t="s">
        <v>61</v>
      </c>
      <c r="G24227" s="16">
        <v>0</v>
      </c>
    </row>
    <row r="24228" spans="1:7" x14ac:dyDescent="0.3">
      <c r="A24228" s="13" t="s">
        <v>160</v>
      </c>
      <c r="B24228" s="14" t="s">
        <v>1</v>
      </c>
      <c r="C24228" s="14" t="s">
        <v>51</v>
      </c>
      <c r="D24228" s="14" t="s">
        <v>133</v>
      </c>
      <c r="E24228" s="15">
        <v>45514</v>
      </c>
      <c r="F24228" s="14" t="s">
        <v>61</v>
      </c>
      <c r="G24228" s="16">
        <v>0</v>
      </c>
    </row>
    <row r="24229" spans="1:7" x14ac:dyDescent="0.3">
      <c r="A24229" s="13" t="s">
        <v>160</v>
      </c>
      <c r="B24229" s="14" t="s">
        <v>1</v>
      </c>
      <c r="C24229" s="14" t="s">
        <v>51</v>
      </c>
      <c r="D24229" s="14" t="s">
        <v>133</v>
      </c>
      <c r="E24229" s="15">
        <v>45515</v>
      </c>
      <c r="F24229" s="14" t="s">
        <v>61</v>
      </c>
      <c r="G24229" s="16">
        <v>0</v>
      </c>
    </row>
    <row r="24230" spans="1:7" x14ac:dyDescent="0.3">
      <c r="A24230" s="13" t="s">
        <v>160</v>
      </c>
      <c r="B24230" s="14" t="s">
        <v>1</v>
      </c>
      <c r="C24230" s="14" t="s">
        <v>51</v>
      </c>
      <c r="D24230" s="14" t="s">
        <v>133</v>
      </c>
      <c r="E24230" s="15">
        <v>45516</v>
      </c>
      <c r="F24230" s="14" t="s">
        <v>61</v>
      </c>
      <c r="G24230" s="16">
        <v>0</v>
      </c>
    </row>
    <row r="24231" spans="1:7" x14ac:dyDescent="0.3">
      <c r="A24231" s="13" t="s">
        <v>160</v>
      </c>
      <c r="B24231" s="14" t="s">
        <v>1</v>
      </c>
      <c r="C24231" s="14" t="s">
        <v>51</v>
      </c>
      <c r="D24231" s="14" t="s">
        <v>133</v>
      </c>
      <c r="E24231" s="15">
        <v>45517</v>
      </c>
      <c r="F24231" s="14" t="s">
        <v>61</v>
      </c>
      <c r="G24231" s="16">
        <v>0</v>
      </c>
    </row>
    <row r="24232" spans="1:7" x14ac:dyDescent="0.3">
      <c r="A24232" s="13" t="s">
        <v>160</v>
      </c>
      <c r="B24232" s="14" t="s">
        <v>1</v>
      </c>
      <c r="C24232" s="14" t="s">
        <v>51</v>
      </c>
      <c r="D24232" s="14" t="s">
        <v>133</v>
      </c>
      <c r="E24232" s="15">
        <v>45518</v>
      </c>
      <c r="F24232" s="14" t="s">
        <v>61</v>
      </c>
      <c r="G24232" s="16">
        <v>0</v>
      </c>
    </row>
    <row r="24233" spans="1:7" x14ac:dyDescent="0.3">
      <c r="A24233" s="13" t="s">
        <v>160</v>
      </c>
      <c r="B24233" s="14" t="s">
        <v>1</v>
      </c>
      <c r="C24233" s="14" t="s">
        <v>51</v>
      </c>
      <c r="D24233" s="14" t="s">
        <v>133</v>
      </c>
      <c r="E24233" s="15">
        <v>45519</v>
      </c>
      <c r="F24233" s="14" t="s">
        <v>61</v>
      </c>
      <c r="G24233" s="16">
        <v>0</v>
      </c>
    </row>
    <row r="24234" spans="1:7" x14ac:dyDescent="0.3">
      <c r="A24234" s="13" t="s">
        <v>160</v>
      </c>
      <c r="B24234" s="14" t="s">
        <v>1</v>
      </c>
      <c r="C24234" s="14" t="s">
        <v>51</v>
      </c>
      <c r="D24234" s="14" t="s">
        <v>133</v>
      </c>
      <c r="E24234" s="15">
        <v>45520</v>
      </c>
      <c r="F24234" s="14" t="s">
        <v>61</v>
      </c>
      <c r="G24234" s="16">
        <v>0</v>
      </c>
    </row>
    <row r="24235" spans="1:7" x14ac:dyDescent="0.3">
      <c r="A24235" s="13" t="s">
        <v>160</v>
      </c>
      <c r="B24235" s="14" t="s">
        <v>1</v>
      </c>
      <c r="C24235" s="14" t="s">
        <v>51</v>
      </c>
      <c r="D24235" s="14" t="s">
        <v>133</v>
      </c>
      <c r="E24235" s="15">
        <v>45521</v>
      </c>
      <c r="F24235" s="14" t="s">
        <v>61</v>
      </c>
      <c r="G24235" s="16">
        <v>0</v>
      </c>
    </row>
    <row r="24236" spans="1:7" x14ac:dyDescent="0.3">
      <c r="A24236" s="13" t="s">
        <v>160</v>
      </c>
      <c r="B24236" s="14" t="s">
        <v>1</v>
      </c>
      <c r="C24236" s="14" t="s">
        <v>51</v>
      </c>
      <c r="D24236" s="14" t="s">
        <v>133</v>
      </c>
      <c r="E24236" s="15">
        <v>45522</v>
      </c>
      <c r="F24236" s="14" t="s">
        <v>61</v>
      </c>
      <c r="G24236" s="16">
        <v>0</v>
      </c>
    </row>
    <row r="24237" spans="1:7" x14ac:dyDescent="0.3">
      <c r="A24237" s="13" t="s">
        <v>160</v>
      </c>
      <c r="B24237" s="14" t="s">
        <v>1</v>
      </c>
      <c r="C24237" s="14" t="s">
        <v>51</v>
      </c>
      <c r="D24237" s="14" t="s">
        <v>133</v>
      </c>
      <c r="E24237" s="15">
        <v>45523</v>
      </c>
      <c r="F24237" s="14" t="s">
        <v>61</v>
      </c>
      <c r="G24237" s="16">
        <v>0</v>
      </c>
    </row>
    <row r="24238" spans="1:7" x14ac:dyDescent="0.3">
      <c r="A24238" s="13" t="s">
        <v>160</v>
      </c>
      <c r="B24238" s="14" t="s">
        <v>1</v>
      </c>
      <c r="C24238" s="14" t="s">
        <v>51</v>
      </c>
      <c r="D24238" s="14" t="s">
        <v>133</v>
      </c>
      <c r="E24238" s="15">
        <v>45524</v>
      </c>
      <c r="F24238" s="14" t="s">
        <v>61</v>
      </c>
      <c r="G24238" s="16">
        <v>0</v>
      </c>
    </row>
    <row r="24239" spans="1:7" x14ac:dyDescent="0.3">
      <c r="A24239" s="13" t="s">
        <v>160</v>
      </c>
      <c r="B24239" s="14" t="s">
        <v>1</v>
      </c>
      <c r="C24239" s="14" t="s">
        <v>51</v>
      </c>
      <c r="D24239" s="14" t="s">
        <v>133</v>
      </c>
      <c r="E24239" s="15">
        <v>45525</v>
      </c>
      <c r="F24239" s="14" t="s">
        <v>61</v>
      </c>
      <c r="G24239" s="16">
        <v>0</v>
      </c>
    </row>
    <row r="24240" spans="1:7" x14ac:dyDescent="0.3">
      <c r="A24240" s="13" t="s">
        <v>160</v>
      </c>
      <c r="B24240" s="14" t="s">
        <v>1</v>
      </c>
      <c r="C24240" s="14" t="s">
        <v>51</v>
      </c>
      <c r="D24240" s="14" t="s">
        <v>133</v>
      </c>
      <c r="E24240" s="15">
        <v>45526</v>
      </c>
      <c r="F24240" s="14" t="s">
        <v>61</v>
      </c>
      <c r="G24240" s="16">
        <v>0</v>
      </c>
    </row>
    <row r="24241" spans="1:7" x14ac:dyDescent="0.3">
      <c r="A24241" s="13" t="s">
        <v>160</v>
      </c>
      <c r="B24241" s="14" t="s">
        <v>1</v>
      </c>
      <c r="C24241" s="14" t="s">
        <v>51</v>
      </c>
      <c r="D24241" s="14" t="s">
        <v>133</v>
      </c>
      <c r="E24241" s="15">
        <v>45527</v>
      </c>
      <c r="F24241" s="14" t="s">
        <v>61</v>
      </c>
      <c r="G24241" s="16">
        <v>0</v>
      </c>
    </row>
    <row r="24242" spans="1:7" x14ac:dyDescent="0.3">
      <c r="A24242" s="13" t="s">
        <v>160</v>
      </c>
      <c r="B24242" s="14" t="s">
        <v>1</v>
      </c>
      <c r="C24242" s="14" t="s">
        <v>51</v>
      </c>
      <c r="D24242" s="14" t="s">
        <v>133</v>
      </c>
      <c r="E24242" s="15">
        <v>45528</v>
      </c>
      <c r="F24242" s="14" t="s">
        <v>61</v>
      </c>
      <c r="G24242" s="16">
        <v>0</v>
      </c>
    </row>
    <row r="24243" spans="1:7" x14ac:dyDescent="0.3">
      <c r="A24243" s="13" t="s">
        <v>160</v>
      </c>
      <c r="B24243" s="14" t="s">
        <v>1</v>
      </c>
      <c r="C24243" s="14" t="s">
        <v>51</v>
      </c>
      <c r="D24243" s="14" t="s">
        <v>133</v>
      </c>
      <c r="E24243" s="15">
        <v>45529</v>
      </c>
      <c r="F24243" s="14" t="s">
        <v>61</v>
      </c>
      <c r="G24243" s="16">
        <v>0</v>
      </c>
    </row>
    <row r="24244" spans="1:7" x14ac:dyDescent="0.3">
      <c r="A24244" s="13" t="s">
        <v>160</v>
      </c>
      <c r="B24244" s="14" t="s">
        <v>1</v>
      </c>
      <c r="C24244" s="14" t="s">
        <v>51</v>
      </c>
      <c r="D24244" s="14" t="s">
        <v>133</v>
      </c>
      <c r="E24244" s="15">
        <v>45530</v>
      </c>
      <c r="F24244" s="14" t="s">
        <v>61</v>
      </c>
      <c r="G24244" s="16">
        <v>0</v>
      </c>
    </row>
    <row r="24245" spans="1:7" x14ac:dyDescent="0.3">
      <c r="A24245" s="13" t="s">
        <v>160</v>
      </c>
      <c r="B24245" s="14" t="s">
        <v>1</v>
      </c>
      <c r="C24245" s="14" t="s">
        <v>51</v>
      </c>
      <c r="D24245" s="14" t="s">
        <v>133</v>
      </c>
      <c r="E24245" s="15">
        <v>45531</v>
      </c>
      <c r="F24245" s="14" t="s">
        <v>61</v>
      </c>
      <c r="G24245" s="16">
        <v>0</v>
      </c>
    </row>
    <row r="24246" spans="1:7" x14ac:dyDescent="0.3">
      <c r="A24246" s="13" t="s">
        <v>160</v>
      </c>
      <c r="B24246" s="14" t="s">
        <v>1</v>
      </c>
      <c r="C24246" s="14" t="s">
        <v>51</v>
      </c>
      <c r="D24246" s="14" t="s">
        <v>133</v>
      </c>
      <c r="E24246" s="15">
        <v>45532</v>
      </c>
      <c r="F24246" s="14" t="s">
        <v>61</v>
      </c>
      <c r="G24246" s="16">
        <v>0</v>
      </c>
    </row>
    <row r="24247" spans="1:7" x14ac:dyDescent="0.3">
      <c r="A24247" s="13" t="s">
        <v>160</v>
      </c>
      <c r="B24247" s="14" t="s">
        <v>1</v>
      </c>
      <c r="C24247" s="14" t="s">
        <v>51</v>
      </c>
      <c r="D24247" s="14" t="s">
        <v>133</v>
      </c>
      <c r="E24247" s="15">
        <v>45533</v>
      </c>
      <c r="F24247" s="14" t="s">
        <v>61</v>
      </c>
      <c r="G24247" s="16">
        <v>0</v>
      </c>
    </row>
    <row r="24248" spans="1:7" x14ac:dyDescent="0.3">
      <c r="A24248" s="13" t="s">
        <v>160</v>
      </c>
      <c r="B24248" s="14" t="s">
        <v>1</v>
      </c>
      <c r="C24248" s="14" t="s">
        <v>51</v>
      </c>
      <c r="D24248" s="14" t="s">
        <v>133</v>
      </c>
      <c r="E24248" s="15">
        <v>45534</v>
      </c>
      <c r="F24248" s="14" t="s">
        <v>61</v>
      </c>
      <c r="G24248" s="16">
        <v>0</v>
      </c>
    </row>
    <row r="24249" spans="1:7" x14ac:dyDescent="0.3">
      <c r="A24249" s="13" t="s">
        <v>160</v>
      </c>
      <c r="B24249" s="14" t="s">
        <v>1</v>
      </c>
      <c r="C24249" s="14" t="s">
        <v>51</v>
      </c>
      <c r="D24249" s="14" t="s">
        <v>133</v>
      </c>
      <c r="E24249" s="15">
        <v>45535</v>
      </c>
      <c r="F24249" s="14" t="s">
        <v>61</v>
      </c>
      <c r="G24249" s="16">
        <v>0</v>
      </c>
    </row>
    <row r="24250" spans="1:7" x14ac:dyDescent="0.3">
      <c r="A24250" s="13" t="s">
        <v>160</v>
      </c>
      <c r="B24250" s="14" t="s">
        <v>1</v>
      </c>
      <c r="C24250" s="14" t="s">
        <v>51</v>
      </c>
      <c r="D24250" s="14" t="s">
        <v>133</v>
      </c>
      <c r="E24250" s="15">
        <v>45536</v>
      </c>
      <c r="F24250" s="14" t="s">
        <v>61</v>
      </c>
      <c r="G24250" s="16">
        <v>0</v>
      </c>
    </row>
    <row r="24251" spans="1:7" x14ac:dyDescent="0.3">
      <c r="A24251" s="13" t="s">
        <v>160</v>
      </c>
      <c r="B24251" s="14" t="s">
        <v>1</v>
      </c>
      <c r="C24251" s="14" t="s">
        <v>51</v>
      </c>
      <c r="D24251" s="14" t="s">
        <v>133</v>
      </c>
      <c r="E24251" s="15">
        <v>45537</v>
      </c>
      <c r="F24251" s="14" t="s">
        <v>61</v>
      </c>
      <c r="G24251" s="16">
        <v>0</v>
      </c>
    </row>
    <row r="24252" spans="1:7" x14ac:dyDescent="0.3">
      <c r="A24252" s="13" t="s">
        <v>160</v>
      </c>
      <c r="B24252" s="14" t="s">
        <v>1</v>
      </c>
      <c r="C24252" s="14" t="s">
        <v>51</v>
      </c>
      <c r="D24252" s="14" t="s">
        <v>133</v>
      </c>
      <c r="E24252" s="15">
        <v>45538</v>
      </c>
      <c r="F24252" s="14" t="s">
        <v>61</v>
      </c>
      <c r="G24252" s="16">
        <v>0</v>
      </c>
    </row>
    <row r="24253" spans="1:7" x14ac:dyDescent="0.3">
      <c r="A24253" s="13" t="s">
        <v>160</v>
      </c>
      <c r="B24253" s="14" t="s">
        <v>1</v>
      </c>
      <c r="C24253" s="14" t="s">
        <v>51</v>
      </c>
      <c r="D24253" s="14" t="s">
        <v>133</v>
      </c>
      <c r="E24253" s="15">
        <v>45539</v>
      </c>
      <c r="F24253" s="14" t="s">
        <v>61</v>
      </c>
      <c r="G24253" s="16">
        <v>0</v>
      </c>
    </row>
    <row r="24254" spans="1:7" x14ac:dyDescent="0.3">
      <c r="A24254" s="13" t="s">
        <v>160</v>
      </c>
      <c r="B24254" s="14" t="s">
        <v>1</v>
      </c>
      <c r="C24254" s="14" t="s">
        <v>51</v>
      </c>
      <c r="D24254" s="14" t="s">
        <v>133</v>
      </c>
      <c r="E24254" s="15">
        <v>45540</v>
      </c>
      <c r="F24254" s="14" t="s">
        <v>61</v>
      </c>
      <c r="G24254" s="16">
        <v>0</v>
      </c>
    </row>
    <row r="24255" spans="1:7" x14ac:dyDescent="0.3">
      <c r="A24255" s="13" t="s">
        <v>160</v>
      </c>
      <c r="B24255" s="14" t="s">
        <v>1</v>
      </c>
      <c r="C24255" s="14" t="s">
        <v>51</v>
      </c>
      <c r="D24255" s="14" t="s">
        <v>133</v>
      </c>
      <c r="E24255" s="15">
        <v>45541</v>
      </c>
      <c r="F24255" s="14" t="s">
        <v>61</v>
      </c>
      <c r="G24255" s="16">
        <v>0</v>
      </c>
    </row>
    <row r="24256" spans="1:7" x14ac:dyDescent="0.3">
      <c r="A24256" s="13" t="s">
        <v>160</v>
      </c>
      <c r="B24256" s="14" t="s">
        <v>1</v>
      </c>
      <c r="C24256" s="14" t="s">
        <v>51</v>
      </c>
      <c r="D24256" s="14" t="s">
        <v>133</v>
      </c>
      <c r="E24256" s="15">
        <v>45542</v>
      </c>
      <c r="F24256" s="14" t="s">
        <v>61</v>
      </c>
      <c r="G24256" s="16">
        <v>0</v>
      </c>
    </row>
    <row r="24257" spans="1:7" x14ac:dyDescent="0.3">
      <c r="A24257" s="13" t="s">
        <v>160</v>
      </c>
      <c r="B24257" s="14" t="s">
        <v>1</v>
      </c>
      <c r="C24257" s="14" t="s">
        <v>51</v>
      </c>
      <c r="D24257" s="14" t="s">
        <v>133</v>
      </c>
      <c r="E24257" s="15">
        <v>45543</v>
      </c>
      <c r="F24257" s="14" t="s">
        <v>61</v>
      </c>
      <c r="G24257" s="16">
        <v>0</v>
      </c>
    </row>
    <row r="24258" spans="1:7" x14ac:dyDescent="0.3">
      <c r="A24258" s="13" t="s">
        <v>160</v>
      </c>
      <c r="B24258" s="14" t="s">
        <v>1</v>
      </c>
      <c r="C24258" s="14" t="s">
        <v>51</v>
      </c>
      <c r="D24258" s="14" t="s">
        <v>133</v>
      </c>
      <c r="E24258" s="15">
        <v>45544</v>
      </c>
      <c r="F24258" s="14" t="s">
        <v>61</v>
      </c>
      <c r="G24258" s="16">
        <v>0</v>
      </c>
    </row>
    <row r="24259" spans="1:7" x14ac:dyDescent="0.3">
      <c r="A24259" s="13" t="s">
        <v>160</v>
      </c>
      <c r="B24259" s="14" t="s">
        <v>1</v>
      </c>
      <c r="C24259" s="14" t="s">
        <v>51</v>
      </c>
      <c r="D24259" s="14" t="s">
        <v>133</v>
      </c>
      <c r="E24259" s="15">
        <v>45545</v>
      </c>
      <c r="F24259" s="14" t="s">
        <v>61</v>
      </c>
      <c r="G24259" s="16">
        <v>0</v>
      </c>
    </row>
    <row r="24260" spans="1:7" x14ac:dyDescent="0.3">
      <c r="A24260" s="13" t="s">
        <v>160</v>
      </c>
      <c r="B24260" s="14" t="s">
        <v>1</v>
      </c>
      <c r="C24260" s="14" t="s">
        <v>51</v>
      </c>
      <c r="D24260" s="14" t="s">
        <v>133</v>
      </c>
      <c r="E24260" s="15">
        <v>45546</v>
      </c>
      <c r="F24260" s="14" t="s">
        <v>61</v>
      </c>
      <c r="G24260" s="16">
        <v>0</v>
      </c>
    </row>
    <row r="24261" spans="1:7" x14ac:dyDescent="0.3">
      <c r="A24261" s="13" t="s">
        <v>160</v>
      </c>
      <c r="B24261" s="14" t="s">
        <v>1</v>
      </c>
      <c r="C24261" s="14" t="s">
        <v>51</v>
      </c>
      <c r="D24261" s="14" t="s">
        <v>133</v>
      </c>
      <c r="E24261" s="15">
        <v>45547</v>
      </c>
      <c r="F24261" s="14" t="s">
        <v>61</v>
      </c>
      <c r="G24261" s="16">
        <v>0</v>
      </c>
    </row>
    <row r="24262" spans="1:7" x14ac:dyDescent="0.3">
      <c r="A24262" s="13" t="s">
        <v>160</v>
      </c>
      <c r="B24262" s="14" t="s">
        <v>1</v>
      </c>
      <c r="C24262" s="14" t="s">
        <v>51</v>
      </c>
      <c r="D24262" s="14" t="s">
        <v>133</v>
      </c>
      <c r="E24262" s="15">
        <v>45548</v>
      </c>
      <c r="F24262" s="14" t="s">
        <v>61</v>
      </c>
      <c r="G24262" s="16">
        <v>0</v>
      </c>
    </row>
    <row r="24263" spans="1:7" x14ac:dyDescent="0.3">
      <c r="A24263" s="13" t="s">
        <v>160</v>
      </c>
      <c r="B24263" s="14" t="s">
        <v>1</v>
      </c>
      <c r="C24263" s="14" t="s">
        <v>51</v>
      </c>
      <c r="D24263" s="14" t="s">
        <v>133</v>
      </c>
      <c r="E24263" s="15">
        <v>45549</v>
      </c>
      <c r="F24263" s="14" t="s">
        <v>61</v>
      </c>
      <c r="G24263" s="16">
        <v>0</v>
      </c>
    </row>
    <row r="24264" spans="1:7" x14ac:dyDescent="0.3">
      <c r="A24264" s="13" t="s">
        <v>160</v>
      </c>
      <c r="B24264" s="14" t="s">
        <v>1</v>
      </c>
      <c r="C24264" s="14" t="s">
        <v>51</v>
      </c>
      <c r="D24264" s="14" t="s">
        <v>133</v>
      </c>
      <c r="E24264" s="15">
        <v>45550</v>
      </c>
      <c r="F24264" s="14" t="s">
        <v>61</v>
      </c>
      <c r="G24264" s="16">
        <v>0</v>
      </c>
    </row>
    <row r="24265" spans="1:7" x14ac:dyDescent="0.3">
      <c r="A24265" s="13" t="s">
        <v>160</v>
      </c>
      <c r="B24265" s="14" t="s">
        <v>1</v>
      </c>
      <c r="C24265" s="14" t="s">
        <v>51</v>
      </c>
      <c r="D24265" s="14" t="s">
        <v>133</v>
      </c>
      <c r="E24265" s="15">
        <v>45551</v>
      </c>
      <c r="F24265" s="14" t="s">
        <v>61</v>
      </c>
      <c r="G24265" s="16">
        <v>0</v>
      </c>
    </row>
    <row r="24266" spans="1:7" x14ac:dyDescent="0.3">
      <c r="A24266" s="13" t="s">
        <v>160</v>
      </c>
      <c r="B24266" s="14" t="s">
        <v>1</v>
      </c>
      <c r="C24266" s="14" t="s">
        <v>51</v>
      </c>
      <c r="D24266" s="14" t="s">
        <v>133</v>
      </c>
      <c r="E24266" s="15">
        <v>45552</v>
      </c>
      <c r="F24266" s="14" t="s">
        <v>61</v>
      </c>
      <c r="G24266" s="16">
        <v>0</v>
      </c>
    </row>
    <row r="24267" spans="1:7" x14ac:dyDescent="0.3">
      <c r="A24267" s="13" t="s">
        <v>160</v>
      </c>
      <c r="B24267" s="14" t="s">
        <v>1</v>
      </c>
      <c r="C24267" s="14" t="s">
        <v>51</v>
      </c>
      <c r="D24267" s="14" t="s">
        <v>133</v>
      </c>
      <c r="E24267" s="15">
        <v>45553</v>
      </c>
      <c r="F24267" s="14" t="s">
        <v>61</v>
      </c>
      <c r="G24267" s="16">
        <v>0</v>
      </c>
    </row>
    <row r="24268" spans="1:7" x14ac:dyDescent="0.3">
      <c r="A24268" s="13" t="s">
        <v>160</v>
      </c>
      <c r="B24268" s="14" t="s">
        <v>1</v>
      </c>
      <c r="C24268" s="14" t="s">
        <v>51</v>
      </c>
      <c r="D24268" s="14" t="s">
        <v>133</v>
      </c>
      <c r="E24268" s="15">
        <v>45554</v>
      </c>
      <c r="F24268" s="14" t="s">
        <v>61</v>
      </c>
      <c r="G24268" s="16">
        <v>0</v>
      </c>
    </row>
    <row r="24269" spans="1:7" x14ac:dyDescent="0.3">
      <c r="A24269" s="13" t="s">
        <v>160</v>
      </c>
      <c r="B24269" s="14" t="s">
        <v>1</v>
      </c>
      <c r="C24269" s="14" t="s">
        <v>51</v>
      </c>
      <c r="D24269" s="14" t="s">
        <v>133</v>
      </c>
      <c r="E24269" s="15">
        <v>45555</v>
      </c>
      <c r="F24269" s="14" t="s">
        <v>61</v>
      </c>
      <c r="G24269" s="16">
        <v>0</v>
      </c>
    </row>
    <row r="24270" spans="1:7" x14ac:dyDescent="0.3">
      <c r="A24270" s="13" t="s">
        <v>160</v>
      </c>
      <c r="B24270" s="14" t="s">
        <v>1</v>
      </c>
      <c r="C24270" s="14" t="s">
        <v>51</v>
      </c>
      <c r="D24270" s="14" t="s">
        <v>133</v>
      </c>
      <c r="E24270" s="15">
        <v>45556</v>
      </c>
      <c r="F24270" s="14" t="s">
        <v>61</v>
      </c>
      <c r="G24270" s="16">
        <v>0</v>
      </c>
    </row>
    <row r="24271" spans="1:7" x14ac:dyDescent="0.3">
      <c r="A24271" s="13" t="s">
        <v>160</v>
      </c>
      <c r="B24271" s="14" t="s">
        <v>1</v>
      </c>
      <c r="C24271" s="14" t="s">
        <v>51</v>
      </c>
      <c r="D24271" s="14" t="s">
        <v>133</v>
      </c>
      <c r="E24271" s="15">
        <v>45557</v>
      </c>
      <c r="F24271" s="14" t="s">
        <v>61</v>
      </c>
      <c r="G24271" s="16">
        <v>0</v>
      </c>
    </row>
    <row r="24272" spans="1:7" x14ac:dyDescent="0.3">
      <c r="A24272" s="13" t="s">
        <v>160</v>
      </c>
      <c r="B24272" s="14" t="s">
        <v>1</v>
      </c>
      <c r="C24272" s="14" t="s">
        <v>51</v>
      </c>
      <c r="D24272" s="14" t="s">
        <v>133</v>
      </c>
      <c r="E24272" s="15">
        <v>45558</v>
      </c>
      <c r="F24272" s="14" t="s">
        <v>61</v>
      </c>
      <c r="G24272" s="16">
        <v>0</v>
      </c>
    </row>
    <row r="24273" spans="1:7" x14ac:dyDescent="0.3">
      <c r="A24273" s="13" t="s">
        <v>160</v>
      </c>
      <c r="B24273" s="14" t="s">
        <v>1</v>
      </c>
      <c r="C24273" s="14" t="s">
        <v>51</v>
      </c>
      <c r="D24273" s="14" t="s">
        <v>133</v>
      </c>
      <c r="E24273" s="15">
        <v>45559</v>
      </c>
      <c r="F24273" s="14" t="s">
        <v>61</v>
      </c>
      <c r="G24273" s="16">
        <v>0</v>
      </c>
    </row>
    <row r="24274" spans="1:7" x14ac:dyDescent="0.3">
      <c r="A24274" s="13" t="s">
        <v>160</v>
      </c>
      <c r="B24274" s="14" t="s">
        <v>1</v>
      </c>
      <c r="C24274" s="14" t="s">
        <v>51</v>
      </c>
      <c r="D24274" s="14" t="s">
        <v>133</v>
      </c>
      <c r="E24274" s="15">
        <v>45560</v>
      </c>
      <c r="F24274" s="14" t="s">
        <v>61</v>
      </c>
      <c r="G24274" s="16">
        <v>0</v>
      </c>
    </row>
    <row r="24275" spans="1:7" x14ac:dyDescent="0.3">
      <c r="A24275" s="13" t="s">
        <v>160</v>
      </c>
      <c r="B24275" s="14" t="s">
        <v>1</v>
      </c>
      <c r="C24275" s="14" t="s">
        <v>51</v>
      </c>
      <c r="D24275" s="14" t="s">
        <v>133</v>
      </c>
      <c r="E24275" s="15">
        <v>45561</v>
      </c>
      <c r="F24275" s="14" t="s">
        <v>61</v>
      </c>
      <c r="G24275" s="16">
        <v>0</v>
      </c>
    </row>
    <row r="24276" spans="1:7" x14ac:dyDescent="0.3">
      <c r="A24276" s="13" t="s">
        <v>160</v>
      </c>
      <c r="B24276" s="14" t="s">
        <v>1</v>
      </c>
      <c r="C24276" s="14" t="s">
        <v>51</v>
      </c>
      <c r="D24276" s="14" t="s">
        <v>133</v>
      </c>
      <c r="E24276" s="15">
        <v>45562</v>
      </c>
      <c r="F24276" s="14" t="s">
        <v>61</v>
      </c>
      <c r="G24276" s="16">
        <v>0</v>
      </c>
    </row>
    <row r="24277" spans="1:7" x14ac:dyDescent="0.3">
      <c r="A24277" s="13" t="s">
        <v>160</v>
      </c>
      <c r="B24277" s="14" t="s">
        <v>1</v>
      </c>
      <c r="C24277" s="14" t="s">
        <v>51</v>
      </c>
      <c r="D24277" s="14" t="s">
        <v>133</v>
      </c>
      <c r="E24277" s="15">
        <v>45563</v>
      </c>
      <c r="F24277" s="14" t="s">
        <v>61</v>
      </c>
      <c r="G24277" s="16">
        <v>0</v>
      </c>
    </row>
    <row r="24278" spans="1:7" x14ac:dyDescent="0.3">
      <c r="A24278" s="13" t="s">
        <v>160</v>
      </c>
      <c r="B24278" s="14" t="s">
        <v>1</v>
      </c>
      <c r="C24278" s="14" t="s">
        <v>51</v>
      </c>
      <c r="D24278" s="14" t="s">
        <v>133</v>
      </c>
      <c r="E24278" s="15">
        <v>45564</v>
      </c>
      <c r="F24278" s="14" t="s">
        <v>61</v>
      </c>
      <c r="G24278" s="16">
        <v>0</v>
      </c>
    </row>
    <row r="24279" spans="1:7" x14ac:dyDescent="0.3">
      <c r="A24279" s="13" t="s">
        <v>160</v>
      </c>
      <c r="B24279" s="14" t="s">
        <v>1</v>
      </c>
      <c r="C24279" s="14" t="s">
        <v>51</v>
      </c>
      <c r="D24279" s="14" t="s">
        <v>133</v>
      </c>
      <c r="E24279" s="15">
        <v>45565</v>
      </c>
      <c r="F24279" s="14" t="s">
        <v>61</v>
      </c>
      <c r="G24279" s="16">
        <v>0</v>
      </c>
    </row>
    <row r="24280" spans="1:7" x14ac:dyDescent="0.3">
      <c r="A24280" s="13" t="s">
        <v>160</v>
      </c>
      <c r="B24280" s="14" t="s">
        <v>1</v>
      </c>
      <c r="C24280" s="14" t="s">
        <v>51</v>
      </c>
      <c r="D24280" s="14" t="s">
        <v>133</v>
      </c>
      <c r="E24280" s="15">
        <v>45566</v>
      </c>
      <c r="F24280" s="14" t="s">
        <v>61</v>
      </c>
      <c r="G24280" s="16">
        <v>0</v>
      </c>
    </row>
    <row r="24281" spans="1:7" x14ac:dyDescent="0.3">
      <c r="A24281" s="13" t="s">
        <v>160</v>
      </c>
      <c r="B24281" s="14" t="s">
        <v>1</v>
      </c>
      <c r="C24281" s="14" t="s">
        <v>51</v>
      </c>
      <c r="D24281" s="14" t="s">
        <v>133</v>
      </c>
      <c r="E24281" s="15">
        <v>45567</v>
      </c>
      <c r="F24281" s="14" t="s">
        <v>61</v>
      </c>
      <c r="G24281" s="16">
        <v>0</v>
      </c>
    </row>
    <row r="24282" spans="1:7" x14ac:dyDescent="0.3">
      <c r="A24282" s="13" t="s">
        <v>160</v>
      </c>
      <c r="B24282" s="14" t="s">
        <v>1</v>
      </c>
      <c r="C24282" s="14" t="s">
        <v>51</v>
      </c>
      <c r="D24282" s="14" t="s">
        <v>133</v>
      </c>
      <c r="E24282" s="15">
        <v>45568</v>
      </c>
      <c r="F24282" s="14" t="s">
        <v>61</v>
      </c>
      <c r="G24282" s="16">
        <v>0</v>
      </c>
    </row>
    <row r="24283" spans="1:7" x14ac:dyDescent="0.3">
      <c r="A24283" s="13" t="s">
        <v>160</v>
      </c>
      <c r="B24283" s="14" t="s">
        <v>1</v>
      </c>
      <c r="C24283" s="14" t="s">
        <v>51</v>
      </c>
      <c r="D24283" s="14" t="s">
        <v>133</v>
      </c>
      <c r="E24283" s="15">
        <v>45569</v>
      </c>
      <c r="F24283" s="14" t="s">
        <v>61</v>
      </c>
      <c r="G24283" s="16">
        <v>0</v>
      </c>
    </row>
    <row r="24284" spans="1:7" x14ac:dyDescent="0.3">
      <c r="A24284" s="13" t="s">
        <v>160</v>
      </c>
      <c r="B24284" s="14" t="s">
        <v>1</v>
      </c>
      <c r="C24284" s="14" t="s">
        <v>51</v>
      </c>
      <c r="D24284" s="14" t="s">
        <v>133</v>
      </c>
      <c r="E24284" s="15">
        <v>45570</v>
      </c>
      <c r="F24284" s="14" t="s">
        <v>61</v>
      </c>
      <c r="G24284" s="16">
        <v>0</v>
      </c>
    </row>
    <row r="24285" spans="1:7" x14ac:dyDescent="0.3">
      <c r="A24285" s="13" t="s">
        <v>160</v>
      </c>
      <c r="B24285" s="14" t="s">
        <v>1</v>
      </c>
      <c r="C24285" s="14" t="s">
        <v>51</v>
      </c>
      <c r="D24285" s="14" t="s">
        <v>133</v>
      </c>
      <c r="E24285" s="15">
        <v>45571</v>
      </c>
      <c r="F24285" s="14" t="s">
        <v>61</v>
      </c>
      <c r="G24285" s="16">
        <v>0</v>
      </c>
    </row>
    <row r="24286" spans="1:7" x14ac:dyDescent="0.3">
      <c r="A24286" s="13" t="s">
        <v>160</v>
      </c>
      <c r="B24286" s="14" t="s">
        <v>1</v>
      </c>
      <c r="C24286" s="14" t="s">
        <v>51</v>
      </c>
      <c r="D24286" s="14" t="s">
        <v>133</v>
      </c>
      <c r="E24286" s="15">
        <v>45572</v>
      </c>
      <c r="F24286" s="14" t="s">
        <v>61</v>
      </c>
      <c r="G24286" s="16">
        <v>0</v>
      </c>
    </row>
    <row r="24287" spans="1:7" x14ac:dyDescent="0.3">
      <c r="A24287" s="13" t="s">
        <v>160</v>
      </c>
      <c r="B24287" s="14" t="s">
        <v>1</v>
      </c>
      <c r="C24287" s="14" t="s">
        <v>51</v>
      </c>
      <c r="D24287" s="14" t="s">
        <v>133</v>
      </c>
      <c r="E24287" s="15">
        <v>45573</v>
      </c>
      <c r="F24287" s="14" t="s">
        <v>61</v>
      </c>
      <c r="G24287" s="16">
        <v>0</v>
      </c>
    </row>
    <row r="24288" spans="1:7" x14ac:dyDescent="0.3">
      <c r="A24288" s="13" t="s">
        <v>160</v>
      </c>
      <c r="B24288" s="14" t="s">
        <v>1</v>
      </c>
      <c r="C24288" s="14" t="s">
        <v>51</v>
      </c>
      <c r="D24288" s="14" t="s">
        <v>133</v>
      </c>
      <c r="E24288" s="15">
        <v>45574</v>
      </c>
      <c r="F24288" s="14" t="s">
        <v>61</v>
      </c>
      <c r="G24288" s="16">
        <v>0</v>
      </c>
    </row>
    <row r="24289" spans="1:7" x14ac:dyDescent="0.3">
      <c r="A24289" s="13" t="s">
        <v>160</v>
      </c>
      <c r="B24289" s="14" t="s">
        <v>1</v>
      </c>
      <c r="C24289" s="14" t="s">
        <v>51</v>
      </c>
      <c r="D24289" s="14" t="s">
        <v>133</v>
      </c>
      <c r="E24289" s="15">
        <v>45575</v>
      </c>
      <c r="F24289" s="14" t="s">
        <v>61</v>
      </c>
      <c r="G24289" s="16">
        <v>0</v>
      </c>
    </row>
    <row r="24290" spans="1:7" x14ac:dyDescent="0.3">
      <c r="A24290" s="13" t="s">
        <v>160</v>
      </c>
      <c r="B24290" s="14" t="s">
        <v>1</v>
      </c>
      <c r="C24290" s="14" t="s">
        <v>51</v>
      </c>
      <c r="D24290" s="14" t="s">
        <v>133</v>
      </c>
      <c r="E24290" s="15">
        <v>45576</v>
      </c>
      <c r="F24290" s="14" t="s">
        <v>61</v>
      </c>
      <c r="G24290" s="16">
        <v>0</v>
      </c>
    </row>
    <row r="24291" spans="1:7" x14ac:dyDescent="0.3">
      <c r="A24291" s="13" t="s">
        <v>160</v>
      </c>
      <c r="B24291" s="14" t="s">
        <v>1</v>
      </c>
      <c r="C24291" s="14" t="s">
        <v>51</v>
      </c>
      <c r="D24291" s="14" t="s">
        <v>133</v>
      </c>
      <c r="E24291" s="15">
        <v>45577</v>
      </c>
      <c r="F24291" s="14" t="s">
        <v>61</v>
      </c>
      <c r="G24291" s="16">
        <v>0</v>
      </c>
    </row>
    <row r="24292" spans="1:7" x14ac:dyDescent="0.3">
      <c r="A24292" s="13" t="s">
        <v>160</v>
      </c>
      <c r="B24292" s="14" t="s">
        <v>1</v>
      </c>
      <c r="C24292" s="14" t="s">
        <v>51</v>
      </c>
      <c r="D24292" s="14" t="s">
        <v>133</v>
      </c>
      <c r="E24292" s="15">
        <v>45578</v>
      </c>
      <c r="F24292" s="14" t="s">
        <v>61</v>
      </c>
      <c r="G24292" s="16">
        <v>0</v>
      </c>
    </row>
    <row r="24293" spans="1:7" x14ac:dyDescent="0.3">
      <c r="A24293" s="13" t="s">
        <v>160</v>
      </c>
      <c r="B24293" s="14" t="s">
        <v>1</v>
      </c>
      <c r="C24293" s="14" t="s">
        <v>51</v>
      </c>
      <c r="D24293" s="14" t="s">
        <v>133</v>
      </c>
      <c r="E24293" s="15">
        <v>45579</v>
      </c>
      <c r="F24293" s="14" t="s">
        <v>61</v>
      </c>
      <c r="G24293" s="16">
        <v>0</v>
      </c>
    </row>
    <row r="24294" spans="1:7" x14ac:dyDescent="0.3">
      <c r="A24294" s="13" t="s">
        <v>160</v>
      </c>
      <c r="B24294" s="14" t="s">
        <v>1</v>
      </c>
      <c r="C24294" s="14" t="s">
        <v>51</v>
      </c>
      <c r="D24294" s="14" t="s">
        <v>133</v>
      </c>
      <c r="E24294" s="15">
        <v>45580</v>
      </c>
      <c r="F24294" s="14" t="s">
        <v>61</v>
      </c>
      <c r="G24294" s="16">
        <v>0</v>
      </c>
    </row>
    <row r="24295" spans="1:7" x14ac:dyDescent="0.3">
      <c r="A24295" s="13" t="s">
        <v>160</v>
      </c>
      <c r="B24295" s="14" t="s">
        <v>1</v>
      </c>
      <c r="C24295" s="14" t="s">
        <v>51</v>
      </c>
      <c r="D24295" s="14" t="s">
        <v>133</v>
      </c>
      <c r="E24295" s="15">
        <v>45581</v>
      </c>
      <c r="F24295" s="14" t="s">
        <v>61</v>
      </c>
      <c r="G24295" s="16">
        <v>0</v>
      </c>
    </row>
    <row r="24296" spans="1:7" x14ac:dyDescent="0.3">
      <c r="A24296" s="13" t="s">
        <v>160</v>
      </c>
      <c r="B24296" s="14" t="s">
        <v>1</v>
      </c>
      <c r="C24296" s="14" t="s">
        <v>51</v>
      </c>
      <c r="D24296" s="14" t="s">
        <v>133</v>
      </c>
      <c r="E24296" s="15">
        <v>45582</v>
      </c>
      <c r="F24296" s="14" t="s">
        <v>61</v>
      </c>
      <c r="G24296" s="16">
        <v>0</v>
      </c>
    </row>
    <row r="24297" spans="1:7" x14ac:dyDescent="0.3">
      <c r="A24297" s="13" t="s">
        <v>160</v>
      </c>
      <c r="B24297" s="14" t="s">
        <v>1</v>
      </c>
      <c r="C24297" s="14" t="s">
        <v>51</v>
      </c>
      <c r="D24297" s="14" t="s">
        <v>133</v>
      </c>
      <c r="E24297" s="15">
        <v>45583</v>
      </c>
      <c r="F24297" s="14" t="s">
        <v>61</v>
      </c>
      <c r="G24297" s="16">
        <v>0</v>
      </c>
    </row>
    <row r="24298" spans="1:7" x14ac:dyDescent="0.3">
      <c r="A24298" s="13" t="s">
        <v>160</v>
      </c>
      <c r="B24298" s="14" t="s">
        <v>1</v>
      </c>
      <c r="C24298" s="14" t="s">
        <v>51</v>
      </c>
      <c r="D24298" s="14" t="s">
        <v>133</v>
      </c>
      <c r="E24298" s="15">
        <v>45584</v>
      </c>
      <c r="F24298" s="14" t="s">
        <v>61</v>
      </c>
      <c r="G24298" s="16">
        <v>0</v>
      </c>
    </row>
    <row r="24299" spans="1:7" x14ac:dyDescent="0.3">
      <c r="A24299" s="13" t="s">
        <v>160</v>
      </c>
      <c r="B24299" s="14" t="s">
        <v>1</v>
      </c>
      <c r="C24299" s="14" t="s">
        <v>51</v>
      </c>
      <c r="D24299" s="14" t="s">
        <v>133</v>
      </c>
      <c r="E24299" s="15">
        <v>45585</v>
      </c>
      <c r="F24299" s="14" t="s">
        <v>61</v>
      </c>
      <c r="G24299" s="16">
        <v>0</v>
      </c>
    </row>
    <row r="24300" spans="1:7" x14ac:dyDescent="0.3">
      <c r="A24300" s="13" t="s">
        <v>160</v>
      </c>
      <c r="B24300" s="14" t="s">
        <v>1</v>
      </c>
      <c r="C24300" s="14" t="s">
        <v>51</v>
      </c>
      <c r="D24300" s="14" t="s">
        <v>133</v>
      </c>
      <c r="E24300" s="15">
        <v>45586</v>
      </c>
      <c r="F24300" s="14" t="s">
        <v>61</v>
      </c>
      <c r="G24300" s="16">
        <v>0</v>
      </c>
    </row>
    <row r="24301" spans="1:7" x14ac:dyDescent="0.3">
      <c r="A24301" s="13" t="s">
        <v>160</v>
      </c>
      <c r="B24301" s="14" t="s">
        <v>1</v>
      </c>
      <c r="C24301" s="14" t="s">
        <v>51</v>
      </c>
      <c r="D24301" s="14" t="s">
        <v>133</v>
      </c>
      <c r="E24301" s="15">
        <v>45587</v>
      </c>
      <c r="F24301" s="14" t="s">
        <v>61</v>
      </c>
      <c r="G24301" s="16">
        <v>0</v>
      </c>
    </row>
    <row r="24302" spans="1:7" x14ac:dyDescent="0.3">
      <c r="A24302" s="13" t="s">
        <v>160</v>
      </c>
      <c r="B24302" s="14" t="s">
        <v>1</v>
      </c>
      <c r="C24302" s="14" t="s">
        <v>51</v>
      </c>
      <c r="D24302" s="14" t="s">
        <v>133</v>
      </c>
      <c r="E24302" s="15">
        <v>45588</v>
      </c>
      <c r="F24302" s="14" t="s">
        <v>61</v>
      </c>
      <c r="G24302" s="16">
        <v>0</v>
      </c>
    </row>
    <row r="24303" spans="1:7" x14ac:dyDescent="0.3">
      <c r="A24303" s="13" t="s">
        <v>160</v>
      </c>
      <c r="B24303" s="14" t="s">
        <v>1</v>
      </c>
      <c r="C24303" s="14" t="s">
        <v>51</v>
      </c>
      <c r="D24303" s="14" t="s">
        <v>133</v>
      </c>
      <c r="E24303" s="15">
        <v>45589</v>
      </c>
      <c r="F24303" s="14" t="s">
        <v>61</v>
      </c>
      <c r="G24303" s="16">
        <v>0</v>
      </c>
    </row>
    <row r="24304" spans="1:7" x14ac:dyDescent="0.3">
      <c r="A24304" s="13" t="s">
        <v>160</v>
      </c>
      <c r="B24304" s="14" t="s">
        <v>1</v>
      </c>
      <c r="C24304" s="14" t="s">
        <v>51</v>
      </c>
      <c r="D24304" s="14" t="s">
        <v>133</v>
      </c>
      <c r="E24304" s="15">
        <v>45590</v>
      </c>
      <c r="F24304" s="14" t="s">
        <v>61</v>
      </c>
      <c r="G24304" s="16">
        <v>0</v>
      </c>
    </row>
    <row r="24305" spans="1:7" x14ac:dyDescent="0.3">
      <c r="A24305" s="13" t="s">
        <v>160</v>
      </c>
      <c r="B24305" s="14" t="s">
        <v>1</v>
      </c>
      <c r="C24305" s="14" t="s">
        <v>51</v>
      </c>
      <c r="D24305" s="14" t="s">
        <v>133</v>
      </c>
      <c r="E24305" s="15">
        <v>45591</v>
      </c>
      <c r="F24305" s="14" t="s">
        <v>61</v>
      </c>
      <c r="G24305" s="16">
        <v>0</v>
      </c>
    </row>
    <row r="24306" spans="1:7" x14ac:dyDescent="0.3">
      <c r="A24306" s="13" t="s">
        <v>160</v>
      </c>
      <c r="B24306" s="14" t="s">
        <v>1</v>
      </c>
      <c r="C24306" s="14" t="s">
        <v>51</v>
      </c>
      <c r="D24306" s="14" t="s">
        <v>133</v>
      </c>
      <c r="E24306" s="15">
        <v>45592</v>
      </c>
      <c r="F24306" s="14" t="s">
        <v>61</v>
      </c>
      <c r="G24306" s="16">
        <v>0</v>
      </c>
    </row>
    <row r="24307" spans="1:7" x14ac:dyDescent="0.3">
      <c r="A24307" s="13" t="s">
        <v>160</v>
      </c>
      <c r="B24307" s="14" t="s">
        <v>1</v>
      </c>
      <c r="C24307" s="14" t="s">
        <v>51</v>
      </c>
      <c r="D24307" s="14" t="s">
        <v>133</v>
      </c>
      <c r="E24307" s="15">
        <v>45593</v>
      </c>
      <c r="F24307" s="14" t="s">
        <v>61</v>
      </c>
      <c r="G24307" s="16">
        <v>0</v>
      </c>
    </row>
    <row r="24308" spans="1:7" x14ac:dyDescent="0.3">
      <c r="A24308" s="13" t="s">
        <v>160</v>
      </c>
      <c r="B24308" s="14" t="s">
        <v>1</v>
      </c>
      <c r="C24308" s="14" t="s">
        <v>51</v>
      </c>
      <c r="D24308" s="14" t="s">
        <v>133</v>
      </c>
      <c r="E24308" s="15">
        <v>45594</v>
      </c>
      <c r="F24308" s="14" t="s">
        <v>61</v>
      </c>
      <c r="G24308" s="16">
        <v>0</v>
      </c>
    </row>
    <row r="24309" spans="1:7" x14ac:dyDescent="0.3">
      <c r="A24309" s="13" t="s">
        <v>160</v>
      </c>
      <c r="B24309" s="14" t="s">
        <v>1</v>
      </c>
      <c r="C24309" s="14" t="s">
        <v>51</v>
      </c>
      <c r="D24309" s="14" t="s">
        <v>133</v>
      </c>
      <c r="E24309" s="15">
        <v>45595</v>
      </c>
      <c r="F24309" s="14" t="s">
        <v>61</v>
      </c>
      <c r="G24309" s="16">
        <v>0</v>
      </c>
    </row>
    <row r="24310" spans="1:7" x14ac:dyDescent="0.3">
      <c r="A24310" s="13" t="s">
        <v>160</v>
      </c>
      <c r="B24310" s="14" t="s">
        <v>1</v>
      </c>
      <c r="C24310" s="14" t="s">
        <v>51</v>
      </c>
      <c r="D24310" s="14" t="s">
        <v>133</v>
      </c>
      <c r="E24310" s="15">
        <v>45596</v>
      </c>
      <c r="F24310" s="14" t="s">
        <v>61</v>
      </c>
      <c r="G24310" s="16">
        <v>0</v>
      </c>
    </row>
    <row r="24311" spans="1:7" x14ac:dyDescent="0.3">
      <c r="A24311" s="13" t="s">
        <v>160</v>
      </c>
      <c r="B24311" s="14" t="s">
        <v>1</v>
      </c>
      <c r="C24311" s="14" t="s">
        <v>51</v>
      </c>
      <c r="D24311" s="14" t="s">
        <v>133</v>
      </c>
      <c r="E24311" s="15">
        <v>45597</v>
      </c>
      <c r="F24311" s="14" t="s">
        <v>61</v>
      </c>
      <c r="G24311" s="16">
        <v>0</v>
      </c>
    </row>
    <row r="24312" spans="1:7" x14ac:dyDescent="0.3">
      <c r="A24312" s="13" t="s">
        <v>160</v>
      </c>
      <c r="B24312" s="14" t="s">
        <v>1</v>
      </c>
      <c r="C24312" s="14" t="s">
        <v>51</v>
      </c>
      <c r="D24312" s="14" t="s">
        <v>133</v>
      </c>
      <c r="E24312" s="15">
        <v>45598</v>
      </c>
      <c r="F24312" s="14" t="s">
        <v>61</v>
      </c>
      <c r="G24312" s="16">
        <v>0</v>
      </c>
    </row>
    <row r="24313" spans="1:7" x14ac:dyDescent="0.3">
      <c r="A24313" s="13" t="s">
        <v>160</v>
      </c>
      <c r="B24313" s="14" t="s">
        <v>1</v>
      </c>
      <c r="C24313" s="14" t="s">
        <v>51</v>
      </c>
      <c r="D24313" s="14" t="s">
        <v>133</v>
      </c>
      <c r="E24313" s="15">
        <v>45599</v>
      </c>
      <c r="F24313" s="14" t="s">
        <v>61</v>
      </c>
      <c r="G24313" s="16">
        <v>0</v>
      </c>
    </row>
    <row r="24314" spans="1:7" x14ac:dyDescent="0.3">
      <c r="A24314" s="13" t="s">
        <v>160</v>
      </c>
      <c r="B24314" s="14" t="s">
        <v>1</v>
      </c>
      <c r="C24314" s="14" t="s">
        <v>51</v>
      </c>
      <c r="D24314" s="14" t="s">
        <v>133</v>
      </c>
      <c r="E24314" s="15">
        <v>45600</v>
      </c>
      <c r="F24314" s="14" t="s">
        <v>61</v>
      </c>
      <c r="G24314" s="16">
        <v>0</v>
      </c>
    </row>
    <row r="24315" spans="1:7" x14ac:dyDescent="0.3">
      <c r="A24315" s="13" t="s">
        <v>160</v>
      </c>
      <c r="B24315" s="14" t="s">
        <v>1</v>
      </c>
      <c r="C24315" s="14" t="s">
        <v>51</v>
      </c>
      <c r="D24315" s="14" t="s">
        <v>133</v>
      </c>
      <c r="E24315" s="15">
        <v>45601</v>
      </c>
      <c r="F24315" s="14" t="s">
        <v>61</v>
      </c>
      <c r="G24315" s="16">
        <v>0</v>
      </c>
    </row>
    <row r="24316" spans="1:7" x14ac:dyDescent="0.3">
      <c r="A24316" s="13" t="s">
        <v>160</v>
      </c>
      <c r="B24316" s="14" t="s">
        <v>1</v>
      </c>
      <c r="C24316" s="14" t="s">
        <v>51</v>
      </c>
      <c r="D24316" s="14" t="s">
        <v>133</v>
      </c>
      <c r="E24316" s="15">
        <v>45602</v>
      </c>
      <c r="F24316" s="14" t="s">
        <v>61</v>
      </c>
      <c r="G24316" s="16">
        <v>0</v>
      </c>
    </row>
    <row r="24317" spans="1:7" x14ac:dyDescent="0.3">
      <c r="A24317" s="13" t="s">
        <v>160</v>
      </c>
      <c r="B24317" s="14" t="s">
        <v>1</v>
      </c>
      <c r="C24317" s="14" t="s">
        <v>51</v>
      </c>
      <c r="D24317" s="14" t="s">
        <v>133</v>
      </c>
      <c r="E24317" s="15">
        <v>45603</v>
      </c>
      <c r="F24317" s="14" t="s">
        <v>61</v>
      </c>
      <c r="G24317" s="16">
        <v>0</v>
      </c>
    </row>
    <row r="24318" spans="1:7" x14ac:dyDescent="0.3">
      <c r="A24318" s="13" t="s">
        <v>160</v>
      </c>
      <c r="B24318" s="14" t="s">
        <v>1</v>
      </c>
      <c r="C24318" s="14" t="s">
        <v>51</v>
      </c>
      <c r="D24318" s="14" t="s">
        <v>133</v>
      </c>
      <c r="E24318" s="15">
        <v>45604</v>
      </c>
      <c r="F24318" s="14" t="s">
        <v>61</v>
      </c>
      <c r="G24318" s="16">
        <v>0</v>
      </c>
    </row>
    <row r="24319" spans="1:7" x14ac:dyDescent="0.3">
      <c r="A24319" s="13" t="s">
        <v>160</v>
      </c>
      <c r="B24319" s="14" t="s">
        <v>1</v>
      </c>
      <c r="C24319" s="14" t="s">
        <v>51</v>
      </c>
      <c r="D24319" s="14" t="s">
        <v>133</v>
      </c>
      <c r="E24319" s="15">
        <v>45605</v>
      </c>
      <c r="F24319" s="14" t="s">
        <v>61</v>
      </c>
      <c r="G24319" s="16">
        <v>0</v>
      </c>
    </row>
    <row r="24320" spans="1:7" x14ac:dyDescent="0.3">
      <c r="A24320" s="13" t="s">
        <v>160</v>
      </c>
      <c r="B24320" s="14" t="s">
        <v>1</v>
      </c>
      <c r="C24320" s="14" t="s">
        <v>51</v>
      </c>
      <c r="D24320" s="14" t="s">
        <v>133</v>
      </c>
      <c r="E24320" s="15">
        <v>45606</v>
      </c>
      <c r="F24320" s="14" t="s">
        <v>61</v>
      </c>
      <c r="G24320" s="16">
        <v>0</v>
      </c>
    </row>
    <row r="24321" spans="1:7" x14ac:dyDescent="0.3">
      <c r="A24321" s="13" t="s">
        <v>160</v>
      </c>
      <c r="B24321" s="14" t="s">
        <v>1</v>
      </c>
      <c r="C24321" s="14" t="s">
        <v>51</v>
      </c>
      <c r="D24321" s="14" t="s">
        <v>133</v>
      </c>
      <c r="E24321" s="15">
        <v>45607</v>
      </c>
      <c r="F24321" s="14" t="s">
        <v>61</v>
      </c>
      <c r="G24321" s="16">
        <v>0</v>
      </c>
    </row>
    <row r="24322" spans="1:7" x14ac:dyDescent="0.3">
      <c r="A24322" s="13" t="s">
        <v>160</v>
      </c>
      <c r="B24322" s="14" t="s">
        <v>1</v>
      </c>
      <c r="C24322" s="14" t="s">
        <v>51</v>
      </c>
      <c r="D24322" s="14" t="s">
        <v>133</v>
      </c>
      <c r="E24322" s="15">
        <v>45608</v>
      </c>
      <c r="F24322" s="14" t="s">
        <v>61</v>
      </c>
      <c r="G24322" s="16">
        <v>0</v>
      </c>
    </row>
    <row r="24323" spans="1:7" x14ac:dyDescent="0.3">
      <c r="A24323" s="13" t="s">
        <v>160</v>
      </c>
      <c r="B24323" s="14" t="s">
        <v>1</v>
      </c>
      <c r="C24323" s="14" t="s">
        <v>51</v>
      </c>
      <c r="D24323" s="14" t="s">
        <v>133</v>
      </c>
      <c r="E24323" s="15">
        <v>45609</v>
      </c>
      <c r="F24323" s="14" t="s">
        <v>61</v>
      </c>
      <c r="G24323" s="16">
        <v>0</v>
      </c>
    </row>
    <row r="24324" spans="1:7" x14ac:dyDescent="0.3">
      <c r="A24324" s="13" t="s">
        <v>160</v>
      </c>
      <c r="B24324" s="14" t="s">
        <v>1</v>
      </c>
      <c r="C24324" s="14" t="s">
        <v>51</v>
      </c>
      <c r="D24324" s="14" t="s">
        <v>133</v>
      </c>
      <c r="E24324" s="15">
        <v>45610</v>
      </c>
      <c r="F24324" s="14" t="s">
        <v>61</v>
      </c>
      <c r="G24324" s="16">
        <v>0</v>
      </c>
    </row>
    <row r="24325" spans="1:7" x14ac:dyDescent="0.3">
      <c r="A24325" s="13" t="s">
        <v>160</v>
      </c>
      <c r="B24325" s="14" t="s">
        <v>1</v>
      </c>
      <c r="C24325" s="14" t="s">
        <v>51</v>
      </c>
      <c r="D24325" s="14" t="s">
        <v>133</v>
      </c>
      <c r="E24325" s="15">
        <v>45611</v>
      </c>
      <c r="F24325" s="14" t="s">
        <v>61</v>
      </c>
      <c r="G24325" s="16">
        <v>0</v>
      </c>
    </row>
    <row r="24326" spans="1:7" x14ac:dyDescent="0.3">
      <c r="A24326" s="13" t="s">
        <v>160</v>
      </c>
      <c r="B24326" s="14" t="s">
        <v>1</v>
      </c>
      <c r="C24326" s="14" t="s">
        <v>51</v>
      </c>
      <c r="D24326" s="14" t="s">
        <v>133</v>
      </c>
      <c r="E24326" s="15">
        <v>45612</v>
      </c>
      <c r="F24326" s="14" t="s">
        <v>61</v>
      </c>
      <c r="G24326" s="16">
        <v>0</v>
      </c>
    </row>
    <row r="24327" spans="1:7" x14ac:dyDescent="0.3">
      <c r="A24327" s="13" t="s">
        <v>160</v>
      </c>
      <c r="B24327" s="14" t="s">
        <v>1</v>
      </c>
      <c r="C24327" s="14" t="s">
        <v>51</v>
      </c>
      <c r="D24327" s="14" t="s">
        <v>133</v>
      </c>
      <c r="E24327" s="15">
        <v>45613</v>
      </c>
      <c r="F24327" s="14" t="s">
        <v>61</v>
      </c>
      <c r="G24327" s="16">
        <v>0</v>
      </c>
    </row>
    <row r="24328" spans="1:7" x14ac:dyDescent="0.3">
      <c r="A24328" s="13" t="s">
        <v>160</v>
      </c>
      <c r="B24328" s="14" t="s">
        <v>1</v>
      </c>
      <c r="C24328" s="14" t="s">
        <v>51</v>
      </c>
      <c r="D24328" s="14" t="s">
        <v>133</v>
      </c>
      <c r="E24328" s="15">
        <v>45614</v>
      </c>
      <c r="F24328" s="14" t="s">
        <v>61</v>
      </c>
      <c r="G24328" s="16">
        <v>0</v>
      </c>
    </row>
    <row r="24329" spans="1:7" x14ac:dyDescent="0.3">
      <c r="A24329" s="13" t="s">
        <v>160</v>
      </c>
      <c r="B24329" s="14" t="s">
        <v>1</v>
      </c>
      <c r="C24329" s="14" t="s">
        <v>51</v>
      </c>
      <c r="D24329" s="14" t="s">
        <v>133</v>
      </c>
      <c r="E24329" s="15">
        <v>45615</v>
      </c>
      <c r="F24329" s="14" t="s">
        <v>61</v>
      </c>
      <c r="G24329" s="16">
        <v>0</v>
      </c>
    </row>
    <row r="24330" spans="1:7" x14ac:dyDescent="0.3">
      <c r="A24330" s="13" t="s">
        <v>160</v>
      </c>
      <c r="B24330" s="14" t="s">
        <v>1</v>
      </c>
      <c r="C24330" s="14" t="s">
        <v>51</v>
      </c>
      <c r="D24330" s="14" t="s">
        <v>133</v>
      </c>
      <c r="E24330" s="15">
        <v>45616</v>
      </c>
      <c r="F24330" s="14" t="s">
        <v>61</v>
      </c>
      <c r="G24330" s="16">
        <v>0</v>
      </c>
    </row>
    <row r="24331" spans="1:7" x14ac:dyDescent="0.3">
      <c r="A24331" s="13" t="s">
        <v>160</v>
      </c>
      <c r="B24331" s="14" t="s">
        <v>1</v>
      </c>
      <c r="C24331" s="14" t="s">
        <v>51</v>
      </c>
      <c r="D24331" s="14" t="s">
        <v>133</v>
      </c>
      <c r="E24331" s="15">
        <v>45617</v>
      </c>
      <c r="F24331" s="14" t="s">
        <v>61</v>
      </c>
      <c r="G24331" s="16">
        <v>0</v>
      </c>
    </row>
    <row r="24332" spans="1:7" x14ac:dyDescent="0.3">
      <c r="A24332" s="13" t="s">
        <v>160</v>
      </c>
      <c r="B24332" s="14" t="s">
        <v>1</v>
      </c>
      <c r="C24332" s="14" t="s">
        <v>51</v>
      </c>
      <c r="D24332" s="14" t="s">
        <v>133</v>
      </c>
      <c r="E24332" s="15">
        <v>45618</v>
      </c>
      <c r="F24332" s="14" t="s">
        <v>61</v>
      </c>
      <c r="G24332" s="16">
        <v>0</v>
      </c>
    </row>
    <row r="24333" spans="1:7" x14ac:dyDescent="0.3">
      <c r="A24333" s="13" t="s">
        <v>160</v>
      </c>
      <c r="B24333" s="14" t="s">
        <v>1</v>
      </c>
      <c r="C24333" s="14" t="s">
        <v>51</v>
      </c>
      <c r="D24333" s="14" t="s">
        <v>133</v>
      </c>
      <c r="E24333" s="15">
        <v>45619</v>
      </c>
      <c r="F24333" s="14" t="s">
        <v>61</v>
      </c>
      <c r="G24333" s="16">
        <v>0</v>
      </c>
    </row>
    <row r="24334" spans="1:7" x14ac:dyDescent="0.3">
      <c r="A24334" s="13" t="s">
        <v>160</v>
      </c>
      <c r="B24334" s="14" t="s">
        <v>1</v>
      </c>
      <c r="C24334" s="14" t="s">
        <v>51</v>
      </c>
      <c r="D24334" s="14" t="s">
        <v>133</v>
      </c>
      <c r="E24334" s="15">
        <v>45620</v>
      </c>
      <c r="F24334" s="14" t="s">
        <v>61</v>
      </c>
      <c r="G24334" s="16">
        <v>0</v>
      </c>
    </row>
    <row r="24335" spans="1:7" x14ac:dyDescent="0.3">
      <c r="A24335" s="13" t="s">
        <v>160</v>
      </c>
      <c r="B24335" s="14" t="s">
        <v>1</v>
      </c>
      <c r="C24335" s="14" t="s">
        <v>51</v>
      </c>
      <c r="D24335" s="14" t="s">
        <v>133</v>
      </c>
      <c r="E24335" s="15">
        <v>45621</v>
      </c>
      <c r="F24335" s="14" t="s">
        <v>61</v>
      </c>
      <c r="G24335" s="16">
        <v>0</v>
      </c>
    </row>
    <row r="24336" spans="1:7" x14ac:dyDescent="0.3">
      <c r="A24336" s="13" t="s">
        <v>160</v>
      </c>
      <c r="B24336" s="14" t="s">
        <v>1</v>
      </c>
      <c r="C24336" s="14" t="s">
        <v>51</v>
      </c>
      <c r="D24336" s="14" t="s">
        <v>133</v>
      </c>
      <c r="E24336" s="15">
        <v>45622</v>
      </c>
      <c r="F24336" s="14" t="s">
        <v>61</v>
      </c>
      <c r="G24336" s="16">
        <v>0</v>
      </c>
    </row>
    <row r="24337" spans="1:7" x14ac:dyDescent="0.3">
      <c r="A24337" s="13" t="s">
        <v>160</v>
      </c>
      <c r="B24337" s="14" t="s">
        <v>1</v>
      </c>
      <c r="C24337" s="14" t="s">
        <v>51</v>
      </c>
      <c r="D24337" s="14" t="s">
        <v>133</v>
      </c>
      <c r="E24337" s="15">
        <v>45623</v>
      </c>
      <c r="F24337" s="14" t="s">
        <v>61</v>
      </c>
      <c r="G24337" s="16">
        <v>0</v>
      </c>
    </row>
    <row r="24338" spans="1:7" x14ac:dyDescent="0.3">
      <c r="A24338" s="13" t="s">
        <v>160</v>
      </c>
      <c r="B24338" s="14" t="s">
        <v>1</v>
      </c>
      <c r="C24338" s="14" t="s">
        <v>51</v>
      </c>
      <c r="D24338" s="14" t="s">
        <v>133</v>
      </c>
      <c r="E24338" s="15">
        <v>45624</v>
      </c>
      <c r="F24338" s="14" t="s">
        <v>61</v>
      </c>
      <c r="G24338" s="16">
        <v>0</v>
      </c>
    </row>
    <row r="24339" spans="1:7" x14ac:dyDescent="0.3">
      <c r="A24339" s="13" t="s">
        <v>160</v>
      </c>
      <c r="B24339" s="14" t="s">
        <v>1</v>
      </c>
      <c r="C24339" s="14" t="s">
        <v>51</v>
      </c>
      <c r="D24339" s="14" t="s">
        <v>133</v>
      </c>
      <c r="E24339" s="15">
        <v>45625</v>
      </c>
      <c r="F24339" s="14" t="s">
        <v>61</v>
      </c>
      <c r="G24339" s="16">
        <v>0</v>
      </c>
    </row>
    <row r="24340" spans="1:7" x14ac:dyDescent="0.3">
      <c r="A24340" s="13" t="s">
        <v>160</v>
      </c>
      <c r="B24340" s="14" t="s">
        <v>1</v>
      </c>
      <c r="C24340" s="14" t="s">
        <v>51</v>
      </c>
      <c r="D24340" s="14" t="s">
        <v>133</v>
      </c>
      <c r="E24340" s="15">
        <v>45626</v>
      </c>
      <c r="F24340" s="14" t="s">
        <v>61</v>
      </c>
      <c r="G24340" s="16">
        <v>0</v>
      </c>
    </row>
    <row r="24341" spans="1:7" x14ac:dyDescent="0.3">
      <c r="A24341" s="13" t="s">
        <v>160</v>
      </c>
      <c r="B24341" s="14" t="s">
        <v>1</v>
      </c>
      <c r="C24341" s="14" t="s">
        <v>51</v>
      </c>
      <c r="D24341" s="14" t="s">
        <v>133</v>
      </c>
      <c r="E24341" s="15">
        <v>45627</v>
      </c>
      <c r="F24341" s="14" t="s">
        <v>61</v>
      </c>
      <c r="G24341" s="16">
        <v>0</v>
      </c>
    </row>
    <row r="24342" spans="1:7" x14ac:dyDescent="0.3">
      <c r="A24342" s="13" t="s">
        <v>160</v>
      </c>
      <c r="B24342" s="14" t="s">
        <v>1</v>
      </c>
      <c r="C24342" s="14" t="s">
        <v>51</v>
      </c>
      <c r="D24342" s="14" t="s">
        <v>133</v>
      </c>
      <c r="E24342" s="15">
        <v>45628</v>
      </c>
      <c r="F24342" s="14" t="s">
        <v>61</v>
      </c>
      <c r="G24342" s="16">
        <v>0</v>
      </c>
    </row>
    <row r="24343" spans="1:7" x14ac:dyDescent="0.3">
      <c r="A24343" s="13" t="s">
        <v>160</v>
      </c>
      <c r="B24343" s="14" t="s">
        <v>1</v>
      </c>
      <c r="C24343" s="14" t="s">
        <v>51</v>
      </c>
      <c r="D24343" s="14" t="s">
        <v>133</v>
      </c>
      <c r="E24343" s="15">
        <v>45629</v>
      </c>
      <c r="F24343" s="14" t="s">
        <v>61</v>
      </c>
      <c r="G24343" s="16">
        <v>0</v>
      </c>
    </row>
    <row r="24344" spans="1:7" x14ac:dyDescent="0.3">
      <c r="A24344" s="13" t="s">
        <v>160</v>
      </c>
      <c r="B24344" s="14" t="s">
        <v>1</v>
      </c>
      <c r="C24344" s="14" t="s">
        <v>51</v>
      </c>
      <c r="D24344" s="14" t="s">
        <v>133</v>
      </c>
      <c r="E24344" s="15">
        <v>45630</v>
      </c>
      <c r="F24344" s="14" t="s">
        <v>61</v>
      </c>
      <c r="G24344" s="16">
        <v>0</v>
      </c>
    </row>
    <row r="24345" spans="1:7" x14ac:dyDescent="0.3">
      <c r="A24345" s="13" t="s">
        <v>160</v>
      </c>
      <c r="B24345" s="14" t="s">
        <v>1</v>
      </c>
      <c r="C24345" s="14" t="s">
        <v>51</v>
      </c>
      <c r="D24345" s="14" t="s">
        <v>133</v>
      </c>
      <c r="E24345" s="15">
        <v>45631</v>
      </c>
      <c r="F24345" s="14" t="s">
        <v>61</v>
      </c>
      <c r="G24345" s="16">
        <v>0</v>
      </c>
    </row>
    <row r="24346" spans="1:7" x14ac:dyDescent="0.3">
      <c r="A24346" s="13" t="s">
        <v>160</v>
      </c>
      <c r="B24346" s="14" t="s">
        <v>1</v>
      </c>
      <c r="C24346" s="14" t="s">
        <v>51</v>
      </c>
      <c r="D24346" s="14" t="s">
        <v>133</v>
      </c>
      <c r="E24346" s="15">
        <v>45632</v>
      </c>
      <c r="F24346" s="14" t="s">
        <v>61</v>
      </c>
      <c r="G24346" s="16">
        <v>0</v>
      </c>
    </row>
    <row r="24347" spans="1:7" x14ac:dyDescent="0.3">
      <c r="A24347" s="13" t="s">
        <v>160</v>
      </c>
      <c r="B24347" s="14" t="s">
        <v>1</v>
      </c>
      <c r="C24347" s="14" t="s">
        <v>51</v>
      </c>
      <c r="D24347" s="14" t="s">
        <v>133</v>
      </c>
      <c r="E24347" s="15">
        <v>45633</v>
      </c>
      <c r="F24347" s="14" t="s">
        <v>61</v>
      </c>
      <c r="G24347" s="16">
        <v>0</v>
      </c>
    </row>
    <row r="24348" spans="1:7" x14ac:dyDescent="0.3">
      <c r="A24348" s="13" t="s">
        <v>160</v>
      </c>
      <c r="B24348" s="14" t="s">
        <v>1</v>
      </c>
      <c r="C24348" s="14" t="s">
        <v>51</v>
      </c>
      <c r="D24348" s="14" t="s">
        <v>133</v>
      </c>
      <c r="E24348" s="15">
        <v>45634</v>
      </c>
      <c r="F24348" s="14" t="s">
        <v>61</v>
      </c>
      <c r="G24348" s="16">
        <v>0</v>
      </c>
    </row>
    <row r="24349" spans="1:7" x14ac:dyDescent="0.3">
      <c r="A24349" s="13" t="s">
        <v>160</v>
      </c>
      <c r="B24349" s="14" t="s">
        <v>1</v>
      </c>
      <c r="C24349" s="14" t="s">
        <v>51</v>
      </c>
      <c r="D24349" s="14" t="s">
        <v>133</v>
      </c>
      <c r="E24349" s="15">
        <v>45635</v>
      </c>
      <c r="F24349" s="14" t="s">
        <v>61</v>
      </c>
      <c r="G24349" s="16">
        <v>0</v>
      </c>
    </row>
    <row r="24350" spans="1:7" x14ac:dyDescent="0.3">
      <c r="A24350" s="13" t="s">
        <v>160</v>
      </c>
      <c r="B24350" s="14" t="s">
        <v>1</v>
      </c>
      <c r="C24350" s="14" t="s">
        <v>51</v>
      </c>
      <c r="D24350" s="14" t="s">
        <v>133</v>
      </c>
      <c r="E24350" s="15">
        <v>45636</v>
      </c>
      <c r="F24350" s="14" t="s">
        <v>61</v>
      </c>
      <c r="G24350" s="16">
        <v>0</v>
      </c>
    </row>
    <row r="24351" spans="1:7" x14ac:dyDescent="0.3">
      <c r="A24351" s="13" t="s">
        <v>160</v>
      </c>
      <c r="B24351" s="14" t="s">
        <v>1</v>
      </c>
      <c r="C24351" s="14" t="s">
        <v>51</v>
      </c>
      <c r="D24351" s="14" t="s">
        <v>133</v>
      </c>
      <c r="E24351" s="15">
        <v>45637</v>
      </c>
      <c r="F24351" s="14" t="s">
        <v>61</v>
      </c>
      <c r="G24351" s="16">
        <v>0</v>
      </c>
    </row>
    <row r="24352" spans="1:7" x14ac:dyDescent="0.3">
      <c r="A24352" s="13" t="s">
        <v>160</v>
      </c>
      <c r="B24352" s="14" t="s">
        <v>1</v>
      </c>
      <c r="C24352" s="14" t="s">
        <v>51</v>
      </c>
      <c r="D24352" s="14" t="s">
        <v>133</v>
      </c>
      <c r="E24352" s="15">
        <v>45638</v>
      </c>
      <c r="F24352" s="14" t="s">
        <v>61</v>
      </c>
      <c r="G24352" s="16">
        <v>0</v>
      </c>
    </row>
    <row r="24353" spans="1:7" x14ac:dyDescent="0.3">
      <c r="A24353" s="13" t="s">
        <v>160</v>
      </c>
      <c r="B24353" s="14" t="s">
        <v>1</v>
      </c>
      <c r="C24353" s="14" t="s">
        <v>51</v>
      </c>
      <c r="D24353" s="14" t="s">
        <v>133</v>
      </c>
      <c r="E24353" s="15">
        <v>45639</v>
      </c>
      <c r="F24353" s="14" t="s">
        <v>61</v>
      </c>
      <c r="G24353" s="16">
        <v>0</v>
      </c>
    </row>
    <row r="24354" spans="1:7" x14ac:dyDescent="0.3">
      <c r="A24354" s="13" t="s">
        <v>160</v>
      </c>
      <c r="B24354" s="14" t="s">
        <v>1</v>
      </c>
      <c r="C24354" s="14" t="s">
        <v>51</v>
      </c>
      <c r="D24354" s="14" t="s">
        <v>133</v>
      </c>
      <c r="E24354" s="15">
        <v>45640</v>
      </c>
      <c r="F24354" s="14" t="s">
        <v>61</v>
      </c>
      <c r="G24354" s="16">
        <v>0</v>
      </c>
    </row>
    <row r="24355" spans="1:7" x14ac:dyDescent="0.3">
      <c r="A24355" s="13" t="s">
        <v>160</v>
      </c>
      <c r="B24355" s="14" t="s">
        <v>1</v>
      </c>
      <c r="C24355" s="14" t="s">
        <v>51</v>
      </c>
      <c r="D24355" s="14" t="s">
        <v>133</v>
      </c>
      <c r="E24355" s="15">
        <v>45641</v>
      </c>
      <c r="F24355" s="14" t="s">
        <v>61</v>
      </c>
      <c r="G24355" s="16">
        <v>0</v>
      </c>
    </row>
    <row r="24356" spans="1:7" x14ac:dyDescent="0.3">
      <c r="A24356" s="13" t="s">
        <v>160</v>
      </c>
      <c r="B24356" s="14" t="s">
        <v>1</v>
      </c>
      <c r="C24356" s="14" t="s">
        <v>51</v>
      </c>
      <c r="D24356" s="14" t="s">
        <v>133</v>
      </c>
      <c r="E24356" s="15">
        <v>45642</v>
      </c>
      <c r="F24356" s="14" t="s">
        <v>61</v>
      </c>
      <c r="G24356" s="16">
        <v>0</v>
      </c>
    </row>
    <row r="24357" spans="1:7" x14ac:dyDescent="0.3">
      <c r="A24357" s="13" t="s">
        <v>160</v>
      </c>
      <c r="B24357" s="14" t="s">
        <v>1</v>
      </c>
      <c r="C24357" s="14" t="s">
        <v>51</v>
      </c>
      <c r="D24357" s="14" t="s">
        <v>133</v>
      </c>
      <c r="E24357" s="15">
        <v>45643</v>
      </c>
      <c r="F24357" s="14" t="s">
        <v>61</v>
      </c>
      <c r="G24357" s="16">
        <v>0</v>
      </c>
    </row>
    <row r="24358" spans="1:7" x14ac:dyDescent="0.3">
      <c r="A24358" s="13" t="s">
        <v>160</v>
      </c>
      <c r="B24358" s="14" t="s">
        <v>1</v>
      </c>
      <c r="C24358" s="14" t="s">
        <v>51</v>
      </c>
      <c r="D24358" s="14" t="s">
        <v>133</v>
      </c>
      <c r="E24358" s="15">
        <v>45644</v>
      </c>
      <c r="F24358" s="14" t="s">
        <v>61</v>
      </c>
      <c r="G24358" s="16">
        <v>0</v>
      </c>
    </row>
    <row r="24359" spans="1:7" x14ac:dyDescent="0.3">
      <c r="A24359" s="13" t="s">
        <v>160</v>
      </c>
      <c r="B24359" s="14" t="s">
        <v>1</v>
      </c>
      <c r="C24359" s="14" t="s">
        <v>51</v>
      </c>
      <c r="D24359" s="14" t="s">
        <v>133</v>
      </c>
      <c r="E24359" s="15">
        <v>45645</v>
      </c>
      <c r="F24359" s="14" t="s">
        <v>61</v>
      </c>
      <c r="G24359" s="16">
        <v>0</v>
      </c>
    </row>
    <row r="24360" spans="1:7" x14ac:dyDescent="0.3">
      <c r="A24360" s="13" t="s">
        <v>160</v>
      </c>
      <c r="B24360" s="14" t="s">
        <v>1</v>
      </c>
      <c r="C24360" s="14" t="s">
        <v>51</v>
      </c>
      <c r="D24360" s="14" t="s">
        <v>133</v>
      </c>
      <c r="E24360" s="15">
        <v>45646</v>
      </c>
      <c r="F24360" s="14" t="s">
        <v>61</v>
      </c>
      <c r="G24360" s="16">
        <v>0</v>
      </c>
    </row>
    <row r="24361" spans="1:7" x14ac:dyDescent="0.3">
      <c r="A24361" s="13" t="s">
        <v>160</v>
      </c>
      <c r="B24361" s="14" t="s">
        <v>1</v>
      </c>
      <c r="C24361" s="14" t="s">
        <v>51</v>
      </c>
      <c r="D24361" s="14" t="s">
        <v>133</v>
      </c>
      <c r="E24361" s="15">
        <v>45647</v>
      </c>
      <c r="F24361" s="14" t="s">
        <v>61</v>
      </c>
      <c r="G24361" s="16">
        <v>0</v>
      </c>
    </row>
    <row r="24362" spans="1:7" x14ac:dyDescent="0.3">
      <c r="A24362" s="13" t="s">
        <v>160</v>
      </c>
      <c r="B24362" s="14" t="s">
        <v>1</v>
      </c>
      <c r="C24362" s="14" t="s">
        <v>51</v>
      </c>
      <c r="D24362" s="14" t="s">
        <v>133</v>
      </c>
      <c r="E24362" s="15">
        <v>45648</v>
      </c>
      <c r="F24362" s="14" t="s">
        <v>61</v>
      </c>
      <c r="G24362" s="16">
        <v>0</v>
      </c>
    </row>
    <row r="24363" spans="1:7" x14ac:dyDescent="0.3">
      <c r="A24363" s="13" t="s">
        <v>160</v>
      </c>
      <c r="B24363" s="14" t="s">
        <v>1</v>
      </c>
      <c r="C24363" s="14" t="s">
        <v>51</v>
      </c>
      <c r="D24363" s="14" t="s">
        <v>133</v>
      </c>
      <c r="E24363" s="15">
        <v>45649</v>
      </c>
      <c r="F24363" s="14" t="s">
        <v>61</v>
      </c>
      <c r="G24363" s="16">
        <v>0</v>
      </c>
    </row>
    <row r="24364" spans="1:7" x14ac:dyDescent="0.3">
      <c r="A24364" s="13" t="s">
        <v>160</v>
      </c>
      <c r="B24364" s="14" t="s">
        <v>1</v>
      </c>
      <c r="C24364" s="14" t="s">
        <v>51</v>
      </c>
      <c r="D24364" s="14" t="s">
        <v>133</v>
      </c>
      <c r="E24364" s="15">
        <v>45650</v>
      </c>
      <c r="F24364" s="14" t="s">
        <v>61</v>
      </c>
      <c r="G24364" s="16">
        <v>0</v>
      </c>
    </row>
    <row r="24365" spans="1:7" x14ac:dyDescent="0.3">
      <c r="A24365" s="13" t="s">
        <v>160</v>
      </c>
      <c r="B24365" s="14" t="s">
        <v>1</v>
      </c>
      <c r="C24365" s="14" t="s">
        <v>51</v>
      </c>
      <c r="D24365" s="14" t="s">
        <v>133</v>
      </c>
      <c r="E24365" s="15">
        <v>45651</v>
      </c>
      <c r="F24365" s="14" t="s">
        <v>61</v>
      </c>
      <c r="G24365" s="16">
        <v>0</v>
      </c>
    </row>
    <row r="24366" spans="1:7" x14ac:dyDescent="0.3">
      <c r="A24366" s="13" t="s">
        <v>160</v>
      </c>
      <c r="B24366" s="14" t="s">
        <v>1</v>
      </c>
      <c r="C24366" s="14" t="s">
        <v>51</v>
      </c>
      <c r="D24366" s="14" t="s">
        <v>133</v>
      </c>
      <c r="E24366" s="15">
        <v>45652</v>
      </c>
      <c r="F24366" s="14" t="s">
        <v>61</v>
      </c>
      <c r="G24366" s="16">
        <v>0</v>
      </c>
    </row>
    <row r="24367" spans="1:7" x14ac:dyDescent="0.3">
      <c r="A24367" s="13" t="s">
        <v>160</v>
      </c>
      <c r="B24367" s="14" t="s">
        <v>1</v>
      </c>
      <c r="C24367" s="14" t="s">
        <v>51</v>
      </c>
      <c r="D24367" s="14" t="s">
        <v>133</v>
      </c>
      <c r="E24367" s="15">
        <v>45653</v>
      </c>
      <c r="F24367" s="14" t="s">
        <v>61</v>
      </c>
      <c r="G24367" s="16">
        <v>0</v>
      </c>
    </row>
    <row r="24368" spans="1:7" x14ac:dyDescent="0.3">
      <c r="A24368" s="13" t="s">
        <v>160</v>
      </c>
      <c r="B24368" s="14" t="s">
        <v>1</v>
      </c>
      <c r="C24368" s="14" t="s">
        <v>51</v>
      </c>
      <c r="D24368" s="14" t="s">
        <v>133</v>
      </c>
      <c r="E24368" s="15">
        <v>45654</v>
      </c>
      <c r="F24368" s="14" t="s">
        <v>61</v>
      </c>
      <c r="G24368" s="16">
        <v>0</v>
      </c>
    </row>
    <row r="24369" spans="1:7" x14ac:dyDescent="0.3">
      <c r="A24369" s="13" t="s">
        <v>160</v>
      </c>
      <c r="B24369" s="14" t="s">
        <v>1</v>
      </c>
      <c r="C24369" s="14" t="s">
        <v>51</v>
      </c>
      <c r="D24369" s="14" t="s">
        <v>133</v>
      </c>
      <c r="E24369" s="15">
        <v>45655</v>
      </c>
      <c r="F24369" s="14" t="s">
        <v>61</v>
      </c>
      <c r="G24369" s="16">
        <v>0</v>
      </c>
    </row>
    <row r="24370" spans="1:7" x14ac:dyDescent="0.3">
      <c r="A24370" s="13" t="s">
        <v>160</v>
      </c>
      <c r="B24370" s="14" t="s">
        <v>1</v>
      </c>
      <c r="C24370" s="14" t="s">
        <v>51</v>
      </c>
      <c r="D24370" s="14" t="s">
        <v>133</v>
      </c>
      <c r="E24370" s="15">
        <v>45656</v>
      </c>
      <c r="F24370" s="14" t="s">
        <v>61</v>
      </c>
      <c r="G24370" s="16">
        <v>0</v>
      </c>
    </row>
    <row r="24371" spans="1:7" x14ac:dyDescent="0.3">
      <c r="A24371" s="13" t="s">
        <v>160</v>
      </c>
      <c r="B24371" s="14" t="s">
        <v>1</v>
      </c>
      <c r="C24371" s="14" t="s">
        <v>51</v>
      </c>
      <c r="D24371" s="14" t="s">
        <v>133</v>
      </c>
      <c r="E24371" s="15">
        <v>45657</v>
      </c>
      <c r="F24371" s="14" t="s">
        <v>61</v>
      </c>
      <c r="G24371" s="16">
        <v>0</v>
      </c>
    </row>
    <row r="24372" spans="1:7" x14ac:dyDescent="0.3">
      <c r="A24372" s="13" t="s">
        <v>160</v>
      </c>
      <c r="B24372" s="14" t="s">
        <v>1</v>
      </c>
      <c r="C24372" s="14" t="s">
        <v>51</v>
      </c>
      <c r="D24372" s="14" t="s">
        <v>133</v>
      </c>
      <c r="E24372" s="15">
        <v>45658</v>
      </c>
      <c r="F24372" s="14" t="s">
        <v>61</v>
      </c>
      <c r="G24372" s="16">
        <v>0</v>
      </c>
    </row>
    <row r="24373" spans="1:7" x14ac:dyDescent="0.3">
      <c r="A24373" s="13" t="s">
        <v>160</v>
      </c>
      <c r="B24373" s="14" t="s">
        <v>1</v>
      </c>
      <c r="C24373" s="14" t="s">
        <v>51</v>
      </c>
      <c r="D24373" s="14" t="s">
        <v>133</v>
      </c>
      <c r="E24373" s="15">
        <v>45659</v>
      </c>
      <c r="F24373" s="14" t="s">
        <v>61</v>
      </c>
      <c r="G24373" s="16">
        <v>0</v>
      </c>
    </row>
    <row r="24374" spans="1:7" x14ac:dyDescent="0.3">
      <c r="A24374" s="13" t="s">
        <v>160</v>
      </c>
      <c r="B24374" s="14" t="s">
        <v>1</v>
      </c>
      <c r="C24374" s="14" t="s">
        <v>51</v>
      </c>
      <c r="D24374" s="14" t="s">
        <v>133</v>
      </c>
      <c r="E24374" s="15">
        <v>45660</v>
      </c>
      <c r="F24374" s="14" t="s">
        <v>61</v>
      </c>
      <c r="G24374" s="16">
        <v>0</v>
      </c>
    </row>
    <row r="24375" spans="1:7" x14ac:dyDescent="0.3">
      <c r="A24375" s="13" t="s">
        <v>160</v>
      </c>
      <c r="B24375" s="14" t="s">
        <v>1</v>
      </c>
      <c r="C24375" s="14" t="s">
        <v>51</v>
      </c>
      <c r="D24375" s="14" t="s">
        <v>133</v>
      </c>
      <c r="E24375" s="15">
        <v>45661</v>
      </c>
      <c r="F24375" s="14" t="s">
        <v>61</v>
      </c>
      <c r="G24375" s="16">
        <v>0</v>
      </c>
    </row>
    <row r="24376" spans="1:7" x14ac:dyDescent="0.3">
      <c r="A24376" s="13" t="s">
        <v>160</v>
      </c>
      <c r="B24376" s="14" t="s">
        <v>1</v>
      </c>
      <c r="C24376" s="14" t="s">
        <v>51</v>
      </c>
      <c r="D24376" s="14" t="s">
        <v>133</v>
      </c>
      <c r="E24376" s="15">
        <v>45662</v>
      </c>
      <c r="F24376" s="14" t="s">
        <v>61</v>
      </c>
      <c r="G24376" s="16">
        <v>0</v>
      </c>
    </row>
    <row r="24377" spans="1:7" x14ac:dyDescent="0.3">
      <c r="A24377" s="13" t="s">
        <v>160</v>
      </c>
      <c r="B24377" s="14" t="s">
        <v>1</v>
      </c>
      <c r="C24377" s="14" t="s">
        <v>51</v>
      </c>
      <c r="D24377" s="14" t="s">
        <v>133</v>
      </c>
      <c r="E24377" s="15">
        <v>45663</v>
      </c>
      <c r="F24377" s="14" t="s">
        <v>61</v>
      </c>
      <c r="G24377" s="16">
        <v>0</v>
      </c>
    </row>
    <row r="24378" spans="1:7" x14ac:dyDescent="0.3">
      <c r="A24378" s="13" t="s">
        <v>160</v>
      </c>
      <c r="B24378" s="14" t="s">
        <v>1</v>
      </c>
      <c r="C24378" s="14" t="s">
        <v>51</v>
      </c>
      <c r="D24378" s="14" t="s">
        <v>133</v>
      </c>
      <c r="E24378" s="15">
        <v>45664</v>
      </c>
      <c r="F24378" s="14" t="s">
        <v>61</v>
      </c>
      <c r="G24378" s="16">
        <v>0</v>
      </c>
    </row>
    <row r="24379" spans="1:7" x14ac:dyDescent="0.3">
      <c r="A24379" s="13" t="s">
        <v>160</v>
      </c>
      <c r="B24379" s="14" t="s">
        <v>1</v>
      </c>
      <c r="C24379" s="14" t="s">
        <v>51</v>
      </c>
      <c r="D24379" s="14" t="s">
        <v>133</v>
      </c>
      <c r="E24379" s="15">
        <v>45665</v>
      </c>
      <c r="F24379" s="14" t="s">
        <v>61</v>
      </c>
      <c r="G24379" s="16">
        <v>0</v>
      </c>
    </row>
    <row r="24380" spans="1:7" x14ac:dyDescent="0.3">
      <c r="A24380" s="13" t="s">
        <v>160</v>
      </c>
      <c r="B24380" s="14" t="s">
        <v>1</v>
      </c>
      <c r="C24380" s="14" t="s">
        <v>51</v>
      </c>
      <c r="D24380" s="14" t="s">
        <v>133</v>
      </c>
      <c r="E24380" s="15">
        <v>45666</v>
      </c>
      <c r="F24380" s="14" t="s">
        <v>61</v>
      </c>
      <c r="G24380" s="16">
        <v>0</v>
      </c>
    </row>
    <row r="24381" spans="1:7" x14ac:dyDescent="0.3">
      <c r="A24381" s="13" t="s">
        <v>160</v>
      </c>
      <c r="B24381" s="14" t="s">
        <v>1</v>
      </c>
      <c r="C24381" s="14" t="s">
        <v>51</v>
      </c>
      <c r="D24381" s="14" t="s">
        <v>133</v>
      </c>
      <c r="E24381" s="15">
        <v>45667</v>
      </c>
      <c r="F24381" s="14" t="s">
        <v>61</v>
      </c>
      <c r="G24381" s="16">
        <v>0</v>
      </c>
    </row>
    <row r="24382" spans="1:7" x14ac:dyDescent="0.3">
      <c r="A24382" s="13" t="s">
        <v>160</v>
      </c>
      <c r="B24382" s="14" t="s">
        <v>1</v>
      </c>
      <c r="C24382" s="14" t="s">
        <v>51</v>
      </c>
      <c r="D24382" s="14" t="s">
        <v>133</v>
      </c>
      <c r="E24382" s="15">
        <v>45668</v>
      </c>
      <c r="F24382" s="14" t="s">
        <v>61</v>
      </c>
      <c r="G24382" s="16">
        <v>0</v>
      </c>
    </row>
    <row r="24383" spans="1:7" x14ac:dyDescent="0.3">
      <c r="A24383" s="13" t="s">
        <v>160</v>
      </c>
      <c r="B24383" s="14" t="s">
        <v>1</v>
      </c>
      <c r="C24383" s="14" t="s">
        <v>51</v>
      </c>
      <c r="D24383" s="14" t="s">
        <v>133</v>
      </c>
      <c r="E24383" s="15">
        <v>45669</v>
      </c>
      <c r="F24383" s="14" t="s">
        <v>61</v>
      </c>
      <c r="G24383" s="16">
        <v>0</v>
      </c>
    </row>
    <row r="24384" spans="1:7" x14ac:dyDescent="0.3">
      <c r="A24384" s="13" t="s">
        <v>160</v>
      </c>
      <c r="B24384" s="14" t="s">
        <v>1</v>
      </c>
      <c r="C24384" s="14" t="s">
        <v>51</v>
      </c>
      <c r="D24384" s="14" t="s">
        <v>133</v>
      </c>
      <c r="E24384" s="15">
        <v>45670</v>
      </c>
      <c r="F24384" s="14" t="s">
        <v>61</v>
      </c>
      <c r="G24384" s="16">
        <v>0</v>
      </c>
    </row>
    <row r="24385" spans="1:7" x14ac:dyDescent="0.3">
      <c r="A24385" s="13" t="s">
        <v>160</v>
      </c>
      <c r="B24385" s="14" t="s">
        <v>1</v>
      </c>
      <c r="C24385" s="14" t="s">
        <v>51</v>
      </c>
      <c r="D24385" s="14" t="s">
        <v>133</v>
      </c>
      <c r="E24385" s="15">
        <v>45671</v>
      </c>
      <c r="F24385" s="14" t="s">
        <v>61</v>
      </c>
      <c r="G24385" s="16">
        <v>0</v>
      </c>
    </row>
    <row r="24386" spans="1:7" x14ac:dyDescent="0.3">
      <c r="A24386" s="13" t="s">
        <v>160</v>
      </c>
      <c r="B24386" s="14" t="s">
        <v>1</v>
      </c>
      <c r="C24386" s="14" t="s">
        <v>51</v>
      </c>
      <c r="D24386" s="14" t="s">
        <v>133</v>
      </c>
      <c r="E24386" s="15">
        <v>45672</v>
      </c>
      <c r="F24386" s="14" t="s">
        <v>61</v>
      </c>
      <c r="G24386" s="16">
        <v>0</v>
      </c>
    </row>
    <row r="24387" spans="1:7" x14ac:dyDescent="0.3">
      <c r="A24387" s="13" t="s">
        <v>160</v>
      </c>
      <c r="B24387" s="14" t="s">
        <v>1</v>
      </c>
      <c r="C24387" s="14" t="s">
        <v>51</v>
      </c>
      <c r="D24387" s="14" t="s">
        <v>133</v>
      </c>
      <c r="E24387" s="15">
        <v>45673</v>
      </c>
      <c r="F24387" s="14" t="s">
        <v>61</v>
      </c>
      <c r="G24387" s="16">
        <v>0</v>
      </c>
    </row>
    <row r="24388" spans="1:7" x14ac:dyDescent="0.3">
      <c r="A24388" s="13" t="s">
        <v>160</v>
      </c>
      <c r="B24388" s="14" t="s">
        <v>1</v>
      </c>
      <c r="C24388" s="14" t="s">
        <v>51</v>
      </c>
      <c r="D24388" s="14" t="s">
        <v>133</v>
      </c>
      <c r="E24388" s="15">
        <v>45674</v>
      </c>
      <c r="F24388" s="14" t="s">
        <v>61</v>
      </c>
      <c r="G24388" s="16">
        <v>0</v>
      </c>
    </row>
    <row r="24389" spans="1:7" x14ac:dyDescent="0.3">
      <c r="A24389" s="13" t="s">
        <v>160</v>
      </c>
      <c r="B24389" s="14" t="s">
        <v>1</v>
      </c>
      <c r="C24389" s="14" t="s">
        <v>51</v>
      </c>
      <c r="D24389" s="14" t="s">
        <v>133</v>
      </c>
      <c r="E24389" s="15">
        <v>45675</v>
      </c>
      <c r="F24389" s="14" t="s">
        <v>61</v>
      </c>
      <c r="G24389" s="16">
        <v>0</v>
      </c>
    </row>
    <row r="24390" spans="1:7" x14ac:dyDescent="0.3">
      <c r="A24390" s="13" t="s">
        <v>160</v>
      </c>
      <c r="B24390" s="14" t="s">
        <v>1</v>
      </c>
      <c r="C24390" s="14" t="s">
        <v>51</v>
      </c>
      <c r="D24390" s="14" t="s">
        <v>133</v>
      </c>
      <c r="E24390" s="15">
        <v>45676</v>
      </c>
      <c r="F24390" s="14" t="s">
        <v>61</v>
      </c>
      <c r="G24390" s="16">
        <v>0</v>
      </c>
    </row>
    <row r="24391" spans="1:7" x14ac:dyDescent="0.3">
      <c r="A24391" s="13" t="s">
        <v>160</v>
      </c>
      <c r="B24391" s="14" t="s">
        <v>1</v>
      </c>
      <c r="C24391" s="14" t="s">
        <v>51</v>
      </c>
      <c r="D24391" s="14" t="s">
        <v>133</v>
      </c>
      <c r="E24391" s="15">
        <v>45677</v>
      </c>
      <c r="F24391" s="14" t="s">
        <v>61</v>
      </c>
      <c r="G24391" s="16">
        <v>0</v>
      </c>
    </row>
    <row r="24392" spans="1:7" x14ac:dyDescent="0.3">
      <c r="A24392" s="13" t="s">
        <v>160</v>
      </c>
      <c r="B24392" s="14" t="s">
        <v>1</v>
      </c>
      <c r="C24392" s="14" t="s">
        <v>51</v>
      </c>
      <c r="D24392" s="14" t="s">
        <v>133</v>
      </c>
      <c r="E24392" s="15">
        <v>45678</v>
      </c>
      <c r="F24392" s="14" t="s">
        <v>61</v>
      </c>
      <c r="G24392" s="16">
        <v>0</v>
      </c>
    </row>
    <row r="24393" spans="1:7" x14ac:dyDescent="0.3">
      <c r="A24393" s="13" t="s">
        <v>160</v>
      </c>
      <c r="B24393" s="14" t="s">
        <v>1</v>
      </c>
      <c r="C24393" s="14" t="s">
        <v>51</v>
      </c>
      <c r="D24393" s="14" t="s">
        <v>133</v>
      </c>
      <c r="E24393" s="15">
        <v>45679</v>
      </c>
      <c r="F24393" s="14" t="s">
        <v>61</v>
      </c>
      <c r="G24393" s="16">
        <v>0</v>
      </c>
    </row>
    <row r="24394" spans="1:7" x14ac:dyDescent="0.3">
      <c r="A24394" s="13" t="s">
        <v>160</v>
      </c>
      <c r="B24394" s="14" t="s">
        <v>1</v>
      </c>
      <c r="C24394" s="14" t="s">
        <v>51</v>
      </c>
      <c r="D24394" s="14" t="s">
        <v>133</v>
      </c>
      <c r="E24394" s="15">
        <v>45680</v>
      </c>
      <c r="F24394" s="14" t="s">
        <v>61</v>
      </c>
      <c r="G24394" s="16">
        <v>0</v>
      </c>
    </row>
    <row r="24395" spans="1:7" x14ac:dyDescent="0.3">
      <c r="A24395" s="13" t="s">
        <v>160</v>
      </c>
      <c r="B24395" s="14" t="s">
        <v>1</v>
      </c>
      <c r="C24395" s="14" t="s">
        <v>51</v>
      </c>
      <c r="D24395" s="14" t="s">
        <v>133</v>
      </c>
      <c r="E24395" s="15">
        <v>45681</v>
      </c>
      <c r="F24395" s="14" t="s">
        <v>61</v>
      </c>
      <c r="G24395" s="16">
        <v>0</v>
      </c>
    </row>
    <row r="24396" spans="1:7" x14ac:dyDescent="0.3">
      <c r="A24396" s="13" t="s">
        <v>160</v>
      </c>
      <c r="B24396" s="14" t="s">
        <v>1</v>
      </c>
      <c r="C24396" s="14" t="s">
        <v>51</v>
      </c>
      <c r="D24396" s="14" t="s">
        <v>133</v>
      </c>
      <c r="E24396" s="15">
        <v>45682</v>
      </c>
      <c r="F24396" s="14" t="s">
        <v>61</v>
      </c>
      <c r="G24396" s="16">
        <v>0</v>
      </c>
    </row>
    <row r="24397" spans="1:7" x14ac:dyDescent="0.3">
      <c r="A24397" s="13" t="s">
        <v>160</v>
      </c>
      <c r="B24397" s="14" t="s">
        <v>1</v>
      </c>
      <c r="C24397" s="14" t="s">
        <v>51</v>
      </c>
      <c r="D24397" s="14" t="s">
        <v>133</v>
      </c>
      <c r="E24397" s="15">
        <v>45683</v>
      </c>
      <c r="F24397" s="14" t="s">
        <v>61</v>
      </c>
      <c r="G24397" s="16">
        <v>0</v>
      </c>
    </row>
    <row r="24398" spans="1:7" x14ac:dyDescent="0.3">
      <c r="A24398" s="13" t="s">
        <v>160</v>
      </c>
      <c r="B24398" s="14" t="s">
        <v>1</v>
      </c>
      <c r="C24398" s="14" t="s">
        <v>51</v>
      </c>
      <c r="D24398" s="14" t="s">
        <v>133</v>
      </c>
      <c r="E24398" s="15">
        <v>45684</v>
      </c>
      <c r="F24398" s="14" t="s">
        <v>61</v>
      </c>
      <c r="G24398" s="16">
        <v>0</v>
      </c>
    </row>
    <row r="24399" spans="1:7" x14ac:dyDescent="0.3">
      <c r="A24399" s="13" t="s">
        <v>160</v>
      </c>
      <c r="B24399" s="14" t="s">
        <v>1</v>
      </c>
      <c r="C24399" s="14" t="s">
        <v>51</v>
      </c>
      <c r="D24399" s="14" t="s">
        <v>133</v>
      </c>
      <c r="E24399" s="15">
        <v>45685</v>
      </c>
      <c r="F24399" s="14" t="s">
        <v>61</v>
      </c>
      <c r="G24399" s="16">
        <v>0</v>
      </c>
    </row>
    <row r="24400" spans="1:7" x14ac:dyDescent="0.3">
      <c r="A24400" s="13" t="s">
        <v>160</v>
      </c>
      <c r="B24400" s="14" t="s">
        <v>1</v>
      </c>
      <c r="C24400" s="14" t="s">
        <v>51</v>
      </c>
      <c r="D24400" s="14" t="s">
        <v>133</v>
      </c>
      <c r="E24400" s="15">
        <v>45686</v>
      </c>
      <c r="F24400" s="14" t="s">
        <v>61</v>
      </c>
      <c r="G24400" s="16">
        <v>0</v>
      </c>
    </row>
    <row r="24401" spans="1:7" x14ac:dyDescent="0.3">
      <c r="A24401" s="13" t="s">
        <v>160</v>
      </c>
      <c r="B24401" s="14" t="s">
        <v>1</v>
      </c>
      <c r="C24401" s="14" t="s">
        <v>51</v>
      </c>
      <c r="D24401" s="14" t="s">
        <v>133</v>
      </c>
      <c r="E24401" s="15">
        <v>45687</v>
      </c>
      <c r="F24401" s="14" t="s">
        <v>61</v>
      </c>
      <c r="G24401" s="16">
        <v>0</v>
      </c>
    </row>
    <row r="24402" spans="1:7" x14ac:dyDescent="0.3">
      <c r="A24402" s="13" t="s">
        <v>160</v>
      </c>
      <c r="B24402" s="14" t="s">
        <v>1</v>
      </c>
      <c r="C24402" s="14" t="s">
        <v>51</v>
      </c>
      <c r="D24402" s="14" t="s">
        <v>133</v>
      </c>
      <c r="E24402" s="15">
        <v>45688</v>
      </c>
      <c r="F24402" s="14" t="s">
        <v>61</v>
      </c>
      <c r="G24402" s="16">
        <v>0</v>
      </c>
    </row>
    <row r="24403" spans="1:7" x14ac:dyDescent="0.3">
      <c r="A24403" s="13" t="s">
        <v>160</v>
      </c>
      <c r="B24403" s="14" t="s">
        <v>1</v>
      </c>
      <c r="C24403" s="14" t="s">
        <v>51</v>
      </c>
      <c r="D24403" s="14" t="s">
        <v>133</v>
      </c>
      <c r="E24403" s="15">
        <v>45689</v>
      </c>
      <c r="F24403" s="14" t="s">
        <v>61</v>
      </c>
      <c r="G24403" s="16">
        <v>0</v>
      </c>
    </row>
    <row r="24404" spans="1:7" x14ac:dyDescent="0.3">
      <c r="A24404" s="13" t="s">
        <v>160</v>
      </c>
      <c r="B24404" s="14" t="s">
        <v>1</v>
      </c>
      <c r="C24404" s="14" t="s">
        <v>51</v>
      </c>
      <c r="D24404" s="14" t="s">
        <v>133</v>
      </c>
      <c r="E24404" s="15">
        <v>45690</v>
      </c>
      <c r="F24404" s="14" t="s">
        <v>61</v>
      </c>
      <c r="G24404" s="16">
        <v>0</v>
      </c>
    </row>
    <row r="24405" spans="1:7" x14ac:dyDescent="0.3">
      <c r="A24405" s="13" t="s">
        <v>160</v>
      </c>
      <c r="B24405" s="14" t="s">
        <v>1</v>
      </c>
      <c r="C24405" s="14" t="s">
        <v>51</v>
      </c>
      <c r="D24405" s="14" t="s">
        <v>133</v>
      </c>
      <c r="E24405" s="15">
        <v>45691</v>
      </c>
      <c r="F24405" s="14" t="s">
        <v>61</v>
      </c>
      <c r="G24405" s="16">
        <v>0</v>
      </c>
    </row>
    <row r="24406" spans="1:7" x14ac:dyDescent="0.3">
      <c r="A24406" s="13" t="s">
        <v>160</v>
      </c>
      <c r="B24406" s="14" t="s">
        <v>1</v>
      </c>
      <c r="C24406" s="14" t="s">
        <v>51</v>
      </c>
      <c r="D24406" s="14" t="s">
        <v>133</v>
      </c>
      <c r="E24406" s="15">
        <v>45692</v>
      </c>
      <c r="F24406" s="14" t="s">
        <v>61</v>
      </c>
      <c r="G24406" s="16">
        <v>0</v>
      </c>
    </row>
    <row r="24407" spans="1:7" x14ac:dyDescent="0.3">
      <c r="A24407" s="13" t="s">
        <v>160</v>
      </c>
      <c r="B24407" s="14" t="s">
        <v>1</v>
      </c>
      <c r="C24407" s="14" t="s">
        <v>51</v>
      </c>
      <c r="D24407" s="14" t="s">
        <v>133</v>
      </c>
      <c r="E24407" s="15">
        <v>45693</v>
      </c>
      <c r="F24407" s="14" t="s">
        <v>61</v>
      </c>
      <c r="G24407" s="16">
        <v>0</v>
      </c>
    </row>
    <row r="24408" spans="1:7" x14ac:dyDescent="0.3">
      <c r="A24408" s="13" t="s">
        <v>160</v>
      </c>
      <c r="B24408" s="14" t="s">
        <v>1</v>
      </c>
      <c r="C24408" s="14" t="s">
        <v>51</v>
      </c>
      <c r="D24408" s="14" t="s">
        <v>133</v>
      </c>
      <c r="E24408" s="15">
        <v>45694</v>
      </c>
      <c r="F24408" s="14" t="s">
        <v>61</v>
      </c>
      <c r="G24408" s="16">
        <v>0</v>
      </c>
    </row>
    <row r="24409" spans="1:7" x14ac:dyDescent="0.3">
      <c r="A24409" s="13" t="s">
        <v>160</v>
      </c>
      <c r="B24409" s="14" t="s">
        <v>1</v>
      </c>
      <c r="C24409" s="14" t="s">
        <v>51</v>
      </c>
      <c r="D24409" s="14" t="s">
        <v>133</v>
      </c>
      <c r="E24409" s="15">
        <v>45695</v>
      </c>
      <c r="F24409" s="14" t="s">
        <v>61</v>
      </c>
      <c r="G24409" s="16">
        <v>0</v>
      </c>
    </row>
    <row r="24410" spans="1:7" x14ac:dyDescent="0.3">
      <c r="A24410" s="13" t="s">
        <v>160</v>
      </c>
      <c r="B24410" s="14" t="s">
        <v>1</v>
      </c>
      <c r="C24410" s="14" t="s">
        <v>51</v>
      </c>
      <c r="D24410" s="14" t="s">
        <v>133</v>
      </c>
      <c r="E24410" s="15">
        <v>45696</v>
      </c>
      <c r="F24410" s="14" t="s">
        <v>61</v>
      </c>
      <c r="G24410" s="16">
        <v>0</v>
      </c>
    </row>
    <row r="24411" spans="1:7" x14ac:dyDescent="0.3">
      <c r="A24411" s="13" t="s">
        <v>160</v>
      </c>
      <c r="B24411" s="14" t="s">
        <v>1</v>
      </c>
      <c r="C24411" s="14" t="s">
        <v>51</v>
      </c>
      <c r="D24411" s="14" t="s">
        <v>133</v>
      </c>
      <c r="E24411" s="15">
        <v>45697</v>
      </c>
      <c r="F24411" s="14" t="s">
        <v>61</v>
      </c>
      <c r="G24411" s="16">
        <v>0</v>
      </c>
    </row>
    <row r="24412" spans="1:7" x14ac:dyDescent="0.3">
      <c r="A24412" s="13" t="s">
        <v>160</v>
      </c>
      <c r="B24412" s="14" t="s">
        <v>1</v>
      </c>
      <c r="C24412" s="14" t="s">
        <v>51</v>
      </c>
      <c r="D24412" s="14" t="s">
        <v>133</v>
      </c>
      <c r="E24412" s="15">
        <v>45698</v>
      </c>
      <c r="F24412" s="14" t="s">
        <v>61</v>
      </c>
      <c r="G24412" s="16">
        <v>0</v>
      </c>
    </row>
    <row r="24413" spans="1:7" x14ac:dyDescent="0.3">
      <c r="A24413" s="13" t="s">
        <v>160</v>
      </c>
      <c r="B24413" s="14" t="s">
        <v>1</v>
      </c>
      <c r="C24413" s="14" t="s">
        <v>51</v>
      </c>
      <c r="D24413" s="14" t="s">
        <v>133</v>
      </c>
      <c r="E24413" s="15">
        <v>45699</v>
      </c>
      <c r="F24413" s="14" t="s">
        <v>61</v>
      </c>
      <c r="G24413" s="16">
        <v>0</v>
      </c>
    </row>
    <row r="24414" spans="1:7" x14ac:dyDescent="0.3">
      <c r="A24414" s="13" t="s">
        <v>160</v>
      </c>
      <c r="B24414" s="14" t="s">
        <v>1</v>
      </c>
      <c r="C24414" s="14" t="s">
        <v>51</v>
      </c>
      <c r="D24414" s="14" t="s">
        <v>133</v>
      </c>
      <c r="E24414" s="15">
        <v>45700</v>
      </c>
      <c r="F24414" s="14" t="s">
        <v>61</v>
      </c>
      <c r="G24414" s="16">
        <v>0</v>
      </c>
    </row>
    <row r="24415" spans="1:7" x14ac:dyDescent="0.3">
      <c r="A24415" s="13" t="s">
        <v>160</v>
      </c>
      <c r="B24415" s="14" t="s">
        <v>1</v>
      </c>
      <c r="C24415" s="14" t="s">
        <v>51</v>
      </c>
      <c r="D24415" s="14" t="s">
        <v>133</v>
      </c>
      <c r="E24415" s="15">
        <v>45701</v>
      </c>
      <c r="F24415" s="14" t="s">
        <v>61</v>
      </c>
      <c r="G24415" s="16">
        <v>0</v>
      </c>
    </row>
    <row r="24416" spans="1:7" x14ac:dyDescent="0.3">
      <c r="A24416" s="13" t="s">
        <v>160</v>
      </c>
      <c r="B24416" s="14" t="s">
        <v>1</v>
      </c>
      <c r="C24416" s="14" t="s">
        <v>51</v>
      </c>
      <c r="D24416" s="14" t="s">
        <v>133</v>
      </c>
      <c r="E24416" s="15">
        <v>45702</v>
      </c>
      <c r="F24416" s="14" t="s">
        <v>61</v>
      </c>
      <c r="G24416" s="16">
        <v>0</v>
      </c>
    </row>
    <row r="24417" spans="1:7" x14ac:dyDescent="0.3">
      <c r="A24417" s="13" t="s">
        <v>160</v>
      </c>
      <c r="B24417" s="14" t="s">
        <v>1</v>
      </c>
      <c r="C24417" s="14" t="s">
        <v>51</v>
      </c>
      <c r="D24417" s="14" t="s">
        <v>133</v>
      </c>
      <c r="E24417" s="15">
        <v>45703</v>
      </c>
      <c r="F24417" s="14" t="s">
        <v>61</v>
      </c>
      <c r="G24417" s="16">
        <v>0</v>
      </c>
    </row>
    <row r="24418" spans="1:7" x14ac:dyDescent="0.3">
      <c r="A24418" s="13" t="s">
        <v>160</v>
      </c>
      <c r="B24418" s="14" t="s">
        <v>1</v>
      </c>
      <c r="C24418" s="14" t="s">
        <v>51</v>
      </c>
      <c r="D24418" s="14" t="s">
        <v>133</v>
      </c>
      <c r="E24418" s="15">
        <v>45704</v>
      </c>
      <c r="F24418" s="14" t="s">
        <v>61</v>
      </c>
      <c r="G24418" s="16">
        <v>0</v>
      </c>
    </row>
    <row r="24419" spans="1:7" x14ac:dyDescent="0.3">
      <c r="A24419" s="13" t="s">
        <v>160</v>
      </c>
      <c r="B24419" s="14" t="s">
        <v>1</v>
      </c>
      <c r="C24419" s="14" t="s">
        <v>51</v>
      </c>
      <c r="D24419" s="14" t="s">
        <v>133</v>
      </c>
      <c r="E24419" s="15">
        <v>45705</v>
      </c>
      <c r="F24419" s="14" t="s">
        <v>61</v>
      </c>
      <c r="G24419" s="16">
        <v>0</v>
      </c>
    </row>
    <row r="24420" spans="1:7" x14ac:dyDescent="0.3">
      <c r="A24420" s="13" t="s">
        <v>160</v>
      </c>
      <c r="B24420" s="14" t="s">
        <v>1</v>
      </c>
      <c r="C24420" s="14" t="s">
        <v>51</v>
      </c>
      <c r="D24420" s="14" t="s">
        <v>133</v>
      </c>
      <c r="E24420" s="15">
        <v>45706</v>
      </c>
      <c r="F24420" s="14" t="s">
        <v>61</v>
      </c>
      <c r="G24420" s="16">
        <v>0</v>
      </c>
    </row>
    <row r="24421" spans="1:7" x14ac:dyDescent="0.3">
      <c r="A24421" s="13" t="s">
        <v>160</v>
      </c>
      <c r="B24421" s="14" t="s">
        <v>1</v>
      </c>
      <c r="C24421" s="14" t="s">
        <v>51</v>
      </c>
      <c r="D24421" s="14" t="s">
        <v>133</v>
      </c>
      <c r="E24421" s="15">
        <v>45707</v>
      </c>
      <c r="F24421" s="14" t="s">
        <v>61</v>
      </c>
      <c r="G24421" s="16">
        <v>0</v>
      </c>
    </row>
    <row r="24422" spans="1:7" x14ac:dyDescent="0.3">
      <c r="A24422" s="13" t="s">
        <v>160</v>
      </c>
      <c r="B24422" s="14" t="s">
        <v>1</v>
      </c>
      <c r="C24422" s="14" t="s">
        <v>51</v>
      </c>
      <c r="D24422" s="14" t="s">
        <v>133</v>
      </c>
      <c r="E24422" s="15">
        <v>45708</v>
      </c>
      <c r="F24422" s="14" t="s">
        <v>61</v>
      </c>
      <c r="G24422" s="16">
        <v>0</v>
      </c>
    </row>
    <row r="24423" spans="1:7" x14ac:dyDescent="0.3">
      <c r="A24423" s="13" t="s">
        <v>160</v>
      </c>
      <c r="B24423" s="14" t="s">
        <v>1</v>
      </c>
      <c r="C24423" s="14" t="s">
        <v>51</v>
      </c>
      <c r="D24423" s="14" t="s">
        <v>133</v>
      </c>
      <c r="E24423" s="15">
        <v>45709</v>
      </c>
      <c r="F24423" s="14" t="s">
        <v>61</v>
      </c>
      <c r="G24423" s="16">
        <v>0</v>
      </c>
    </row>
    <row r="24424" spans="1:7" x14ac:dyDescent="0.3">
      <c r="A24424" s="13" t="s">
        <v>160</v>
      </c>
      <c r="B24424" s="14" t="s">
        <v>1</v>
      </c>
      <c r="C24424" s="14" t="s">
        <v>51</v>
      </c>
      <c r="D24424" s="14" t="s">
        <v>133</v>
      </c>
      <c r="E24424" s="15">
        <v>45710</v>
      </c>
      <c r="F24424" s="14" t="s">
        <v>61</v>
      </c>
      <c r="G24424" s="16">
        <v>0</v>
      </c>
    </row>
    <row r="24425" spans="1:7" x14ac:dyDescent="0.3">
      <c r="A24425" s="13" t="s">
        <v>160</v>
      </c>
      <c r="B24425" s="14" t="s">
        <v>1</v>
      </c>
      <c r="C24425" s="14" t="s">
        <v>51</v>
      </c>
      <c r="D24425" s="14" t="s">
        <v>133</v>
      </c>
      <c r="E24425" s="15">
        <v>45711</v>
      </c>
      <c r="F24425" s="14" t="s">
        <v>61</v>
      </c>
      <c r="G24425" s="16">
        <v>0</v>
      </c>
    </row>
    <row r="24426" spans="1:7" x14ac:dyDescent="0.3">
      <c r="A24426" s="13" t="s">
        <v>160</v>
      </c>
      <c r="B24426" s="14" t="s">
        <v>1</v>
      </c>
      <c r="C24426" s="14" t="s">
        <v>51</v>
      </c>
      <c r="D24426" s="14" t="s">
        <v>133</v>
      </c>
      <c r="E24426" s="15">
        <v>45712</v>
      </c>
      <c r="F24426" s="14" t="s">
        <v>61</v>
      </c>
      <c r="G24426" s="16">
        <v>0</v>
      </c>
    </row>
    <row r="24427" spans="1:7" x14ac:dyDescent="0.3">
      <c r="A24427" s="13" t="s">
        <v>160</v>
      </c>
      <c r="B24427" s="14" t="s">
        <v>1</v>
      </c>
      <c r="C24427" s="14" t="s">
        <v>51</v>
      </c>
      <c r="D24427" s="14" t="s">
        <v>133</v>
      </c>
      <c r="E24427" s="15">
        <v>45713</v>
      </c>
      <c r="F24427" s="14" t="s">
        <v>61</v>
      </c>
      <c r="G24427" s="16">
        <v>0</v>
      </c>
    </row>
    <row r="24428" spans="1:7" x14ac:dyDescent="0.3">
      <c r="A24428" s="13" t="s">
        <v>160</v>
      </c>
      <c r="B24428" s="14" t="s">
        <v>1</v>
      </c>
      <c r="C24428" s="14" t="s">
        <v>51</v>
      </c>
      <c r="D24428" s="14" t="s">
        <v>133</v>
      </c>
      <c r="E24428" s="15">
        <v>45714</v>
      </c>
      <c r="F24428" s="14" t="s">
        <v>61</v>
      </c>
      <c r="G24428" s="16">
        <v>0</v>
      </c>
    </row>
    <row r="24429" spans="1:7" x14ac:dyDescent="0.3">
      <c r="A24429" s="13" t="s">
        <v>160</v>
      </c>
      <c r="B24429" s="14" t="s">
        <v>1</v>
      </c>
      <c r="C24429" s="14" t="s">
        <v>51</v>
      </c>
      <c r="D24429" s="14" t="s">
        <v>133</v>
      </c>
      <c r="E24429" s="15">
        <v>45715</v>
      </c>
      <c r="F24429" s="14" t="s">
        <v>61</v>
      </c>
      <c r="G24429" s="16">
        <v>0</v>
      </c>
    </row>
    <row r="24430" spans="1:7" x14ac:dyDescent="0.3">
      <c r="A24430" s="13" t="s">
        <v>160</v>
      </c>
      <c r="B24430" s="14" t="s">
        <v>1</v>
      </c>
      <c r="C24430" s="14" t="s">
        <v>51</v>
      </c>
      <c r="D24430" s="14" t="s">
        <v>133</v>
      </c>
      <c r="E24430" s="15">
        <v>45716</v>
      </c>
      <c r="F24430" s="14" t="s">
        <v>61</v>
      </c>
      <c r="G24430" s="16">
        <v>0</v>
      </c>
    </row>
    <row r="24431" spans="1:7" x14ac:dyDescent="0.3">
      <c r="A24431" s="13" t="s">
        <v>160</v>
      </c>
      <c r="B24431" s="14" t="s">
        <v>1</v>
      </c>
      <c r="C24431" s="14" t="s">
        <v>51</v>
      </c>
      <c r="D24431" s="14" t="s">
        <v>133</v>
      </c>
      <c r="E24431" s="15">
        <v>45717</v>
      </c>
      <c r="F24431" s="14" t="s">
        <v>61</v>
      </c>
      <c r="G24431" s="16">
        <v>0</v>
      </c>
    </row>
    <row r="24432" spans="1:7" x14ac:dyDescent="0.3">
      <c r="A24432" s="13" t="s">
        <v>160</v>
      </c>
      <c r="B24432" s="14" t="s">
        <v>1</v>
      </c>
      <c r="C24432" s="14" t="s">
        <v>51</v>
      </c>
      <c r="D24432" s="14" t="s">
        <v>133</v>
      </c>
      <c r="E24432" s="15">
        <v>45718</v>
      </c>
      <c r="F24432" s="14" t="s">
        <v>61</v>
      </c>
      <c r="G24432" s="16">
        <v>0</v>
      </c>
    </row>
    <row r="24433" spans="1:7" x14ac:dyDescent="0.3">
      <c r="A24433" s="13" t="s">
        <v>160</v>
      </c>
      <c r="B24433" s="14" t="s">
        <v>1</v>
      </c>
      <c r="C24433" s="14" t="s">
        <v>51</v>
      </c>
      <c r="D24433" s="14" t="s">
        <v>133</v>
      </c>
      <c r="E24433" s="15">
        <v>45719</v>
      </c>
      <c r="F24433" s="14" t="s">
        <v>61</v>
      </c>
      <c r="G24433" s="16">
        <v>0</v>
      </c>
    </row>
    <row r="24434" spans="1:7" x14ac:dyDescent="0.3">
      <c r="A24434" s="13" t="s">
        <v>160</v>
      </c>
      <c r="B24434" s="14" t="s">
        <v>1</v>
      </c>
      <c r="C24434" s="14" t="s">
        <v>51</v>
      </c>
      <c r="D24434" s="14" t="s">
        <v>133</v>
      </c>
      <c r="E24434" s="15">
        <v>45720</v>
      </c>
      <c r="F24434" s="14" t="s">
        <v>61</v>
      </c>
      <c r="G24434" s="16">
        <v>0</v>
      </c>
    </row>
    <row r="24435" spans="1:7" x14ac:dyDescent="0.3">
      <c r="A24435" s="13" t="s">
        <v>160</v>
      </c>
      <c r="B24435" s="14" t="s">
        <v>1</v>
      </c>
      <c r="C24435" s="14" t="s">
        <v>51</v>
      </c>
      <c r="D24435" s="14" t="s">
        <v>133</v>
      </c>
      <c r="E24435" s="15">
        <v>45721</v>
      </c>
      <c r="F24435" s="14" t="s">
        <v>61</v>
      </c>
      <c r="G24435" s="16">
        <v>0</v>
      </c>
    </row>
    <row r="24436" spans="1:7" x14ac:dyDescent="0.3">
      <c r="A24436" s="13" t="s">
        <v>160</v>
      </c>
      <c r="B24436" s="14" t="s">
        <v>1</v>
      </c>
      <c r="C24436" s="14" t="s">
        <v>51</v>
      </c>
      <c r="D24436" s="14" t="s">
        <v>133</v>
      </c>
      <c r="E24436" s="15">
        <v>45722</v>
      </c>
      <c r="F24436" s="14" t="s">
        <v>61</v>
      </c>
      <c r="G24436" s="16">
        <v>0</v>
      </c>
    </row>
    <row r="24437" spans="1:7" x14ac:dyDescent="0.3">
      <c r="A24437" s="13" t="s">
        <v>160</v>
      </c>
      <c r="B24437" s="14" t="s">
        <v>1</v>
      </c>
      <c r="C24437" s="14" t="s">
        <v>51</v>
      </c>
      <c r="D24437" s="14" t="s">
        <v>133</v>
      </c>
      <c r="E24437" s="15">
        <v>45723</v>
      </c>
      <c r="F24437" s="14" t="s">
        <v>61</v>
      </c>
      <c r="G24437" s="16">
        <v>0</v>
      </c>
    </row>
    <row r="24438" spans="1:7" x14ac:dyDescent="0.3">
      <c r="A24438" s="13" t="s">
        <v>160</v>
      </c>
      <c r="B24438" s="14" t="s">
        <v>1</v>
      </c>
      <c r="C24438" s="14" t="s">
        <v>51</v>
      </c>
      <c r="D24438" s="14" t="s">
        <v>133</v>
      </c>
      <c r="E24438" s="15">
        <v>45724</v>
      </c>
      <c r="F24438" s="14" t="s">
        <v>61</v>
      </c>
      <c r="G24438" s="16">
        <v>0</v>
      </c>
    </row>
    <row r="24439" spans="1:7" x14ac:dyDescent="0.3">
      <c r="A24439" s="13" t="s">
        <v>160</v>
      </c>
      <c r="B24439" s="14" t="s">
        <v>1</v>
      </c>
      <c r="C24439" s="14" t="s">
        <v>51</v>
      </c>
      <c r="D24439" s="14" t="s">
        <v>133</v>
      </c>
      <c r="E24439" s="15">
        <v>45725</v>
      </c>
      <c r="F24439" s="14" t="s">
        <v>61</v>
      </c>
      <c r="G24439" s="16">
        <v>0</v>
      </c>
    </row>
    <row r="24440" spans="1:7" x14ac:dyDescent="0.3">
      <c r="A24440" s="13" t="s">
        <v>160</v>
      </c>
      <c r="B24440" s="14" t="s">
        <v>1</v>
      </c>
      <c r="C24440" s="14" t="s">
        <v>51</v>
      </c>
      <c r="D24440" s="14" t="s">
        <v>133</v>
      </c>
      <c r="E24440" s="15">
        <v>45726</v>
      </c>
      <c r="F24440" s="14" t="s">
        <v>61</v>
      </c>
      <c r="G24440" s="16">
        <v>0</v>
      </c>
    </row>
    <row r="24441" spans="1:7" x14ac:dyDescent="0.3">
      <c r="A24441" s="13" t="s">
        <v>160</v>
      </c>
      <c r="B24441" s="14" t="s">
        <v>1</v>
      </c>
      <c r="C24441" s="14" t="s">
        <v>51</v>
      </c>
      <c r="D24441" s="14" t="s">
        <v>133</v>
      </c>
      <c r="E24441" s="15">
        <v>45727</v>
      </c>
      <c r="F24441" s="14" t="s">
        <v>61</v>
      </c>
      <c r="G24441" s="16">
        <v>0</v>
      </c>
    </row>
    <row r="24442" spans="1:7" x14ac:dyDescent="0.3">
      <c r="A24442" s="13" t="s">
        <v>160</v>
      </c>
      <c r="B24442" s="14" t="s">
        <v>1</v>
      </c>
      <c r="C24442" s="14" t="s">
        <v>51</v>
      </c>
      <c r="D24442" s="14" t="s">
        <v>133</v>
      </c>
      <c r="E24442" s="15">
        <v>45728</v>
      </c>
      <c r="F24442" s="14" t="s">
        <v>61</v>
      </c>
      <c r="G24442" s="16">
        <v>0</v>
      </c>
    </row>
    <row r="24443" spans="1:7" x14ac:dyDescent="0.3">
      <c r="A24443" s="13" t="s">
        <v>160</v>
      </c>
      <c r="B24443" s="14" t="s">
        <v>1</v>
      </c>
      <c r="C24443" s="14" t="s">
        <v>51</v>
      </c>
      <c r="D24443" s="14" t="s">
        <v>133</v>
      </c>
      <c r="E24443" s="15">
        <v>45729</v>
      </c>
      <c r="F24443" s="14" t="s">
        <v>61</v>
      </c>
      <c r="G24443" s="16">
        <v>0</v>
      </c>
    </row>
    <row r="24444" spans="1:7" x14ac:dyDescent="0.3">
      <c r="A24444" s="13" t="s">
        <v>160</v>
      </c>
      <c r="B24444" s="14" t="s">
        <v>1</v>
      </c>
      <c r="C24444" s="14" t="s">
        <v>51</v>
      </c>
      <c r="D24444" s="14" t="s">
        <v>133</v>
      </c>
      <c r="E24444" s="15">
        <v>45730</v>
      </c>
      <c r="F24444" s="14" t="s">
        <v>61</v>
      </c>
      <c r="G24444" s="16">
        <v>0</v>
      </c>
    </row>
    <row r="24445" spans="1:7" x14ac:dyDescent="0.3">
      <c r="A24445" s="13" t="s">
        <v>160</v>
      </c>
      <c r="B24445" s="14" t="s">
        <v>1</v>
      </c>
      <c r="C24445" s="14" t="s">
        <v>51</v>
      </c>
      <c r="D24445" s="14" t="s">
        <v>133</v>
      </c>
      <c r="E24445" s="15">
        <v>45731</v>
      </c>
      <c r="F24445" s="14" t="s">
        <v>61</v>
      </c>
      <c r="G24445" s="16">
        <v>0</v>
      </c>
    </row>
    <row r="24446" spans="1:7" x14ac:dyDescent="0.3">
      <c r="A24446" s="13" t="s">
        <v>160</v>
      </c>
      <c r="B24446" s="14" t="s">
        <v>1</v>
      </c>
      <c r="C24446" s="14" t="s">
        <v>51</v>
      </c>
      <c r="D24446" s="14" t="s">
        <v>133</v>
      </c>
      <c r="E24446" s="15">
        <v>45732</v>
      </c>
      <c r="F24446" s="14" t="s">
        <v>61</v>
      </c>
      <c r="G24446" s="16">
        <v>0</v>
      </c>
    </row>
    <row r="24447" spans="1:7" x14ac:dyDescent="0.3">
      <c r="A24447" s="13" t="s">
        <v>160</v>
      </c>
      <c r="B24447" s="14" t="s">
        <v>1</v>
      </c>
      <c r="C24447" s="14" t="s">
        <v>51</v>
      </c>
      <c r="D24447" s="14" t="s">
        <v>133</v>
      </c>
      <c r="E24447" s="15">
        <v>45733</v>
      </c>
      <c r="F24447" s="14" t="s">
        <v>61</v>
      </c>
      <c r="G24447" s="16">
        <v>0</v>
      </c>
    </row>
    <row r="24448" spans="1:7" x14ac:dyDescent="0.3">
      <c r="A24448" s="13" t="s">
        <v>160</v>
      </c>
      <c r="B24448" s="14" t="s">
        <v>1</v>
      </c>
      <c r="C24448" s="14" t="s">
        <v>51</v>
      </c>
      <c r="D24448" s="14" t="s">
        <v>133</v>
      </c>
      <c r="E24448" s="15">
        <v>45734</v>
      </c>
      <c r="F24448" s="14" t="s">
        <v>61</v>
      </c>
      <c r="G24448" s="16">
        <v>0</v>
      </c>
    </row>
    <row r="24449" spans="1:7" x14ac:dyDescent="0.3">
      <c r="A24449" s="13" t="s">
        <v>160</v>
      </c>
      <c r="B24449" s="14" t="s">
        <v>1</v>
      </c>
      <c r="C24449" s="14" t="s">
        <v>51</v>
      </c>
      <c r="D24449" s="14" t="s">
        <v>133</v>
      </c>
      <c r="E24449" s="15">
        <v>45735</v>
      </c>
      <c r="F24449" s="14" t="s">
        <v>61</v>
      </c>
      <c r="G24449" s="16">
        <v>0</v>
      </c>
    </row>
    <row r="24450" spans="1:7" x14ac:dyDescent="0.3">
      <c r="A24450" s="13" t="s">
        <v>160</v>
      </c>
      <c r="B24450" s="14" t="s">
        <v>1</v>
      </c>
      <c r="C24450" s="14" t="s">
        <v>51</v>
      </c>
      <c r="D24450" s="14" t="s">
        <v>133</v>
      </c>
      <c r="E24450" s="15">
        <v>45736</v>
      </c>
      <c r="F24450" s="14" t="s">
        <v>61</v>
      </c>
      <c r="G24450" s="16">
        <v>0</v>
      </c>
    </row>
    <row r="24451" spans="1:7" x14ac:dyDescent="0.3">
      <c r="A24451" s="13" t="s">
        <v>160</v>
      </c>
      <c r="B24451" s="14" t="s">
        <v>1</v>
      </c>
      <c r="C24451" s="14" t="s">
        <v>51</v>
      </c>
      <c r="D24451" s="14" t="s">
        <v>133</v>
      </c>
      <c r="E24451" s="15">
        <v>45737</v>
      </c>
      <c r="F24451" s="14" t="s">
        <v>61</v>
      </c>
      <c r="G24451" s="16">
        <v>0</v>
      </c>
    </row>
    <row r="24452" spans="1:7" x14ac:dyDescent="0.3">
      <c r="A24452" s="13" t="s">
        <v>160</v>
      </c>
      <c r="B24452" s="14" t="s">
        <v>1</v>
      </c>
      <c r="C24452" s="14" t="s">
        <v>51</v>
      </c>
      <c r="D24452" s="14" t="s">
        <v>133</v>
      </c>
      <c r="E24452" s="15">
        <v>45738</v>
      </c>
      <c r="F24452" s="14" t="s">
        <v>61</v>
      </c>
      <c r="G24452" s="16">
        <v>0</v>
      </c>
    </row>
    <row r="24453" spans="1:7" x14ac:dyDescent="0.3">
      <c r="A24453" s="13" t="s">
        <v>160</v>
      </c>
      <c r="B24453" s="14" t="s">
        <v>1</v>
      </c>
      <c r="C24453" s="14" t="s">
        <v>51</v>
      </c>
      <c r="D24453" s="14" t="s">
        <v>133</v>
      </c>
      <c r="E24453" s="15">
        <v>45739</v>
      </c>
      <c r="F24453" s="14" t="s">
        <v>61</v>
      </c>
      <c r="G24453" s="16">
        <v>0</v>
      </c>
    </row>
    <row r="24454" spans="1:7" x14ac:dyDescent="0.3">
      <c r="A24454" s="13" t="s">
        <v>160</v>
      </c>
      <c r="B24454" s="14" t="s">
        <v>1</v>
      </c>
      <c r="C24454" s="14" t="s">
        <v>51</v>
      </c>
      <c r="D24454" s="14" t="s">
        <v>133</v>
      </c>
      <c r="E24454" s="15">
        <v>45740</v>
      </c>
      <c r="F24454" s="14" t="s">
        <v>61</v>
      </c>
      <c r="G24454" s="16">
        <v>0</v>
      </c>
    </row>
    <row r="24455" spans="1:7" x14ac:dyDescent="0.3">
      <c r="A24455" s="13" t="s">
        <v>160</v>
      </c>
      <c r="B24455" s="14" t="s">
        <v>1</v>
      </c>
      <c r="C24455" s="14" t="s">
        <v>51</v>
      </c>
      <c r="D24455" s="14" t="s">
        <v>133</v>
      </c>
      <c r="E24455" s="15">
        <v>45741</v>
      </c>
      <c r="F24455" s="14" t="s">
        <v>61</v>
      </c>
      <c r="G24455" s="16">
        <v>0</v>
      </c>
    </row>
    <row r="24456" spans="1:7" x14ac:dyDescent="0.3">
      <c r="A24456" s="13" t="s">
        <v>160</v>
      </c>
      <c r="B24456" s="14" t="s">
        <v>1</v>
      </c>
      <c r="C24456" s="14" t="s">
        <v>51</v>
      </c>
      <c r="D24456" s="14" t="s">
        <v>133</v>
      </c>
      <c r="E24456" s="15">
        <v>45742</v>
      </c>
      <c r="F24456" s="14" t="s">
        <v>61</v>
      </c>
      <c r="G24456" s="16">
        <v>0</v>
      </c>
    </row>
    <row r="24457" spans="1:7" x14ac:dyDescent="0.3">
      <c r="A24457" s="13" t="s">
        <v>160</v>
      </c>
      <c r="B24457" s="14" t="s">
        <v>1</v>
      </c>
      <c r="C24457" s="14" t="s">
        <v>51</v>
      </c>
      <c r="D24457" s="14" t="s">
        <v>133</v>
      </c>
      <c r="E24457" s="15">
        <v>45743</v>
      </c>
      <c r="F24457" s="14" t="s">
        <v>61</v>
      </c>
      <c r="G24457" s="16">
        <v>0</v>
      </c>
    </row>
    <row r="24458" spans="1:7" x14ac:dyDescent="0.3">
      <c r="A24458" s="13" t="s">
        <v>160</v>
      </c>
      <c r="B24458" s="14" t="s">
        <v>1</v>
      </c>
      <c r="C24458" s="14" t="s">
        <v>51</v>
      </c>
      <c r="D24458" s="14" t="s">
        <v>133</v>
      </c>
      <c r="E24458" s="15">
        <v>45744</v>
      </c>
      <c r="F24458" s="14" t="s">
        <v>61</v>
      </c>
      <c r="G24458" s="16">
        <v>0</v>
      </c>
    </row>
    <row r="24459" spans="1:7" x14ac:dyDescent="0.3">
      <c r="A24459" s="13" t="s">
        <v>160</v>
      </c>
      <c r="B24459" s="14" t="s">
        <v>1</v>
      </c>
      <c r="C24459" s="14" t="s">
        <v>51</v>
      </c>
      <c r="D24459" s="14" t="s">
        <v>133</v>
      </c>
      <c r="E24459" s="15">
        <v>45745</v>
      </c>
      <c r="F24459" s="14" t="s">
        <v>61</v>
      </c>
      <c r="G24459" s="16">
        <v>0</v>
      </c>
    </row>
    <row r="24460" spans="1:7" x14ac:dyDescent="0.3">
      <c r="A24460" s="13" t="s">
        <v>160</v>
      </c>
      <c r="B24460" s="14" t="s">
        <v>1</v>
      </c>
      <c r="C24460" s="14" t="s">
        <v>51</v>
      </c>
      <c r="D24460" s="14" t="s">
        <v>133</v>
      </c>
      <c r="E24460" s="15">
        <v>45746</v>
      </c>
      <c r="F24460" s="14" t="s">
        <v>61</v>
      </c>
      <c r="G24460" s="16">
        <v>0</v>
      </c>
    </row>
    <row r="24461" spans="1:7" x14ac:dyDescent="0.3">
      <c r="A24461" s="13" t="s">
        <v>160</v>
      </c>
      <c r="B24461" s="14" t="s">
        <v>1</v>
      </c>
      <c r="C24461" s="14" t="s">
        <v>51</v>
      </c>
      <c r="D24461" s="14" t="s">
        <v>133</v>
      </c>
      <c r="E24461" s="15">
        <v>45747</v>
      </c>
      <c r="F24461" s="14" t="s">
        <v>61</v>
      </c>
      <c r="G24461" s="16">
        <v>0</v>
      </c>
    </row>
    <row r="24462" spans="1:7" x14ac:dyDescent="0.3">
      <c r="A24462" s="13" t="s">
        <v>161</v>
      </c>
      <c r="B24462" s="14" t="s">
        <v>1</v>
      </c>
      <c r="C24462" s="14" t="s">
        <v>51</v>
      </c>
      <c r="D24462" s="14" t="s">
        <v>142</v>
      </c>
      <c r="E24462" s="15">
        <v>45383</v>
      </c>
      <c r="F24462" s="14" t="s">
        <v>28</v>
      </c>
      <c r="G24462" s="16">
        <v>0</v>
      </c>
    </row>
    <row r="24463" spans="1:7" x14ac:dyDescent="0.3">
      <c r="A24463" s="13" t="s">
        <v>161</v>
      </c>
      <c r="B24463" s="14" t="s">
        <v>1</v>
      </c>
      <c r="C24463" s="14" t="s">
        <v>51</v>
      </c>
      <c r="D24463" s="14" t="s">
        <v>142</v>
      </c>
      <c r="E24463" s="15">
        <v>45384</v>
      </c>
      <c r="F24463" s="14" t="s">
        <v>28</v>
      </c>
      <c r="G24463" s="16">
        <v>0</v>
      </c>
    </row>
    <row r="24464" spans="1:7" x14ac:dyDescent="0.3">
      <c r="A24464" s="13" t="s">
        <v>161</v>
      </c>
      <c r="B24464" s="14" t="s">
        <v>1</v>
      </c>
      <c r="C24464" s="14" t="s">
        <v>51</v>
      </c>
      <c r="D24464" s="14" t="s">
        <v>142</v>
      </c>
      <c r="E24464" s="15">
        <v>45385</v>
      </c>
      <c r="F24464" s="14" t="s">
        <v>28</v>
      </c>
      <c r="G24464" s="16">
        <v>0</v>
      </c>
    </row>
    <row r="24465" spans="1:7" x14ac:dyDescent="0.3">
      <c r="A24465" s="13" t="s">
        <v>161</v>
      </c>
      <c r="B24465" s="14" t="s">
        <v>1</v>
      </c>
      <c r="C24465" s="14" t="s">
        <v>51</v>
      </c>
      <c r="D24465" s="14" t="s">
        <v>142</v>
      </c>
      <c r="E24465" s="15">
        <v>45386</v>
      </c>
      <c r="F24465" s="14" t="s">
        <v>28</v>
      </c>
      <c r="G24465" s="16">
        <v>0</v>
      </c>
    </row>
    <row r="24466" spans="1:7" x14ac:dyDescent="0.3">
      <c r="A24466" s="13" t="s">
        <v>161</v>
      </c>
      <c r="B24466" s="14" t="s">
        <v>1</v>
      </c>
      <c r="C24466" s="14" t="s">
        <v>51</v>
      </c>
      <c r="D24466" s="14" t="s">
        <v>142</v>
      </c>
      <c r="E24466" s="15">
        <v>45387</v>
      </c>
      <c r="F24466" s="14" t="s">
        <v>28</v>
      </c>
      <c r="G24466" s="16">
        <v>0</v>
      </c>
    </row>
    <row r="24467" spans="1:7" x14ac:dyDescent="0.3">
      <c r="A24467" s="13" t="s">
        <v>161</v>
      </c>
      <c r="B24467" s="14" t="s">
        <v>1</v>
      </c>
      <c r="C24467" s="14" t="s">
        <v>51</v>
      </c>
      <c r="D24467" s="14" t="s">
        <v>142</v>
      </c>
      <c r="E24467" s="15">
        <v>45388</v>
      </c>
      <c r="F24467" s="14" t="s">
        <v>28</v>
      </c>
      <c r="G24467" s="16">
        <v>0</v>
      </c>
    </row>
    <row r="24468" spans="1:7" x14ac:dyDescent="0.3">
      <c r="A24468" s="13" t="s">
        <v>161</v>
      </c>
      <c r="B24468" s="14" t="s">
        <v>1</v>
      </c>
      <c r="C24468" s="14" t="s">
        <v>51</v>
      </c>
      <c r="D24468" s="14" t="s">
        <v>142</v>
      </c>
      <c r="E24468" s="15">
        <v>45389</v>
      </c>
      <c r="F24468" s="14" t="s">
        <v>28</v>
      </c>
      <c r="G24468" s="16">
        <v>0</v>
      </c>
    </row>
    <row r="24469" spans="1:7" x14ac:dyDescent="0.3">
      <c r="A24469" s="13" t="s">
        <v>161</v>
      </c>
      <c r="B24469" s="14" t="s">
        <v>1</v>
      </c>
      <c r="C24469" s="14" t="s">
        <v>51</v>
      </c>
      <c r="D24469" s="14" t="s">
        <v>142</v>
      </c>
      <c r="E24469" s="15">
        <v>45390</v>
      </c>
      <c r="F24469" s="14" t="s">
        <v>28</v>
      </c>
      <c r="G24469" s="16">
        <v>0</v>
      </c>
    </row>
    <row r="24470" spans="1:7" x14ac:dyDescent="0.3">
      <c r="A24470" s="13" t="s">
        <v>161</v>
      </c>
      <c r="B24470" s="14" t="s">
        <v>1</v>
      </c>
      <c r="C24470" s="14" t="s">
        <v>51</v>
      </c>
      <c r="D24470" s="14" t="s">
        <v>142</v>
      </c>
      <c r="E24470" s="15">
        <v>45391</v>
      </c>
      <c r="F24470" s="14" t="s">
        <v>28</v>
      </c>
      <c r="G24470" s="16">
        <v>0</v>
      </c>
    </row>
    <row r="24471" spans="1:7" x14ac:dyDescent="0.3">
      <c r="A24471" s="13" t="s">
        <v>161</v>
      </c>
      <c r="B24471" s="14" t="s">
        <v>1</v>
      </c>
      <c r="C24471" s="14" t="s">
        <v>51</v>
      </c>
      <c r="D24471" s="14" t="s">
        <v>142</v>
      </c>
      <c r="E24471" s="15">
        <v>45392</v>
      </c>
      <c r="F24471" s="14" t="s">
        <v>28</v>
      </c>
      <c r="G24471" s="16">
        <v>0</v>
      </c>
    </row>
    <row r="24472" spans="1:7" x14ac:dyDescent="0.3">
      <c r="A24472" s="13" t="s">
        <v>161</v>
      </c>
      <c r="B24472" s="14" t="s">
        <v>1</v>
      </c>
      <c r="C24472" s="14" t="s">
        <v>51</v>
      </c>
      <c r="D24472" s="14" t="s">
        <v>142</v>
      </c>
      <c r="E24472" s="15">
        <v>45393</v>
      </c>
      <c r="F24472" s="14" t="s">
        <v>28</v>
      </c>
      <c r="G24472" s="16">
        <v>0</v>
      </c>
    </row>
    <row r="24473" spans="1:7" x14ac:dyDescent="0.3">
      <c r="A24473" s="13" t="s">
        <v>161</v>
      </c>
      <c r="B24473" s="14" t="s">
        <v>1</v>
      </c>
      <c r="C24473" s="14" t="s">
        <v>51</v>
      </c>
      <c r="D24473" s="14" t="s">
        <v>142</v>
      </c>
      <c r="E24473" s="15">
        <v>45394</v>
      </c>
      <c r="F24473" s="14" t="s">
        <v>28</v>
      </c>
      <c r="G24473" s="16">
        <v>0</v>
      </c>
    </row>
    <row r="24474" spans="1:7" x14ac:dyDescent="0.3">
      <c r="A24474" s="13" t="s">
        <v>161</v>
      </c>
      <c r="B24474" s="14" t="s">
        <v>1</v>
      </c>
      <c r="C24474" s="14" t="s">
        <v>51</v>
      </c>
      <c r="D24474" s="14" t="s">
        <v>142</v>
      </c>
      <c r="E24474" s="15">
        <v>45395</v>
      </c>
      <c r="F24474" s="14" t="s">
        <v>28</v>
      </c>
      <c r="G24474" s="16">
        <v>0</v>
      </c>
    </row>
    <row r="24475" spans="1:7" x14ac:dyDescent="0.3">
      <c r="A24475" s="13" t="s">
        <v>161</v>
      </c>
      <c r="B24475" s="14" t="s">
        <v>1</v>
      </c>
      <c r="C24475" s="14" t="s">
        <v>51</v>
      </c>
      <c r="D24475" s="14" t="s">
        <v>142</v>
      </c>
      <c r="E24475" s="15">
        <v>45396</v>
      </c>
      <c r="F24475" s="14" t="s">
        <v>28</v>
      </c>
      <c r="G24475" s="16">
        <v>0</v>
      </c>
    </row>
    <row r="24476" spans="1:7" x14ac:dyDescent="0.3">
      <c r="A24476" s="13" t="s">
        <v>161</v>
      </c>
      <c r="B24476" s="14" t="s">
        <v>1</v>
      </c>
      <c r="C24476" s="14" t="s">
        <v>51</v>
      </c>
      <c r="D24476" s="14" t="s">
        <v>142</v>
      </c>
      <c r="E24476" s="15">
        <v>45397</v>
      </c>
      <c r="F24476" s="14" t="s">
        <v>28</v>
      </c>
      <c r="G24476" s="16">
        <v>0</v>
      </c>
    </row>
    <row r="24477" spans="1:7" x14ac:dyDescent="0.3">
      <c r="A24477" s="13" t="s">
        <v>161</v>
      </c>
      <c r="B24477" s="14" t="s">
        <v>1</v>
      </c>
      <c r="C24477" s="14" t="s">
        <v>51</v>
      </c>
      <c r="D24477" s="14" t="s">
        <v>142</v>
      </c>
      <c r="E24477" s="15">
        <v>45398</v>
      </c>
      <c r="F24477" s="14" t="s">
        <v>28</v>
      </c>
      <c r="G24477" s="16">
        <v>0</v>
      </c>
    </row>
    <row r="24478" spans="1:7" x14ac:dyDescent="0.3">
      <c r="A24478" s="13" t="s">
        <v>161</v>
      </c>
      <c r="B24478" s="14" t="s">
        <v>1</v>
      </c>
      <c r="C24478" s="14" t="s">
        <v>51</v>
      </c>
      <c r="D24478" s="14" t="s">
        <v>142</v>
      </c>
      <c r="E24478" s="15">
        <v>45399</v>
      </c>
      <c r="F24478" s="14" t="s">
        <v>28</v>
      </c>
      <c r="G24478" s="16">
        <v>0</v>
      </c>
    </row>
    <row r="24479" spans="1:7" x14ac:dyDescent="0.3">
      <c r="A24479" s="13" t="s">
        <v>161</v>
      </c>
      <c r="B24479" s="14" t="s">
        <v>1</v>
      </c>
      <c r="C24479" s="14" t="s">
        <v>51</v>
      </c>
      <c r="D24479" s="14" t="s">
        <v>142</v>
      </c>
      <c r="E24479" s="15">
        <v>45400</v>
      </c>
      <c r="F24479" s="14" t="s">
        <v>28</v>
      </c>
      <c r="G24479" s="16">
        <v>0</v>
      </c>
    </row>
    <row r="24480" spans="1:7" x14ac:dyDescent="0.3">
      <c r="A24480" s="13" t="s">
        <v>161</v>
      </c>
      <c r="B24480" s="14" t="s">
        <v>1</v>
      </c>
      <c r="C24480" s="14" t="s">
        <v>51</v>
      </c>
      <c r="D24480" s="14" t="s">
        <v>142</v>
      </c>
      <c r="E24480" s="15">
        <v>45401</v>
      </c>
      <c r="F24480" s="14" t="s">
        <v>28</v>
      </c>
      <c r="G24480" s="16">
        <v>0</v>
      </c>
    </row>
    <row r="24481" spans="1:7" x14ac:dyDescent="0.3">
      <c r="A24481" s="13" t="s">
        <v>161</v>
      </c>
      <c r="B24481" s="14" t="s">
        <v>1</v>
      </c>
      <c r="C24481" s="14" t="s">
        <v>51</v>
      </c>
      <c r="D24481" s="14" t="s">
        <v>142</v>
      </c>
      <c r="E24481" s="15">
        <v>45402</v>
      </c>
      <c r="F24481" s="14" t="s">
        <v>28</v>
      </c>
      <c r="G24481" s="16">
        <v>0</v>
      </c>
    </row>
    <row r="24482" spans="1:7" x14ac:dyDescent="0.3">
      <c r="A24482" s="13" t="s">
        <v>161</v>
      </c>
      <c r="B24482" s="14" t="s">
        <v>1</v>
      </c>
      <c r="C24482" s="14" t="s">
        <v>51</v>
      </c>
      <c r="D24482" s="14" t="s">
        <v>142</v>
      </c>
      <c r="E24482" s="15">
        <v>45403</v>
      </c>
      <c r="F24482" s="14" t="s">
        <v>28</v>
      </c>
      <c r="G24482" s="16">
        <v>0</v>
      </c>
    </row>
    <row r="24483" spans="1:7" x14ac:dyDescent="0.3">
      <c r="A24483" s="13" t="s">
        <v>161</v>
      </c>
      <c r="B24483" s="14" t="s">
        <v>1</v>
      </c>
      <c r="C24483" s="14" t="s">
        <v>51</v>
      </c>
      <c r="D24483" s="14" t="s">
        <v>142</v>
      </c>
      <c r="E24483" s="15">
        <v>45404</v>
      </c>
      <c r="F24483" s="14" t="s">
        <v>28</v>
      </c>
      <c r="G24483" s="16">
        <v>0</v>
      </c>
    </row>
    <row r="24484" spans="1:7" x14ac:dyDescent="0.3">
      <c r="A24484" s="13" t="s">
        <v>161</v>
      </c>
      <c r="B24484" s="14" t="s">
        <v>1</v>
      </c>
      <c r="C24484" s="14" t="s">
        <v>51</v>
      </c>
      <c r="D24484" s="14" t="s">
        <v>142</v>
      </c>
      <c r="E24484" s="15">
        <v>45405</v>
      </c>
      <c r="F24484" s="14" t="s">
        <v>28</v>
      </c>
      <c r="G24484" s="16">
        <v>0</v>
      </c>
    </row>
    <row r="24485" spans="1:7" x14ac:dyDescent="0.3">
      <c r="A24485" s="13" t="s">
        <v>161</v>
      </c>
      <c r="B24485" s="14" t="s">
        <v>1</v>
      </c>
      <c r="C24485" s="14" t="s">
        <v>51</v>
      </c>
      <c r="D24485" s="14" t="s">
        <v>142</v>
      </c>
      <c r="E24485" s="15">
        <v>45406</v>
      </c>
      <c r="F24485" s="14" t="s">
        <v>28</v>
      </c>
      <c r="G24485" s="16">
        <v>0</v>
      </c>
    </row>
    <row r="24486" spans="1:7" x14ac:dyDescent="0.3">
      <c r="A24486" s="13" t="s">
        <v>161</v>
      </c>
      <c r="B24486" s="14" t="s">
        <v>1</v>
      </c>
      <c r="C24486" s="14" t="s">
        <v>51</v>
      </c>
      <c r="D24486" s="14" t="s">
        <v>142</v>
      </c>
      <c r="E24486" s="15">
        <v>45407</v>
      </c>
      <c r="F24486" s="14" t="s">
        <v>28</v>
      </c>
      <c r="G24486" s="16">
        <v>0</v>
      </c>
    </row>
    <row r="24487" spans="1:7" x14ac:dyDescent="0.3">
      <c r="A24487" s="13" t="s">
        <v>161</v>
      </c>
      <c r="B24487" s="14" t="s">
        <v>1</v>
      </c>
      <c r="C24487" s="14" t="s">
        <v>51</v>
      </c>
      <c r="D24487" s="14" t="s">
        <v>142</v>
      </c>
      <c r="E24487" s="15">
        <v>45408</v>
      </c>
      <c r="F24487" s="14" t="s">
        <v>28</v>
      </c>
      <c r="G24487" s="16">
        <v>0</v>
      </c>
    </row>
    <row r="24488" spans="1:7" x14ac:dyDescent="0.3">
      <c r="A24488" s="13" t="s">
        <v>161</v>
      </c>
      <c r="B24488" s="14" t="s">
        <v>1</v>
      </c>
      <c r="C24488" s="14" t="s">
        <v>51</v>
      </c>
      <c r="D24488" s="14" t="s">
        <v>142</v>
      </c>
      <c r="E24488" s="15">
        <v>45409</v>
      </c>
      <c r="F24488" s="14" t="s">
        <v>28</v>
      </c>
      <c r="G24488" s="16">
        <v>0</v>
      </c>
    </row>
    <row r="24489" spans="1:7" x14ac:dyDescent="0.3">
      <c r="A24489" s="13" t="s">
        <v>161</v>
      </c>
      <c r="B24489" s="14" t="s">
        <v>1</v>
      </c>
      <c r="C24489" s="14" t="s">
        <v>51</v>
      </c>
      <c r="D24489" s="14" t="s">
        <v>142</v>
      </c>
      <c r="E24489" s="15">
        <v>45410</v>
      </c>
      <c r="F24489" s="14" t="s">
        <v>28</v>
      </c>
      <c r="G24489" s="16">
        <v>0</v>
      </c>
    </row>
    <row r="24490" spans="1:7" x14ac:dyDescent="0.3">
      <c r="A24490" s="13" t="s">
        <v>161</v>
      </c>
      <c r="B24490" s="14" t="s">
        <v>1</v>
      </c>
      <c r="C24490" s="14" t="s">
        <v>51</v>
      </c>
      <c r="D24490" s="14" t="s">
        <v>142</v>
      </c>
      <c r="E24490" s="15">
        <v>45411</v>
      </c>
      <c r="F24490" s="14" t="s">
        <v>28</v>
      </c>
      <c r="G24490" s="16">
        <v>0</v>
      </c>
    </row>
    <row r="24491" spans="1:7" x14ac:dyDescent="0.3">
      <c r="A24491" s="13" t="s">
        <v>161</v>
      </c>
      <c r="B24491" s="14" t="s">
        <v>1</v>
      </c>
      <c r="C24491" s="14" t="s">
        <v>51</v>
      </c>
      <c r="D24491" s="14" t="s">
        <v>142</v>
      </c>
      <c r="E24491" s="15">
        <v>45412</v>
      </c>
      <c r="F24491" s="14" t="s">
        <v>28</v>
      </c>
      <c r="G24491" s="16">
        <v>0</v>
      </c>
    </row>
    <row r="24492" spans="1:7" x14ac:dyDescent="0.3">
      <c r="A24492" s="13" t="s">
        <v>161</v>
      </c>
      <c r="B24492" s="14" t="s">
        <v>1</v>
      </c>
      <c r="C24492" s="14" t="s">
        <v>51</v>
      </c>
      <c r="D24492" s="14" t="s">
        <v>142</v>
      </c>
      <c r="E24492" s="15">
        <v>45413</v>
      </c>
      <c r="F24492" s="14" t="s">
        <v>28</v>
      </c>
      <c r="G24492" s="16">
        <v>0</v>
      </c>
    </row>
    <row r="24493" spans="1:7" x14ac:dyDescent="0.3">
      <c r="A24493" s="13" t="s">
        <v>161</v>
      </c>
      <c r="B24493" s="14" t="s">
        <v>1</v>
      </c>
      <c r="C24493" s="14" t="s">
        <v>51</v>
      </c>
      <c r="D24493" s="14" t="s">
        <v>142</v>
      </c>
      <c r="E24493" s="15">
        <v>45414</v>
      </c>
      <c r="F24493" s="14" t="s">
        <v>28</v>
      </c>
      <c r="G24493" s="16">
        <v>0</v>
      </c>
    </row>
    <row r="24494" spans="1:7" x14ac:dyDescent="0.3">
      <c r="A24494" s="13" t="s">
        <v>161</v>
      </c>
      <c r="B24494" s="14" t="s">
        <v>1</v>
      </c>
      <c r="C24494" s="14" t="s">
        <v>51</v>
      </c>
      <c r="D24494" s="14" t="s">
        <v>142</v>
      </c>
      <c r="E24494" s="15">
        <v>45415</v>
      </c>
      <c r="F24494" s="14" t="s">
        <v>28</v>
      </c>
      <c r="G24494" s="16">
        <v>0</v>
      </c>
    </row>
    <row r="24495" spans="1:7" x14ac:dyDescent="0.3">
      <c r="A24495" s="13" t="s">
        <v>161</v>
      </c>
      <c r="B24495" s="14" t="s">
        <v>1</v>
      </c>
      <c r="C24495" s="14" t="s">
        <v>51</v>
      </c>
      <c r="D24495" s="14" t="s">
        <v>142</v>
      </c>
      <c r="E24495" s="15">
        <v>45416</v>
      </c>
      <c r="F24495" s="14" t="s">
        <v>28</v>
      </c>
      <c r="G24495" s="16">
        <v>0</v>
      </c>
    </row>
    <row r="24496" spans="1:7" x14ac:dyDescent="0.3">
      <c r="A24496" s="13" t="s">
        <v>161</v>
      </c>
      <c r="B24496" s="14" t="s">
        <v>1</v>
      </c>
      <c r="C24496" s="14" t="s">
        <v>51</v>
      </c>
      <c r="D24496" s="14" t="s">
        <v>142</v>
      </c>
      <c r="E24496" s="15">
        <v>45417</v>
      </c>
      <c r="F24496" s="14" t="s">
        <v>28</v>
      </c>
      <c r="G24496" s="16">
        <v>0</v>
      </c>
    </row>
    <row r="24497" spans="1:7" x14ac:dyDescent="0.3">
      <c r="A24497" s="13" t="s">
        <v>161</v>
      </c>
      <c r="B24497" s="14" t="s">
        <v>1</v>
      </c>
      <c r="C24497" s="14" t="s">
        <v>51</v>
      </c>
      <c r="D24497" s="14" t="s">
        <v>142</v>
      </c>
      <c r="E24497" s="15">
        <v>45418</v>
      </c>
      <c r="F24497" s="14" t="s">
        <v>28</v>
      </c>
      <c r="G24497" s="16">
        <v>0</v>
      </c>
    </row>
    <row r="24498" spans="1:7" x14ac:dyDescent="0.3">
      <c r="A24498" s="13" t="s">
        <v>161</v>
      </c>
      <c r="B24498" s="14" t="s">
        <v>1</v>
      </c>
      <c r="C24498" s="14" t="s">
        <v>51</v>
      </c>
      <c r="D24498" s="14" t="s">
        <v>142</v>
      </c>
      <c r="E24498" s="15">
        <v>45419</v>
      </c>
      <c r="F24498" s="14" t="s">
        <v>28</v>
      </c>
      <c r="G24498" s="16">
        <v>0</v>
      </c>
    </row>
    <row r="24499" spans="1:7" x14ac:dyDescent="0.3">
      <c r="A24499" s="13" t="s">
        <v>161</v>
      </c>
      <c r="B24499" s="14" t="s">
        <v>1</v>
      </c>
      <c r="C24499" s="14" t="s">
        <v>51</v>
      </c>
      <c r="D24499" s="14" t="s">
        <v>142</v>
      </c>
      <c r="E24499" s="15">
        <v>45420</v>
      </c>
      <c r="F24499" s="14" t="s">
        <v>28</v>
      </c>
      <c r="G24499" s="16">
        <v>0</v>
      </c>
    </row>
    <row r="24500" spans="1:7" x14ac:dyDescent="0.3">
      <c r="A24500" s="13" t="s">
        <v>161</v>
      </c>
      <c r="B24500" s="14" t="s">
        <v>1</v>
      </c>
      <c r="C24500" s="14" t="s">
        <v>51</v>
      </c>
      <c r="D24500" s="14" t="s">
        <v>142</v>
      </c>
      <c r="E24500" s="15">
        <v>45421</v>
      </c>
      <c r="F24500" s="14" t="s">
        <v>28</v>
      </c>
      <c r="G24500" s="16">
        <v>0</v>
      </c>
    </row>
    <row r="24501" spans="1:7" x14ac:dyDescent="0.3">
      <c r="A24501" s="13" t="s">
        <v>161</v>
      </c>
      <c r="B24501" s="14" t="s">
        <v>1</v>
      </c>
      <c r="C24501" s="14" t="s">
        <v>51</v>
      </c>
      <c r="D24501" s="14" t="s">
        <v>142</v>
      </c>
      <c r="E24501" s="15">
        <v>45422</v>
      </c>
      <c r="F24501" s="14" t="s">
        <v>28</v>
      </c>
      <c r="G24501" s="16">
        <v>0</v>
      </c>
    </row>
    <row r="24502" spans="1:7" x14ac:dyDescent="0.3">
      <c r="A24502" s="13" t="s">
        <v>161</v>
      </c>
      <c r="B24502" s="14" t="s">
        <v>1</v>
      </c>
      <c r="C24502" s="14" t="s">
        <v>51</v>
      </c>
      <c r="D24502" s="14" t="s">
        <v>142</v>
      </c>
      <c r="E24502" s="15">
        <v>45423</v>
      </c>
      <c r="F24502" s="14" t="s">
        <v>28</v>
      </c>
      <c r="G24502" s="16">
        <v>0</v>
      </c>
    </row>
    <row r="24503" spans="1:7" x14ac:dyDescent="0.3">
      <c r="A24503" s="13" t="s">
        <v>161</v>
      </c>
      <c r="B24503" s="14" t="s">
        <v>1</v>
      </c>
      <c r="C24503" s="14" t="s">
        <v>51</v>
      </c>
      <c r="D24503" s="14" t="s">
        <v>142</v>
      </c>
      <c r="E24503" s="15">
        <v>45424</v>
      </c>
      <c r="F24503" s="14" t="s">
        <v>28</v>
      </c>
      <c r="G24503" s="16">
        <v>0</v>
      </c>
    </row>
    <row r="24504" spans="1:7" x14ac:dyDescent="0.3">
      <c r="A24504" s="13" t="s">
        <v>161</v>
      </c>
      <c r="B24504" s="14" t="s">
        <v>1</v>
      </c>
      <c r="C24504" s="14" t="s">
        <v>51</v>
      </c>
      <c r="D24504" s="14" t="s">
        <v>142</v>
      </c>
      <c r="E24504" s="15">
        <v>45425</v>
      </c>
      <c r="F24504" s="14" t="s">
        <v>28</v>
      </c>
      <c r="G24504" s="16">
        <v>0</v>
      </c>
    </row>
    <row r="24505" spans="1:7" x14ac:dyDescent="0.3">
      <c r="A24505" s="13" t="s">
        <v>161</v>
      </c>
      <c r="B24505" s="14" t="s">
        <v>1</v>
      </c>
      <c r="C24505" s="14" t="s">
        <v>51</v>
      </c>
      <c r="D24505" s="14" t="s">
        <v>142</v>
      </c>
      <c r="E24505" s="15">
        <v>45426</v>
      </c>
      <c r="F24505" s="14" t="s">
        <v>28</v>
      </c>
      <c r="G24505" s="16">
        <v>0</v>
      </c>
    </row>
    <row r="24506" spans="1:7" x14ac:dyDescent="0.3">
      <c r="A24506" s="13" t="s">
        <v>161</v>
      </c>
      <c r="B24506" s="14" t="s">
        <v>1</v>
      </c>
      <c r="C24506" s="14" t="s">
        <v>51</v>
      </c>
      <c r="D24506" s="14" t="s">
        <v>142</v>
      </c>
      <c r="E24506" s="15">
        <v>45427</v>
      </c>
      <c r="F24506" s="14" t="s">
        <v>28</v>
      </c>
      <c r="G24506" s="16">
        <v>0</v>
      </c>
    </row>
    <row r="24507" spans="1:7" x14ac:dyDescent="0.3">
      <c r="A24507" s="13" t="s">
        <v>161</v>
      </c>
      <c r="B24507" s="14" t="s">
        <v>1</v>
      </c>
      <c r="C24507" s="14" t="s">
        <v>51</v>
      </c>
      <c r="D24507" s="14" t="s">
        <v>142</v>
      </c>
      <c r="E24507" s="15">
        <v>45428</v>
      </c>
      <c r="F24507" s="14" t="s">
        <v>28</v>
      </c>
      <c r="G24507" s="16">
        <v>0</v>
      </c>
    </row>
    <row r="24508" spans="1:7" x14ac:dyDescent="0.3">
      <c r="A24508" s="13" t="s">
        <v>161</v>
      </c>
      <c r="B24508" s="14" t="s">
        <v>1</v>
      </c>
      <c r="C24508" s="14" t="s">
        <v>51</v>
      </c>
      <c r="D24508" s="14" t="s">
        <v>142</v>
      </c>
      <c r="E24508" s="15">
        <v>45429</v>
      </c>
      <c r="F24508" s="14" t="s">
        <v>28</v>
      </c>
      <c r="G24508" s="16">
        <v>0</v>
      </c>
    </row>
    <row r="24509" spans="1:7" x14ac:dyDescent="0.3">
      <c r="A24509" s="13" t="s">
        <v>161</v>
      </c>
      <c r="B24509" s="14" t="s">
        <v>1</v>
      </c>
      <c r="C24509" s="14" t="s">
        <v>51</v>
      </c>
      <c r="D24509" s="14" t="s">
        <v>142</v>
      </c>
      <c r="E24509" s="15">
        <v>45430</v>
      </c>
      <c r="F24509" s="14" t="s">
        <v>28</v>
      </c>
      <c r="G24509" s="16">
        <v>0</v>
      </c>
    </row>
    <row r="24510" spans="1:7" x14ac:dyDescent="0.3">
      <c r="A24510" s="13" t="s">
        <v>161</v>
      </c>
      <c r="B24510" s="14" t="s">
        <v>1</v>
      </c>
      <c r="C24510" s="14" t="s">
        <v>51</v>
      </c>
      <c r="D24510" s="14" t="s">
        <v>142</v>
      </c>
      <c r="E24510" s="15">
        <v>45431</v>
      </c>
      <c r="F24510" s="14" t="s">
        <v>28</v>
      </c>
      <c r="G24510" s="16">
        <v>0</v>
      </c>
    </row>
    <row r="24511" spans="1:7" x14ac:dyDescent="0.3">
      <c r="A24511" s="13" t="s">
        <v>161</v>
      </c>
      <c r="B24511" s="14" t="s">
        <v>1</v>
      </c>
      <c r="C24511" s="14" t="s">
        <v>51</v>
      </c>
      <c r="D24511" s="14" t="s">
        <v>142</v>
      </c>
      <c r="E24511" s="15">
        <v>45432</v>
      </c>
      <c r="F24511" s="14" t="s">
        <v>28</v>
      </c>
      <c r="G24511" s="16">
        <v>0</v>
      </c>
    </row>
    <row r="24512" spans="1:7" x14ac:dyDescent="0.3">
      <c r="A24512" s="13" t="s">
        <v>161</v>
      </c>
      <c r="B24512" s="14" t="s">
        <v>1</v>
      </c>
      <c r="C24512" s="14" t="s">
        <v>51</v>
      </c>
      <c r="D24512" s="14" t="s">
        <v>142</v>
      </c>
      <c r="E24512" s="15">
        <v>45433</v>
      </c>
      <c r="F24512" s="14" t="s">
        <v>28</v>
      </c>
      <c r="G24512" s="16">
        <v>0</v>
      </c>
    </row>
    <row r="24513" spans="1:7" x14ac:dyDescent="0.3">
      <c r="A24513" s="13" t="s">
        <v>161</v>
      </c>
      <c r="B24513" s="14" t="s">
        <v>1</v>
      </c>
      <c r="C24513" s="14" t="s">
        <v>51</v>
      </c>
      <c r="D24513" s="14" t="s">
        <v>142</v>
      </c>
      <c r="E24513" s="15">
        <v>45434</v>
      </c>
      <c r="F24513" s="14" t="s">
        <v>28</v>
      </c>
      <c r="G24513" s="16">
        <v>0</v>
      </c>
    </row>
    <row r="24514" spans="1:7" x14ac:dyDescent="0.3">
      <c r="A24514" s="13" t="s">
        <v>161</v>
      </c>
      <c r="B24514" s="14" t="s">
        <v>1</v>
      </c>
      <c r="C24514" s="14" t="s">
        <v>51</v>
      </c>
      <c r="D24514" s="14" t="s">
        <v>142</v>
      </c>
      <c r="E24514" s="15">
        <v>45435</v>
      </c>
      <c r="F24514" s="14" t="s">
        <v>28</v>
      </c>
      <c r="G24514" s="16">
        <v>0</v>
      </c>
    </row>
    <row r="24515" spans="1:7" x14ac:dyDescent="0.3">
      <c r="A24515" s="13" t="s">
        <v>161</v>
      </c>
      <c r="B24515" s="14" t="s">
        <v>1</v>
      </c>
      <c r="C24515" s="14" t="s">
        <v>51</v>
      </c>
      <c r="D24515" s="14" t="s">
        <v>142</v>
      </c>
      <c r="E24515" s="15">
        <v>45436</v>
      </c>
      <c r="F24515" s="14" t="s">
        <v>28</v>
      </c>
      <c r="G24515" s="16">
        <v>0</v>
      </c>
    </row>
    <row r="24516" spans="1:7" x14ac:dyDescent="0.3">
      <c r="A24516" s="13" t="s">
        <v>161</v>
      </c>
      <c r="B24516" s="14" t="s">
        <v>1</v>
      </c>
      <c r="C24516" s="14" t="s">
        <v>51</v>
      </c>
      <c r="D24516" s="14" t="s">
        <v>142</v>
      </c>
      <c r="E24516" s="15">
        <v>45437</v>
      </c>
      <c r="F24516" s="14" t="s">
        <v>28</v>
      </c>
      <c r="G24516" s="16">
        <v>0</v>
      </c>
    </row>
    <row r="24517" spans="1:7" x14ac:dyDescent="0.3">
      <c r="A24517" s="13" t="s">
        <v>161</v>
      </c>
      <c r="B24517" s="14" t="s">
        <v>1</v>
      </c>
      <c r="C24517" s="14" t="s">
        <v>51</v>
      </c>
      <c r="D24517" s="14" t="s">
        <v>142</v>
      </c>
      <c r="E24517" s="15">
        <v>45438</v>
      </c>
      <c r="F24517" s="14" t="s">
        <v>28</v>
      </c>
      <c r="G24517" s="16">
        <v>0</v>
      </c>
    </row>
    <row r="24518" spans="1:7" x14ac:dyDescent="0.3">
      <c r="A24518" s="13" t="s">
        <v>161</v>
      </c>
      <c r="B24518" s="14" t="s">
        <v>1</v>
      </c>
      <c r="C24518" s="14" t="s">
        <v>51</v>
      </c>
      <c r="D24518" s="14" t="s">
        <v>142</v>
      </c>
      <c r="E24518" s="15">
        <v>45439</v>
      </c>
      <c r="F24518" s="14" t="s">
        <v>28</v>
      </c>
      <c r="G24518" s="16">
        <v>0</v>
      </c>
    </row>
    <row r="24519" spans="1:7" x14ac:dyDescent="0.3">
      <c r="A24519" s="13" t="s">
        <v>161</v>
      </c>
      <c r="B24519" s="14" t="s">
        <v>1</v>
      </c>
      <c r="C24519" s="14" t="s">
        <v>51</v>
      </c>
      <c r="D24519" s="14" t="s">
        <v>142</v>
      </c>
      <c r="E24519" s="15">
        <v>45440</v>
      </c>
      <c r="F24519" s="14" t="s">
        <v>28</v>
      </c>
      <c r="G24519" s="16">
        <v>0</v>
      </c>
    </row>
    <row r="24520" spans="1:7" x14ac:dyDescent="0.3">
      <c r="A24520" s="13" t="s">
        <v>161</v>
      </c>
      <c r="B24520" s="14" t="s">
        <v>1</v>
      </c>
      <c r="C24520" s="14" t="s">
        <v>51</v>
      </c>
      <c r="D24520" s="14" t="s">
        <v>142</v>
      </c>
      <c r="E24520" s="15">
        <v>45441</v>
      </c>
      <c r="F24520" s="14" t="s">
        <v>28</v>
      </c>
      <c r="G24520" s="16">
        <v>0</v>
      </c>
    </row>
    <row r="24521" spans="1:7" x14ac:dyDescent="0.3">
      <c r="A24521" s="13" t="s">
        <v>161</v>
      </c>
      <c r="B24521" s="14" t="s">
        <v>1</v>
      </c>
      <c r="C24521" s="14" t="s">
        <v>51</v>
      </c>
      <c r="D24521" s="14" t="s">
        <v>142</v>
      </c>
      <c r="E24521" s="15">
        <v>45442</v>
      </c>
      <c r="F24521" s="14" t="s">
        <v>28</v>
      </c>
      <c r="G24521" s="16">
        <v>0</v>
      </c>
    </row>
    <row r="24522" spans="1:7" x14ac:dyDescent="0.3">
      <c r="A24522" s="13" t="s">
        <v>161</v>
      </c>
      <c r="B24522" s="14" t="s">
        <v>1</v>
      </c>
      <c r="C24522" s="14" t="s">
        <v>51</v>
      </c>
      <c r="D24522" s="14" t="s">
        <v>142</v>
      </c>
      <c r="E24522" s="15">
        <v>45443</v>
      </c>
      <c r="F24522" s="14" t="s">
        <v>28</v>
      </c>
      <c r="G24522" s="16">
        <v>0</v>
      </c>
    </row>
    <row r="24523" spans="1:7" x14ac:dyDescent="0.3">
      <c r="A24523" s="13" t="s">
        <v>161</v>
      </c>
      <c r="B24523" s="14" t="s">
        <v>1</v>
      </c>
      <c r="C24523" s="14" t="s">
        <v>51</v>
      </c>
      <c r="D24523" s="14" t="s">
        <v>142</v>
      </c>
      <c r="E24523" s="15">
        <v>45444</v>
      </c>
      <c r="F24523" s="14" t="s">
        <v>28</v>
      </c>
      <c r="G24523" s="16">
        <v>0</v>
      </c>
    </row>
    <row r="24524" spans="1:7" x14ac:dyDescent="0.3">
      <c r="A24524" s="13" t="s">
        <v>161</v>
      </c>
      <c r="B24524" s="14" t="s">
        <v>1</v>
      </c>
      <c r="C24524" s="14" t="s">
        <v>51</v>
      </c>
      <c r="D24524" s="14" t="s">
        <v>142</v>
      </c>
      <c r="E24524" s="15">
        <v>45445</v>
      </c>
      <c r="F24524" s="14" t="s">
        <v>28</v>
      </c>
      <c r="G24524" s="16">
        <v>0</v>
      </c>
    </row>
    <row r="24525" spans="1:7" x14ac:dyDescent="0.3">
      <c r="A24525" s="13" t="s">
        <v>161</v>
      </c>
      <c r="B24525" s="14" t="s">
        <v>1</v>
      </c>
      <c r="C24525" s="14" t="s">
        <v>51</v>
      </c>
      <c r="D24525" s="14" t="s">
        <v>142</v>
      </c>
      <c r="E24525" s="15">
        <v>45446</v>
      </c>
      <c r="F24525" s="14" t="s">
        <v>28</v>
      </c>
      <c r="G24525" s="16">
        <v>0</v>
      </c>
    </row>
    <row r="24526" spans="1:7" x14ac:dyDescent="0.3">
      <c r="A24526" s="13" t="s">
        <v>161</v>
      </c>
      <c r="B24526" s="14" t="s">
        <v>1</v>
      </c>
      <c r="C24526" s="14" t="s">
        <v>51</v>
      </c>
      <c r="D24526" s="14" t="s">
        <v>142</v>
      </c>
      <c r="E24526" s="15">
        <v>45447</v>
      </c>
      <c r="F24526" s="14" t="s">
        <v>28</v>
      </c>
      <c r="G24526" s="16">
        <v>0</v>
      </c>
    </row>
    <row r="24527" spans="1:7" x14ac:dyDescent="0.3">
      <c r="A24527" s="13" t="s">
        <v>161</v>
      </c>
      <c r="B24527" s="14" t="s">
        <v>1</v>
      </c>
      <c r="C24527" s="14" t="s">
        <v>51</v>
      </c>
      <c r="D24527" s="14" t="s">
        <v>142</v>
      </c>
      <c r="E24527" s="15">
        <v>45448</v>
      </c>
      <c r="F24527" s="14" t="s">
        <v>28</v>
      </c>
      <c r="G24527" s="16">
        <v>0</v>
      </c>
    </row>
    <row r="24528" spans="1:7" x14ac:dyDescent="0.3">
      <c r="A24528" s="13" t="s">
        <v>161</v>
      </c>
      <c r="B24528" s="14" t="s">
        <v>1</v>
      </c>
      <c r="C24528" s="14" t="s">
        <v>51</v>
      </c>
      <c r="D24528" s="14" t="s">
        <v>142</v>
      </c>
      <c r="E24528" s="15">
        <v>45449</v>
      </c>
      <c r="F24528" s="14" t="s">
        <v>28</v>
      </c>
      <c r="G24528" s="16">
        <v>0</v>
      </c>
    </row>
    <row r="24529" spans="1:7" x14ac:dyDescent="0.3">
      <c r="A24529" s="13" t="s">
        <v>161</v>
      </c>
      <c r="B24529" s="14" t="s">
        <v>1</v>
      </c>
      <c r="C24529" s="14" t="s">
        <v>51</v>
      </c>
      <c r="D24529" s="14" t="s">
        <v>142</v>
      </c>
      <c r="E24529" s="15">
        <v>45450</v>
      </c>
      <c r="F24529" s="14" t="s">
        <v>28</v>
      </c>
      <c r="G24529" s="16">
        <v>0</v>
      </c>
    </row>
    <row r="24530" spans="1:7" x14ac:dyDescent="0.3">
      <c r="A24530" s="13" t="s">
        <v>161</v>
      </c>
      <c r="B24530" s="14" t="s">
        <v>1</v>
      </c>
      <c r="C24530" s="14" t="s">
        <v>51</v>
      </c>
      <c r="D24530" s="14" t="s">
        <v>142</v>
      </c>
      <c r="E24530" s="15">
        <v>45451</v>
      </c>
      <c r="F24530" s="14" t="s">
        <v>28</v>
      </c>
      <c r="G24530" s="16">
        <v>0</v>
      </c>
    </row>
    <row r="24531" spans="1:7" x14ac:dyDescent="0.3">
      <c r="A24531" s="13" t="s">
        <v>161</v>
      </c>
      <c r="B24531" s="14" t="s">
        <v>1</v>
      </c>
      <c r="C24531" s="14" t="s">
        <v>51</v>
      </c>
      <c r="D24531" s="14" t="s">
        <v>142</v>
      </c>
      <c r="E24531" s="15">
        <v>45452</v>
      </c>
      <c r="F24531" s="14" t="s">
        <v>28</v>
      </c>
      <c r="G24531" s="16">
        <v>0</v>
      </c>
    </row>
    <row r="24532" spans="1:7" x14ac:dyDescent="0.3">
      <c r="A24532" s="13" t="s">
        <v>161</v>
      </c>
      <c r="B24532" s="14" t="s">
        <v>1</v>
      </c>
      <c r="C24532" s="14" t="s">
        <v>51</v>
      </c>
      <c r="D24532" s="14" t="s">
        <v>142</v>
      </c>
      <c r="E24532" s="15">
        <v>45453</v>
      </c>
      <c r="F24532" s="14" t="s">
        <v>28</v>
      </c>
      <c r="G24532" s="16">
        <v>0</v>
      </c>
    </row>
    <row r="24533" spans="1:7" x14ac:dyDescent="0.3">
      <c r="A24533" s="13" t="s">
        <v>161</v>
      </c>
      <c r="B24533" s="14" t="s">
        <v>1</v>
      </c>
      <c r="C24533" s="14" t="s">
        <v>51</v>
      </c>
      <c r="D24533" s="14" t="s">
        <v>142</v>
      </c>
      <c r="E24533" s="15">
        <v>45454</v>
      </c>
      <c r="F24533" s="14" t="s">
        <v>28</v>
      </c>
      <c r="G24533" s="16">
        <v>0</v>
      </c>
    </row>
    <row r="24534" spans="1:7" x14ac:dyDescent="0.3">
      <c r="A24534" s="13" t="s">
        <v>161</v>
      </c>
      <c r="B24534" s="14" t="s">
        <v>1</v>
      </c>
      <c r="C24534" s="14" t="s">
        <v>51</v>
      </c>
      <c r="D24534" s="14" t="s">
        <v>142</v>
      </c>
      <c r="E24534" s="15">
        <v>45455</v>
      </c>
      <c r="F24534" s="14" t="s">
        <v>28</v>
      </c>
      <c r="G24534" s="16">
        <v>0</v>
      </c>
    </row>
    <row r="24535" spans="1:7" x14ac:dyDescent="0.3">
      <c r="A24535" s="13" t="s">
        <v>161</v>
      </c>
      <c r="B24535" s="14" t="s">
        <v>1</v>
      </c>
      <c r="C24535" s="14" t="s">
        <v>51</v>
      </c>
      <c r="D24535" s="14" t="s">
        <v>142</v>
      </c>
      <c r="E24535" s="15">
        <v>45456</v>
      </c>
      <c r="F24535" s="14" t="s">
        <v>28</v>
      </c>
      <c r="G24535" s="16">
        <v>0</v>
      </c>
    </row>
    <row r="24536" spans="1:7" x14ac:dyDescent="0.3">
      <c r="A24536" s="13" t="s">
        <v>161</v>
      </c>
      <c r="B24536" s="14" t="s">
        <v>1</v>
      </c>
      <c r="C24536" s="14" t="s">
        <v>51</v>
      </c>
      <c r="D24536" s="14" t="s">
        <v>142</v>
      </c>
      <c r="E24536" s="15">
        <v>45457</v>
      </c>
      <c r="F24536" s="14" t="s">
        <v>28</v>
      </c>
      <c r="G24536" s="16">
        <v>0</v>
      </c>
    </row>
    <row r="24537" spans="1:7" x14ac:dyDescent="0.3">
      <c r="A24537" s="13" t="s">
        <v>161</v>
      </c>
      <c r="B24537" s="14" t="s">
        <v>1</v>
      </c>
      <c r="C24537" s="14" t="s">
        <v>51</v>
      </c>
      <c r="D24537" s="14" t="s">
        <v>142</v>
      </c>
      <c r="E24537" s="15">
        <v>45458</v>
      </c>
      <c r="F24537" s="14" t="s">
        <v>28</v>
      </c>
      <c r="G24537" s="16">
        <v>0</v>
      </c>
    </row>
    <row r="24538" spans="1:7" x14ac:dyDescent="0.3">
      <c r="A24538" s="13" t="s">
        <v>161</v>
      </c>
      <c r="B24538" s="14" t="s">
        <v>1</v>
      </c>
      <c r="C24538" s="14" t="s">
        <v>51</v>
      </c>
      <c r="D24538" s="14" t="s">
        <v>142</v>
      </c>
      <c r="E24538" s="15">
        <v>45459</v>
      </c>
      <c r="F24538" s="14" t="s">
        <v>28</v>
      </c>
      <c r="G24538" s="16">
        <v>0</v>
      </c>
    </row>
    <row r="24539" spans="1:7" x14ac:dyDescent="0.3">
      <c r="A24539" s="13" t="s">
        <v>161</v>
      </c>
      <c r="B24539" s="14" t="s">
        <v>1</v>
      </c>
      <c r="C24539" s="14" t="s">
        <v>51</v>
      </c>
      <c r="D24539" s="14" t="s">
        <v>142</v>
      </c>
      <c r="E24539" s="15">
        <v>45460</v>
      </c>
      <c r="F24539" s="14" t="s">
        <v>28</v>
      </c>
      <c r="G24539" s="16">
        <v>0</v>
      </c>
    </row>
    <row r="24540" spans="1:7" x14ac:dyDescent="0.3">
      <c r="A24540" s="13" t="s">
        <v>161</v>
      </c>
      <c r="B24540" s="14" t="s">
        <v>1</v>
      </c>
      <c r="C24540" s="14" t="s">
        <v>51</v>
      </c>
      <c r="D24540" s="14" t="s">
        <v>142</v>
      </c>
      <c r="E24540" s="15">
        <v>45461</v>
      </c>
      <c r="F24540" s="14" t="s">
        <v>28</v>
      </c>
      <c r="G24540" s="16">
        <v>0</v>
      </c>
    </row>
    <row r="24541" spans="1:7" x14ac:dyDescent="0.3">
      <c r="A24541" s="13" t="s">
        <v>161</v>
      </c>
      <c r="B24541" s="14" t="s">
        <v>1</v>
      </c>
      <c r="C24541" s="14" t="s">
        <v>51</v>
      </c>
      <c r="D24541" s="14" t="s">
        <v>142</v>
      </c>
      <c r="E24541" s="15">
        <v>45462</v>
      </c>
      <c r="F24541" s="14" t="s">
        <v>28</v>
      </c>
      <c r="G24541" s="16">
        <v>0</v>
      </c>
    </row>
    <row r="24542" spans="1:7" x14ac:dyDescent="0.3">
      <c r="A24542" s="13" t="s">
        <v>161</v>
      </c>
      <c r="B24542" s="14" t="s">
        <v>1</v>
      </c>
      <c r="C24542" s="14" t="s">
        <v>51</v>
      </c>
      <c r="D24542" s="14" t="s">
        <v>142</v>
      </c>
      <c r="E24542" s="15">
        <v>45463</v>
      </c>
      <c r="F24542" s="14" t="s">
        <v>28</v>
      </c>
      <c r="G24542" s="16">
        <v>0</v>
      </c>
    </row>
    <row r="24543" spans="1:7" x14ac:dyDescent="0.3">
      <c r="A24543" s="13" t="s">
        <v>161</v>
      </c>
      <c r="B24543" s="14" t="s">
        <v>1</v>
      </c>
      <c r="C24543" s="14" t="s">
        <v>51</v>
      </c>
      <c r="D24543" s="14" t="s">
        <v>142</v>
      </c>
      <c r="E24543" s="15">
        <v>45464</v>
      </c>
      <c r="F24543" s="14" t="s">
        <v>28</v>
      </c>
      <c r="G24543" s="16">
        <v>0</v>
      </c>
    </row>
    <row r="24544" spans="1:7" x14ac:dyDescent="0.3">
      <c r="A24544" s="13" t="s">
        <v>161</v>
      </c>
      <c r="B24544" s="14" t="s">
        <v>1</v>
      </c>
      <c r="C24544" s="14" t="s">
        <v>51</v>
      </c>
      <c r="D24544" s="14" t="s">
        <v>142</v>
      </c>
      <c r="E24544" s="15">
        <v>45465</v>
      </c>
      <c r="F24544" s="14" t="s">
        <v>28</v>
      </c>
      <c r="G24544" s="16">
        <v>0</v>
      </c>
    </row>
    <row r="24545" spans="1:7" x14ac:dyDescent="0.3">
      <c r="A24545" s="13" t="s">
        <v>161</v>
      </c>
      <c r="B24545" s="14" t="s">
        <v>1</v>
      </c>
      <c r="C24545" s="14" t="s">
        <v>51</v>
      </c>
      <c r="D24545" s="14" t="s">
        <v>142</v>
      </c>
      <c r="E24545" s="15">
        <v>45466</v>
      </c>
      <c r="F24545" s="14" t="s">
        <v>28</v>
      </c>
      <c r="G24545" s="16">
        <v>0</v>
      </c>
    </row>
    <row r="24546" spans="1:7" x14ac:dyDescent="0.3">
      <c r="A24546" s="13" t="s">
        <v>161</v>
      </c>
      <c r="B24546" s="14" t="s">
        <v>1</v>
      </c>
      <c r="C24546" s="14" t="s">
        <v>51</v>
      </c>
      <c r="D24546" s="14" t="s">
        <v>142</v>
      </c>
      <c r="E24546" s="15">
        <v>45467</v>
      </c>
      <c r="F24546" s="14" t="s">
        <v>28</v>
      </c>
      <c r="G24546" s="16">
        <v>0</v>
      </c>
    </row>
    <row r="24547" spans="1:7" x14ac:dyDescent="0.3">
      <c r="A24547" s="13" t="s">
        <v>161</v>
      </c>
      <c r="B24547" s="14" t="s">
        <v>1</v>
      </c>
      <c r="C24547" s="14" t="s">
        <v>51</v>
      </c>
      <c r="D24547" s="14" t="s">
        <v>142</v>
      </c>
      <c r="E24547" s="15">
        <v>45468</v>
      </c>
      <c r="F24547" s="14" t="s">
        <v>28</v>
      </c>
      <c r="G24547" s="16">
        <v>0</v>
      </c>
    </row>
    <row r="24548" spans="1:7" x14ac:dyDescent="0.3">
      <c r="A24548" s="13" t="s">
        <v>161</v>
      </c>
      <c r="B24548" s="14" t="s">
        <v>1</v>
      </c>
      <c r="C24548" s="14" t="s">
        <v>51</v>
      </c>
      <c r="D24548" s="14" t="s">
        <v>142</v>
      </c>
      <c r="E24548" s="15">
        <v>45469</v>
      </c>
      <c r="F24548" s="14" t="s">
        <v>28</v>
      </c>
      <c r="G24548" s="16">
        <v>0</v>
      </c>
    </row>
    <row r="24549" spans="1:7" x14ac:dyDescent="0.3">
      <c r="A24549" s="13" t="s">
        <v>161</v>
      </c>
      <c r="B24549" s="14" t="s">
        <v>1</v>
      </c>
      <c r="C24549" s="14" t="s">
        <v>51</v>
      </c>
      <c r="D24549" s="14" t="s">
        <v>142</v>
      </c>
      <c r="E24549" s="15">
        <v>45470</v>
      </c>
      <c r="F24549" s="14" t="s">
        <v>28</v>
      </c>
      <c r="G24549" s="16">
        <v>0</v>
      </c>
    </row>
    <row r="24550" spans="1:7" x14ac:dyDescent="0.3">
      <c r="A24550" s="13" t="s">
        <v>161</v>
      </c>
      <c r="B24550" s="14" t="s">
        <v>1</v>
      </c>
      <c r="C24550" s="14" t="s">
        <v>51</v>
      </c>
      <c r="D24550" s="14" t="s">
        <v>142</v>
      </c>
      <c r="E24550" s="15">
        <v>45471</v>
      </c>
      <c r="F24550" s="14" t="s">
        <v>28</v>
      </c>
      <c r="G24550" s="16">
        <v>0</v>
      </c>
    </row>
    <row r="24551" spans="1:7" x14ac:dyDescent="0.3">
      <c r="A24551" s="13" t="s">
        <v>161</v>
      </c>
      <c r="B24551" s="14" t="s">
        <v>1</v>
      </c>
      <c r="C24551" s="14" t="s">
        <v>51</v>
      </c>
      <c r="D24551" s="14" t="s">
        <v>142</v>
      </c>
      <c r="E24551" s="15">
        <v>45472</v>
      </c>
      <c r="F24551" s="14" t="s">
        <v>28</v>
      </c>
      <c r="G24551" s="16">
        <v>0</v>
      </c>
    </row>
    <row r="24552" spans="1:7" x14ac:dyDescent="0.3">
      <c r="A24552" s="13" t="s">
        <v>161</v>
      </c>
      <c r="B24552" s="14" t="s">
        <v>1</v>
      </c>
      <c r="C24552" s="14" t="s">
        <v>51</v>
      </c>
      <c r="D24552" s="14" t="s">
        <v>142</v>
      </c>
      <c r="E24552" s="15">
        <v>45473</v>
      </c>
      <c r="F24552" s="14" t="s">
        <v>28</v>
      </c>
      <c r="G24552" s="16">
        <v>0</v>
      </c>
    </row>
    <row r="24553" spans="1:7" x14ac:dyDescent="0.3">
      <c r="A24553" s="13" t="s">
        <v>161</v>
      </c>
      <c r="B24553" s="14" t="s">
        <v>1</v>
      </c>
      <c r="C24553" s="14" t="s">
        <v>51</v>
      </c>
      <c r="D24553" s="14" t="s">
        <v>142</v>
      </c>
      <c r="E24553" s="15">
        <v>45474</v>
      </c>
      <c r="F24553" s="14" t="s">
        <v>28</v>
      </c>
      <c r="G24553" s="16">
        <v>0</v>
      </c>
    </row>
    <row r="24554" spans="1:7" x14ac:dyDescent="0.3">
      <c r="A24554" s="13" t="s">
        <v>161</v>
      </c>
      <c r="B24554" s="14" t="s">
        <v>1</v>
      </c>
      <c r="C24554" s="14" t="s">
        <v>51</v>
      </c>
      <c r="D24554" s="14" t="s">
        <v>142</v>
      </c>
      <c r="E24554" s="15">
        <v>45475</v>
      </c>
      <c r="F24554" s="14" t="s">
        <v>28</v>
      </c>
      <c r="G24554" s="16">
        <v>0</v>
      </c>
    </row>
    <row r="24555" spans="1:7" x14ac:dyDescent="0.3">
      <c r="A24555" s="13" t="s">
        <v>161</v>
      </c>
      <c r="B24555" s="14" t="s">
        <v>1</v>
      </c>
      <c r="C24555" s="14" t="s">
        <v>51</v>
      </c>
      <c r="D24555" s="14" t="s">
        <v>142</v>
      </c>
      <c r="E24555" s="15">
        <v>45476</v>
      </c>
      <c r="F24555" s="14" t="s">
        <v>28</v>
      </c>
      <c r="G24555" s="16">
        <v>0</v>
      </c>
    </row>
    <row r="24556" spans="1:7" x14ac:dyDescent="0.3">
      <c r="A24556" s="13" t="s">
        <v>161</v>
      </c>
      <c r="B24556" s="14" t="s">
        <v>1</v>
      </c>
      <c r="C24556" s="14" t="s">
        <v>51</v>
      </c>
      <c r="D24556" s="14" t="s">
        <v>142</v>
      </c>
      <c r="E24556" s="15">
        <v>45477</v>
      </c>
      <c r="F24556" s="14" t="s">
        <v>28</v>
      </c>
      <c r="G24556" s="16">
        <v>0</v>
      </c>
    </row>
    <row r="24557" spans="1:7" x14ac:dyDescent="0.3">
      <c r="A24557" s="13" t="s">
        <v>161</v>
      </c>
      <c r="B24557" s="14" t="s">
        <v>1</v>
      </c>
      <c r="C24557" s="14" t="s">
        <v>51</v>
      </c>
      <c r="D24557" s="14" t="s">
        <v>142</v>
      </c>
      <c r="E24557" s="15">
        <v>45478</v>
      </c>
      <c r="F24557" s="14" t="s">
        <v>28</v>
      </c>
      <c r="G24557" s="16">
        <v>0</v>
      </c>
    </row>
    <row r="24558" spans="1:7" x14ac:dyDescent="0.3">
      <c r="A24558" s="13" t="s">
        <v>161</v>
      </c>
      <c r="B24558" s="14" t="s">
        <v>1</v>
      </c>
      <c r="C24558" s="14" t="s">
        <v>51</v>
      </c>
      <c r="D24558" s="14" t="s">
        <v>142</v>
      </c>
      <c r="E24558" s="15">
        <v>45479</v>
      </c>
      <c r="F24558" s="14" t="s">
        <v>28</v>
      </c>
      <c r="G24558" s="16">
        <v>0</v>
      </c>
    </row>
    <row r="24559" spans="1:7" x14ac:dyDescent="0.3">
      <c r="A24559" s="13" t="s">
        <v>161</v>
      </c>
      <c r="B24559" s="14" t="s">
        <v>1</v>
      </c>
      <c r="C24559" s="14" t="s">
        <v>51</v>
      </c>
      <c r="D24559" s="14" t="s">
        <v>142</v>
      </c>
      <c r="E24559" s="15">
        <v>45480</v>
      </c>
      <c r="F24559" s="14" t="s">
        <v>28</v>
      </c>
      <c r="G24559" s="16">
        <v>0</v>
      </c>
    </row>
    <row r="24560" spans="1:7" x14ac:dyDescent="0.3">
      <c r="A24560" s="13" t="s">
        <v>161</v>
      </c>
      <c r="B24560" s="14" t="s">
        <v>1</v>
      </c>
      <c r="C24560" s="14" t="s">
        <v>51</v>
      </c>
      <c r="D24560" s="14" t="s">
        <v>142</v>
      </c>
      <c r="E24560" s="15">
        <v>45481</v>
      </c>
      <c r="F24560" s="14" t="s">
        <v>28</v>
      </c>
      <c r="G24560" s="16">
        <v>0</v>
      </c>
    </row>
    <row r="24561" spans="1:7" x14ac:dyDescent="0.3">
      <c r="A24561" s="13" t="s">
        <v>161</v>
      </c>
      <c r="B24561" s="14" t="s">
        <v>1</v>
      </c>
      <c r="C24561" s="14" t="s">
        <v>51</v>
      </c>
      <c r="D24561" s="14" t="s">
        <v>142</v>
      </c>
      <c r="E24561" s="15">
        <v>45482</v>
      </c>
      <c r="F24561" s="14" t="s">
        <v>28</v>
      </c>
      <c r="G24561" s="16">
        <v>0</v>
      </c>
    </row>
    <row r="24562" spans="1:7" x14ac:dyDescent="0.3">
      <c r="A24562" s="13" t="s">
        <v>161</v>
      </c>
      <c r="B24562" s="14" t="s">
        <v>1</v>
      </c>
      <c r="C24562" s="14" t="s">
        <v>51</v>
      </c>
      <c r="D24562" s="14" t="s">
        <v>142</v>
      </c>
      <c r="E24562" s="15">
        <v>45483</v>
      </c>
      <c r="F24562" s="14" t="s">
        <v>28</v>
      </c>
      <c r="G24562" s="16">
        <v>0</v>
      </c>
    </row>
    <row r="24563" spans="1:7" x14ac:dyDescent="0.3">
      <c r="A24563" s="13" t="s">
        <v>161</v>
      </c>
      <c r="B24563" s="14" t="s">
        <v>1</v>
      </c>
      <c r="C24563" s="14" t="s">
        <v>51</v>
      </c>
      <c r="D24563" s="14" t="s">
        <v>142</v>
      </c>
      <c r="E24563" s="15">
        <v>45484</v>
      </c>
      <c r="F24563" s="14" t="s">
        <v>28</v>
      </c>
      <c r="G24563" s="16">
        <v>0</v>
      </c>
    </row>
    <row r="24564" spans="1:7" x14ac:dyDescent="0.3">
      <c r="A24564" s="13" t="s">
        <v>161</v>
      </c>
      <c r="B24564" s="14" t="s">
        <v>1</v>
      </c>
      <c r="C24564" s="14" t="s">
        <v>51</v>
      </c>
      <c r="D24564" s="14" t="s">
        <v>142</v>
      </c>
      <c r="E24564" s="15">
        <v>45485</v>
      </c>
      <c r="F24564" s="14" t="s">
        <v>28</v>
      </c>
      <c r="G24564" s="16">
        <v>0</v>
      </c>
    </row>
    <row r="24565" spans="1:7" x14ac:dyDescent="0.3">
      <c r="A24565" s="13" t="s">
        <v>161</v>
      </c>
      <c r="B24565" s="14" t="s">
        <v>1</v>
      </c>
      <c r="C24565" s="14" t="s">
        <v>51</v>
      </c>
      <c r="D24565" s="14" t="s">
        <v>142</v>
      </c>
      <c r="E24565" s="15">
        <v>45486</v>
      </c>
      <c r="F24565" s="14" t="s">
        <v>28</v>
      </c>
      <c r="G24565" s="16">
        <v>0</v>
      </c>
    </row>
    <row r="24566" spans="1:7" x14ac:dyDescent="0.3">
      <c r="A24566" s="13" t="s">
        <v>161</v>
      </c>
      <c r="B24566" s="14" t="s">
        <v>1</v>
      </c>
      <c r="C24566" s="14" t="s">
        <v>51</v>
      </c>
      <c r="D24566" s="14" t="s">
        <v>142</v>
      </c>
      <c r="E24566" s="15">
        <v>45487</v>
      </c>
      <c r="F24566" s="14" t="s">
        <v>28</v>
      </c>
      <c r="G24566" s="16">
        <v>0</v>
      </c>
    </row>
    <row r="24567" spans="1:7" x14ac:dyDescent="0.3">
      <c r="A24567" s="13" t="s">
        <v>161</v>
      </c>
      <c r="B24567" s="14" t="s">
        <v>1</v>
      </c>
      <c r="C24567" s="14" t="s">
        <v>51</v>
      </c>
      <c r="D24567" s="14" t="s">
        <v>142</v>
      </c>
      <c r="E24567" s="15">
        <v>45488</v>
      </c>
      <c r="F24567" s="14" t="s">
        <v>28</v>
      </c>
      <c r="G24567" s="16">
        <v>0</v>
      </c>
    </row>
    <row r="24568" spans="1:7" x14ac:dyDescent="0.3">
      <c r="A24568" s="13" t="s">
        <v>161</v>
      </c>
      <c r="B24568" s="14" t="s">
        <v>1</v>
      </c>
      <c r="C24568" s="14" t="s">
        <v>51</v>
      </c>
      <c r="D24568" s="14" t="s">
        <v>142</v>
      </c>
      <c r="E24568" s="15">
        <v>45489</v>
      </c>
      <c r="F24568" s="14" t="s">
        <v>28</v>
      </c>
      <c r="G24568" s="16">
        <v>0</v>
      </c>
    </row>
    <row r="24569" spans="1:7" x14ac:dyDescent="0.3">
      <c r="A24569" s="13" t="s">
        <v>161</v>
      </c>
      <c r="B24569" s="14" t="s">
        <v>1</v>
      </c>
      <c r="C24569" s="14" t="s">
        <v>51</v>
      </c>
      <c r="D24569" s="14" t="s">
        <v>142</v>
      </c>
      <c r="E24569" s="15">
        <v>45490</v>
      </c>
      <c r="F24569" s="14" t="s">
        <v>28</v>
      </c>
      <c r="G24569" s="16">
        <v>0</v>
      </c>
    </row>
    <row r="24570" spans="1:7" x14ac:dyDescent="0.3">
      <c r="A24570" s="13" t="s">
        <v>161</v>
      </c>
      <c r="B24570" s="14" t="s">
        <v>1</v>
      </c>
      <c r="C24570" s="14" t="s">
        <v>51</v>
      </c>
      <c r="D24570" s="14" t="s">
        <v>142</v>
      </c>
      <c r="E24570" s="15">
        <v>45491</v>
      </c>
      <c r="F24570" s="14" t="s">
        <v>28</v>
      </c>
      <c r="G24570" s="16">
        <v>0</v>
      </c>
    </row>
    <row r="24571" spans="1:7" x14ac:dyDescent="0.3">
      <c r="A24571" s="13" t="s">
        <v>161</v>
      </c>
      <c r="B24571" s="14" t="s">
        <v>1</v>
      </c>
      <c r="C24571" s="14" t="s">
        <v>51</v>
      </c>
      <c r="D24571" s="14" t="s">
        <v>142</v>
      </c>
      <c r="E24571" s="15">
        <v>45492</v>
      </c>
      <c r="F24571" s="14" t="s">
        <v>28</v>
      </c>
      <c r="G24571" s="16">
        <v>0</v>
      </c>
    </row>
    <row r="24572" spans="1:7" x14ac:dyDescent="0.3">
      <c r="A24572" s="13" t="s">
        <v>161</v>
      </c>
      <c r="B24572" s="14" t="s">
        <v>1</v>
      </c>
      <c r="C24572" s="14" t="s">
        <v>51</v>
      </c>
      <c r="D24572" s="14" t="s">
        <v>142</v>
      </c>
      <c r="E24572" s="15">
        <v>45493</v>
      </c>
      <c r="F24572" s="14" t="s">
        <v>28</v>
      </c>
      <c r="G24572" s="16">
        <v>0</v>
      </c>
    </row>
    <row r="24573" spans="1:7" x14ac:dyDescent="0.3">
      <c r="A24573" s="13" t="s">
        <v>161</v>
      </c>
      <c r="B24573" s="14" t="s">
        <v>1</v>
      </c>
      <c r="C24573" s="14" t="s">
        <v>51</v>
      </c>
      <c r="D24573" s="14" t="s">
        <v>142</v>
      </c>
      <c r="E24573" s="15">
        <v>45494</v>
      </c>
      <c r="F24573" s="14" t="s">
        <v>28</v>
      </c>
      <c r="G24573" s="16">
        <v>0</v>
      </c>
    </row>
    <row r="24574" spans="1:7" x14ac:dyDescent="0.3">
      <c r="A24574" s="13" t="s">
        <v>161</v>
      </c>
      <c r="B24574" s="14" t="s">
        <v>1</v>
      </c>
      <c r="C24574" s="14" t="s">
        <v>51</v>
      </c>
      <c r="D24574" s="14" t="s">
        <v>142</v>
      </c>
      <c r="E24574" s="15">
        <v>45495</v>
      </c>
      <c r="F24574" s="14" t="s">
        <v>28</v>
      </c>
      <c r="G24574" s="16">
        <v>0</v>
      </c>
    </row>
    <row r="24575" spans="1:7" x14ac:dyDescent="0.3">
      <c r="A24575" s="13" t="s">
        <v>161</v>
      </c>
      <c r="B24575" s="14" t="s">
        <v>1</v>
      </c>
      <c r="C24575" s="14" t="s">
        <v>51</v>
      </c>
      <c r="D24575" s="14" t="s">
        <v>142</v>
      </c>
      <c r="E24575" s="15">
        <v>45496</v>
      </c>
      <c r="F24575" s="14" t="s">
        <v>28</v>
      </c>
      <c r="G24575" s="16">
        <v>0</v>
      </c>
    </row>
    <row r="24576" spans="1:7" x14ac:dyDescent="0.3">
      <c r="A24576" s="13" t="s">
        <v>161</v>
      </c>
      <c r="B24576" s="14" t="s">
        <v>1</v>
      </c>
      <c r="C24576" s="14" t="s">
        <v>51</v>
      </c>
      <c r="D24576" s="14" t="s">
        <v>142</v>
      </c>
      <c r="E24576" s="15">
        <v>45497</v>
      </c>
      <c r="F24576" s="14" t="s">
        <v>28</v>
      </c>
      <c r="G24576" s="16">
        <v>0</v>
      </c>
    </row>
    <row r="24577" spans="1:7" x14ac:dyDescent="0.3">
      <c r="A24577" s="13" t="s">
        <v>161</v>
      </c>
      <c r="B24577" s="14" t="s">
        <v>1</v>
      </c>
      <c r="C24577" s="14" t="s">
        <v>51</v>
      </c>
      <c r="D24577" s="14" t="s">
        <v>142</v>
      </c>
      <c r="E24577" s="15">
        <v>45498</v>
      </c>
      <c r="F24577" s="14" t="s">
        <v>28</v>
      </c>
      <c r="G24577" s="16">
        <v>0</v>
      </c>
    </row>
    <row r="24578" spans="1:7" x14ac:dyDescent="0.3">
      <c r="A24578" s="13" t="s">
        <v>161</v>
      </c>
      <c r="B24578" s="14" t="s">
        <v>1</v>
      </c>
      <c r="C24578" s="14" t="s">
        <v>51</v>
      </c>
      <c r="D24578" s="14" t="s">
        <v>142</v>
      </c>
      <c r="E24578" s="15">
        <v>45499</v>
      </c>
      <c r="F24578" s="14" t="s">
        <v>28</v>
      </c>
      <c r="G24578" s="16">
        <v>0</v>
      </c>
    </row>
    <row r="24579" spans="1:7" x14ac:dyDescent="0.3">
      <c r="A24579" s="13" t="s">
        <v>161</v>
      </c>
      <c r="B24579" s="14" t="s">
        <v>1</v>
      </c>
      <c r="C24579" s="14" t="s">
        <v>51</v>
      </c>
      <c r="D24579" s="14" t="s">
        <v>142</v>
      </c>
      <c r="E24579" s="15">
        <v>45500</v>
      </c>
      <c r="F24579" s="14" t="s">
        <v>28</v>
      </c>
      <c r="G24579" s="16">
        <v>0</v>
      </c>
    </row>
    <row r="24580" spans="1:7" x14ac:dyDescent="0.3">
      <c r="A24580" s="13" t="s">
        <v>161</v>
      </c>
      <c r="B24580" s="14" t="s">
        <v>1</v>
      </c>
      <c r="C24580" s="14" t="s">
        <v>51</v>
      </c>
      <c r="D24580" s="14" t="s">
        <v>142</v>
      </c>
      <c r="E24580" s="15">
        <v>45501</v>
      </c>
      <c r="F24580" s="14" t="s">
        <v>28</v>
      </c>
      <c r="G24580" s="16">
        <v>0</v>
      </c>
    </row>
    <row r="24581" spans="1:7" x14ac:dyDescent="0.3">
      <c r="A24581" s="13" t="s">
        <v>161</v>
      </c>
      <c r="B24581" s="14" t="s">
        <v>1</v>
      </c>
      <c r="C24581" s="14" t="s">
        <v>51</v>
      </c>
      <c r="D24581" s="14" t="s">
        <v>142</v>
      </c>
      <c r="E24581" s="15">
        <v>45502</v>
      </c>
      <c r="F24581" s="14" t="s">
        <v>28</v>
      </c>
      <c r="G24581" s="16">
        <v>0</v>
      </c>
    </row>
    <row r="24582" spans="1:7" x14ac:dyDescent="0.3">
      <c r="A24582" s="13" t="s">
        <v>161</v>
      </c>
      <c r="B24582" s="14" t="s">
        <v>1</v>
      </c>
      <c r="C24582" s="14" t="s">
        <v>51</v>
      </c>
      <c r="D24582" s="14" t="s">
        <v>142</v>
      </c>
      <c r="E24582" s="15">
        <v>45503</v>
      </c>
      <c r="F24582" s="14" t="s">
        <v>28</v>
      </c>
      <c r="G24582" s="16">
        <v>0</v>
      </c>
    </row>
    <row r="24583" spans="1:7" x14ac:dyDescent="0.3">
      <c r="A24583" s="13" t="s">
        <v>161</v>
      </c>
      <c r="B24583" s="14" t="s">
        <v>1</v>
      </c>
      <c r="C24583" s="14" t="s">
        <v>51</v>
      </c>
      <c r="D24583" s="14" t="s">
        <v>142</v>
      </c>
      <c r="E24583" s="15">
        <v>45504</v>
      </c>
      <c r="F24583" s="14" t="s">
        <v>28</v>
      </c>
      <c r="G24583" s="16">
        <v>0</v>
      </c>
    </row>
    <row r="24584" spans="1:7" x14ac:dyDescent="0.3">
      <c r="A24584" s="13" t="s">
        <v>161</v>
      </c>
      <c r="B24584" s="14" t="s">
        <v>1</v>
      </c>
      <c r="C24584" s="14" t="s">
        <v>51</v>
      </c>
      <c r="D24584" s="14" t="s">
        <v>142</v>
      </c>
      <c r="E24584" s="15">
        <v>45505</v>
      </c>
      <c r="F24584" s="14" t="s">
        <v>28</v>
      </c>
      <c r="G24584" s="16">
        <v>0</v>
      </c>
    </row>
    <row r="24585" spans="1:7" x14ac:dyDescent="0.3">
      <c r="A24585" s="13" t="s">
        <v>161</v>
      </c>
      <c r="B24585" s="14" t="s">
        <v>1</v>
      </c>
      <c r="C24585" s="14" t="s">
        <v>51</v>
      </c>
      <c r="D24585" s="14" t="s">
        <v>142</v>
      </c>
      <c r="E24585" s="15">
        <v>45506</v>
      </c>
      <c r="F24585" s="14" t="s">
        <v>28</v>
      </c>
      <c r="G24585" s="16">
        <v>0</v>
      </c>
    </row>
    <row r="24586" spans="1:7" x14ac:dyDescent="0.3">
      <c r="A24586" s="13" t="s">
        <v>161</v>
      </c>
      <c r="B24586" s="14" t="s">
        <v>1</v>
      </c>
      <c r="C24586" s="14" t="s">
        <v>51</v>
      </c>
      <c r="D24586" s="14" t="s">
        <v>142</v>
      </c>
      <c r="E24586" s="15">
        <v>45507</v>
      </c>
      <c r="F24586" s="14" t="s">
        <v>28</v>
      </c>
      <c r="G24586" s="16">
        <v>0</v>
      </c>
    </row>
    <row r="24587" spans="1:7" x14ac:dyDescent="0.3">
      <c r="A24587" s="13" t="s">
        <v>161</v>
      </c>
      <c r="B24587" s="14" t="s">
        <v>1</v>
      </c>
      <c r="C24587" s="14" t="s">
        <v>51</v>
      </c>
      <c r="D24587" s="14" t="s">
        <v>142</v>
      </c>
      <c r="E24587" s="15">
        <v>45508</v>
      </c>
      <c r="F24587" s="14" t="s">
        <v>28</v>
      </c>
      <c r="G24587" s="16">
        <v>0</v>
      </c>
    </row>
    <row r="24588" spans="1:7" x14ac:dyDescent="0.3">
      <c r="A24588" s="13" t="s">
        <v>161</v>
      </c>
      <c r="B24588" s="14" t="s">
        <v>1</v>
      </c>
      <c r="C24588" s="14" t="s">
        <v>51</v>
      </c>
      <c r="D24588" s="14" t="s">
        <v>142</v>
      </c>
      <c r="E24588" s="15">
        <v>45509</v>
      </c>
      <c r="F24588" s="14" t="s">
        <v>28</v>
      </c>
      <c r="G24588" s="16">
        <v>0</v>
      </c>
    </row>
    <row r="24589" spans="1:7" x14ac:dyDescent="0.3">
      <c r="A24589" s="13" t="s">
        <v>161</v>
      </c>
      <c r="B24589" s="14" t="s">
        <v>1</v>
      </c>
      <c r="C24589" s="14" t="s">
        <v>51</v>
      </c>
      <c r="D24589" s="14" t="s">
        <v>142</v>
      </c>
      <c r="E24589" s="15">
        <v>45510</v>
      </c>
      <c r="F24589" s="14" t="s">
        <v>28</v>
      </c>
      <c r="G24589" s="16">
        <v>0</v>
      </c>
    </row>
    <row r="24590" spans="1:7" x14ac:dyDescent="0.3">
      <c r="A24590" s="13" t="s">
        <v>161</v>
      </c>
      <c r="B24590" s="14" t="s">
        <v>1</v>
      </c>
      <c r="C24590" s="14" t="s">
        <v>51</v>
      </c>
      <c r="D24590" s="14" t="s">
        <v>142</v>
      </c>
      <c r="E24590" s="15">
        <v>45511</v>
      </c>
      <c r="F24590" s="14" t="s">
        <v>28</v>
      </c>
      <c r="G24590" s="16">
        <v>0</v>
      </c>
    </row>
    <row r="24591" spans="1:7" x14ac:dyDescent="0.3">
      <c r="A24591" s="13" t="s">
        <v>161</v>
      </c>
      <c r="B24591" s="14" t="s">
        <v>1</v>
      </c>
      <c r="C24591" s="14" t="s">
        <v>51</v>
      </c>
      <c r="D24591" s="14" t="s">
        <v>142</v>
      </c>
      <c r="E24591" s="15">
        <v>45512</v>
      </c>
      <c r="F24591" s="14" t="s">
        <v>28</v>
      </c>
      <c r="G24591" s="16">
        <v>0</v>
      </c>
    </row>
    <row r="24592" spans="1:7" x14ac:dyDescent="0.3">
      <c r="A24592" s="13" t="s">
        <v>161</v>
      </c>
      <c r="B24592" s="14" t="s">
        <v>1</v>
      </c>
      <c r="C24592" s="14" t="s">
        <v>51</v>
      </c>
      <c r="D24592" s="14" t="s">
        <v>142</v>
      </c>
      <c r="E24592" s="15">
        <v>45513</v>
      </c>
      <c r="F24592" s="14" t="s">
        <v>28</v>
      </c>
      <c r="G24592" s="16">
        <v>0</v>
      </c>
    </row>
    <row r="24593" spans="1:7" x14ac:dyDescent="0.3">
      <c r="A24593" s="13" t="s">
        <v>161</v>
      </c>
      <c r="B24593" s="14" t="s">
        <v>1</v>
      </c>
      <c r="C24593" s="14" t="s">
        <v>51</v>
      </c>
      <c r="D24593" s="14" t="s">
        <v>142</v>
      </c>
      <c r="E24593" s="15">
        <v>45514</v>
      </c>
      <c r="F24593" s="14" t="s">
        <v>28</v>
      </c>
      <c r="G24593" s="16">
        <v>0</v>
      </c>
    </row>
    <row r="24594" spans="1:7" x14ac:dyDescent="0.3">
      <c r="A24594" s="13" t="s">
        <v>161</v>
      </c>
      <c r="B24594" s="14" t="s">
        <v>1</v>
      </c>
      <c r="C24594" s="14" t="s">
        <v>51</v>
      </c>
      <c r="D24594" s="14" t="s">
        <v>142</v>
      </c>
      <c r="E24594" s="15">
        <v>45515</v>
      </c>
      <c r="F24594" s="14" t="s">
        <v>28</v>
      </c>
      <c r="G24594" s="16">
        <v>0</v>
      </c>
    </row>
    <row r="24595" spans="1:7" x14ac:dyDescent="0.3">
      <c r="A24595" s="13" t="s">
        <v>161</v>
      </c>
      <c r="B24595" s="14" t="s">
        <v>1</v>
      </c>
      <c r="C24595" s="14" t="s">
        <v>51</v>
      </c>
      <c r="D24595" s="14" t="s">
        <v>142</v>
      </c>
      <c r="E24595" s="15">
        <v>45516</v>
      </c>
      <c r="F24595" s="14" t="s">
        <v>28</v>
      </c>
      <c r="G24595" s="16">
        <v>0</v>
      </c>
    </row>
    <row r="24596" spans="1:7" x14ac:dyDescent="0.3">
      <c r="A24596" s="13" t="s">
        <v>161</v>
      </c>
      <c r="B24596" s="14" t="s">
        <v>1</v>
      </c>
      <c r="C24596" s="14" t="s">
        <v>51</v>
      </c>
      <c r="D24596" s="14" t="s">
        <v>142</v>
      </c>
      <c r="E24596" s="15">
        <v>45517</v>
      </c>
      <c r="F24596" s="14" t="s">
        <v>28</v>
      </c>
      <c r="G24596" s="16">
        <v>0</v>
      </c>
    </row>
    <row r="24597" spans="1:7" x14ac:dyDescent="0.3">
      <c r="A24597" s="13" t="s">
        <v>161</v>
      </c>
      <c r="B24597" s="14" t="s">
        <v>1</v>
      </c>
      <c r="C24597" s="14" t="s">
        <v>51</v>
      </c>
      <c r="D24597" s="14" t="s">
        <v>142</v>
      </c>
      <c r="E24597" s="15">
        <v>45518</v>
      </c>
      <c r="F24597" s="14" t="s">
        <v>28</v>
      </c>
      <c r="G24597" s="16">
        <v>0</v>
      </c>
    </row>
    <row r="24598" spans="1:7" x14ac:dyDescent="0.3">
      <c r="A24598" s="13" t="s">
        <v>161</v>
      </c>
      <c r="B24598" s="14" t="s">
        <v>1</v>
      </c>
      <c r="C24598" s="14" t="s">
        <v>51</v>
      </c>
      <c r="D24598" s="14" t="s">
        <v>142</v>
      </c>
      <c r="E24598" s="15">
        <v>45519</v>
      </c>
      <c r="F24598" s="14" t="s">
        <v>28</v>
      </c>
      <c r="G24598" s="16">
        <v>0</v>
      </c>
    </row>
    <row r="24599" spans="1:7" x14ac:dyDescent="0.3">
      <c r="A24599" s="13" t="s">
        <v>161</v>
      </c>
      <c r="B24599" s="14" t="s">
        <v>1</v>
      </c>
      <c r="C24599" s="14" t="s">
        <v>51</v>
      </c>
      <c r="D24599" s="14" t="s">
        <v>142</v>
      </c>
      <c r="E24599" s="15">
        <v>45520</v>
      </c>
      <c r="F24599" s="14" t="s">
        <v>28</v>
      </c>
      <c r="G24599" s="16">
        <v>0</v>
      </c>
    </row>
    <row r="24600" spans="1:7" x14ac:dyDescent="0.3">
      <c r="A24600" s="13" t="s">
        <v>161</v>
      </c>
      <c r="B24600" s="14" t="s">
        <v>1</v>
      </c>
      <c r="C24600" s="14" t="s">
        <v>51</v>
      </c>
      <c r="D24600" s="14" t="s">
        <v>142</v>
      </c>
      <c r="E24600" s="15">
        <v>45521</v>
      </c>
      <c r="F24600" s="14" t="s">
        <v>28</v>
      </c>
      <c r="G24600" s="16">
        <v>0</v>
      </c>
    </row>
    <row r="24601" spans="1:7" x14ac:dyDescent="0.3">
      <c r="A24601" s="13" t="s">
        <v>161</v>
      </c>
      <c r="B24601" s="14" t="s">
        <v>1</v>
      </c>
      <c r="C24601" s="14" t="s">
        <v>51</v>
      </c>
      <c r="D24601" s="14" t="s">
        <v>142</v>
      </c>
      <c r="E24601" s="15">
        <v>45522</v>
      </c>
      <c r="F24601" s="14" t="s">
        <v>28</v>
      </c>
      <c r="G24601" s="16">
        <v>0</v>
      </c>
    </row>
    <row r="24602" spans="1:7" x14ac:dyDescent="0.3">
      <c r="A24602" s="13" t="s">
        <v>161</v>
      </c>
      <c r="B24602" s="14" t="s">
        <v>1</v>
      </c>
      <c r="C24602" s="14" t="s">
        <v>51</v>
      </c>
      <c r="D24602" s="14" t="s">
        <v>142</v>
      </c>
      <c r="E24602" s="15">
        <v>45523</v>
      </c>
      <c r="F24602" s="14" t="s">
        <v>28</v>
      </c>
      <c r="G24602" s="16">
        <v>0</v>
      </c>
    </row>
    <row r="24603" spans="1:7" x14ac:dyDescent="0.3">
      <c r="A24603" s="13" t="s">
        <v>161</v>
      </c>
      <c r="B24603" s="14" t="s">
        <v>1</v>
      </c>
      <c r="C24603" s="14" t="s">
        <v>51</v>
      </c>
      <c r="D24603" s="14" t="s">
        <v>142</v>
      </c>
      <c r="E24603" s="15">
        <v>45524</v>
      </c>
      <c r="F24603" s="14" t="s">
        <v>28</v>
      </c>
      <c r="G24603" s="16">
        <v>0</v>
      </c>
    </row>
    <row r="24604" spans="1:7" x14ac:dyDescent="0.3">
      <c r="A24604" s="13" t="s">
        <v>161</v>
      </c>
      <c r="B24604" s="14" t="s">
        <v>1</v>
      </c>
      <c r="C24604" s="14" t="s">
        <v>51</v>
      </c>
      <c r="D24604" s="14" t="s">
        <v>142</v>
      </c>
      <c r="E24604" s="15">
        <v>45525</v>
      </c>
      <c r="F24604" s="14" t="s">
        <v>28</v>
      </c>
      <c r="G24604" s="16">
        <v>0</v>
      </c>
    </row>
    <row r="24605" spans="1:7" x14ac:dyDescent="0.3">
      <c r="A24605" s="13" t="s">
        <v>161</v>
      </c>
      <c r="B24605" s="14" t="s">
        <v>1</v>
      </c>
      <c r="C24605" s="14" t="s">
        <v>51</v>
      </c>
      <c r="D24605" s="14" t="s">
        <v>142</v>
      </c>
      <c r="E24605" s="15">
        <v>45526</v>
      </c>
      <c r="F24605" s="14" t="s">
        <v>28</v>
      </c>
      <c r="G24605" s="16">
        <v>0</v>
      </c>
    </row>
    <row r="24606" spans="1:7" x14ac:dyDescent="0.3">
      <c r="A24606" s="13" t="s">
        <v>161</v>
      </c>
      <c r="B24606" s="14" t="s">
        <v>1</v>
      </c>
      <c r="C24606" s="14" t="s">
        <v>51</v>
      </c>
      <c r="D24606" s="14" t="s">
        <v>142</v>
      </c>
      <c r="E24606" s="15">
        <v>45527</v>
      </c>
      <c r="F24606" s="14" t="s">
        <v>28</v>
      </c>
      <c r="G24606" s="16">
        <v>0</v>
      </c>
    </row>
    <row r="24607" spans="1:7" x14ac:dyDescent="0.3">
      <c r="A24607" s="13" t="s">
        <v>161</v>
      </c>
      <c r="B24607" s="14" t="s">
        <v>1</v>
      </c>
      <c r="C24607" s="14" t="s">
        <v>51</v>
      </c>
      <c r="D24607" s="14" t="s">
        <v>142</v>
      </c>
      <c r="E24607" s="15">
        <v>45528</v>
      </c>
      <c r="F24607" s="14" t="s">
        <v>28</v>
      </c>
      <c r="G24607" s="16">
        <v>0</v>
      </c>
    </row>
    <row r="24608" spans="1:7" x14ac:dyDescent="0.3">
      <c r="A24608" s="13" t="s">
        <v>161</v>
      </c>
      <c r="B24608" s="14" t="s">
        <v>1</v>
      </c>
      <c r="C24608" s="14" t="s">
        <v>51</v>
      </c>
      <c r="D24608" s="14" t="s">
        <v>142</v>
      </c>
      <c r="E24608" s="15">
        <v>45529</v>
      </c>
      <c r="F24608" s="14" t="s">
        <v>28</v>
      </c>
      <c r="G24608" s="16">
        <v>0</v>
      </c>
    </row>
    <row r="24609" spans="1:7" x14ac:dyDescent="0.3">
      <c r="A24609" s="13" t="s">
        <v>161</v>
      </c>
      <c r="B24609" s="14" t="s">
        <v>1</v>
      </c>
      <c r="C24609" s="14" t="s">
        <v>51</v>
      </c>
      <c r="D24609" s="14" t="s">
        <v>142</v>
      </c>
      <c r="E24609" s="15">
        <v>45530</v>
      </c>
      <c r="F24609" s="14" t="s">
        <v>28</v>
      </c>
      <c r="G24609" s="16">
        <v>0</v>
      </c>
    </row>
    <row r="24610" spans="1:7" x14ac:dyDescent="0.3">
      <c r="A24610" s="13" t="s">
        <v>161</v>
      </c>
      <c r="B24610" s="14" t="s">
        <v>1</v>
      </c>
      <c r="C24610" s="14" t="s">
        <v>51</v>
      </c>
      <c r="D24610" s="14" t="s">
        <v>142</v>
      </c>
      <c r="E24610" s="15">
        <v>45531</v>
      </c>
      <c r="F24610" s="14" t="s">
        <v>28</v>
      </c>
      <c r="G24610" s="16">
        <v>0</v>
      </c>
    </row>
    <row r="24611" spans="1:7" x14ac:dyDescent="0.3">
      <c r="A24611" s="13" t="s">
        <v>161</v>
      </c>
      <c r="B24611" s="14" t="s">
        <v>1</v>
      </c>
      <c r="C24611" s="14" t="s">
        <v>51</v>
      </c>
      <c r="D24611" s="14" t="s">
        <v>142</v>
      </c>
      <c r="E24611" s="15">
        <v>45532</v>
      </c>
      <c r="F24611" s="14" t="s">
        <v>28</v>
      </c>
      <c r="G24611" s="16">
        <v>0</v>
      </c>
    </row>
    <row r="24612" spans="1:7" x14ac:dyDescent="0.3">
      <c r="A24612" s="13" t="s">
        <v>161</v>
      </c>
      <c r="B24612" s="14" t="s">
        <v>1</v>
      </c>
      <c r="C24612" s="14" t="s">
        <v>51</v>
      </c>
      <c r="D24612" s="14" t="s">
        <v>142</v>
      </c>
      <c r="E24612" s="15">
        <v>45533</v>
      </c>
      <c r="F24612" s="14" t="s">
        <v>28</v>
      </c>
      <c r="G24612" s="16">
        <v>0</v>
      </c>
    </row>
    <row r="24613" spans="1:7" x14ac:dyDescent="0.3">
      <c r="A24613" s="13" t="s">
        <v>161</v>
      </c>
      <c r="B24613" s="14" t="s">
        <v>1</v>
      </c>
      <c r="C24613" s="14" t="s">
        <v>51</v>
      </c>
      <c r="D24613" s="14" t="s">
        <v>142</v>
      </c>
      <c r="E24613" s="15">
        <v>45534</v>
      </c>
      <c r="F24613" s="14" t="s">
        <v>28</v>
      </c>
      <c r="G24613" s="16">
        <v>0</v>
      </c>
    </row>
    <row r="24614" spans="1:7" x14ac:dyDescent="0.3">
      <c r="A24614" s="13" t="s">
        <v>161</v>
      </c>
      <c r="B24614" s="14" t="s">
        <v>1</v>
      </c>
      <c r="C24614" s="14" t="s">
        <v>51</v>
      </c>
      <c r="D24614" s="14" t="s">
        <v>142</v>
      </c>
      <c r="E24614" s="15">
        <v>45535</v>
      </c>
      <c r="F24614" s="14" t="s">
        <v>28</v>
      </c>
      <c r="G24614" s="16">
        <v>0</v>
      </c>
    </row>
    <row r="24615" spans="1:7" x14ac:dyDescent="0.3">
      <c r="A24615" s="13" t="s">
        <v>161</v>
      </c>
      <c r="B24615" s="14" t="s">
        <v>1</v>
      </c>
      <c r="C24615" s="14" t="s">
        <v>51</v>
      </c>
      <c r="D24615" s="14" t="s">
        <v>142</v>
      </c>
      <c r="E24615" s="15">
        <v>45536</v>
      </c>
      <c r="F24615" s="14" t="s">
        <v>28</v>
      </c>
      <c r="G24615" s="16">
        <v>0</v>
      </c>
    </row>
    <row r="24616" spans="1:7" x14ac:dyDescent="0.3">
      <c r="A24616" s="13" t="s">
        <v>161</v>
      </c>
      <c r="B24616" s="14" t="s">
        <v>1</v>
      </c>
      <c r="C24616" s="14" t="s">
        <v>51</v>
      </c>
      <c r="D24616" s="14" t="s">
        <v>142</v>
      </c>
      <c r="E24616" s="15">
        <v>45537</v>
      </c>
      <c r="F24616" s="14" t="s">
        <v>28</v>
      </c>
      <c r="G24616" s="16">
        <v>0</v>
      </c>
    </row>
    <row r="24617" spans="1:7" x14ac:dyDescent="0.3">
      <c r="A24617" s="13" t="s">
        <v>161</v>
      </c>
      <c r="B24617" s="14" t="s">
        <v>1</v>
      </c>
      <c r="C24617" s="14" t="s">
        <v>51</v>
      </c>
      <c r="D24617" s="14" t="s">
        <v>142</v>
      </c>
      <c r="E24617" s="15">
        <v>45538</v>
      </c>
      <c r="F24617" s="14" t="s">
        <v>28</v>
      </c>
      <c r="G24617" s="16">
        <v>0</v>
      </c>
    </row>
    <row r="24618" spans="1:7" x14ac:dyDescent="0.3">
      <c r="A24618" s="13" t="s">
        <v>161</v>
      </c>
      <c r="B24618" s="14" t="s">
        <v>1</v>
      </c>
      <c r="C24618" s="14" t="s">
        <v>51</v>
      </c>
      <c r="D24618" s="14" t="s">
        <v>142</v>
      </c>
      <c r="E24618" s="15">
        <v>45539</v>
      </c>
      <c r="F24618" s="14" t="s">
        <v>28</v>
      </c>
      <c r="G24618" s="16">
        <v>0</v>
      </c>
    </row>
    <row r="24619" spans="1:7" x14ac:dyDescent="0.3">
      <c r="A24619" s="13" t="s">
        <v>161</v>
      </c>
      <c r="B24619" s="14" t="s">
        <v>1</v>
      </c>
      <c r="C24619" s="14" t="s">
        <v>51</v>
      </c>
      <c r="D24619" s="14" t="s">
        <v>142</v>
      </c>
      <c r="E24619" s="15">
        <v>45540</v>
      </c>
      <c r="F24619" s="14" t="s">
        <v>28</v>
      </c>
      <c r="G24619" s="16">
        <v>0</v>
      </c>
    </row>
    <row r="24620" spans="1:7" x14ac:dyDescent="0.3">
      <c r="A24620" s="13" t="s">
        <v>161</v>
      </c>
      <c r="B24620" s="14" t="s">
        <v>1</v>
      </c>
      <c r="C24620" s="14" t="s">
        <v>51</v>
      </c>
      <c r="D24620" s="14" t="s">
        <v>142</v>
      </c>
      <c r="E24620" s="15">
        <v>45541</v>
      </c>
      <c r="F24620" s="14" t="s">
        <v>28</v>
      </c>
      <c r="G24620" s="16">
        <v>0</v>
      </c>
    </row>
    <row r="24621" spans="1:7" x14ac:dyDescent="0.3">
      <c r="A24621" s="13" t="s">
        <v>161</v>
      </c>
      <c r="B24621" s="14" t="s">
        <v>1</v>
      </c>
      <c r="C24621" s="14" t="s">
        <v>51</v>
      </c>
      <c r="D24621" s="14" t="s">
        <v>142</v>
      </c>
      <c r="E24621" s="15">
        <v>45542</v>
      </c>
      <c r="F24621" s="14" t="s">
        <v>28</v>
      </c>
      <c r="G24621" s="16">
        <v>0</v>
      </c>
    </row>
    <row r="24622" spans="1:7" x14ac:dyDescent="0.3">
      <c r="A24622" s="13" t="s">
        <v>161</v>
      </c>
      <c r="B24622" s="14" t="s">
        <v>1</v>
      </c>
      <c r="C24622" s="14" t="s">
        <v>51</v>
      </c>
      <c r="D24622" s="14" t="s">
        <v>142</v>
      </c>
      <c r="E24622" s="15">
        <v>45543</v>
      </c>
      <c r="F24622" s="14" t="s">
        <v>28</v>
      </c>
      <c r="G24622" s="16">
        <v>0</v>
      </c>
    </row>
    <row r="24623" spans="1:7" x14ac:dyDescent="0.3">
      <c r="A24623" s="13" t="s">
        <v>161</v>
      </c>
      <c r="B24623" s="14" t="s">
        <v>1</v>
      </c>
      <c r="C24623" s="14" t="s">
        <v>51</v>
      </c>
      <c r="D24623" s="14" t="s">
        <v>142</v>
      </c>
      <c r="E24623" s="15">
        <v>45544</v>
      </c>
      <c r="F24623" s="14" t="s">
        <v>28</v>
      </c>
      <c r="G24623" s="16">
        <v>0</v>
      </c>
    </row>
    <row r="24624" spans="1:7" x14ac:dyDescent="0.3">
      <c r="A24624" s="13" t="s">
        <v>161</v>
      </c>
      <c r="B24624" s="14" t="s">
        <v>1</v>
      </c>
      <c r="C24624" s="14" t="s">
        <v>51</v>
      </c>
      <c r="D24624" s="14" t="s">
        <v>142</v>
      </c>
      <c r="E24624" s="15">
        <v>45545</v>
      </c>
      <c r="F24624" s="14" t="s">
        <v>28</v>
      </c>
      <c r="G24624" s="16">
        <v>0</v>
      </c>
    </row>
    <row r="24625" spans="1:7" x14ac:dyDescent="0.3">
      <c r="A24625" s="13" t="s">
        <v>161</v>
      </c>
      <c r="B24625" s="14" t="s">
        <v>1</v>
      </c>
      <c r="C24625" s="14" t="s">
        <v>51</v>
      </c>
      <c r="D24625" s="14" t="s">
        <v>142</v>
      </c>
      <c r="E24625" s="15">
        <v>45546</v>
      </c>
      <c r="F24625" s="14" t="s">
        <v>28</v>
      </c>
      <c r="G24625" s="16">
        <v>0</v>
      </c>
    </row>
    <row r="24626" spans="1:7" x14ac:dyDescent="0.3">
      <c r="A24626" s="13" t="s">
        <v>161</v>
      </c>
      <c r="B24626" s="14" t="s">
        <v>1</v>
      </c>
      <c r="C24626" s="14" t="s">
        <v>51</v>
      </c>
      <c r="D24626" s="14" t="s">
        <v>142</v>
      </c>
      <c r="E24626" s="15">
        <v>45547</v>
      </c>
      <c r="F24626" s="14" t="s">
        <v>28</v>
      </c>
      <c r="G24626" s="16">
        <v>0</v>
      </c>
    </row>
    <row r="24627" spans="1:7" x14ac:dyDescent="0.3">
      <c r="A24627" s="13" t="s">
        <v>161</v>
      </c>
      <c r="B24627" s="14" t="s">
        <v>1</v>
      </c>
      <c r="C24627" s="14" t="s">
        <v>51</v>
      </c>
      <c r="D24627" s="14" t="s">
        <v>142</v>
      </c>
      <c r="E24627" s="15">
        <v>45548</v>
      </c>
      <c r="F24627" s="14" t="s">
        <v>28</v>
      </c>
      <c r="G24627" s="16">
        <v>0</v>
      </c>
    </row>
    <row r="24628" spans="1:7" x14ac:dyDescent="0.3">
      <c r="A24628" s="13" t="s">
        <v>161</v>
      </c>
      <c r="B24628" s="14" t="s">
        <v>1</v>
      </c>
      <c r="C24628" s="14" t="s">
        <v>51</v>
      </c>
      <c r="D24628" s="14" t="s">
        <v>142</v>
      </c>
      <c r="E24628" s="15">
        <v>45549</v>
      </c>
      <c r="F24628" s="14" t="s">
        <v>28</v>
      </c>
      <c r="G24628" s="16">
        <v>0</v>
      </c>
    </row>
    <row r="24629" spans="1:7" x14ac:dyDescent="0.3">
      <c r="A24629" s="13" t="s">
        <v>161</v>
      </c>
      <c r="B24629" s="14" t="s">
        <v>1</v>
      </c>
      <c r="C24629" s="14" t="s">
        <v>51</v>
      </c>
      <c r="D24629" s="14" t="s">
        <v>142</v>
      </c>
      <c r="E24629" s="15">
        <v>45550</v>
      </c>
      <c r="F24629" s="14" t="s">
        <v>28</v>
      </c>
      <c r="G24629" s="16">
        <v>0</v>
      </c>
    </row>
    <row r="24630" spans="1:7" x14ac:dyDescent="0.3">
      <c r="A24630" s="13" t="s">
        <v>161</v>
      </c>
      <c r="B24630" s="14" t="s">
        <v>1</v>
      </c>
      <c r="C24630" s="14" t="s">
        <v>51</v>
      </c>
      <c r="D24630" s="14" t="s">
        <v>142</v>
      </c>
      <c r="E24630" s="15">
        <v>45551</v>
      </c>
      <c r="F24630" s="14" t="s">
        <v>28</v>
      </c>
      <c r="G24630" s="16">
        <v>0</v>
      </c>
    </row>
    <row r="24631" spans="1:7" x14ac:dyDescent="0.3">
      <c r="A24631" s="13" t="s">
        <v>161</v>
      </c>
      <c r="B24631" s="14" t="s">
        <v>1</v>
      </c>
      <c r="C24631" s="14" t="s">
        <v>51</v>
      </c>
      <c r="D24631" s="14" t="s">
        <v>142</v>
      </c>
      <c r="E24631" s="15">
        <v>45552</v>
      </c>
      <c r="F24631" s="14" t="s">
        <v>28</v>
      </c>
      <c r="G24631" s="16">
        <v>0</v>
      </c>
    </row>
    <row r="24632" spans="1:7" x14ac:dyDescent="0.3">
      <c r="A24632" s="13" t="s">
        <v>161</v>
      </c>
      <c r="B24632" s="14" t="s">
        <v>1</v>
      </c>
      <c r="C24632" s="14" t="s">
        <v>51</v>
      </c>
      <c r="D24632" s="14" t="s">
        <v>142</v>
      </c>
      <c r="E24632" s="15">
        <v>45553</v>
      </c>
      <c r="F24632" s="14" t="s">
        <v>28</v>
      </c>
      <c r="G24632" s="16">
        <v>0</v>
      </c>
    </row>
    <row r="24633" spans="1:7" x14ac:dyDescent="0.3">
      <c r="A24633" s="13" t="s">
        <v>161</v>
      </c>
      <c r="B24633" s="14" t="s">
        <v>1</v>
      </c>
      <c r="C24633" s="14" t="s">
        <v>51</v>
      </c>
      <c r="D24633" s="14" t="s">
        <v>142</v>
      </c>
      <c r="E24633" s="15">
        <v>45554</v>
      </c>
      <c r="F24633" s="14" t="s">
        <v>28</v>
      </c>
      <c r="G24633" s="16">
        <v>0</v>
      </c>
    </row>
    <row r="24634" spans="1:7" x14ac:dyDescent="0.3">
      <c r="A24634" s="13" t="s">
        <v>161</v>
      </c>
      <c r="B24634" s="14" t="s">
        <v>1</v>
      </c>
      <c r="C24634" s="14" t="s">
        <v>51</v>
      </c>
      <c r="D24634" s="14" t="s">
        <v>142</v>
      </c>
      <c r="E24634" s="15">
        <v>45555</v>
      </c>
      <c r="F24634" s="14" t="s">
        <v>28</v>
      </c>
      <c r="G24634" s="16">
        <v>0</v>
      </c>
    </row>
    <row r="24635" spans="1:7" x14ac:dyDescent="0.3">
      <c r="A24635" s="13" t="s">
        <v>161</v>
      </c>
      <c r="B24635" s="14" t="s">
        <v>1</v>
      </c>
      <c r="C24635" s="14" t="s">
        <v>51</v>
      </c>
      <c r="D24635" s="14" t="s">
        <v>142</v>
      </c>
      <c r="E24635" s="15">
        <v>45556</v>
      </c>
      <c r="F24635" s="14" t="s">
        <v>28</v>
      </c>
      <c r="G24635" s="16">
        <v>0</v>
      </c>
    </row>
    <row r="24636" spans="1:7" x14ac:dyDescent="0.3">
      <c r="A24636" s="13" t="s">
        <v>161</v>
      </c>
      <c r="B24636" s="14" t="s">
        <v>1</v>
      </c>
      <c r="C24636" s="14" t="s">
        <v>51</v>
      </c>
      <c r="D24636" s="14" t="s">
        <v>142</v>
      </c>
      <c r="E24636" s="15">
        <v>45557</v>
      </c>
      <c r="F24636" s="14" t="s">
        <v>28</v>
      </c>
      <c r="G24636" s="16">
        <v>0</v>
      </c>
    </row>
    <row r="24637" spans="1:7" x14ac:dyDescent="0.3">
      <c r="A24637" s="13" t="s">
        <v>161</v>
      </c>
      <c r="B24637" s="14" t="s">
        <v>1</v>
      </c>
      <c r="C24637" s="14" t="s">
        <v>51</v>
      </c>
      <c r="D24637" s="14" t="s">
        <v>142</v>
      </c>
      <c r="E24637" s="15">
        <v>45558</v>
      </c>
      <c r="F24637" s="14" t="s">
        <v>28</v>
      </c>
      <c r="G24637" s="16">
        <v>0</v>
      </c>
    </row>
    <row r="24638" spans="1:7" x14ac:dyDescent="0.3">
      <c r="A24638" s="13" t="s">
        <v>161</v>
      </c>
      <c r="B24638" s="14" t="s">
        <v>1</v>
      </c>
      <c r="C24638" s="14" t="s">
        <v>51</v>
      </c>
      <c r="D24638" s="14" t="s">
        <v>142</v>
      </c>
      <c r="E24638" s="15">
        <v>45559</v>
      </c>
      <c r="F24638" s="14" t="s">
        <v>28</v>
      </c>
      <c r="G24638" s="16">
        <v>0</v>
      </c>
    </row>
    <row r="24639" spans="1:7" x14ac:dyDescent="0.3">
      <c r="A24639" s="13" t="s">
        <v>161</v>
      </c>
      <c r="B24639" s="14" t="s">
        <v>1</v>
      </c>
      <c r="C24639" s="14" t="s">
        <v>51</v>
      </c>
      <c r="D24639" s="14" t="s">
        <v>142</v>
      </c>
      <c r="E24639" s="15">
        <v>45560</v>
      </c>
      <c r="F24639" s="14" t="s">
        <v>28</v>
      </c>
      <c r="G24639" s="16">
        <v>0</v>
      </c>
    </row>
    <row r="24640" spans="1:7" x14ac:dyDescent="0.3">
      <c r="A24640" s="13" t="s">
        <v>161</v>
      </c>
      <c r="B24640" s="14" t="s">
        <v>1</v>
      </c>
      <c r="C24640" s="14" t="s">
        <v>51</v>
      </c>
      <c r="D24640" s="14" t="s">
        <v>142</v>
      </c>
      <c r="E24640" s="15">
        <v>45561</v>
      </c>
      <c r="F24640" s="14" t="s">
        <v>28</v>
      </c>
      <c r="G24640" s="16">
        <v>0</v>
      </c>
    </row>
    <row r="24641" spans="1:7" x14ac:dyDescent="0.3">
      <c r="A24641" s="13" t="s">
        <v>161</v>
      </c>
      <c r="B24641" s="14" t="s">
        <v>1</v>
      </c>
      <c r="C24641" s="14" t="s">
        <v>51</v>
      </c>
      <c r="D24641" s="14" t="s">
        <v>142</v>
      </c>
      <c r="E24641" s="15">
        <v>45562</v>
      </c>
      <c r="F24641" s="14" t="s">
        <v>28</v>
      </c>
      <c r="G24641" s="16">
        <v>0</v>
      </c>
    </row>
    <row r="24642" spans="1:7" x14ac:dyDescent="0.3">
      <c r="A24642" s="13" t="s">
        <v>161</v>
      </c>
      <c r="B24642" s="14" t="s">
        <v>1</v>
      </c>
      <c r="C24642" s="14" t="s">
        <v>51</v>
      </c>
      <c r="D24642" s="14" t="s">
        <v>142</v>
      </c>
      <c r="E24642" s="15">
        <v>45563</v>
      </c>
      <c r="F24642" s="14" t="s">
        <v>28</v>
      </c>
      <c r="G24642" s="16">
        <v>0</v>
      </c>
    </row>
    <row r="24643" spans="1:7" x14ac:dyDescent="0.3">
      <c r="A24643" s="13" t="s">
        <v>161</v>
      </c>
      <c r="B24643" s="14" t="s">
        <v>1</v>
      </c>
      <c r="C24643" s="14" t="s">
        <v>51</v>
      </c>
      <c r="D24643" s="14" t="s">
        <v>142</v>
      </c>
      <c r="E24643" s="15">
        <v>45564</v>
      </c>
      <c r="F24643" s="14" t="s">
        <v>28</v>
      </c>
      <c r="G24643" s="16">
        <v>0</v>
      </c>
    </row>
    <row r="24644" spans="1:7" x14ac:dyDescent="0.3">
      <c r="A24644" s="13" t="s">
        <v>161</v>
      </c>
      <c r="B24644" s="14" t="s">
        <v>1</v>
      </c>
      <c r="C24644" s="14" t="s">
        <v>51</v>
      </c>
      <c r="D24644" s="14" t="s">
        <v>142</v>
      </c>
      <c r="E24644" s="15">
        <v>45565</v>
      </c>
      <c r="F24644" s="14" t="s">
        <v>28</v>
      </c>
      <c r="G24644" s="16">
        <v>0</v>
      </c>
    </row>
    <row r="24645" spans="1:7" x14ac:dyDescent="0.3">
      <c r="A24645" s="13" t="s">
        <v>161</v>
      </c>
      <c r="B24645" s="14" t="s">
        <v>1</v>
      </c>
      <c r="C24645" s="14" t="s">
        <v>51</v>
      </c>
      <c r="D24645" s="14" t="s">
        <v>142</v>
      </c>
      <c r="E24645" s="15">
        <v>45566</v>
      </c>
      <c r="F24645" s="14" t="s">
        <v>28</v>
      </c>
      <c r="G24645" s="16">
        <v>0</v>
      </c>
    </row>
    <row r="24646" spans="1:7" x14ac:dyDescent="0.3">
      <c r="A24646" s="13" t="s">
        <v>161</v>
      </c>
      <c r="B24646" s="14" t="s">
        <v>1</v>
      </c>
      <c r="C24646" s="14" t="s">
        <v>51</v>
      </c>
      <c r="D24646" s="14" t="s">
        <v>142</v>
      </c>
      <c r="E24646" s="15">
        <v>45567</v>
      </c>
      <c r="F24646" s="14" t="s">
        <v>28</v>
      </c>
      <c r="G24646" s="16">
        <v>0</v>
      </c>
    </row>
    <row r="24647" spans="1:7" x14ac:dyDescent="0.3">
      <c r="A24647" s="13" t="s">
        <v>161</v>
      </c>
      <c r="B24647" s="14" t="s">
        <v>1</v>
      </c>
      <c r="C24647" s="14" t="s">
        <v>51</v>
      </c>
      <c r="D24647" s="14" t="s">
        <v>142</v>
      </c>
      <c r="E24647" s="15">
        <v>45568</v>
      </c>
      <c r="F24647" s="14" t="s">
        <v>28</v>
      </c>
      <c r="G24647" s="16">
        <v>0</v>
      </c>
    </row>
    <row r="24648" spans="1:7" x14ac:dyDescent="0.3">
      <c r="A24648" s="13" t="s">
        <v>161</v>
      </c>
      <c r="B24648" s="14" t="s">
        <v>1</v>
      </c>
      <c r="C24648" s="14" t="s">
        <v>51</v>
      </c>
      <c r="D24648" s="14" t="s">
        <v>142</v>
      </c>
      <c r="E24648" s="15">
        <v>45569</v>
      </c>
      <c r="F24648" s="14" t="s">
        <v>28</v>
      </c>
      <c r="G24648" s="16">
        <v>0</v>
      </c>
    </row>
    <row r="24649" spans="1:7" x14ac:dyDescent="0.3">
      <c r="A24649" s="13" t="s">
        <v>161</v>
      </c>
      <c r="B24649" s="14" t="s">
        <v>1</v>
      </c>
      <c r="C24649" s="14" t="s">
        <v>51</v>
      </c>
      <c r="D24649" s="14" t="s">
        <v>142</v>
      </c>
      <c r="E24649" s="15">
        <v>45570</v>
      </c>
      <c r="F24649" s="14" t="s">
        <v>28</v>
      </c>
      <c r="G24649" s="16">
        <v>0</v>
      </c>
    </row>
    <row r="24650" spans="1:7" x14ac:dyDescent="0.3">
      <c r="A24650" s="13" t="s">
        <v>161</v>
      </c>
      <c r="B24650" s="14" t="s">
        <v>1</v>
      </c>
      <c r="C24650" s="14" t="s">
        <v>51</v>
      </c>
      <c r="D24650" s="14" t="s">
        <v>142</v>
      </c>
      <c r="E24650" s="15">
        <v>45571</v>
      </c>
      <c r="F24650" s="14" t="s">
        <v>28</v>
      </c>
      <c r="G24650" s="16">
        <v>0</v>
      </c>
    </row>
    <row r="24651" spans="1:7" x14ac:dyDescent="0.3">
      <c r="A24651" s="13" t="s">
        <v>161</v>
      </c>
      <c r="B24651" s="14" t="s">
        <v>1</v>
      </c>
      <c r="C24651" s="14" t="s">
        <v>51</v>
      </c>
      <c r="D24651" s="14" t="s">
        <v>142</v>
      </c>
      <c r="E24651" s="15">
        <v>45572</v>
      </c>
      <c r="F24651" s="14" t="s">
        <v>28</v>
      </c>
      <c r="G24651" s="16">
        <v>0</v>
      </c>
    </row>
    <row r="24652" spans="1:7" x14ac:dyDescent="0.3">
      <c r="A24652" s="13" t="s">
        <v>161</v>
      </c>
      <c r="B24652" s="14" t="s">
        <v>1</v>
      </c>
      <c r="C24652" s="14" t="s">
        <v>51</v>
      </c>
      <c r="D24652" s="14" t="s">
        <v>142</v>
      </c>
      <c r="E24652" s="15">
        <v>45573</v>
      </c>
      <c r="F24652" s="14" t="s">
        <v>28</v>
      </c>
      <c r="G24652" s="16">
        <v>0</v>
      </c>
    </row>
    <row r="24653" spans="1:7" x14ac:dyDescent="0.3">
      <c r="A24653" s="13" t="s">
        <v>161</v>
      </c>
      <c r="B24653" s="14" t="s">
        <v>1</v>
      </c>
      <c r="C24653" s="14" t="s">
        <v>51</v>
      </c>
      <c r="D24653" s="14" t="s">
        <v>142</v>
      </c>
      <c r="E24653" s="15">
        <v>45574</v>
      </c>
      <c r="F24653" s="14" t="s">
        <v>28</v>
      </c>
      <c r="G24653" s="16">
        <v>0</v>
      </c>
    </row>
    <row r="24654" spans="1:7" x14ac:dyDescent="0.3">
      <c r="A24654" s="13" t="s">
        <v>161</v>
      </c>
      <c r="B24654" s="14" t="s">
        <v>1</v>
      </c>
      <c r="C24654" s="14" t="s">
        <v>51</v>
      </c>
      <c r="D24654" s="14" t="s">
        <v>142</v>
      </c>
      <c r="E24654" s="15">
        <v>45575</v>
      </c>
      <c r="F24654" s="14" t="s">
        <v>28</v>
      </c>
      <c r="G24654" s="16">
        <v>0</v>
      </c>
    </row>
    <row r="24655" spans="1:7" x14ac:dyDescent="0.3">
      <c r="A24655" s="13" t="s">
        <v>161</v>
      </c>
      <c r="B24655" s="14" t="s">
        <v>1</v>
      </c>
      <c r="C24655" s="14" t="s">
        <v>51</v>
      </c>
      <c r="D24655" s="14" t="s">
        <v>142</v>
      </c>
      <c r="E24655" s="15">
        <v>45576</v>
      </c>
      <c r="F24655" s="14" t="s">
        <v>28</v>
      </c>
      <c r="G24655" s="16">
        <v>0</v>
      </c>
    </row>
    <row r="24656" spans="1:7" x14ac:dyDescent="0.3">
      <c r="A24656" s="13" t="s">
        <v>161</v>
      </c>
      <c r="B24656" s="14" t="s">
        <v>1</v>
      </c>
      <c r="C24656" s="14" t="s">
        <v>51</v>
      </c>
      <c r="D24656" s="14" t="s">
        <v>142</v>
      </c>
      <c r="E24656" s="15">
        <v>45577</v>
      </c>
      <c r="F24656" s="14" t="s">
        <v>28</v>
      </c>
      <c r="G24656" s="16">
        <v>0</v>
      </c>
    </row>
    <row r="24657" spans="1:7" x14ac:dyDescent="0.3">
      <c r="A24657" s="13" t="s">
        <v>161</v>
      </c>
      <c r="B24657" s="14" t="s">
        <v>1</v>
      </c>
      <c r="C24657" s="14" t="s">
        <v>51</v>
      </c>
      <c r="D24657" s="14" t="s">
        <v>142</v>
      </c>
      <c r="E24657" s="15">
        <v>45578</v>
      </c>
      <c r="F24657" s="14" t="s">
        <v>28</v>
      </c>
      <c r="G24657" s="16">
        <v>0</v>
      </c>
    </row>
    <row r="24658" spans="1:7" x14ac:dyDescent="0.3">
      <c r="A24658" s="13" t="s">
        <v>161</v>
      </c>
      <c r="B24658" s="14" t="s">
        <v>1</v>
      </c>
      <c r="C24658" s="14" t="s">
        <v>51</v>
      </c>
      <c r="D24658" s="14" t="s">
        <v>142</v>
      </c>
      <c r="E24658" s="15">
        <v>45579</v>
      </c>
      <c r="F24658" s="14" t="s">
        <v>28</v>
      </c>
      <c r="G24658" s="16">
        <v>0</v>
      </c>
    </row>
    <row r="24659" spans="1:7" x14ac:dyDescent="0.3">
      <c r="A24659" s="13" t="s">
        <v>161</v>
      </c>
      <c r="B24659" s="14" t="s">
        <v>1</v>
      </c>
      <c r="C24659" s="14" t="s">
        <v>51</v>
      </c>
      <c r="D24659" s="14" t="s">
        <v>142</v>
      </c>
      <c r="E24659" s="15">
        <v>45580</v>
      </c>
      <c r="F24659" s="14" t="s">
        <v>28</v>
      </c>
      <c r="G24659" s="16">
        <v>0</v>
      </c>
    </row>
    <row r="24660" spans="1:7" x14ac:dyDescent="0.3">
      <c r="A24660" s="13" t="s">
        <v>161</v>
      </c>
      <c r="B24660" s="14" t="s">
        <v>1</v>
      </c>
      <c r="C24660" s="14" t="s">
        <v>51</v>
      </c>
      <c r="D24660" s="14" t="s">
        <v>142</v>
      </c>
      <c r="E24660" s="15">
        <v>45581</v>
      </c>
      <c r="F24660" s="14" t="s">
        <v>28</v>
      </c>
      <c r="G24660" s="16">
        <v>0</v>
      </c>
    </row>
    <row r="24661" spans="1:7" x14ac:dyDescent="0.3">
      <c r="A24661" s="13" t="s">
        <v>161</v>
      </c>
      <c r="B24661" s="14" t="s">
        <v>1</v>
      </c>
      <c r="C24661" s="14" t="s">
        <v>51</v>
      </c>
      <c r="D24661" s="14" t="s">
        <v>142</v>
      </c>
      <c r="E24661" s="15">
        <v>45582</v>
      </c>
      <c r="F24661" s="14" t="s">
        <v>28</v>
      </c>
      <c r="G24661" s="16">
        <v>0</v>
      </c>
    </row>
    <row r="24662" spans="1:7" x14ac:dyDescent="0.3">
      <c r="A24662" s="13" t="s">
        <v>161</v>
      </c>
      <c r="B24662" s="14" t="s">
        <v>1</v>
      </c>
      <c r="C24662" s="14" t="s">
        <v>51</v>
      </c>
      <c r="D24662" s="14" t="s">
        <v>142</v>
      </c>
      <c r="E24662" s="15">
        <v>45583</v>
      </c>
      <c r="F24662" s="14" t="s">
        <v>28</v>
      </c>
      <c r="G24662" s="16">
        <v>0</v>
      </c>
    </row>
    <row r="24663" spans="1:7" x14ac:dyDescent="0.3">
      <c r="A24663" s="13" t="s">
        <v>161</v>
      </c>
      <c r="B24663" s="14" t="s">
        <v>1</v>
      </c>
      <c r="C24663" s="14" t="s">
        <v>51</v>
      </c>
      <c r="D24663" s="14" t="s">
        <v>142</v>
      </c>
      <c r="E24663" s="15">
        <v>45584</v>
      </c>
      <c r="F24663" s="14" t="s">
        <v>28</v>
      </c>
      <c r="G24663" s="16">
        <v>0</v>
      </c>
    </row>
    <row r="24664" spans="1:7" x14ac:dyDescent="0.3">
      <c r="A24664" s="13" t="s">
        <v>161</v>
      </c>
      <c r="B24664" s="14" t="s">
        <v>1</v>
      </c>
      <c r="C24664" s="14" t="s">
        <v>51</v>
      </c>
      <c r="D24664" s="14" t="s">
        <v>142</v>
      </c>
      <c r="E24664" s="15">
        <v>45585</v>
      </c>
      <c r="F24664" s="14" t="s">
        <v>28</v>
      </c>
      <c r="G24664" s="16">
        <v>0</v>
      </c>
    </row>
    <row r="24665" spans="1:7" x14ac:dyDescent="0.3">
      <c r="A24665" s="13" t="s">
        <v>161</v>
      </c>
      <c r="B24665" s="14" t="s">
        <v>1</v>
      </c>
      <c r="C24665" s="14" t="s">
        <v>51</v>
      </c>
      <c r="D24665" s="14" t="s">
        <v>142</v>
      </c>
      <c r="E24665" s="15">
        <v>45586</v>
      </c>
      <c r="F24665" s="14" t="s">
        <v>28</v>
      </c>
      <c r="G24665" s="16">
        <v>0</v>
      </c>
    </row>
    <row r="24666" spans="1:7" x14ac:dyDescent="0.3">
      <c r="A24666" s="13" t="s">
        <v>161</v>
      </c>
      <c r="B24666" s="14" t="s">
        <v>1</v>
      </c>
      <c r="C24666" s="14" t="s">
        <v>51</v>
      </c>
      <c r="D24666" s="14" t="s">
        <v>142</v>
      </c>
      <c r="E24666" s="15">
        <v>45587</v>
      </c>
      <c r="F24666" s="14" t="s">
        <v>28</v>
      </c>
      <c r="G24666" s="16">
        <v>0</v>
      </c>
    </row>
    <row r="24667" spans="1:7" x14ac:dyDescent="0.3">
      <c r="A24667" s="13" t="s">
        <v>161</v>
      </c>
      <c r="B24667" s="14" t="s">
        <v>1</v>
      </c>
      <c r="C24667" s="14" t="s">
        <v>51</v>
      </c>
      <c r="D24667" s="14" t="s">
        <v>142</v>
      </c>
      <c r="E24667" s="15">
        <v>45588</v>
      </c>
      <c r="F24667" s="14" t="s">
        <v>28</v>
      </c>
      <c r="G24667" s="16">
        <v>0</v>
      </c>
    </row>
    <row r="24668" spans="1:7" x14ac:dyDescent="0.3">
      <c r="A24668" s="13" t="s">
        <v>161</v>
      </c>
      <c r="B24668" s="14" t="s">
        <v>1</v>
      </c>
      <c r="C24668" s="14" t="s">
        <v>51</v>
      </c>
      <c r="D24668" s="14" t="s">
        <v>142</v>
      </c>
      <c r="E24668" s="15">
        <v>45589</v>
      </c>
      <c r="F24668" s="14" t="s">
        <v>28</v>
      </c>
      <c r="G24668" s="16">
        <v>0</v>
      </c>
    </row>
    <row r="24669" spans="1:7" x14ac:dyDescent="0.3">
      <c r="A24669" s="13" t="s">
        <v>161</v>
      </c>
      <c r="B24669" s="14" t="s">
        <v>1</v>
      </c>
      <c r="C24669" s="14" t="s">
        <v>51</v>
      </c>
      <c r="D24669" s="14" t="s">
        <v>142</v>
      </c>
      <c r="E24669" s="15">
        <v>45590</v>
      </c>
      <c r="F24669" s="14" t="s">
        <v>28</v>
      </c>
      <c r="G24669" s="16">
        <v>0</v>
      </c>
    </row>
    <row r="24670" spans="1:7" x14ac:dyDescent="0.3">
      <c r="A24670" s="13" t="s">
        <v>161</v>
      </c>
      <c r="B24670" s="14" t="s">
        <v>1</v>
      </c>
      <c r="C24670" s="14" t="s">
        <v>51</v>
      </c>
      <c r="D24670" s="14" t="s">
        <v>142</v>
      </c>
      <c r="E24670" s="15">
        <v>45591</v>
      </c>
      <c r="F24670" s="14" t="s">
        <v>28</v>
      </c>
      <c r="G24670" s="16">
        <v>0</v>
      </c>
    </row>
    <row r="24671" spans="1:7" x14ac:dyDescent="0.3">
      <c r="A24671" s="13" t="s">
        <v>161</v>
      </c>
      <c r="B24671" s="14" t="s">
        <v>1</v>
      </c>
      <c r="C24671" s="14" t="s">
        <v>51</v>
      </c>
      <c r="D24671" s="14" t="s">
        <v>142</v>
      </c>
      <c r="E24671" s="15">
        <v>45592</v>
      </c>
      <c r="F24671" s="14" t="s">
        <v>28</v>
      </c>
      <c r="G24671" s="16">
        <v>0</v>
      </c>
    </row>
    <row r="24672" spans="1:7" x14ac:dyDescent="0.3">
      <c r="A24672" s="13" t="s">
        <v>161</v>
      </c>
      <c r="B24672" s="14" t="s">
        <v>1</v>
      </c>
      <c r="C24672" s="14" t="s">
        <v>51</v>
      </c>
      <c r="D24672" s="14" t="s">
        <v>142</v>
      </c>
      <c r="E24672" s="15">
        <v>45593</v>
      </c>
      <c r="F24672" s="14" t="s">
        <v>28</v>
      </c>
      <c r="G24672" s="16">
        <v>0</v>
      </c>
    </row>
    <row r="24673" spans="1:7" x14ac:dyDescent="0.3">
      <c r="A24673" s="13" t="s">
        <v>161</v>
      </c>
      <c r="B24673" s="14" t="s">
        <v>1</v>
      </c>
      <c r="C24673" s="14" t="s">
        <v>51</v>
      </c>
      <c r="D24673" s="14" t="s">
        <v>142</v>
      </c>
      <c r="E24673" s="15">
        <v>45594</v>
      </c>
      <c r="F24673" s="14" t="s">
        <v>28</v>
      </c>
      <c r="G24673" s="16">
        <v>0</v>
      </c>
    </row>
    <row r="24674" spans="1:7" x14ac:dyDescent="0.3">
      <c r="A24674" s="13" t="s">
        <v>161</v>
      </c>
      <c r="B24674" s="14" t="s">
        <v>1</v>
      </c>
      <c r="C24674" s="14" t="s">
        <v>51</v>
      </c>
      <c r="D24674" s="14" t="s">
        <v>142</v>
      </c>
      <c r="E24674" s="15">
        <v>45595</v>
      </c>
      <c r="F24674" s="14" t="s">
        <v>28</v>
      </c>
      <c r="G24674" s="16">
        <v>0</v>
      </c>
    </row>
    <row r="24675" spans="1:7" x14ac:dyDescent="0.3">
      <c r="A24675" s="13" t="s">
        <v>161</v>
      </c>
      <c r="B24675" s="14" t="s">
        <v>1</v>
      </c>
      <c r="C24675" s="14" t="s">
        <v>51</v>
      </c>
      <c r="D24675" s="14" t="s">
        <v>142</v>
      </c>
      <c r="E24675" s="15">
        <v>45596</v>
      </c>
      <c r="F24675" s="14" t="s">
        <v>28</v>
      </c>
      <c r="G24675" s="16">
        <v>0</v>
      </c>
    </row>
    <row r="24676" spans="1:7" x14ac:dyDescent="0.3">
      <c r="A24676" s="13" t="s">
        <v>161</v>
      </c>
      <c r="B24676" s="14" t="s">
        <v>1</v>
      </c>
      <c r="C24676" s="14" t="s">
        <v>51</v>
      </c>
      <c r="D24676" s="14" t="s">
        <v>142</v>
      </c>
      <c r="E24676" s="15">
        <v>45597</v>
      </c>
      <c r="F24676" s="14" t="s">
        <v>28</v>
      </c>
      <c r="G24676" s="16">
        <v>0</v>
      </c>
    </row>
    <row r="24677" spans="1:7" x14ac:dyDescent="0.3">
      <c r="A24677" s="13" t="s">
        <v>161</v>
      </c>
      <c r="B24677" s="14" t="s">
        <v>1</v>
      </c>
      <c r="C24677" s="14" t="s">
        <v>51</v>
      </c>
      <c r="D24677" s="14" t="s">
        <v>142</v>
      </c>
      <c r="E24677" s="15">
        <v>45598</v>
      </c>
      <c r="F24677" s="14" t="s">
        <v>28</v>
      </c>
      <c r="G24677" s="16">
        <v>0</v>
      </c>
    </row>
    <row r="24678" spans="1:7" x14ac:dyDescent="0.3">
      <c r="A24678" s="13" t="s">
        <v>161</v>
      </c>
      <c r="B24678" s="14" t="s">
        <v>1</v>
      </c>
      <c r="C24678" s="14" t="s">
        <v>51</v>
      </c>
      <c r="D24678" s="14" t="s">
        <v>142</v>
      </c>
      <c r="E24678" s="15">
        <v>45599</v>
      </c>
      <c r="F24678" s="14" t="s">
        <v>28</v>
      </c>
      <c r="G24678" s="16">
        <v>0</v>
      </c>
    </row>
    <row r="24679" spans="1:7" x14ac:dyDescent="0.3">
      <c r="A24679" s="13" t="s">
        <v>161</v>
      </c>
      <c r="B24679" s="14" t="s">
        <v>1</v>
      </c>
      <c r="C24679" s="14" t="s">
        <v>51</v>
      </c>
      <c r="D24679" s="14" t="s">
        <v>142</v>
      </c>
      <c r="E24679" s="15">
        <v>45600</v>
      </c>
      <c r="F24679" s="14" t="s">
        <v>28</v>
      </c>
      <c r="G24679" s="16">
        <v>0</v>
      </c>
    </row>
    <row r="24680" spans="1:7" x14ac:dyDescent="0.3">
      <c r="A24680" s="13" t="s">
        <v>161</v>
      </c>
      <c r="B24680" s="14" t="s">
        <v>1</v>
      </c>
      <c r="C24680" s="14" t="s">
        <v>51</v>
      </c>
      <c r="D24680" s="14" t="s">
        <v>142</v>
      </c>
      <c r="E24680" s="15">
        <v>45601</v>
      </c>
      <c r="F24680" s="14" t="s">
        <v>28</v>
      </c>
      <c r="G24680" s="16">
        <v>0</v>
      </c>
    </row>
    <row r="24681" spans="1:7" x14ac:dyDescent="0.3">
      <c r="A24681" s="13" t="s">
        <v>161</v>
      </c>
      <c r="B24681" s="14" t="s">
        <v>1</v>
      </c>
      <c r="C24681" s="14" t="s">
        <v>51</v>
      </c>
      <c r="D24681" s="14" t="s">
        <v>142</v>
      </c>
      <c r="E24681" s="15">
        <v>45602</v>
      </c>
      <c r="F24681" s="14" t="s">
        <v>28</v>
      </c>
      <c r="G24681" s="16">
        <v>0</v>
      </c>
    </row>
    <row r="24682" spans="1:7" x14ac:dyDescent="0.3">
      <c r="A24682" s="13" t="s">
        <v>161</v>
      </c>
      <c r="B24682" s="14" t="s">
        <v>1</v>
      </c>
      <c r="C24682" s="14" t="s">
        <v>51</v>
      </c>
      <c r="D24682" s="14" t="s">
        <v>142</v>
      </c>
      <c r="E24682" s="15">
        <v>45603</v>
      </c>
      <c r="F24682" s="14" t="s">
        <v>28</v>
      </c>
      <c r="G24682" s="16">
        <v>0</v>
      </c>
    </row>
    <row r="24683" spans="1:7" x14ac:dyDescent="0.3">
      <c r="A24683" s="13" t="s">
        <v>161</v>
      </c>
      <c r="B24683" s="14" t="s">
        <v>1</v>
      </c>
      <c r="C24683" s="14" t="s">
        <v>51</v>
      </c>
      <c r="D24683" s="14" t="s">
        <v>142</v>
      </c>
      <c r="E24683" s="15">
        <v>45604</v>
      </c>
      <c r="F24683" s="14" t="s">
        <v>28</v>
      </c>
      <c r="G24683" s="16">
        <v>0</v>
      </c>
    </row>
    <row r="24684" spans="1:7" x14ac:dyDescent="0.3">
      <c r="A24684" s="13" t="s">
        <v>161</v>
      </c>
      <c r="B24684" s="14" t="s">
        <v>1</v>
      </c>
      <c r="C24684" s="14" t="s">
        <v>51</v>
      </c>
      <c r="D24684" s="14" t="s">
        <v>142</v>
      </c>
      <c r="E24684" s="15">
        <v>45605</v>
      </c>
      <c r="F24684" s="14" t="s">
        <v>28</v>
      </c>
      <c r="G24684" s="16">
        <v>0</v>
      </c>
    </row>
    <row r="24685" spans="1:7" x14ac:dyDescent="0.3">
      <c r="A24685" s="13" t="s">
        <v>161</v>
      </c>
      <c r="B24685" s="14" t="s">
        <v>1</v>
      </c>
      <c r="C24685" s="14" t="s">
        <v>51</v>
      </c>
      <c r="D24685" s="14" t="s">
        <v>142</v>
      </c>
      <c r="E24685" s="15">
        <v>45606</v>
      </c>
      <c r="F24685" s="14" t="s">
        <v>28</v>
      </c>
      <c r="G24685" s="16">
        <v>0</v>
      </c>
    </row>
    <row r="24686" spans="1:7" x14ac:dyDescent="0.3">
      <c r="A24686" s="13" t="s">
        <v>161</v>
      </c>
      <c r="B24686" s="14" t="s">
        <v>1</v>
      </c>
      <c r="C24686" s="14" t="s">
        <v>51</v>
      </c>
      <c r="D24686" s="14" t="s">
        <v>142</v>
      </c>
      <c r="E24686" s="15">
        <v>45607</v>
      </c>
      <c r="F24686" s="14" t="s">
        <v>28</v>
      </c>
      <c r="G24686" s="16">
        <v>0</v>
      </c>
    </row>
    <row r="24687" spans="1:7" x14ac:dyDescent="0.3">
      <c r="A24687" s="13" t="s">
        <v>161</v>
      </c>
      <c r="B24687" s="14" t="s">
        <v>1</v>
      </c>
      <c r="C24687" s="14" t="s">
        <v>51</v>
      </c>
      <c r="D24687" s="14" t="s">
        <v>142</v>
      </c>
      <c r="E24687" s="15">
        <v>45608</v>
      </c>
      <c r="F24687" s="14" t="s">
        <v>28</v>
      </c>
      <c r="G24687" s="16">
        <v>0</v>
      </c>
    </row>
    <row r="24688" spans="1:7" x14ac:dyDescent="0.3">
      <c r="A24688" s="13" t="s">
        <v>161</v>
      </c>
      <c r="B24688" s="14" t="s">
        <v>1</v>
      </c>
      <c r="C24688" s="14" t="s">
        <v>51</v>
      </c>
      <c r="D24688" s="14" t="s">
        <v>142</v>
      </c>
      <c r="E24688" s="15">
        <v>45609</v>
      </c>
      <c r="F24688" s="14" t="s">
        <v>28</v>
      </c>
      <c r="G24688" s="16">
        <v>0</v>
      </c>
    </row>
    <row r="24689" spans="1:7" x14ac:dyDescent="0.3">
      <c r="A24689" s="13" t="s">
        <v>161</v>
      </c>
      <c r="B24689" s="14" t="s">
        <v>1</v>
      </c>
      <c r="C24689" s="14" t="s">
        <v>51</v>
      </c>
      <c r="D24689" s="14" t="s">
        <v>142</v>
      </c>
      <c r="E24689" s="15">
        <v>45610</v>
      </c>
      <c r="F24689" s="14" t="s">
        <v>28</v>
      </c>
      <c r="G24689" s="16">
        <v>0</v>
      </c>
    </row>
    <row r="24690" spans="1:7" x14ac:dyDescent="0.3">
      <c r="A24690" s="13" t="s">
        <v>161</v>
      </c>
      <c r="B24690" s="14" t="s">
        <v>1</v>
      </c>
      <c r="C24690" s="14" t="s">
        <v>51</v>
      </c>
      <c r="D24690" s="14" t="s">
        <v>142</v>
      </c>
      <c r="E24690" s="15">
        <v>45611</v>
      </c>
      <c r="F24690" s="14" t="s">
        <v>28</v>
      </c>
      <c r="G24690" s="16">
        <v>0</v>
      </c>
    </row>
    <row r="24691" spans="1:7" x14ac:dyDescent="0.3">
      <c r="A24691" s="13" t="s">
        <v>161</v>
      </c>
      <c r="B24691" s="14" t="s">
        <v>1</v>
      </c>
      <c r="C24691" s="14" t="s">
        <v>51</v>
      </c>
      <c r="D24691" s="14" t="s">
        <v>142</v>
      </c>
      <c r="E24691" s="15">
        <v>45612</v>
      </c>
      <c r="F24691" s="14" t="s">
        <v>28</v>
      </c>
      <c r="G24691" s="16">
        <v>0</v>
      </c>
    </row>
    <row r="24692" spans="1:7" x14ac:dyDescent="0.3">
      <c r="A24692" s="13" t="s">
        <v>161</v>
      </c>
      <c r="B24692" s="14" t="s">
        <v>1</v>
      </c>
      <c r="C24692" s="14" t="s">
        <v>51</v>
      </c>
      <c r="D24692" s="14" t="s">
        <v>142</v>
      </c>
      <c r="E24692" s="15">
        <v>45613</v>
      </c>
      <c r="F24692" s="14" t="s">
        <v>28</v>
      </c>
      <c r="G24692" s="16">
        <v>0</v>
      </c>
    </row>
    <row r="24693" spans="1:7" x14ac:dyDescent="0.3">
      <c r="A24693" s="13" t="s">
        <v>161</v>
      </c>
      <c r="B24693" s="14" t="s">
        <v>1</v>
      </c>
      <c r="C24693" s="14" t="s">
        <v>51</v>
      </c>
      <c r="D24693" s="14" t="s">
        <v>142</v>
      </c>
      <c r="E24693" s="15">
        <v>45614</v>
      </c>
      <c r="F24693" s="14" t="s">
        <v>28</v>
      </c>
      <c r="G24693" s="16">
        <v>0</v>
      </c>
    </row>
    <row r="24694" spans="1:7" x14ac:dyDescent="0.3">
      <c r="A24694" s="13" t="s">
        <v>161</v>
      </c>
      <c r="B24694" s="14" t="s">
        <v>1</v>
      </c>
      <c r="C24694" s="14" t="s">
        <v>51</v>
      </c>
      <c r="D24694" s="14" t="s">
        <v>142</v>
      </c>
      <c r="E24694" s="15">
        <v>45615</v>
      </c>
      <c r="F24694" s="14" t="s">
        <v>28</v>
      </c>
      <c r="G24694" s="16">
        <v>0</v>
      </c>
    </row>
    <row r="24695" spans="1:7" x14ac:dyDescent="0.3">
      <c r="A24695" s="13" t="s">
        <v>161</v>
      </c>
      <c r="B24695" s="14" t="s">
        <v>1</v>
      </c>
      <c r="C24695" s="14" t="s">
        <v>51</v>
      </c>
      <c r="D24695" s="14" t="s">
        <v>142</v>
      </c>
      <c r="E24695" s="15">
        <v>45616</v>
      </c>
      <c r="F24695" s="14" t="s">
        <v>28</v>
      </c>
      <c r="G24695" s="16">
        <v>0</v>
      </c>
    </row>
    <row r="24696" spans="1:7" x14ac:dyDescent="0.3">
      <c r="A24696" s="13" t="s">
        <v>161</v>
      </c>
      <c r="B24696" s="14" t="s">
        <v>1</v>
      </c>
      <c r="C24696" s="14" t="s">
        <v>51</v>
      </c>
      <c r="D24696" s="14" t="s">
        <v>142</v>
      </c>
      <c r="E24696" s="15">
        <v>45617</v>
      </c>
      <c r="F24696" s="14" t="s">
        <v>28</v>
      </c>
      <c r="G24696" s="16">
        <v>0</v>
      </c>
    </row>
    <row r="24697" spans="1:7" x14ac:dyDescent="0.3">
      <c r="A24697" s="13" t="s">
        <v>161</v>
      </c>
      <c r="B24697" s="14" t="s">
        <v>1</v>
      </c>
      <c r="C24697" s="14" t="s">
        <v>51</v>
      </c>
      <c r="D24697" s="14" t="s">
        <v>142</v>
      </c>
      <c r="E24697" s="15">
        <v>45618</v>
      </c>
      <c r="F24697" s="14" t="s">
        <v>28</v>
      </c>
      <c r="G24697" s="16">
        <v>0</v>
      </c>
    </row>
    <row r="24698" spans="1:7" x14ac:dyDescent="0.3">
      <c r="A24698" s="13" t="s">
        <v>161</v>
      </c>
      <c r="B24698" s="14" t="s">
        <v>1</v>
      </c>
      <c r="C24698" s="14" t="s">
        <v>51</v>
      </c>
      <c r="D24698" s="14" t="s">
        <v>142</v>
      </c>
      <c r="E24698" s="15">
        <v>45619</v>
      </c>
      <c r="F24698" s="14" t="s">
        <v>28</v>
      </c>
      <c r="G24698" s="16">
        <v>0</v>
      </c>
    </row>
    <row r="24699" spans="1:7" x14ac:dyDescent="0.3">
      <c r="A24699" s="13" t="s">
        <v>161</v>
      </c>
      <c r="B24699" s="14" t="s">
        <v>1</v>
      </c>
      <c r="C24699" s="14" t="s">
        <v>51</v>
      </c>
      <c r="D24699" s="14" t="s">
        <v>142</v>
      </c>
      <c r="E24699" s="15">
        <v>45620</v>
      </c>
      <c r="F24699" s="14" t="s">
        <v>28</v>
      </c>
      <c r="G24699" s="16">
        <v>0</v>
      </c>
    </row>
    <row r="24700" spans="1:7" x14ac:dyDescent="0.3">
      <c r="A24700" s="13" t="s">
        <v>161</v>
      </c>
      <c r="B24700" s="14" t="s">
        <v>1</v>
      </c>
      <c r="C24700" s="14" t="s">
        <v>51</v>
      </c>
      <c r="D24700" s="14" t="s">
        <v>142</v>
      </c>
      <c r="E24700" s="15">
        <v>45621</v>
      </c>
      <c r="F24700" s="14" t="s">
        <v>28</v>
      </c>
      <c r="G24700" s="16">
        <v>0</v>
      </c>
    </row>
    <row r="24701" spans="1:7" x14ac:dyDescent="0.3">
      <c r="A24701" s="13" t="s">
        <v>161</v>
      </c>
      <c r="B24701" s="14" t="s">
        <v>1</v>
      </c>
      <c r="C24701" s="14" t="s">
        <v>51</v>
      </c>
      <c r="D24701" s="14" t="s">
        <v>142</v>
      </c>
      <c r="E24701" s="15">
        <v>45622</v>
      </c>
      <c r="F24701" s="14" t="s">
        <v>28</v>
      </c>
      <c r="G24701" s="16">
        <v>0</v>
      </c>
    </row>
    <row r="24702" spans="1:7" x14ac:dyDescent="0.3">
      <c r="A24702" s="13" t="s">
        <v>161</v>
      </c>
      <c r="B24702" s="14" t="s">
        <v>1</v>
      </c>
      <c r="C24702" s="14" t="s">
        <v>51</v>
      </c>
      <c r="D24702" s="14" t="s">
        <v>142</v>
      </c>
      <c r="E24702" s="15">
        <v>45623</v>
      </c>
      <c r="F24702" s="14" t="s">
        <v>28</v>
      </c>
      <c r="G24702" s="16">
        <v>0</v>
      </c>
    </row>
    <row r="24703" spans="1:7" x14ac:dyDescent="0.3">
      <c r="A24703" s="13" t="s">
        <v>161</v>
      </c>
      <c r="B24703" s="14" t="s">
        <v>1</v>
      </c>
      <c r="C24703" s="14" t="s">
        <v>51</v>
      </c>
      <c r="D24703" s="14" t="s">
        <v>142</v>
      </c>
      <c r="E24703" s="15">
        <v>45624</v>
      </c>
      <c r="F24703" s="14" t="s">
        <v>28</v>
      </c>
      <c r="G24703" s="16">
        <v>0</v>
      </c>
    </row>
    <row r="24704" spans="1:7" x14ac:dyDescent="0.3">
      <c r="A24704" s="13" t="s">
        <v>161</v>
      </c>
      <c r="B24704" s="14" t="s">
        <v>1</v>
      </c>
      <c r="C24704" s="14" t="s">
        <v>51</v>
      </c>
      <c r="D24704" s="14" t="s">
        <v>142</v>
      </c>
      <c r="E24704" s="15">
        <v>45625</v>
      </c>
      <c r="F24704" s="14" t="s">
        <v>28</v>
      </c>
      <c r="G24704" s="16">
        <v>0</v>
      </c>
    </row>
    <row r="24705" spans="1:7" x14ac:dyDescent="0.3">
      <c r="A24705" s="13" t="s">
        <v>161</v>
      </c>
      <c r="B24705" s="14" t="s">
        <v>1</v>
      </c>
      <c r="C24705" s="14" t="s">
        <v>51</v>
      </c>
      <c r="D24705" s="14" t="s">
        <v>142</v>
      </c>
      <c r="E24705" s="15">
        <v>45626</v>
      </c>
      <c r="F24705" s="14" t="s">
        <v>28</v>
      </c>
      <c r="G24705" s="16">
        <v>0</v>
      </c>
    </row>
    <row r="24706" spans="1:7" x14ac:dyDescent="0.3">
      <c r="A24706" s="13" t="s">
        <v>161</v>
      </c>
      <c r="B24706" s="14" t="s">
        <v>1</v>
      </c>
      <c r="C24706" s="14" t="s">
        <v>51</v>
      </c>
      <c r="D24706" s="14" t="s">
        <v>142</v>
      </c>
      <c r="E24706" s="15">
        <v>45627</v>
      </c>
      <c r="F24706" s="14" t="s">
        <v>28</v>
      </c>
      <c r="G24706" s="16">
        <v>0</v>
      </c>
    </row>
    <row r="24707" spans="1:7" x14ac:dyDescent="0.3">
      <c r="A24707" s="13" t="s">
        <v>161</v>
      </c>
      <c r="B24707" s="14" t="s">
        <v>1</v>
      </c>
      <c r="C24707" s="14" t="s">
        <v>51</v>
      </c>
      <c r="D24707" s="14" t="s">
        <v>142</v>
      </c>
      <c r="E24707" s="15">
        <v>45628</v>
      </c>
      <c r="F24707" s="14" t="s">
        <v>28</v>
      </c>
      <c r="G24707" s="16">
        <v>0</v>
      </c>
    </row>
    <row r="24708" spans="1:7" x14ac:dyDescent="0.3">
      <c r="A24708" s="13" t="s">
        <v>161</v>
      </c>
      <c r="B24708" s="14" t="s">
        <v>1</v>
      </c>
      <c r="C24708" s="14" t="s">
        <v>51</v>
      </c>
      <c r="D24708" s="14" t="s">
        <v>142</v>
      </c>
      <c r="E24708" s="15">
        <v>45629</v>
      </c>
      <c r="F24708" s="14" t="s">
        <v>28</v>
      </c>
      <c r="G24708" s="16">
        <v>0</v>
      </c>
    </row>
    <row r="24709" spans="1:7" x14ac:dyDescent="0.3">
      <c r="A24709" s="13" t="s">
        <v>161</v>
      </c>
      <c r="B24709" s="14" t="s">
        <v>1</v>
      </c>
      <c r="C24709" s="14" t="s">
        <v>51</v>
      </c>
      <c r="D24709" s="14" t="s">
        <v>142</v>
      </c>
      <c r="E24709" s="15">
        <v>45630</v>
      </c>
      <c r="F24709" s="14" t="s">
        <v>28</v>
      </c>
      <c r="G24709" s="16">
        <v>0</v>
      </c>
    </row>
    <row r="24710" spans="1:7" x14ac:dyDescent="0.3">
      <c r="A24710" s="13" t="s">
        <v>161</v>
      </c>
      <c r="B24710" s="14" t="s">
        <v>1</v>
      </c>
      <c r="C24710" s="14" t="s">
        <v>51</v>
      </c>
      <c r="D24710" s="14" t="s">
        <v>142</v>
      </c>
      <c r="E24710" s="15">
        <v>45631</v>
      </c>
      <c r="F24710" s="14" t="s">
        <v>28</v>
      </c>
      <c r="G24710" s="16">
        <v>0</v>
      </c>
    </row>
    <row r="24711" spans="1:7" x14ac:dyDescent="0.3">
      <c r="A24711" s="13" t="s">
        <v>161</v>
      </c>
      <c r="B24711" s="14" t="s">
        <v>1</v>
      </c>
      <c r="C24711" s="14" t="s">
        <v>51</v>
      </c>
      <c r="D24711" s="14" t="s">
        <v>142</v>
      </c>
      <c r="E24711" s="15">
        <v>45632</v>
      </c>
      <c r="F24711" s="14" t="s">
        <v>28</v>
      </c>
      <c r="G24711" s="16">
        <v>0</v>
      </c>
    </row>
    <row r="24712" spans="1:7" x14ac:dyDescent="0.3">
      <c r="A24712" s="13" t="s">
        <v>161</v>
      </c>
      <c r="B24712" s="14" t="s">
        <v>1</v>
      </c>
      <c r="C24712" s="14" t="s">
        <v>51</v>
      </c>
      <c r="D24712" s="14" t="s">
        <v>142</v>
      </c>
      <c r="E24712" s="15">
        <v>45633</v>
      </c>
      <c r="F24712" s="14" t="s">
        <v>28</v>
      </c>
      <c r="G24712" s="16">
        <v>0</v>
      </c>
    </row>
    <row r="24713" spans="1:7" x14ac:dyDescent="0.3">
      <c r="A24713" s="13" t="s">
        <v>161</v>
      </c>
      <c r="B24713" s="14" t="s">
        <v>1</v>
      </c>
      <c r="C24713" s="14" t="s">
        <v>51</v>
      </c>
      <c r="D24713" s="14" t="s">
        <v>142</v>
      </c>
      <c r="E24713" s="15">
        <v>45634</v>
      </c>
      <c r="F24713" s="14" t="s">
        <v>28</v>
      </c>
      <c r="G24713" s="16">
        <v>0</v>
      </c>
    </row>
    <row r="24714" spans="1:7" x14ac:dyDescent="0.3">
      <c r="A24714" s="13" t="s">
        <v>161</v>
      </c>
      <c r="B24714" s="14" t="s">
        <v>1</v>
      </c>
      <c r="C24714" s="14" t="s">
        <v>51</v>
      </c>
      <c r="D24714" s="14" t="s">
        <v>142</v>
      </c>
      <c r="E24714" s="15">
        <v>45635</v>
      </c>
      <c r="F24714" s="14" t="s">
        <v>28</v>
      </c>
      <c r="G24714" s="16">
        <v>0</v>
      </c>
    </row>
    <row r="24715" spans="1:7" x14ac:dyDescent="0.3">
      <c r="A24715" s="13" t="s">
        <v>161</v>
      </c>
      <c r="B24715" s="14" t="s">
        <v>1</v>
      </c>
      <c r="C24715" s="14" t="s">
        <v>51</v>
      </c>
      <c r="D24715" s="14" t="s">
        <v>142</v>
      </c>
      <c r="E24715" s="15">
        <v>45636</v>
      </c>
      <c r="F24715" s="14" t="s">
        <v>28</v>
      </c>
      <c r="G24715" s="16">
        <v>0</v>
      </c>
    </row>
    <row r="24716" spans="1:7" x14ac:dyDescent="0.3">
      <c r="A24716" s="13" t="s">
        <v>161</v>
      </c>
      <c r="B24716" s="14" t="s">
        <v>1</v>
      </c>
      <c r="C24716" s="14" t="s">
        <v>51</v>
      </c>
      <c r="D24716" s="14" t="s">
        <v>142</v>
      </c>
      <c r="E24716" s="15">
        <v>45637</v>
      </c>
      <c r="F24716" s="14" t="s">
        <v>28</v>
      </c>
      <c r="G24716" s="16">
        <v>0</v>
      </c>
    </row>
    <row r="24717" spans="1:7" x14ac:dyDescent="0.3">
      <c r="A24717" s="13" t="s">
        <v>161</v>
      </c>
      <c r="B24717" s="14" t="s">
        <v>1</v>
      </c>
      <c r="C24717" s="14" t="s">
        <v>51</v>
      </c>
      <c r="D24717" s="14" t="s">
        <v>142</v>
      </c>
      <c r="E24717" s="15">
        <v>45638</v>
      </c>
      <c r="F24717" s="14" t="s">
        <v>28</v>
      </c>
      <c r="G24717" s="16">
        <v>0</v>
      </c>
    </row>
    <row r="24718" spans="1:7" x14ac:dyDescent="0.3">
      <c r="A24718" s="13" t="s">
        <v>161</v>
      </c>
      <c r="B24718" s="14" t="s">
        <v>1</v>
      </c>
      <c r="C24718" s="14" t="s">
        <v>51</v>
      </c>
      <c r="D24718" s="14" t="s">
        <v>142</v>
      </c>
      <c r="E24718" s="15">
        <v>45639</v>
      </c>
      <c r="F24718" s="14" t="s">
        <v>28</v>
      </c>
      <c r="G24718" s="16">
        <v>0</v>
      </c>
    </row>
    <row r="24719" spans="1:7" x14ac:dyDescent="0.3">
      <c r="A24719" s="13" t="s">
        <v>161</v>
      </c>
      <c r="B24719" s="14" t="s">
        <v>1</v>
      </c>
      <c r="C24719" s="14" t="s">
        <v>51</v>
      </c>
      <c r="D24719" s="14" t="s">
        <v>142</v>
      </c>
      <c r="E24719" s="15">
        <v>45640</v>
      </c>
      <c r="F24719" s="14" t="s">
        <v>28</v>
      </c>
      <c r="G24719" s="16">
        <v>0</v>
      </c>
    </row>
    <row r="24720" spans="1:7" x14ac:dyDescent="0.3">
      <c r="A24720" s="13" t="s">
        <v>161</v>
      </c>
      <c r="B24720" s="14" t="s">
        <v>1</v>
      </c>
      <c r="C24720" s="14" t="s">
        <v>51</v>
      </c>
      <c r="D24720" s="14" t="s">
        <v>142</v>
      </c>
      <c r="E24720" s="15">
        <v>45641</v>
      </c>
      <c r="F24720" s="14" t="s">
        <v>28</v>
      </c>
      <c r="G24720" s="16">
        <v>0</v>
      </c>
    </row>
    <row r="24721" spans="1:7" x14ac:dyDescent="0.3">
      <c r="A24721" s="13" t="s">
        <v>161</v>
      </c>
      <c r="B24721" s="14" t="s">
        <v>1</v>
      </c>
      <c r="C24721" s="14" t="s">
        <v>51</v>
      </c>
      <c r="D24721" s="14" t="s">
        <v>142</v>
      </c>
      <c r="E24721" s="15">
        <v>45642</v>
      </c>
      <c r="F24721" s="14" t="s">
        <v>28</v>
      </c>
      <c r="G24721" s="16">
        <v>0</v>
      </c>
    </row>
    <row r="24722" spans="1:7" x14ac:dyDescent="0.3">
      <c r="A24722" s="13" t="s">
        <v>161</v>
      </c>
      <c r="B24722" s="14" t="s">
        <v>1</v>
      </c>
      <c r="C24722" s="14" t="s">
        <v>51</v>
      </c>
      <c r="D24722" s="14" t="s">
        <v>142</v>
      </c>
      <c r="E24722" s="15">
        <v>45643</v>
      </c>
      <c r="F24722" s="14" t="s">
        <v>28</v>
      </c>
      <c r="G24722" s="16">
        <v>0</v>
      </c>
    </row>
    <row r="24723" spans="1:7" x14ac:dyDescent="0.3">
      <c r="A24723" s="13" t="s">
        <v>161</v>
      </c>
      <c r="B24723" s="14" t="s">
        <v>1</v>
      </c>
      <c r="C24723" s="14" t="s">
        <v>51</v>
      </c>
      <c r="D24723" s="14" t="s">
        <v>142</v>
      </c>
      <c r="E24723" s="15">
        <v>45644</v>
      </c>
      <c r="F24723" s="14" t="s">
        <v>28</v>
      </c>
      <c r="G24723" s="16">
        <v>0</v>
      </c>
    </row>
    <row r="24724" spans="1:7" x14ac:dyDescent="0.3">
      <c r="A24724" s="13" t="s">
        <v>161</v>
      </c>
      <c r="B24724" s="14" t="s">
        <v>1</v>
      </c>
      <c r="C24724" s="14" t="s">
        <v>51</v>
      </c>
      <c r="D24724" s="14" t="s">
        <v>142</v>
      </c>
      <c r="E24724" s="15">
        <v>45645</v>
      </c>
      <c r="F24724" s="14" t="s">
        <v>28</v>
      </c>
      <c r="G24724" s="16">
        <v>0</v>
      </c>
    </row>
    <row r="24725" spans="1:7" x14ac:dyDescent="0.3">
      <c r="A24725" s="13" t="s">
        <v>161</v>
      </c>
      <c r="B24725" s="14" t="s">
        <v>1</v>
      </c>
      <c r="C24725" s="14" t="s">
        <v>51</v>
      </c>
      <c r="D24725" s="14" t="s">
        <v>142</v>
      </c>
      <c r="E24725" s="15">
        <v>45646</v>
      </c>
      <c r="F24725" s="14" t="s">
        <v>28</v>
      </c>
      <c r="G24725" s="16">
        <v>0</v>
      </c>
    </row>
    <row r="24726" spans="1:7" x14ac:dyDescent="0.3">
      <c r="A24726" s="13" t="s">
        <v>161</v>
      </c>
      <c r="B24726" s="14" t="s">
        <v>1</v>
      </c>
      <c r="C24726" s="14" t="s">
        <v>51</v>
      </c>
      <c r="D24726" s="14" t="s">
        <v>142</v>
      </c>
      <c r="E24726" s="15">
        <v>45647</v>
      </c>
      <c r="F24726" s="14" t="s">
        <v>28</v>
      </c>
      <c r="G24726" s="16">
        <v>0</v>
      </c>
    </row>
    <row r="24727" spans="1:7" x14ac:dyDescent="0.3">
      <c r="A24727" s="13" t="s">
        <v>161</v>
      </c>
      <c r="B24727" s="14" t="s">
        <v>1</v>
      </c>
      <c r="C24727" s="14" t="s">
        <v>51</v>
      </c>
      <c r="D24727" s="14" t="s">
        <v>142</v>
      </c>
      <c r="E24727" s="15">
        <v>45648</v>
      </c>
      <c r="F24727" s="14" t="s">
        <v>28</v>
      </c>
      <c r="G24727" s="16">
        <v>0</v>
      </c>
    </row>
    <row r="24728" spans="1:7" x14ac:dyDescent="0.3">
      <c r="A24728" s="13" t="s">
        <v>161</v>
      </c>
      <c r="B24728" s="14" t="s">
        <v>1</v>
      </c>
      <c r="C24728" s="14" t="s">
        <v>51</v>
      </c>
      <c r="D24728" s="14" t="s">
        <v>142</v>
      </c>
      <c r="E24728" s="15">
        <v>45649</v>
      </c>
      <c r="F24728" s="14" t="s">
        <v>28</v>
      </c>
      <c r="G24728" s="16">
        <v>0</v>
      </c>
    </row>
    <row r="24729" spans="1:7" x14ac:dyDescent="0.3">
      <c r="A24729" s="13" t="s">
        <v>161</v>
      </c>
      <c r="B24729" s="14" t="s">
        <v>1</v>
      </c>
      <c r="C24729" s="14" t="s">
        <v>51</v>
      </c>
      <c r="D24729" s="14" t="s">
        <v>142</v>
      </c>
      <c r="E24729" s="15">
        <v>45650</v>
      </c>
      <c r="F24729" s="14" t="s">
        <v>28</v>
      </c>
      <c r="G24729" s="16">
        <v>0</v>
      </c>
    </row>
    <row r="24730" spans="1:7" x14ac:dyDescent="0.3">
      <c r="A24730" s="13" t="s">
        <v>161</v>
      </c>
      <c r="B24730" s="14" t="s">
        <v>1</v>
      </c>
      <c r="C24730" s="14" t="s">
        <v>51</v>
      </c>
      <c r="D24730" s="14" t="s">
        <v>142</v>
      </c>
      <c r="E24730" s="15">
        <v>45651</v>
      </c>
      <c r="F24730" s="14" t="s">
        <v>28</v>
      </c>
      <c r="G24730" s="16">
        <v>0</v>
      </c>
    </row>
    <row r="24731" spans="1:7" x14ac:dyDescent="0.3">
      <c r="A24731" s="13" t="s">
        <v>161</v>
      </c>
      <c r="B24731" s="14" t="s">
        <v>1</v>
      </c>
      <c r="C24731" s="14" t="s">
        <v>51</v>
      </c>
      <c r="D24731" s="14" t="s">
        <v>142</v>
      </c>
      <c r="E24731" s="15">
        <v>45652</v>
      </c>
      <c r="F24731" s="14" t="s">
        <v>28</v>
      </c>
      <c r="G24731" s="16">
        <v>0</v>
      </c>
    </row>
    <row r="24732" spans="1:7" x14ac:dyDescent="0.3">
      <c r="A24732" s="13" t="s">
        <v>161</v>
      </c>
      <c r="B24732" s="14" t="s">
        <v>1</v>
      </c>
      <c r="C24732" s="14" t="s">
        <v>51</v>
      </c>
      <c r="D24732" s="14" t="s">
        <v>142</v>
      </c>
      <c r="E24732" s="15">
        <v>45653</v>
      </c>
      <c r="F24732" s="14" t="s">
        <v>28</v>
      </c>
      <c r="G24732" s="16">
        <v>0</v>
      </c>
    </row>
    <row r="24733" spans="1:7" x14ac:dyDescent="0.3">
      <c r="A24733" s="13" t="s">
        <v>161</v>
      </c>
      <c r="B24733" s="14" t="s">
        <v>1</v>
      </c>
      <c r="C24733" s="14" t="s">
        <v>51</v>
      </c>
      <c r="D24733" s="14" t="s">
        <v>142</v>
      </c>
      <c r="E24733" s="15">
        <v>45654</v>
      </c>
      <c r="F24733" s="14" t="s">
        <v>28</v>
      </c>
      <c r="G24733" s="16">
        <v>0</v>
      </c>
    </row>
    <row r="24734" spans="1:7" x14ac:dyDescent="0.3">
      <c r="A24734" s="13" t="s">
        <v>161</v>
      </c>
      <c r="B24734" s="14" t="s">
        <v>1</v>
      </c>
      <c r="C24734" s="14" t="s">
        <v>51</v>
      </c>
      <c r="D24734" s="14" t="s">
        <v>142</v>
      </c>
      <c r="E24734" s="15">
        <v>45655</v>
      </c>
      <c r="F24734" s="14" t="s">
        <v>28</v>
      </c>
      <c r="G24734" s="16">
        <v>0</v>
      </c>
    </row>
    <row r="24735" spans="1:7" x14ac:dyDescent="0.3">
      <c r="A24735" s="13" t="s">
        <v>161</v>
      </c>
      <c r="B24735" s="14" t="s">
        <v>1</v>
      </c>
      <c r="C24735" s="14" t="s">
        <v>51</v>
      </c>
      <c r="D24735" s="14" t="s">
        <v>142</v>
      </c>
      <c r="E24735" s="15">
        <v>45656</v>
      </c>
      <c r="F24735" s="14" t="s">
        <v>28</v>
      </c>
      <c r="G24735" s="16">
        <v>0</v>
      </c>
    </row>
    <row r="24736" spans="1:7" x14ac:dyDescent="0.3">
      <c r="A24736" s="13" t="s">
        <v>161</v>
      </c>
      <c r="B24736" s="14" t="s">
        <v>1</v>
      </c>
      <c r="C24736" s="14" t="s">
        <v>51</v>
      </c>
      <c r="D24736" s="14" t="s">
        <v>142</v>
      </c>
      <c r="E24736" s="15">
        <v>45657</v>
      </c>
      <c r="F24736" s="14" t="s">
        <v>28</v>
      </c>
      <c r="G24736" s="16">
        <v>0</v>
      </c>
    </row>
    <row r="24737" spans="1:7" x14ac:dyDescent="0.3">
      <c r="A24737" s="13" t="s">
        <v>161</v>
      </c>
      <c r="B24737" s="14" t="s">
        <v>1</v>
      </c>
      <c r="C24737" s="14" t="s">
        <v>51</v>
      </c>
      <c r="D24737" s="14" t="s">
        <v>142</v>
      </c>
      <c r="E24737" s="15">
        <v>45658</v>
      </c>
      <c r="F24737" s="14" t="s">
        <v>28</v>
      </c>
      <c r="G24737" s="16">
        <v>0</v>
      </c>
    </row>
    <row r="24738" spans="1:7" x14ac:dyDescent="0.3">
      <c r="A24738" s="13" t="s">
        <v>161</v>
      </c>
      <c r="B24738" s="14" t="s">
        <v>1</v>
      </c>
      <c r="C24738" s="14" t="s">
        <v>51</v>
      </c>
      <c r="D24738" s="14" t="s">
        <v>142</v>
      </c>
      <c r="E24738" s="15">
        <v>45659</v>
      </c>
      <c r="F24738" s="14" t="s">
        <v>28</v>
      </c>
      <c r="G24738" s="16">
        <v>0</v>
      </c>
    </row>
    <row r="24739" spans="1:7" x14ac:dyDescent="0.3">
      <c r="A24739" s="13" t="s">
        <v>161</v>
      </c>
      <c r="B24739" s="14" t="s">
        <v>1</v>
      </c>
      <c r="C24739" s="14" t="s">
        <v>51</v>
      </c>
      <c r="D24739" s="14" t="s">
        <v>142</v>
      </c>
      <c r="E24739" s="15">
        <v>45660</v>
      </c>
      <c r="F24739" s="14" t="s">
        <v>28</v>
      </c>
      <c r="G24739" s="16">
        <v>0</v>
      </c>
    </row>
    <row r="24740" spans="1:7" x14ac:dyDescent="0.3">
      <c r="A24740" s="13" t="s">
        <v>161</v>
      </c>
      <c r="B24740" s="14" t="s">
        <v>1</v>
      </c>
      <c r="C24740" s="14" t="s">
        <v>51</v>
      </c>
      <c r="D24740" s="14" t="s">
        <v>142</v>
      </c>
      <c r="E24740" s="15">
        <v>45661</v>
      </c>
      <c r="F24740" s="14" t="s">
        <v>28</v>
      </c>
      <c r="G24740" s="16">
        <v>0</v>
      </c>
    </row>
    <row r="24741" spans="1:7" x14ac:dyDescent="0.3">
      <c r="A24741" s="13" t="s">
        <v>161</v>
      </c>
      <c r="B24741" s="14" t="s">
        <v>1</v>
      </c>
      <c r="C24741" s="14" t="s">
        <v>51</v>
      </c>
      <c r="D24741" s="14" t="s">
        <v>142</v>
      </c>
      <c r="E24741" s="15">
        <v>45662</v>
      </c>
      <c r="F24741" s="14" t="s">
        <v>28</v>
      </c>
      <c r="G24741" s="16">
        <v>0</v>
      </c>
    </row>
    <row r="24742" spans="1:7" x14ac:dyDescent="0.3">
      <c r="A24742" s="13" t="s">
        <v>161</v>
      </c>
      <c r="B24742" s="14" t="s">
        <v>1</v>
      </c>
      <c r="C24742" s="14" t="s">
        <v>51</v>
      </c>
      <c r="D24742" s="14" t="s">
        <v>142</v>
      </c>
      <c r="E24742" s="15">
        <v>45663</v>
      </c>
      <c r="F24742" s="14" t="s">
        <v>28</v>
      </c>
      <c r="G24742" s="16">
        <v>0</v>
      </c>
    </row>
    <row r="24743" spans="1:7" x14ac:dyDescent="0.3">
      <c r="A24743" s="13" t="s">
        <v>161</v>
      </c>
      <c r="B24743" s="14" t="s">
        <v>1</v>
      </c>
      <c r="C24743" s="14" t="s">
        <v>51</v>
      </c>
      <c r="D24743" s="14" t="s">
        <v>142</v>
      </c>
      <c r="E24743" s="15">
        <v>45664</v>
      </c>
      <c r="F24743" s="14" t="s">
        <v>28</v>
      </c>
      <c r="G24743" s="16">
        <v>0</v>
      </c>
    </row>
    <row r="24744" spans="1:7" x14ac:dyDescent="0.3">
      <c r="A24744" s="13" t="s">
        <v>161</v>
      </c>
      <c r="B24744" s="14" t="s">
        <v>1</v>
      </c>
      <c r="C24744" s="14" t="s">
        <v>51</v>
      </c>
      <c r="D24744" s="14" t="s">
        <v>142</v>
      </c>
      <c r="E24744" s="15">
        <v>45665</v>
      </c>
      <c r="F24744" s="14" t="s">
        <v>28</v>
      </c>
      <c r="G24744" s="16">
        <v>0</v>
      </c>
    </row>
    <row r="24745" spans="1:7" x14ac:dyDescent="0.3">
      <c r="A24745" s="13" t="s">
        <v>161</v>
      </c>
      <c r="B24745" s="14" t="s">
        <v>1</v>
      </c>
      <c r="C24745" s="14" t="s">
        <v>51</v>
      </c>
      <c r="D24745" s="14" t="s">
        <v>142</v>
      </c>
      <c r="E24745" s="15">
        <v>45666</v>
      </c>
      <c r="F24745" s="14" t="s">
        <v>28</v>
      </c>
      <c r="G24745" s="16">
        <v>0</v>
      </c>
    </row>
    <row r="24746" spans="1:7" x14ac:dyDescent="0.3">
      <c r="A24746" s="13" t="s">
        <v>161</v>
      </c>
      <c r="B24746" s="14" t="s">
        <v>1</v>
      </c>
      <c r="C24746" s="14" t="s">
        <v>51</v>
      </c>
      <c r="D24746" s="14" t="s">
        <v>142</v>
      </c>
      <c r="E24746" s="15">
        <v>45667</v>
      </c>
      <c r="F24746" s="14" t="s">
        <v>28</v>
      </c>
      <c r="G24746" s="16">
        <v>0</v>
      </c>
    </row>
    <row r="24747" spans="1:7" x14ac:dyDescent="0.3">
      <c r="A24747" s="13" t="s">
        <v>161</v>
      </c>
      <c r="B24747" s="14" t="s">
        <v>1</v>
      </c>
      <c r="C24747" s="14" t="s">
        <v>51</v>
      </c>
      <c r="D24747" s="14" t="s">
        <v>142</v>
      </c>
      <c r="E24747" s="15">
        <v>45668</v>
      </c>
      <c r="F24747" s="14" t="s">
        <v>28</v>
      </c>
      <c r="G24747" s="16">
        <v>0</v>
      </c>
    </row>
    <row r="24748" spans="1:7" x14ac:dyDescent="0.3">
      <c r="A24748" s="13" t="s">
        <v>161</v>
      </c>
      <c r="B24748" s="14" t="s">
        <v>1</v>
      </c>
      <c r="C24748" s="14" t="s">
        <v>51</v>
      </c>
      <c r="D24748" s="14" t="s">
        <v>142</v>
      </c>
      <c r="E24748" s="15">
        <v>45669</v>
      </c>
      <c r="F24748" s="14" t="s">
        <v>28</v>
      </c>
      <c r="G24748" s="16">
        <v>0</v>
      </c>
    </row>
    <row r="24749" spans="1:7" x14ac:dyDescent="0.3">
      <c r="A24749" s="13" t="s">
        <v>161</v>
      </c>
      <c r="B24749" s="14" t="s">
        <v>1</v>
      </c>
      <c r="C24749" s="14" t="s">
        <v>51</v>
      </c>
      <c r="D24749" s="14" t="s">
        <v>142</v>
      </c>
      <c r="E24749" s="15">
        <v>45670</v>
      </c>
      <c r="F24749" s="14" t="s">
        <v>28</v>
      </c>
      <c r="G24749" s="16">
        <v>0</v>
      </c>
    </row>
    <row r="24750" spans="1:7" x14ac:dyDescent="0.3">
      <c r="A24750" s="13" t="s">
        <v>161</v>
      </c>
      <c r="B24750" s="14" t="s">
        <v>1</v>
      </c>
      <c r="C24750" s="14" t="s">
        <v>51</v>
      </c>
      <c r="D24750" s="14" t="s">
        <v>142</v>
      </c>
      <c r="E24750" s="15">
        <v>45671</v>
      </c>
      <c r="F24750" s="14" t="s">
        <v>28</v>
      </c>
      <c r="G24750" s="16">
        <v>0</v>
      </c>
    </row>
    <row r="24751" spans="1:7" x14ac:dyDescent="0.3">
      <c r="A24751" s="13" t="s">
        <v>161</v>
      </c>
      <c r="B24751" s="14" t="s">
        <v>1</v>
      </c>
      <c r="C24751" s="14" t="s">
        <v>51</v>
      </c>
      <c r="D24751" s="14" t="s">
        <v>142</v>
      </c>
      <c r="E24751" s="15">
        <v>45672</v>
      </c>
      <c r="F24751" s="14" t="s">
        <v>28</v>
      </c>
      <c r="G24751" s="16">
        <v>0</v>
      </c>
    </row>
    <row r="24752" spans="1:7" x14ac:dyDescent="0.3">
      <c r="A24752" s="13" t="s">
        <v>161</v>
      </c>
      <c r="B24752" s="14" t="s">
        <v>1</v>
      </c>
      <c r="C24752" s="14" t="s">
        <v>51</v>
      </c>
      <c r="D24752" s="14" t="s">
        <v>142</v>
      </c>
      <c r="E24752" s="15">
        <v>45673</v>
      </c>
      <c r="F24752" s="14" t="s">
        <v>28</v>
      </c>
      <c r="G24752" s="16">
        <v>0</v>
      </c>
    </row>
    <row r="24753" spans="1:7" x14ac:dyDescent="0.3">
      <c r="A24753" s="13" t="s">
        <v>161</v>
      </c>
      <c r="B24753" s="14" t="s">
        <v>1</v>
      </c>
      <c r="C24753" s="14" t="s">
        <v>51</v>
      </c>
      <c r="D24753" s="14" t="s">
        <v>142</v>
      </c>
      <c r="E24753" s="15">
        <v>45674</v>
      </c>
      <c r="F24753" s="14" t="s">
        <v>28</v>
      </c>
      <c r="G24753" s="16">
        <v>0</v>
      </c>
    </row>
    <row r="24754" spans="1:7" x14ac:dyDescent="0.3">
      <c r="A24754" s="13" t="s">
        <v>161</v>
      </c>
      <c r="B24754" s="14" t="s">
        <v>1</v>
      </c>
      <c r="C24754" s="14" t="s">
        <v>51</v>
      </c>
      <c r="D24754" s="14" t="s">
        <v>142</v>
      </c>
      <c r="E24754" s="15">
        <v>45675</v>
      </c>
      <c r="F24754" s="14" t="s">
        <v>28</v>
      </c>
      <c r="G24754" s="16">
        <v>0</v>
      </c>
    </row>
    <row r="24755" spans="1:7" x14ac:dyDescent="0.3">
      <c r="A24755" s="13" t="s">
        <v>161</v>
      </c>
      <c r="B24755" s="14" t="s">
        <v>1</v>
      </c>
      <c r="C24755" s="14" t="s">
        <v>51</v>
      </c>
      <c r="D24755" s="14" t="s">
        <v>142</v>
      </c>
      <c r="E24755" s="15">
        <v>45676</v>
      </c>
      <c r="F24755" s="14" t="s">
        <v>28</v>
      </c>
      <c r="G24755" s="16">
        <v>0</v>
      </c>
    </row>
    <row r="24756" spans="1:7" x14ac:dyDescent="0.3">
      <c r="A24756" s="13" t="s">
        <v>161</v>
      </c>
      <c r="B24756" s="14" t="s">
        <v>1</v>
      </c>
      <c r="C24756" s="14" t="s">
        <v>51</v>
      </c>
      <c r="D24756" s="14" t="s">
        <v>142</v>
      </c>
      <c r="E24756" s="15">
        <v>45677</v>
      </c>
      <c r="F24756" s="14" t="s">
        <v>28</v>
      </c>
      <c r="G24756" s="16">
        <v>0</v>
      </c>
    </row>
    <row r="24757" spans="1:7" x14ac:dyDescent="0.3">
      <c r="A24757" s="13" t="s">
        <v>161</v>
      </c>
      <c r="B24757" s="14" t="s">
        <v>1</v>
      </c>
      <c r="C24757" s="14" t="s">
        <v>51</v>
      </c>
      <c r="D24757" s="14" t="s">
        <v>142</v>
      </c>
      <c r="E24757" s="15">
        <v>45678</v>
      </c>
      <c r="F24757" s="14" t="s">
        <v>28</v>
      </c>
      <c r="G24757" s="16">
        <v>0</v>
      </c>
    </row>
    <row r="24758" spans="1:7" x14ac:dyDescent="0.3">
      <c r="A24758" s="13" t="s">
        <v>161</v>
      </c>
      <c r="B24758" s="14" t="s">
        <v>1</v>
      </c>
      <c r="C24758" s="14" t="s">
        <v>51</v>
      </c>
      <c r="D24758" s="14" t="s">
        <v>142</v>
      </c>
      <c r="E24758" s="15">
        <v>45679</v>
      </c>
      <c r="F24758" s="14" t="s">
        <v>28</v>
      </c>
      <c r="G24758" s="16">
        <v>0</v>
      </c>
    </row>
    <row r="24759" spans="1:7" x14ac:dyDescent="0.3">
      <c r="A24759" s="13" t="s">
        <v>161</v>
      </c>
      <c r="B24759" s="14" t="s">
        <v>1</v>
      </c>
      <c r="C24759" s="14" t="s">
        <v>51</v>
      </c>
      <c r="D24759" s="14" t="s">
        <v>142</v>
      </c>
      <c r="E24759" s="15">
        <v>45680</v>
      </c>
      <c r="F24759" s="14" t="s">
        <v>28</v>
      </c>
      <c r="G24759" s="16">
        <v>0</v>
      </c>
    </row>
    <row r="24760" spans="1:7" x14ac:dyDescent="0.3">
      <c r="A24760" s="13" t="s">
        <v>161</v>
      </c>
      <c r="B24760" s="14" t="s">
        <v>1</v>
      </c>
      <c r="C24760" s="14" t="s">
        <v>51</v>
      </c>
      <c r="D24760" s="14" t="s">
        <v>142</v>
      </c>
      <c r="E24760" s="15">
        <v>45681</v>
      </c>
      <c r="F24760" s="14" t="s">
        <v>28</v>
      </c>
      <c r="G24760" s="16">
        <v>0</v>
      </c>
    </row>
    <row r="24761" spans="1:7" x14ac:dyDescent="0.3">
      <c r="A24761" s="13" t="s">
        <v>161</v>
      </c>
      <c r="B24761" s="14" t="s">
        <v>1</v>
      </c>
      <c r="C24761" s="14" t="s">
        <v>51</v>
      </c>
      <c r="D24761" s="14" t="s">
        <v>142</v>
      </c>
      <c r="E24761" s="15">
        <v>45682</v>
      </c>
      <c r="F24761" s="14" t="s">
        <v>28</v>
      </c>
      <c r="G24761" s="16">
        <v>0</v>
      </c>
    </row>
    <row r="24762" spans="1:7" x14ac:dyDescent="0.3">
      <c r="A24762" s="13" t="s">
        <v>161</v>
      </c>
      <c r="B24762" s="14" t="s">
        <v>1</v>
      </c>
      <c r="C24762" s="14" t="s">
        <v>51</v>
      </c>
      <c r="D24762" s="14" t="s">
        <v>142</v>
      </c>
      <c r="E24762" s="15">
        <v>45683</v>
      </c>
      <c r="F24762" s="14" t="s">
        <v>28</v>
      </c>
      <c r="G24762" s="16">
        <v>0</v>
      </c>
    </row>
    <row r="24763" spans="1:7" x14ac:dyDescent="0.3">
      <c r="A24763" s="13" t="s">
        <v>161</v>
      </c>
      <c r="B24763" s="14" t="s">
        <v>1</v>
      </c>
      <c r="C24763" s="14" t="s">
        <v>51</v>
      </c>
      <c r="D24763" s="14" t="s">
        <v>142</v>
      </c>
      <c r="E24763" s="15">
        <v>45684</v>
      </c>
      <c r="F24763" s="14" t="s">
        <v>28</v>
      </c>
      <c r="G24763" s="16">
        <v>0</v>
      </c>
    </row>
    <row r="24764" spans="1:7" x14ac:dyDescent="0.3">
      <c r="A24764" s="13" t="s">
        <v>161</v>
      </c>
      <c r="B24764" s="14" t="s">
        <v>1</v>
      </c>
      <c r="C24764" s="14" t="s">
        <v>51</v>
      </c>
      <c r="D24764" s="14" t="s">
        <v>142</v>
      </c>
      <c r="E24764" s="15">
        <v>45685</v>
      </c>
      <c r="F24764" s="14" t="s">
        <v>28</v>
      </c>
      <c r="G24764" s="16">
        <v>0</v>
      </c>
    </row>
    <row r="24765" spans="1:7" x14ac:dyDescent="0.3">
      <c r="A24765" s="13" t="s">
        <v>161</v>
      </c>
      <c r="B24765" s="14" t="s">
        <v>1</v>
      </c>
      <c r="C24765" s="14" t="s">
        <v>51</v>
      </c>
      <c r="D24765" s="14" t="s">
        <v>142</v>
      </c>
      <c r="E24765" s="15">
        <v>45686</v>
      </c>
      <c r="F24765" s="14" t="s">
        <v>28</v>
      </c>
      <c r="G24765" s="16">
        <v>0</v>
      </c>
    </row>
    <row r="24766" spans="1:7" x14ac:dyDescent="0.3">
      <c r="A24766" s="13" t="s">
        <v>161</v>
      </c>
      <c r="B24766" s="14" t="s">
        <v>1</v>
      </c>
      <c r="C24766" s="14" t="s">
        <v>51</v>
      </c>
      <c r="D24766" s="14" t="s">
        <v>142</v>
      </c>
      <c r="E24766" s="15">
        <v>45687</v>
      </c>
      <c r="F24766" s="14" t="s">
        <v>28</v>
      </c>
      <c r="G24766" s="16">
        <v>0</v>
      </c>
    </row>
    <row r="24767" spans="1:7" x14ac:dyDescent="0.3">
      <c r="A24767" s="13" t="s">
        <v>161</v>
      </c>
      <c r="B24767" s="14" t="s">
        <v>1</v>
      </c>
      <c r="C24767" s="14" t="s">
        <v>51</v>
      </c>
      <c r="D24767" s="14" t="s">
        <v>142</v>
      </c>
      <c r="E24767" s="15">
        <v>45688</v>
      </c>
      <c r="F24767" s="14" t="s">
        <v>28</v>
      </c>
      <c r="G24767" s="16">
        <v>0</v>
      </c>
    </row>
    <row r="24768" spans="1:7" x14ac:dyDescent="0.3">
      <c r="A24768" s="13" t="s">
        <v>161</v>
      </c>
      <c r="B24768" s="14" t="s">
        <v>1</v>
      </c>
      <c r="C24768" s="14" t="s">
        <v>51</v>
      </c>
      <c r="D24768" s="14" t="s">
        <v>142</v>
      </c>
      <c r="E24768" s="15">
        <v>45689</v>
      </c>
      <c r="F24768" s="14" t="s">
        <v>28</v>
      </c>
      <c r="G24768" s="16">
        <v>0</v>
      </c>
    </row>
    <row r="24769" spans="1:7" x14ac:dyDescent="0.3">
      <c r="A24769" s="13" t="s">
        <v>161</v>
      </c>
      <c r="B24769" s="14" t="s">
        <v>1</v>
      </c>
      <c r="C24769" s="14" t="s">
        <v>51</v>
      </c>
      <c r="D24769" s="14" t="s">
        <v>142</v>
      </c>
      <c r="E24769" s="15">
        <v>45690</v>
      </c>
      <c r="F24769" s="14" t="s">
        <v>28</v>
      </c>
      <c r="G24769" s="16">
        <v>0</v>
      </c>
    </row>
    <row r="24770" spans="1:7" x14ac:dyDescent="0.3">
      <c r="A24770" s="13" t="s">
        <v>161</v>
      </c>
      <c r="B24770" s="14" t="s">
        <v>1</v>
      </c>
      <c r="C24770" s="14" t="s">
        <v>51</v>
      </c>
      <c r="D24770" s="14" t="s">
        <v>142</v>
      </c>
      <c r="E24770" s="15">
        <v>45691</v>
      </c>
      <c r="F24770" s="14" t="s">
        <v>28</v>
      </c>
      <c r="G24770" s="16">
        <v>0</v>
      </c>
    </row>
    <row r="24771" spans="1:7" x14ac:dyDescent="0.3">
      <c r="A24771" s="13" t="s">
        <v>161</v>
      </c>
      <c r="B24771" s="14" t="s">
        <v>1</v>
      </c>
      <c r="C24771" s="14" t="s">
        <v>51</v>
      </c>
      <c r="D24771" s="14" t="s">
        <v>142</v>
      </c>
      <c r="E24771" s="15">
        <v>45692</v>
      </c>
      <c r="F24771" s="14" t="s">
        <v>28</v>
      </c>
      <c r="G24771" s="16">
        <v>0</v>
      </c>
    </row>
    <row r="24772" spans="1:7" x14ac:dyDescent="0.3">
      <c r="A24772" s="13" t="s">
        <v>161</v>
      </c>
      <c r="B24772" s="14" t="s">
        <v>1</v>
      </c>
      <c r="C24772" s="14" t="s">
        <v>51</v>
      </c>
      <c r="D24772" s="14" t="s">
        <v>142</v>
      </c>
      <c r="E24772" s="15">
        <v>45693</v>
      </c>
      <c r="F24772" s="14" t="s">
        <v>28</v>
      </c>
      <c r="G24772" s="16">
        <v>0</v>
      </c>
    </row>
    <row r="24773" spans="1:7" x14ac:dyDescent="0.3">
      <c r="A24773" s="13" t="s">
        <v>161</v>
      </c>
      <c r="B24773" s="14" t="s">
        <v>1</v>
      </c>
      <c r="C24773" s="14" t="s">
        <v>51</v>
      </c>
      <c r="D24773" s="14" t="s">
        <v>142</v>
      </c>
      <c r="E24773" s="15">
        <v>45694</v>
      </c>
      <c r="F24773" s="14" t="s">
        <v>28</v>
      </c>
      <c r="G24773" s="16">
        <v>0</v>
      </c>
    </row>
    <row r="24774" spans="1:7" x14ac:dyDescent="0.3">
      <c r="A24774" s="13" t="s">
        <v>161</v>
      </c>
      <c r="B24774" s="14" t="s">
        <v>1</v>
      </c>
      <c r="C24774" s="14" t="s">
        <v>51</v>
      </c>
      <c r="D24774" s="14" t="s">
        <v>142</v>
      </c>
      <c r="E24774" s="15">
        <v>45695</v>
      </c>
      <c r="F24774" s="14" t="s">
        <v>28</v>
      </c>
      <c r="G24774" s="16">
        <v>0</v>
      </c>
    </row>
    <row r="24775" spans="1:7" x14ac:dyDescent="0.3">
      <c r="A24775" s="13" t="s">
        <v>161</v>
      </c>
      <c r="B24775" s="14" t="s">
        <v>1</v>
      </c>
      <c r="C24775" s="14" t="s">
        <v>51</v>
      </c>
      <c r="D24775" s="14" t="s">
        <v>142</v>
      </c>
      <c r="E24775" s="15">
        <v>45696</v>
      </c>
      <c r="F24775" s="14" t="s">
        <v>28</v>
      </c>
      <c r="G24775" s="16">
        <v>0</v>
      </c>
    </row>
    <row r="24776" spans="1:7" x14ac:dyDescent="0.3">
      <c r="A24776" s="13" t="s">
        <v>161</v>
      </c>
      <c r="B24776" s="14" t="s">
        <v>1</v>
      </c>
      <c r="C24776" s="14" t="s">
        <v>51</v>
      </c>
      <c r="D24776" s="14" t="s">
        <v>142</v>
      </c>
      <c r="E24776" s="15">
        <v>45697</v>
      </c>
      <c r="F24776" s="14" t="s">
        <v>28</v>
      </c>
      <c r="G24776" s="16">
        <v>0</v>
      </c>
    </row>
    <row r="24777" spans="1:7" x14ac:dyDescent="0.3">
      <c r="A24777" s="13" t="s">
        <v>161</v>
      </c>
      <c r="B24777" s="14" t="s">
        <v>1</v>
      </c>
      <c r="C24777" s="14" t="s">
        <v>51</v>
      </c>
      <c r="D24777" s="14" t="s">
        <v>142</v>
      </c>
      <c r="E24777" s="15">
        <v>45698</v>
      </c>
      <c r="F24777" s="14" t="s">
        <v>28</v>
      </c>
      <c r="G24777" s="16">
        <v>0</v>
      </c>
    </row>
    <row r="24778" spans="1:7" x14ac:dyDescent="0.3">
      <c r="A24778" s="13" t="s">
        <v>161</v>
      </c>
      <c r="B24778" s="14" t="s">
        <v>1</v>
      </c>
      <c r="C24778" s="14" t="s">
        <v>51</v>
      </c>
      <c r="D24778" s="14" t="s">
        <v>142</v>
      </c>
      <c r="E24778" s="15">
        <v>45699</v>
      </c>
      <c r="F24778" s="14" t="s">
        <v>28</v>
      </c>
      <c r="G24778" s="16">
        <v>0</v>
      </c>
    </row>
    <row r="24779" spans="1:7" x14ac:dyDescent="0.3">
      <c r="A24779" s="13" t="s">
        <v>161</v>
      </c>
      <c r="B24779" s="14" t="s">
        <v>1</v>
      </c>
      <c r="C24779" s="14" t="s">
        <v>51</v>
      </c>
      <c r="D24779" s="14" t="s">
        <v>142</v>
      </c>
      <c r="E24779" s="15">
        <v>45700</v>
      </c>
      <c r="F24779" s="14" t="s">
        <v>28</v>
      </c>
      <c r="G24779" s="16">
        <v>0</v>
      </c>
    </row>
    <row r="24780" spans="1:7" x14ac:dyDescent="0.3">
      <c r="A24780" s="13" t="s">
        <v>161</v>
      </c>
      <c r="B24780" s="14" t="s">
        <v>1</v>
      </c>
      <c r="C24780" s="14" t="s">
        <v>51</v>
      </c>
      <c r="D24780" s="14" t="s">
        <v>142</v>
      </c>
      <c r="E24780" s="15">
        <v>45701</v>
      </c>
      <c r="F24780" s="14" t="s">
        <v>28</v>
      </c>
      <c r="G24780" s="16">
        <v>0</v>
      </c>
    </row>
    <row r="24781" spans="1:7" x14ac:dyDescent="0.3">
      <c r="A24781" s="13" t="s">
        <v>161</v>
      </c>
      <c r="B24781" s="14" t="s">
        <v>1</v>
      </c>
      <c r="C24781" s="14" t="s">
        <v>51</v>
      </c>
      <c r="D24781" s="14" t="s">
        <v>142</v>
      </c>
      <c r="E24781" s="15">
        <v>45702</v>
      </c>
      <c r="F24781" s="14" t="s">
        <v>28</v>
      </c>
      <c r="G24781" s="16">
        <v>0</v>
      </c>
    </row>
    <row r="24782" spans="1:7" x14ac:dyDescent="0.3">
      <c r="A24782" s="13" t="s">
        <v>161</v>
      </c>
      <c r="B24782" s="14" t="s">
        <v>1</v>
      </c>
      <c r="C24782" s="14" t="s">
        <v>51</v>
      </c>
      <c r="D24782" s="14" t="s">
        <v>142</v>
      </c>
      <c r="E24782" s="15">
        <v>45703</v>
      </c>
      <c r="F24782" s="14" t="s">
        <v>28</v>
      </c>
      <c r="G24782" s="16">
        <v>0</v>
      </c>
    </row>
    <row r="24783" spans="1:7" x14ac:dyDescent="0.3">
      <c r="A24783" s="13" t="s">
        <v>161</v>
      </c>
      <c r="B24783" s="14" t="s">
        <v>1</v>
      </c>
      <c r="C24783" s="14" t="s">
        <v>51</v>
      </c>
      <c r="D24783" s="14" t="s">
        <v>142</v>
      </c>
      <c r="E24783" s="15">
        <v>45704</v>
      </c>
      <c r="F24783" s="14" t="s">
        <v>28</v>
      </c>
      <c r="G24783" s="16">
        <v>0</v>
      </c>
    </row>
    <row r="24784" spans="1:7" x14ac:dyDescent="0.3">
      <c r="A24784" s="13" t="s">
        <v>161</v>
      </c>
      <c r="B24784" s="14" t="s">
        <v>1</v>
      </c>
      <c r="C24784" s="14" t="s">
        <v>51</v>
      </c>
      <c r="D24784" s="14" t="s">
        <v>142</v>
      </c>
      <c r="E24784" s="15">
        <v>45705</v>
      </c>
      <c r="F24784" s="14" t="s">
        <v>28</v>
      </c>
      <c r="G24784" s="16">
        <v>0</v>
      </c>
    </row>
    <row r="24785" spans="1:7" x14ac:dyDescent="0.3">
      <c r="A24785" s="13" t="s">
        <v>161</v>
      </c>
      <c r="B24785" s="14" t="s">
        <v>1</v>
      </c>
      <c r="C24785" s="14" t="s">
        <v>51</v>
      </c>
      <c r="D24785" s="14" t="s">
        <v>142</v>
      </c>
      <c r="E24785" s="15">
        <v>45706</v>
      </c>
      <c r="F24785" s="14" t="s">
        <v>28</v>
      </c>
      <c r="G24785" s="16">
        <v>0</v>
      </c>
    </row>
    <row r="24786" spans="1:7" x14ac:dyDescent="0.3">
      <c r="A24786" s="13" t="s">
        <v>161</v>
      </c>
      <c r="B24786" s="14" t="s">
        <v>1</v>
      </c>
      <c r="C24786" s="14" t="s">
        <v>51</v>
      </c>
      <c r="D24786" s="14" t="s">
        <v>142</v>
      </c>
      <c r="E24786" s="15">
        <v>45707</v>
      </c>
      <c r="F24786" s="14" t="s">
        <v>28</v>
      </c>
      <c r="G24786" s="16">
        <v>0</v>
      </c>
    </row>
    <row r="24787" spans="1:7" x14ac:dyDescent="0.3">
      <c r="A24787" s="13" t="s">
        <v>161</v>
      </c>
      <c r="B24787" s="14" t="s">
        <v>1</v>
      </c>
      <c r="C24787" s="14" t="s">
        <v>51</v>
      </c>
      <c r="D24787" s="14" t="s">
        <v>142</v>
      </c>
      <c r="E24787" s="15">
        <v>45708</v>
      </c>
      <c r="F24787" s="14" t="s">
        <v>28</v>
      </c>
      <c r="G24787" s="16">
        <v>0</v>
      </c>
    </row>
    <row r="24788" spans="1:7" x14ac:dyDescent="0.3">
      <c r="A24788" s="13" t="s">
        <v>161</v>
      </c>
      <c r="B24788" s="14" t="s">
        <v>1</v>
      </c>
      <c r="C24788" s="14" t="s">
        <v>51</v>
      </c>
      <c r="D24788" s="14" t="s">
        <v>142</v>
      </c>
      <c r="E24788" s="15">
        <v>45709</v>
      </c>
      <c r="F24788" s="14" t="s">
        <v>28</v>
      </c>
      <c r="G24788" s="16">
        <v>0</v>
      </c>
    </row>
    <row r="24789" spans="1:7" x14ac:dyDescent="0.3">
      <c r="A24789" s="13" t="s">
        <v>161</v>
      </c>
      <c r="B24789" s="14" t="s">
        <v>1</v>
      </c>
      <c r="C24789" s="14" t="s">
        <v>51</v>
      </c>
      <c r="D24789" s="14" t="s">
        <v>142</v>
      </c>
      <c r="E24789" s="15">
        <v>45710</v>
      </c>
      <c r="F24789" s="14" t="s">
        <v>28</v>
      </c>
      <c r="G24789" s="16">
        <v>0</v>
      </c>
    </row>
    <row r="24790" spans="1:7" x14ac:dyDescent="0.3">
      <c r="A24790" s="13" t="s">
        <v>161</v>
      </c>
      <c r="B24790" s="14" t="s">
        <v>1</v>
      </c>
      <c r="C24790" s="14" t="s">
        <v>51</v>
      </c>
      <c r="D24790" s="14" t="s">
        <v>142</v>
      </c>
      <c r="E24790" s="15">
        <v>45711</v>
      </c>
      <c r="F24790" s="14" t="s">
        <v>28</v>
      </c>
      <c r="G24790" s="16">
        <v>0</v>
      </c>
    </row>
    <row r="24791" spans="1:7" x14ac:dyDescent="0.3">
      <c r="A24791" s="13" t="s">
        <v>161</v>
      </c>
      <c r="B24791" s="14" t="s">
        <v>1</v>
      </c>
      <c r="C24791" s="14" t="s">
        <v>51</v>
      </c>
      <c r="D24791" s="14" t="s">
        <v>142</v>
      </c>
      <c r="E24791" s="15">
        <v>45712</v>
      </c>
      <c r="F24791" s="14" t="s">
        <v>28</v>
      </c>
      <c r="G24791" s="16">
        <v>0</v>
      </c>
    </row>
    <row r="24792" spans="1:7" x14ac:dyDescent="0.3">
      <c r="A24792" s="13" t="s">
        <v>161</v>
      </c>
      <c r="B24792" s="14" t="s">
        <v>1</v>
      </c>
      <c r="C24792" s="14" t="s">
        <v>51</v>
      </c>
      <c r="D24792" s="14" t="s">
        <v>142</v>
      </c>
      <c r="E24792" s="15">
        <v>45713</v>
      </c>
      <c r="F24792" s="14" t="s">
        <v>28</v>
      </c>
      <c r="G24792" s="16">
        <v>0</v>
      </c>
    </row>
    <row r="24793" spans="1:7" x14ac:dyDescent="0.3">
      <c r="A24793" s="13" t="s">
        <v>161</v>
      </c>
      <c r="B24793" s="14" t="s">
        <v>1</v>
      </c>
      <c r="C24793" s="14" t="s">
        <v>51</v>
      </c>
      <c r="D24793" s="14" t="s">
        <v>142</v>
      </c>
      <c r="E24793" s="15">
        <v>45714</v>
      </c>
      <c r="F24793" s="14" t="s">
        <v>28</v>
      </c>
      <c r="G24793" s="16">
        <v>0</v>
      </c>
    </row>
    <row r="24794" spans="1:7" x14ac:dyDescent="0.3">
      <c r="A24794" s="13" t="s">
        <v>161</v>
      </c>
      <c r="B24794" s="14" t="s">
        <v>1</v>
      </c>
      <c r="C24794" s="14" t="s">
        <v>51</v>
      </c>
      <c r="D24794" s="14" t="s">
        <v>142</v>
      </c>
      <c r="E24794" s="15">
        <v>45715</v>
      </c>
      <c r="F24794" s="14" t="s">
        <v>28</v>
      </c>
      <c r="G24794" s="16">
        <v>0</v>
      </c>
    </row>
    <row r="24795" spans="1:7" x14ac:dyDescent="0.3">
      <c r="A24795" s="13" t="s">
        <v>161</v>
      </c>
      <c r="B24795" s="14" t="s">
        <v>1</v>
      </c>
      <c r="C24795" s="14" t="s">
        <v>51</v>
      </c>
      <c r="D24795" s="14" t="s">
        <v>142</v>
      </c>
      <c r="E24795" s="15">
        <v>45716</v>
      </c>
      <c r="F24795" s="14" t="s">
        <v>28</v>
      </c>
      <c r="G24795" s="16">
        <v>0</v>
      </c>
    </row>
    <row r="24796" spans="1:7" x14ac:dyDescent="0.3">
      <c r="A24796" s="13" t="s">
        <v>161</v>
      </c>
      <c r="B24796" s="14" t="s">
        <v>1</v>
      </c>
      <c r="C24796" s="14" t="s">
        <v>51</v>
      </c>
      <c r="D24796" s="14" t="s">
        <v>142</v>
      </c>
      <c r="E24796" s="15">
        <v>45717</v>
      </c>
      <c r="F24796" s="14" t="s">
        <v>28</v>
      </c>
      <c r="G24796" s="16">
        <v>0</v>
      </c>
    </row>
    <row r="24797" spans="1:7" x14ac:dyDescent="0.3">
      <c r="A24797" s="13" t="s">
        <v>161</v>
      </c>
      <c r="B24797" s="14" t="s">
        <v>1</v>
      </c>
      <c r="C24797" s="14" t="s">
        <v>51</v>
      </c>
      <c r="D24797" s="14" t="s">
        <v>142</v>
      </c>
      <c r="E24797" s="15">
        <v>45718</v>
      </c>
      <c r="F24797" s="14" t="s">
        <v>28</v>
      </c>
      <c r="G24797" s="16">
        <v>0</v>
      </c>
    </row>
    <row r="24798" spans="1:7" x14ac:dyDescent="0.3">
      <c r="A24798" s="13" t="s">
        <v>161</v>
      </c>
      <c r="B24798" s="14" t="s">
        <v>1</v>
      </c>
      <c r="C24798" s="14" t="s">
        <v>51</v>
      </c>
      <c r="D24798" s="14" t="s">
        <v>142</v>
      </c>
      <c r="E24798" s="15">
        <v>45719</v>
      </c>
      <c r="F24798" s="14" t="s">
        <v>28</v>
      </c>
      <c r="G24798" s="16">
        <v>0</v>
      </c>
    </row>
    <row r="24799" spans="1:7" x14ac:dyDescent="0.3">
      <c r="A24799" s="13" t="s">
        <v>161</v>
      </c>
      <c r="B24799" s="14" t="s">
        <v>1</v>
      </c>
      <c r="C24799" s="14" t="s">
        <v>51</v>
      </c>
      <c r="D24799" s="14" t="s">
        <v>142</v>
      </c>
      <c r="E24799" s="15">
        <v>45720</v>
      </c>
      <c r="F24799" s="14" t="s">
        <v>28</v>
      </c>
      <c r="G24799" s="16">
        <v>0</v>
      </c>
    </row>
    <row r="24800" spans="1:7" x14ac:dyDescent="0.3">
      <c r="A24800" s="13" t="s">
        <v>161</v>
      </c>
      <c r="B24800" s="14" t="s">
        <v>1</v>
      </c>
      <c r="C24800" s="14" t="s">
        <v>51</v>
      </c>
      <c r="D24800" s="14" t="s">
        <v>142</v>
      </c>
      <c r="E24800" s="15">
        <v>45721</v>
      </c>
      <c r="F24800" s="14" t="s">
        <v>28</v>
      </c>
      <c r="G24800" s="16">
        <v>0</v>
      </c>
    </row>
    <row r="24801" spans="1:7" x14ac:dyDescent="0.3">
      <c r="A24801" s="13" t="s">
        <v>161</v>
      </c>
      <c r="B24801" s="14" t="s">
        <v>1</v>
      </c>
      <c r="C24801" s="14" t="s">
        <v>51</v>
      </c>
      <c r="D24801" s="14" t="s">
        <v>142</v>
      </c>
      <c r="E24801" s="15">
        <v>45722</v>
      </c>
      <c r="F24801" s="14" t="s">
        <v>28</v>
      </c>
      <c r="G24801" s="16">
        <v>0</v>
      </c>
    </row>
    <row r="24802" spans="1:7" x14ac:dyDescent="0.3">
      <c r="A24802" s="13" t="s">
        <v>161</v>
      </c>
      <c r="B24802" s="14" t="s">
        <v>1</v>
      </c>
      <c r="C24802" s="14" t="s">
        <v>51</v>
      </c>
      <c r="D24802" s="14" t="s">
        <v>142</v>
      </c>
      <c r="E24802" s="15">
        <v>45723</v>
      </c>
      <c r="F24802" s="14" t="s">
        <v>28</v>
      </c>
      <c r="G24802" s="16">
        <v>0</v>
      </c>
    </row>
    <row r="24803" spans="1:7" x14ac:dyDescent="0.3">
      <c r="A24803" s="13" t="s">
        <v>161</v>
      </c>
      <c r="B24803" s="14" t="s">
        <v>1</v>
      </c>
      <c r="C24803" s="14" t="s">
        <v>51</v>
      </c>
      <c r="D24803" s="14" t="s">
        <v>142</v>
      </c>
      <c r="E24803" s="15">
        <v>45724</v>
      </c>
      <c r="F24803" s="14" t="s">
        <v>28</v>
      </c>
      <c r="G24803" s="16">
        <v>0</v>
      </c>
    </row>
    <row r="24804" spans="1:7" x14ac:dyDescent="0.3">
      <c r="A24804" s="13" t="s">
        <v>161</v>
      </c>
      <c r="B24804" s="14" t="s">
        <v>1</v>
      </c>
      <c r="C24804" s="14" t="s">
        <v>51</v>
      </c>
      <c r="D24804" s="14" t="s">
        <v>142</v>
      </c>
      <c r="E24804" s="15">
        <v>45725</v>
      </c>
      <c r="F24804" s="14" t="s">
        <v>28</v>
      </c>
      <c r="G24804" s="16">
        <v>0</v>
      </c>
    </row>
    <row r="24805" spans="1:7" x14ac:dyDescent="0.3">
      <c r="A24805" s="13" t="s">
        <v>161</v>
      </c>
      <c r="B24805" s="14" t="s">
        <v>1</v>
      </c>
      <c r="C24805" s="14" t="s">
        <v>51</v>
      </c>
      <c r="D24805" s="14" t="s">
        <v>142</v>
      </c>
      <c r="E24805" s="15">
        <v>45726</v>
      </c>
      <c r="F24805" s="14" t="s">
        <v>28</v>
      </c>
      <c r="G24805" s="16">
        <v>0</v>
      </c>
    </row>
    <row r="24806" spans="1:7" x14ac:dyDescent="0.3">
      <c r="A24806" s="13" t="s">
        <v>161</v>
      </c>
      <c r="B24806" s="14" t="s">
        <v>1</v>
      </c>
      <c r="C24806" s="14" t="s">
        <v>51</v>
      </c>
      <c r="D24806" s="14" t="s">
        <v>142</v>
      </c>
      <c r="E24806" s="15">
        <v>45727</v>
      </c>
      <c r="F24806" s="14" t="s">
        <v>28</v>
      </c>
      <c r="G24806" s="16">
        <v>0</v>
      </c>
    </row>
    <row r="24807" spans="1:7" x14ac:dyDescent="0.3">
      <c r="A24807" s="13" t="s">
        <v>161</v>
      </c>
      <c r="B24807" s="14" t="s">
        <v>1</v>
      </c>
      <c r="C24807" s="14" t="s">
        <v>51</v>
      </c>
      <c r="D24807" s="14" t="s">
        <v>142</v>
      </c>
      <c r="E24807" s="15">
        <v>45728</v>
      </c>
      <c r="F24807" s="14" t="s">
        <v>28</v>
      </c>
      <c r="G24807" s="16">
        <v>0</v>
      </c>
    </row>
    <row r="24808" spans="1:7" x14ac:dyDescent="0.3">
      <c r="A24808" s="13" t="s">
        <v>161</v>
      </c>
      <c r="B24808" s="14" t="s">
        <v>1</v>
      </c>
      <c r="C24808" s="14" t="s">
        <v>51</v>
      </c>
      <c r="D24808" s="14" t="s">
        <v>142</v>
      </c>
      <c r="E24808" s="15">
        <v>45729</v>
      </c>
      <c r="F24808" s="14" t="s">
        <v>28</v>
      </c>
      <c r="G24808" s="16">
        <v>0</v>
      </c>
    </row>
    <row r="24809" spans="1:7" x14ac:dyDescent="0.3">
      <c r="A24809" s="13" t="s">
        <v>161</v>
      </c>
      <c r="B24809" s="14" t="s">
        <v>1</v>
      </c>
      <c r="C24809" s="14" t="s">
        <v>51</v>
      </c>
      <c r="D24809" s="14" t="s">
        <v>142</v>
      </c>
      <c r="E24809" s="15">
        <v>45730</v>
      </c>
      <c r="F24809" s="14" t="s">
        <v>28</v>
      </c>
      <c r="G24809" s="16">
        <v>0</v>
      </c>
    </row>
    <row r="24810" spans="1:7" x14ac:dyDescent="0.3">
      <c r="A24810" s="13" t="s">
        <v>161</v>
      </c>
      <c r="B24810" s="14" t="s">
        <v>1</v>
      </c>
      <c r="C24810" s="14" t="s">
        <v>51</v>
      </c>
      <c r="D24810" s="14" t="s">
        <v>142</v>
      </c>
      <c r="E24810" s="15">
        <v>45731</v>
      </c>
      <c r="F24810" s="14" t="s">
        <v>28</v>
      </c>
      <c r="G24810" s="16">
        <v>0</v>
      </c>
    </row>
    <row r="24811" spans="1:7" x14ac:dyDescent="0.3">
      <c r="A24811" s="13" t="s">
        <v>161</v>
      </c>
      <c r="B24811" s="14" t="s">
        <v>1</v>
      </c>
      <c r="C24811" s="14" t="s">
        <v>51</v>
      </c>
      <c r="D24811" s="14" t="s">
        <v>142</v>
      </c>
      <c r="E24811" s="15">
        <v>45732</v>
      </c>
      <c r="F24811" s="14" t="s">
        <v>28</v>
      </c>
      <c r="G24811" s="16">
        <v>0</v>
      </c>
    </row>
    <row r="24812" spans="1:7" x14ac:dyDescent="0.3">
      <c r="A24812" s="13" t="s">
        <v>161</v>
      </c>
      <c r="B24812" s="14" t="s">
        <v>1</v>
      </c>
      <c r="C24812" s="14" t="s">
        <v>51</v>
      </c>
      <c r="D24812" s="14" t="s">
        <v>142</v>
      </c>
      <c r="E24812" s="15">
        <v>45733</v>
      </c>
      <c r="F24812" s="14" t="s">
        <v>28</v>
      </c>
      <c r="G24812" s="16">
        <v>0</v>
      </c>
    </row>
    <row r="24813" spans="1:7" x14ac:dyDescent="0.3">
      <c r="A24813" s="13" t="s">
        <v>161</v>
      </c>
      <c r="B24813" s="14" t="s">
        <v>1</v>
      </c>
      <c r="C24813" s="14" t="s">
        <v>51</v>
      </c>
      <c r="D24813" s="14" t="s">
        <v>142</v>
      </c>
      <c r="E24813" s="15">
        <v>45734</v>
      </c>
      <c r="F24813" s="14" t="s">
        <v>28</v>
      </c>
      <c r="G24813" s="16">
        <v>0</v>
      </c>
    </row>
    <row r="24814" spans="1:7" x14ac:dyDescent="0.3">
      <c r="A24814" s="13" t="s">
        <v>161</v>
      </c>
      <c r="B24814" s="14" t="s">
        <v>1</v>
      </c>
      <c r="C24814" s="14" t="s">
        <v>51</v>
      </c>
      <c r="D24814" s="14" t="s">
        <v>142</v>
      </c>
      <c r="E24814" s="15">
        <v>45735</v>
      </c>
      <c r="F24814" s="14" t="s">
        <v>28</v>
      </c>
      <c r="G24814" s="16">
        <v>0</v>
      </c>
    </row>
    <row r="24815" spans="1:7" x14ac:dyDescent="0.3">
      <c r="A24815" s="13" t="s">
        <v>161</v>
      </c>
      <c r="B24815" s="14" t="s">
        <v>1</v>
      </c>
      <c r="C24815" s="14" t="s">
        <v>51</v>
      </c>
      <c r="D24815" s="14" t="s">
        <v>142</v>
      </c>
      <c r="E24815" s="15">
        <v>45736</v>
      </c>
      <c r="F24815" s="14" t="s">
        <v>28</v>
      </c>
      <c r="G24815" s="16">
        <v>0</v>
      </c>
    </row>
    <row r="24816" spans="1:7" x14ac:dyDescent="0.3">
      <c r="A24816" s="13" t="s">
        <v>161</v>
      </c>
      <c r="B24816" s="14" t="s">
        <v>1</v>
      </c>
      <c r="C24816" s="14" t="s">
        <v>51</v>
      </c>
      <c r="D24816" s="14" t="s">
        <v>142</v>
      </c>
      <c r="E24816" s="15">
        <v>45737</v>
      </c>
      <c r="F24816" s="14" t="s">
        <v>28</v>
      </c>
      <c r="G24816" s="16">
        <v>0</v>
      </c>
    </row>
    <row r="24817" spans="1:7" x14ac:dyDescent="0.3">
      <c r="A24817" s="13" t="s">
        <v>161</v>
      </c>
      <c r="B24817" s="14" t="s">
        <v>1</v>
      </c>
      <c r="C24817" s="14" t="s">
        <v>51</v>
      </c>
      <c r="D24817" s="14" t="s">
        <v>142</v>
      </c>
      <c r="E24817" s="15">
        <v>45738</v>
      </c>
      <c r="F24817" s="14" t="s">
        <v>28</v>
      </c>
      <c r="G24817" s="16">
        <v>0</v>
      </c>
    </row>
    <row r="24818" spans="1:7" x14ac:dyDescent="0.3">
      <c r="A24818" s="13" t="s">
        <v>161</v>
      </c>
      <c r="B24818" s="14" t="s">
        <v>1</v>
      </c>
      <c r="C24818" s="14" t="s">
        <v>51</v>
      </c>
      <c r="D24818" s="14" t="s">
        <v>142</v>
      </c>
      <c r="E24818" s="15">
        <v>45739</v>
      </c>
      <c r="F24818" s="14" t="s">
        <v>28</v>
      </c>
      <c r="G24818" s="16">
        <v>0</v>
      </c>
    </row>
    <row r="24819" spans="1:7" x14ac:dyDescent="0.3">
      <c r="A24819" s="13" t="s">
        <v>161</v>
      </c>
      <c r="B24819" s="14" t="s">
        <v>1</v>
      </c>
      <c r="C24819" s="14" t="s">
        <v>51</v>
      </c>
      <c r="D24819" s="14" t="s">
        <v>142</v>
      </c>
      <c r="E24819" s="15">
        <v>45740</v>
      </c>
      <c r="F24819" s="14" t="s">
        <v>28</v>
      </c>
      <c r="G24819" s="16">
        <v>0</v>
      </c>
    </row>
    <row r="24820" spans="1:7" x14ac:dyDescent="0.3">
      <c r="A24820" s="13" t="s">
        <v>161</v>
      </c>
      <c r="B24820" s="14" t="s">
        <v>1</v>
      </c>
      <c r="C24820" s="14" t="s">
        <v>51</v>
      </c>
      <c r="D24820" s="14" t="s">
        <v>142</v>
      </c>
      <c r="E24820" s="15">
        <v>45741</v>
      </c>
      <c r="F24820" s="14" t="s">
        <v>28</v>
      </c>
      <c r="G24820" s="16">
        <v>0</v>
      </c>
    </row>
    <row r="24821" spans="1:7" x14ac:dyDescent="0.3">
      <c r="A24821" s="13" t="s">
        <v>161</v>
      </c>
      <c r="B24821" s="14" t="s">
        <v>1</v>
      </c>
      <c r="C24821" s="14" t="s">
        <v>51</v>
      </c>
      <c r="D24821" s="14" t="s">
        <v>142</v>
      </c>
      <c r="E24821" s="15">
        <v>45742</v>
      </c>
      <c r="F24821" s="14" t="s">
        <v>28</v>
      </c>
      <c r="G24821" s="16">
        <v>0</v>
      </c>
    </row>
    <row r="24822" spans="1:7" x14ac:dyDescent="0.3">
      <c r="A24822" s="13" t="s">
        <v>161</v>
      </c>
      <c r="B24822" s="14" t="s">
        <v>1</v>
      </c>
      <c r="C24822" s="14" t="s">
        <v>51</v>
      </c>
      <c r="D24822" s="14" t="s">
        <v>142</v>
      </c>
      <c r="E24822" s="15">
        <v>45743</v>
      </c>
      <c r="F24822" s="14" t="s">
        <v>28</v>
      </c>
      <c r="G24822" s="16">
        <v>0</v>
      </c>
    </row>
    <row r="24823" spans="1:7" x14ac:dyDescent="0.3">
      <c r="A24823" s="13" t="s">
        <v>161</v>
      </c>
      <c r="B24823" s="14" t="s">
        <v>1</v>
      </c>
      <c r="C24823" s="14" t="s">
        <v>51</v>
      </c>
      <c r="D24823" s="14" t="s">
        <v>142</v>
      </c>
      <c r="E24823" s="15">
        <v>45744</v>
      </c>
      <c r="F24823" s="14" t="s">
        <v>28</v>
      </c>
      <c r="G24823" s="16">
        <v>0</v>
      </c>
    </row>
    <row r="24824" spans="1:7" x14ac:dyDescent="0.3">
      <c r="A24824" s="13" t="s">
        <v>161</v>
      </c>
      <c r="B24824" s="14" t="s">
        <v>1</v>
      </c>
      <c r="C24824" s="14" t="s">
        <v>51</v>
      </c>
      <c r="D24824" s="14" t="s">
        <v>142</v>
      </c>
      <c r="E24824" s="15">
        <v>45745</v>
      </c>
      <c r="F24824" s="14" t="s">
        <v>28</v>
      </c>
      <c r="G24824" s="16">
        <v>0</v>
      </c>
    </row>
    <row r="24825" spans="1:7" x14ac:dyDescent="0.3">
      <c r="A24825" s="13" t="s">
        <v>161</v>
      </c>
      <c r="B24825" s="14" t="s">
        <v>1</v>
      </c>
      <c r="C24825" s="14" t="s">
        <v>51</v>
      </c>
      <c r="D24825" s="14" t="s">
        <v>142</v>
      </c>
      <c r="E24825" s="15">
        <v>45746</v>
      </c>
      <c r="F24825" s="14" t="s">
        <v>28</v>
      </c>
      <c r="G24825" s="16">
        <v>0</v>
      </c>
    </row>
    <row r="24826" spans="1:7" x14ac:dyDescent="0.3">
      <c r="A24826" s="13" t="s">
        <v>161</v>
      </c>
      <c r="B24826" s="14" t="s">
        <v>1</v>
      </c>
      <c r="C24826" s="14" t="s">
        <v>51</v>
      </c>
      <c r="D24826" s="14" t="s">
        <v>142</v>
      </c>
      <c r="E24826" s="15">
        <v>45747</v>
      </c>
      <c r="F24826" s="14" t="s">
        <v>28</v>
      </c>
      <c r="G24826" s="16">
        <v>0</v>
      </c>
    </row>
    <row r="24827" spans="1:7" x14ac:dyDescent="0.3">
      <c r="A24827" s="13" t="s">
        <v>162</v>
      </c>
      <c r="B24827" s="14" t="s">
        <v>1</v>
      </c>
      <c r="C24827" s="14" t="s">
        <v>109</v>
      </c>
      <c r="D24827" s="14" t="s">
        <v>163</v>
      </c>
      <c r="E24827" s="15">
        <v>45383</v>
      </c>
      <c r="F24827" s="14" t="s">
        <v>61</v>
      </c>
      <c r="G24827" s="16">
        <v>0</v>
      </c>
    </row>
    <row r="24828" spans="1:7" x14ac:dyDescent="0.3">
      <c r="A24828" s="13" t="s">
        <v>162</v>
      </c>
      <c r="B24828" s="14" t="s">
        <v>1</v>
      </c>
      <c r="C24828" s="14" t="s">
        <v>109</v>
      </c>
      <c r="D24828" s="14" t="s">
        <v>163</v>
      </c>
      <c r="E24828" s="15">
        <v>45384</v>
      </c>
      <c r="F24828" s="14" t="s">
        <v>61</v>
      </c>
      <c r="G24828" s="16">
        <v>0</v>
      </c>
    </row>
    <row r="24829" spans="1:7" x14ac:dyDescent="0.3">
      <c r="A24829" s="13" t="s">
        <v>162</v>
      </c>
      <c r="B24829" s="14" t="s">
        <v>1</v>
      </c>
      <c r="C24829" s="14" t="s">
        <v>109</v>
      </c>
      <c r="D24829" s="14" t="s">
        <v>163</v>
      </c>
      <c r="E24829" s="15">
        <v>45385</v>
      </c>
      <c r="F24829" s="14" t="s">
        <v>61</v>
      </c>
      <c r="G24829" s="16">
        <v>0</v>
      </c>
    </row>
    <row r="24830" spans="1:7" x14ac:dyDescent="0.3">
      <c r="A24830" s="13" t="s">
        <v>162</v>
      </c>
      <c r="B24830" s="14" t="s">
        <v>1</v>
      </c>
      <c r="C24830" s="14" t="s">
        <v>109</v>
      </c>
      <c r="D24830" s="14" t="s">
        <v>163</v>
      </c>
      <c r="E24830" s="15">
        <v>45386</v>
      </c>
      <c r="F24830" s="14" t="s">
        <v>61</v>
      </c>
      <c r="G24830" s="16">
        <v>0</v>
      </c>
    </row>
    <row r="24831" spans="1:7" x14ac:dyDescent="0.3">
      <c r="A24831" s="13" t="s">
        <v>162</v>
      </c>
      <c r="B24831" s="14" t="s">
        <v>1</v>
      </c>
      <c r="C24831" s="14" t="s">
        <v>109</v>
      </c>
      <c r="D24831" s="14" t="s">
        <v>163</v>
      </c>
      <c r="E24831" s="15">
        <v>45387</v>
      </c>
      <c r="F24831" s="14" t="s">
        <v>61</v>
      </c>
      <c r="G24831" s="16">
        <v>0</v>
      </c>
    </row>
    <row r="24832" spans="1:7" x14ac:dyDescent="0.3">
      <c r="A24832" s="13" t="s">
        <v>162</v>
      </c>
      <c r="B24832" s="14" t="s">
        <v>1</v>
      </c>
      <c r="C24832" s="14" t="s">
        <v>109</v>
      </c>
      <c r="D24832" s="14" t="s">
        <v>163</v>
      </c>
      <c r="E24832" s="15">
        <v>45388</v>
      </c>
      <c r="F24832" s="14" t="s">
        <v>61</v>
      </c>
      <c r="G24832" s="16">
        <v>0</v>
      </c>
    </row>
    <row r="24833" spans="1:7" x14ac:dyDescent="0.3">
      <c r="A24833" s="13" t="s">
        <v>162</v>
      </c>
      <c r="B24833" s="14" t="s">
        <v>1</v>
      </c>
      <c r="C24833" s="14" t="s">
        <v>109</v>
      </c>
      <c r="D24833" s="14" t="s">
        <v>163</v>
      </c>
      <c r="E24833" s="15">
        <v>45389</v>
      </c>
      <c r="F24833" s="14" t="s">
        <v>61</v>
      </c>
      <c r="G24833" s="16">
        <v>0</v>
      </c>
    </row>
    <row r="24834" spans="1:7" x14ac:dyDescent="0.3">
      <c r="A24834" s="13" t="s">
        <v>162</v>
      </c>
      <c r="B24834" s="14" t="s">
        <v>1</v>
      </c>
      <c r="C24834" s="14" t="s">
        <v>109</v>
      </c>
      <c r="D24834" s="14" t="s">
        <v>163</v>
      </c>
      <c r="E24834" s="15">
        <v>45390</v>
      </c>
      <c r="F24834" s="14" t="s">
        <v>61</v>
      </c>
      <c r="G24834" s="16">
        <v>0</v>
      </c>
    </row>
    <row r="24835" spans="1:7" x14ac:dyDescent="0.3">
      <c r="A24835" s="13" t="s">
        <v>162</v>
      </c>
      <c r="B24835" s="14" t="s">
        <v>1</v>
      </c>
      <c r="C24835" s="14" t="s">
        <v>109</v>
      </c>
      <c r="D24835" s="14" t="s">
        <v>163</v>
      </c>
      <c r="E24835" s="15">
        <v>45391</v>
      </c>
      <c r="F24835" s="14" t="s">
        <v>61</v>
      </c>
      <c r="G24835" s="16">
        <v>0</v>
      </c>
    </row>
    <row r="24836" spans="1:7" x14ac:dyDescent="0.3">
      <c r="A24836" s="13" t="s">
        <v>162</v>
      </c>
      <c r="B24836" s="14" t="s">
        <v>1</v>
      </c>
      <c r="C24836" s="14" t="s">
        <v>109</v>
      </c>
      <c r="D24836" s="14" t="s">
        <v>163</v>
      </c>
      <c r="E24836" s="15">
        <v>45392</v>
      </c>
      <c r="F24836" s="14" t="s">
        <v>61</v>
      </c>
      <c r="G24836" s="16">
        <v>0</v>
      </c>
    </row>
    <row r="24837" spans="1:7" x14ac:dyDescent="0.3">
      <c r="A24837" s="13" t="s">
        <v>162</v>
      </c>
      <c r="B24837" s="14" t="s">
        <v>1</v>
      </c>
      <c r="C24837" s="14" t="s">
        <v>109</v>
      </c>
      <c r="D24837" s="14" t="s">
        <v>163</v>
      </c>
      <c r="E24837" s="15">
        <v>45393</v>
      </c>
      <c r="F24837" s="14" t="s">
        <v>61</v>
      </c>
      <c r="G24837" s="16">
        <v>0</v>
      </c>
    </row>
    <row r="24838" spans="1:7" x14ac:dyDescent="0.3">
      <c r="A24838" s="13" t="s">
        <v>162</v>
      </c>
      <c r="B24838" s="14" t="s">
        <v>1</v>
      </c>
      <c r="C24838" s="14" t="s">
        <v>109</v>
      </c>
      <c r="D24838" s="14" t="s">
        <v>163</v>
      </c>
      <c r="E24838" s="15">
        <v>45394</v>
      </c>
      <c r="F24838" s="14" t="s">
        <v>61</v>
      </c>
      <c r="G24838" s="16">
        <v>0</v>
      </c>
    </row>
    <row r="24839" spans="1:7" x14ac:dyDescent="0.3">
      <c r="A24839" s="13" t="s">
        <v>162</v>
      </c>
      <c r="B24839" s="14" t="s">
        <v>1</v>
      </c>
      <c r="C24839" s="14" t="s">
        <v>109</v>
      </c>
      <c r="D24839" s="14" t="s">
        <v>163</v>
      </c>
      <c r="E24839" s="15">
        <v>45395</v>
      </c>
      <c r="F24839" s="14" t="s">
        <v>61</v>
      </c>
      <c r="G24839" s="16">
        <v>0</v>
      </c>
    </row>
    <row r="24840" spans="1:7" x14ac:dyDescent="0.3">
      <c r="A24840" s="13" t="s">
        <v>162</v>
      </c>
      <c r="B24840" s="14" t="s">
        <v>1</v>
      </c>
      <c r="C24840" s="14" t="s">
        <v>109</v>
      </c>
      <c r="D24840" s="14" t="s">
        <v>163</v>
      </c>
      <c r="E24840" s="15">
        <v>45396</v>
      </c>
      <c r="F24840" s="14" t="s">
        <v>61</v>
      </c>
      <c r="G24840" s="16">
        <v>0</v>
      </c>
    </row>
    <row r="24841" spans="1:7" x14ac:dyDescent="0.3">
      <c r="A24841" s="13" t="s">
        <v>162</v>
      </c>
      <c r="B24841" s="14" t="s">
        <v>1</v>
      </c>
      <c r="C24841" s="14" t="s">
        <v>109</v>
      </c>
      <c r="D24841" s="14" t="s">
        <v>163</v>
      </c>
      <c r="E24841" s="15">
        <v>45397</v>
      </c>
      <c r="F24841" s="14" t="s">
        <v>61</v>
      </c>
      <c r="G24841" s="16">
        <v>4.6943237596007983E-3</v>
      </c>
    </row>
    <row r="24842" spans="1:7" x14ac:dyDescent="0.3">
      <c r="A24842" s="13" t="s">
        <v>162</v>
      </c>
      <c r="B24842" s="14" t="s">
        <v>1</v>
      </c>
      <c r="C24842" s="14" t="s">
        <v>109</v>
      </c>
      <c r="D24842" s="14" t="s">
        <v>163</v>
      </c>
      <c r="E24842" s="15">
        <v>45398</v>
      </c>
      <c r="F24842" s="14" t="s">
        <v>61</v>
      </c>
      <c r="G24842" s="16">
        <v>0</v>
      </c>
    </row>
    <row r="24843" spans="1:7" x14ac:dyDescent="0.3">
      <c r="A24843" s="13" t="s">
        <v>162</v>
      </c>
      <c r="B24843" s="14" t="s">
        <v>1</v>
      </c>
      <c r="C24843" s="14" t="s">
        <v>109</v>
      </c>
      <c r="D24843" s="14" t="s">
        <v>163</v>
      </c>
      <c r="E24843" s="15">
        <v>45399</v>
      </c>
      <c r="F24843" s="14" t="s">
        <v>61</v>
      </c>
      <c r="G24843" s="16">
        <v>0</v>
      </c>
    </row>
    <row r="24844" spans="1:7" x14ac:dyDescent="0.3">
      <c r="A24844" s="13" t="s">
        <v>162</v>
      </c>
      <c r="B24844" s="14" t="s">
        <v>1</v>
      </c>
      <c r="C24844" s="14" t="s">
        <v>109</v>
      </c>
      <c r="D24844" s="14" t="s">
        <v>163</v>
      </c>
      <c r="E24844" s="15">
        <v>45400</v>
      </c>
      <c r="F24844" s="14" t="s">
        <v>61</v>
      </c>
      <c r="G24844" s="16">
        <v>0</v>
      </c>
    </row>
    <row r="24845" spans="1:7" x14ac:dyDescent="0.3">
      <c r="A24845" s="13" t="s">
        <v>162</v>
      </c>
      <c r="B24845" s="14" t="s">
        <v>1</v>
      </c>
      <c r="C24845" s="14" t="s">
        <v>109</v>
      </c>
      <c r="D24845" s="14" t="s">
        <v>163</v>
      </c>
      <c r="E24845" s="15">
        <v>45401</v>
      </c>
      <c r="F24845" s="14" t="s">
        <v>61</v>
      </c>
      <c r="G24845" s="16">
        <v>0</v>
      </c>
    </row>
    <row r="24846" spans="1:7" x14ac:dyDescent="0.3">
      <c r="A24846" s="13" t="s">
        <v>162</v>
      </c>
      <c r="B24846" s="14" t="s">
        <v>1</v>
      </c>
      <c r="C24846" s="14" t="s">
        <v>109</v>
      </c>
      <c r="D24846" s="14" t="s">
        <v>163</v>
      </c>
      <c r="E24846" s="15">
        <v>45402</v>
      </c>
      <c r="F24846" s="14" t="s">
        <v>61</v>
      </c>
      <c r="G24846" s="16">
        <v>0</v>
      </c>
    </row>
    <row r="24847" spans="1:7" x14ac:dyDescent="0.3">
      <c r="A24847" s="13" t="s">
        <v>162</v>
      </c>
      <c r="B24847" s="14" t="s">
        <v>1</v>
      </c>
      <c r="C24847" s="14" t="s">
        <v>109</v>
      </c>
      <c r="D24847" s="14" t="s">
        <v>163</v>
      </c>
      <c r="E24847" s="15">
        <v>45403</v>
      </c>
      <c r="F24847" s="14" t="s">
        <v>61</v>
      </c>
      <c r="G24847" s="16">
        <v>0</v>
      </c>
    </row>
    <row r="24848" spans="1:7" x14ac:dyDescent="0.3">
      <c r="A24848" s="13" t="s">
        <v>162</v>
      </c>
      <c r="B24848" s="14" t="s">
        <v>1</v>
      </c>
      <c r="C24848" s="14" t="s">
        <v>109</v>
      </c>
      <c r="D24848" s="14" t="s">
        <v>163</v>
      </c>
      <c r="E24848" s="15">
        <v>45404</v>
      </c>
      <c r="F24848" s="14" t="s">
        <v>61</v>
      </c>
      <c r="G24848" s="16">
        <v>0</v>
      </c>
    </row>
    <row r="24849" spans="1:7" x14ac:dyDescent="0.3">
      <c r="A24849" s="13" t="s">
        <v>162</v>
      </c>
      <c r="B24849" s="14" t="s">
        <v>1</v>
      </c>
      <c r="C24849" s="14" t="s">
        <v>109</v>
      </c>
      <c r="D24849" s="14" t="s">
        <v>163</v>
      </c>
      <c r="E24849" s="15">
        <v>45405</v>
      </c>
      <c r="F24849" s="14" t="s">
        <v>61</v>
      </c>
      <c r="G24849" s="16">
        <v>0</v>
      </c>
    </row>
    <row r="24850" spans="1:7" x14ac:dyDescent="0.3">
      <c r="A24850" s="13" t="s">
        <v>162</v>
      </c>
      <c r="B24850" s="14" t="s">
        <v>1</v>
      </c>
      <c r="C24850" s="14" t="s">
        <v>109</v>
      </c>
      <c r="D24850" s="14" t="s">
        <v>163</v>
      </c>
      <c r="E24850" s="15">
        <v>45406</v>
      </c>
      <c r="F24850" s="14" t="s">
        <v>61</v>
      </c>
      <c r="G24850" s="16">
        <v>0</v>
      </c>
    </row>
    <row r="24851" spans="1:7" x14ac:dyDescent="0.3">
      <c r="A24851" s="13" t="s">
        <v>162</v>
      </c>
      <c r="B24851" s="14" t="s">
        <v>1</v>
      </c>
      <c r="C24851" s="14" t="s">
        <v>109</v>
      </c>
      <c r="D24851" s="14" t="s">
        <v>163</v>
      </c>
      <c r="E24851" s="15">
        <v>45407</v>
      </c>
      <c r="F24851" s="14" t="s">
        <v>61</v>
      </c>
      <c r="G24851" s="16">
        <v>0</v>
      </c>
    </row>
    <row r="24852" spans="1:7" x14ac:dyDescent="0.3">
      <c r="A24852" s="13" t="s">
        <v>162</v>
      </c>
      <c r="B24852" s="14" t="s">
        <v>1</v>
      </c>
      <c r="C24852" s="14" t="s">
        <v>109</v>
      </c>
      <c r="D24852" s="14" t="s">
        <v>163</v>
      </c>
      <c r="E24852" s="15">
        <v>45408</v>
      </c>
      <c r="F24852" s="14" t="s">
        <v>61</v>
      </c>
      <c r="G24852" s="16">
        <v>0</v>
      </c>
    </row>
    <row r="24853" spans="1:7" x14ac:dyDescent="0.3">
      <c r="A24853" s="13" t="s">
        <v>162</v>
      </c>
      <c r="B24853" s="14" t="s">
        <v>1</v>
      </c>
      <c r="C24853" s="14" t="s">
        <v>109</v>
      </c>
      <c r="D24853" s="14" t="s">
        <v>163</v>
      </c>
      <c r="E24853" s="15">
        <v>45409</v>
      </c>
      <c r="F24853" s="14" t="s">
        <v>61</v>
      </c>
      <c r="G24853" s="16">
        <v>0</v>
      </c>
    </row>
    <row r="24854" spans="1:7" x14ac:dyDescent="0.3">
      <c r="A24854" s="13" t="s">
        <v>162</v>
      </c>
      <c r="B24854" s="14" t="s">
        <v>1</v>
      </c>
      <c r="C24854" s="14" t="s">
        <v>109</v>
      </c>
      <c r="D24854" s="14" t="s">
        <v>163</v>
      </c>
      <c r="E24854" s="15">
        <v>45410</v>
      </c>
      <c r="F24854" s="14" t="s">
        <v>61</v>
      </c>
      <c r="G24854" s="16">
        <v>0</v>
      </c>
    </row>
    <row r="24855" spans="1:7" x14ac:dyDescent="0.3">
      <c r="A24855" s="13" t="s">
        <v>162</v>
      </c>
      <c r="B24855" s="14" t="s">
        <v>1</v>
      </c>
      <c r="C24855" s="14" t="s">
        <v>109</v>
      </c>
      <c r="D24855" s="14" t="s">
        <v>163</v>
      </c>
      <c r="E24855" s="15">
        <v>45411</v>
      </c>
      <c r="F24855" s="14" t="s">
        <v>61</v>
      </c>
      <c r="G24855" s="16">
        <v>0</v>
      </c>
    </row>
    <row r="24856" spans="1:7" x14ac:dyDescent="0.3">
      <c r="A24856" s="13" t="s">
        <v>162</v>
      </c>
      <c r="B24856" s="14" t="s">
        <v>1</v>
      </c>
      <c r="C24856" s="14" t="s">
        <v>109</v>
      </c>
      <c r="D24856" s="14" t="s">
        <v>163</v>
      </c>
      <c r="E24856" s="15">
        <v>45412</v>
      </c>
      <c r="F24856" s="14" t="s">
        <v>61</v>
      </c>
      <c r="G24856" s="16">
        <v>0</v>
      </c>
    </row>
    <row r="24857" spans="1:7" x14ac:dyDescent="0.3">
      <c r="A24857" s="13" t="s">
        <v>162</v>
      </c>
      <c r="B24857" s="14" t="s">
        <v>1</v>
      </c>
      <c r="C24857" s="14" t="s">
        <v>109</v>
      </c>
      <c r="D24857" s="14" t="s">
        <v>163</v>
      </c>
      <c r="E24857" s="15">
        <v>45413</v>
      </c>
      <c r="F24857" s="14" t="s">
        <v>61</v>
      </c>
      <c r="G24857" s="16">
        <v>0</v>
      </c>
    </row>
    <row r="24858" spans="1:7" x14ac:dyDescent="0.3">
      <c r="A24858" s="13" t="s">
        <v>162</v>
      </c>
      <c r="B24858" s="14" t="s">
        <v>1</v>
      </c>
      <c r="C24858" s="14" t="s">
        <v>109</v>
      </c>
      <c r="D24858" s="14" t="s">
        <v>163</v>
      </c>
      <c r="E24858" s="15">
        <v>45414</v>
      </c>
      <c r="F24858" s="14" t="s">
        <v>61</v>
      </c>
      <c r="G24858" s="16">
        <v>0</v>
      </c>
    </row>
    <row r="24859" spans="1:7" x14ac:dyDescent="0.3">
      <c r="A24859" s="13" t="s">
        <v>162</v>
      </c>
      <c r="B24859" s="14" t="s">
        <v>1</v>
      </c>
      <c r="C24859" s="14" t="s">
        <v>109</v>
      </c>
      <c r="D24859" s="14" t="s">
        <v>163</v>
      </c>
      <c r="E24859" s="15">
        <v>45415</v>
      </c>
      <c r="F24859" s="14" t="s">
        <v>61</v>
      </c>
      <c r="G24859" s="16">
        <v>0</v>
      </c>
    </row>
    <row r="24860" spans="1:7" x14ac:dyDescent="0.3">
      <c r="A24860" s="13" t="s">
        <v>162</v>
      </c>
      <c r="B24860" s="14" t="s">
        <v>1</v>
      </c>
      <c r="C24860" s="14" t="s">
        <v>109</v>
      </c>
      <c r="D24860" s="14" t="s">
        <v>163</v>
      </c>
      <c r="E24860" s="15">
        <v>45416</v>
      </c>
      <c r="F24860" s="14" t="s">
        <v>61</v>
      </c>
      <c r="G24860" s="16">
        <v>0</v>
      </c>
    </row>
    <row r="24861" spans="1:7" x14ac:dyDescent="0.3">
      <c r="A24861" s="13" t="s">
        <v>162</v>
      </c>
      <c r="B24861" s="14" t="s">
        <v>1</v>
      </c>
      <c r="C24861" s="14" t="s">
        <v>109</v>
      </c>
      <c r="D24861" s="14" t="s">
        <v>163</v>
      </c>
      <c r="E24861" s="15">
        <v>45417</v>
      </c>
      <c r="F24861" s="14" t="s">
        <v>61</v>
      </c>
      <c r="G24861" s="16">
        <v>0</v>
      </c>
    </row>
    <row r="24862" spans="1:7" x14ac:dyDescent="0.3">
      <c r="A24862" s="13" t="s">
        <v>162</v>
      </c>
      <c r="B24862" s="14" t="s">
        <v>1</v>
      </c>
      <c r="C24862" s="14" t="s">
        <v>109</v>
      </c>
      <c r="D24862" s="14" t="s">
        <v>163</v>
      </c>
      <c r="E24862" s="15">
        <v>45418</v>
      </c>
      <c r="F24862" s="14" t="s">
        <v>61</v>
      </c>
      <c r="G24862" s="16">
        <v>0</v>
      </c>
    </row>
    <row r="24863" spans="1:7" x14ac:dyDescent="0.3">
      <c r="A24863" s="13" t="s">
        <v>162</v>
      </c>
      <c r="B24863" s="14" t="s">
        <v>1</v>
      </c>
      <c r="C24863" s="14" t="s">
        <v>109</v>
      </c>
      <c r="D24863" s="14" t="s">
        <v>163</v>
      </c>
      <c r="E24863" s="15">
        <v>45419</v>
      </c>
      <c r="F24863" s="14" t="s">
        <v>61</v>
      </c>
      <c r="G24863" s="16">
        <v>0</v>
      </c>
    </row>
    <row r="24864" spans="1:7" x14ac:dyDescent="0.3">
      <c r="A24864" s="13" t="s">
        <v>162</v>
      </c>
      <c r="B24864" s="14" t="s">
        <v>1</v>
      </c>
      <c r="C24864" s="14" t="s">
        <v>109</v>
      </c>
      <c r="D24864" s="14" t="s">
        <v>163</v>
      </c>
      <c r="E24864" s="15">
        <v>45420</v>
      </c>
      <c r="F24864" s="14" t="s">
        <v>61</v>
      </c>
      <c r="G24864" s="16">
        <v>7.7347136812002054E-3</v>
      </c>
    </row>
    <row r="24865" spans="1:7" x14ac:dyDescent="0.3">
      <c r="A24865" s="13" t="s">
        <v>162</v>
      </c>
      <c r="B24865" s="14" t="s">
        <v>1</v>
      </c>
      <c r="C24865" s="14" t="s">
        <v>109</v>
      </c>
      <c r="D24865" s="14" t="s">
        <v>163</v>
      </c>
      <c r="E24865" s="15">
        <v>45421</v>
      </c>
      <c r="F24865" s="14" t="s">
        <v>61</v>
      </c>
      <c r="G24865" s="16">
        <v>5.5707743955025141E-3</v>
      </c>
    </row>
    <row r="24866" spans="1:7" x14ac:dyDescent="0.3">
      <c r="A24866" s="13" t="s">
        <v>162</v>
      </c>
      <c r="B24866" s="14" t="s">
        <v>1</v>
      </c>
      <c r="C24866" s="14" t="s">
        <v>109</v>
      </c>
      <c r="D24866" s="14" t="s">
        <v>163</v>
      </c>
      <c r="E24866" s="15">
        <v>45422</v>
      </c>
      <c r="F24866" s="14" t="s">
        <v>61</v>
      </c>
      <c r="G24866" s="16">
        <v>3.4460581419062915E-3</v>
      </c>
    </row>
    <row r="24867" spans="1:7" x14ac:dyDescent="0.3">
      <c r="A24867" s="13" t="s">
        <v>162</v>
      </c>
      <c r="B24867" s="14" t="s">
        <v>1</v>
      </c>
      <c r="C24867" s="14" t="s">
        <v>109</v>
      </c>
      <c r="D24867" s="14" t="s">
        <v>163</v>
      </c>
      <c r="E24867" s="15">
        <v>45423</v>
      </c>
      <c r="F24867" s="14" t="s">
        <v>61</v>
      </c>
      <c r="G24867" s="16">
        <v>3.4460581419062915E-3</v>
      </c>
    </row>
    <row r="24868" spans="1:7" x14ac:dyDescent="0.3">
      <c r="A24868" s="13" t="s">
        <v>162</v>
      </c>
      <c r="B24868" s="14" t="s">
        <v>1</v>
      </c>
      <c r="C24868" s="14" t="s">
        <v>109</v>
      </c>
      <c r="D24868" s="14" t="s">
        <v>163</v>
      </c>
      <c r="E24868" s="15">
        <v>45424</v>
      </c>
      <c r="F24868" s="14" t="s">
        <v>61</v>
      </c>
      <c r="G24868" s="16">
        <v>3.4460581419062915E-3</v>
      </c>
    </row>
    <row r="24869" spans="1:7" x14ac:dyDescent="0.3">
      <c r="A24869" s="13" t="s">
        <v>162</v>
      </c>
      <c r="B24869" s="14" t="s">
        <v>1</v>
      </c>
      <c r="C24869" s="14" t="s">
        <v>109</v>
      </c>
      <c r="D24869" s="14" t="s">
        <v>163</v>
      </c>
      <c r="E24869" s="15">
        <v>45425</v>
      </c>
      <c r="F24869" s="14" t="s">
        <v>61</v>
      </c>
      <c r="G24869" s="16">
        <v>1.6063843790966491E-2</v>
      </c>
    </row>
    <row r="24870" spans="1:7" x14ac:dyDescent="0.3">
      <c r="A24870" s="13" t="s">
        <v>162</v>
      </c>
      <c r="B24870" s="14" t="s">
        <v>1</v>
      </c>
      <c r="C24870" s="14" t="s">
        <v>109</v>
      </c>
      <c r="D24870" s="14" t="s">
        <v>163</v>
      </c>
      <c r="E24870" s="15">
        <v>45426</v>
      </c>
      <c r="F24870" s="14" t="s">
        <v>61</v>
      </c>
      <c r="G24870" s="16">
        <v>1.7696539457912205E-2</v>
      </c>
    </row>
    <row r="24871" spans="1:7" x14ac:dyDescent="0.3">
      <c r="A24871" s="13" t="s">
        <v>162</v>
      </c>
      <c r="B24871" s="14" t="s">
        <v>1</v>
      </c>
      <c r="C24871" s="14" t="s">
        <v>109</v>
      </c>
      <c r="D24871" s="14" t="s">
        <v>163</v>
      </c>
      <c r="E24871" s="15">
        <v>45427</v>
      </c>
      <c r="F24871" s="14" t="s">
        <v>61</v>
      </c>
      <c r="G24871" s="16">
        <v>1.8067979201703124E-2</v>
      </c>
    </row>
    <row r="24872" spans="1:7" x14ac:dyDescent="0.3">
      <c r="A24872" s="13" t="s">
        <v>162</v>
      </c>
      <c r="B24872" s="14" t="s">
        <v>1</v>
      </c>
      <c r="C24872" s="14" t="s">
        <v>109</v>
      </c>
      <c r="D24872" s="14" t="s">
        <v>163</v>
      </c>
      <c r="E24872" s="15">
        <v>45428</v>
      </c>
      <c r="F24872" s="14" t="s">
        <v>61</v>
      </c>
      <c r="G24872" s="16">
        <v>2.8015576175019031E-2</v>
      </c>
    </row>
    <row r="24873" spans="1:7" x14ac:dyDescent="0.3">
      <c r="A24873" s="13" t="s">
        <v>162</v>
      </c>
      <c r="B24873" s="14" t="s">
        <v>1</v>
      </c>
      <c r="C24873" s="14" t="s">
        <v>109</v>
      </c>
      <c r="D24873" s="14" t="s">
        <v>163</v>
      </c>
      <c r="E24873" s="15">
        <v>45429</v>
      </c>
      <c r="F24873" s="14" t="s">
        <v>61</v>
      </c>
      <c r="G24873" s="16">
        <v>2.5417727354158377E-2</v>
      </c>
    </row>
    <row r="24874" spans="1:7" x14ac:dyDescent="0.3">
      <c r="A24874" s="13" t="s">
        <v>162</v>
      </c>
      <c r="B24874" s="14" t="s">
        <v>1</v>
      </c>
      <c r="C24874" s="14" t="s">
        <v>109</v>
      </c>
      <c r="D24874" s="14" t="s">
        <v>163</v>
      </c>
      <c r="E24874" s="15">
        <v>45430</v>
      </c>
      <c r="F24874" s="14" t="s">
        <v>61</v>
      </c>
      <c r="G24874" s="16">
        <v>2.5417727354158377E-2</v>
      </c>
    </row>
    <row r="24875" spans="1:7" x14ac:dyDescent="0.3">
      <c r="A24875" s="13" t="s">
        <v>162</v>
      </c>
      <c r="B24875" s="14" t="s">
        <v>1</v>
      </c>
      <c r="C24875" s="14" t="s">
        <v>109</v>
      </c>
      <c r="D24875" s="14" t="s">
        <v>163</v>
      </c>
      <c r="E24875" s="15">
        <v>45431</v>
      </c>
      <c r="F24875" s="14" t="s">
        <v>61</v>
      </c>
      <c r="G24875" s="16">
        <v>2.5417727354158377E-2</v>
      </c>
    </row>
    <row r="24876" spans="1:7" x14ac:dyDescent="0.3">
      <c r="A24876" s="13" t="s">
        <v>162</v>
      </c>
      <c r="B24876" s="14" t="s">
        <v>1</v>
      </c>
      <c r="C24876" s="14" t="s">
        <v>109</v>
      </c>
      <c r="D24876" s="14" t="s">
        <v>163</v>
      </c>
      <c r="E24876" s="15">
        <v>45432</v>
      </c>
      <c r="F24876" s="14" t="s">
        <v>61</v>
      </c>
      <c r="G24876" s="16">
        <v>2.3270047133135515E-2</v>
      </c>
    </row>
    <row r="24877" spans="1:7" x14ac:dyDescent="0.3">
      <c r="A24877" s="13" t="s">
        <v>162</v>
      </c>
      <c r="B24877" s="14" t="s">
        <v>1</v>
      </c>
      <c r="C24877" s="14" t="s">
        <v>109</v>
      </c>
      <c r="D24877" s="14" t="s">
        <v>163</v>
      </c>
      <c r="E24877" s="15">
        <v>45433</v>
      </c>
      <c r="F24877" s="14" t="s">
        <v>61</v>
      </c>
      <c r="G24877" s="16">
        <v>1.6699888842461839E-2</v>
      </c>
    </row>
    <row r="24878" spans="1:7" x14ac:dyDescent="0.3">
      <c r="A24878" s="13" t="s">
        <v>162</v>
      </c>
      <c r="B24878" s="14" t="s">
        <v>1</v>
      </c>
      <c r="C24878" s="14" t="s">
        <v>109</v>
      </c>
      <c r="D24878" s="14" t="s">
        <v>163</v>
      </c>
      <c r="E24878" s="15">
        <v>45434</v>
      </c>
      <c r="F24878" s="14" t="s">
        <v>61</v>
      </c>
      <c r="G24878" s="16">
        <v>1.4543613825843063E-2</v>
      </c>
    </row>
    <row r="24879" spans="1:7" x14ac:dyDescent="0.3">
      <c r="A24879" s="13" t="s">
        <v>162</v>
      </c>
      <c r="B24879" s="14" t="s">
        <v>1</v>
      </c>
      <c r="C24879" s="14" t="s">
        <v>109</v>
      </c>
      <c r="D24879" s="14" t="s">
        <v>163</v>
      </c>
      <c r="E24879" s="15">
        <v>45435</v>
      </c>
      <c r="F24879" s="14" t="s">
        <v>61</v>
      </c>
      <c r="G24879" s="16">
        <v>1.2357357157623048E-2</v>
      </c>
    </row>
    <row r="24880" spans="1:7" x14ac:dyDescent="0.3">
      <c r="A24880" s="13" t="s">
        <v>162</v>
      </c>
      <c r="B24880" s="14" t="s">
        <v>1</v>
      </c>
      <c r="C24880" s="14" t="s">
        <v>109</v>
      </c>
      <c r="D24880" s="14" t="s">
        <v>163</v>
      </c>
      <c r="E24880" s="15">
        <v>45436</v>
      </c>
      <c r="F24880" s="14" t="s">
        <v>61</v>
      </c>
      <c r="G24880" s="16">
        <v>3.8873371095657347E-2</v>
      </c>
    </row>
    <row r="24881" spans="1:7" x14ac:dyDescent="0.3">
      <c r="A24881" s="13" t="s">
        <v>162</v>
      </c>
      <c r="B24881" s="14" t="s">
        <v>1</v>
      </c>
      <c r="C24881" s="14" t="s">
        <v>109</v>
      </c>
      <c r="D24881" s="14" t="s">
        <v>163</v>
      </c>
      <c r="E24881" s="15">
        <v>45437</v>
      </c>
      <c r="F24881" s="14" t="s">
        <v>61</v>
      </c>
      <c r="G24881" s="16">
        <v>3.8873371095657347E-2</v>
      </c>
    </row>
    <row r="24882" spans="1:7" x14ac:dyDescent="0.3">
      <c r="A24882" s="13" t="s">
        <v>162</v>
      </c>
      <c r="B24882" s="14" t="s">
        <v>1</v>
      </c>
      <c r="C24882" s="14" t="s">
        <v>109</v>
      </c>
      <c r="D24882" s="14" t="s">
        <v>163</v>
      </c>
      <c r="E24882" s="15">
        <v>45438</v>
      </c>
      <c r="F24882" s="14" t="s">
        <v>61</v>
      </c>
      <c r="G24882" s="16">
        <v>3.8873371095657347E-2</v>
      </c>
    </row>
    <row r="24883" spans="1:7" x14ac:dyDescent="0.3">
      <c r="A24883" s="13" t="s">
        <v>162</v>
      </c>
      <c r="B24883" s="14" t="s">
        <v>1</v>
      </c>
      <c r="C24883" s="14" t="s">
        <v>109</v>
      </c>
      <c r="D24883" s="14" t="s">
        <v>163</v>
      </c>
      <c r="E24883" s="15">
        <v>45439</v>
      </c>
      <c r="F24883" s="14" t="s">
        <v>61</v>
      </c>
      <c r="G24883" s="16">
        <v>4.0236580551273236E-2</v>
      </c>
    </row>
    <row r="24884" spans="1:7" x14ac:dyDescent="0.3">
      <c r="A24884" s="13" t="s">
        <v>162</v>
      </c>
      <c r="B24884" s="14" t="s">
        <v>1</v>
      </c>
      <c r="C24884" s="14" t="s">
        <v>109</v>
      </c>
      <c r="D24884" s="14" t="s">
        <v>163</v>
      </c>
      <c r="E24884" s="15">
        <v>45440</v>
      </c>
      <c r="F24884" s="14" t="s">
        <v>61</v>
      </c>
      <c r="G24884" s="16">
        <v>3.3512866955180493E-2</v>
      </c>
    </row>
    <row r="24885" spans="1:7" x14ac:dyDescent="0.3">
      <c r="A24885" s="13" t="s">
        <v>162</v>
      </c>
      <c r="B24885" s="14" t="s">
        <v>1</v>
      </c>
      <c r="C24885" s="14" t="s">
        <v>109</v>
      </c>
      <c r="D24885" s="14" t="s">
        <v>163</v>
      </c>
      <c r="E24885" s="15">
        <v>45441</v>
      </c>
      <c r="F24885" s="14" t="s">
        <v>61</v>
      </c>
      <c r="G24885" s="16">
        <v>3.2337077238757332E-2</v>
      </c>
    </row>
    <row r="24886" spans="1:7" x14ac:dyDescent="0.3">
      <c r="A24886" s="13" t="s">
        <v>162</v>
      </c>
      <c r="B24886" s="14" t="s">
        <v>1</v>
      </c>
      <c r="C24886" s="14" t="s">
        <v>109</v>
      </c>
      <c r="D24886" s="14" t="s">
        <v>163</v>
      </c>
      <c r="E24886" s="15">
        <v>45442</v>
      </c>
      <c r="F24886" s="14" t="s">
        <v>61</v>
      </c>
      <c r="G24886" s="16">
        <v>3.7035014730025809E-2</v>
      </c>
    </row>
    <row r="24887" spans="1:7" x14ac:dyDescent="0.3">
      <c r="A24887" s="13" t="s">
        <v>162</v>
      </c>
      <c r="B24887" s="14" t="s">
        <v>1</v>
      </c>
      <c r="C24887" s="14" t="s">
        <v>109</v>
      </c>
      <c r="D24887" s="14" t="s">
        <v>163</v>
      </c>
      <c r="E24887" s="15">
        <v>45443</v>
      </c>
      <c r="F24887" s="14" t="s">
        <v>61</v>
      </c>
      <c r="G24887" s="16">
        <v>3.4812444977553772E-2</v>
      </c>
    </row>
    <row r="24888" spans="1:7" x14ac:dyDescent="0.3">
      <c r="A24888" s="13" t="s">
        <v>162</v>
      </c>
      <c r="B24888" s="14" t="s">
        <v>1</v>
      </c>
      <c r="C24888" s="14" t="s">
        <v>109</v>
      </c>
      <c r="D24888" s="14" t="s">
        <v>163</v>
      </c>
      <c r="E24888" s="15">
        <v>45444</v>
      </c>
      <c r="F24888" s="14" t="s">
        <v>61</v>
      </c>
      <c r="G24888" s="16">
        <v>3.4812444977553772E-2</v>
      </c>
    </row>
    <row r="24889" spans="1:7" x14ac:dyDescent="0.3">
      <c r="A24889" s="13" t="s">
        <v>162</v>
      </c>
      <c r="B24889" s="14" t="s">
        <v>1</v>
      </c>
      <c r="C24889" s="14" t="s">
        <v>109</v>
      </c>
      <c r="D24889" s="14" t="s">
        <v>163</v>
      </c>
      <c r="E24889" s="15">
        <v>45445</v>
      </c>
      <c r="F24889" s="14" t="s">
        <v>61</v>
      </c>
      <c r="G24889" s="16">
        <v>3.4812444977553772E-2</v>
      </c>
    </row>
    <row r="24890" spans="1:7" x14ac:dyDescent="0.3">
      <c r="A24890" s="13" t="s">
        <v>162</v>
      </c>
      <c r="B24890" s="14" t="s">
        <v>1</v>
      </c>
      <c r="C24890" s="14" t="s">
        <v>109</v>
      </c>
      <c r="D24890" s="14" t="s">
        <v>163</v>
      </c>
      <c r="E24890" s="15">
        <v>45446</v>
      </c>
      <c r="F24890" s="14" t="s">
        <v>61</v>
      </c>
      <c r="G24890" s="16">
        <v>3.4812444977553772E-2</v>
      </c>
    </row>
    <row r="24891" spans="1:7" x14ac:dyDescent="0.3">
      <c r="A24891" s="13" t="s">
        <v>162</v>
      </c>
      <c r="B24891" s="14" t="s">
        <v>1</v>
      </c>
      <c r="C24891" s="14" t="s">
        <v>109</v>
      </c>
      <c r="D24891" s="14" t="s">
        <v>163</v>
      </c>
      <c r="E24891" s="15">
        <v>45447</v>
      </c>
      <c r="F24891" s="14" t="s">
        <v>61</v>
      </c>
      <c r="G24891" s="16">
        <v>3.202439768938653E-2</v>
      </c>
    </row>
    <row r="24892" spans="1:7" x14ac:dyDescent="0.3">
      <c r="A24892" s="13" t="s">
        <v>162</v>
      </c>
      <c r="B24892" s="14" t="s">
        <v>1</v>
      </c>
      <c r="C24892" s="14" t="s">
        <v>109</v>
      </c>
      <c r="D24892" s="14" t="s">
        <v>163</v>
      </c>
      <c r="E24892" s="15">
        <v>45448</v>
      </c>
      <c r="F24892" s="14" t="s">
        <v>61</v>
      </c>
      <c r="G24892" s="16">
        <v>2.7787325642962574E-2</v>
      </c>
    </row>
    <row r="24893" spans="1:7" x14ac:dyDescent="0.3">
      <c r="A24893" s="13" t="s">
        <v>162</v>
      </c>
      <c r="B24893" s="14" t="s">
        <v>1</v>
      </c>
      <c r="C24893" s="14" t="s">
        <v>109</v>
      </c>
      <c r="D24893" s="14" t="s">
        <v>163</v>
      </c>
      <c r="E24893" s="15">
        <v>45449</v>
      </c>
      <c r="F24893" s="14" t="s">
        <v>61</v>
      </c>
      <c r="G24893" s="16">
        <v>2.5568820869477878E-2</v>
      </c>
    </row>
    <row r="24894" spans="1:7" x14ac:dyDescent="0.3">
      <c r="A24894" s="13" t="s">
        <v>162</v>
      </c>
      <c r="B24894" s="14" t="s">
        <v>1</v>
      </c>
      <c r="C24894" s="14" t="s">
        <v>109</v>
      </c>
      <c r="D24894" s="14" t="s">
        <v>163</v>
      </c>
      <c r="E24894" s="15">
        <v>45450</v>
      </c>
      <c r="F24894" s="14" t="s">
        <v>61</v>
      </c>
      <c r="G24894" s="16">
        <v>5.696279155184366E-2</v>
      </c>
    </row>
    <row r="24895" spans="1:7" x14ac:dyDescent="0.3">
      <c r="A24895" s="13" t="s">
        <v>162</v>
      </c>
      <c r="B24895" s="14" t="s">
        <v>1</v>
      </c>
      <c r="C24895" s="14" t="s">
        <v>109</v>
      </c>
      <c r="D24895" s="14" t="s">
        <v>163</v>
      </c>
      <c r="E24895" s="15">
        <v>45451</v>
      </c>
      <c r="F24895" s="14" t="s">
        <v>61</v>
      </c>
      <c r="G24895" s="16">
        <v>5.696279155184366E-2</v>
      </c>
    </row>
    <row r="24896" spans="1:7" x14ac:dyDescent="0.3">
      <c r="A24896" s="13" t="s">
        <v>162</v>
      </c>
      <c r="B24896" s="14" t="s">
        <v>1</v>
      </c>
      <c r="C24896" s="14" t="s">
        <v>109</v>
      </c>
      <c r="D24896" s="14" t="s">
        <v>163</v>
      </c>
      <c r="E24896" s="15">
        <v>45452</v>
      </c>
      <c r="F24896" s="14" t="s">
        <v>61</v>
      </c>
      <c r="G24896" s="16">
        <v>5.696279155184366E-2</v>
      </c>
    </row>
    <row r="24897" spans="1:7" x14ac:dyDescent="0.3">
      <c r="A24897" s="13" t="s">
        <v>162</v>
      </c>
      <c r="B24897" s="14" t="s">
        <v>1</v>
      </c>
      <c r="C24897" s="14" t="s">
        <v>109</v>
      </c>
      <c r="D24897" s="14" t="s">
        <v>163</v>
      </c>
      <c r="E24897" s="15">
        <v>45453</v>
      </c>
      <c r="F24897" s="14" t="s">
        <v>61</v>
      </c>
      <c r="G24897" s="16">
        <v>5.4931399404730068E-2</v>
      </c>
    </row>
    <row r="24898" spans="1:7" x14ac:dyDescent="0.3">
      <c r="A24898" s="13" t="s">
        <v>162</v>
      </c>
      <c r="B24898" s="14" t="s">
        <v>1</v>
      </c>
      <c r="C24898" s="14" t="s">
        <v>109</v>
      </c>
      <c r="D24898" s="14" t="s">
        <v>163</v>
      </c>
      <c r="E24898" s="15">
        <v>45454</v>
      </c>
      <c r="F24898" s="14" t="s">
        <v>61</v>
      </c>
      <c r="G24898" s="16">
        <v>5.0347413043385775E-2</v>
      </c>
    </row>
    <row r="24899" spans="1:7" x14ac:dyDescent="0.3">
      <c r="A24899" s="13" t="s">
        <v>162</v>
      </c>
      <c r="B24899" s="14" t="s">
        <v>1</v>
      </c>
      <c r="C24899" s="14" t="s">
        <v>109</v>
      </c>
      <c r="D24899" s="14" t="s">
        <v>163</v>
      </c>
      <c r="E24899" s="15">
        <v>45455</v>
      </c>
      <c r="F24899" s="14" t="s">
        <v>61</v>
      </c>
      <c r="G24899" s="16">
        <v>6.5592193329912382E-2</v>
      </c>
    </row>
    <row r="24900" spans="1:7" x14ac:dyDescent="0.3">
      <c r="A24900" s="13" t="s">
        <v>162</v>
      </c>
      <c r="B24900" s="14" t="s">
        <v>1</v>
      </c>
      <c r="C24900" s="14" t="s">
        <v>109</v>
      </c>
      <c r="D24900" s="14" t="s">
        <v>163</v>
      </c>
      <c r="E24900" s="15">
        <v>45456</v>
      </c>
      <c r="F24900" s="14" t="s">
        <v>61</v>
      </c>
      <c r="G24900" s="16">
        <v>6.3778219816634799E-2</v>
      </c>
    </row>
    <row r="24901" spans="1:7" x14ac:dyDescent="0.3">
      <c r="A24901" s="13" t="s">
        <v>162</v>
      </c>
      <c r="B24901" s="14" t="s">
        <v>1</v>
      </c>
      <c r="C24901" s="14" t="s">
        <v>109</v>
      </c>
      <c r="D24901" s="14" t="s">
        <v>163</v>
      </c>
      <c r="E24901" s="15">
        <v>45457</v>
      </c>
      <c r="F24901" s="14" t="s">
        <v>61</v>
      </c>
      <c r="G24901" s="16">
        <v>6.1664883422572009E-2</v>
      </c>
    </row>
    <row r="24902" spans="1:7" x14ac:dyDescent="0.3">
      <c r="A24902" s="13" t="s">
        <v>162</v>
      </c>
      <c r="B24902" s="14" t="s">
        <v>1</v>
      </c>
      <c r="C24902" s="14" t="s">
        <v>109</v>
      </c>
      <c r="D24902" s="14" t="s">
        <v>163</v>
      </c>
      <c r="E24902" s="15">
        <v>45458</v>
      </c>
      <c r="F24902" s="14" t="s">
        <v>61</v>
      </c>
      <c r="G24902" s="16">
        <v>6.1664883422572009E-2</v>
      </c>
    </row>
    <row r="24903" spans="1:7" x14ac:dyDescent="0.3">
      <c r="A24903" s="13" t="s">
        <v>162</v>
      </c>
      <c r="B24903" s="14" t="s">
        <v>1</v>
      </c>
      <c r="C24903" s="14" t="s">
        <v>109</v>
      </c>
      <c r="D24903" s="14" t="s">
        <v>163</v>
      </c>
      <c r="E24903" s="15">
        <v>45459</v>
      </c>
      <c r="F24903" s="14" t="s">
        <v>61</v>
      </c>
      <c r="G24903" s="16">
        <v>6.1664883422572009E-2</v>
      </c>
    </row>
    <row r="24904" spans="1:7" x14ac:dyDescent="0.3">
      <c r="A24904" s="13" t="s">
        <v>162</v>
      </c>
      <c r="B24904" s="14" t="s">
        <v>1</v>
      </c>
      <c r="C24904" s="14" t="s">
        <v>109</v>
      </c>
      <c r="D24904" s="14" t="s">
        <v>163</v>
      </c>
      <c r="E24904" s="15">
        <v>45460</v>
      </c>
      <c r="F24904" s="14" t="s">
        <v>61</v>
      </c>
      <c r="G24904" s="16">
        <v>5.9174555508762279E-2</v>
      </c>
    </row>
    <row r="24905" spans="1:7" x14ac:dyDescent="0.3">
      <c r="A24905" s="13" t="s">
        <v>162</v>
      </c>
      <c r="B24905" s="14" t="s">
        <v>1</v>
      </c>
      <c r="C24905" s="14" t="s">
        <v>109</v>
      </c>
      <c r="D24905" s="14" t="s">
        <v>163</v>
      </c>
      <c r="E24905" s="15">
        <v>45461</v>
      </c>
      <c r="F24905" s="14" t="s">
        <v>61</v>
      </c>
      <c r="G24905" s="16">
        <v>5.2401988911418181E-2</v>
      </c>
    </row>
    <row r="24906" spans="1:7" x14ac:dyDescent="0.3">
      <c r="A24906" s="13" t="s">
        <v>162</v>
      </c>
      <c r="B24906" s="14" t="s">
        <v>1</v>
      </c>
      <c r="C24906" s="14" t="s">
        <v>109</v>
      </c>
      <c r="D24906" s="14" t="s">
        <v>163</v>
      </c>
      <c r="E24906" s="15">
        <v>45462</v>
      </c>
      <c r="F24906" s="14" t="s">
        <v>61</v>
      </c>
      <c r="G24906" s="16">
        <v>5.0069848636263015E-2</v>
      </c>
    </row>
    <row r="24907" spans="1:7" x14ac:dyDescent="0.3">
      <c r="A24907" s="13" t="s">
        <v>162</v>
      </c>
      <c r="B24907" s="14" t="s">
        <v>1</v>
      </c>
      <c r="C24907" s="14" t="s">
        <v>109</v>
      </c>
      <c r="D24907" s="14" t="s">
        <v>163</v>
      </c>
      <c r="E24907" s="15">
        <v>45463</v>
      </c>
      <c r="F24907" s="14" t="s">
        <v>61</v>
      </c>
      <c r="G24907" s="16">
        <v>4.7917067729625284E-2</v>
      </c>
    </row>
    <row r="24908" spans="1:7" x14ac:dyDescent="0.3">
      <c r="A24908" s="13" t="s">
        <v>162</v>
      </c>
      <c r="B24908" s="14" t="s">
        <v>1</v>
      </c>
      <c r="C24908" s="14" t="s">
        <v>109</v>
      </c>
      <c r="D24908" s="14" t="s">
        <v>163</v>
      </c>
      <c r="E24908" s="15">
        <v>45464</v>
      </c>
      <c r="F24908" s="14" t="s">
        <v>61</v>
      </c>
      <c r="G24908" s="16">
        <v>4.5604210885694524E-2</v>
      </c>
    </row>
    <row r="24909" spans="1:7" x14ac:dyDescent="0.3">
      <c r="A24909" s="13" t="s">
        <v>162</v>
      </c>
      <c r="B24909" s="14" t="s">
        <v>1</v>
      </c>
      <c r="C24909" s="14" t="s">
        <v>109</v>
      </c>
      <c r="D24909" s="14" t="s">
        <v>163</v>
      </c>
      <c r="E24909" s="15">
        <v>45465</v>
      </c>
      <c r="F24909" s="14" t="s">
        <v>61</v>
      </c>
      <c r="G24909" s="16">
        <v>4.5604210885694524E-2</v>
      </c>
    </row>
    <row r="24910" spans="1:7" x14ac:dyDescent="0.3">
      <c r="A24910" s="13" t="s">
        <v>162</v>
      </c>
      <c r="B24910" s="14" t="s">
        <v>1</v>
      </c>
      <c r="C24910" s="14" t="s">
        <v>109</v>
      </c>
      <c r="D24910" s="14" t="s">
        <v>163</v>
      </c>
      <c r="E24910" s="15">
        <v>45466</v>
      </c>
      <c r="F24910" s="14" t="s">
        <v>61</v>
      </c>
      <c r="G24910" s="16">
        <v>4.5604210885694524E-2</v>
      </c>
    </row>
    <row r="24911" spans="1:7" x14ac:dyDescent="0.3">
      <c r="A24911" s="13" t="s">
        <v>162</v>
      </c>
      <c r="B24911" s="14" t="s">
        <v>1</v>
      </c>
      <c r="C24911" s="14" t="s">
        <v>109</v>
      </c>
      <c r="D24911" s="14" t="s">
        <v>163</v>
      </c>
      <c r="E24911" s="15">
        <v>45467</v>
      </c>
      <c r="F24911" s="14" t="s">
        <v>61</v>
      </c>
      <c r="G24911" s="16">
        <v>4.3117779223217911E-2</v>
      </c>
    </row>
    <row r="24912" spans="1:7" x14ac:dyDescent="0.3">
      <c r="A24912" s="13" t="s">
        <v>162</v>
      </c>
      <c r="B24912" s="14" t="s">
        <v>1</v>
      </c>
      <c r="C24912" s="14" t="s">
        <v>109</v>
      </c>
      <c r="D24912" s="14" t="s">
        <v>163</v>
      </c>
      <c r="E24912" s="15">
        <v>45468</v>
      </c>
      <c r="F24912" s="14" t="s">
        <v>61</v>
      </c>
      <c r="G24912" s="16">
        <v>3.6572877524687235E-2</v>
      </c>
    </row>
    <row r="24913" spans="1:7" x14ac:dyDescent="0.3">
      <c r="A24913" s="13" t="s">
        <v>162</v>
      </c>
      <c r="B24913" s="14" t="s">
        <v>1</v>
      </c>
      <c r="C24913" s="14" t="s">
        <v>109</v>
      </c>
      <c r="D24913" s="14" t="s">
        <v>163</v>
      </c>
      <c r="E24913" s="15">
        <v>45469</v>
      </c>
      <c r="F24913" s="14" t="s">
        <v>61</v>
      </c>
      <c r="G24913" s="16">
        <v>3.5700556148097431E-2</v>
      </c>
    </row>
    <row r="24914" spans="1:7" x14ac:dyDescent="0.3">
      <c r="A24914" s="13" t="s">
        <v>162</v>
      </c>
      <c r="B24914" s="14" t="s">
        <v>1</v>
      </c>
      <c r="C24914" s="14" t="s">
        <v>109</v>
      </c>
      <c r="D24914" s="14" t="s">
        <v>163</v>
      </c>
      <c r="E24914" s="15">
        <v>45470</v>
      </c>
      <c r="F24914" s="14" t="s">
        <v>61</v>
      </c>
      <c r="G24914" s="16">
        <v>3.9832350236088276E-2</v>
      </c>
    </row>
    <row r="24915" spans="1:7" x14ac:dyDescent="0.3">
      <c r="A24915" s="13" t="s">
        <v>162</v>
      </c>
      <c r="B24915" s="14" t="s">
        <v>1</v>
      </c>
      <c r="C24915" s="14" t="s">
        <v>109</v>
      </c>
      <c r="D24915" s="14" t="s">
        <v>163</v>
      </c>
      <c r="E24915" s="15">
        <v>45471</v>
      </c>
      <c r="F24915" s="14" t="s">
        <v>61</v>
      </c>
      <c r="G24915" s="16">
        <v>7.4566420008113463E-2</v>
      </c>
    </row>
    <row r="24916" spans="1:7" x14ac:dyDescent="0.3">
      <c r="A24916" s="13" t="s">
        <v>162</v>
      </c>
      <c r="B24916" s="14" t="s">
        <v>1</v>
      </c>
      <c r="C24916" s="14" t="s">
        <v>109</v>
      </c>
      <c r="D24916" s="14" t="s">
        <v>163</v>
      </c>
      <c r="E24916" s="15">
        <v>45472</v>
      </c>
      <c r="F24916" s="14" t="s">
        <v>61</v>
      </c>
      <c r="G24916" s="16">
        <v>7.4566420008113463E-2</v>
      </c>
    </row>
    <row r="24917" spans="1:7" x14ac:dyDescent="0.3">
      <c r="A24917" s="13" t="s">
        <v>162</v>
      </c>
      <c r="B24917" s="14" t="s">
        <v>1</v>
      </c>
      <c r="C24917" s="14" t="s">
        <v>109</v>
      </c>
      <c r="D24917" s="14" t="s">
        <v>163</v>
      </c>
      <c r="E24917" s="15">
        <v>45473</v>
      </c>
      <c r="F24917" s="14" t="s">
        <v>61</v>
      </c>
      <c r="G24917" s="16">
        <v>7.4566420008113463E-2</v>
      </c>
    </row>
    <row r="24918" spans="1:7" x14ac:dyDescent="0.3">
      <c r="A24918" s="13" t="s">
        <v>162</v>
      </c>
      <c r="B24918" s="14" t="s">
        <v>1</v>
      </c>
      <c r="C24918" s="14" t="s">
        <v>109</v>
      </c>
      <c r="D24918" s="14" t="s">
        <v>163</v>
      </c>
      <c r="E24918" s="15">
        <v>45474</v>
      </c>
      <c r="F24918" s="14" t="s">
        <v>61</v>
      </c>
      <c r="G24918" s="16">
        <v>7.4048890613812507E-2</v>
      </c>
    </row>
    <row r="24919" spans="1:7" x14ac:dyDescent="0.3">
      <c r="A24919" s="13" t="s">
        <v>162</v>
      </c>
      <c r="B24919" s="14" t="s">
        <v>1</v>
      </c>
      <c r="C24919" s="14" t="s">
        <v>109</v>
      </c>
      <c r="D24919" s="14" t="s">
        <v>163</v>
      </c>
      <c r="E24919" s="15">
        <v>45475</v>
      </c>
      <c r="F24919" s="14" t="s">
        <v>61</v>
      </c>
      <c r="G24919" s="16">
        <v>6.9311205481915328E-2</v>
      </c>
    </row>
    <row r="24920" spans="1:7" x14ac:dyDescent="0.3">
      <c r="A24920" s="13" t="s">
        <v>162</v>
      </c>
      <c r="B24920" s="14" t="s">
        <v>1</v>
      </c>
      <c r="C24920" s="14" t="s">
        <v>109</v>
      </c>
      <c r="D24920" s="14" t="s">
        <v>163</v>
      </c>
      <c r="E24920" s="15">
        <v>45476</v>
      </c>
      <c r="F24920" s="14" t="s">
        <v>61</v>
      </c>
      <c r="G24920" s="16">
        <v>6.6724950290905166E-2</v>
      </c>
    </row>
    <row r="24921" spans="1:7" x14ac:dyDescent="0.3">
      <c r="A24921" s="13" t="s">
        <v>162</v>
      </c>
      <c r="B24921" s="14" t="s">
        <v>1</v>
      </c>
      <c r="C24921" s="14" t="s">
        <v>109</v>
      </c>
      <c r="D24921" s="14" t="s">
        <v>163</v>
      </c>
      <c r="E24921" s="15">
        <v>45477</v>
      </c>
      <c r="F24921" s="14" t="s">
        <v>61</v>
      </c>
      <c r="G24921" s="16">
        <v>6.4237145028863102E-2</v>
      </c>
    </row>
    <row r="24922" spans="1:7" x14ac:dyDescent="0.3">
      <c r="A24922" s="13" t="s">
        <v>162</v>
      </c>
      <c r="B24922" s="14" t="s">
        <v>1</v>
      </c>
      <c r="C24922" s="14" t="s">
        <v>109</v>
      </c>
      <c r="D24922" s="14" t="s">
        <v>163</v>
      </c>
      <c r="E24922" s="15">
        <v>45478</v>
      </c>
      <c r="F24922" s="14" t="s">
        <v>61</v>
      </c>
      <c r="G24922" s="16">
        <v>6.5968677863199085E-2</v>
      </c>
    </row>
    <row r="24923" spans="1:7" x14ac:dyDescent="0.3">
      <c r="A24923" s="13" t="s">
        <v>162</v>
      </c>
      <c r="B24923" s="14" t="s">
        <v>1</v>
      </c>
      <c r="C24923" s="14" t="s">
        <v>109</v>
      </c>
      <c r="D24923" s="14" t="s">
        <v>163</v>
      </c>
      <c r="E24923" s="15">
        <v>45479</v>
      </c>
      <c r="F24923" s="14" t="s">
        <v>61</v>
      </c>
      <c r="G24923" s="16">
        <v>6.5968677863199085E-2</v>
      </c>
    </row>
    <row r="24924" spans="1:7" x14ac:dyDescent="0.3">
      <c r="A24924" s="13" t="s">
        <v>162</v>
      </c>
      <c r="B24924" s="14" t="s">
        <v>1</v>
      </c>
      <c r="C24924" s="14" t="s">
        <v>109</v>
      </c>
      <c r="D24924" s="14" t="s">
        <v>163</v>
      </c>
      <c r="E24924" s="15">
        <v>45480</v>
      </c>
      <c r="F24924" s="14" t="s">
        <v>61</v>
      </c>
      <c r="G24924" s="16">
        <v>6.5968677863199085E-2</v>
      </c>
    </row>
    <row r="24925" spans="1:7" x14ac:dyDescent="0.3">
      <c r="A24925" s="13" t="s">
        <v>162</v>
      </c>
      <c r="B24925" s="14" t="s">
        <v>1</v>
      </c>
      <c r="C24925" s="14" t="s">
        <v>109</v>
      </c>
      <c r="D24925" s="14" t="s">
        <v>163</v>
      </c>
      <c r="E24925" s="15">
        <v>45481</v>
      </c>
      <c r="F24925" s="14" t="s">
        <v>61</v>
      </c>
      <c r="G24925" s="16">
        <v>7.2156789060439874E-2</v>
      </c>
    </row>
    <row r="24926" spans="1:7" x14ac:dyDescent="0.3">
      <c r="A24926" s="13" t="s">
        <v>162</v>
      </c>
      <c r="B24926" s="14" t="s">
        <v>1</v>
      </c>
      <c r="C24926" s="14" t="s">
        <v>109</v>
      </c>
      <c r="D24926" s="14" t="s">
        <v>163</v>
      </c>
      <c r="E24926" s="15">
        <v>45482</v>
      </c>
      <c r="F24926" s="14" t="s">
        <v>61</v>
      </c>
      <c r="G24926" s="16">
        <v>6.5071828749513685E-2</v>
      </c>
    </row>
    <row r="24927" spans="1:7" x14ac:dyDescent="0.3">
      <c r="A24927" s="13" t="s">
        <v>162</v>
      </c>
      <c r="B24927" s="14" t="s">
        <v>1</v>
      </c>
      <c r="C24927" s="14" t="s">
        <v>109</v>
      </c>
      <c r="D24927" s="14" t="s">
        <v>163</v>
      </c>
      <c r="E24927" s="15">
        <v>45483</v>
      </c>
      <c r="F24927" s="14" t="s">
        <v>61</v>
      </c>
      <c r="G24927" s="16">
        <v>6.2598705897346035E-2</v>
      </c>
    </row>
    <row r="24928" spans="1:7" x14ac:dyDescent="0.3">
      <c r="A24928" s="13" t="s">
        <v>162</v>
      </c>
      <c r="B24928" s="14" t="s">
        <v>1</v>
      </c>
      <c r="C24928" s="14" t="s">
        <v>109</v>
      </c>
      <c r="D24928" s="14" t="s">
        <v>163</v>
      </c>
      <c r="E24928" s="15">
        <v>45484</v>
      </c>
      <c r="F24928" s="14" t="s">
        <v>61</v>
      </c>
      <c r="G24928" s="16">
        <v>6.0001850878765813E-2</v>
      </c>
    </row>
    <row r="24929" spans="1:7" x14ac:dyDescent="0.3">
      <c r="A24929" s="13" t="s">
        <v>162</v>
      </c>
      <c r="B24929" s="14" t="s">
        <v>1</v>
      </c>
      <c r="C24929" s="14" t="s">
        <v>109</v>
      </c>
      <c r="D24929" s="14" t="s">
        <v>163</v>
      </c>
      <c r="E24929" s="15">
        <v>45485</v>
      </c>
      <c r="F24929" s="14" t="s">
        <v>61</v>
      </c>
      <c r="G24929" s="16">
        <v>5.7413908018105475E-2</v>
      </c>
    </row>
    <row r="24930" spans="1:7" x14ac:dyDescent="0.3">
      <c r="A24930" s="13" t="s">
        <v>162</v>
      </c>
      <c r="B24930" s="14" t="s">
        <v>1</v>
      </c>
      <c r="C24930" s="14" t="s">
        <v>109</v>
      </c>
      <c r="D24930" s="14" t="s">
        <v>163</v>
      </c>
      <c r="E24930" s="15">
        <v>45486</v>
      </c>
      <c r="F24930" s="14" t="s">
        <v>61</v>
      </c>
      <c r="G24930" s="16">
        <v>5.7413908018105475E-2</v>
      </c>
    </row>
    <row r="24931" spans="1:7" x14ac:dyDescent="0.3">
      <c r="A24931" s="13" t="s">
        <v>162</v>
      </c>
      <c r="B24931" s="14" t="s">
        <v>1</v>
      </c>
      <c r="C24931" s="14" t="s">
        <v>109</v>
      </c>
      <c r="D24931" s="14" t="s">
        <v>163</v>
      </c>
      <c r="E24931" s="15">
        <v>45487</v>
      </c>
      <c r="F24931" s="14" t="s">
        <v>61</v>
      </c>
      <c r="G24931" s="16">
        <v>5.7413908018105475E-2</v>
      </c>
    </row>
    <row r="24932" spans="1:7" x14ac:dyDescent="0.3">
      <c r="A24932" s="13" t="s">
        <v>162</v>
      </c>
      <c r="B24932" s="14" t="s">
        <v>1</v>
      </c>
      <c r="C24932" s="14" t="s">
        <v>109</v>
      </c>
      <c r="D24932" s="14" t="s">
        <v>163</v>
      </c>
      <c r="E24932" s="15">
        <v>45488</v>
      </c>
      <c r="F24932" s="14" t="s">
        <v>61</v>
      </c>
      <c r="G24932" s="16">
        <v>5.610424756776116E-2</v>
      </c>
    </row>
    <row r="24933" spans="1:7" x14ac:dyDescent="0.3">
      <c r="A24933" s="13" t="s">
        <v>162</v>
      </c>
      <c r="B24933" s="14" t="s">
        <v>1</v>
      </c>
      <c r="C24933" s="14" t="s">
        <v>109</v>
      </c>
      <c r="D24933" s="14" t="s">
        <v>163</v>
      </c>
      <c r="E24933" s="15">
        <v>45489</v>
      </c>
      <c r="F24933" s="14" t="s">
        <v>61</v>
      </c>
      <c r="G24933" s="16">
        <v>4.8936330622375568E-2</v>
      </c>
    </row>
    <row r="24934" spans="1:7" x14ac:dyDescent="0.3">
      <c r="A24934" s="13" t="s">
        <v>162</v>
      </c>
      <c r="B24934" s="14" t="s">
        <v>1</v>
      </c>
      <c r="C24934" s="14" t="s">
        <v>109</v>
      </c>
      <c r="D24934" s="14" t="s">
        <v>163</v>
      </c>
      <c r="E24934" s="15">
        <v>45490</v>
      </c>
      <c r="F24934" s="14" t="s">
        <v>61</v>
      </c>
      <c r="G24934" s="16">
        <v>4.6402639612675732E-2</v>
      </c>
    </row>
    <row r="24935" spans="1:7" x14ac:dyDescent="0.3">
      <c r="A24935" s="13" t="s">
        <v>162</v>
      </c>
      <c r="B24935" s="14" t="s">
        <v>1</v>
      </c>
      <c r="C24935" s="14" t="s">
        <v>109</v>
      </c>
      <c r="D24935" s="14" t="s">
        <v>163</v>
      </c>
      <c r="E24935" s="15">
        <v>45491</v>
      </c>
      <c r="F24935" s="14" t="s">
        <v>61</v>
      </c>
      <c r="G24935" s="16">
        <v>4.4219994882061617E-2</v>
      </c>
    </row>
    <row r="24936" spans="1:7" x14ac:dyDescent="0.3">
      <c r="A24936" s="13" t="s">
        <v>162</v>
      </c>
      <c r="B24936" s="14" t="s">
        <v>1</v>
      </c>
      <c r="C24936" s="14" t="s">
        <v>109</v>
      </c>
      <c r="D24936" s="14" t="s">
        <v>163</v>
      </c>
      <c r="E24936" s="15">
        <v>45492</v>
      </c>
      <c r="F24936" s="14" t="s">
        <v>61</v>
      </c>
      <c r="G24936" s="16">
        <v>4.1996732332380764E-2</v>
      </c>
    </row>
    <row r="24937" spans="1:7" x14ac:dyDescent="0.3">
      <c r="A24937" s="13" t="s">
        <v>162</v>
      </c>
      <c r="B24937" s="14" t="s">
        <v>1</v>
      </c>
      <c r="C24937" s="14" t="s">
        <v>109</v>
      </c>
      <c r="D24937" s="14" t="s">
        <v>163</v>
      </c>
      <c r="E24937" s="15">
        <v>45493</v>
      </c>
      <c r="F24937" s="14" t="s">
        <v>61</v>
      </c>
      <c r="G24937" s="16">
        <v>4.1996732332380764E-2</v>
      </c>
    </row>
    <row r="24938" spans="1:7" x14ac:dyDescent="0.3">
      <c r="A24938" s="13" t="s">
        <v>162</v>
      </c>
      <c r="B24938" s="14" t="s">
        <v>1</v>
      </c>
      <c r="C24938" s="14" t="s">
        <v>109</v>
      </c>
      <c r="D24938" s="14" t="s">
        <v>163</v>
      </c>
      <c r="E24938" s="15">
        <v>45494</v>
      </c>
      <c r="F24938" s="14" t="s">
        <v>61</v>
      </c>
      <c r="G24938" s="16">
        <v>4.1996732332380764E-2</v>
      </c>
    </row>
    <row r="24939" spans="1:7" x14ac:dyDescent="0.3">
      <c r="A24939" s="13" t="s">
        <v>162</v>
      </c>
      <c r="B24939" s="14" t="s">
        <v>1</v>
      </c>
      <c r="C24939" s="14" t="s">
        <v>109</v>
      </c>
      <c r="D24939" s="14" t="s">
        <v>163</v>
      </c>
      <c r="E24939" s="15">
        <v>45495</v>
      </c>
      <c r="F24939" s="14" t="s">
        <v>61</v>
      </c>
      <c r="G24939" s="16">
        <v>3.9684361510659572E-2</v>
      </c>
    </row>
    <row r="24940" spans="1:7" x14ac:dyDescent="0.3">
      <c r="A24940" s="13" t="s">
        <v>162</v>
      </c>
      <c r="B24940" s="14" t="s">
        <v>1</v>
      </c>
      <c r="C24940" s="14" t="s">
        <v>109</v>
      </c>
      <c r="D24940" s="14" t="s">
        <v>163</v>
      </c>
      <c r="E24940" s="15">
        <v>45496</v>
      </c>
      <c r="F24940" s="14" t="s">
        <v>61</v>
      </c>
      <c r="G24940" s="16">
        <v>3.3105689963372424E-2</v>
      </c>
    </row>
    <row r="24941" spans="1:7" x14ac:dyDescent="0.3">
      <c r="A24941" s="13" t="s">
        <v>162</v>
      </c>
      <c r="B24941" s="14" t="s">
        <v>1</v>
      </c>
      <c r="C24941" s="14" t="s">
        <v>109</v>
      </c>
      <c r="D24941" s="14" t="s">
        <v>163</v>
      </c>
      <c r="E24941" s="15">
        <v>45497</v>
      </c>
      <c r="F24941" s="14" t="s">
        <v>61</v>
      </c>
      <c r="G24941" s="16">
        <v>3.0880437036191501E-2</v>
      </c>
    </row>
    <row r="24942" spans="1:7" x14ac:dyDescent="0.3">
      <c r="A24942" s="13" t="s">
        <v>162</v>
      </c>
      <c r="B24942" s="14" t="s">
        <v>1</v>
      </c>
      <c r="C24942" s="14" t="s">
        <v>109</v>
      </c>
      <c r="D24942" s="14" t="s">
        <v>163</v>
      </c>
      <c r="E24942" s="15">
        <v>45498</v>
      </c>
      <c r="F24942" s="14" t="s">
        <v>61</v>
      </c>
      <c r="G24942" s="16">
        <v>2.8583824534988572E-2</v>
      </c>
    </row>
    <row r="24943" spans="1:7" x14ac:dyDescent="0.3">
      <c r="A24943" s="13" t="s">
        <v>162</v>
      </c>
      <c r="B24943" s="14" t="s">
        <v>1</v>
      </c>
      <c r="C24943" s="14" t="s">
        <v>109</v>
      </c>
      <c r="D24943" s="14" t="s">
        <v>163</v>
      </c>
      <c r="E24943" s="15">
        <v>45499</v>
      </c>
      <c r="F24943" s="14" t="s">
        <v>61</v>
      </c>
      <c r="G24943" s="16">
        <v>2.6365053002631603E-2</v>
      </c>
    </row>
    <row r="24944" spans="1:7" x14ac:dyDescent="0.3">
      <c r="A24944" s="13" t="s">
        <v>162</v>
      </c>
      <c r="B24944" s="14" t="s">
        <v>1</v>
      </c>
      <c r="C24944" s="14" t="s">
        <v>109</v>
      </c>
      <c r="D24944" s="14" t="s">
        <v>163</v>
      </c>
      <c r="E24944" s="15">
        <v>45500</v>
      </c>
      <c r="F24944" s="14" t="s">
        <v>61</v>
      </c>
      <c r="G24944" s="16">
        <v>2.6365053002631603E-2</v>
      </c>
    </row>
    <row r="24945" spans="1:7" x14ac:dyDescent="0.3">
      <c r="A24945" s="13" t="s">
        <v>162</v>
      </c>
      <c r="B24945" s="14" t="s">
        <v>1</v>
      </c>
      <c r="C24945" s="14" t="s">
        <v>109</v>
      </c>
      <c r="D24945" s="14" t="s">
        <v>163</v>
      </c>
      <c r="E24945" s="15">
        <v>45501</v>
      </c>
      <c r="F24945" s="14" t="s">
        <v>61</v>
      </c>
      <c r="G24945" s="16">
        <v>2.6365053002631603E-2</v>
      </c>
    </row>
    <row r="24946" spans="1:7" x14ac:dyDescent="0.3">
      <c r="A24946" s="13" t="s">
        <v>162</v>
      </c>
      <c r="B24946" s="14" t="s">
        <v>1</v>
      </c>
      <c r="C24946" s="14" t="s">
        <v>109</v>
      </c>
      <c r="D24946" s="14" t="s">
        <v>163</v>
      </c>
      <c r="E24946" s="15">
        <v>45502</v>
      </c>
      <c r="F24946" s="14" t="s">
        <v>61</v>
      </c>
      <c r="G24946" s="16">
        <v>3.7786055398258009E-2</v>
      </c>
    </row>
    <row r="24947" spans="1:7" x14ac:dyDescent="0.3">
      <c r="A24947" s="13" t="s">
        <v>162</v>
      </c>
      <c r="B24947" s="14" t="s">
        <v>1</v>
      </c>
      <c r="C24947" s="14" t="s">
        <v>109</v>
      </c>
      <c r="D24947" s="14" t="s">
        <v>163</v>
      </c>
      <c r="E24947" s="15">
        <v>45503</v>
      </c>
      <c r="F24947" s="14" t="s">
        <v>61</v>
      </c>
      <c r="G24947" s="16">
        <v>3.1293545542787585E-2</v>
      </c>
    </row>
    <row r="24948" spans="1:7" x14ac:dyDescent="0.3">
      <c r="A24948" s="13" t="s">
        <v>162</v>
      </c>
      <c r="B24948" s="14" t="s">
        <v>1</v>
      </c>
      <c r="C24948" s="14" t="s">
        <v>109</v>
      </c>
      <c r="D24948" s="14" t="s">
        <v>163</v>
      </c>
      <c r="E24948" s="15">
        <v>45504</v>
      </c>
      <c r="F24948" s="14" t="s">
        <v>61</v>
      </c>
      <c r="G24948" s="16">
        <v>3.0785042171427433E-2</v>
      </c>
    </row>
    <row r="24949" spans="1:7" x14ac:dyDescent="0.3">
      <c r="A24949" s="13" t="s">
        <v>162</v>
      </c>
      <c r="B24949" s="14" t="s">
        <v>1</v>
      </c>
      <c r="C24949" s="14" t="s">
        <v>109</v>
      </c>
      <c r="D24949" s="14" t="s">
        <v>163</v>
      </c>
      <c r="E24949" s="15">
        <v>45505</v>
      </c>
      <c r="F24949" s="14" t="s">
        <v>61</v>
      </c>
      <c r="G24949" s="16">
        <v>4.6728350010851523E-2</v>
      </c>
    </row>
    <row r="24950" spans="1:7" x14ac:dyDescent="0.3">
      <c r="A24950" s="13" t="s">
        <v>162</v>
      </c>
      <c r="B24950" s="14" t="s">
        <v>1</v>
      </c>
      <c r="C24950" s="14" t="s">
        <v>109</v>
      </c>
      <c r="D24950" s="14" t="s">
        <v>163</v>
      </c>
      <c r="E24950" s="15">
        <v>45506</v>
      </c>
      <c r="F24950" s="14" t="s">
        <v>61</v>
      </c>
      <c r="G24950" s="16">
        <v>4.4044766009858766E-2</v>
      </c>
    </row>
    <row r="24951" spans="1:7" x14ac:dyDescent="0.3">
      <c r="A24951" s="13" t="s">
        <v>162</v>
      </c>
      <c r="B24951" s="14" t="s">
        <v>1</v>
      </c>
      <c r="C24951" s="14" t="s">
        <v>109</v>
      </c>
      <c r="D24951" s="14" t="s">
        <v>163</v>
      </c>
      <c r="E24951" s="15">
        <v>45507</v>
      </c>
      <c r="F24951" s="14" t="s">
        <v>61</v>
      </c>
      <c r="G24951" s="16">
        <v>4.4044766009858766E-2</v>
      </c>
    </row>
    <row r="24952" spans="1:7" x14ac:dyDescent="0.3">
      <c r="A24952" s="13" t="s">
        <v>162</v>
      </c>
      <c r="B24952" s="14" t="s">
        <v>1</v>
      </c>
      <c r="C24952" s="14" t="s">
        <v>109</v>
      </c>
      <c r="D24952" s="14" t="s">
        <v>163</v>
      </c>
      <c r="E24952" s="15">
        <v>45508</v>
      </c>
      <c r="F24952" s="14" t="s">
        <v>61</v>
      </c>
      <c r="G24952" s="16">
        <v>4.4044766009858766E-2</v>
      </c>
    </row>
    <row r="24953" spans="1:7" x14ac:dyDescent="0.3">
      <c r="A24953" s="13" t="s">
        <v>162</v>
      </c>
      <c r="B24953" s="14" t="s">
        <v>1</v>
      </c>
      <c r="C24953" s="14" t="s">
        <v>109</v>
      </c>
      <c r="D24953" s="14" t="s">
        <v>163</v>
      </c>
      <c r="E24953" s="15">
        <v>45509</v>
      </c>
      <c r="F24953" s="14" t="s">
        <v>61</v>
      </c>
      <c r="G24953" s="16">
        <v>4.4044766009858766E-2</v>
      </c>
    </row>
    <row r="24954" spans="1:7" x14ac:dyDescent="0.3">
      <c r="A24954" s="13" t="s">
        <v>162</v>
      </c>
      <c r="B24954" s="14" t="s">
        <v>1</v>
      </c>
      <c r="C24954" s="14" t="s">
        <v>109</v>
      </c>
      <c r="D24954" s="14" t="s">
        <v>163</v>
      </c>
      <c r="E24954" s="15">
        <v>45510</v>
      </c>
      <c r="F24954" s="14" t="s">
        <v>61</v>
      </c>
      <c r="G24954" s="16">
        <v>4.1870736511545381E-2</v>
      </c>
    </row>
    <row r="24955" spans="1:7" x14ac:dyDescent="0.3">
      <c r="A24955" s="13" t="s">
        <v>162</v>
      </c>
      <c r="B24955" s="14" t="s">
        <v>1</v>
      </c>
      <c r="C24955" s="14" t="s">
        <v>109</v>
      </c>
      <c r="D24955" s="14" t="s">
        <v>163</v>
      </c>
      <c r="E24955" s="15">
        <v>45511</v>
      </c>
      <c r="F24955" s="14" t="s">
        <v>61</v>
      </c>
      <c r="G24955" s="16">
        <v>3.8079425389719507E-2</v>
      </c>
    </row>
    <row r="24956" spans="1:7" x14ac:dyDescent="0.3">
      <c r="A24956" s="13" t="s">
        <v>162</v>
      </c>
      <c r="B24956" s="14" t="s">
        <v>1</v>
      </c>
      <c r="C24956" s="14" t="s">
        <v>109</v>
      </c>
      <c r="D24956" s="14" t="s">
        <v>163</v>
      </c>
      <c r="E24956" s="15">
        <v>45512</v>
      </c>
      <c r="F24956" s="14" t="s">
        <v>61</v>
      </c>
      <c r="G24956" s="16">
        <v>3.7155997477800087E-2</v>
      </c>
    </row>
    <row r="24957" spans="1:7" x14ac:dyDescent="0.3">
      <c r="A24957" s="13" t="s">
        <v>162</v>
      </c>
      <c r="B24957" s="14" t="s">
        <v>1</v>
      </c>
      <c r="C24957" s="14" t="s">
        <v>109</v>
      </c>
      <c r="D24957" s="14" t="s">
        <v>163</v>
      </c>
      <c r="E24957" s="15">
        <v>45513</v>
      </c>
      <c r="F24957" s="14" t="s">
        <v>61</v>
      </c>
      <c r="G24957" s="16">
        <v>5.0438160663088462E-2</v>
      </c>
    </row>
    <row r="24958" spans="1:7" x14ac:dyDescent="0.3">
      <c r="A24958" s="13" t="s">
        <v>162</v>
      </c>
      <c r="B24958" s="14" t="s">
        <v>1</v>
      </c>
      <c r="C24958" s="14" t="s">
        <v>109</v>
      </c>
      <c r="D24958" s="14" t="s">
        <v>163</v>
      </c>
      <c r="E24958" s="15">
        <v>45514</v>
      </c>
      <c r="F24958" s="14" t="s">
        <v>61</v>
      </c>
      <c r="G24958" s="16">
        <v>5.0438160663088462E-2</v>
      </c>
    </row>
    <row r="24959" spans="1:7" x14ac:dyDescent="0.3">
      <c r="A24959" s="13" t="s">
        <v>162</v>
      </c>
      <c r="B24959" s="14" t="s">
        <v>1</v>
      </c>
      <c r="C24959" s="14" t="s">
        <v>109</v>
      </c>
      <c r="D24959" s="14" t="s">
        <v>163</v>
      </c>
      <c r="E24959" s="15">
        <v>45515</v>
      </c>
      <c r="F24959" s="14" t="s">
        <v>61</v>
      </c>
      <c r="G24959" s="16">
        <v>5.0438160663088462E-2</v>
      </c>
    </row>
    <row r="24960" spans="1:7" x14ac:dyDescent="0.3">
      <c r="A24960" s="13" t="s">
        <v>162</v>
      </c>
      <c r="B24960" s="14" t="s">
        <v>1</v>
      </c>
      <c r="C24960" s="14" t="s">
        <v>109</v>
      </c>
      <c r="D24960" s="14" t="s">
        <v>163</v>
      </c>
      <c r="E24960" s="15">
        <v>45516</v>
      </c>
      <c r="F24960" s="14" t="s">
        <v>61</v>
      </c>
      <c r="G24960" s="16">
        <v>4.9877004084763712E-2</v>
      </c>
    </row>
    <row r="24961" spans="1:7" x14ac:dyDescent="0.3">
      <c r="A24961" s="13" t="s">
        <v>162</v>
      </c>
      <c r="B24961" s="14" t="s">
        <v>1</v>
      </c>
      <c r="C24961" s="14" t="s">
        <v>109</v>
      </c>
      <c r="D24961" s="14" t="s">
        <v>163</v>
      </c>
      <c r="E24961" s="15">
        <v>45517</v>
      </c>
      <c r="F24961" s="14" t="s">
        <v>61</v>
      </c>
      <c r="G24961" s="16">
        <v>4.771144255630555E-2</v>
      </c>
    </row>
    <row r="24962" spans="1:7" x14ac:dyDescent="0.3">
      <c r="A24962" s="13" t="s">
        <v>162</v>
      </c>
      <c r="B24962" s="14" t="s">
        <v>1</v>
      </c>
      <c r="C24962" s="14" t="s">
        <v>109</v>
      </c>
      <c r="D24962" s="14" t="s">
        <v>163</v>
      </c>
      <c r="E24962" s="15">
        <v>45518</v>
      </c>
      <c r="F24962" s="14" t="s">
        <v>61</v>
      </c>
      <c r="G24962" s="16">
        <v>4.5606768352449256E-2</v>
      </c>
    </row>
    <row r="24963" spans="1:7" x14ac:dyDescent="0.3">
      <c r="A24963" s="13" t="s">
        <v>162</v>
      </c>
      <c r="B24963" s="14" t="s">
        <v>1</v>
      </c>
      <c r="C24963" s="14" t="s">
        <v>109</v>
      </c>
      <c r="D24963" s="14" t="s">
        <v>163</v>
      </c>
      <c r="E24963" s="15">
        <v>45519</v>
      </c>
      <c r="F24963" s="14" t="s">
        <v>61</v>
      </c>
      <c r="G24963" s="16">
        <v>4.3687974415850983E-2</v>
      </c>
    </row>
    <row r="24964" spans="1:7" x14ac:dyDescent="0.3">
      <c r="A24964" s="13" t="s">
        <v>162</v>
      </c>
      <c r="B24964" s="14" t="s">
        <v>1</v>
      </c>
      <c r="C24964" s="14" t="s">
        <v>109</v>
      </c>
      <c r="D24964" s="14" t="s">
        <v>163</v>
      </c>
      <c r="E24964" s="15">
        <v>45520</v>
      </c>
      <c r="F24964" s="14" t="s">
        <v>61</v>
      </c>
      <c r="G24964" s="16">
        <v>5.3405194991530007E-2</v>
      </c>
    </row>
    <row r="24965" spans="1:7" x14ac:dyDescent="0.3">
      <c r="A24965" s="13" t="s">
        <v>162</v>
      </c>
      <c r="B24965" s="14" t="s">
        <v>1</v>
      </c>
      <c r="C24965" s="14" t="s">
        <v>109</v>
      </c>
      <c r="D24965" s="14" t="s">
        <v>163</v>
      </c>
      <c r="E24965" s="15">
        <v>45521</v>
      </c>
      <c r="F24965" s="14" t="s">
        <v>61</v>
      </c>
      <c r="G24965" s="16">
        <v>5.3405194991530007E-2</v>
      </c>
    </row>
    <row r="24966" spans="1:7" x14ac:dyDescent="0.3">
      <c r="A24966" s="13" t="s">
        <v>162</v>
      </c>
      <c r="B24966" s="14" t="s">
        <v>1</v>
      </c>
      <c r="C24966" s="14" t="s">
        <v>109</v>
      </c>
      <c r="D24966" s="14" t="s">
        <v>163</v>
      </c>
      <c r="E24966" s="15">
        <v>45522</v>
      </c>
      <c r="F24966" s="14" t="s">
        <v>61</v>
      </c>
      <c r="G24966" s="16">
        <v>5.3405194991530007E-2</v>
      </c>
    </row>
    <row r="24967" spans="1:7" x14ac:dyDescent="0.3">
      <c r="A24967" s="13" t="s">
        <v>162</v>
      </c>
      <c r="B24967" s="14" t="s">
        <v>1</v>
      </c>
      <c r="C24967" s="14" t="s">
        <v>109</v>
      </c>
      <c r="D24967" s="14" t="s">
        <v>163</v>
      </c>
      <c r="E24967" s="15">
        <v>45523</v>
      </c>
      <c r="F24967" s="14" t="s">
        <v>61</v>
      </c>
      <c r="G24967" s="16">
        <v>5.0681939418489565E-2</v>
      </c>
    </row>
    <row r="24968" spans="1:7" x14ac:dyDescent="0.3">
      <c r="A24968" s="13" t="s">
        <v>162</v>
      </c>
      <c r="B24968" s="14" t="s">
        <v>1</v>
      </c>
      <c r="C24968" s="14" t="s">
        <v>109</v>
      </c>
      <c r="D24968" s="14" t="s">
        <v>163</v>
      </c>
      <c r="E24968" s="15">
        <v>45524</v>
      </c>
      <c r="F24968" s="14" t="s">
        <v>61</v>
      </c>
      <c r="G24968" s="16">
        <v>4.4012128180239418E-2</v>
      </c>
    </row>
    <row r="24969" spans="1:7" x14ac:dyDescent="0.3">
      <c r="A24969" s="13" t="s">
        <v>162</v>
      </c>
      <c r="B24969" s="14" t="s">
        <v>1</v>
      </c>
      <c r="C24969" s="14" t="s">
        <v>109</v>
      </c>
      <c r="D24969" s="14" t="s">
        <v>163</v>
      </c>
      <c r="E24969" s="15">
        <v>45525</v>
      </c>
      <c r="F24969" s="14" t="s">
        <v>61</v>
      </c>
      <c r="G24969" s="16">
        <v>4.1747450728626338E-2</v>
      </c>
    </row>
    <row r="24970" spans="1:7" x14ac:dyDescent="0.3">
      <c r="A24970" s="13" t="s">
        <v>162</v>
      </c>
      <c r="B24970" s="14" t="s">
        <v>1</v>
      </c>
      <c r="C24970" s="14" t="s">
        <v>109</v>
      </c>
      <c r="D24970" s="14" t="s">
        <v>163</v>
      </c>
      <c r="E24970" s="15">
        <v>45526</v>
      </c>
      <c r="F24970" s="14" t="s">
        <v>61</v>
      </c>
      <c r="G24970" s="16">
        <v>3.9709423139328563E-2</v>
      </c>
    </row>
    <row r="24971" spans="1:7" x14ac:dyDescent="0.3">
      <c r="A24971" s="13" t="s">
        <v>162</v>
      </c>
      <c r="B24971" s="14" t="s">
        <v>1</v>
      </c>
      <c r="C24971" s="14" t="s">
        <v>109</v>
      </c>
      <c r="D24971" s="14" t="s">
        <v>163</v>
      </c>
      <c r="E24971" s="15">
        <v>45527</v>
      </c>
      <c r="F24971" s="14" t="s">
        <v>61</v>
      </c>
      <c r="G24971" s="16">
        <v>6.336313780154719E-2</v>
      </c>
    </row>
    <row r="24972" spans="1:7" x14ac:dyDescent="0.3">
      <c r="A24972" s="13" t="s">
        <v>162</v>
      </c>
      <c r="B24972" s="14" t="s">
        <v>1</v>
      </c>
      <c r="C24972" s="14" t="s">
        <v>109</v>
      </c>
      <c r="D24972" s="14" t="s">
        <v>163</v>
      </c>
      <c r="E24972" s="15">
        <v>45528</v>
      </c>
      <c r="F24972" s="14" t="s">
        <v>61</v>
      </c>
      <c r="G24972" s="16">
        <v>6.336313780154719E-2</v>
      </c>
    </row>
    <row r="24973" spans="1:7" x14ac:dyDescent="0.3">
      <c r="A24973" s="13" t="s">
        <v>162</v>
      </c>
      <c r="B24973" s="14" t="s">
        <v>1</v>
      </c>
      <c r="C24973" s="14" t="s">
        <v>109</v>
      </c>
      <c r="D24973" s="14" t="s">
        <v>163</v>
      </c>
      <c r="E24973" s="15">
        <v>45529</v>
      </c>
      <c r="F24973" s="14" t="s">
        <v>61</v>
      </c>
      <c r="G24973" s="16">
        <v>6.336313780154719E-2</v>
      </c>
    </row>
    <row r="24974" spans="1:7" x14ac:dyDescent="0.3">
      <c r="A24974" s="13" t="s">
        <v>162</v>
      </c>
      <c r="B24974" s="14" t="s">
        <v>1</v>
      </c>
      <c r="C24974" s="14" t="s">
        <v>109</v>
      </c>
      <c r="D24974" s="14" t="s">
        <v>163</v>
      </c>
      <c r="E24974" s="15">
        <v>45530</v>
      </c>
      <c r="F24974" s="14" t="s">
        <v>61</v>
      </c>
      <c r="G24974" s="16">
        <v>6.1388059833023069E-2</v>
      </c>
    </row>
    <row r="24975" spans="1:7" x14ac:dyDescent="0.3">
      <c r="A24975" s="13" t="s">
        <v>162</v>
      </c>
      <c r="B24975" s="14" t="s">
        <v>1</v>
      </c>
      <c r="C24975" s="14" t="s">
        <v>109</v>
      </c>
      <c r="D24975" s="14" t="s">
        <v>163</v>
      </c>
      <c r="E24975" s="15">
        <v>45531</v>
      </c>
      <c r="F24975" s="14" t="s">
        <v>61</v>
      </c>
      <c r="G24975" s="16">
        <v>5.4701546089719125E-2</v>
      </c>
    </row>
    <row r="24976" spans="1:7" x14ac:dyDescent="0.3">
      <c r="A24976" s="13" t="s">
        <v>162</v>
      </c>
      <c r="B24976" s="14" t="s">
        <v>1</v>
      </c>
      <c r="C24976" s="14" t="s">
        <v>109</v>
      </c>
      <c r="D24976" s="14" t="s">
        <v>163</v>
      </c>
      <c r="E24976" s="15">
        <v>45532</v>
      </c>
      <c r="F24976" s="14" t="s">
        <v>61</v>
      </c>
      <c r="G24976" s="16">
        <v>6.5808097852231281E-2</v>
      </c>
    </row>
    <row r="24977" spans="1:7" x14ac:dyDescent="0.3">
      <c r="A24977" s="13" t="s">
        <v>162</v>
      </c>
      <c r="B24977" s="14" t="s">
        <v>1</v>
      </c>
      <c r="C24977" s="14" t="s">
        <v>109</v>
      </c>
      <c r="D24977" s="14" t="s">
        <v>163</v>
      </c>
      <c r="E24977" s="15">
        <v>45533</v>
      </c>
      <c r="F24977" s="14" t="s">
        <v>61</v>
      </c>
      <c r="G24977" s="16">
        <v>7.8562399942687669E-2</v>
      </c>
    </row>
    <row r="24978" spans="1:7" x14ac:dyDescent="0.3">
      <c r="A24978" s="13" t="s">
        <v>162</v>
      </c>
      <c r="B24978" s="14" t="s">
        <v>1</v>
      </c>
      <c r="C24978" s="14" t="s">
        <v>109</v>
      </c>
      <c r="D24978" s="14" t="s">
        <v>163</v>
      </c>
      <c r="E24978" s="15">
        <v>45534</v>
      </c>
      <c r="F24978" s="14" t="s">
        <v>61</v>
      </c>
      <c r="G24978" s="16">
        <v>7.6628822175510355E-2</v>
      </c>
    </row>
    <row r="24979" spans="1:7" x14ac:dyDescent="0.3">
      <c r="A24979" s="13" t="s">
        <v>162</v>
      </c>
      <c r="B24979" s="14" t="s">
        <v>1</v>
      </c>
      <c r="C24979" s="14" t="s">
        <v>109</v>
      </c>
      <c r="D24979" s="14" t="s">
        <v>163</v>
      </c>
      <c r="E24979" s="15">
        <v>45535</v>
      </c>
      <c r="F24979" s="14" t="s">
        <v>61</v>
      </c>
      <c r="G24979" s="16">
        <v>7.6628822175510355E-2</v>
      </c>
    </row>
    <row r="24980" spans="1:7" x14ac:dyDescent="0.3">
      <c r="A24980" s="13" t="s">
        <v>162</v>
      </c>
      <c r="B24980" s="14" t="s">
        <v>1</v>
      </c>
      <c r="C24980" s="14" t="s">
        <v>109</v>
      </c>
      <c r="D24980" s="14" t="s">
        <v>163</v>
      </c>
      <c r="E24980" s="15">
        <v>45536</v>
      </c>
      <c r="F24980" s="14" t="s">
        <v>61</v>
      </c>
      <c r="G24980" s="16">
        <v>7.6628822175510355E-2</v>
      </c>
    </row>
    <row r="24981" spans="1:7" x14ac:dyDescent="0.3">
      <c r="A24981" s="13" t="s">
        <v>162</v>
      </c>
      <c r="B24981" s="14" t="s">
        <v>1</v>
      </c>
      <c r="C24981" s="14" t="s">
        <v>109</v>
      </c>
      <c r="D24981" s="14" t="s">
        <v>163</v>
      </c>
      <c r="E24981" s="15">
        <v>45537</v>
      </c>
      <c r="F24981" s="14" t="s">
        <v>61</v>
      </c>
      <c r="G24981" s="16">
        <v>7.4313786680829358E-2</v>
      </c>
    </row>
    <row r="24982" spans="1:7" x14ac:dyDescent="0.3">
      <c r="A24982" s="13" t="s">
        <v>162</v>
      </c>
      <c r="B24982" s="14" t="s">
        <v>1</v>
      </c>
      <c r="C24982" s="14" t="s">
        <v>109</v>
      </c>
      <c r="D24982" s="14" t="s">
        <v>163</v>
      </c>
      <c r="E24982" s="15">
        <v>45538</v>
      </c>
      <c r="F24982" s="14" t="s">
        <v>61</v>
      </c>
      <c r="G24982" s="16">
        <v>6.7992631032190901E-2</v>
      </c>
    </row>
    <row r="24983" spans="1:7" x14ac:dyDescent="0.3">
      <c r="A24983" s="13" t="s">
        <v>162</v>
      </c>
      <c r="B24983" s="14" t="s">
        <v>1</v>
      </c>
      <c r="C24983" s="14" t="s">
        <v>109</v>
      </c>
      <c r="D24983" s="14" t="s">
        <v>163</v>
      </c>
      <c r="E24983" s="15">
        <v>45539</v>
      </c>
      <c r="F24983" s="14" t="s">
        <v>61</v>
      </c>
      <c r="G24983" s="16">
        <v>6.7173591188015414E-2</v>
      </c>
    </row>
    <row r="24984" spans="1:7" x14ac:dyDescent="0.3">
      <c r="A24984" s="13" t="s">
        <v>162</v>
      </c>
      <c r="B24984" s="14" t="s">
        <v>1</v>
      </c>
      <c r="C24984" s="14" t="s">
        <v>109</v>
      </c>
      <c r="D24984" s="14" t="s">
        <v>163</v>
      </c>
      <c r="E24984" s="15">
        <v>45540</v>
      </c>
      <c r="F24984" s="14" t="s">
        <v>61</v>
      </c>
      <c r="G24984" s="16">
        <v>6.4951630210048447E-2</v>
      </c>
    </row>
    <row r="24985" spans="1:7" x14ac:dyDescent="0.3">
      <c r="A24985" s="13" t="s">
        <v>162</v>
      </c>
      <c r="B24985" s="14" t="s">
        <v>1</v>
      </c>
      <c r="C24985" s="14" t="s">
        <v>109</v>
      </c>
      <c r="D24985" s="14" t="s">
        <v>163</v>
      </c>
      <c r="E24985" s="15">
        <v>45541</v>
      </c>
      <c r="F24985" s="14" t="s">
        <v>61</v>
      </c>
      <c r="G24985" s="16">
        <v>6.3479703813774435E-2</v>
      </c>
    </row>
    <row r="24986" spans="1:7" x14ac:dyDescent="0.3">
      <c r="A24986" s="13" t="s">
        <v>162</v>
      </c>
      <c r="B24986" s="14" t="s">
        <v>1</v>
      </c>
      <c r="C24986" s="14" t="s">
        <v>109</v>
      </c>
      <c r="D24986" s="14" t="s">
        <v>163</v>
      </c>
      <c r="E24986" s="15">
        <v>45542</v>
      </c>
      <c r="F24986" s="14" t="s">
        <v>61</v>
      </c>
      <c r="G24986" s="16">
        <v>6.3479703813774435E-2</v>
      </c>
    </row>
    <row r="24987" spans="1:7" x14ac:dyDescent="0.3">
      <c r="A24987" s="13" t="s">
        <v>162</v>
      </c>
      <c r="B24987" s="14" t="s">
        <v>1</v>
      </c>
      <c r="C24987" s="14" t="s">
        <v>109</v>
      </c>
      <c r="D24987" s="14" t="s">
        <v>163</v>
      </c>
      <c r="E24987" s="15">
        <v>45543</v>
      </c>
      <c r="F24987" s="14" t="s">
        <v>61</v>
      </c>
      <c r="G24987" s="16">
        <v>6.3479703813774435E-2</v>
      </c>
    </row>
    <row r="24988" spans="1:7" x14ac:dyDescent="0.3">
      <c r="A24988" s="13" t="s">
        <v>162</v>
      </c>
      <c r="B24988" s="14" t="s">
        <v>1</v>
      </c>
      <c r="C24988" s="14" t="s">
        <v>109</v>
      </c>
      <c r="D24988" s="14" t="s">
        <v>163</v>
      </c>
      <c r="E24988" s="15">
        <v>45544</v>
      </c>
      <c r="F24988" s="14" t="s">
        <v>61</v>
      </c>
      <c r="G24988" s="16">
        <v>6.6818827366124781E-2</v>
      </c>
    </row>
    <row r="24989" spans="1:7" x14ac:dyDescent="0.3">
      <c r="A24989" s="13" t="s">
        <v>162</v>
      </c>
      <c r="B24989" s="14" t="s">
        <v>1</v>
      </c>
      <c r="C24989" s="14" t="s">
        <v>109</v>
      </c>
      <c r="D24989" s="14" t="s">
        <v>163</v>
      </c>
      <c r="E24989" s="15">
        <v>45545</v>
      </c>
      <c r="F24989" s="14" t="s">
        <v>61</v>
      </c>
      <c r="G24989" s="16">
        <v>6.0896941843126211E-2</v>
      </c>
    </row>
    <row r="24990" spans="1:7" x14ac:dyDescent="0.3">
      <c r="A24990" s="13" t="s">
        <v>162</v>
      </c>
      <c r="B24990" s="14" t="s">
        <v>1</v>
      </c>
      <c r="C24990" s="14" t="s">
        <v>109</v>
      </c>
      <c r="D24990" s="14" t="s">
        <v>163</v>
      </c>
      <c r="E24990" s="15">
        <v>45546</v>
      </c>
      <c r="F24990" s="14" t="s">
        <v>61</v>
      </c>
      <c r="G24990" s="16">
        <v>5.8202933893079477E-2</v>
      </c>
    </row>
    <row r="24991" spans="1:7" x14ac:dyDescent="0.3">
      <c r="A24991" s="13" t="s">
        <v>162</v>
      </c>
      <c r="B24991" s="14" t="s">
        <v>1</v>
      </c>
      <c r="C24991" s="14" t="s">
        <v>109</v>
      </c>
      <c r="D24991" s="14" t="s">
        <v>163</v>
      </c>
      <c r="E24991" s="15">
        <v>45547</v>
      </c>
      <c r="F24991" s="14" t="s">
        <v>61</v>
      </c>
      <c r="G24991" s="16">
        <v>5.5872998813691246E-2</v>
      </c>
    </row>
    <row r="24992" spans="1:7" x14ac:dyDescent="0.3">
      <c r="A24992" s="13" t="s">
        <v>162</v>
      </c>
      <c r="B24992" s="14" t="s">
        <v>1</v>
      </c>
      <c r="C24992" s="14" t="s">
        <v>109</v>
      </c>
      <c r="D24992" s="14" t="s">
        <v>163</v>
      </c>
      <c r="E24992" s="15">
        <v>45548</v>
      </c>
      <c r="F24992" s="14" t="s">
        <v>61</v>
      </c>
      <c r="G24992" s="16">
        <v>5.4400912027171851E-2</v>
      </c>
    </row>
    <row r="24993" spans="1:7" x14ac:dyDescent="0.3">
      <c r="A24993" s="13" t="s">
        <v>162</v>
      </c>
      <c r="B24993" s="14" t="s">
        <v>1</v>
      </c>
      <c r="C24993" s="14" t="s">
        <v>109</v>
      </c>
      <c r="D24993" s="14" t="s">
        <v>163</v>
      </c>
      <c r="E24993" s="15">
        <v>45549</v>
      </c>
      <c r="F24993" s="14" t="s">
        <v>61</v>
      </c>
      <c r="G24993" s="16">
        <v>5.4400912027171851E-2</v>
      </c>
    </row>
    <row r="24994" spans="1:7" x14ac:dyDescent="0.3">
      <c r="A24994" s="13" t="s">
        <v>162</v>
      </c>
      <c r="B24994" s="14" t="s">
        <v>1</v>
      </c>
      <c r="C24994" s="14" t="s">
        <v>109</v>
      </c>
      <c r="D24994" s="14" t="s">
        <v>163</v>
      </c>
      <c r="E24994" s="15">
        <v>45550</v>
      </c>
      <c r="F24994" s="14" t="s">
        <v>61</v>
      </c>
      <c r="G24994" s="16">
        <v>5.4400912027171851E-2</v>
      </c>
    </row>
    <row r="24995" spans="1:7" x14ac:dyDescent="0.3">
      <c r="A24995" s="13" t="s">
        <v>162</v>
      </c>
      <c r="B24995" s="14" t="s">
        <v>1</v>
      </c>
      <c r="C24995" s="14" t="s">
        <v>109</v>
      </c>
      <c r="D24995" s="14" t="s">
        <v>163</v>
      </c>
      <c r="E24995" s="15">
        <v>45551</v>
      </c>
      <c r="F24995" s="14" t="s">
        <v>61</v>
      </c>
      <c r="G24995" s="16">
        <v>5.2402989603526628E-2</v>
      </c>
    </row>
    <row r="24996" spans="1:7" x14ac:dyDescent="0.3">
      <c r="A24996" s="13" t="s">
        <v>162</v>
      </c>
      <c r="B24996" s="14" t="s">
        <v>1</v>
      </c>
      <c r="C24996" s="14" t="s">
        <v>109</v>
      </c>
      <c r="D24996" s="14" t="s">
        <v>163</v>
      </c>
      <c r="E24996" s="15">
        <v>45552</v>
      </c>
      <c r="F24996" s="14" t="s">
        <v>61</v>
      </c>
      <c r="G24996" s="16">
        <v>4.6177982294186355E-2</v>
      </c>
    </row>
    <row r="24997" spans="1:7" x14ac:dyDescent="0.3">
      <c r="A24997" s="13" t="s">
        <v>162</v>
      </c>
      <c r="B24997" s="14" t="s">
        <v>1</v>
      </c>
      <c r="C24997" s="14" t="s">
        <v>109</v>
      </c>
      <c r="D24997" s="14" t="s">
        <v>163</v>
      </c>
      <c r="E24997" s="15">
        <v>45553</v>
      </c>
      <c r="F24997" s="14" t="s">
        <v>61</v>
      </c>
      <c r="G24997" s="16">
        <v>4.4307070923574651E-2</v>
      </c>
    </row>
    <row r="24998" spans="1:7" x14ac:dyDescent="0.3">
      <c r="A24998" s="13" t="s">
        <v>162</v>
      </c>
      <c r="B24998" s="14" t="s">
        <v>1</v>
      </c>
      <c r="C24998" s="14" t="s">
        <v>109</v>
      </c>
      <c r="D24998" s="14" t="s">
        <v>163</v>
      </c>
      <c r="E24998" s="15">
        <v>45554</v>
      </c>
      <c r="F24998" s="14" t="s">
        <v>61</v>
      </c>
      <c r="G24998" s="16">
        <v>4.2045690299110809E-2</v>
      </c>
    </row>
    <row r="24999" spans="1:7" x14ac:dyDescent="0.3">
      <c r="A24999" s="13" t="s">
        <v>162</v>
      </c>
      <c r="B24999" s="14" t="s">
        <v>1</v>
      </c>
      <c r="C24999" s="14" t="s">
        <v>109</v>
      </c>
      <c r="D24999" s="14" t="s">
        <v>163</v>
      </c>
      <c r="E24999" s="15">
        <v>45555</v>
      </c>
      <c r="F24999" s="14" t="s">
        <v>61</v>
      </c>
      <c r="G24999" s="16">
        <v>3.9976052243936418E-2</v>
      </c>
    </row>
    <row r="25000" spans="1:7" x14ac:dyDescent="0.3">
      <c r="A25000" s="13" t="s">
        <v>162</v>
      </c>
      <c r="B25000" s="14" t="s">
        <v>1</v>
      </c>
      <c r="C25000" s="14" t="s">
        <v>109</v>
      </c>
      <c r="D25000" s="14" t="s">
        <v>163</v>
      </c>
      <c r="E25000" s="15">
        <v>45556</v>
      </c>
      <c r="F25000" s="14" t="s">
        <v>61</v>
      </c>
      <c r="G25000" s="16">
        <v>3.9976052243936418E-2</v>
      </c>
    </row>
    <row r="25001" spans="1:7" x14ac:dyDescent="0.3">
      <c r="A25001" s="13" t="s">
        <v>162</v>
      </c>
      <c r="B25001" s="14" t="s">
        <v>1</v>
      </c>
      <c r="C25001" s="14" t="s">
        <v>109</v>
      </c>
      <c r="D25001" s="14" t="s">
        <v>163</v>
      </c>
      <c r="E25001" s="15">
        <v>45557</v>
      </c>
      <c r="F25001" s="14" t="s">
        <v>61</v>
      </c>
      <c r="G25001" s="16">
        <v>3.9976052243936418E-2</v>
      </c>
    </row>
    <row r="25002" spans="1:7" x14ac:dyDescent="0.3">
      <c r="A25002" s="13" t="s">
        <v>162</v>
      </c>
      <c r="B25002" s="14" t="s">
        <v>1</v>
      </c>
      <c r="C25002" s="14" t="s">
        <v>109</v>
      </c>
      <c r="D25002" s="14" t="s">
        <v>163</v>
      </c>
      <c r="E25002" s="15">
        <v>45558</v>
      </c>
      <c r="F25002" s="14" t="s">
        <v>61</v>
      </c>
      <c r="G25002" s="16">
        <v>3.8024651290251114E-2</v>
      </c>
    </row>
    <row r="25003" spans="1:7" x14ac:dyDescent="0.3">
      <c r="A25003" s="13" t="s">
        <v>162</v>
      </c>
      <c r="B25003" s="14" t="s">
        <v>1</v>
      </c>
      <c r="C25003" s="14" t="s">
        <v>109</v>
      </c>
      <c r="D25003" s="14" t="s">
        <v>163</v>
      </c>
      <c r="E25003" s="15">
        <v>45559</v>
      </c>
      <c r="F25003" s="14" t="s">
        <v>61</v>
      </c>
      <c r="G25003" s="16">
        <v>3.1444780954192723E-2</v>
      </c>
    </row>
    <row r="25004" spans="1:7" x14ac:dyDescent="0.3">
      <c r="A25004" s="13" t="s">
        <v>162</v>
      </c>
      <c r="B25004" s="14" t="s">
        <v>1</v>
      </c>
      <c r="C25004" s="14" t="s">
        <v>109</v>
      </c>
      <c r="D25004" s="14" t="s">
        <v>163</v>
      </c>
      <c r="E25004" s="15">
        <v>45560</v>
      </c>
      <c r="F25004" s="14" t="s">
        <v>61</v>
      </c>
      <c r="G25004" s="16">
        <v>2.9448982075463044E-2</v>
      </c>
    </row>
    <row r="25005" spans="1:7" x14ac:dyDescent="0.3">
      <c r="A25005" s="13" t="s">
        <v>162</v>
      </c>
      <c r="B25005" s="14" t="s">
        <v>1</v>
      </c>
      <c r="C25005" s="14" t="s">
        <v>109</v>
      </c>
      <c r="D25005" s="14" t="s">
        <v>163</v>
      </c>
      <c r="E25005" s="15">
        <v>45561</v>
      </c>
      <c r="F25005" s="14" t="s">
        <v>61</v>
      </c>
      <c r="G25005" s="16">
        <v>2.7195908735268001E-2</v>
      </c>
    </row>
    <row r="25006" spans="1:7" x14ac:dyDescent="0.3">
      <c r="A25006" s="13" t="s">
        <v>162</v>
      </c>
      <c r="B25006" s="14" t="s">
        <v>1</v>
      </c>
      <c r="C25006" s="14" t="s">
        <v>109</v>
      </c>
      <c r="D25006" s="14" t="s">
        <v>163</v>
      </c>
      <c r="E25006" s="15">
        <v>45562</v>
      </c>
      <c r="F25006" s="14" t="s">
        <v>61</v>
      </c>
      <c r="G25006" s="16">
        <v>2.5993878606958905E-2</v>
      </c>
    </row>
    <row r="25007" spans="1:7" x14ac:dyDescent="0.3">
      <c r="A25007" s="13" t="s">
        <v>162</v>
      </c>
      <c r="B25007" s="14" t="s">
        <v>1</v>
      </c>
      <c r="C25007" s="14" t="s">
        <v>109</v>
      </c>
      <c r="D25007" s="14" t="s">
        <v>163</v>
      </c>
      <c r="E25007" s="15">
        <v>45563</v>
      </c>
      <c r="F25007" s="14" t="s">
        <v>61</v>
      </c>
      <c r="G25007" s="16">
        <v>2.5993878606958905E-2</v>
      </c>
    </row>
    <row r="25008" spans="1:7" x14ac:dyDescent="0.3">
      <c r="A25008" s="13" t="s">
        <v>162</v>
      </c>
      <c r="B25008" s="14" t="s">
        <v>1</v>
      </c>
      <c r="C25008" s="14" t="s">
        <v>109</v>
      </c>
      <c r="D25008" s="14" t="s">
        <v>163</v>
      </c>
      <c r="E25008" s="15">
        <v>45564</v>
      </c>
      <c r="F25008" s="14" t="s">
        <v>61</v>
      </c>
      <c r="G25008" s="16">
        <v>2.5993878606958905E-2</v>
      </c>
    </row>
    <row r="25009" spans="1:7" x14ac:dyDescent="0.3">
      <c r="A25009" s="13" t="s">
        <v>162</v>
      </c>
      <c r="B25009" s="14" t="s">
        <v>1</v>
      </c>
      <c r="C25009" s="14" t="s">
        <v>109</v>
      </c>
      <c r="D25009" s="14" t="s">
        <v>163</v>
      </c>
      <c r="E25009" s="15">
        <v>45565</v>
      </c>
      <c r="F25009" s="14" t="s">
        <v>61</v>
      </c>
      <c r="G25009" s="16">
        <v>4.8909595791684635E-2</v>
      </c>
    </row>
    <row r="25010" spans="1:7" x14ac:dyDescent="0.3">
      <c r="A25010" s="13" t="s">
        <v>162</v>
      </c>
      <c r="B25010" s="14" t="s">
        <v>1</v>
      </c>
      <c r="C25010" s="14" t="s">
        <v>109</v>
      </c>
      <c r="D25010" s="14" t="s">
        <v>163</v>
      </c>
      <c r="E25010" s="15">
        <v>45566</v>
      </c>
      <c r="F25010" s="14" t="s">
        <v>61</v>
      </c>
      <c r="G25010" s="16">
        <v>4.5005166071677323E-2</v>
      </c>
    </row>
    <row r="25011" spans="1:7" x14ac:dyDescent="0.3">
      <c r="A25011" s="13" t="s">
        <v>162</v>
      </c>
      <c r="B25011" s="14" t="s">
        <v>1</v>
      </c>
      <c r="C25011" s="14" t="s">
        <v>109</v>
      </c>
      <c r="D25011" s="14" t="s">
        <v>163</v>
      </c>
      <c r="E25011" s="15">
        <v>45567</v>
      </c>
      <c r="F25011" s="14" t="s">
        <v>61</v>
      </c>
      <c r="G25011" s="16">
        <v>4.3109113684151497E-2</v>
      </c>
    </row>
    <row r="25012" spans="1:7" x14ac:dyDescent="0.3">
      <c r="A25012" s="13" t="s">
        <v>162</v>
      </c>
      <c r="B25012" s="14" t="s">
        <v>1</v>
      </c>
      <c r="C25012" s="14" t="s">
        <v>109</v>
      </c>
      <c r="D25012" s="14" t="s">
        <v>163</v>
      </c>
      <c r="E25012" s="15">
        <v>45568</v>
      </c>
      <c r="F25012" s="14" t="s">
        <v>61</v>
      </c>
      <c r="G25012" s="16">
        <v>4.1012469070275386E-2</v>
      </c>
    </row>
    <row r="25013" spans="1:7" x14ac:dyDescent="0.3">
      <c r="A25013" s="13" t="s">
        <v>162</v>
      </c>
      <c r="B25013" s="14" t="s">
        <v>1</v>
      </c>
      <c r="C25013" s="14" t="s">
        <v>109</v>
      </c>
      <c r="D25013" s="14" t="s">
        <v>163</v>
      </c>
      <c r="E25013" s="15">
        <v>45569</v>
      </c>
      <c r="F25013" s="14" t="s">
        <v>61</v>
      </c>
      <c r="G25013" s="16">
        <v>3.9039234651188748E-2</v>
      </c>
    </row>
    <row r="25014" spans="1:7" x14ac:dyDescent="0.3">
      <c r="A25014" s="13" t="s">
        <v>162</v>
      </c>
      <c r="B25014" s="14" t="s">
        <v>1</v>
      </c>
      <c r="C25014" s="14" t="s">
        <v>109</v>
      </c>
      <c r="D25014" s="14" t="s">
        <v>163</v>
      </c>
      <c r="E25014" s="15">
        <v>45570</v>
      </c>
      <c r="F25014" s="14" t="s">
        <v>61</v>
      </c>
      <c r="G25014" s="16">
        <v>3.9039234651188748E-2</v>
      </c>
    </row>
    <row r="25015" spans="1:7" x14ac:dyDescent="0.3">
      <c r="A25015" s="13" t="s">
        <v>162</v>
      </c>
      <c r="B25015" s="14" t="s">
        <v>1</v>
      </c>
      <c r="C25015" s="14" t="s">
        <v>109</v>
      </c>
      <c r="D25015" s="14" t="s">
        <v>163</v>
      </c>
      <c r="E25015" s="15">
        <v>45571</v>
      </c>
      <c r="F25015" s="14" t="s">
        <v>61</v>
      </c>
      <c r="G25015" s="16">
        <v>3.9039234651188748E-2</v>
      </c>
    </row>
    <row r="25016" spans="1:7" x14ac:dyDescent="0.3">
      <c r="A25016" s="13" t="s">
        <v>162</v>
      </c>
      <c r="B25016" s="14" t="s">
        <v>1</v>
      </c>
      <c r="C25016" s="14" t="s">
        <v>109</v>
      </c>
      <c r="D25016" s="14" t="s">
        <v>163</v>
      </c>
      <c r="E25016" s="15">
        <v>45572</v>
      </c>
      <c r="F25016" s="14" t="s">
        <v>61</v>
      </c>
      <c r="G25016" s="16">
        <v>4.1006758608373717E-2</v>
      </c>
    </row>
    <row r="25017" spans="1:7" x14ac:dyDescent="0.3">
      <c r="A25017" s="13" t="s">
        <v>162</v>
      </c>
      <c r="B25017" s="14" t="s">
        <v>1</v>
      </c>
      <c r="C25017" s="14" t="s">
        <v>109</v>
      </c>
      <c r="D25017" s="14" t="s">
        <v>163</v>
      </c>
      <c r="E25017" s="15">
        <v>45573</v>
      </c>
      <c r="F25017" s="14" t="s">
        <v>61</v>
      </c>
      <c r="G25017" s="16">
        <v>3.4340979178257583E-2</v>
      </c>
    </row>
    <row r="25018" spans="1:7" x14ac:dyDescent="0.3">
      <c r="A25018" s="13" t="s">
        <v>162</v>
      </c>
      <c r="B25018" s="14" t="s">
        <v>1</v>
      </c>
      <c r="C25018" s="14" t="s">
        <v>109</v>
      </c>
      <c r="D25018" s="14" t="s">
        <v>163</v>
      </c>
      <c r="E25018" s="15">
        <v>45574</v>
      </c>
      <c r="F25018" s="14" t="s">
        <v>61</v>
      </c>
      <c r="G25018" s="16">
        <v>3.2256378665002694E-2</v>
      </c>
    </row>
    <row r="25019" spans="1:7" x14ac:dyDescent="0.3">
      <c r="A25019" s="13" t="s">
        <v>162</v>
      </c>
      <c r="B25019" s="14" t="s">
        <v>1</v>
      </c>
      <c r="C25019" s="14" t="s">
        <v>109</v>
      </c>
      <c r="D25019" s="14" t="s">
        <v>163</v>
      </c>
      <c r="E25019" s="15">
        <v>45575</v>
      </c>
      <c r="F25019" s="14" t="s">
        <v>61</v>
      </c>
      <c r="G25019" s="16">
        <v>3.0021579790997104E-2</v>
      </c>
    </row>
    <row r="25020" spans="1:7" x14ac:dyDescent="0.3">
      <c r="A25020" s="13" t="s">
        <v>162</v>
      </c>
      <c r="B25020" s="14" t="s">
        <v>1</v>
      </c>
      <c r="C25020" s="14" t="s">
        <v>109</v>
      </c>
      <c r="D25020" s="14" t="s">
        <v>163</v>
      </c>
      <c r="E25020" s="15">
        <v>45576</v>
      </c>
      <c r="F25020" s="14" t="s">
        <v>61</v>
      </c>
      <c r="G25020" s="16">
        <v>2.7737758297290516E-2</v>
      </c>
    </row>
    <row r="25021" spans="1:7" x14ac:dyDescent="0.3">
      <c r="A25021" s="13" t="s">
        <v>162</v>
      </c>
      <c r="B25021" s="14" t="s">
        <v>1</v>
      </c>
      <c r="C25021" s="14" t="s">
        <v>109</v>
      </c>
      <c r="D25021" s="14" t="s">
        <v>163</v>
      </c>
      <c r="E25021" s="15">
        <v>45577</v>
      </c>
      <c r="F25021" s="14" t="s">
        <v>61</v>
      </c>
      <c r="G25021" s="16">
        <v>2.7737758297290516E-2</v>
      </c>
    </row>
    <row r="25022" spans="1:7" x14ac:dyDescent="0.3">
      <c r="A25022" s="13" t="s">
        <v>162</v>
      </c>
      <c r="B25022" s="14" t="s">
        <v>1</v>
      </c>
      <c r="C25022" s="14" t="s">
        <v>109</v>
      </c>
      <c r="D25022" s="14" t="s">
        <v>163</v>
      </c>
      <c r="E25022" s="15">
        <v>45578</v>
      </c>
      <c r="F25022" s="14" t="s">
        <v>61</v>
      </c>
      <c r="G25022" s="16">
        <v>2.7737758297290516E-2</v>
      </c>
    </row>
    <row r="25023" spans="1:7" x14ac:dyDescent="0.3">
      <c r="A25023" s="13" t="s">
        <v>162</v>
      </c>
      <c r="B25023" s="14" t="s">
        <v>1</v>
      </c>
      <c r="C25023" s="14" t="s">
        <v>109</v>
      </c>
      <c r="D25023" s="14" t="s">
        <v>163</v>
      </c>
      <c r="E25023" s="15">
        <v>45579</v>
      </c>
      <c r="F25023" s="14" t="s">
        <v>61</v>
      </c>
      <c r="G25023" s="16">
        <v>2.6395274263981566E-2</v>
      </c>
    </row>
    <row r="25024" spans="1:7" x14ac:dyDescent="0.3">
      <c r="A25024" s="13" t="s">
        <v>162</v>
      </c>
      <c r="B25024" s="14" t="s">
        <v>1</v>
      </c>
      <c r="C25024" s="14" t="s">
        <v>109</v>
      </c>
      <c r="D25024" s="14" t="s">
        <v>163</v>
      </c>
      <c r="E25024" s="15">
        <v>45580</v>
      </c>
      <c r="F25024" s="14" t="s">
        <v>61</v>
      </c>
      <c r="G25024" s="16">
        <v>1.943912807007496E-2</v>
      </c>
    </row>
    <row r="25025" spans="1:7" x14ac:dyDescent="0.3">
      <c r="A25025" s="13" t="s">
        <v>162</v>
      </c>
      <c r="B25025" s="14" t="s">
        <v>1</v>
      </c>
      <c r="C25025" s="14" t="s">
        <v>109</v>
      </c>
      <c r="D25025" s="14" t="s">
        <v>163</v>
      </c>
      <c r="E25025" s="15">
        <v>45581</v>
      </c>
      <c r="F25025" s="14" t="s">
        <v>61</v>
      </c>
      <c r="G25025" s="16">
        <v>1.7141835413125188E-2</v>
      </c>
    </row>
    <row r="25026" spans="1:7" x14ac:dyDescent="0.3">
      <c r="A25026" s="13" t="s">
        <v>162</v>
      </c>
      <c r="B25026" s="14" t="s">
        <v>1</v>
      </c>
      <c r="C25026" s="14" t="s">
        <v>109</v>
      </c>
      <c r="D25026" s="14" t="s">
        <v>163</v>
      </c>
      <c r="E25026" s="15">
        <v>45582</v>
      </c>
      <c r="F25026" s="14" t="s">
        <v>61</v>
      </c>
      <c r="G25026" s="16">
        <v>1.4874234408535964E-2</v>
      </c>
    </row>
    <row r="25027" spans="1:7" x14ac:dyDescent="0.3">
      <c r="A25027" s="13" t="s">
        <v>162</v>
      </c>
      <c r="B25027" s="14" t="s">
        <v>1</v>
      </c>
      <c r="C25027" s="14" t="s">
        <v>109</v>
      </c>
      <c r="D25027" s="14" t="s">
        <v>163</v>
      </c>
      <c r="E25027" s="15">
        <v>45583</v>
      </c>
      <c r="F25027" s="14" t="s">
        <v>61</v>
      </c>
      <c r="G25027" s="16">
        <v>1.7256849052170231E-2</v>
      </c>
    </row>
    <row r="25028" spans="1:7" x14ac:dyDescent="0.3">
      <c r="A25028" s="13" t="s">
        <v>162</v>
      </c>
      <c r="B25028" s="14" t="s">
        <v>1</v>
      </c>
      <c r="C25028" s="14" t="s">
        <v>109</v>
      </c>
      <c r="D25028" s="14" t="s">
        <v>163</v>
      </c>
      <c r="E25028" s="15">
        <v>45584</v>
      </c>
      <c r="F25028" s="14" t="s">
        <v>61</v>
      </c>
      <c r="G25028" s="16">
        <v>1.7256849052170231E-2</v>
      </c>
    </row>
    <row r="25029" spans="1:7" x14ac:dyDescent="0.3">
      <c r="A25029" s="13" t="s">
        <v>162</v>
      </c>
      <c r="B25029" s="14" t="s">
        <v>1</v>
      </c>
      <c r="C25029" s="14" t="s">
        <v>109</v>
      </c>
      <c r="D25029" s="14" t="s">
        <v>163</v>
      </c>
      <c r="E25029" s="15">
        <v>45585</v>
      </c>
      <c r="F25029" s="14" t="s">
        <v>61</v>
      </c>
      <c r="G25029" s="16">
        <v>1.7256849052170231E-2</v>
      </c>
    </row>
    <row r="25030" spans="1:7" x14ac:dyDescent="0.3">
      <c r="A25030" s="13" t="s">
        <v>162</v>
      </c>
      <c r="B25030" s="14" t="s">
        <v>1</v>
      </c>
      <c r="C25030" s="14" t="s">
        <v>109</v>
      </c>
      <c r="D25030" s="14" t="s">
        <v>163</v>
      </c>
      <c r="E25030" s="15">
        <v>45586</v>
      </c>
      <c r="F25030" s="14" t="s">
        <v>61</v>
      </c>
      <c r="G25030" s="16">
        <v>1.5011655668520382E-2</v>
      </c>
    </row>
    <row r="25031" spans="1:7" x14ac:dyDescent="0.3">
      <c r="A25031" s="13" t="s">
        <v>162</v>
      </c>
      <c r="B25031" s="14" t="s">
        <v>1</v>
      </c>
      <c r="C25031" s="14" t="s">
        <v>109</v>
      </c>
      <c r="D25031" s="14" t="s">
        <v>163</v>
      </c>
      <c r="E25031" s="15">
        <v>45587</v>
      </c>
      <c r="F25031" s="14" t="s">
        <v>61</v>
      </c>
      <c r="G25031" s="16">
        <v>7.9894802324551248E-3</v>
      </c>
    </row>
    <row r="25032" spans="1:7" x14ac:dyDescent="0.3">
      <c r="A25032" s="13" t="s">
        <v>162</v>
      </c>
      <c r="B25032" s="14" t="s">
        <v>1</v>
      </c>
      <c r="C25032" s="14" t="s">
        <v>109</v>
      </c>
      <c r="D25032" s="14" t="s">
        <v>163</v>
      </c>
      <c r="E25032" s="15">
        <v>45588</v>
      </c>
      <c r="F25032" s="14" t="s">
        <v>61</v>
      </c>
      <c r="G25032" s="16">
        <v>5.6433008339654631E-3</v>
      </c>
    </row>
    <row r="25033" spans="1:7" x14ac:dyDescent="0.3">
      <c r="A25033" s="13" t="s">
        <v>162</v>
      </c>
      <c r="B25033" s="14" t="s">
        <v>1</v>
      </c>
      <c r="C25033" s="14" t="s">
        <v>109</v>
      </c>
      <c r="D25033" s="14" t="s">
        <v>163</v>
      </c>
      <c r="E25033" s="15">
        <v>45589</v>
      </c>
      <c r="F25033" s="14" t="s">
        <v>61</v>
      </c>
      <c r="G25033" s="16">
        <v>3.2952361269870112E-3</v>
      </c>
    </row>
    <row r="25034" spans="1:7" x14ac:dyDescent="0.3">
      <c r="A25034" s="13" t="s">
        <v>162</v>
      </c>
      <c r="B25034" s="14" t="s">
        <v>1</v>
      </c>
      <c r="C25034" s="14" t="s">
        <v>109</v>
      </c>
      <c r="D25034" s="14" t="s">
        <v>163</v>
      </c>
      <c r="E25034" s="15">
        <v>45590</v>
      </c>
      <c r="F25034" s="14" t="s">
        <v>61</v>
      </c>
      <c r="G25034" s="16">
        <v>1.0059198677943178E-3</v>
      </c>
    </row>
    <row r="25035" spans="1:7" x14ac:dyDescent="0.3">
      <c r="A25035" s="13" t="s">
        <v>162</v>
      </c>
      <c r="B25035" s="14" t="s">
        <v>1</v>
      </c>
      <c r="C25035" s="14" t="s">
        <v>109</v>
      </c>
      <c r="D25035" s="14" t="s">
        <v>163</v>
      </c>
      <c r="E25035" s="15">
        <v>45591</v>
      </c>
      <c r="F25035" s="14" t="s">
        <v>61</v>
      </c>
      <c r="G25035" s="16">
        <v>1.0059198677943178E-3</v>
      </c>
    </row>
    <row r="25036" spans="1:7" x14ac:dyDescent="0.3">
      <c r="A25036" s="13" t="s">
        <v>162</v>
      </c>
      <c r="B25036" s="14" t="s">
        <v>1</v>
      </c>
      <c r="C25036" s="14" t="s">
        <v>109</v>
      </c>
      <c r="D25036" s="14" t="s">
        <v>163</v>
      </c>
      <c r="E25036" s="15">
        <v>45592</v>
      </c>
      <c r="F25036" s="14" t="s">
        <v>61</v>
      </c>
      <c r="G25036" s="16">
        <v>1.0059198677943178E-3</v>
      </c>
    </row>
    <row r="25037" spans="1:7" x14ac:dyDescent="0.3">
      <c r="A25037" s="13" t="s">
        <v>162</v>
      </c>
      <c r="B25037" s="14" t="s">
        <v>1</v>
      </c>
      <c r="C25037" s="14" t="s">
        <v>109</v>
      </c>
      <c r="D25037" s="14" t="s">
        <v>163</v>
      </c>
      <c r="E25037" s="15">
        <v>45593</v>
      </c>
      <c r="F25037" s="14" t="s">
        <v>61</v>
      </c>
      <c r="G25037" s="16">
        <v>1.0059198677943178E-3</v>
      </c>
    </row>
    <row r="25038" spans="1:7" x14ac:dyDescent="0.3">
      <c r="A25038" s="13" t="s">
        <v>162</v>
      </c>
      <c r="B25038" s="14" t="s">
        <v>1</v>
      </c>
      <c r="C25038" s="14" t="s">
        <v>109</v>
      </c>
      <c r="D25038" s="14" t="s">
        <v>163</v>
      </c>
      <c r="E25038" s="15">
        <v>45594</v>
      </c>
      <c r="F25038" s="14" t="s">
        <v>61</v>
      </c>
      <c r="G25038" s="16">
        <v>0</v>
      </c>
    </row>
    <row r="25039" spans="1:7" x14ac:dyDescent="0.3">
      <c r="A25039" s="13" t="s">
        <v>162</v>
      </c>
      <c r="B25039" s="14" t="s">
        <v>1</v>
      </c>
      <c r="C25039" s="14" t="s">
        <v>109</v>
      </c>
      <c r="D25039" s="14" t="s">
        <v>163</v>
      </c>
      <c r="E25039" s="15">
        <v>45595</v>
      </c>
      <c r="F25039" s="14" t="s">
        <v>61</v>
      </c>
      <c r="G25039" s="16">
        <v>0</v>
      </c>
    </row>
    <row r="25040" spans="1:7" x14ac:dyDescent="0.3">
      <c r="A25040" s="13" t="s">
        <v>162</v>
      </c>
      <c r="B25040" s="14" t="s">
        <v>1</v>
      </c>
      <c r="C25040" s="14" t="s">
        <v>109</v>
      </c>
      <c r="D25040" s="14" t="s">
        <v>163</v>
      </c>
      <c r="E25040" s="15">
        <v>45596</v>
      </c>
      <c r="F25040" s="14" t="s">
        <v>61</v>
      </c>
      <c r="G25040" s="16">
        <v>0</v>
      </c>
    </row>
    <row r="25041" spans="1:7" x14ac:dyDescent="0.3">
      <c r="A25041" s="13" t="s">
        <v>162</v>
      </c>
      <c r="B25041" s="14" t="s">
        <v>1</v>
      </c>
      <c r="C25041" s="14" t="s">
        <v>109</v>
      </c>
      <c r="D25041" s="14" t="s">
        <v>163</v>
      </c>
      <c r="E25041" s="15">
        <v>45597</v>
      </c>
      <c r="F25041" s="14" t="s">
        <v>61</v>
      </c>
      <c r="G25041" s="16">
        <v>0</v>
      </c>
    </row>
    <row r="25042" spans="1:7" x14ac:dyDescent="0.3">
      <c r="A25042" s="13" t="s">
        <v>162</v>
      </c>
      <c r="B25042" s="14" t="s">
        <v>1</v>
      </c>
      <c r="C25042" s="14" t="s">
        <v>109</v>
      </c>
      <c r="D25042" s="14" t="s">
        <v>163</v>
      </c>
      <c r="E25042" s="15">
        <v>45598</v>
      </c>
      <c r="F25042" s="14" t="s">
        <v>61</v>
      </c>
      <c r="G25042" s="16">
        <v>0</v>
      </c>
    </row>
    <row r="25043" spans="1:7" x14ac:dyDescent="0.3">
      <c r="A25043" s="13" t="s">
        <v>162</v>
      </c>
      <c r="B25043" s="14" t="s">
        <v>1</v>
      </c>
      <c r="C25043" s="14" t="s">
        <v>109</v>
      </c>
      <c r="D25043" s="14" t="s">
        <v>163</v>
      </c>
      <c r="E25043" s="15">
        <v>45599</v>
      </c>
      <c r="F25043" s="14" t="s">
        <v>61</v>
      </c>
      <c r="G25043" s="16">
        <v>0</v>
      </c>
    </row>
    <row r="25044" spans="1:7" x14ac:dyDescent="0.3">
      <c r="A25044" s="13" t="s">
        <v>162</v>
      </c>
      <c r="B25044" s="14" t="s">
        <v>1</v>
      </c>
      <c r="C25044" s="14" t="s">
        <v>109</v>
      </c>
      <c r="D25044" s="14" t="s">
        <v>163</v>
      </c>
      <c r="E25044" s="15">
        <v>45600</v>
      </c>
      <c r="F25044" s="14" t="s">
        <v>61</v>
      </c>
      <c r="G25044" s="16">
        <v>0</v>
      </c>
    </row>
    <row r="25045" spans="1:7" x14ac:dyDescent="0.3">
      <c r="A25045" s="13" t="s">
        <v>162</v>
      </c>
      <c r="B25045" s="14" t="s">
        <v>1</v>
      </c>
      <c r="C25045" s="14" t="s">
        <v>109</v>
      </c>
      <c r="D25045" s="14" t="s">
        <v>163</v>
      </c>
      <c r="E25045" s="15">
        <v>45601</v>
      </c>
      <c r="F25045" s="14" t="s">
        <v>61</v>
      </c>
      <c r="G25045" s="16">
        <v>0</v>
      </c>
    </row>
    <row r="25046" spans="1:7" x14ac:dyDescent="0.3">
      <c r="A25046" s="13" t="s">
        <v>162</v>
      </c>
      <c r="B25046" s="14" t="s">
        <v>1</v>
      </c>
      <c r="C25046" s="14" t="s">
        <v>109</v>
      </c>
      <c r="D25046" s="14" t="s">
        <v>163</v>
      </c>
      <c r="E25046" s="15">
        <v>45602</v>
      </c>
      <c r="F25046" s="14" t="s">
        <v>61</v>
      </c>
      <c r="G25046" s="16">
        <v>0</v>
      </c>
    </row>
    <row r="25047" spans="1:7" x14ac:dyDescent="0.3">
      <c r="A25047" s="13" t="s">
        <v>162</v>
      </c>
      <c r="B25047" s="14" t="s">
        <v>1</v>
      </c>
      <c r="C25047" s="14" t="s">
        <v>109</v>
      </c>
      <c r="D25047" s="14" t="s">
        <v>163</v>
      </c>
      <c r="E25047" s="15">
        <v>45603</v>
      </c>
      <c r="F25047" s="14" t="s">
        <v>61</v>
      </c>
      <c r="G25047" s="16">
        <v>0</v>
      </c>
    </row>
    <row r="25048" spans="1:7" x14ac:dyDescent="0.3">
      <c r="A25048" s="13" t="s">
        <v>162</v>
      </c>
      <c r="B25048" s="14" t="s">
        <v>1</v>
      </c>
      <c r="C25048" s="14" t="s">
        <v>109</v>
      </c>
      <c r="D25048" s="14" t="s">
        <v>163</v>
      </c>
      <c r="E25048" s="15">
        <v>45604</v>
      </c>
      <c r="F25048" s="14" t="s">
        <v>61</v>
      </c>
      <c r="G25048" s="16">
        <v>0</v>
      </c>
    </row>
    <row r="25049" spans="1:7" x14ac:dyDescent="0.3">
      <c r="A25049" s="13" t="s">
        <v>162</v>
      </c>
      <c r="B25049" s="14" t="s">
        <v>1</v>
      </c>
      <c r="C25049" s="14" t="s">
        <v>109</v>
      </c>
      <c r="D25049" s="14" t="s">
        <v>163</v>
      </c>
      <c r="E25049" s="15">
        <v>45605</v>
      </c>
      <c r="F25049" s="14" t="s">
        <v>61</v>
      </c>
      <c r="G25049" s="16">
        <v>0</v>
      </c>
    </row>
    <row r="25050" spans="1:7" x14ac:dyDescent="0.3">
      <c r="A25050" s="13" t="s">
        <v>162</v>
      </c>
      <c r="B25050" s="14" t="s">
        <v>1</v>
      </c>
      <c r="C25050" s="14" t="s">
        <v>109</v>
      </c>
      <c r="D25050" s="14" t="s">
        <v>163</v>
      </c>
      <c r="E25050" s="15">
        <v>45606</v>
      </c>
      <c r="F25050" s="14" t="s">
        <v>61</v>
      </c>
      <c r="G25050" s="16">
        <v>0</v>
      </c>
    </row>
    <row r="25051" spans="1:7" x14ac:dyDescent="0.3">
      <c r="A25051" s="13" t="s">
        <v>162</v>
      </c>
      <c r="B25051" s="14" t="s">
        <v>1</v>
      </c>
      <c r="C25051" s="14" t="s">
        <v>109</v>
      </c>
      <c r="D25051" s="14" t="s">
        <v>163</v>
      </c>
      <c r="E25051" s="15">
        <v>45607</v>
      </c>
      <c r="F25051" s="14" t="s">
        <v>61</v>
      </c>
      <c r="G25051" s="16">
        <v>0</v>
      </c>
    </row>
    <row r="25052" spans="1:7" x14ac:dyDescent="0.3">
      <c r="A25052" s="13" t="s">
        <v>162</v>
      </c>
      <c r="B25052" s="14" t="s">
        <v>1</v>
      </c>
      <c r="C25052" s="14" t="s">
        <v>109</v>
      </c>
      <c r="D25052" s="14" t="s">
        <v>163</v>
      </c>
      <c r="E25052" s="15">
        <v>45608</v>
      </c>
      <c r="F25052" s="14" t="s">
        <v>61</v>
      </c>
      <c r="G25052" s="16">
        <v>0</v>
      </c>
    </row>
    <row r="25053" spans="1:7" x14ac:dyDescent="0.3">
      <c r="A25053" s="13" t="s">
        <v>162</v>
      </c>
      <c r="B25053" s="14" t="s">
        <v>1</v>
      </c>
      <c r="C25053" s="14" t="s">
        <v>109</v>
      </c>
      <c r="D25053" s="14" t="s">
        <v>163</v>
      </c>
      <c r="E25053" s="15">
        <v>45609</v>
      </c>
      <c r="F25053" s="14" t="s">
        <v>61</v>
      </c>
      <c r="G25053" s="16">
        <v>0</v>
      </c>
    </row>
    <row r="25054" spans="1:7" x14ac:dyDescent="0.3">
      <c r="A25054" s="13" t="s">
        <v>162</v>
      </c>
      <c r="B25054" s="14" t="s">
        <v>1</v>
      </c>
      <c r="C25054" s="14" t="s">
        <v>109</v>
      </c>
      <c r="D25054" s="14" t="s">
        <v>163</v>
      </c>
      <c r="E25054" s="15">
        <v>45610</v>
      </c>
      <c r="F25054" s="14" t="s">
        <v>61</v>
      </c>
      <c r="G25054" s="16">
        <v>0</v>
      </c>
    </row>
    <row r="25055" spans="1:7" x14ac:dyDescent="0.3">
      <c r="A25055" s="13" t="s">
        <v>162</v>
      </c>
      <c r="B25055" s="14" t="s">
        <v>1</v>
      </c>
      <c r="C25055" s="14" t="s">
        <v>109</v>
      </c>
      <c r="D25055" s="14" t="s">
        <v>163</v>
      </c>
      <c r="E25055" s="15">
        <v>45611</v>
      </c>
      <c r="F25055" s="14" t="s">
        <v>61</v>
      </c>
      <c r="G25055" s="16">
        <v>0</v>
      </c>
    </row>
    <row r="25056" spans="1:7" x14ac:dyDescent="0.3">
      <c r="A25056" s="13" t="s">
        <v>162</v>
      </c>
      <c r="B25056" s="14" t="s">
        <v>1</v>
      </c>
      <c r="C25056" s="14" t="s">
        <v>109</v>
      </c>
      <c r="D25056" s="14" t="s">
        <v>163</v>
      </c>
      <c r="E25056" s="15">
        <v>45612</v>
      </c>
      <c r="F25056" s="14" t="s">
        <v>61</v>
      </c>
      <c r="G25056" s="16">
        <v>0</v>
      </c>
    </row>
    <row r="25057" spans="1:7" x14ac:dyDescent="0.3">
      <c r="A25057" s="13" t="s">
        <v>162</v>
      </c>
      <c r="B25057" s="14" t="s">
        <v>1</v>
      </c>
      <c r="C25057" s="14" t="s">
        <v>109</v>
      </c>
      <c r="D25057" s="14" t="s">
        <v>163</v>
      </c>
      <c r="E25057" s="15">
        <v>45613</v>
      </c>
      <c r="F25057" s="14" t="s">
        <v>61</v>
      </c>
      <c r="G25057" s="16">
        <v>0</v>
      </c>
    </row>
    <row r="25058" spans="1:7" x14ac:dyDescent="0.3">
      <c r="A25058" s="13" t="s">
        <v>162</v>
      </c>
      <c r="B25058" s="14" t="s">
        <v>1</v>
      </c>
      <c r="C25058" s="14" t="s">
        <v>109</v>
      </c>
      <c r="D25058" s="14" t="s">
        <v>163</v>
      </c>
      <c r="E25058" s="15">
        <v>45614</v>
      </c>
      <c r="F25058" s="14" t="s">
        <v>61</v>
      </c>
      <c r="G25058" s="16">
        <v>0</v>
      </c>
    </row>
    <row r="25059" spans="1:7" x14ac:dyDescent="0.3">
      <c r="A25059" s="13" t="s">
        <v>162</v>
      </c>
      <c r="B25059" s="14" t="s">
        <v>1</v>
      </c>
      <c r="C25059" s="14" t="s">
        <v>109</v>
      </c>
      <c r="D25059" s="14" t="s">
        <v>163</v>
      </c>
      <c r="E25059" s="15">
        <v>45615</v>
      </c>
      <c r="F25059" s="14" t="s">
        <v>61</v>
      </c>
      <c r="G25059" s="16">
        <v>0</v>
      </c>
    </row>
    <row r="25060" spans="1:7" x14ac:dyDescent="0.3">
      <c r="A25060" s="13" t="s">
        <v>162</v>
      </c>
      <c r="B25060" s="14" t="s">
        <v>1</v>
      </c>
      <c r="C25060" s="14" t="s">
        <v>109</v>
      </c>
      <c r="D25060" s="14" t="s">
        <v>163</v>
      </c>
      <c r="E25060" s="15">
        <v>45616</v>
      </c>
      <c r="F25060" s="14" t="s">
        <v>61</v>
      </c>
      <c r="G25060" s="16">
        <v>0</v>
      </c>
    </row>
    <row r="25061" spans="1:7" x14ac:dyDescent="0.3">
      <c r="A25061" s="13" t="s">
        <v>162</v>
      </c>
      <c r="B25061" s="14" t="s">
        <v>1</v>
      </c>
      <c r="C25061" s="14" t="s">
        <v>109</v>
      </c>
      <c r="D25061" s="14" t="s">
        <v>163</v>
      </c>
      <c r="E25061" s="15">
        <v>45617</v>
      </c>
      <c r="F25061" s="14" t="s">
        <v>61</v>
      </c>
      <c r="G25061" s="16">
        <v>0</v>
      </c>
    </row>
    <row r="25062" spans="1:7" x14ac:dyDescent="0.3">
      <c r="A25062" s="13" t="s">
        <v>162</v>
      </c>
      <c r="B25062" s="14" t="s">
        <v>1</v>
      </c>
      <c r="C25062" s="14" t="s">
        <v>109</v>
      </c>
      <c r="D25062" s="14" t="s">
        <v>163</v>
      </c>
      <c r="E25062" s="15">
        <v>45618</v>
      </c>
      <c r="F25062" s="14" t="s">
        <v>61</v>
      </c>
      <c r="G25062" s="16">
        <v>0</v>
      </c>
    </row>
    <row r="25063" spans="1:7" x14ac:dyDescent="0.3">
      <c r="A25063" s="13" t="s">
        <v>162</v>
      </c>
      <c r="B25063" s="14" t="s">
        <v>1</v>
      </c>
      <c r="C25063" s="14" t="s">
        <v>109</v>
      </c>
      <c r="D25063" s="14" t="s">
        <v>163</v>
      </c>
      <c r="E25063" s="15">
        <v>45619</v>
      </c>
      <c r="F25063" s="14" t="s">
        <v>61</v>
      </c>
      <c r="G25063" s="16">
        <v>0</v>
      </c>
    </row>
    <row r="25064" spans="1:7" x14ac:dyDescent="0.3">
      <c r="A25064" s="13" t="s">
        <v>162</v>
      </c>
      <c r="B25064" s="14" t="s">
        <v>1</v>
      </c>
      <c r="C25064" s="14" t="s">
        <v>109</v>
      </c>
      <c r="D25064" s="14" t="s">
        <v>163</v>
      </c>
      <c r="E25064" s="15">
        <v>45620</v>
      </c>
      <c r="F25064" s="14" t="s">
        <v>61</v>
      </c>
      <c r="G25064" s="16">
        <v>0</v>
      </c>
    </row>
    <row r="25065" spans="1:7" x14ac:dyDescent="0.3">
      <c r="A25065" s="13" t="s">
        <v>162</v>
      </c>
      <c r="B25065" s="14" t="s">
        <v>1</v>
      </c>
      <c r="C25065" s="14" t="s">
        <v>109</v>
      </c>
      <c r="D25065" s="14" t="s">
        <v>163</v>
      </c>
      <c r="E25065" s="15">
        <v>45621</v>
      </c>
      <c r="F25065" s="14" t="s">
        <v>61</v>
      </c>
      <c r="G25065" s="16">
        <v>0</v>
      </c>
    </row>
    <row r="25066" spans="1:7" x14ac:dyDescent="0.3">
      <c r="A25066" s="13" t="s">
        <v>162</v>
      </c>
      <c r="B25066" s="14" t="s">
        <v>1</v>
      </c>
      <c r="C25066" s="14" t="s">
        <v>109</v>
      </c>
      <c r="D25066" s="14" t="s">
        <v>163</v>
      </c>
      <c r="E25066" s="15">
        <v>45622</v>
      </c>
      <c r="F25066" s="14" t="s">
        <v>61</v>
      </c>
      <c r="G25066" s="16">
        <v>0</v>
      </c>
    </row>
    <row r="25067" spans="1:7" x14ac:dyDescent="0.3">
      <c r="A25067" s="13" t="s">
        <v>162</v>
      </c>
      <c r="B25067" s="14" t="s">
        <v>1</v>
      </c>
      <c r="C25067" s="14" t="s">
        <v>109</v>
      </c>
      <c r="D25067" s="14" t="s">
        <v>163</v>
      </c>
      <c r="E25067" s="15">
        <v>45623</v>
      </c>
      <c r="F25067" s="14" t="s">
        <v>61</v>
      </c>
      <c r="G25067" s="16">
        <v>0</v>
      </c>
    </row>
    <row r="25068" spans="1:7" x14ac:dyDescent="0.3">
      <c r="A25068" s="13" t="s">
        <v>162</v>
      </c>
      <c r="B25068" s="14" t="s">
        <v>1</v>
      </c>
      <c r="C25068" s="14" t="s">
        <v>109</v>
      </c>
      <c r="D25068" s="14" t="s">
        <v>163</v>
      </c>
      <c r="E25068" s="15">
        <v>45624</v>
      </c>
      <c r="F25068" s="14" t="s">
        <v>61</v>
      </c>
      <c r="G25068" s="16">
        <v>0</v>
      </c>
    </row>
    <row r="25069" spans="1:7" x14ac:dyDescent="0.3">
      <c r="A25069" s="13" t="s">
        <v>162</v>
      </c>
      <c r="B25069" s="14" t="s">
        <v>1</v>
      </c>
      <c r="C25069" s="14" t="s">
        <v>109</v>
      </c>
      <c r="D25069" s="14" t="s">
        <v>163</v>
      </c>
      <c r="E25069" s="15">
        <v>45625</v>
      </c>
      <c r="F25069" s="14" t="s">
        <v>61</v>
      </c>
      <c r="G25069" s="16">
        <v>0</v>
      </c>
    </row>
    <row r="25070" spans="1:7" x14ac:dyDescent="0.3">
      <c r="A25070" s="13" t="s">
        <v>162</v>
      </c>
      <c r="B25070" s="14" t="s">
        <v>1</v>
      </c>
      <c r="C25070" s="14" t="s">
        <v>109</v>
      </c>
      <c r="D25070" s="14" t="s">
        <v>163</v>
      </c>
      <c r="E25070" s="15">
        <v>45626</v>
      </c>
      <c r="F25070" s="14" t="s">
        <v>61</v>
      </c>
      <c r="G25070" s="16">
        <v>0</v>
      </c>
    </row>
    <row r="25071" spans="1:7" x14ac:dyDescent="0.3">
      <c r="A25071" s="13" t="s">
        <v>162</v>
      </c>
      <c r="B25071" s="14" t="s">
        <v>1</v>
      </c>
      <c r="C25071" s="14" t="s">
        <v>109</v>
      </c>
      <c r="D25071" s="14" t="s">
        <v>163</v>
      </c>
      <c r="E25071" s="15">
        <v>45627</v>
      </c>
      <c r="F25071" s="14" t="s">
        <v>61</v>
      </c>
      <c r="G25071" s="16">
        <v>0</v>
      </c>
    </row>
    <row r="25072" spans="1:7" x14ac:dyDescent="0.3">
      <c r="A25072" s="13" t="s">
        <v>162</v>
      </c>
      <c r="B25072" s="14" t="s">
        <v>1</v>
      </c>
      <c r="C25072" s="14" t="s">
        <v>109</v>
      </c>
      <c r="D25072" s="14" t="s">
        <v>163</v>
      </c>
      <c r="E25072" s="15">
        <v>45628</v>
      </c>
      <c r="F25072" s="14" t="s">
        <v>61</v>
      </c>
      <c r="G25072" s="16">
        <v>0</v>
      </c>
    </row>
    <row r="25073" spans="1:7" x14ac:dyDescent="0.3">
      <c r="A25073" s="13" t="s">
        <v>162</v>
      </c>
      <c r="B25073" s="14" t="s">
        <v>1</v>
      </c>
      <c r="C25073" s="14" t="s">
        <v>109</v>
      </c>
      <c r="D25073" s="14" t="s">
        <v>163</v>
      </c>
      <c r="E25073" s="15">
        <v>45629</v>
      </c>
      <c r="F25073" s="14" t="s">
        <v>61</v>
      </c>
      <c r="G25073" s="16">
        <v>0</v>
      </c>
    </row>
    <row r="25074" spans="1:7" x14ac:dyDescent="0.3">
      <c r="A25074" s="13" t="s">
        <v>162</v>
      </c>
      <c r="B25074" s="14" t="s">
        <v>1</v>
      </c>
      <c r="C25074" s="14" t="s">
        <v>109</v>
      </c>
      <c r="D25074" s="14" t="s">
        <v>163</v>
      </c>
      <c r="E25074" s="15">
        <v>45630</v>
      </c>
      <c r="F25074" s="14" t="s">
        <v>61</v>
      </c>
      <c r="G25074" s="16">
        <v>0</v>
      </c>
    </row>
    <row r="25075" spans="1:7" x14ac:dyDescent="0.3">
      <c r="A25075" s="13" t="s">
        <v>162</v>
      </c>
      <c r="B25075" s="14" t="s">
        <v>1</v>
      </c>
      <c r="C25075" s="14" t="s">
        <v>109</v>
      </c>
      <c r="D25075" s="14" t="s">
        <v>163</v>
      </c>
      <c r="E25075" s="15">
        <v>45631</v>
      </c>
      <c r="F25075" s="14" t="s">
        <v>61</v>
      </c>
      <c r="G25075" s="16">
        <v>0</v>
      </c>
    </row>
    <row r="25076" spans="1:7" x14ac:dyDescent="0.3">
      <c r="A25076" s="13" t="s">
        <v>162</v>
      </c>
      <c r="B25076" s="14" t="s">
        <v>1</v>
      </c>
      <c r="C25076" s="14" t="s">
        <v>109</v>
      </c>
      <c r="D25076" s="14" t="s">
        <v>163</v>
      </c>
      <c r="E25076" s="15">
        <v>45632</v>
      </c>
      <c r="F25076" s="14" t="s">
        <v>61</v>
      </c>
      <c r="G25076" s="16">
        <v>0</v>
      </c>
    </row>
    <row r="25077" spans="1:7" x14ac:dyDescent="0.3">
      <c r="A25077" s="13" t="s">
        <v>162</v>
      </c>
      <c r="B25077" s="14" t="s">
        <v>1</v>
      </c>
      <c r="C25077" s="14" t="s">
        <v>109</v>
      </c>
      <c r="D25077" s="14" t="s">
        <v>163</v>
      </c>
      <c r="E25077" s="15">
        <v>45633</v>
      </c>
      <c r="F25077" s="14" t="s">
        <v>61</v>
      </c>
      <c r="G25077" s="16">
        <v>0</v>
      </c>
    </row>
    <row r="25078" spans="1:7" x14ac:dyDescent="0.3">
      <c r="A25078" s="13" t="s">
        <v>162</v>
      </c>
      <c r="B25078" s="14" t="s">
        <v>1</v>
      </c>
      <c r="C25078" s="14" t="s">
        <v>109</v>
      </c>
      <c r="D25078" s="14" t="s">
        <v>163</v>
      </c>
      <c r="E25078" s="15">
        <v>45634</v>
      </c>
      <c r="F25078" s="14" t="s">
        <v>61</v>
      </c>
      <c r="G25078" s="16">
        <v>0</v>
      </c>
    </row>
    <row r="25079" spans="1:7" x14ac:dyDescent="0.3">
      <c r="A25079" s="13" t="s">
        <v>162</v>
      </c>
      <c r="B25079" s="14" t="s">
        <v>1</v>
      </c>
      <c r="C25079" s="14" t="s">
        <v>109</v>
      </c>
      <c r="D25079" s="14" t="s">
        <v>163</v>
      </c>
      <c r="E25079" s="15">
        <v>45635</v>
      </c>
      <c r="F25079" s="14" t="s">
        <v>61</v>
      </c>
      <c r="G25079" s="16">
        <v>0</v>
      </c>
    </row>
    <row r="25080" spans="1:7" x14ac:dyDescent="0.3">
      <c r="A25080" s="13" t="s">
        <v>162</v>
      </c>
      <c r="B25080" s="14" t="s">
        <v>1</v>
      </c>
      <c r="C25080" s="14" t="s">
        <v>109</v>
      </c>
      <c r="D25080" s="14" t="s">
        <v>163</v>
      </c>
      <c r="E25080" s="15">
        <v>45636</v>
      </c>
      <c r="F25080" s="14" t="s">
        <v>61</v>
      </c>
      <c r="G25080" s="16">
        <v>0</v>
      </c>
    </row>
    <row r="25081" spans="1:7" x14ac:dyDescent="0.3">
      <c r="A25081" s="13" t="s">
        <v>162</v>
      </c>
      <c r="B25081" s="14" t="s">
        <v>1</v>
      </c>
      <c r="C25081" s="14" t="s">
        <v>109</v>
      </c>
      <c r="D25081" s="14" t="s">
        <v>163</v>
      </c>
      <c r="E25081" s="15">
        <v>45637</v>
      </c>
      <c r="F25081" s="14" t="s">
        <v>61</v>
      </c>
      <c r="G25081" s="16">
        <v>0</v>
      </c>
    </row>
    <row r="25082" spans="1:7" x14ac:dyDescent="0.3">
      <c r="A25082" s="13" t="s">
        <v>162</v>
      </c>
      <c r="B25082" s="14" t="s">
        <v>1</v>
      </c>
      <c r="C25082" s="14" t="s">
        <v>109</v>
      </c>
      <c r="D25082" s="14" t="s">
        <v>163</v>
      </c>
      <c r="E25082" s="15">
        <v>45638</v>
      </c>
      <c r="F25082" s="14" t="s">
        <v>61</v>
      </c>
      <c r="G25082" s="16">
        <v>0</v>
      </c>
    </row>
    <row r="25083" spans="1:7" x14ac:dyDescent="0.3">
      <c r="A25083" s="13" t="s">
        <v>162</v>
      </c>
      <c r="B25083" s="14" t="s">
        <v>1</v>
      </c>
      <c r="C25083" s="14" t="s">
        <v>109</v>
      </c>
      <c r="D25083" s="14" t="s">
        <v>163</v>
      </c>
      <c r="E25083" s="15">
        <v>45639</v>
      </c>
      <c r="F25083" s="14" t="s">
        <v>61</v>
      </c>
      <c r="G25083" s="16">
        <v>0</v>
      </c>
    </row>
    <row r="25084" spans="1:7" x14ac:dyDescent="0.3">
      <c r="A25084" s="13" t="s">
        <v>162</v>
      </c>
      <c r="B25084" s="14" t="s">
        <v>1</v>
      </c>
      <c r="C25084" s="14" t="s">
        <v>109</v>
      </c>
      <c r="D25084" s="14" t="s">
        <v>163</v>
      </c>
      <c r="E25084" s="15">
        <v>45640</v>
      </c>
      <c r="F25084" s="14" t="s">
        <v>61</v>
      </c>
      <c r="G25084" s="16">
        <v>0</v>
      </c>
    </row>
    <row r="25085" spans="1:7" x14ac:dyDescent="0.3">
      <c r="A25085" s="13" t="s">
        <v>162</v>
      </c>
      <c r="B25085" s="14" t="s">
        <v>1</v>
      </c>
      <c r="C25085" s="14" t="s">
        <v>109</v>
      </c>
      <c r="D25085" s="14" t="s">
        <v>163</v>
      </c>
      <c r="E25085" s="15">
        <v>45641</v>
      </c>
      <c r="F25085" s="14" t="s">
        <v>61</v>
      </c>
      <c r="G25085" s="16">
        <v>0</v>
      </c>
    </row>
    <row r="25086" spans="1:7" x14ac:dyDescent="0.3">
      <c r="A25086" s="13" t="s">
        <v>162</v>
      </c>
      <c r="B25086" s="14" t="s">
        <v>1</v>
      </c>
      <c r="C25086" s="14" t="s">
        <v>109</v>
      </c>
      <c r="D25086" s="14" t="s">
        <v>163</v>
      </c>
      <c r="E25086" s="15">
        <v>45642</v>
      </c>
      <c r="F25086" s="14" t="s">
        <v>61</v>
      </c>
      <c r="G25086" s="16">
        <v>0</v>
      </c>
    </row>
    <row r="25087" spans="1:7" x14ac:dyDescent="0.3">
      <c r="A25087" s="13" t="s">
        <v>162</v>
      </c>
      <c r="B25087" s="14" t="s">
        <v>1</v>
      </c>
      <c r="C25087" s="14" t="s">
        <v>109</v>
      </c>
      <c r="D25087" s="14" t="s">
        <v>163</v>
      </c>
      <c r="E25087" s="15">
        <v>45643</v>
      </c>
      <c r="F25087" s="14" t="s">
        <v>61</v>
      </c>
      <c r="G25087" s="16">
        <v>0</v>
      </c>
    </row>
    <row r="25088" spans="1:7" x14ac:dyDescent="0.3">
      <c r="A25088" s="13" t="s">
        <v>162</v>
      </c>
      <c r="B25088" s="14" t="s">
        <v>1</v>
      </c>
      <c r="C25088" s="14" t="s">
        <v>109</v>
      </c>
      <c r="D25088" s="14" t="s">
        <v>163</v>
      </c>
      <c r="E25088" s="15">
        <v>45644</v>
      </c>
      <c r="F25088" s="14" t="s">
        <v>61</v>
      </c>
      <c r="G25088" s="16">
        <v>0</v>
      </c>
    </row>
    <row r="25089" spans="1:7" x14ac:dyDescent="0.3">
      <c r="A25089" s="13" t="s">
        <v>162</v>
      </c>
      <c r="B25089" s="14" t="s">
        <v>1</v>
      </c>
      <c r="C25089" s="14" t="s">
        <v>109</v>
      </c>
      <c r="D25089" s="14" t="s">
        <v>163</v>
      </c>
      <c r="E25089" s="15">
        <v>45645</v>
      </c>
      <c r="F25089" s="14" t="s">
        <v>61</v>
      </c>
      <c r="G25089" s="16">
        <v>0</v>
      </c>
    </row>
    <row r="25090" spans="1:7" x14ac:dyDescent="0.3">
      <c r="A25090" s="13" t="s">
        <v>162</v>
      </c>
      <c r="B25090" s="14" t="s">
        <v>1</v>
      </c>
      <c r="C25090" s="14" t="s">
        <v>109</v>
      </c>
      <c r="D25090" s="14" t="s">
        <v>163</v>
      </c>
      <c r="E25090" s="15">
        <v>45646</v>
      </c>
      <c r="F25090" s="14" t="s">
        <v>61</v>
      </c>
      <c r="G25090" s="16">
        <v>0</v>
      </c>
    </row>
    <row r="25091" spans="1:7" x14ac:dyDescent="0.3">
      <c r="A25091" s="13" t="s">
        <v>162</v>
      </c>
      <c r="B25091" s="14" t="s">
        <v>1</v>
      </c>
      <c r="C25091" s="14" t="s">
        <v>109</v>
      </c>
      <c r="D25091" s="14" t="s">
        <v>163</v>
      </c>
      <c r="E25091" s="15">
        <v>45647</v>
      </c>
      <c r="F25091" s="14" t="s">
        <v>61</v>
      </c>
      <c r="G25091" s="16">
        <v>0</v>
      </c>
    </row>
    <row r="25092" spans="1:7" x14ac:dyDescent="0.3">
      <c r="A25092" s="13" t="s">
        <v>162</v>
      </c>
      <c r="B25092" s="14" t="s">
        <v>1</v>
      </c>
      <c r="C25092" s="14" t="s">
        <v>109</v>
      </c>
      <c r="D25092" s="14" t="s">
        <v>163</v>
      </c>
      <c r="E25092" s="15">
        <v>45648</v>
      </c>
      <c r="F25092" s="14" t="s">
        <v>61</v>
      </c>
      <c r="G25092" s="16">
        <v>0</v>
      </c>
    </row>
    <row r="25093" spans="1:7" x14ac:dyDescent="0.3">
      <c r="A25093" s="13" t="s">
        <v>162</v>
      </c>
      <c r="B25093" s="14" t="s">
        <v>1</v>
      </c>
      <c r="C25093" s="14" t="s">
        <v>109</v>
      </c>
      <c r="D25093" s="14" t="s">
        <v>163</v>
      </c>
      <c r="E25093" s="15">
        <v>45649</v>
      </c>
      <c r="F25093" s="14" t="s">
        <v>61</v>
      </c>
      <c r="G25093" s="16">
        <v>0</v>
      </c>
    </row>
    <row r="25094" spans="1:7" x14ac:dyDescent="0.3">
      <c r="A25094" s="13" t="s">
        <v>162</v>
      </c>
      <c r="B25094" s="14" t="s">
        <v>1</v>
      </c>
      <c r="C25094" s="14" t="s">
        <v>109</v>
      </c>
      <c r="D25094" s="14" t="s">
        <v>163</v>
      </c>
      <c r="E25094" s="15">
        <v>45650</v>
      </c>
      <c r="F25094" s="14" t="s">
        <v>61</v>
      </c>
      <c r="G25094" s="16">
        <v>0</v>
      </c>
    </row>
    <row r="25095" spans="1:7" x14ac:dyDescent="0.3">
      <c r="A25095" s="13" t="s">
        <v>162</v>
      </c>
      <c r="B25095" s="14" t="s">
        <v>1</v>
      </c>
      <c r="C25095" s="14" t="s">
        <v>109</v>
      </c>
      <c r="D25095" s="14" t="s">
        <v>163</v>
      </c>
      <c r="E25095" s="15">
        <v>45651</v>
      </c>
      <c r="F25095" s="14" t="s">
        <v>61</v>
      </c>
      <c r="G25095" s="16">
        <v>0</v>
      </c>
    </row>
    <row r="25096" spans="1:7" x14ac:dyDescent="0.3">
      <c r="A25096" s="13" t="s">
        <v>162</v>
      </c>
      <c r="B25096" s="14" t="s">
        <v>1</v>
      </c>
      <c r="C25096" s="14" t="s">
        <v>109</v>
      </c>
      <c r="D25096" s="14" t="s">
        <v>163</v>
      </c>
      <c r="E25096" s="15">
        <v>45652</v>
      </c>
      <c r="F25096" s="14" t="s">
        <v>61</v>
      </c>
      <c r="G25096" s="16">
        <v>0</v>
      </c>
    </row>
    <row r="25097" spans="1:7" x14ac:dyDescent="0.3">
      <c r="A25097" s="13" t="s">
        <v>162</v>
      </c>
      <c r="B25097" s="14" t="s">
        <v>1</v>
      </c>
      <c r="C25097" s="14" t="s">
        <v>109</v>
      </c>
      <c r="D25097" s="14" t="s">
        <v>163</v>
      </c>
      <c r="E25097" s="15">
        <v>45653</v>
      </c>
      <c r="F25097" s="14" t="s">
        <v>61</v>
      </c>
      <c r="G25097" s="16">
        <v>0</v>
      </c>
    </row>
    <row r="25098" spans="1:7" x14ac:dyDescent="0.3">
      <c r="A25098" s="13" t="s">
        <v>162</v>
      </c>
      <c r="B25098" s="14" t="s">
        <v>1</v>
      </c>
      <c r="C25098" s="14" t="s">
        <v>109</v>
      </c>
      <c r="D25098" s="14" t="s">
        <v>163</v>
      </c>
      <c r="E25098" s="15">
        <v>45654</v>
      </c>
      <c r="F25098" s="14" t="s">
        <v>61</v>
      </c>
      <c r="G25098" s="16">
        <v>0</v>
      </c>
    </row>
    <row r="25099" spans="1:7" x14ac:dyDescent="0.3">
      <c r="A25099" s="13" t="s">
        <v>162</v>
      </c>
      <c r="B25099" s="14" t="s">
        <v>1</v>
      </c>
      <c r="C25099" s="14" t="s">
        <v>109</v>
      </c>
      <c r="D25099" s="14" t="s">
        <v>163</v>
      </c>
      <c r="E25099" s="15">
        <v>45655</v>
      </c>
      <c r="F25099" s="14" t="s">
        <v>61</v>
      </c>
      <c r="G25099" s="16">
        <v>0</v>
      </c>
    </row>
    <row r="25100" spans="1:7" x14ac:dyDescent="0.3">
      <c r="A25100" s="13" t="s">
        <v>162</v>
      </c>
      <c r="B25100" s="14" t="s">
        <v>1</v>
      </c>
      <c r="C25100" s="14" t="s">
        <v>109</v>
      </c>
      <c r="D25100" s="14" t="s">
        <v>163</v>
      </c>
      <c r="E25100" s="15">
        <v>45656</v>
      </c>
      <c r="F25100" s="14" t="s">
        <v>61</v>
      </c>
      <c r="G25100" s="16">
        <v>0</v>
      </c>
    </row>
    <row r="25101" spans="1:7" x14ac:dyDescent="0.3">
      <c r="A25101" s="13" t="s">
        <v>162</v>
      </c>
      <c r="B25101" s="14" t="s">
        <v>1</v>
      </c>
      <c r="C25101" s="14" t="s">
        <v>109</v>
      </c>
      <c r="D25101" s="14" t="s">
        <v>163</v>
      </c>
      <c r="E25101" s="15">
        <v>45657</v>
      </c>
      <c r="F25101" s="14" t="s">
        <v>61</v>
      </c>
      <c r="G25101" s="16">
        <v>0</v>
      </c>
    </row>
    <row r="25102" spans="1:7" x14ac:dyDescent="0.3">
      <c r="A25102" s="13" t="s">
        <v>162</v>
      </c>
      <c r="B25102" s="14" t="s">
        <v>1</v>
      </c>
      <c r="C25102" s="14" t="s">
        <v>109</v>
      </c>
      <c r="D25102" s="14" t="s">
        <v>163</v>
      </c>
      <c r="E25102" s="15">
        <v>45658</v>
      </c>
      <c r="F25102" s="14" t="s">
        <v>61</v>
      </c>
      <c r="G25102" s="16">
        <v>0</v>
      </c>
    </row>
    <row r="25103" spans="1:7" x14ac:dyDescent="0.3">
      <c r="A25103" s="13" t="s">
        <v>162</v>
      </c>
      <c r="B25103" s="14" t="s">
        <v>1</v>
      </c>
      <c r="C25103" s="14" t="s">
        <v>109</v>
      </c>
      <c r="D25103" s="14" t="s">
        <v>163</v>
      </c>
      <c r="E25103" s="15">
        <v>45659</v>
      </c>
      <c r="F25103" s="14" t="s">
        <v>61</v>
      </c>
      <c r="G25103" s="16">
        <v>0</v>
      </c>
    </row>
    <row r="25104" spans="1:7" x14ac:dyDescent="0.3">
      <c r="A25104" s="13" t="s">
        <v>162</v>
      </c>
      <c r="B25104" s="14" t="s">
        <v>1</v>
      </c>
      <c r="C25104" s="14" t="s">
        <v>109</v>
      </c>
      <c r="D25104" s="14" t="s">
        <v>163</v>
      </c>
      <c r="E25104" s="15">
        <v>45660</v>
      </c>
      <c r="F25104" s="14" t="s">
        <v>61</v>
      </c>
      <c r="G25104" s="16">
        <v>0</v>
      </c>
    </row>
    <row r="25105" spans="1:7" x14ac:dyDescent="0.3">
      <c r="A25105" s="13" t="s">
        <v>162</v>
      </c>
      <c r="B25105" s="14" t="s">
        <v>1</v>
      </c>
      <c r="C25105" s="14" t="s">
        <v>109</v>
      </c>
      <c r="D25105" s="14" t="s">
        <v>163</v>
      </c>
      <c r="E25105" s="15">
        <v>45661</v>
      </c>
      <c r="F25105" s="14" t="s">
        <v>61</v>
      </c>
      <c r="G25105" s="16">
        <v>0</v>
      </c>
    </row>
    <row r="25106" spans="1:7" x14ac:dyDescent="0.3">
      <c r="A25106" s="13" t="s">
        <v>162</v>
      </c>
      <c r="B25106" s="14" t="s">
        <v>1</v>
      </c>
      <c r="C25106" s="14" t="s">
        <v>109</v>
      </c>
      <c r="D25106" s="14" t="s">
        <v>163</v>
      </c>
      <c r="E25106" s="15">
        <v>45662</v>
      </c>
      <c r="F25106" s="14" t="s">
        <v>61</v>
      </c>
      <c r="G25106" s="16">
        <v>0</v>
      </c>
    </row>
    <row r="25107" spans="1:7" x14ac:dyDescent="0.3">
      <c r="A25107" s="13" t="s">
        <v>162</v>
      </c>
      <c r="B25107" s="14" t="s">
        <v>1</v>
      </c>
      <c r="C25107" s="14" t="s">
        <v>109</v>
      </c>
      <c r="D25107" s="14" t="s">
        <v>163</v>
      </c>
      <c r="E25107" s="15">
        <v>45663</v>
      </c>
      <c r="F25107" s="14" t="s">
        <v>61</v>
      </c>
      <c r="G25107" s="16">
        <v>0</v>
      </c>
    </row>
    <row r="25108" spans="1:7" x14ac:dyDescent="0.3">
      <c r="A25108" s="13" t="s">
        <v>162</v>
      </c>
      <c r="B25108" s="14" t="s">
        <v>1</v>
      </c>
      <c r="C25108" s="14" t="s">
        <v>109</v>
      </c>
      <c r="D25108" s="14" t="s">
        <v>163</v>
      </c>
      <c r="E25108" s="15">
        <v>45664</v>
      </c>
      <c r="F25108" s="14" t="s">
        <v>61</v>
      </c>
      <c r="G25108" s="16">
        <v>0</v>
      </c>
    </row>
    <row r="25109" spans="1:7" x14ac:dyDescent="0.3">
      <c r="A25109" s="13" t="s">
        <v>162</v>
      </c>
      <c r="B25109" s="14" t="s">
        <v>1</v>
      </c>
      <c r="C25109" s="14" t="s">
        <v>109</v>
      </c>
      <c r="D25109" s="14" t="s">
        <v>163</v>
      </c>
      <c r="E25109" s="15">
        <v>45665</v>
      </c>
      <c r="F25109" s="14" t="s">
        <v>61</v>
      </c>
      <c r="G25109" s="16">
        <v>0</v>
      </c>
    </row>
    <row r="25110" spans="1:7" x14ac:dyDescent="0.3">
      <c r="A25110" s="13" t="s">
        <v>162</v>
      </c>
      <c r="B25110" s="14" t="s">
        <v>1</v>
      </c>
      <c r="C25110" s="14" t="s">
        <v>109</v>
      </c>
      <c r="D25110" s="14" t="s">
        <v>163</v>
      </c>
      <c r="E25110" s="15">
        <v>45666</v>
      </c>
      <c r="F25110" s="14" t="s">
        <v>61</v>
      </c>
      <c r="G25110" s="16">
        <v>0</v>
      </c>
    </row>
    <row r="25111" spans="1:7" x14ac:dyDescent="0.3">
      <c r="A25111" s="13" t="s">
        <v>162</v>
      </c>
      <c r="B25111" s="14" t="s">
        <v>1</v>
      </c>
      <c r="C25111" s="14" t="s">
        <v>109</v>
      </c>
      <c r="D25111" s="14" t="s">
        <v>163</v>
      </c>
      <c r="E25111" s="15">
        <v>45667</v>
      </c>
      <c r="F25111" s="14" t="s">
        <v>61</v>
      </c>
      <c r="G25111" s="16">
        <v>0</v>
      </c>
    </row>
    <row r="25112" spans="1:7" x14ac:dyDescent="0.3">
      <c r="A25112" s="13" t="s">
        <v>162</v>
      </c>
      <c r="B25112" s="14" t="s">
        <v>1</v>
      </c>
      <c r="C25112" s="14" t="s">
        <v>109</v>
      </c>
      <c r="D25112" s="14" t="s">
        <v>163</v>
      </c>
      <c r="E25112" s="15">
        <v>45668</v>
      </c>
      <c r="F25112" s="14" t="s">
        <v>61</v>
      </c>
      <c r="G25112" s="16">
        <v>0</v>
      </c>
    </row>
    <row r="25113" spans="1:7" x14ac:dyDescent="0.3">
      <c r="A25113" s="13" t="s">
        <v>162</v>
      </c>
      <c r="B25113" s="14" t="s">
        <v>1</v>
      </c>
      <c r="C25113" s="14" t="s">
        <v>109</v>
      </c>
      <c r="D25113" s="14" t="s">
        <v>163</v>
      </c>
      <c r="E25113" s="15">
        <v>45669</v>
      </c>
      <c r="F25113" s="14" t="s">
        <v>61</v>
      </c>
      <c r="G25113" s="16">
        <v>0</v>
      </c>
    </row>
    <row r="25114" spans="1:7" x14ac:dyDescent="0.3">
      <c r="A25114" s="13" t="s">
        <v>162</v>
      </c>
      <c r="B25114" s="14" t="s">
        <v>1</v>
      </c>
      <c r="C25114" s="14" t="s">
        <v>109</v>
      </c>
      <c r="D25114" s="14" t="s">
        <v>163</v>
      </c>
      <c r="E25114" s="15">
        <v>45670</v>
      </c>
      <c r="F25114" s="14" t="s">
        <v>61</v>
      </c>
      <c r="G25114" s="16">
        <v>0</v>
      </c>
    </row>
    <row r="25115" spans="1:7" x14ac:dyDescent="0.3">
      <c r="A25115" s="13" t="s">
        <v>162</v>
      </c>
      <c r="B25115" s="14" t="s">
        <v>1</v>
      </c>
      <c r="C25115" s="14" t="s">
        <v>109</v>
      </c>
      <c r="D25115" s="14" t="s">
        <v>163</v>
      </c>
      <c r="E25115" s="15">
        <v>45671</v>
      </c>
      <c r="F25115" s="14" t="s">
        <v>61</v>
      </c>
      <c r="G25115" s="16">
        <v>0</v>
      </c>
    </row>
    <row r="25116" spans="1:7" x14ac:dyDescent="0.3">
      <c r="A25116" s="13" t="s">
        <v>162</v>
      </c>
      <c r="B25116" s="14" t="s">
        <v>1</v>
      </c>
      <c r="C25116" s="14" t="s">
        <v>109</v>
      </c>
      <c r="D25116" s="14" t="s">
        <v>163</v>
      </c>
      <c r="E25116" s="15">
        <v>45672</v>
      </c>
      <c r="F25116" s="14" t="s">
        <v>61</v>
      </c>
      <c r="G25116" s="16">
        <v>0</v>
      </c>
    </row>
    <row r="25117" spans="1:7" x14ac:dyDescent="0.3">
      <c r="A25117" s="13" t="s">
        <v>162</v>
      </c>
      <c r="B25117" s="14" t="s">
        <v>1</v>
      </c>
      <c r="C25117" s="14" t="s">
        <v>109</v>
      </c>
      <c r="D25117" s="14" t="s">
        <v>163</v>
      </c>
      <c r="E25117" s="15">
        <v>45673</v>
      </c>
      <c r="F25117" s="14" t="s">
        <v>61</v>
      </c>
      <c r="G25117" s="16">
        <v>0</v>
      </c>
    </row>
    <row r="25118" spans="1:7" x14ac:dyDescent="0.3">
      <c r="A25118" s="13" t="s">
        <v>162</v>
      </c>
      <c r="B25118" s="14" t="s">
        <v>1</v>
      </c>
      <c r="C25118" s="14" t="s">
        <v>109</v>
      </c>
      <c r="D25118" s="14" t="s">
        <v>163</v>
      </c>
      <c r="E25118" s="15">
        <v>45674</v>
      </c>
      <c r="F25118" s="14" t="s">
        <v>61</v>
      </c>
      <c r="G25118" s="16">
        <v>0</v>
      </c>
    </row>
    <row r="25119" spans="1:7" x14ac:dyDescent="0.3">
      <c r="A25119" s="13" t="s">
        <v>162</v>
      </c>
      <c r="B25119" s="14" t="s">
        <v>1</v>
      </c>
      <c r="C25119" s="14" t="s">
        <v>109</v>
      </c>
      <c r="D25119" s="14" t="s">
        <v>163</v>
      </c>
      <c r="E25119" s="15">
        <v>45675</v>
      </c>
      <c r="F25119" s="14" t="s">
        <v>61</v>
      </c>
      <c r="G25119" s="16">
        <v>0</v>
      </c>
    </row>
    <row r="25120" spans="1:7" x14ac:dyDescent="0.3">
      <c r="A25120" s="13" t="s">
        <v>162</v>
      </c>
      <c r="B25120" s="14" t="s">
        <v>1</v>
      </c>
      <c r="C25120" s="14" t="s">
        <v>109</v>
      </c>
      <c r="D25120" s="14" t="s">
        <v>163</v>
      </c>
      <c r="E25120" s="15">
        <v>45676</v>
      </c>
      <c r="F25120" s="14" t="s">
        <v>61</v>
      </c>
      <c r="G25120" s="16">
        <v>0</v>
      </c>
    </row>
    <row r="25121" spans="1:7" x14ac:dyDescent="0.3">
      <c r="A25121" s="13" t="s">
        <v>162</v>
      </c>
      <c r="B25121" s="14" t="s">
        <v>1</v>
      </c>
      <c r="C25121" s="14" t="s">
        <v>109</v>
      </c>
      <c r="D25121" s="14" t="s">
        <v>163</v>
      </c>
      <c r="E25121" s="15">
        <v>45677</v>
      </c>
      <c r="F25121" s="14" t="s">
        <v>61</v>
      </c>
      <c r="G25121" s="16">
        <v>0</v>
      </c>
    </row>
    <row r="25122" spans="1:7" x14ac:dyDescent="0.3">
      <c r="A25122" s="13" t="s">
        <v>162</v>
      </c>
      <c r="B25122" s="14" t="s">
        <v>1</v>
      </c>
      <c r="C25122" s="14" t="s">
        <v>109</v>
      </c>
      <c r="D25122" s="14" t="s">
        <v>163</v>
      </c>
      <c r="E25122" s="15">
        <v>45678</v>
      </c>
      <c r="F25122" s="14" t="s">
        <v>61</v>
      </c>
      <c r="G25122" s="16">
        <v>0</v>
      </c>
    </row>
    <row r="25123" spans="1:7" x14ac:dyDescent="0.3">
      <c r="A25123" s="13" t="s">
        <v>162</v>
      </c>
      <c r="B25123" s="14" t="s">
        <v>1</v>
      </c>
      <c r="C25123" s="14" t="s">
        <v>109</v>
      </c>
      <c r="D25123" s="14" t="s">
        <v>163</v>
      </c>
      <c r="E25123" s="15">
        <v>45679</v>
      </c>
      <c r="F25123" s="14" t="s">
        <v>61</v>
      </c>
      <c r="G25123" s="16">
        <v>0</v>
      </c>
    </row>
    <row r="25124" spans="1:7" x14ac:dyDescent="0.3">
      <c r="A25124" s="13" t="s">
        <v>162</v>
      </c>
      <c r="B25124" s="14" t="s">
        <v>1</v>
      </c>
      <c r="C25124" s="14" t="s">
        <v>109</v>
      </c>
      <c r="D25124" s="14" t="s">
        <v>163</v>
      </c>
      <c r="E25124" s="15">
        <v>45680</v>
      </c>
      <c r="F25124" s="14" t="s">
        <v>61</v>
      </c>
      <c r="G25124" s="16">
        <v>0</v>
      </c>
    </row>
    <row r="25125" spans="1:7" x14ac:dyDescent="0.3">
      <c r="A25125" s="13" t="s">
        <v>162</v>
      </c>
      <c r="B25125" s="14" t="s">
        <v>1</v>
      </c>
      <c r="C25125" s="14" t="s">
        <v>109</v>
      </c>
      <c r="D25125" s="14" t="s">
        <v>163</v>
      </c>
      <c r="E25125" s="15">
        <v>45681</v>
      </c>
      <c r="F25125" s="14" t="s">
        <v>61</v>
      </c>
      <c r="G25125" s="16">
        <v>0</v>
      </c>
    </row>
    <row r="25126" spans="1:7" x14ac:dyDescent="0.3">
      <c r="A25126" s="13" t="s">
        <v>162</v>
      </c>
      <c r="B25126" s="14" t="s">
        <v>1</v>
      </c>
      <c r="C25126" s="14" t="s">
        <v>109</v>
      </c>
      <c r="D25126" s="14" t="s">
        <v>163</v>
      </c>
      <c r="E25126" s="15">
        <v>45682</v>
      </c>
      <c r="F25126" s="14" t="s">
        <v>61</v>
      </c>
      <c r="G25126" s="16">
        <v>0</v>
      </c>
    </row>
    <row r="25127" spans="1:7" x14ac:dyDescent="0.3">
      <c r="A25127" s="13" t="s">
        <v>162</v>
      </c>
      <c r="B25127" s="14" t="s">
        <v>1</v>
      </c>
      <c r="C25127" s="14" t="s">
        <v>109</v>
      </c>
      <c r="D25127" s="14" t="s">
        <v>163</v>
      </c>
      <c r="E25127" s="15">
        <v>45683</v>
      </c>
      <c r="F25127" s="14" t="s">
        <v>61</v>
      </c>
      <c r="G25127" s="16">
        <v>0</v>
      </c>
    </row>
    <row r="25128" spans="1:7" x14ac:dyDescent="0.3">
      <c r="A25128" s="13" t="s">
        <v>162</v>
      </c>
      <c r="B25128" s="14" t="s">
        <v>1</v>
      </c>
      <c r="C25128" s="14" t="s">
        <v>109</v>
      </c>
      <c r="D25128" s="14" t="s">
        <v>163</v>
      </c>
      <c r="E25128" s="15">
        <v>45684</v>
      </c>
      <c r="F25128" s="14" t="s">
        <v>61</v>
      </c>
      <c r="G25128" s="16">
        <v>0</v>
      </c>
    </row>
    <row r="25129" spans="1:7" x14ac:dyDescent="0.3">
      <c r="A25129" s="13" t="s">
        <v>162</v>
      </c>
      <c r="B25129" s="14" t="s">
        <v>1</v>
      </c>
      <c r="C25129" s="14" t="s">
        <v>109</v>
      </c>
      <c r="D25129" s="14" t="s">
        <v>163</v>
      </c>
      <c r="E25129" s="15">
        <v>45685</v>
      </c>
      <c r="F25129" s="14" t="s">
        <v>61</v>
      </c>
      <c r="G25129" s="16">
        <v>0</v>
      </c>
    </row>
    <row r="25130" spans="1:7" x14ac:dyDescent="0.3">
      <c r="A25130" s="13" t="s">
        <v>162</v>
      </c>
      <c r="B25130" s="14" t="s">
        <v>1</v>
      </c>
      <c r="C25130" s="14" t="s">
        <v>109</v>
      </c>
      <c r="D25130" s="14" t="s">
        <v>163</v>
      </c>
      <c r="E25130" s="15">
        <v>45686</v>
      </c>
      <c r="F25130" s="14" t="s">
        <v>61</v>
      </c>
      <c r="G25130" s="16">
        <v>0</v>
      </c>
    </row>
    <row r="25131" spans="1:7" x14ac:dyDescent="0.3">
      <c r="A25131" s="13" t="s">
        <v>162</v>
      </c>
      <c r="B25131" s="14" t="s">
        <v>1</v>
      </c>
      <c r="C25131" s="14" t="s">
        <v>109</v>
      </c>
      <c r="D25131" s="14" t="s">
        <v>163</v>
      </c>
      <c r="E25131" s="15">
        <v>45687</v>
      </c>
      <c r="F25131" s="14" t="s">
        <v>61</v>
      </c>
      <c r="G25131" s="16">
        <v>0</v>
      </c>
    </row>
    <row r="25132" spans="1:7" x14ac:dyDescent="0.3">
      <c r="A25132" s="13" t="s">
        <v>162</v>
      </c>
      <c r="B25132" s="14" t="s">
        <v>1</v>
      </c>
      <c r="C25132" s="14" t="s">
        <v>109</v>
      </c>
      <c r="D25132" s="14" t="s">
        <v>163</v>
      </c>
      <c r="E25132" s="15">
        <v>45688</v>
      </c>
      <c r="F25132" s="14" t="s">
        <v>61</v>
      </c>
      <c r="G25132" s="16">
        <v>0</v>
      </c>
    </row>
    <row r="25133" spans="1:7" x14ac:dyDescent="0.3">
      <c r="A25133" s="13" t="s">
        <v>162</v>
      </c>
      <c r="B25133" s="14" t="s">
        <v>1</v>
      </c>
      <c r="C25133" s="14" t="s">
        <v>109</v>
      </c>
      <c r="D25133" s="14" t="s">
        <v>163</v>
      </c>
      <c r="E25133" s="15">
        <v>45689</v>
      </c>
      <c r="F25133" s="14" t="s">
        <v>61</v>
      </c>
      <c r="G25133" s="16">
        <v>0</v>
      </c>
    </row>
    <row r="25134" spans="1:7" x14ac:dyDescent="0.3">
      <c r="A25134" s="13" t="s">
        <v>162</v>
      </c>
      <c r="B25134" s="14" t="s">
        <v>1</v>
      </c>
      <c r="C25134" s="14" t="s">
        <v>109</v>
      </c>
      <c r="D25134" s="14" t="s">
        <v>163</v>
      </c>
      <c r="E25134" s="15">
        <v>45690</v>
      </c>
      <c r="F25134" s="14" t="s">
        <v>61</v>
      </c>
      <c r="G25134" s="16">
        <v>0</v>
      </c>
    </row>
    <row r="25135" spans="1:7" x14ac:dyDescent="0.3">
      <c r="A25135" s="13" t="s">
        <v>162</v>
      </c>
      <c r="B25135" s="14" t="s">
        <v>1</v>
      </c>
      <c r="C25135" s="14" t="s">
        <v>109</v>
      </c>
      <c r="D25135" s="14" t="s">
        <v>163</v>
      </c>
      <c r="E25135" s="15">
        <v>45691</v>
      </c>
      <c r="F25135" s="14" t="s">
        <v>61</v>
      </c>
      <c r="G25135" s="16">
        <v>0</v>
      </c>
    </row>
    <row r="25136" spans="1:7" x14ac:dyDescent="0.3">
      <c r="A25136" s="13" t="s">
        <v>162</v>
      </c>
      <c r="B25136" s="14" t="s">
        <v>1</v>
      </c>
      <c r="C25136" s="14" t="s">
        <v>109</v>
      </c>
      <c r="D25136" s="14" t="s">
        <v>163</v>
      </c>
      <c r="E25136" s="15">
        <v>45692</v>
      </c>
      <c r="F25136" s="14" t="s">
        <v>61</v>
      </c>
      <c r="G25136" s="16">
        <v>0</v>
      </c>
    </row>
    <row r="25137" spans="1:7" x14ac:dyDescent="0.3">
      <c r="A25137" s="13" t="s">
        <v>162</v>
      </c>
      <c r="B25137" s="14" t="s">
        <v>1</v>
      </c>
      <c r="C25137" s="14" t="s">
        <v>109</v>
      </c>
      <c r="D25137" s="14" t="s">
        <v>163</v>
      </c>
      <c r="E25137" s="15">
        <v>45693</v>
      </c>
      <c r="F25137" s="14" t="s">
        <v>61</v>
      </c>
      <c r="G25137" s="16">
        <v>0</v>
      </c>
    </row>
    <row r="25138" spans="1:7" x14ac:dyDescent="0.3">
      <c r="A25138" s="13" t="s">
        <v>162</v>
      </c>
      <c r="B25138" s="14" t="s">
        <v>1</v>
      </c>
      <c r="C25138" s="14" t="s">
        <v>109</v>
      </c>
      <c r="D25138" s="14" t="s">
        <v>163</v>
      </c>
      <c r="E25138" s="15">
        <v>45694</v>
      </c>
      <c r="F25138" s="14" t="s">
        <v>61</v>
      </c>
      <c r="G25138" s="16">
        <v>0</v>
      </c>
    </row>
    <row r="25139" spans="1:7" x14ac:dyDescent="0.3">
      <c r="A25139" s="13" t="s">
        <v>162</v>
      </c>
      <c r="B25139" s="14" t="s">
        <v>1</v>
      </c>
      <c r="C25139" s="14" t="s">
        <v>109</v>
      </c>
      <c r="D25139" s="14" t="s">
        <v>163</v>
      </c>
      <c r="E25139" s="15">
        <v>45695</v>
      </c>
      <c r="F25139" s="14" t="s">
        <v>61</v>
      </c>
      <c r="G25139" s="16">
        <v>0</v>
      </c>
    </row>
    <row r="25140" spans="1:7" x14ac:dyDescent="0.3">
      <c r="A25140" s="13" t="s">
        <v>162</v>
      </c>
      <c r="B25140" s="14" t="s">
        <v>1</v>
      </c>
      <c r="C25140" s="14" t="s">
        <v>109</v>
      </c>
      <c r="D25140" s="14" t="s">
        <v>163</v>
      </c>
      <c r="E25140" s="15">
        <v>45696</v>
      </c>
      <c r="F25140" s="14" t="s">
        <v>61</v>
      </c>
      <c r="G25140" s="16">
        <v>0</v>
      </c>
    </row>
    <row r="25141" spans="1:7" x14ac:dyDescent="0.3">
      <c r="A25141" s="13" t="s">
        <v>162</v>
      </c>
      <c r="B25141" s="14" t="s">
        <v>1</v>
      </c>
      <c r="C25141" s="14" t="s">
        <v>109</v>
      </c>
      <c r="D25141" s="14" t="s">
        <v>163</v>
      </c>
      <c r="E25141" s="15">
        <v>45697</v>
      </c>
      <c r="F25141" s="14" t="s">
        <v>61</v>
      </c>
      <c r="G25141" s="16">
        <v>0</v>
      </c>
    </row>
    <row r="25142" spans="1:7" x14ac:dyDescent="0.3">
      <c r="A25142" s="13" t="s">
        <v>162</v>
      </c>
      <c r="B25142" s="14" t="s">
        <v>1</v>
      </c>
      <c r="C25142" s="14" t="s">
        <v>109</v>
      </c>
      <c r="D25142" s="14" t="s">
        <v>163</v>
      </c>
      <c r="E25142" s="15">
        <v>45698</v>
      </c>
      <c r="F25142" s="14" t="s">
        <v>61</v>
      </c>
      <c r="G25142" s="16">
        <v>0</v>
      </c>
    </row>
    <row r="25143" spans="1:7" x14ac:dyDescent="0.3">
      <c r="A25143" s="13" t="s">
        <v>162</v>
      </c>
      <c r="B25143" s="14" t="s">
        <v>1</v>
      </c>
      <c r="C25143" s="14" t="s">
        <v>109</v>
      </c>
      <c r="D25143" s="14" t="s">
        <v>163</v>
      </c>
      <c r="E25143" s="15">
        <v>45699</v>
      </c>
      <c r="F25143" s="14" t="s">
        <v>61</v>
      </c>
      <c r="G25143" s="16">
        <v>0</v>
      </c>
    </row>
    <row r="25144" spans="1:7" x14ac:dyDescent="0.3">
      <c r="A25144" s="13" t="s">
        <v>162</v>
      </c>
      <c r="B25144" s="14" t="s">
        <v>1</v>
      </c>
      <c r="C25144" s="14" t="s">
        <v>109</v>
      </c>
      <c r="D25144" s="14" t="s">
        <v>163</v>
      </c>
      <c r="E25144" s="15">
        <v>45700</v>
      </c>
      <c r="F25144" s="14" t="s">
        <v>61</v>
      </c>
      <c r="G25144" s="16">
        <v>0</v>
      </c>
    </row>
    <row r="25145" spans="1:7" x14ac:dyDescent="0.3">
      <c r="A25145" s="13" t="s">
        <v>162</v>
      </c>
      <c r="B25145" s="14" t="s">
        <v>1</v>
      </c>
      <c r="C25145" s="14" t="s">
        <v>109</v>
      </c>
      <c r="D25145" s="14" t="s">
        <v>163</v>
      </c>
      <c r="E25145" s="15">
        <v>45701</v>
      </c>
      <c r="F25145" s="14" t="s">
        <v>61</v>
      </c>
      <c r="G25145" s="16">
        <v>0</v>
      </c>
    </row>
    <row r="25146" spans="1:7" x14ac:dyDescent="0.3">
      <c r="A25146" s="13" t="s">
        <v>162</v>
      </c>
      <c r="B25146" s="14" t="s">
        <v>1</v>
      </c>
      <c r="C25146" s="14" t="s">
        <v>109</v>
      </c>
      <c r="D25146" s="14" t="s">
        <v>163</v>
      </c>
      <c r="E25146" s="15">
        <v>45702</v>
      </c>
      <c r="F25146" s="14" t="s">
        <v>61</v>
      </c>
      <c r="G25146" s="16">
        <v>0</v>
      </c>
    </row>
    <row r="25147" spans="1:7" x14ac:dyDescent="0.3">
      <c r="A25147" s="13" t="s">
        <v>162</v>
      </c>
      <c r="B25147" s="14" t="s">
        <v>1</v>
      </c>
      <c r="C25147" s="14" t="s">
        <v>109</v>
      </c>
      <c r="D25147" s="14" t="s">
        <v>163</v>
      </c>
      <c r="E25147" s="15">
        <v>45703</v>
      </c>
      <c r="F25147" s="14" t="s">
        <v>61</v>
      </c>
      <c r="G25147" s="16">
        <v>0</v>
      </c>
    </row>
    <row r="25148" spans="1:7" x14ac:dyDescent="0.3">
      <c r="A25148" s="13" t="s">
        <v>162</v>
      </c>
      <c r="B25148" s="14" t="s">
        <v>1</v>
      </c>
      <c r="C25148" s="14" t="s">
        <v>109</v>
      </c>
      <c r="D25148" s="14" t="s">
        <v>163</v>
      </c>
      <c r="E25148" s="15">
        <v>45704</v>
      </c>
      <c r="F25148" s="14" t="s">
        <v>61</v>
      </c>
      <c r="G25148" s="16">
        <v>0</v>
      </c>
    </row>
    <row r="25149" spans="1:7" x14ac:dyDescent="0.3">
      <c r="A25149" s="13" t="s">
        <v>162</v>
      </c>
      <c r="B25149" s="14" t="s">
        <v>1</v>
      </c>
      <c r="C25149" s="14" t="s">
        <v>109</v>
      </c>
      <c r="D25149" s="14" t="s">
        <v>163</v>
      </c>
      <c r="E25149" s="15">
        <v>45705</v>
      </c>
      <c r="F25149" s="14" t="s">
        <v>61</v>
      </c>
      <c r="G25149" s="16">
        <v>0</v>
      </c>
    </row>
    <row r="25150" spans="1:7" x14ac:dyDescent="0.3">
      <c r="A25150" s="13" t="s">
        <v>162</v>
      </c>
      <c r="B25150" s="14" t="s">
        <v>1</v>
      </c>
      <c r="C25150" s="14" t="s">
        <v>109</v>
      </c>
      <c r="D25150" s="14" t="s">
        <v>163</v>
      </c>
      <c r="E25150" s="15">
        <v>45706</v>
      </c>
      <c r="F25150" s="14" t="s">
        <v>61</v>
      </c>
      <c r="G25150" s="16">
        <v>0</v>
      </c>
    </row>
    <row r="25151" spans="1:7" x14ac:dyDescent="0.3">
      <c r="A25151" s="13" t="s">
        <v>162</v>
      </c>
      <c r="B25151" s="14" t="s">
        <v>1</v>
      </c>
      <c r="C25151" s="14" t="s">
        <v>109</v>
      </c>
      <c r="D25151" s="14" t="s">
        <v>163</v>
      </c>
      <c r="E25151" s="15">
        <v>45707</v>
      </c>
      <c r="F25151" s="14" t="s">
        <v>61</v>
      </c>
      <c r="G25151" s="16">
        <v>0</v>
      </c>
    </row>
    <row r="25152" spans="1:7" x14ac:dyDescent="0.3">
      <c r="A25152" s="13" t="s">
        <v>162</v>
      </c>
      <c r="B25152" s="14" t="s">
        <v>1</v>
      </c>
      <c r="C25152" s="14" t="s">
        <v>109</v>
      </c>
      <c r="D25152" s="14" t="s">
        <v>163</v>
      </c>
      <c r="E25152" s="15">
        <v>45708</v>
      </c>
      <c r="F25152" s="14" t="s">
        <v>61</v>
      </c>
      <c r="G25152" s="16">
        <v>0</v>
      </c>
    </row>
    <row r="25153" spans="1:7" x14ac:dyDescent="0.3">
      <c r="A25153" s="13" t="s">
        <v>162</v>
      </c>
      <c r="B25153" s="14" t="s">
        <v>1</v>
      </c>
      <c r="C25153" s="14" t="s">
        <v>109</v>
      </c>
      <c r="D25153" s="14" t="s">
        <v>163</v>
      </c>
      <c r="E25153" s="15">
        <v>45709</v>
      </c>
      <c r="F25153" s="14" t="s">
        <v>61</v>
      </c>
      <c r="G25153" s="16">
        <v>0</v>
      </c>
    </row>
    <row r="25154" spans="1:7" x14ac:dyDescent="0.3">
      <c r="A25154" s="13" t="s">
        <v>162</v>
      </c>
      <c r="B25154" s="14" t="s">
        <v>1</v>
      </c>
      <c r="C25154" s="14" t="s">
        <v>109</v>
      </c>
      <c r="D25154" s="14" t="s">
        <v>163</v>
      </c>
      <c r="E25154" s="15">
        <v>45710</v>
      </c>
      <c r="F25154" s="14" t="s">
        <v>61</v>
      </c>
      <c r="G25154" s="16">
        <v>0</v>
      </c>
    </row>
    <row r="25155" spans="1:7" x14ac:dyDescent="0.3">
      <c r="A25155" s="13" t="s">
        <v>162</v>
      </c>
      <c r="B25155" s="14" t="s">
        <v>1</v>
      </c>
      <c r="C25155" s="14" t="s">
        <v>109</v>
      </c>
      <c r="D25155" s="14" t="s">
        <v>163</v>
      </c>
      <c r="E25155" s="15">
        <v>45711</v>
      </c>
      <c r="F25155" s="14" t="s">
        <v>61</v>
      </c>
      <c r="G25155" s="16">
        <v>0</v>
      </c>
    </row>
    <row r="25156" spans="1:7" x14ac:dyDescent="0.3">
      <c r="A25156" s="13" t="s">
        <v>162</v>
      </c>
      <c r="B25156" s="14" t="s">
        <v>1</v>
      </c>
      <c r="C25156" s="14" t="s">
        <v>109</v>
      </c>
      <c r="D25156" s="14" t="s">
        <v>163</v>
      </c>
      <c r="E25156" s="15">
        <v>45712</v>
      </c>
      <c r="F25156" s="14" t="s">
        <v>61</v>
      </c>
      <c r="G25156" s="16">
        <v>0</v>
      </c>
    </row>
    <row r="25157" spans="1:7" x14ac:dyDescent="0.3">
      <c r="A25157" s="13" t="s">
        <v>162</v>
      </c>
      <c r="B25157" s="14" t="s">
        <v>1</v>
      </c>
      <c r="C25157" s="14" t="s">
        <v>109</v>
      </c>
      <c r="D25157" s="14" t="s">
        <v>163</v>
      </c>
      <c r="E25157" s="15">
        <v>45713</v>
      </c>
      <c r="F25157" s="14" t="s">
        <v>61</v>
      </c>
      <c r="G25157" s="16">
        <v>0</v>
      </c>
    </row>
    <row r="25158" spans="1:7" x14ac:dyDescent="0.3">
      <c r="A25158" s="13" t="s">
        <v>162</v>
      </c>
      <c r="B25158" s="14" t="s">
        <v>1</v>
      </c>
      <c r="C25158" s="14" t="s">
        <v>109</v>
      </c>
      <c r="D25158" s="14" t="s">
        <v>163</v>
      </c>
      <c r="E25158" s="15">
        <v>45714</v>
      </c>
      <c r="F25158" s="14" t="s">
        <v>61</v>
      </c>
      <c r="G25158" s="16">
        <v>0</v>
      </c>
    </row>
    <row r="25159" spans="1:7" x14ac:dyDescent="0.3">
      <c r="A25159" s="13" t="s">
        <v>162</v>
      </c>
      <c r="B25159" s="14" t="s">
        <v>1</v>
      </c>
      <c r="C25159" s="14" t="s">
        <v>109</v>
      </c>
      <c r="D25159" s="14" t="s">
        <v>163</v>
      </c>
      <c r="E25159" s="15">
        <v>45715</v>
      </c>
      <c r="F25159" s="14" t="s">
        <v>61</v>
      </c>
      <c r="G25159" s="16">
        <v>0</v>
      </c>
    </row>
    <row r="25160" spans="1:7" x14ac:dyDescent="0.3">
      <c r="A25160" s="13" t="s">
        <v>162</v>
      </c>
      <c r="B25160" s="14" t="s">
        <v>1</v>
      </c>
      <c r="C25160" s="14" t="s">
        <v>109</v>
      </c>
      <c r="D25160" s="14" t="s">
        <v>163</v>
      </c>
      <c r="E25160" s="15">
        <v>45716</v>
      </c>
      <c r="F25160" s="14" t="s">
        <v>61</v>
      </c>
      <c r="G25160" s="16">
        <v>0</v>
      </c>
    </row>
    <row r="25161" spans="1:7" x14ac:dyDescent="0.3">
      <c r="A25161" s="13" t="s">
        <v>162</v>
      </c>
      <c r="B25161" s="14" t="s">
        <v>1</v>
      </c>
      <c r="C25161" s="14" t="s">
        <v>109</v>
      </c>
      <c r="D25161" s="14" t="s">
        <v>163</v>
      </c>
      <c r="E25161" s="15">
        <v>45717</v>
      </c>
      <c r="F25161" s="14" t="s">
        <v>61</v>
      </c>
      <c r="G25161" s="16">
        <v>0</v>
      </c>
    </row>
    <row r="25162" spans="1:7" x14ac:dyDescent="0.3">
      <c r="A25162" s="13" t="s">
        <v>162</v>
      </c>
      <c r="B25162" s="14" t="s">
        <v>1</v>
      </c>
      <c r="C25162" s="14" t="s">
        <v>109</v>
      </c>
      <c r="D25162" s="14" t="s">
        <v>163</v>
      </c>
      <c r="E25162" s="15">
        <v>45718</v>
      </c>
      <c r="F25162" s="14" t="s">
        <v>61</v>
      </c>
      <c r="G25162" s="16">
        <v>0</v>
      </c>
    </row>
    <row r="25163" spans="1:7" x14ac:dyDescent="0.3">
      <c r="A25163" s="13" t="s">
        <v>162</v>
      </c>
      <c r="B25163" s="14" t="s">
        <v>1</v>
      </c>
      <c r="C25163" s="14" t="s">
        <v>109</v>
      </c>
      <c r="D25163" s="14" t="s">
        <v>163</v>
      </c>
      <c r="E25163" s="15">
        <v>45719</v>
      </c>
      <c r="F25163" s="14" t="s">
        <v>61</v>
      </c>
      <c r="G25163" s="16">
        <v>0</v>
      </c>
    </row>
    <row r="25164" spans="1:7" x14ac:dyDescent="0.3">
      <c r="A25164" s="13" t="s">
        <v>162</v>
      </c>
      <c r="B25164" s="14" t="s">
        <v>1</v>
      </c>
      <c r="C25164" s="14" t="s">
        <v>109</v>
      </c>
      <c r="D25164" s="14" t="s">
        <v>163</v>
      </c>
      <c r="E25164" s="15">
        <v>45720</v>
      </c>
      <c r="F25164" s="14" t="s">
        <v>61</v>
      </c>
      <c r="G25164" s="16">
        <v>0</v>
      </c>
    </row>
    <row r="25165" spans="1:7" x14ac:dyDescent="0.3">
      <c r="A25165" s="13" t="s">
        <v>162</v>
      </c>
      <c r="B25165" s="14" t="s">
        <v>1</v>
      </c>
      <c r="C25165" s="14" t="s">
        <v>109</v>
      </c>
      <c r="D25165" s="14" t="s">
        <v>163</v>
      </c>
      <c r="E25165" s="15">
        <v>45721</v>
      </c>
      <c r="F25165" s="14" t="s">
        <v>61</v>
      </c>
      <c r="G25165" s="16">
        <v>0</v>
      </c>
    </row>
    <row r="25166" spans="1:7" x14ac:dyDescent="0.3">
      <c r="A25166" s="13" t="s">
        <v>162</v>
      </c>
      <c r="B25166" s="14" t="s">
        <v>1</v>
      </c>
      <c r="C25166" s="14" t="s">
        <v>109</v>
      </c>
      <c r="D25166" s="14" t="s">
        <v>163</v>
      </c>
      <c r="E25166" s="15">
        <v>45722</v>
      </c>
      <c r="F25166" s="14" t="s">
        <v>61</v>
      </c>
      <c r="G25166" s="16">
        <v>0</v>
      </c>
    </row>
    <row r="25167" spans="1:7" x14ac:dyDescent="0.3">
      <c r="A25167" s="13" t="s">
        <v>162</v>
      </c>
      <c r="B25167" s="14" t="s">
        <v>1</v>
      </c>
      <c r="C25167" s="14" t="s">
        <v>109</v>
      </c>
      <c r="D25167" s="14" t="s">
        <v>163</v>
      </c>
      <c r="E25167" s="15">
        <v>45723</v>
      </c>
      <c r="F25167" s="14" t="s">
        <v>61</v>
      </c>
      <c r="G25167" s="16">
        <v>0</v>
      </c>
    </row>
    <row r="25168" spans="1:7" x14ac:dyDescent="0.3">
      <c r="A25168" s="13" t="s">
        <v>162</v>
      </c>
      <c r="B25168" s="14" t="s">
        <v>1</v>
      </c>
      <c r="C25168" s="14" t="s">
        <v>109</v>
      </c>
      <c r="D25168" s="14" t="s">
        <v>163</v>
      </c>
      <c r="E25168" s="15">
        <v>45724</v>
      </c>
      <c r="F25168" s="14" t="s">
        <v>61</v>
      </c>
      <c r="G25168" s="16">
        <v>0</v>
      </c>
    </row>
    <row r="25169" spans="1:7" x14ac:dyDescent="0.3">
      <c r="A25169" s="13" t="s">
        <v>162</v>
      </c>
      <c r="B25169" s="14" t="s">
        <v>1</v>
      </c>
      <c r="C25169" s="14" t="s">
        <v>109</v>
      </c>
      <c r="D25169" s="14" t="s">
        <v>163</v>
      </c>
      <c r="E25169" s="15">
        <v>45725</v>
      </c>
      <c r="F25169" s="14" t="s">
        <v>61</v>
      </c>
      <c r="G25169" s="16">
        <v>0</v>
      </c>
    </row>
    <row r="25170" spans="1:7" x14ac:dyDescent="0.3">
      <c r="A25170" s="13" t="s">
        <v>162</v>
      </c>
      <c r="B25170" s="14" t="s">
        <v>1</v>
      </c>
      <c r="C25170" s="14" t="s">
        <v>109</v>
      </c>
      <c r="D25170" s="14" t="s">
        <v>163</v>
      </c>
      <c r="E25170" s="15">
        <v>45726</v>
      </c>
      <c r="F25170" s="14" t="s">
        <v>61</v>
      </c>
      <c r="G25170" s="16">
        <v>0</v>
      </c>
    </row>
    <row r="25171" spans="1:7" x14ac:dyDescent="0.3">
      <c r="A25171" s="13" t="s">
        <v>162</v>
      </c>
      <c r="B25171" s="14" t="s">
        <v>1</v>
      </c>
      <c r="C25171" s="14" t="s">
        <v>109</v>
      </c>
      <c r="D25171" s="14" t="s">
        <v>163</v>
      </c>
      <c r="E25171" s="15">
        <v>45727</v>
      </c>
      <c r="F25171" s="14" t="s">
        <v>61</v>
      </c>
      <c r="G25171" s="16">
        <v>0</v>
      </c>
    </row>
    <row r="25172" spans="1:7" x14ac:dyDescent="0.3">
      <c r="A25172" s="13" t="s">
        <v>162</v>
      </c>
      <c r="B25172" s="14" t="s">
        <v>1</v>
      </c>
      <c r="C25172" s="14" t="s">
        <v>109</v>
      </c>
      <c r="D25172" s="14" t="s">
        <v>163</v>
      </c>
      <c r="E25172" s="15">
        <v>45728</v>
      </c>
      <c r="F25172" s="14" t="s">
        <v>61</v>
      </c>
      <c r="G25172" s="16">
        <v>0</v>
      </c>
    </row>
    <row r="25173" spans="1:7" x14ac:dyDescent="0.3">
      <c r="A25173" s="13" t="s">
        <v>162</v>
      </c>
      <c r="B25173" s="14" t="s">
        <v>1</v>
      </c>
      <c r="C25173" s="14" t="s">
        <v>109</v>
      </c>
      <c r="D25173" s="14" t="s">
        <v>163</v>
      </c>
      <c r="E25173" s="15">
        <v>45729</v>
      </c>
      <c r="F25173" s="14" t="s">
        <v>61</v>
      </c>
      <c r="G25173" s="16">
        <v>0</v>
      </c>
    </row>
    <row r="25174" spans="1:7" x14ac:dyDescent="0.3">
      <c r="A25174" s="13" t="s">
        <v>162</v>
      </c>
      <c r="B25174" s="14" t="s">
        <v>1</v>
      </c>
      <c r="C25174" s="14" t="s">
        <v>109</v>
      </c>
      <c r="D25174" s="14" t="s">
        <v>163</v>
      </c>
      <c r="E25174" s="15">
        <v>45730</v>
      </c>
      <c r="F25174" s="14" t="s">
        <v>61</v>
      </c>
      <c r="G25174" s="16">
        <v>0</v>
      </c>
    </row>
    <row r="25175" spans="1:7" x14ac:dyDescent="0.3">
      <c r="A25175" s="13" t="s">
        <v>162</v>
      </c>
      <c r="B25175" s="14" t="s">
        <v>1</v>
      </c>
      <c r="C25175" s="14" t="s">
        <v>109</v>
      </c>
      <c r="D25175" s="14" t="s">
        <v>163</v>
      </c>
      <c r="E25175" s="15">
        <v>45731</v>
      </c>
      <c r="F25175" s="14" t="s">
        <v>61</v>
      </c>
      <c r="G25175" s="16">
        <v>0</v>
      </c>
    </row>
    <row r="25176" spans="1:7" x14ac:dyDescent="0.3">
      <c r="A25176" s="13" t="s">
        <v>162</v>
      </c>
      <c r="B25176" s="14" t="s">
        <v>1</v>
      </c>
      <c r="C25176" s="14" t="s">
        <v>109</v>
      </c>
      <c r="D25176" s="14" t="s">
        <v>163</v>
      </c>
      <c r="E25176" s="15">
        <v>45732</v>
      </c>
      <c r="F25176" s="14" t="s">
        <v>61</v>
      </c>
      <c r="G25176" s="16">
        <v>0</v>
      </c>
    </row>
    <row r="25177" spans="1:7" x14ac:dyDescent="0.3">
      <c r="A25177" s="13" t="s">
        <v>162</v>
      </c>
      <c r="B25177" s="14" t="s">
        <v>1</v>
      </c>
      <c r="C25177" s="14" t="s">
        <v>109</v>
      </c>
      <c r="D25177" s="14" t="s">
        <v>163</v>
      </c>
      <c r="E25177" s="15">
        <v>45733</v>
      </c>
      <c r="F25177" s="14" t="s">
        <v>61</v>
      </c>
      <c r="G25177" s="16">
        <v>0</v>
      </c>
    </row>
    <row r="25178" spans="1:7" x14ac:dyDescent="0.3">
      <c r="A25178" s="13" t="s">
        <v>162</v>
      </c>
      <c r="B25178" s="14" t="s">
        <v>1</v>
      </c>
      <c r="C25178" s="14" t="s">
        <v>109</v>
      </c>
      <c r="D25178" s="14" t="s">
        <v>163</v>
      </c>
      <c r="E25178" s="15">
        <v>45734</v>
      </c>
      <c r="F25178" s="14" t="s">
        <v>61</v>
      </c>
      <c r="G25178" s="16">
        <v>0</v>
      </c>
    </row>
    <row r="25179" spans="1:7" x14ac:dyDescent="0.3">
      <c r="A25179" s="13" t="s">
        <v>162</v>
      </c>
      <c r="B25179" s="14" t="s">
        <v>1</v>
      </c>
      <c r="C25179" s="14" t="s">
        <v>109</v>
      </c>
      <c r="D25179" s="14" t="s">
        <v>163</v>
      </c>
      <c r="E25179" s="15">
        <v>45735</v>
      </c>
      <c r="F25179" s="14" t="s">
        <v>61</v>
      </c>
      <c r="G25179" s="16">
        <v>0</v>
      </c>
    </row>
    <row r="25180" spans="1:7" x14ac:dyDescent="0.3">
      <c r="A25180" s="13" t="s">
        <v>162</v>
      </c>
      <c r="B25180" s="14" t="s">
        <v>1</v>
      </c>
      <c r="C25180" s="14" t="s">
        <v>109</v>
      </c>
      <c r="D25180" s="14" t="s">
        <v>163</v>
      </c>
      <c r="E25180" s="15">
        <v>45736</v>
      </c>
      <c r="F25180" s="14" t="s">
        <v>61</v>
      </c>
      <c r="G25180" s="16">
        <v>0</v>
      </c>
    </row>
    <row r="25181" spans="1:7" x14ac:dyDescent="0.3">
      <c r="A25181" s="13" t="s">
        <v>162</v>
      </c>
      <c r="B25181" s="14" t="s">
        <v>1</v>
      </c>
      <c r="C25181" s="14" t="s">
        <v>109</v>
      </c>
      <c r="D25181" s="14" t="s">
        <v>163</v>
      </c>
      <c r="E25181" s="15">
        <v>45737</v>
      </c>
      <c r="F25181" s="14" t="s">
        <v>61</v>
      </c>
      <c r="G25181" s="16">
        <v>0</v>
      </c>
    </row>
    <row r="25182" spans="1:7" x14ac:dyDescent="0.3">
      <c r="A25182" s="13" t="s">
        <v>162</v>
      </c>
      <c r="B25182" s="14" t="s">
        <v>1</v>
      </c>
      <c r="C25182" s="14" t="s">
        <v>109</v>
      </c>
      <c r="D25182" s="14" t="s">
        <v>163</v>
      </c>
      <c r="E25182" s="15">
        <v>45738</v>
      </c>
      <c r="F25182" s="14" t="s">
        <v>61</v>
      </c>
      <c r="G25182" s="16">
        <v>0</v>
      </c>
    </row>
    <row r="25183" spans="1:7" x14ac:dyDescent="0.3">
      <c r="A25183" s="13" t="s">
        <v>162</v>
      </c>
      <c r="B25183" s="14" t="s">
        <v>1</v>
      </c>
      <c r="C25183" s="14" t="s">
        <v>109</v>
      </c>
      <c r="D25183" s="14" t="s">
        <v>163</v>
      </c>
      <c r="E25183" s="15">
        <v>45739</v>
      </c>
      <c r="F25183" s="14" t="s">
        <v>61</v>
      </c>
      <c r="G25183" s="16">
        <v>0</v>
      </c>
    </row>
    <row r="25184" spans="1:7" x14ac:dyDescent="0.3">
      <c r="A25184" s="13" t="s">
        <v>162</v>
      </c>
      <c r="B25184" s="14" t="s">
        <v>1</v>
      </c>
      <c r="C25184" s="14" t="s">
        <v>109</v>
      </c>
      <c r="D25184" s="14" t="s">
        <v>163</v>
      </c>
      <c r="E25184" s="15">
        <v>45740</v>
      </c>
      <c r="F25184" s="14" t="s">
        <v>61</v>
      </c>
      <c r="G25184" s="16">
        <v>0</v>
      </c>
    </row>
    <row r="25185" spans="1:7" x14ac:dyDescent="0.3">
      <c r="A25185" s="13" t="s">
        <v>162</v>
      </c>
      <c r="B25185" s="14" t="s">
        <v>1</v>
      </c>
      <c r="C25185" s="14" t="s">
        <v>109</v>
      </c>
      <c r="D25185" s="14" t="s">
        <v>163</v>
      </c>
      <c r="E25185" s="15">
        <v>45741</v>
      </c>
      <c r="F25185" s="14" t="s">
        <v>61</v>
      </c>
      <c r="G25185" s="16">
        <v>0</v>
      </c>
    </row>
    <row r="25186" spans="1:7" x14ac:dyDescent="0.3">
      <c r="A25186" s="13" t="s">
        <v>162</v>
      </c>
      <c r="B25186" s="14" t="s">
        <v>1</v>
      </c>
      <c r="C25186" s="14" t="s">
        <v>109</v>
      </c>
      <c r="D25186" s="14" t="s">
        <v>163</v>
      </c>
      <c r="E25186" s="15">
        <v>45742</v>
      </c>
      <c r="F25186" s="14" t="s">
        <v>61</v>
      </c>
      <c r="G25186" s="16">
        <v>0</v>
      </c>
    </row>
    <row r="25187" spans="1:7" x14ac:dyDescent="0.3">
      <c r="A25187" s="13" t="s">
        <v>162</v>
      </c>
      <c r="B25187" s="14" t="s">
        <v>1</v>
      </c>
      <c r="C25187" s="14" t="s">
        <v>109</v>
      </c>
      <c r="D25187" s="14" t="s">
        <v>163</v>
      </c>
      <c r="E25187" s="15">
        <v>45743</v>
      </c>
      <c r="F25187" s="14" t="s">
        <v>61</v>
      </c>
      <c r="G25187" s="16">
        <v>0</v>
      </c>
    </row>
    <row r="25188" spans="1:7" x14ac:dyDescent="0.3">
      <c r="A25188" s="13" t="s">
        <v>162</v>
      </c>
      <c r="B25188" s="14" t="s">
        <v>1</v>
      </c>
      <c r="C25188" s="14" t="s">
        <v>109</v>
      </c>
      <c r="D25188" s="14" t="s">
        <v>163</v>
      </c>
      <c r="E25188" s="15">
        <v>45744</v>
      </c>
      <c r="F25188" s="14" t="s">
        <v>61</v>
      </c>
      <c r="G25188" s="16">
        <v>0</v>
      </c>
    </row>
    <row r="25189" spans="1:7" x14ac:dyDescent="0.3">
      <c r="A25189" s="13" t="s">
        <v>162</v>
      </c>
      <c r="B25189" s="14" t="s">
        <v>1</v>
      </c>
      <c r="C25189" s="14" t="s">
        <v>109</v>
      </c>
      <c r="D25189" s="14" t="s">
        <v>163</v>
      </c>
      <c r="E25189" s="15">
        <v>45745</v>
      </c>
      <c r="F25189" s="14" t="s">
        <v>61</v>
      </c>
      <c r="G25189" s="16">
        <v>0</v>
      </c>
    </row>
    <row r="25190" spans="1:7" x14ac:dyDescent="0.3">
      <c r="A25190" s="13" t="s">
        <v>162</v>
      </c>
      <c r="B25190" s="14" t="s">
        <v>1</v>
      </c>
      <c r="C25190" s="14" t="s">
        <v>109</v>
      </c>
      <c r="D25190" s="14" t="s">
        <v>163</v>
      </c>
      <c r="E25190" s="15">
        <v>45746</v>
      </c>
      <c r="F25190" s="14" t="s">
        <v>61</v>
      </c>
      <c r="G25190" s="16">
        <v>0</v>
      </c>
    </row>
    <row r="25191" spans="1:7" x14ac:dyDescent="0.3">
      <c r="A25191" s="13" t="s">
        <v>162</v>
      </c>
      <c r="B25191" s="14" t="s">
        <v>1</v>
      </c>
      <c r="C25191" s="14" t="s">
        <v>109</v>
      </c>
      <c r="D25191" s="14" t="s">
        <v>163</v>
      </c>
      <c r="E25191" s="15">
        <v>45747</v>
      </c>
      <c r="F25191" s="14" t="s">
        <v>61</v>
      </c>
      <c r="G25191" s="16">
        <v>0</v>
      </c>
    </row>
    <row r="25192" spans="1:7" x14ac:dyDescent="0.3">
      <c r="A25192" s="13" t="s">
        <v>164</v>
      </c>
      <c r="B25192" s="14" t="s">
        <v>1</v>
      </c>
      <c r="C25192" s="14" t="s">
        <v>96</v>
      </c>
      <c r="D25192" s="14" t="s">
        <v>165</v>
      </c>
      <c r="E25192" s="15">
        <v>45383</v>
      </c>
      <c r="F25192" s="14" t="s">
        <v>53</v>
      </c>
      <c r="G25192" s="16">
        <v>0</v>
      </c>
    </row>
    <row r="25193" spans="1:7" x14ac:dyDescent="0.3">
      <c r="A25193" s="13" t="s">
        <v>164</v>
      </c>
      <c r="B25193" s="14" t="s">
        <v>1</v>
      </c>
      <c r="C25193" s="14" t="s">
        <v>96</v>
      </c>
      <c r="D25193" s="14" t="s">
        <v>165</v>
      </c>
      <c r="E25193" s="15">
        <v>45384</v>
      </c>
      <c r="F25193" s="14" t="s">
        <v>53</v>
      </c>
      <c r="G25193" s="16">
        <v>0</v>
      </c>
    </row>
    <row r="25194" spans="1:7" x14ac:dyDescent="0.3">
      <c r="A25194" s="13" t="s">
        <v>164</v>
      </c>
      <c r="B25194" s="14" t="s">
        <v>1</v>
      </c>
      <c r="C25194" s="14" t="s">
        <v>96</v>
      </c>
      <c r="D25194" s="14" t="s">
        <v>165</v>
      </c>
      <c r="E25194" s="15">
        <v>45385</v>
      </c>
      <c r="F25194" s="14" t="s">
        <v>53</v>
      </c>
      <c r="G25194" s="16">
        <v>0</v>
      </c>
    </row>
    <row r="25195" spans="1:7" x14ac:dyDescent="0.3">
      <c r="A25195" s="13" t="s">
        <v>164</v>
      </c>
      <c r="B25195" s="14" t="s">
        <v>1</v>
      </c>
      <c r="C25195" s="14" t="s">
        <v>96</v>
      </c>
      <c r="D25195" s="14" t="s">
        <v>165</v>
      </c>
      <c r="E25195" s="15">
        <v>45386</v>
      </c>
      <c r="F25195" s="14" t="s">
        <v>53</v>
      </c>
      <c r="G25195" s="16">
        <v>0</v>
      </c>
    </row>
    <row r="25196" spans="1:7" x14ac:dyDescent="0.3">
      <c r="A25196" s="13" t="s">
        <v>164</v>
      </c>
      <c r="B25196" s="14" t="s">
        <v>1</v>
      </c>
      <c r="C25196" s="14" t="s">
        <v>96</v>
      </c>
      <c r="D25196" s="14" t="s">
        <v>165</v>
      </c>
      <c r="E25196" s="15">
        <v>45387</v>
      </c>
      <c r="F25196" s="14" t="s">
        <v>53</v>
      </c>
      <c r="G25196" s="16">
        <v>0</v>
      </c>
    </row>
    <row r="25197" spans="1:7" x14ac:dyDescent="0.3">
      <c r="A25197" s="13" t="s">
        <v>164</v>
      </c>
      <c r="B25197" s="14" t="s">
        <v>1</v>
      </c>
      <c r="C25197" s="14" t="s">
        <v>96</v>
      </c>
      <c r="D25197" s="14" t="s">
        <v>165</v>
      </c>
      <c r="E25197" s="15">
        <v>45388</v>
      </c>
      <c r="F25197" s="14" t="s">
        <v>53</v>
      </c>
      <c r="G25197" s="16">
        <v>0</v>
      </c>
    </row>
    <row r="25198" spans="1:7" x14ac:dyDescent="0.3">
      <c r="A25198" s="13" t="s">
        <v>164</v>
      </c>
      <c r="B25198" s="14" t="s">
        <v>1</v>
      </c>
      <c r="C25198" s="14" t="s">
        <v>96</v>
      </c>
      <c r="D25198" s="14" t="s">
        <v>165</v>
      </c>
      <c r="E25198" s="15">
        <v>45389</v>
      </c>
      <c r="F25198" s="14" t="s">
        <v>53</v>
      </c>
      <c r="G25198" s="16">
        <v>0</v>
      </c>
    </row>
    <row r="25199" spans="1:7" x14ac:dyDescent="0.3">
      <c r="A25199" s="13" t="s">
        <v>164</v>
      </c>
      <c r="B25199" s="14" t="s">
        <v>1</v>
      </c>
      <c r="C25199" s="14" t="s">
        <v>96</v>
      </c>
      <c r="D25199" s="14" t="s">
        <v>165</v>
      </c>
      <c r="E25199" s="15">
        <v>45390</v>
      </c>
      <c r="F25199" s="14" t="s">
        <v>53</v>
      </c>
      <c r="G25199" s="16">
        <v>0</v>
      </c>
    </row>
    <row r="25200" spans="1:7" x14ac:dyDescent="0.3">
      <c r="A25200" s="13" t="s">
        <v>164</v>
      </c>
      <c r="B25200" s="14" t="s">
        <v>1</v>
      </c>
      <c r="C25200" s="14" t="s">
        <v>96</v>
      </c>
      <c r="D25200" s="14" t="s">
        <v>165</v>
      </c>
      <c r="E25200" s="15">
        <v>45391</v>
      </c>
      <c r="F25200" s="14" t="s">
        <v>53</v>
      </c>
      <c r="G25200" s="16">
        <v>0</v>
      </c>
    </row>
    <row r="25201" spans="1:7" x14ac:dyDescent="0.3">
      <c r="A25201" s="13" t="s">
        <v>164</v>
      </c>
      <c r="B25201" s="14" t="s">
        <v>1</v>
      </c>
      <c r="C25201" s="14" t="s">
        <v>96</v>
      </c>
      <c r="D25201" s="14" t="s">
        <v>165</v>
      </c>
      <c r="E25201" s="15">
        <v>45392</v>
      </c>
      <c r="F25201" s="14" t="s">
        <v>53</v>
      </c>
      <c r="G25201" s="16">
        <v>0</v>
      </c>
    </row>
    <row r="25202" spans="1:7" x14ac:dyDescent="0.3">
      <c r="A25202" s="13" t="s">
        <v>164</v>
      </c>
      <c r="B25202" s="14" t="s">
        <v>1</v>
      </c>
      <c r="C25202" s="14" t="s">
        <v>96</v>
      </c>
      <c r="D25202" s="14" t="s">
        <v>165</v>
      </c>
      <c r="E25202" s="15">
        <v>45393</v>
      </c>
      <c r="F25202" s="14" t="s">
        <v>53</v>
      </c>
      <c r="G25202" s="16">
        <v>0</v>
      </c>
    </row>
    <row r="25203" spans="1:7" x14ac:dyDescent="0.3">
      <c r="A25203" s="13" t="s">
        <v>164</v>
      </c>
      <c r="B25203" s="14" t="s">
        <v>1</v>
      </c>
      <c r="C25203" s="14" t="s">
        <v>96</v>
      </c>
      <c r="D25203" s="14" t="s">
        <v>165</v>
      </c>
      <c r="E25203" s="15">
        <v>45394</v>
      </c>
      <c r="F25203" s="14" t="s">
        <v>53</v>
      </c>
      <c r="G25203" s="16">
        <v>0</v>
      </c>
    </row>
    <row r="25204" spans="1:7" x14ac:dyDescent="0.3">
      <c r="A25204" s="13" t="s">
        <v>164</v>
      </c>
      <c r="B25204" s="14" t="s">
        <v>1</v>
      </c>
      <c r="C25204" s="14" t="s">
        <v>96</v>
      </c>
      <c r="D25204" s="14" t="s">
        <v>165</v>
      </c>
      <c r="E25204" s="15">
        <v>45395</v>
      </c>
      <c r="F25204" s="14" t="s">
        <v>53</v>
      </c>
      <c r="G25204" s="16">
        <v>0</v>
      </c>
    </row>
    <row r="25205" spans="1:7" x14ac:dyDescent="0.3">
      <c r="A25205" s="13" t="s">
        <v>164</v>
      </c>
      <c r="B25205" s="14" t="s">
        <v>1</v>
      </c>
      <c r="C25205" s="14" t="s">
        <v>96</v>
      </c>
      <c r="D25205" s="14" t="s">
        <v>165</v>
      </c>
      <c r="E25205" s="15">
        <v>45396</v>
      </c>
      <c r="F25205" s="14" t="s">
        <v>53</v>
      </c>
      <c r="G25205" s="16">
        <v>0</v>
      </c>
    </row>
    <row r="25206" spans="1:7" x14ac:dyDescent="0.3">
      <c r="A25206" s="13" t="s">
        <v>164</v>
      </c>
      <c r="B25206" s="14" t="s">
        <v>1</v>
      </c>
      <c r="C25206" s="14" t="s">
        <v>96</v>
      </c>
      <c r="D25206" s="14" t="s">
        <v>165</v>
      </c>
      <c r="E25206" s="15">
        <v>45397</v>
      </c>
      <c r="F25206" s="14" t="s">
        <v>53</v>
      </c>
      <c r="G25206" s="16">
        <v>0</v>
      </c>
    </row>
    <row r="25207" spans="1:7" x14ac:dyDescent="0.3">
      <c r="A25207" s="13" t="s">
        <v>164</v>
      </c>
      <c r="B25207" s="14" t="s">
        <v>1</v>
      </c>
      <c r="C25207" s="14" t="s">
        <v>96</v>
      </c>
      <c r="D25207" s="14" t="s">
        <v>165</v>
      </c>
      <c r="E25207" s="15">
        <v>45398</v>
      </c>
      <c r="F25207" s="14" t="s">
        <v>53</v>
      </c>
      <c r="G25207" s="16">
        <v>0</v>
      </c>
    </row>
    <row r="25208" spans="1:7" x14ac:dyDescent="0.3">
      <c r="A25208" s="13" t="s">
        <v>164</v>
      </c>
      <c r="B25208" s="14" t="s">
        <v>1</v>
      </c>
      <c r="C25208" s="14" t="s">
        <v>96</v>
      </c>
      <c r="D25208" s="14" t="s">
        <v>165</v>
      </c>
      <c r="E25208" s="15">
        <v>45399</v>
      </c>
      <c r="F25208" s="14" t="s">
        <v>53</v>
      </c>
      <c r="G25208" s="16">
        <v>0</v>
      </c>
    </row>
    <row r="25209" spans="1:7" x14ac:dyDescent="0.3">
      <c r="A25209" s="13" t="s">
        <v>164</v>
      </c>
      <c r="B25209" s="14" t="s">
        <v>1</v>
      </c>
      <c r="C25209" s="14" t="s">
        <v>96</v>
      </c>
      <c r="D25209" s="14" t="s">
        <v>165</v>
      </c>
      <c r="E25209" s="15">
        <v>45400</v>
      </c>
      <c r="F25209" s="14" t="s">
        <v>53</v>
      </c>
      <c r="G25209" s="16">
        <v>0</v>
      </c>
    </row>
    <row r="25210" spans="1:7" x14ac:dyDescent="0.3">
      <c r="A25210" s="13" t="s">
        <v>164</v>
      </c>
      <c r="B25210" s="14" t="s">
        <v>1</v>
      </c>
      <c r="C25210" s="14" t="s">
        <v>96</v>
      </c>
      <c r="D25210" s="14" t="s">
        <v>165</v>
      </c>
      <c r="E25210" s="15">
        <v>45401</v>
      </c>
      <c r="F25210" s="14" t="s">
        <v>53</v>
      </c>
      <c r="G25210" s="16">
        <v>0</v>
      </c>
    </row>
    <row r="25211" spans="1:7" x14ac:dyDescent="0.3">
      <c r="A25211" s="13" t="s">
        <v>164</v>
      </c>
      <c r="B25211" s="14" t="s">
        <v>1</v>
      </c>
      <c r="C25211" s="14" t="s">
        <v>96</v>
      </c>
      <c r="D25211" s="14" t="s">
        <v>165</v>
      </c>
      <c r="E25211" s="15">
        <v>45402</v>
      </c>
      <c r="F25211" s="14" t="s">
        <v>53</v>
      </c>
      <c r="G25211" s="16">
        <v>0</v>
      </c>
    </row>
    <row r="25212" spans="1:7" x14ac:dyDescent="0.3">
      <c r="A25212" s="13" t="s">
        <v>164</v>
      </c>
      <c r="B25212" s="14" t="s">
        <v>1</v>
      </c>
      <c r="C25212" s="14" t="s">
        <v>96</v>
      </c>
      <c r="D25212" s="14" t="s">
        <v>165</v>
      </c>
      <c r="E25212" s="15">
        <v>45403</v>
      </c>
      <c r="F25212" s="14" t="s">
        <v>53</v>
      </c>
      <c r="G25212" s="16">
        <v>0</v>
      </c>
    </row>
    <row r="25213" spans="1:7" x14ac:dyDescent="0.3">
      <c r="A25213" s="13" t="s">
        <v>164</v>
      </c>
      <c r="B25213" s="14" t="s">
        <v>1</v>
      </c>
      <c r="C25213" s="14" t="s">
        <v>96</v>
      </c>
      <c r="D25213" s="14" t="s">
        <v>165</v>
      </c>
      <c r="E25213" s="15">
        <v>45404</v>
      </c>
      <c r="F25213" s="14" t="s">
        <v>53</v>
      </c>
      <c r="G25213" s="16">
        <v>0</v>
      </c>
    </row>
    <row r="25214" spans="1:7" x14ac:dyDescent="0.3">
      <c r="A25214" s="13" t="s">
        <v>164</v>
      </c>
      <c r="B25214" s="14" t="s">
        <v>1</v>
      </c>
      <c r="C25214" s="14" t="s">
        <v>96</v>
      </c>
      <c r="D25214" s="14" t="s">
        <v>165</v>
      </c>
      <c r="E25214" s="15">
        <v>45405</v>
      </c>
      <c r="F25214" s="14" t="s">
        <v>53</v>
      </c>
      <c r="G25214" s="16">
        <v>0</v>
      </c>
    </row>
    <row r="25215" spans="1:7" x14ac:dyDescent="0.3">
      <c r="A25215" s="13" t="s">
        <v>164</v>
      </c>
      <c r="B25215" s="14" t="s">
        <v>1</v>
      </c>
      <c r="C25215" s="14" t="s">
        <v>96</v>
      </c>
      <c r="D25215" s="14" t="s">
        <v>165</v>
      </c>
      <c r="E25215" s="15">
        <v>45406</v>
      </c>
      <c r="F25215" s="14" t="s">
        <v>53</v>
      </c>
      <c r="G25215" s="16">
        <v>0</v>
      </c>
    </row>
    <row r="25216" spans="1:7" x14ac:dyDescent="0.3">
      <c r="A25216" s="13" t="s">
        <v>164</v>
      </c>
      <c r="B25216" s="14" t="s">
        <v>1</v>
      </c>
      <c r="C25216" s="14" t="s">
        <v>96</v>
      </c>
      <c r="D25216" s="14" t="s">
        <v>165</v>
      </c>
      <c r="E25216" s="15">
        <v>45407</v>
      </c>
      <c r="F25216" s="14" t="s">
        <v>53</v>
      </c>
      <c r="G25216" s="16">
        <v>0</v>
      </c>
    </row>
    <row r="25217" spans="1:7" x14ac:dyDescent="0.3">
      <c r="A25217" s="13" t="s">
        <v>164</v>
      </c>
      <c r="B25217" s="14" t="s">
        <v>1</v>
      </c>
      <c r="C25217" s="14" t="s">
        <v>96</v>
      </c>
      <c r="D25217" s="14" t="s">
        <v>165</v>
      </c>
      <c r="E25217" s="15">
        <v>45408</v>
      </c>
      <c r="F25217" s="14" t="s">
        <v>53</v>
      </c>
      <c r="G25217" s="16">
        <v>0</v>
      </c>
    </row>
    <row r="25218" spans="1:7" x14ac:dyDescent="0.3">
      <c r="A25218" s="13" t="s">
        <v>164</v>
      </c>
      <c r="B25218" s="14" t="s">
        <v>1</v>
      </c>
      <c r="C25218" s="14" t="s">
        <v>96</v>
      </c>
      <c r="D25218" s="14" t="s">
        <v>165</v>
      </c>
      <c r="E25218" s="15">
        <v>45409</v>
      </c>
      <c r="F25218" s="14" t="s">
        <v>53</v>
      </c>
      <c r="G25218" s="16">
        <v>0</v>
      </c>
    </row>
    <row r="25219" spans="1:7" x14ac:dyDescent="0.3">
      <c r="A25219" s="13" t="s">
        <v>164</v>
      </c>
      <c r="B25219" s="14" t="s">
        <v>1</v>
      </c>
      <c r="C25219" s="14" t="s">
        <v>96</v>
      </c>
      <c r="D25219" s="14" t="s">
        <v>165</v>
      </c>
      <c r="E25219" s="15">
        <v>45410</v>
      </c>
      <c r="F25219" s="14" t="s">
        <v>53</v>
      </c>
      <c r="G25219" s="16">
        <v>0</v>
      </c>
    </row>
    <row r="25220" spans="1:7" x14ac:dyDescent="0.3">
      <c r="A25220" s="13" t="s">
        <v>164</v>
      </c>
      <c r="B25220" s="14" t="s">
        <v>1</v>
      </c>
      <c r="C25220" s="14" t="s">
        <v>96</v>
      </c>
      <c r="D25220" s="14" t="s">
        <v>165</v>
      </c>
      <c r="E25220" s="15">
        <v>45411</v>
      </c>
      <c r="F25220" s="14" t="s">
        <v>53</v>
      </c>
      <c r="G25220" s="16">
        <v>0</v>
      </c>
    </row>
    <row r="25221" spans="1:7" x14ac:dyDescent="0.3">
      <c r="A25221" s="13" t="s">
        <v>164</v>
      </c>
      <c r="B25221" s="14" t="s">
        <v>1</v>
      </c>
      <c r="C25221" s="14" t="s">
        <v>96</v>
      </c>
      <c r="D25221" s="14" t="s">
        <v>165</v>
      </c>
      <c r="E25221" s="15">
        <v>45412</v>
      </c>
      <c r="F25221" s="14" t="s">
        <v>53</v>
      </c>
      <c r="G25221" s="16">
        <v>0</v>
      </c>
    </row>
    <row r="25222" spans="1:7" x14ac:dyDescent="0.3">
      <c r="A25222" s="13" t="s">
        <v>164</v>
      </c>
      <c r="B25222" s="14" t="s">
        <v>1</v>
      </c>
      <c r="C25222" s="14" t="s">
        <v>96</v>
      </c>
      <c r="D25222" s="14" t="s">
        <v>165</v>
      </c>
      <c r="E25222" s="15">
        <v>45413</v>
      </c>
      <c r="F25222" s="14" t="s">
        <v>53</v>
      </c>
      <c r="G25222" s="16">
        <v>0</v>
      </c>
    </row>
    <row r="25223" spans="1:7" x14ac:dyDescent="0.3">
      <c r="A25223" s="13" t="s">
        <v>164</v>
      </c>
      <c r="B25223" s="14" t="s">
        <v>1</v>
      </c>
      <c r="C25223" s="14" t="s">
        <v>96</v>
      </c>
      <c r="D25223" s="14" t="s">
        <v>165</v>
      </c>
      <c r="E25223" s="15">
        <v>45414</v>
      </c>
      <c r="F25223" s="14" t="s">
        <v>53</v>
      </c>
      <c r="G25223" s="16">
        <v>0</v>
      </c>
    </row>
    <row r="25224" spans="1:7" x14ac:dyDescent="0.3">
      <c r="A25224" s="13" t="s">
        <v>164</v>
      </c>
      <c r="B25224" s="14" t="s">
        <v>1</v>
      </c>
      <c r="C25224" s="14" t="s">
        <v>96</v>
      </c>
      <c r="D25224" s="14" t="s">
        <v>165</v>
      </c>
      <c r="E25224" s="15">
        <v>45415</v>
      </c>
      <c r="F25224" s="14" t="s">
        <v>53</v>
      </c>
      <c r="G25224" s="16">
        <v>0</v>
      </c>
    </row>
    <row r="25225" spans="1:7" x14ac:dyDescent="0.3">
      <c r="A25225" s="13" t="s">
        <v>164</v>
      </c>
      <c r="B25225" s="14" t="s">
        <v>1</v>
      </c>
      <c r="C25225" s="14" t="s">
        <v>96</v>
      </c>
      <c r="D25225" s="14" t="s">
        <v>165</v>
      </c>
      <c r="E25225" s="15">
        <v>45416</v>
      </c>
      <c r="F25225" s="14" t="s">
        <v>53</v>
      </c>
      <c r="G25225" s="16">
        <v>0</v>
      </c>
    </row>
    <row r="25226" spans="1:7" x14ac:dyDescent="0.3">
      <c r="A25226" s="13" t="s">
        <v>164</v>
      </c>
      <c r="B25226" s="14" t="s">
        <v>1</v>
      </c>
      <c r="C25226" s="14" t="s">
        <v>96</v>
      </c>
      <c r="D25226" s="14" t="s">
        <v>165</v>
      </c>
      <c r="E25226" s="15">
        <v>45417</v>
      </c>
      <c r="F25226" s="14" t="s">
        <v>53</v>
      </c>
      <c r="G25226" s="16">
        <v>0</v>
      </c>
    </row>
    <row r="25227" spans="1:7" x14ac:dyDescent="0.3">
      <c r="A25227" s="13" t="s">
        <v>164</v>
      </c>
      <c r="B25227" s="14" t="s">
        <v>1</v>
      </c>
      <c r="C25227" s="14" t="s">
        <v>96</v>
      </c>
      <c r="D25227" s="14" t="s">
        <v>165</v>
      </c>
      <c r="E25227" s="15">
        <v>45418</v>
      </c>
      <c r="F25227" s="14" t="s">
        <v>53</v>
      </c>
      <c r="G25227" s="16">
        <v>0</v>
      </c>
    </row>
    <row r="25228" spans="1:7" x14ac:dyDescent="0.3">
      <c r="A25228" s="13" t="s">
        <v>164</v>
      </c>
      <c r="B25228" s="14" t="s">
        <v>1</v>
      </c>
      <c r="C25228" s="14" t="s">
        <v>96</v>
      </c>
      <c r="D25228" s="14" t="s">
        <v>165</v>
      </c>
      <c r="E25228" s="15">
        <v>45419</v>
      </c>
      <c r="F25228" s="14" t="s">
        <v>53</v>
      </c>
      <c r="G25228" s="16">
        <v>0</v>
      </c>
    </row>
    <row r="25229" spans="1:7" x14ac:dyDescent="0.3">
      <c r="A25229" s="13" t="s">
        <v>164</v>
      </c>
      <c r="B25229" s="14" t="s">
        <v>1</v>
      </c>
      <c r="C25229" s="14" t="s">
        <v>96</v>
      </c>
      <c r="D25229" s="14" t="s">
        <v>165</v>
      </c>
      <c r="E25229" s="15">
        <v>45420</v>
      </c>
      <c r="F25229" s="14" t="s">
        <v>53</v>
      </c>
      <c r="G25229" s="16">
        <v>0</v>
      </c>
    </row>
    <row r="25230" spans="1:7" x14ac:dyDescent="0.3">
      <c r="A25230" s="13" t="s">
        <v>164</v>
      </c>
      <c r="B25230" s="14" t="s">
        <v>1</v>
      </c>
      <c r="C25230" s="14" t="s">
        <v>96</v>
      </c>
      <c r="D25230" s="14" t="s">
        <v>165</v>
      </c>
      <c r="E25230" s="15">
        <v>45421</v>
      </c>
      <c r="F25230" s="14" t="s">
        <v>53</v>
      </c>
      <c r="G25230" s="16">
        <v>0</v>
      </c>
    </row>
    <row r="25231" spans="1:7" x14ac:dyDescent="0.3">
      <c r="A25231" s="13" t="s">
        <v>164</v>
      </c>
      <c r="B25231" s="14" t="s">
        <v>1</v>
      </c>
      <c r="C25231" s="14" t="s">
        <v>96</v>
      </c>
      <c r="D25231" s="14" t="s">
        <v>165</v>
      </c>
      <c r="E25231" s="15">
        <v>45422</v>
      </c>
      <c r="F25231" s="14" t="s">
        <v>53</v>
      </c>
      <c r="G25231" s="16">
        <v>0</v>
      </c>
    </row>
    <row r="25232" spans="1:7" x14ac:dyDescent="0.3">
      <c r="A25232" s="13" t="s">
        <v>164</v>
      </c>
      <c r="B25232" s="14" t="s">
        <v>1</v>
      </c>
      <c r="C25232" s="14" t="s">
        <v>96</v>
      </c>
      <c r="D25232" s="14" t="s">
        <v>165</v>
      </c>
      <c r="E25232" s="15">
        <v>45423</v>
      </c>
      <c r="F25232" s="14" t="s">
        <v>53</v>
      </c>
      <c r="G25232" s="16">
        <v>0</v>
      </c>
    </row>
    <row r="25233" spans="1:7" x14ac:dyDescent="0.3">
      <c r="A25233" s="13" t="s">
        <v>164</v>
      </c>
      <c r="B25233" s="14" t="s">
        <v>1</v>
      </c>
      <c r="C25233" s="14" t="s">
        <v>96</v>
      </c>
      <c r="D25233" s="14" t="s">
        <v>165</v>
      </c>
      <c r="E25233" s="15">
        <v>45424</v>
      </c>
      <c r="F25233" s="14" t="s">
        <v>53</v>
      </c>
      <c r="G25233" s="16">
        <v>0</v>
      </c>
    </row>
    <row r="25234" spans="1:7" x14ac:dyDescent="0.3">
      <c r="A25234" s="13" t="s">
        <v>164</v>
      </c>
      <c r="B25234" s="14" t="s">
        <v>1</v>
      </c>
      <c r="C25234" s="14" t="s">
        <v>96</v>
      </c>
      <c r="D25234" s="14" t="s">
        <v>165</v>
      </c>
      <c r="E25234" s="15">
        <v>45425</v>
      </c>
      <c r="F25234" s="14" t="s">
        <v>53</v>
      </c>
      <c r="G25234" s="16">
        <v>0</v>
      </c>
    </row>
    <row r="25235" spans="1:7" x14ac:dyDescent="0.3">
      <c r="A25235" s="13" t="s">
        <v>164</v>
      </c>
      <c r="B25235" s="14" t="s">
        <v>1</v>
      </c>
      <c r="C25235" s="14" t="s">
        <v>96</v>
      </c>
      <c r="D25235" s="14" t="s">
        <v>165</v>
      </c>
      <c r="E25235" s="15">
        <v>45426</v>
      </c>
      <c r="F25235" s="14" t="s">
        <v>53</v>
      </c>
      <c r="G25235" s="16">
        <v>0</v>
      </c>
    </row>
    <row r="25236" spans="1:7" x14ac:dyDescent="0.3">
      <c r="A25236" s="13" t="s">
        <v>164</v>
      </c>
      <c r="B25236" s="14" t="s">
        <v>1</v>
      </c>
      <c r="C25236" s="14" t="s">
        <v>96</v>
      </c>
      <c r="D25236" s="14" t="s">
        <v>165</v>
      </c>
      <c r="E25236" s="15">
        <v>45427</v>
      </c>
      <c r="F25236" s="14" t="s">
        <v>53</v>
      </c>
      <c r="G25236" s="16">
        <v>0</v>
      </c>
    </row>
    <row r="25237" spans="1:7" x14ac:dyDescent="0.3">
      <c r="A25237" s="13" t="s">
        <v>164</v>
      </c>
      <c r="B25237" s="14" t="s">
        <v>1</v>
      </c>
      <c r="C25237" s="14" t="s">
        <v>96</v>
      </c>
      <c r="D25237" s="14" t="s">
        <v>165</v>
      </c>
      <c r="E25237" s="15">
        <v>45428</v>
      </c>
      <c r="F25237" s="14" t="s">
        <v>53</v>
      </c>
      <c r="G25237" s="16">
        <v>0</v>
      </c>
    </row>
    <row r="25238" spans="1:7" x14ac:dyDescent="0.3">
      <c r="A25238" s="13" t="s">
        <v>164</v>
      </c>
      <c r="B25238" s="14" t="s">
        <v>1</v>
      </c>
      <c r="C25238" s="14" t="s">
        <v>96</v>
      </c>
      <c r="D25238" s="14" t="s">
        <v>165</v>
      </c>
      <c r="E25238" s="15">
        <v>45429</v>
      </c>
      <c r="F25238" s="14" t="s">
        <v>53</v>
      </c>
      <c r="G25238" s="16">
        <v>0</v>
      </c>
    </row>
    <row r="25239" spans="1:7" x14ac:dyDescent="0.3">
      <c r="A25239" s="13" t="s">
        <v>164</v>
      </c>
      <c r="B25239" s="14" t="s">
        <v>1</v>
      </c>
      <c r="C25239" s="14" t="s">
        <v>96</v>
      </c>
      <c r="D25239" s="14" t="s">
        <v>165</v>
      </c>
      <c r="E25239" s="15">
        <v>45430</v>
      </c>
      <c r="F25239" s="14" t="s">
        <v>53</v>
      </c>
      <c r="G25239" s="16">
        <v>0</v>
      </c>
    </row>
    <row r="25240" spans="1:7" x14ac:dyDescent="0.3">
      <c r="A25240" s="13" t="s">
        <v>164</v>
      </c>
      <c r="B25240" s="14" t="s">
        <v>1</v>
      </c>
      <c r="C25240" s="14" t="s">
        <v>96</v>
      </c>
      <c r="D25240" s="14" t="s">
        <v>165</v>
      </c>
      <c r="E25240" s="15">
        <v>45431</v>
      </c>
      <c r="F25240" s="14" t="s">
        <v>53</v>
      </c>
      <c r="G25240" s="16">
        <v>0</v>
      </c>
    </row>
    <row r="25241" spans="1:7" x14ac:dyDescent="0.3">
      <c r="A25241" s="13" t="s">
        <v>164</v>
      </c>
      <c r="B25241" s="14" t="s">
        <v>1</v>
      </c>
      <c r="C25241" s="14" t="s">
        <v>96</v>
      </c>
      <c r="D25241" s="14" t="s">
        <v>165</v>
      </c>
      <c r="E25241" s="15">
        <v>45432</v>
      </c>
      <c r="F25241" s="14" t="s">
        <v>53</v>
      </c>
      <c r="G25241" s="16">
        <v>0</v>
      </c>
    </row>
    <row r="25242" spans="1:7" x14ac:dyDescent="0.3">
      <c r="A25242" s="13" t="s">
        <v>164</v>
      </c>
      <c r="B25242" s="14" t="s">
        <v>1</v>
      </c>
      <c r="C25242" s="14" t="s">
        <v>96</v>
      </c>
      <c r="D25242" s="14" t="s">
        <v>165</v>
      </c>
      <c r="E25242" s="15">
        <v>45433</v>
      </c>
      <c r="F25242" s="14" t="s">
        <v>53</v>
      </c>
      <c r="G25242" s="16">
        <v>0</v>
      </c>
    </row>
    <row r="25243" spans="1:7" x14ac:dyDescent="0.3">
      <c r="A25243" s="13" t="s">
        <v>164</v>
      </c>
      <c r="B25243" s="14" t="s">
        <v>1</v>
      </c>
      <c r="C25243" s="14" t="s">
        <v>96</v>
      </c>
      <c r="D25243" s="14" t="s">
        <v>165</v>
      </c>
      <c r="E25243" s="15">
        <v>45434</v>
      </c>
      <c r="F25243" s="14" t="s">
        <v>53</v>
      </c>
      <c r="G25243" s="16">
        <v>0</v>
      </c>
    </row>
    <row r="25244" spans="1:7" x14ac:dyDescent="0.3">
      <c r="A25244" s="13" t="s">
        <v>164</v>
      </c>
      <c r="B25244" s="14" t="s">
        <v>1</v>
      </c>
      <c r="C25244" s="14" t="s">
        <v>96</v>
      </c>
      <c r="D25244" s="14" t="s">
        <v>165</v>
      </c>
      <c r="E25244" s="15">
        <v>45435</v>
      </c>
      <c r="F25244" s="14" t="s">
        <v>53</v>
      </c>
      <c r="G25244" s="16">
        <v>0</v>
      </c>
    </row>
    <row r="25245" spans="1:7" x14ac:dyDescent="0.3">
      <c r="A25245" s="13" t="s">
        <v>164</v>
      </c>
      <c r="B25245" s="14" t="s">
        <v>1</v>
      </c>
      <c r="C25245" s="14" t="s">
        <v>96</v>
      </c>
      <c r="D25245" s="14" t="s">
        <v>165</v>
      </c>
      <c r="E25245" s="15">
        <v>45436</v>
      </c>
      <c r="F25245" s="14" t="s">
        <v>53</v>
      </c>
      <c r="G25245" s="16">
        <v>0</v>
      </c>
    </row>
    <row r="25246" spans="1:7" x14ac:dyDescent="0.3">
      <c r="A25246" s="13" t="s">
        <v>164</v>
      </c>
      <c r="B25246" s="14" t="s">
        <v>1</v>
      </c>
      <c r="C25246" s="14" t="s">
        <v>96</v>
      </c>
      <c r="D25246" s="14" t="s">
        <v>165</v>
      </c>
      <c r="E25246" s="15">
        <v>45437</v>
      </c>
      <c r="F25246" s="14" t="s">
        <v>53</v>
      </c>
      <c r="G25246" s="16">
        <v>0</v>
      </c>
    </row>
    <row r="25247" spans="1:7" x14ac:dyDescent="0.3">
      <c r="A25247" s="13" t="s">
        <v>164</v>
      </c>
      <c r="B25247" s="14" t="s">
        <v>1</v>
      </c>
      <c r="C25247" s="14" t="s">
        <v>96</v>
      </c>
      <c r="D25247" s="14" t="s">
        <v>165</v>
      </c>
      <c r="E25247" s="15">
        <v>45438</v>
      </c>
      <c r="F25247" s="14" t="s">
        <v>53</v>
      </c>
      <c r="G25247" s="16">
        <v>0</v>
      </c>
    </row>
    <row r="25248" spans="1:7" x14ac:dyDescent="0.3">
      <c r="A25248" s="13" t="s">
        <v>164</v>
      </c>
      <c r="B25248" s="14" t="s">
        <v>1</v>
      </c>
      <c r="C25248" s="14" t="s">
        <v>96</v>
      </c>
      <c r="D25248" s="14" t="s">
        <v>165</v>
      </c>
      <c r="E25248" s="15">
        <v>45439</v>
      </c>
      <c r="F25248" s="14" t="s">
        <v>53</v>
      </c>
      <c r="G25248" s="16">
        <v>0</v>
      </c>
    </row>
    <row r="25249" spans="1:7" x14ac:dyDescent="0.3">
      <c r="A25249" s="13" t="s">
        <v>164</v>
      </c>
      <c r="B25249" s="14" t="s">
        <v>1</v>
      </c>
      <c r="C25249" s="14" t="s">
        <v>96</v>
      </c>
      <c r="D25249" s="14" t="s">
        <v>165</v>
      </c>
      <c r="E25249" s="15">
        <v>45440</v>
      </c>
      <c r="F25249" s="14" t="s">
        <v>53</v>
      </c>
      <c r="G25249" s="16">
        <v>0</v>
      </c>
    </row>
    <row r="25250" spans="1:7" x14ac:dyDescent="0.3">
      <c r="A25250" s="13" t="s">
        <v>164</v>
      </c>
      <c r="B25250" s="14" t="s">
        <v>1</v>
      </c>
      <c r="C25250" s="14" t="s">
        <v>96</v>
      </c>
      <c r="D25250" s="14" t="s">
        <v>165</v>
      </c>
      <c r="E25250" s="15">
        <v>45441</v>
      </c>
      <c r="F25250" s="14" t="s">
        <v>53</v>
      </c>
      <c r="G25250" s="16">
        <v>0</v>
      </c>
    </row>
    <row r="25251" spans="1:7" x14ac:dyDescent="0.3">
      <c r="A25251" s="13" t="s">
        <v>164</v>
      </c>
      <c r="B25251" s="14" t="s">
        <v>1</v>
      </c>
      <c r="C25251" s="14" t="s">
        <v>96</v>
      </c>
      <c r="D25251" s="14" t="s">
        <v>165</v>
      </c>
      <c r="E25251" s="15">
        <v>45442</v>
      </c>
      <c r="F25251" s="14" t="s">
        <v>53</v>
      </c>
      <c r="G25251" s="16">
        <v>0</v>
      </c>
    </row>
    <row r="25252" spans="1:7" x14ac:dyDescent="0.3">
      <c r="A25252" s="13" t="s">
        <v>164</v>
      </c>
      <c r="B25252" s="14" t="s">
        <v>1</v>
      </c>
      <c r="C25252" s="14" t="s">
        <v>96</v>
      </c>
      <c r="D25252" s="14" t="s">
        <v>165</v>
      </c>
      <c r="E25252" s="15">
        <v>45443</v>
      </c>
      <c r="F25252" s="14" t="s">
        <v>53</v>
      </c>
      <c r="G25252" s="16">
        <v>0</v>
      </c>
    </row>
    <row r="25253" spans="1:7" x14ac:dyDescent="0.3">
      <c r="A25253" s="13" t="s">
        <v>164</v>
      </c>
      <c r="B25253" s="14" t="s">
        <v>1</v>
      </c>
      <c r="C25253" s="14" t="s">
        <v>96</v>
      </c>
      <c r="D25253" s="14" t="s">
        <v>165</v>
      </c>
      <c r="E25253" s="15">
        <v>45444</v>
      </c>
      <c r="F25253" s="14" t="s">
        <v>53</v>
      </c>
      <c r="G25253" s="16">
        <v>0</v>
      </c>
    </row>
    <row r="25254" spans="1:7" x14ac:dyDescent="0.3">
      <c r="A25254" s="13" t="s">
        <v>164</v>
      </c>
      <c r="B25254" s="14" t="s">
        <v>1</v>
      </c>
      <c r="C25254" s="14" t="s">
        <v>96</v>
      </c>
      <c r="D25254" s="14" t="s">
        <v>165</v>
      </c>
      <c r="E25254" s="15">
        <v>45445</v>
      </c>
      <c r="F25254" s="14" t="s">
        <v>53</v>
      </c>
      <c r="G25254" s="16">
        <v>0</v>
      </c>
    </row>
    <row r="25255" spans="1:7" x14ac:dyDescent="0.3">
      <c r="A25255" s="13" t="s">
        <v>164</v>
      </c>
      <c r="B25255" s="14" t="s">
        <v>1</v>
      </c>
      <c r="C25255" s="14" t="s">
        <v>96</v>
      </c>
      <c r="D25255" s="14" t="s">
        <v>165</v>
      </c>
      <c r="E25255" s="15">
        <v>45446</v>
      </c>
      <c r="F25255" s="14" t="s">
        <v>53</v>
      </c>
      <c r="G25255" s="16">
        <v>0</v>
      </c>
    </row>
    <row r="25256" spans="1:7" x14ac:dyDescent="0.3">
      <c r="A25256" s="13" t="s">
        <v>164</v>
      </c>
      <c r="B25256" s="14" t="s">
        <v>1</v>
      </c>
      <c r="C25256" s="14" t="s">
        <v>96</v>
      </c>
      <c r="D25256" s="14" t="s">
        <v>165</v>
      </c>
      <c r="E25256" s="15">
        <v>45447</v>
      </c>
      <c r="F25256" s="14" t="s">
        <v>53</v>
      </c>
      <c r="G25256" s="16">
        <v>0</v>
      </c>
    </row>
    <row r="25257" spans="1:7" x14ac:dyDescent="0.3">
      <c r="A25257" s="13" t="s">
        <v>164</v>
      </c>
      <c r="B25257" s="14" t="s">
        <v>1</v>
      </c>
      <c r="C25257" s="14" t="s">
        <v>96</v>
      </c>
      <c r="D25257" s="14" t="s">
        <v>165</v>
      </c>
      <c r="E25257" s="15">
        <v>45448</v>
      </c>
      <c r="F25257" s="14" t="s">
        <v>53</v>
      </c>
      <c r="G25257" s="16">
        <v>0</v>
      </c>
    </row>
    <row r="25258" spans="1:7" x14ac:dyDescent="0.3">
      <c r="A25258" s="13" t="s">
        <v>164</v>
      </c>
      <c r="B25258" s="14" t="s">
        <v>1</v>
      </c>
      <c r="C25258" s="14" t="s">
        <v>96</v>
      </c>
      <c r="D25258" s="14" t="s">
        <v>165</v>
      </c>
      <c r="E25258" s="15">
        <v>45449</v>
      </c>
      <c r="F25258" s="14" t="s">
        <v>53</v>
      </c>
      <c r="G25258" s="16">
        <v>0</v>
      </c>
    </row>
    <row r="25259" spans="1:7" x14ac:dyDescent="0.3">
      <c r="A25259" s="13" t="s">
        <v>164</v>
      </c>
      <c r="B25259" s="14" t="s">
        <v>1</v>
      </c>
      <c r="C25259" s="14" t="s">
        <v>96</v>
      </c>
      <c r="D25259" s="14" t="s">
        <v>165</v>
      </c>
      <c r="E25259" s="15">
        <v>45450</v>
      </c>
      <c r="F25259" s="14" t="s">
        <v>53</v>
      </c>
      <c r="G25259" s="16">
        <v>0</v>
      </c>
    </row>
    <row r="25260" spans="1:7" x14ac:dyDescent="0.3">
      <c r="A25260" s="13" t="s">
        <v>164</v>
      </c>
      <c r="B25260" s="14" t="s">
        <v>1</v>
      </c>
      <c r="C25260" s="14" t="s">
        <v>96</v>
      </c>
      <c r="D25260" s="14" t="s">
        <v>165</v>
      </c>
      <c r="E25260" s="15">
        <v>45451</v>
      </c>
      <c r="F25260" s="14" t="s">
        <v>53</v>
      </c>
      <c r="G25260" s="16">
        <v>0</v>
      </c>
    </row>
    <row r="25261" spans="1:7" x14ac:dyDescent="0.3">
      <c r="A25261" s="13" t="s">
        <v>164</v>
      </c>
      <c r="B25261" s="14" t="s">
        <v>1</v>
      </c>
      <c r="C25261" s="14" t="s">
        <v>96</v>
      </c>
      <c r="D25261" s="14" t="s">
        <v>165</v>
      </c>
      <c r="E25261" s="15">
        <v>45452</v>
      </c>
      <c r="F25261" s="14" t="s">
        <v>53</v>
      </c>
      <c r="G25261" s="16">
        <v>0</v>
      </c>
    </row>
    <row r="25262" spans="1:7" x14ac:dyDescent="0.3">
      <c r="A25262" s="13" t="s">
        <v>164</v>
      </c>
      <c r="B25262" s="14" t="s">
        <v>1</v>
      </c>
      <c r="C25262" s="14" t="s">
        <v>96</v>
      </c>
      <c r="D25262" s="14" t="s">
        <v>165</v>
      </c>
      <c r="E25262" s="15">
        <v>45453</v>
      </c>
      <c r="F25262" s="14" t="s">
        <v>53</v>
      </c>
      <c r="G25262" s="16">
        <v>0</v>
      </c>
    </row>
    <row r="25263" spans="1:7" x14ac:dyDescent="0.3">
      <c r="A25263" s="13" t="s">
        <v>164</v>
      </c>
      <c r="B25263" s="14" t="s">
        <v>1</v>
      </c>
      <c r="C25263" s="14" t="s">
        <v>96</v>
      </c>
      <c r="D25263" s="14" t="s">
        <v>165</v>
      </c>
      <c r="E25263" s="15">
        <v>45454</v>
      </c>
      <c r="F25263" s="14" t="s">
        <v>53</v>
      </c>
      <c r="G25263" s="16">
        <v>0</v>
      </c>
    </row>
    <row r="25264" spans="1:7" x14ac:dyDescent="0.3">
      <c r="A25264" s="13" t="s">
        <v>164</v>
      </c>
      <c r="B25264" s="14" t="s">
        <v>1</v>
      </c>
      <c r="C25264" s="14" t="s">
        <v>96</v>
      </c>
      <c r="D25264" s="14" t="s">
        <v>165</v>
      </c>
      <c r="E25264" s="15">
        <v>45455</v>
      </c>
      <c r="F25264" s="14" t="s">
        <v>53</v>
      </c>
      <c r="G25264" s="16">
        <v>0</v>
      </c>
    </row>
    <row r="25265" spans="1:7" x14ac:dyDescent="0.3">
      <c r="A25265" s="13" t="s">
        <v>164</v>
      </c>
      <c r="B25265" s="14" t="s">
        <v>1</v>
      </c>
      <c r="C25265" s="14" t="s">
        <v>96</v>
      </c>
      <c r="D25265" s="14" t="s">
        <v>165</v>
      </c>
      <c r="E25265" s="15">
        <v>45456</v>
      </c>
      <c r="F25265" s="14" t="s">
        <v>53</v>
      </c>
      <c r="G25265" s="16">
        <v>0</v>
      </c>
    </row>
    <row r="25266" spans="1:7" x14ac:dyDescent="0.3">
      <c r="A25266" s="13" t="s">
        <v>164</v>
      </c>
      <c r="B25266" s="14" t="s">
        <v>1</v>
      </c>
      <c r="C25266" s="14" t="s">
        <v>96</v>
      </c>
      <c r="D25266" s="14" t="s">
        <v>165</v>
      </c>
      <c r="E25266" s="15">
        <v>45457</v>
      </c>
      <c r="F25266" s="14" t="s">
        <v>53</v>
      </c>
      <c r="G25266" s="16">
        <v>0</v>
      </c>
    </row>
    <row r="25267" spans="1:7" x14ac:dyDescent="0.3">
      <c r="A25267" s="13" t="s">
        <v>164</v>
      </c>
      <c r="B25267" s="14" t="s">
        <v>1</v>
      </c>
      <c r="C25267" s="14" t="s">
        <v>96</v>
      </c>
      <c r="D25267" s="14" t="s">
        <v>165</v>
      </c>
      <c r="E25267" s="15">
        <v>45458</v>
      </c>
      <c r="F25267" s="14" t="s">
        <v>53</v>
      </c>
      <c r="G25267" s="16">
        <v>0</v>
      </c>
    </row>
    <row r="25268" spans="1:7" x14ac:dyDescent="0.3">
      <c r="A25268" s="13" t="s">
        <v>164</v>
      </c>
      <c r="B25268" s="14" t="s">
        <v>1</v>
      </c>
      <c r="C25268" s="14" t="s">
        <v>96</v>
      </c>
      <c r="D25268" s="14" t="s">
        <v>165</v>
      </c>
      <c r="E25268" s="15">
        <v>45459</v>
      </c>
      <c r="F25268" s="14" t="s">
        <v>53</v>
      </c>
      <c r="G25268" s="16">
        <v>0</v>
      </c>
    </row>
    <row r="25269" spans="1:7" x14ac:dyDescent="0.3">
      <c r="A25269" s="13" t="s">
        <v>164</v>
      </c>
      <c r="B25269" s="14" t="s">
        <v>1</v>
      </c>
      <c r="C25269" s="14" t="s">
        <v>96</v>
      </c>
      <c r="D25269" s="14" t="s">
        <v>165</v>
      </c>
      <c r="E25269" s="15">
        <v>45460</v>
      </c>
      <c r="F25269" s="14" t="s">
        <v>53</v>
      </c>
      <c r="G25269" s="16">
        <v>0</v>
      </c>
    </row>
    <row r="25270" spans="1:7" x14ac:dyDescent="0.3">
      <c r="A25270" s="13" t="s">
        <v>164</v>
      </c>
      <c r="B25270" s="14" t="s">
        <v>1</v>
      </c>
      <c r="C25270" s="14" t="s">
        <v>96</v>
      </c>
      <c r="D25270" s="14" t="s">
        <v>165</v>
      </c>
      <c r="E25270" s="15">
        <v>45461</v>
      </c>
      <c r="F25270" s="14" t="s">
        <v>53</v>
      </c>
      <c r="G25270" s="16">
        <v>0</v>
      </c>
    </row>
    <row r="25271" spans="1:7" x14ac:dyDescent="0.3">
      <c r="A25271" s="13" t="s">
        <v>164</v>
      </c>
      <c r="B25271" s="14" t="s">
        <v>1</v>
      </c>
      <c r="C25271" s="14" t="s">
        <v>96</v>
      </c>
      <c r="D25271" s="14" t="s">
        <v>165</v>
      </c>
      <c r="E25271" s="15">
        <v>45462</v>
      </c>
      <c r="F25271" s="14" t="s">
        <v>53</v>
      </c>
      <c r="G25271" s="16">
        <v>0</v>
      </c>
    </row>
    <row r="25272" spans="1:7" x14ac:dyDescent="0.3">
      <c r="A25272" s="13" t="s">
        <v>164</v>
      </c>
      <c r="B25272" s="14" t="s">
        <v>1</v>
      </c>
      <c r="C25272" s="14" t="s">
        <v>96</v>
      </c>
      <c r="D25272" s="14" t="s">
        <v>165</v>
      </c>
      <c r="E25272" s="15">
        <v>45463</v>
      </c>
      <c r="F25272" s="14" t="s">
        <v>53</v>
      </c>
      <c r="G25272" s="16">
        <v>0</v>
      </c>
    </row>
    <row r="25273" spans="1:7" x14ac:dyDescent="0.3">
      <c r="A25273" s="13" t="s">
        <v>164</v>
      </c>
      <c r="B25273" s="14" t="s">
        <v>1</v>
      </c>
      <c r="C25273" s="14" t="s">
        <v>96</v>
      </c>
      <c r="D25273" s="14" t="s">
        <v>165</v>
      </c>
      <c r="E25273" s="15">
        <v>45464</v>
      </c>
      <c r="F25273" s="14" t="s">
        <v>53</v>
      </c>
      <c r="G25273" s="16">
        <v>0</v>
      </c>
    </row>
    <row r="25274" spans="1:7" x14ac:dyDescent="0.3">
      <c r="A25274" s="13" t="s">
        <v>164</v>
      </c>
      <c r="B25274" s="14" t="s">
        <v>1</v>
      </c>
      <c r="C25274" s="14" t="s">
        <v>96</v>
      </c>
      <c r="D25274" s="14" t="s">
        <v>165</v>
      </c>
      <c r="E25274" s="15">
        <v>45465</v>
      </c>
      <c r="F25274" s="14" t="s">
        <v>53</v>
      </c>
      <c r="G25274" s="16">
        <v>0</v>
      </c>
    </row>
    <row r="25275" spans="1:7" x14ac:dyDescent="0.3">
      <c r="A25275" s="13" t="s">
        <v>164</v>
      </c>
      <c r="B25275" s="14" t="s">
        <v>1</v>
      </c>
      <c r="C25275" s="14" t="s">
        <v>96</v>
      </c>
      <c r="D25275" s="14" t="s">
        <v>165</v>
      </c>
      <c r="E25275" s="15">
        <v>45466</v>
      </c>
      <c r="F25275" s="14" t="s">
        <v>53</v>
      </c>
      <c r="G25275" s="16">
        <v>0</v>
      </c>
    </row>
    <row r="25276" spans="1:7" x14ac:dyDescent="0.3">
      <c r="A25276" s="13" t="s">
        <v>164</v>
      </c>
      <c r="B25276" s="14" t="s">
        <v>1</v>
      </c>
      <c r="C25276" s="14" t="s">
        <v>96</v>
      </c>
      <c r="D25276" s="14" t="s">
        <v>165</v>
      </c>
      <c r="E25276" s="15">
        <v>45467</v>
      </c>
      <c r="F25276" s="14" t="s">
        <v>53</v>
      </c>
      <c r="G25276" s="16">
        <v>0</v>
      </c>
    </row>
    <row r="25277" spans="1:7" x14ac:dyDescent="0.3">
      <c r="A25277" s="13" t="s">
        <v>164</v>
      </c>
      <c r="B25277" s="14" t="s">
        <v>1</v>
      </c>
      <c r="C25277" s="14" t="s">
        <v>96</v>
      </c>
      <c r="D25277" s="14" t="s">
        <v>165</v>
      </c>
      <c r="E25277" s="15">
        <v>45468</v>
      </c>
      <c r="F25277" s="14" t="s">
        <v>53</v>
      </c>
      <c r="G25277" s="16">
        <v>0</v>
      </c>
    </row>
    <row r="25278" spans="1:7" x14ac:dyDescent="0.3">
      <c r="A25278" s="13" t="s">
        <v>164</v>
      </c>
      <c r="B25278" s="14" t="s">
        <v>1</v>
      </c>
      <c r="C25278" s="14" t="s">
        <v>96</v>
      </c>
      <c r="D25278" s="14" t="s">
        <v>165</v>
      </c>
      <c r="E25278" s="15">
        <v>45469</v>
      </c>
      <c r="F25278" s="14" t="s">
        <v>53</v>
      </c>
      <c r="G25278" s="16">
        <v>0</v>
      </c>
    </row>
    <row r="25279" spans="1:7" x14ac:dyDescent="0.3">
      <c r="A25279" s="13" t="s">
        <v>164</v>
      </c>
      <c r="B25279" s="14" t="s">
        <v>1</v>
      </c>
      <c r="C25279" s="14" t="s">
        <v>96</v>
      </c>
      <c r="D25279" s="14" t="s">
        <v>165</v>
      </c>
      <c r="E25279" s="15">
        <v>45470</v>
      </c>
      <c r="F25279" s="14" t="s">
        <v>53</v>
      </c>
      <c r="G25279" s="16">
        <v>0</v>
      </c>
    </row>
    <row r="25280" spans="1:7" x14ac:dyDescent="0.3">
      <c r="A25280" s="13" t="s">
        <v>164</v>
      </c>
      <c r="B25280" s="14" t="s">
        <v>1</v>
      </c>
      <c r="C25280" s="14" t="s">
        <v>96</v>
      </c>
      <c r="D25280" s="14" t="s">
        <v>165</v>
      </c>
      <c r="E25280" s="15">
        <v>45471</v>
      </c>
      <c r="F25280" s="14" t="s">
        <v>53</v>
      </c>
      <c r="G25280" s="16">
        <v>0</v>
      </c>
    </row>
    <row r="25281" spans="1:7" x14ac:dyDescent="0.3">
      <c r="A25281" s="13" t="s">
        <v>164</v>
      </c>
      <c r="B25281" s="14" t="s">
        <v>1</v>
      </c>
      <c r="C25281" s="14" t="s">
        <v>96</v>
      </c>
      <c r="D25281" s="14" t="s">
        <v>165</v>
      </c>
      <c r="E25281" s="15">
        <v>45472</v>
      </c>
      <c r="F25281" s="14" t="s">
        <v>53</v>
      </c>
      <c r="G25281" s="16">
        <v>0</v>
      </c>
    </row>
    <row r="25282" spans="1:7" x14ac:dyDescent="0.3">
      <c r="A25282" s="13" t="s">
        <v>164</v>
      </c>
      <c r="B25282" s="14" t="s">
        <v>1</v>
      </c>
      <c r="C25282" s="14" t="s">
        <v>96</v>
      </c>
      <c r="D25282" s="14" t="s">
        <v>165</v>
      </c>
      <c r="E25282" s="15">
        <v>45473</v>
      </c>
      <c r="F25282" s="14" t="s">
        <v>53</v>
      </c>
      <c r="G25282" s="16">
        <v>0</v>
      </c>
    </row>
    <row r="25283" spans="1:7" x14ac:dyDescent="0.3">
      <c r="A25283" s="13" t="s">
        <v>164</v>
      </c>
      <c r="B25283" s="14" t="s">
        <v>1</v>
      </c>
      <c r="C25283" s="14" t="s">
        <v>96</v>
      </c>
      <c r="D25283" s="14" t="s">
        <v>165</v>
      </c>
      <c r="E25283" s="15">
        <v>45474</v>
      </c>
      <c r="F25283" s="14" t="s">
        <v>53</v>
      </c>
      <c r="G25283" s="16">
        <v>0</v>
      </c>
    </row>
    <row r="25284" spans="1:7" x14ac:dyDescent="0.3">
      <c r="A25284" s="13" t="s">
        <v>164</v>
      </c>
      <c r="B25284" s="14" t="s">
        <v>1</v>
      </c>
      <c r="C25284" s="14" t="s">
        <v>96</v>
      </c>
      <c r="D25284" s="14" t="s">
        <v>165</v>
      </c>
      <c r="E25284" s="15">
        <v>45475</v>
      </c>
      <c r="F25284" s="14" t="s">
        <v>53</v>
      </c>
      <c r="G25284" s="16">
        <v>0</v>
      </c>
    </row>
    <row r="25285" spans="1:7" x14ac:dyDescent="0.3">
      <c r="A25285" s="13" t="s">
        <v>164</v>
      </c>
      <c r="B25285" s="14" t="s">
        <v>1</v>
      </c>
      <c r="C25285" s="14" t="s">
        <v>96</v>
      </c>
      <c r="D25285" s="14" t="s">
        <v>165</v>
      </c>
      <c r="E25285" s="15">
        <v>45476</v>
      </c>
      <c r="F25285" s="14" t="s">
        <v>53</v>
      </c>
      <c r="G25285" s="16">
        <v>0</v>
      </c>
    </row>
    <row r="25286" spans="1:7" x14ac:dyDescent="0.3">
      <c r="A25286" s="13" t="s">
        <v>164</v>
      </c>
      <c r="B25286" s="14" t="s">
        <v>1</v>
      </c>
      <c r="C25286" s="14" t="s">
        <v>96</v>
      </c>
      <c r="D25286" s="14" t="s">
        <v>165</v>
      </c>
      <c r="E25286" s="15">
        <v>45477</v>
      </c>
      <c r="F25286" s="14" t="s">
        <v>53</v>
      </c>
      <c r="G25286" s="16">
        <v>0</v>
      </c>
    </row>
    <row r="25287" spans="1:7" x14ac:dyDescent="0.3">
      <c r="A25287" s="13" t="s">
        <v>164</v>
      </c>
      <c r="B25287" s="14" t="s">
        <v>1</v>
      </c>
      <c r="C25287" s="14" t="s">
        <v>96</v>
      </c>
      <c r="D25287" s="14" t="s">
        <v>165</v>
      </c>
      <c r="E25287" s="15">
        <v>45478</v>
      </c>
      <c r="F25287" s="14" t="s">
        <v>53</v>
      </c>
      <c r="G25287" s="16">
        <v>0</v>
      </c>
    </row>
    <row r="25288" spans="1:7" x14ac:dyDescent="0.3">
      <c r="A25288" s="13" t="s">
        <v>164</v>
      </c>
      <c r="B25288" s="14" t="s">
        <v>1</v>
      </c>
      <c r="C25288" s="14" t="s">
        <v>96</v>
      </c>
      <c r="D25288" s="14" t="s">
        <v>165</v>
      </c>
      <c r="E25288" s="15">
        <v>45479</v>
      </c>
      <c r="F25288" s="14" t="s">
        <v>53</v>
      </c>
      <c r="G25288" s="16">
        <v>0</v>
      </c>
    </row>
    <row r="25289" spans="1:7" x14ac:dyDescent="0.3">
      <c r="A25289" s="13" t="s">
        <v>164</v>
      </c>
      <c r="B25289" s="14" t="s">
        <v>1</v>
      </c>
      <c r="C25289" s="14" t="s">
        <v>96</v>
      </c>
      <c r="D25289" s="14" t="s">
        <v>165</v>
      </c>
      <c r="E25289" s="15">
        <v>45480</v>
      </c>
      <c r="F25289" s="14" t="s">
        <v>53</v>
      </c>
      <c r="G25289" s="16">
        <v>0</v>
      </c>
    </row>
    <row r="25290" spans="1:7" x14ac:dyDescent="0.3">
      <c r="A25290" s="13" t="s">
        <v>164</v>
      </c>
      <c r="B25290" s="14" t="s">
        <v>1</v>
      </c>
      <c r="C25290" s="14" t="s">
        <v>96</v>
      </c>
      <c r="D25290" s="14" t="s">
        <v>165</v>
      </c>
      <c r="E25290" s="15">
        <v>45481</v>
      </c>
      <c r="F25290" s="14" t="s">
        <v>53</v>
      </c>
      <c r="G25290" s="16">
        <v>0</v>
      </c>
    </row>
    <row r="25291" spans="1:7" x14ac:dyDescent="0.3">
      <c r="A25291" s="13" t="s">
        <v>164</v>
      </c>
      <c r="B25291" s="14" t="s">
        <v>1</v>
      </c>
      <c r="C25291" s="14" t="s">
        <v>96</v>
      </c>
      <c r="D25291" s="14" t="s">
        <v>165</v>
      </c>
      <c r="E25291" s="15">
        <v>45482</v>
      </c>
      <c r="F25291" s="14" t="s">
        <v>53</v>
      </c>
      <c r="G25291" s="16">
        <v>0</v>
      </c>
    </row>
    <row r="25292" spans="1:7" x14ac:dyDescent="0.3">
      <c r="A25292" s="13" t="s">
        <v>164</v>
      </c>
      <c r="B25292" s="14" t="s">
        <v>1</v>
      </c>
      <c r="C25292" s="14" t="s">
        <v>96</v>
      </c>
      <c r="D25292" s="14" t="s">
        <v>165</v>
      </c>
      <c r="E25292" s="15">
        <v>45483</v>
      </c>
      <c r="F25292" s="14" t="s">
        <v>53</v>
      </c>
      <c r="G25292" s="16">
        <v>0</v>
      </c>
    </row>
    <row r="25293" spans="1:7" x14ac:dyDescent="0.3">
      <c r="A25293" s="13" t="s">
        <v>164</v>
      </c>
      <c r="B25293" s="14" t="s">
        <v>1</v>
      </c>
      <c r="C25293" s="14" t="s">
        <v>96</v>
      </c>
      <c r="D25293" s="14" t="s">
        <v>165</v>
      </c>
      <c r="E25293" s="15">
        <v>45484</v>
      </c>
      <c r="F25293" s="14" t="s">
        <v>53</v>
      </c>
      <c r="G25293" s="16">
        <v>0</v>
      </c>
    </row>
    <row r="25294" spans="1:7" x14ac:dyDescent="0.3">
      <c r="A25294" s="13" t="s">
        <v>164</v>
      </c>
      <c r="B25294" s="14" t="s">
        <v>1</v>
      </c>
      <c r="C25294" s="14" t="s">
        <v>96</v>
      </c>
      <c r="D25294" s="14" t="s">
        <v>165</v>
      </c>
      <c r="E25294" s="15">
        <v>45485</v>
      </c>
      <c r="F25294" s="14" t="s">
        <v>53</v>
      </c>
      <c r="G25294" s="16">
        <v>0</v>
      </c>
    </row>
    <row r="25295" spans="1:7" x14ac:dyDescent="0.3">
      <c r="A25295" s="13" t="s">
        <v>164</v>
      </c>
      <c r="B25295" s="14" t="s">
        <v>1</v>
      </c>
      <c r="C25295" s="14" t="s">
        <v>96</v>
      </c>
      <c r="D25295" s="14" t="s">
        <v>165</v>
      </c>
      <c r="E25295" s="15">
        <v>45486</v>
      </c>
      <c r="F25295" s="14" t="s">
        <v>53</v>
      </c>
      <c r="G25295" s="16">
        <v>0</v>
      </c>
    </row>
    <row r="25296" spans="1:7" x14ac:dyDescent="0.3">
      <c r="A25296" s="13" t="s">
        <v>164</v>
      </c>
      <c r="B25296" s="14" t="s">
        <v>1</v>
      </c>
      <c r="C25296" s="14" t="s">
        <v>96</v>
      </c>
      <c r="D25296" s="14" t="s">
        <v>165</v>
      </c>
      <c r="E25296" s="15">
        <v>45487</v>
      </c>
      <c r="F25296" s="14" t="s">
        <v>53</v>
      </c>
      <c r="G25296" s="16">
        <v>0</v>
      </c>
    </row>
    <row r="25297" spans="1:7" x14ac:dyDescent="0.3">
      <c r="A25297" s="13" t="s">
        <v>164</v>
      </c>
      <c r="B25297" s="14" t="s">
        <v>1</v>
      </c>
      <c r="C25297" s="14" t="s">
        <v>96</v>
      </c>
      <c r="D25297" s="14" t="s">
        <v>165</v>
      </c>
      <c r="E25297" s="15">
        <v>45488</v>
      </c>
      <c r="F25297" s="14" t="s">
        <v>53</v>
      </c>
      <c r="G25297" s="16">
        <v>0</v>
      </c>
    </row>
    <row r="25298" spans="1:7" x14ac:dyDescent="0.3">
      <c r="A25298" s="13" t="s">
        <v>164</v>
      </c>
      <c r="B25298" s="14" t="s">
        <v>1</v>
      </c>
      <c r="C25298" s="14" t="s">
        <v>96</v>
      </c>
      <c r="D25298" s="14" t="s">
        <v>165</v>
      </c>
      <c r="E25298" s="15">
        <v>45489</v>
      </c>
      <c r="F25298" s="14" t="s">
        <v>53</v>
      </c>
      <c r="G25298" s="16">
        <v>0</v>
      </c>
    </row>
    <row r="25299" spans="1:7" x14ac:dyDescent="0.3">
      <c r="A25299" s="13" t="s">
        <v>164</v>
      </c>
      <c r="B25299" s="14" t="s">
        <v>1</v>
      </c>
      <c r="C25299" s="14" t="s">
        <v>96</v>
      </c>
      <c r="D25299" s="14" t="s">
        <v>165</v>
      </c>
      <c r="E25299" s="15">
        <v>45490</v>
      </c>
      <c r="F25299" s="14" t="s">
        <v>53</v>
      </c>
      <c r="G25299" s="16">
        <v>0</v>
      </c>
    </row>
    <row r="25300" spans="1:7" x14ac:dyDescent="0.3">
      <c r="A25300" s="13" t="s">
        <v>164</v>
      </c>
      <c r="B25300" s="14" t="s">
        <v>1</v>
      </c>
      <c r="C25300" s="14" t="s">
        <v>96</v>
      </c>
      <c r="D25300" s="14" t="s">
        <v>165</v>
      </c>
      <c r="E25300" s="15">
        <v>45491</v>
      </c>
      <c r="F25300" s="14" t="s">
        <v>53</v>
      </c>
      <c r="G25300" s="16">
        <v>0</v>
      </c>
    </row>
    <row r="25301" spans="1:7" x14ac:dyDescent="0.3">
      <c r="A25301" s="13" t="s">
        <v>164</v>
      </c>
      <c r="B25301" s="14" t="s">
        <v>1</v>
      </c>
      <c r="C25301" s="14" t="s">
        <v>96</v>
      </c>
      <c r="D25301" s="14" t="s">
        <v>165</v>
      </c>
      <c r="E25301" s="15">
        <v>45492</v>
      </c>
      <c r="F25301" s="14" t="s">
        <v>53</v>
      </c>
      <c r="G25301" s="16">
        <v>0</v>
      </c>
    </row>
    <row r="25302" spans="1:7" x14ac:dyDescent="0.3">
      <c r="A25302" s="13" t="s">
        <v>164</v>
      </c>
      <c r="B25302" s="14" t="s">
        <v>1</v>
      </c>
      <c r="C25302" s="14" t="s">
        <v>96</v>
      </c>
      <c r="D25302" s="14" t="s">
        <v>165</v>
      </c>
      <c r="E25302" s="15">
        <v>45493</v>
      </c>
      <c r="F25302" s="14" t="s">
        <v>53</v>
      </c>
      <c r="G25302" s="16">
        <v>0</v>
      </c>
    </row>
    <row r="25303" spans="1:7" x14ac:dyDescent="0.3">
      <c r="A25303" s="13" t="s">
        <v>164</v>
      </c>
      <c r="B25303" s="14" t="s">
        <v>1</v>
      </c>
      <c r="C25303" s="14" t="s">
        <v>96</v>
      </c>
      <c r="D25303" s="14" t="s">
        <v>165</v>
      </c>
      <c r="E25303" s="15">
        <v>45494</v>
      </c>
      <c r="F25303" s="14" t="s">
        <v>53</v>
      </c>
      <c r="G25303" s="16">
        <v>0</v>
      </c>
    </row>
    <row r="25304" spans="1:7" x14ac:dyDescent="0.3">
      <c r="A25304" s="13" t="s">
        <v>164</v>
      </c>
      <c r="B25304" s="14" t="s">
        <v>1</v>
      </c>
      <c r="C25304" s="14" t="s">
        <v>96</v>
      </c>
      <c r="D25304" s="14" t="s">
        <v>165</v>
      </c>
      <c r="E25304" s="15">
        <v>45495</v>
      </c>
      <c r="F25304" s="14" t="s">
        <v>53</v>
      </c>
      <c r="G25304" s="16">
        <v>0</v>
      </c>
    </row>
    <row r="25305" spans="1:7" x14ac:dyDescent="0.3">
      <c r="A25305" s="13" t="s">
        <v>164</v>
      </c>
      <c r="B25305" s="14" t="s">
        <v>1</v>
      </c>
      <c r="C25305" s="14" t="s">
        <v>96</v>
      </c>
      <c r="D25305" s="14" t="s">
        <v>165</v>
      </c>
      <c r="E25305" s="15">
        <v>45496</v>
      </c>
      <c r="F25305" s="14" t="s">
        <v>53</v>
      </c>
      <c r="G25305" s="16">
        <v>0</v>
      </c>
    </row>
    <row r="25306" spans="1:7" x14ac:dyDescent="0.3">
      <c r="A25306" s="13" t="s">
        <v>164</v>
      </c>
      <c r="B25306" s="14" t="s">
        <v>1</v>
      </c>
      <c r="C25306" s="14" t="s">
        <v>96</v>
      </c>
      <c r="D25306" s="14" t="s">
        <v>165</v>
      </c>
      <c r="E25306" s="15">
        <v>45497</v>
      </c>
      <c r="F25306" s="14" t="s">
        <v>53</v>
      </c>
      <c r="G25306" s="16">
        <v>0</v>
      </c>
    </row>
    <row r="25307" spans="1:7" x14ac:dyDescent="0.3">
      <c r="A25307" s="13" t="s">
        <v>164</v>
      </c>
      <c r="B25307" s="14" t="s">
        <v>1</v>
      </c>
      <c r="C25307" s="14" t="s">
        <v>96</v>
      </c>
      <c r="D25307" s="14" t="s">
        <v>165</v>
      </c>
      <c r="E25307" s="15">
        <v>45498</v>
      </c>
      <c r="F25307" s="14" t="s">
        <v>53</v>
      </c>
      <c r="G25307" s="16">
        <v>0</v>
      </c>
    </row>
    <row r="25308" spans="1:7" x14ac:dyDescent="0.3">
      <c r="A25308" s="13" t="s">
        <v>164</v>
      </c>
      <c r="B25308" s="14" t="s">
        <v>1</v>
      </c>
      <c r="C25308" s="14" t="s">
        <v>96</v>
      </c>
      <c r="D25308" s="14" t="s">
        <v>165</v>
      </c>
      <c r="E25308" s="15">
        <v>45499</v>
      </c>
      <c r="F25308" s="14" t="s">
        <v>53</v>
      </c>
      <c r="G25308" s="16">
        <v>0</v>
      </c>
    </row>
    <row r="25309" spans="1:7" x14ac:dyDescent="0.3">
      <c r="A25309" s="13" t="s">
        <v>164</v>
      </c>
      <c r="B25309" s="14" t="s">
        <v>1</v>
      </c>
      <c r="C25309" s="14" t="s">
        <v>96</v>
      </c>
      <c r="D25309" s="14" t="s">
        <v>165</v>
      </c>
      <c r="E25309" s="15">
        <v>45500</v>
      </c>
      <c r="F25309" s="14" t="s">
        <v>53</v>
      </c>
      <c r="G25309" s="16">
        <v>0</v>
      </c>
    </row>
    <row r="25310" spans="1:7" x14ac:dyDescent="0.3">
      <c r="A25310" s="13" t="s">
        <v>164</v>
      </c>
      <c r="B25310" s="14" t="s">
        <v>1</v>
      </c>
      <c r="C25310" s="14" t="s">
        <v>96</v>
      </c>
      <c r="D25310" s="14" t="s">
        <v>165</v>
      </c>
      <c r="E25310" s="15">
        <v>45501</v>
      </c>
      <c r="F25310" s="14" t="s">
        <v>53</v>
      </c>
      <c r="G25310" s="16">
        <v>0</v>
      </c>
    </row>
    <row r="25311" spans="1:7" x14ac:dyDescent="0.3">
      <c r="A25311" s="13" t="s">
        <v>164</v>
      </c>
      <c r="B25311" s="14" t="s">
        <v>1</v>
      </c>
      <c r="C25311" s="14" t="s">
        <v>96</v>
      </c>
      <c r="D25311" s="14" t="s">
        <v>165</v>
      </c>
      <c r="E25311" s="15">
        <v>45502</v>
      </c>
      <c r="F25311" s="14" t="s">
        <v>53</v>
      </c>
      <c r="G25311" s="16">
        <v>0</v>
      </c>
    </row>
    <row r="25312" spans="1:7" x14ac:dyDescent="0.3">
      <c r="A25312" s="13" t="s">
        <v>164</v>
      </c>
      <c r="B25312" s="14" t="s">
        <v>1</v>
      </c>
      <c r="C25312" s="14" t="s">
        <v>96</v>
      </c>
      <c r="D25312" s="14" t="s">
        <v>165</v>
      </c>
      <c r="E25312" s="15">
        <v>45503</v>
      </c>
      <c r="F25312" s="14" t="s">
        <v>53</v>
      </c>
      <c r="G25312" s="16">
        <v>0</v>
      </c>
    </row>
    <row r="25313" spans="1:7" x14ac:dyDescent="0.3">
      <c r="A25313" s="13" t="s">
        <v>164</v>
      </c>
      <c r="B25313" s="14" t="s">
        <v>1</v>
      </c>
      <c r="C25313" s="14" t="s">
        <v>96</v>
      </c>
      <c r="D25313" s="14" t="s">
        <v>165</v>
      </c>
      <c r="E25313" s="15">
        <v>45504</v>
      </c>
      <c r="F25313" s="14" t="s">
        <v>53</v>
      </c>
      <c r="G25313" s="16">
        <v>0</v>
      </c>
    </row>
    <row r="25314" spans="1:7" x14ac:dyDescent="0.3">
      <c r="A25314" s="13" t="s">
        <v>164</v>
      </c>
      <c r="B25314" s="14" t="s">
        <v>1</v>
      </c>
      <c r="C25314" s="14" t="s">
        <v>96</v>
      </c>
      <c r="D25314" s="14" t="s">
        <v>165</v>
      </c>
      <c r="E25314" s="15">
        <v>45505</v>
      </c>
      <c r="F25314" s="14" t="s">
        <v>53</v>
      </c>
      <c r="G25314" s="16">
        <v>0</v>
      </c>
    </row>
    <row r="25315" spans="1:7" x14ac:dyDescent="0.3">
      <c r="A25315" s="13" t="s">
        <v>164</v>
      </c>
      <c r="B25315" s="14" t="s">
        <v>1</v>
      </c>
      <c r="C25315" s="14" t="s">
        <v>96</v>
      </c>
      <c r="D25315" s="14" t="s">
        <v>165</v>
      </c>
      <c r="E25315" s="15">
        <v>45506</v>
      </c>
      <c r="F25315" s="14" t="s">
        <v>53</v>
      </c>
      <c r="G25315" s="16">
        <v>0</v>
      </c>
    </row>
    <row r="25316" spans="1:7" x14ac:dyDescent="0.3">
      <c r="A25316" s="13" t="s">
        <v>164</v>
      </c>
      <c r="B25316" s="14" t="s">
        <v>1</v>
      </c>
      <c r="C25316" s="14" t="s">
        <v>96</v>
      </c>
      <c r="D25316" s="14" t="s">
        <v>165</v>
      </c>
      <c r="E25316" s="15">
        <v>45507</v>
      </c>
      <c r="F25316" s="14" t="s">
        <v>53</v>
      </c>
      <c r="G25316" s="16">
        <v>0</v>
      </c>
    </row>
    <row r="25317" spans="1:7" x14ac:dyDescent="0.3">
      <c r="A25317" s="13" t="s">
        <v>164</v>
      </c>
      <c r="B25317" s="14" t="s">
        <v>1</v>
      </c>
      <c r="C25317" s="14" t="s">
        <v>96</v>
      </c>
      <c r="D25317" s="14" t="s">
        <v>165</v>
      </c>
      <c r="E25317" s="15">
        <v>45508</v>
      </c>
      <c r="F25317" s="14" t="s">
        <v>53</v>
      </c>
      <c r="G25317" s="16">
        <v>0</v>
      </c>
    </row>
    <row r="25318" spans="1:7" x14ac:dyDescent="0.3">
      <c r="A25318" s="13" t="s">
        <v>164</v>
      </c>
      <c r="B25318" s="14" t="s">
        <v>1</v>
      </c>
      <c r="C25318" s="14" t="s">
        <v>96</v>
      </c>
      <c r="D25318" s="14" t="s">
        <v>165</v>
      </c>
      <c r="E25318" s="15">
        <v>45509</v>
      </c>
      <c r="F25318" s="14" t="s">
        <v>53</v>
      </c>
      <c r="G25318" s="16">
        <v>0</v>
      </c>
    </row>
    <row r="25319" spans="1:7" x14ac:dyDescent="0.3">
      <c r="A25319" s="13" t="s">
        <v>164</v>
      </c>
      <c r="B25319" s="14" t="s">
        <v>1</v>
      </c>
      <c r="C25319" s="14" t="s">
        <v>96</v>
      </c>
      <c r="D25319" s="14" t="s">
        <v>165</v>
      </c>
      <c r="E25319" s="15">
        <v>45510</v>
      </c>
      <c r="F25319" s="14" t="s">
        <v>53</v>
      </c>
      <c r="G25319" s="16">
        <v>0</v>
      </c>
    </row>
    <row r="25320" spans="1:7" x14ac:dyDescent="0.3">
      <c r="A25320" s="13" t="s">
        <v>164</v>
      </c>
      <c r="B25320" s="14" t="s">
        <v>1</v>
      </c>
      <c r="C25320" s="14" t="s">
        <v>96</v>
      </c>
      <c r="D25320" s="14" t="s">
        <v>165</v>
      </c>
      <c r="E25320" s="15">
        <v>45511</v>
      </c>
      <c r="F25320" s="14" t="s">
        <v>53</v>
      </c>
      <c r="G25320" s="16">
        <v>0</v>
      </c>
    </row>
    <row r="25321" spans="1:7" x14ac:dyDescent="0.3">
      <c r="A25321" s="13" t="s">
        <v>164</v>
      </c>
      <c r="B25321" s="14" t="s">
        <v>1</v>
      </c>
      <c r="C25321" s="14" t="s">
        <v>96</v>
      </c>
      <c r="D25321" s="14" t="s">
        <v>165</v>
      </c>
      <c r="E25321" s="15">
        <v>45512</v>
      </c>
      <c r="F25321" s="14" t="s">
        <v>53</v>
      </c>
      <c r="G25321" s="16">
        <v>0</v>
      </c>
    </row>
    <row r="25322" spans="1:7" x14ac:dyDescent="0.3">
      <c r="A25322" s="13" t="s">
        <v>164</v>
      </c>
      <c r="B25322" s="14" t="s">
        <v>1</v>
      </c>
      <c r="C25322" s="14" t="s">
        <v>96</v>
      </c>
      <c r="D25322" s="14" t="s">
        <v>165</v>
      </c>
      <c r="E25322" s="15">
        <v>45513</v>
      </c>
      <c r="F25322" s="14" t="s">
        <v>53</v>
      </c>
      <c r="G25322" s="16">
        <v>0</v>
      </c>
    </row>
    <row r="25323" spans="1:7" x14ac:dyDescent="0.3">
      <c r="A25323" s="13" t="s">
        <v>164</v>
      </c>
      <c r="B25323" s="14" t="s">
        <v>1</v>
      </c>
      <c r="C25323" s="14" t="s">
        <v>96</v>
      </c>
      <c r="D25323" s="14" t="s">
        <v>165</v>
      </c>
      <c r="E25323" s="15">
        <v>45514</v>
      </c>
      <c r="F25323" s="14" t="s">
        <v>53</v>
      </c>
      <c r="G25323" s="16">
        <v>0</v>
      </c>
    </row>
    <row r="25324" spans="1:7" x14ac:dyDescent="0.3">
      <c r="A25324" s="13" t="s">
        <v>164</v>
      </c>
      <c r="B25324" s="14" t="s">
        <v>1</v>
      </c>
      <c r="C25324" s="14" t="s">
        <v>96</v>
      </c>
      <c r="D25324" s="14" t="s">
        <v>165</v>
      </c>
      <c r="E25324" s="15">
        <v>45515</v>
      </c>
      <c r="F25324" s="14" t="s">
        <v>53</v>
      </c>
      <c r="G25324" s="16">
        <v>0</v>
      </c>
    </row>
    <row r="25325" spans="1:7" x14ac:dyDescent="0.3">
      <c r="A25325" s="13" t="s">
        <v>164</v>
      </c>
      <c r="B25325" s="14" t="s">
        <v>1</v>
      </c>
      <c r="C25325" s="14" t="s">
        <v>96</v>
      </c>
      <c r="D25325" s="14" t="s">
        <v>165</v>
      </c>
      <c r="E25325" s="15">
        <v>45516</v>
      </c>
      <c r="F25325" s="14" t="s">
        <v>53</v>
      </c>
      <c r="G25325" s="16">
        <v>0</v>
      </c>
    </row>
    <row r="25326" spans="1:7" x14ac:dyDescent="0.3">
      <c r="A25326" s="13" t="s">
        <v>164</v>
      </c>
      <c r="B25326" s="14" t="s">
        <v>1</v>
      </c>
      <c r="C25326" s="14" t="s">
        <v>96</v>
      </c>
      <c r="D25326" s="14" t="s">
        <v>165</v>
      </c>
      <c r="E25326" s="15">
        <v>45517</v>
      </c>
      <c r="F25326" s="14" t="s">
        <v>53</v>
      </c>
      <c r="G25326" s="16">
        <v>0</v>
      </c>
    </row>
    <row r="25327" spans="1:7" x14ac:dyDescent="0.3">
      <c r="A25327" s="13" t="s">
        <v>164</v>
      </c>
      <c r="B25327" s="14" t="s">
        <v>1</v>
      </c>
      <c r="C25327" s="14" t="s">
        <v>96</v>
      </c>
      <c r="D25327" s="14" t="s">
        <v>165</v>
      </c>
      <c r="E25327" s="15">
        <v>45518</v>
      </c>
      <c r="F25327" s="14" t="s">
        <v>53</v>
      </c>
      <c r="G25327" s="16">
        <v>0</v>
      </c>
    </row>
    <row r="25328" spans="1:7" x14ac:dyDescent="0.3">
      <c r="A25328" s="13" t="s">
        <v>164</v>
      </c>
      <c r="B25328" s="14" t="s">
        <v>1</v>
      </c>
      <c r="C25328" s="14" t="s">
        <v>96</v>
      </c>
      <c r="D25328" s="14" t="s">
        <v>165</v>
      </c>
      <c r="E25328" s="15">
        <v>45519</v>
      </c>
      <c r="F25328" s="14" t="s">
        <v>53</v>
      </c>
      <c r="G25328" s="16">
        <v>0</v>
      </c>
    </row>
    <row r="25329" spans="1:7" x14ac:dyDescent="0.3">
      <c r="A25329" s="13" t="s">
        <v>164</v>
      </c>
      <c r="B25329" s="14" t="s">
        <v>1</v>
      </c>
      <c r="C25329" s="14" t="s">
        <v>96</v>
      </c>
      <c r="D25329" s="14" t="s">
        <v>165</v>
      </c>
      <c r="E25329" s="15">
        <v>45520</v>
      </c>
      <c r="F25329" s="14" t="s">
        <v>53</v>
      </c>
      <c r="G25329" s="16">
        <v>0</v>
      </c>
    </row>
    <row r="25330" spans="1:7" x14ac:dyDescent="0.3">
      <c r="A25330" s="13" t="s">
        <v>164</v>
      </c>
      <c r="B25330" s="14" t="s">
        <v>1</v>
      </c>
      <c r="C25330" s="14" t="s">
        <v>96</v>
      </c>
      <c r="D25330" s="14" t="s">
        <v>165</v>
      </c>
      <c r="E25330" s="15">
        <v>45521</v>
      </c>
      <c r="F25330" s="14" t="s">
        <v>53</v>
      </c>
      <c r="G25330" s="16">
        <v>0</v>
      </c>
    </row>
    <row r="25331" spans="1:7" x14ac:dyDescent="0.3">
      <c r="A25331" s="13" t="s">
        <v>164</v>
      </c>
      <c r="B25331" s="14" t="s">
        <v>1</v>
      </c>
      <c r="C25331" s="14" t="s">
        <v>96</v>
      </c>
      <c r="D25331" s="14" t="s">
        <v>165</v>
      </c>
      <c r="E25331" s="15">
        <v>45522</v>
      </c>
      <c r="F25331" s="14" t="s">
        <v>53</v>
      </c>
      <c r="G25331" s="16">
        <v>0</v>
      </c>
    </row>
    <row r="25332" spans="1:7" x14ac:dyDescent="0.3">
      <c r="A25332" s="13" t="s">
        <v>164</v>
      </c>
      <c r="B25332" s="14" t="s">
        <v>1</v>
      </c>
      <c r="C25332" s="14" t="s">
        <v>96</v>
      </c>
      <c r="D25332" s="14" t="s">
        <v>165</v>
      </c>
      <c r="E25332" s="15">
        <v>45523</v>
      </c>
      <c r="F25332" s="14" t="s">
        <v>53</v>
      </c>
      <c r="G25332" s="16">
        <v>0</v>
      </c>
    </row>
    <row r="25333" spans="1:7" x14ac:dyDescent="0.3">
      <c r="A25333" s="13" t="s">
        <v>164</v>
      </c>
      <c r="B25333" s="14" t="s">
        <v>1</v>
      </c>
      <c r="C25333" s="14" t="s">
        <v>96</v>
      </c>
      <c r="D25333" s="14" t="s">
        <v>165</v>
      </c>
      <c r="E25333" s="15">
        <v>45524</v>
      </c>
      <c r="F25333" s="14" t="s">
        <v>53</v>
      </c>
      <c r="G25333" s="16">
        <v>0</v>
      </c>
    </row>
    <row r="25334" spans="1:7" x14ac:dyDescent="0.3">
      <c r="A25334" s="13" t="s">
        <v>164</v>
      </c>
      <c r="B25334" s="14" t="s">
        <v>1</v>
      </c>
      <c r="C25334" s="14" t="s">
        <v>96</v>
      </c>
      <c r="D25334" s="14" t="s">
        <v>165</v>
      </c>
      <c r="E25334" s="15">
        <v>45525</v>
      </c>
      <c r="F25334" s="14" t="s">
        <v>53</v>
      </c>
      <c r="G25334" s="16">
        <v>0</v>
      </c>
    </row>
    <row r="25335" spans="1:7" x14ac:dyDescent="0.3">
      <c r="A25335" s="13" t="s">
        <v>164</v>
      </c>
      <c r="B25335" s="14" t="s">
        <v>1</v>
      </c>
      <c r="C25335" s="14" t="s">
        <v>96</v>
      </c>
      <c r="D25335" s="14" t="s">
        <v>165</v>
      </c>
      <c r="E25335" s="15">
        <v>45526</v>
      </c>
      <c r="F25335" s="14" t="s">
        <v>53</v>
      </c>
      <c r="G25335" s="16">
        <v>0</v>
      </c>
    </row>
    <row r="25336" spans="1:7" x14ac:dyDescent="0.3">
      <c r="A25336" s="13" t="s">
        <v>164</v>
      </c>
      <c r="B25336" s="14" t="s">
        <v>1</v>
      </c>
      <c r="C25336" s="14" t="s">
        <v>96</v>
      </c>
      <c r="D25336" s="14" t="s">
        <v>165</v>
      </c>
      <c r="E25336" s="15">
        <v>45527</v>
      </c>
      <c r="F25336" s="14" t="s">
        <v>53</v>
      </c>
      <c r="G25336" s="16">
        <v>0</v>
      </c>
    </row>
    <row r="25337" spans="1:7" x14ac:dyDescent="0.3">
      <c r="A25337" s="13" t="s">
        <v>164</v>
      </c>
      <c r="B25337" s="14" t="s">
        <v>1</v>
      </c>
      <c r="C25337" s="14" t="s">
        <v>96</v>
      </c>
      <c r="D25337" s="14" t="s">
        <v>165</v>
      </c>
      <c r="E25337" s="15">
        <v>45528</v>
      </c>
      <c r="F25337" s="14" t="s">
        <v>53</v>
      </c>
      <c r="G25337" s="16">
        <v>0</v>
      </c>
    </row>
    <row r="25338" spans="1:7" x14ac:dyDescent="0.3">
      <c r="A25338" s="13" t="s">
        <v>164</v>
      </c>
      <c r="B25338" s="14" t="s">
        <v>1</v>
      </c>
      <c r="C25338" s="14" t="s">
        <v>96</v>
      </c>
      <c r="D25338" s="14" t="s">
        <v>165</v>
      </c>
      <c r="E25338" s="15">
        <v>45529</v>
      </c>
      <c r="F25338" s="14" t="s">
        <v>53</v>
      </c>
      <c r="G25338" s="16">
        <v>0</v>
      </c>
    </row>
    <row r="25339" spans="1:7" x14ac:dyDescent="0.3">
      <c r="A25339" s="13" t="s">
        <v>164</v>
      </c>
      <c r="B25339" s="14" t="s">
        <v>1</v>
      </c>
      <c r="C25339" s="14" t="s">
        <v>96</v>
      </c>
      <c r="D25339" s="14" t="s">
        <v>165</v>
      </c>
      <c r="E25339" s="15">
        <v>45530</v>
      </c>
      <c r="F25339" s="14" t="s">
        <v>53</v>
      </c>
      <c r="G25339" s="16">
        <v>0</v>
      </c>
    </row>
    <row r="25340" spans="1:7" x14ac:dyDescent="0.3">
      <c r="A25340" s="13" t="s">
        <v>164</v>
      </c>
      <c r="B25340" s="14" t="s">
        <v>1</v>
      </c>
      <c r="C25340" s="14" t="s">
        <v>96</v>
      </c>
      <c r="D25340" s="14" t="s">
        <v>165</v>
      </c>
      <c r="E25340" s="15">
        <v>45531</v>
      </c>
      <c r="F25340" s="14" t="s">
        <v>53</v>
      </c>
      <c r="G25340" s="16">
        <v>0</v>
      </c>
    </row>
    <row r="25341" spans="1:7" x14ac:dyDescent="0.3">
      <c r="A25341" s="13" t="s">
        <v>164</v>
      </c>
      <c r="B25341" s="14" t="s">
        <v>1</v>
      </c>
      <c r="C25341" s="14" t="s">
        <v>96</v>
      </c>
      <c r="D25341" s="14" t="s">
        <v>165</v>
      </c>
      <c r="E25341" s="15">
        <v>45532</v>
      </c>
      <c r="F25341" s="14" t="s">
        <v>53</v>
      </c>
      <c r="G25341" s="16">
        <v>0</v>
      </c>
    </row>
    <row r="25342" spans="1:7" x14ac:dyDescent="0.3">
      <c r="A25342" s="13" t="s">
        <v>164</v>
      </c>
      <c r="B25342" s="14" t="s">
        <v>1</v>
      </c>
      <c r="C25342" s="14" t="s">
        <v>96</v>
      </c>
      <c r="D25342" s="14" t="s">
        <v>165</v>
      </c>
      <c r="E25342" s="15">
        <v>45533</v>
      </c>
      <c r="F25342" s="14" t="s">
        <v>53</v>
      </c>
      <c r="G25342" s="16">
        <v>0</v>
      </c>
    </row>
    <row r="25343" spans="1:7" x14ac:dyDescent="0.3">
      <c r="A25343" s="13" t="s">
        <v>164</v>
      </c>
      <c r="B25343" s="14" t="s">
        <v>1</v>
      </c>
      <c r="C25343" s="14" t="s">
        <v>96</v>
      </c>
      <c r="D25343" s="14" t="s">
        <v>165</v>
      </c>
      <c r="E25343" s="15">
        <v>45534</v>
      </c>
      <c r="F25343" s="14" t="s">
        <v>53</v>
      </c>
      <c r="G25343" s="16">
        <v>0</v>
      </c>
    </row>
    <row r="25344" spans="1:7" x14ac:dyDescent="0.3">
      <c r="A25344" s="13" t="s">
        <v>164</v>
      </c>
      <c r="B25344" s="14" t="s">
        <v>1</v>
      </c>
      <c r="C25344" s="14" t="s">
        <v>96</v>
      </c>
      <c r="D25344" s="14" t="s">
        <v>165</v>
      </c>
      <c r="E25344" s="15">
        <v>45535</v>
      </c>
      <c r="F25344" s="14" t="s">
        <v>53</v>
      </c>
      <c r="G25344" s="16">
        <v>0</v>
      </c>
    </row>
    <row r="25345" spans="1:7" x14ac:dyDescent="0.3">
      <c r="A25345" s="13" t="s">
        <v>164</v>
      </c>
      <c r="B25345" s="14" t="s">
        <v>1</v>
      </c>
      <c r="C25345" s="14" t="s">
        <v>96</v>
      </c>
      <c r="D25345" s="14" t="s">
        <v>165</v>
      </c>
      <c r="E25345" s="15">
        <v>45536</v>
      </c>
      <c r="F25345" s="14" t="s">
        <v>53</v>
      </c>
      <c r="G25345" s="16">
        <v>0</v>
      </c>
    </row>
    <row r="25346" spans="1:7" x14ac:dyDescent="0.3">
      <c r="A25346" s="13" t="s">
        <v>164</v>
      </c>
      <c r="B25346" s="14" t="s">
        <v>1</v>
      </c>
      <c r="C25346" s="14" t="s">
        <v>96</v>
      </c>
      <c r="D25346" s="14" t="s">
        <v>165</v>
      </c>
      <c r="E25346" s="15">
        <v>45537</v>
      </c>
      <c r="F25346" s="14" t="s">
        <v>53</v>
      </c>
      <c r="G25346" s="16">
        <v>0</v>
      </c>
    </row>
    <row r="25347" spans="1:7" x14ac:dyDescent="0.3">
      <c r="A25347" s="13" t="s">
        <v>164</v>
      </c>
      <c r="B25347" s="14" t="s">
        <v>1</v>
      </c>
      <c r="C25347" s="14" t="s">
        <v>96</v>
      </c>
      <c r="D25347" s="14" t="s">
        <v>165</v>
      </c>
      <c r="E25347" s="15">
        <v>45538</v>
      </c>
      <c r="F25347" s="14" t="s">
        <v>53</v>
      </c>
      <c r="G25347" s="16">
        <v>0</v>
      </c>
    </row>
    <row r="25348" spans="1:7" x14ac:dyDescent="0.3">
      <c r="A25348" s="13" t="s">
        <v>164</v>
      </c>
      <c r="B25348" s="14" t="s">
        <v>1</v>
      </c>
      <c r="C25348" s="14" t="s">
        <v>96</v>
      </c>
      <c r="D25348" s="14" t="s">
        <v>165</v>
      </c>
      <c r="E25348" s="15">
        <v>45539</v>
      </c>
      <c r="F25348" s="14" t="s">
        <v>53</v>
      </c>
      <c r="G25348" s="16">
        <v>0</v>
      </c>
    </row>
    <row r="25349" spans="1:7" x14ac:dyDescent="0.3">
      <c r="A25349" s="13" t="s">
        <v>164</v>
      </c>
      <c r="B25349" s="14" t="s">
        <v>1</v>
      </c>
      <c r="C25349" s="14" t="s">
        <v>96</v>
      </c>
      <c r="D25349" s="14" t="s">
        <v>165</v>
      </c>
      <c r="E25349" s="15">
        <v>45540</v>
      </c>
      <c r="F25349" s="14" t="s">
        <v>53</v>
      </c>
      <c r="G25349" s="16">
        <v>0</v>
      </c>
    </row>
    <row r="25350" spans="1:7" x14ac:dyDescent="0.3">
      <c r="A25350" s="13" t="s">
        <v>164</v>
      </c>
      <c r="B25350" s="14" t="s">
        <v>1</v>
      </c>
      <c r="C25350" s="14" t="s">
        <v>96</v>
      </c>
      <c r="D25350" s="14" t="s">
        <v>165</v>
      </c>
      <c r="E25350" s="15">
        <v>45541</v>
      </c>
      <c r="F25350" s="14" t="s">
        <v>53</v>
      </c>
      <c r="G25350" s="16">
        <v>0</v>
      </c>
    </row>
    <row r="25351" spans="1:7" x14ac:dyDescent="0.3">
      <c r="A25351" s="13" t="s">
        <v>164</v>
      </c>
      <c r="B25351" s="14" t="s">
        <v>1</v>
      </c>
      <c r="C25351" s="14" t="s">
        <v>96</v>
      </c>
      <c r="D25351" s="14" t="s">
        <v>165</v>
      </c>
      <c r="E25351" s="15">
        <v>45542</v>
      </c>
      <c r="F25351" s="14" t="s">
        <v>53</v>
      </c>
      <c r="G25351" s="16">
        <v>0</v>
      </c>
    </row>
    <row r="25352" spans="1:7" x14ac:dyDescent="0.3">
      <c r="A25352" s="13" t="s">
        <v>164</v>
      </c>
      <c r="B25352" s="14" t="s">
        <v>1</v>
      </c>
      <c r="C25352" s="14" t="s">
        <v>96</v>
      </c>
      <c r="D25352" s="14" t="s">
        <v>165</v>
      </c>
      <c r="E25352" s="15">
        <v>45543</v>
      </c>
      <c r="F25352" s="14" t="s">
        <v>53</v>
      </c>
      <c r="G25352" s="16">
        <v>0</v>
      </c>
    </row>
    <row r="25353" spans="1:7" x14ac:dyDescent="0.3">
      <c r="A25353" s="13" t="s">
        <v>164</v>
      </c>
      <c r="B25353" s="14" t="s">
        <v>1</v>
      </c>
      <c r="C25353" s="14" t="s">
        <v>96</v>
      </c>
      <c r="D25353" s="14" t="s">
        <v>165</v>
      </c>
      <c r="E25353" s="15">
        <v>45544</v>
      </c>
      <c r="F25353" s="14" t="s">
        <v>53</v>
      </c>
      <c r="G25353" s="16">
        <v>0</v>
      </c>
    </row>
    <row r="25354" spans="1:7" x14ac:dyDescent="0.3">
      <c r="A25354" s="13" t="s">
        <v>164</v>
      </c>
      <c r="B25354" s="14" t="s">
        <v>1</v>
      </c>
      <c r="C25354" s="14" t="s">
        <v>96</v>
      </c>
      <c r="D25354" s="14" t="s">
        <v>165</v>
      </c>
      <c r="E25354" s="15">
        <v>45545</v>
      </c>
      <c r="F25354" s="14" t="s">
        <v>53</v>
      </c>
      <c r="G25354" s="16">
        <v>0</v>
      </c>
    </row>
    <row r="25355" spans="1:7" x14ac:dyDescent="0.3">
      <c r="A25355" s="13" t="s">
        <v>164</v>
      </c>
      <c r="B25355" s="14" t="s">
        <v>1</v>
      </c>
      <c r="C25355" s="14" t="s">
        <v>96</v>
      </c>
      <c r="D25355" s="14" t="s">
        <v>165</v>
      </c>
      <c r="E25355" s="15">
        <v>45546</v>
      </c>
      <c r="F25355" s="14" t="s">
        <v>53</v>
      </c>
      <c r="G25355" s="16">
        <v>0</v>
      </c>
    </row>
    <row r="25356" spans="1:7" x14ac:dyDescent="0.3">
      <c r="A25356" s="13" t="s">
        <v>164</v>
      </c>
      <c r="B25356" s="14" t="s">
        <v>1</v>
      </c>
      <c r="C25356" s="14" t="s">
        <v>96</v>
      </c>
      <c r="D25356" s="14" t="s">
        <v>165</v>
      </c>
      <c r="E25356" s="15">
        <v>45547</v>
      </c>
      <c r="F25356" s="14" t="s">
        <v>53</v>
      </c>
      <c r="G25356" s="16">
        <v>0</v>
      </c>
    </row>
    <row r="25357" spans="1:7" x14ac:dyDescent="0.3">
      <c r="A25357" s="13" t="s">
        <v>164</v>
      </c>
      <c r="B25357" s="14" t="s">
        <v>1</v>
      </c>
      <c r="C25357" s="14" t="s">
        <v>96</v>
      </c>
      <c r="D25357" s="14" t="s">
        <v>165</v>
      </c>
      <c r="E25357" s="15">
        <v>45548</v>
      </c>
      <c r="F25357" s="14" t="s">
        <v>53</v>
      </c>
      <c r="G25357" s="16">
        <v>0</v>
      </c>
    </row>
    <row r="25358" spans="1:7" x14ac:dyDescent="0.3">
      <c r="A25358" s="13" t="s">
        <v>164</v>
      </c>
      <c r="B25358" s="14" t="s">
        <v>1</v>
      </c>
      <c r="C25358" s="14" t="s">
        <v>96</v>
      </c>
      <c r="D25358" s="14" t="s">
        <v>165</v>
      </c>
      <c r="E25358" s="15">
        <v>45549</v>
      </c>
      <c r="F25358" s="14" t="s">
        <v>53</v>
      </c>
      <c r="G25358" s="16">
        <v>0</v>
      </c>
    </row>
    <row r="25359" spans="1:7" x14ac:dyDescent="0.3">
      <c r="A25359" s="13" t="s">
        <v>164</v>
      </c>
      <c r="B25359" s="14" t="s">
        <v>1</v>
      </c>
      <c r="C25359" s="14" t="s">
        <v>96</v>
      </c>
      <c r="D25359" s="14" t="s">
        <v>165</v>
      </c>
      <c r="E25359" s="15">
        <v>45550</v>
      </c>
      <c r="F25359" s="14" t="s">
        <v>53</v>
      </c>
      <c r="G25359" s="16">
        <v>0</v>
      </c>
    </row>
    <row r="25360" spans="1:7" x14ac:dyDescent="0.3">
      <c r="A25360" s="13" t="s">
        <v>164</v>
      </c>
      <c r="B25360" s="14" t="s">
        <v>1</v>
      </c>
      <c r="C25360" s="14" t="s">
        <v>96</v>
      </c>
      <c r="D25360" s="14" t="s">
        <v>165</v>
      </c>
      <c r="E25360" s="15">
        <v>45551</v>
      </c>
      <c r="F25360" s="14" t="s">
        <v>53</v>
      </c>
      <c r="G25360" s="16">
        <v>0</v>
      </c>
    </row>
    <row r="25361" spans="1:7" x14ac:dyDescent="0.3">
      <c r="A25361" s="13" t="s">
        <v>164</v>
      </c>
      <c r="B25361" s="14" t="s">
        <v>1</v>
      </c>
      <c r="C25361" s="14" t="s">
        <v>96</v>
      </c>
      <c r="D25361" s="14" t="s">
        <v>165</v>
      </c>
      <c r="E25361" s="15">
        <v>45552</v>
      </c>
      <c r="F25361" s="14" t="s">
        <v>53</v>
      </c>
      <c r="G25361" s="16">
        <v>0</v>
      </c>
    </row>
    <row r="25362" spans="1:7" x14ac:dyDescent="0.3">
      <c r="A25362" s="13" t="s">
        <v>164</v>
      </c>
      <c r="B25362" s="14" t="s">
        <v>1</v>
      </c>
      <c r="C25362" s="14" t="s">
        <v>96</v>
      </c>
      <c r="D25362" s="14" t="s">
        <v>165</v>
      </c>
      <c r="E25362" s="15">
        <v>45553</v>
      </c>
      <c r="F25362" s="14" t="s">
        <v>53</v>
      </c>
      <c r="G25362" s="16">
        <v>0</v>
      </c>
    </row>
    <row r="25363" spans="1:7" x14ac:dyDescent="0.3">
      <c r="A25363" s="13" t="s">
        <v>164</v>
      </c>
      <c r="B25363" s="14" t="s">
        <v>1</v>
      </c>
      <c r="C25363" s="14" t="s">
        <v>96</v>
      </c>
      <c r="D25363" s="14" t="s">
        <v>165</v>
      </c>
      <c r="E25363" s="15">
        <v>45554</v>
      </c>
      <c r="F25363" s="14" t="s">
        <v>53</v>
      </c>
      <c r="G25363" s="16">
        <v>0</v>
      </c>
    </row>
    <row r="25364" spans="1:7" x14ac:dyDescent="0.3">
      <c r="A25364" s="13" t="s">
        <v>164</v>
      </c>
      <c r="B25364" s="14" t="s">
        <v>1</v>
      </c>
      <c r="C25364" s="14" t="s">
        <v>96</v>
      </c>
      <c r="D25364" s="14" t="s">
        <v>165</v>
      </c>
      <c r="E25364" s="15">
        <v>45555</v>
      </c>
      <c r="F25364" s="14" t="s">
        <v>53</v>
      </c>
      <c r="G25364" s="16">
        <v>0</v>
      </c>
    </row>
    <row r="25365" spans="1:7" x14ac:dyDescent="0.3">
      <c r="A25365" s="13" t="s">
        <v>164</v>
      </c>
      <c r="B25365" s="14" t="s">
        <v>1</v>
      </c>
      <c r="C25365" s="14" t="s">
        <v>96</v>
      </c>
      <c r="D25365" s="14" t="s">
        <v>165</v>
      </c>
      <c r="E25365" s="15">
        <v>45556</v>
      </c>
      <c r="F25365" s="14" t="s">
        <v>53</v>
      </c>
      <c r="G25365" s="16">
        <v>0</v>
      </c>
    </row>
    <row r="25366" spans="1:7" x14ac:dyDescent="0.3">
      <c r="A25366" s="13" t="s">
        <v>164</v>
      </c>
      <c r="B25366" s="14" t="s">
        <v>1</v>
      </c>
      <c r="C25366" s="14" t="s">
        <v>96</v>
      </c>
      <c r="D25366" s="14" t="s">
        <v>165</v>
      </c>
      <c r="E25366" s="15">
        <v>45557</v>
      </c>
      <c r="F25366" s="14" t="s">
        <v>53</v>
      </c>
      <c r="G25366" s="16">
        <v>0</v>
      </c>
    </row>
    <row r="25367" spans="1:7" x14ac:dyDescent="0.3">
      <c r="A25367" s="13" t="s">
        <v>164</v>
      </c>
      <c r="B25367" s="14" t="s">
        <v>1</v>
      </c>
      <c r="C25367" s="14" t="s">
        <v>96</v>
      </c>
      <c r="D25367" s="14" t="s">
        <v>165</v>
      </c>
      <c r="E25367" s="15">
        <v>45558</v>
      </c>
      <c r="F25367" s="14" t="s">
        <v>53</v>
      </c>
      <c r="G25367" s="16">
        <v>0</v>
      </c>
    </row>
    <row r="25368" spans="1:7" x14ac:dyDescent="0.3">
      <c r="A25368" s="13" t="s">
        <v>164</v>
      </c>
      <c r="B25368" s="14" t="s">
        <v>1</v>
      </c>
      <c r="C25368" s="14" t="s">
        <v>96</v>
      </c>
      <c r="D25368" s="14" t="s">
        <v>165</v>
      </c>
      <c r="E25368" s="15">
        <v>45559</v>
      </c>
      <c r="F25368" s="14" t="s">
        <v>53</v>
      </c>
      <c r="G25368" s="16">
        <v>0</v>
      </c>
    </row>
    <row r="25369" spans="1:7" x14ac:dyDescent="0.3">
      <c r="A25369" s="13" t="s">
        <v>164</v>
      </c>
      <c r="B25369" s="14" t="s">
        <v>1</v>
      </c>
      <c r="C25369" s="14" t="s">
        <v>96</v>
      </c>
      <c r="D25369" s="14" t="s">
        <v>165</v>
      </c>
      <c r="E25369" s="15">
        <v>45560</v>
      </c>
      <c r="F25369" s="14" t="s">
        <v>53</v>
      </c>
      <c r="G25369" s="16">
        <v>0</v>
      </c>
    </row>
    <row r="25370" spans="1:7" x14ac:dyDescent="0.3">
      <c r="A25370" s="13" t="s">
        <v>164</v>
      </c>
      <c r="B25370" s="14" t="s">
        <v>1</v>
      </c>
      <c r="C25370" s="14" t="s">
        <v>96</v>
      </c>
      <c r="D25370" s="14" t="s">
        <v>165</v>
      </c>
      <c r="E25370" s="15">
        <v>45561</v>
      </c>
      <c r="F25370" s="14" t="s">
        <v>53</v>
      </c>
      <c r="G25370" s="16">
        <v>0</v>
      </c>
    </row>
    <row r="25371" spans="1:7" x14ac:dyDescent="0.3">
      <c r="A25371" s="13" t="s">
        <v>164</v>
      </c>
      <c r="B25371" s="14" t="s">
        <v>1</v>
      </c>
      <c r="C25371" s="14" t="s">
        <v>96</v>
      </c>
      <c r="D25371" s="14" t="s">
        <v>165</v>
      </c>
      <c r="E25371" s="15">
        <v>45562</v>
      </c>
      <c r="F25371" s="14" t="s">
        <v>53</v>
      </c>
      <c r="G25371" s="16">
        <v>0</v>
      </c>
    </row>
    <row r="25372" spans="1:7" x14ac:dyDescent="0.3">
      <c r="A25372" s="13" t="s">
        <v>164</v>
      </c>
      <c r="B25372" s="14" t="s">
        <v>1</v>
      </c>
      <c r="C25372" s="14" t="s">
        <v>96</v>
      </c>
      <c r="D25372" s="14" t="s">
        <v>165</v>
      </c>
      <c r="E25372" s="15">
        <v>45563</v>
      </c>
      <c r="F25372" s="14" t="s">
        <v>53</v>
      </c>
      <c r="G25372" s="16">
        <v>0</v>
      </c>
    </row>
    <row r="25373" spans="1:7" x14ac:dyDescent="0.3">
      <c r="A25373" s="13" t="s">
        <v>164</v>
      </c>
      <c r="B25373" s="14" t="s">
        <v>1</v>
      </c>
      <c r="C25373" s="14" t="s">
        <v>96</v>
      </c>
      <c r="D25373" s="14" t="s">
        <v>165</v>
      </c>
      <c r="E25373" s="15">
        <v>45564</v>
      </c>
      <c r="F25373" s="14" t="s">
        <v>53</v>
      </c>
      <c r="G25373" s="16">
        <v>0</v>
      </c>
    </row>
    <row r="25374" spans="1:7" x14ac:dyDescent="0.3">
      <c r="A25374" s="13" t="s">
        <v>164</v>
      </c>
      <c r="B25374" s="14" t="s">
        <v>1</v>
      </c>
      <c r="C25374" s="14" t="s">
        <v>96</v>
      </c>
      <c r="D25374" s="14" t="s">
        <v>165</v>
      </c>
      <c r="E25374" s="15">
        <v>45565</v>
      </c>
      <c r="F25374" s="14" t="s">
        <v>53</v>
      </c>
      <c r="G25374" s="16">
        <v>0</v>
      </c>
    </row>
    <row r="25375" spans="1:7" x14ac:dyDescent="0.3">
      <c r="A25375" s="13" t="s">
        <v>164</v>
      </c>
      <c r="B25375" s="14" t="s">
        <v>1</v>
      </c>
      <c r="C25375" s="14" t="s">
        <v>96</v>
      </c>
      <c r="D25375" s="14" t="s">
        <v>165</v>
      </c>
      <c r="E25375" s="15">
        <v>45566</v>
      </c>
      <c r="F25375" s="14" t="s">
        <v>53</v>
      </c>
      <c r="G25375" s="16">
        <v>0</v>
      </c>
    </row>
    <row r="25376" spans="1:7" x14ac:dyDescent="0.3">
      <c r="A25376" s="13" t="s">
        <v>164</v>
      </c>
      <c r="B25376" s="14" t="s">
        <v>1</v>
      </c>
      <c r="C25376" s="14" t="s">
        <v>96</v>
      </c>
      <c r="D25376" s="14" t="s">
        <v>165</v>
      </c>
      <c r="E25376" s="15">
        <v>45567</v>
      </c>
      <c r="F25376" s="14" t="s">
        <v>53</v>
      </c>
      <c r="G25376" s="16">
        <v>0</v>
      </c>
    </row>
    <row r="25377" spans="1:7" x14ac:dyDescent="0.3">
      <c r="A25377" s="13" t="s">
        <v>164</v>
      </c>
      <c r="B25377" s="14" t="s">
        <v>1</v>
      </c>
      <c r="C25377" s="14" t="s">
        <v>96</v>
      </c>
      <c r="D25377" s="14" t="s">
        <v>165</v>
      </c>
      <c r="E25377" s="15">
        <v>45568</v>
      </c>
      <c r="F25377" s="14" t="s">
        <v>53</v>
      </c>
      <c r="G25377" s="16">
        <v>0</v>
      </c>
    </row>
    <row r="25378" spans="1:7" x14ac:dyDescent="0.3">
      <c r="A25378" s="13" t="s">
        <v>164</v>
      </c>
      <c r="B25378" s="14" t="s">
        <v>1</v>
      </c>
      <c r="C25378" s="14" t="s">
        <v>96</v>
      </c>
      <c r="D25378" s="14" t="s">
        <v>165</v>
      </c>
      <c r="E25378" s="15">
        <v>45569</v>
      </c>
      <c r="F25378" s="14" t="s">
        <v>53</v>
      </c>
      <c r="G25378" s="16">
        <v>0</v>
      </c>
    </row>
    <row r="25379" spans="1:7" x14ac:dyDescent="0.3">
      <c r="A25379" s="13" t="s">
        <v>164</v>
      </c>
      <c r="B25379" s="14" t="s">
        <v>1</v>
      </c>
      <c r="C25379" s="14" t="s">
        <v>96</v>
      </c>
      <c r="D25379" s="14" t="s">
        <v>165</v>
      </c>
      <c r="E25379" s="15">
        <v>45570</v>
      </c>
      <c r="F25379" s="14" t="s">
        <v>53</v>
      </c>
      <c r="G25379" s="16">
        <v>0</v>
      </c>
    </row>
    <row r="25380" spans="1:7" x14ac:dyDescent="0.3">
      <c r="A25380" s="13" t="s">
        <v>164</v>
      </c>
      <c r="B25380" s="14" t="s">
        <v>1</v>
      </c>
      <c r="C25380" s="14" t="s">
        <v>96</v>
      </c>
      <c r="D25380" s="14" t="s">
        <v>165</v>
      </c>
      <c r="E25380" s="15">
        <v>45571</v>
      </c>
      <c r="F25380" s="14" t="s">
        <v>53</v>
      </c>
      <c r="G25380" s="16">
        <v>0</v>
      </c>
    </row>
    <row r="25381" spans="1:7" x14ac:dyDescent="0.3">
      <c r="A25381" s="13" t="s">
        <v>164</v>
      </c>
      <c r="B25381" s="14" t="s">
        <v>1</v>
      </c>
      <c r="C25381" s="14" t="s">
        <v>96</v>
      </c>
      <c r="D25381" s="14" t="s">
        <v>165</v>
      </c>
      <c r="E25381" s="15">
        <v>45572</v>
      </c>
      <c r="F25381" s="14" t="s">
        <v>53</v>
      </c>
      <c r="G25381" s="16">
        <v>0</v>
      </c>
    </row>
    <row r="25382" spans="1:7" x14ac:dyDescent="0.3">
      <c r="A25382" s="13" t="s">
        <v>164</v>
      </c>
      <c r="B25382" s="14" t="s">
        <v>1</v>
      </c>
      <c r="C25382" s="14" t="s">
        <v>96</v>
      </c>
      <c r="D25382" s="14" t="s">
        <v>165</v>
      </c>
      <c r="E25382" s="15">
        <v>45573</v>
      </c>
      <c r="F25382" s="14" t="s">
        <v>53</v>
      </c>
      <c r="G25382" s="16">
        <v>0</v>
      </c>
    </row>
    <row r="25383" spans="1:7" x14ac:dyDescent="0.3">
      <c r="A25383" s="13" t="s">
        <v>164</v>
      </c>
      <c r="B25383" s="14" t="s">
        <v>1</v>
      </c>
      <c r="C25383" s="14" t="s">
        <v>96</v>
      </c>
      <c r="D25383" s="14" t="s">
        <v>165</v>
      </c>
      <c r="E25383" s="15">
        <v>45574</v>
      </c>
      <c r="F25383" s="14" t="s">
        <v>53</v>
      </c>
      <c r="G25383" s="16">
        <v>0</v>
      </c>
    </row>
    <row r="25384" spans="1:7" x14ac:dyDescent="0.3">
      <c r="A25384" s="13" t="s">
        <v>164</v>
      </c>
      <c r="B25384" s="14" t="s">
        <v>1</v>
      </c>
      <c r="C25384" s="14" t="s">
        <v>96</v>
      </c>
      <c r="D25384" s="14" t="s">
        <v>165</v>
      </c>
      <c r="E25384" s="15">
        <v>45575</v>
      </c>
      <c r="F25384" s="14" t="s">
        <v>53</v>
      </c>
      <c r="G25384" s="16">
        <v>0</v>
      </c>
    </row>
    <row r="25385" spans="1:7" x14ac:dyDescent="0.3">
      <c r="A25385" s="13" t="s">
        <v>164</v>
      </c>
      <c r="B25385" s="14" t="s">
        <v>1</v>
      </c>
      <c r="C25385" s="14" t="s">
        <v>96</v>
      </c>
      <c r="D25385" s="14" t="s">
        <v>165</v>
      </c>
      <c r="E25385" s="15">
        <v>45576</v>
      </c>
      <c r="F25385" s="14" t="s">
        <v>53</v>
      </c>
      <c r="G25385" s="16">
        <v>0</v>
      </c>
    </row>
    <row r="25386" spans="1:7" x14ac:dyDescent="0.3">
      <c r="A25386" s="13" t="s">
        <v>164</v>
      </c>
      <c r="B25386" s="14" t="s">
        <v>1</v>
      </c>
      <c r="C25386" s="14" t="s">
        <v>96</v>
      </c>
      <c r="D25386" s="14" t="s">
        <v>165</v>
      </c>
      <c r="E25386" s="15">
        <v>45577</v>
      </c>
      <c r="F25386" s="14" t="s">
        <v>53</v>
      </c>
      <c r="G25386" s="16">
        <v>0</v>
      </c>
    </row>
    <row r="25387" spans="1:7" x14ac:dyDescent="0.3">
      <c r="A25387" s="13" t="s">
        <v>164</v>
      </c>
      <c r="B25387" s="14" t="s">
        <v>1</v>
      </c>
      <c r="C25387" s="14" t="s">
        <v>96</v>
      </c>
      <c r="D25387" s="14" t="s">
        <v>165</v>
      </c>
      <c r="E25387" s="15">
        <v>45578</v>
      </c>
      <c r="F25387" s="14" t="s">
        <v>53</v>
      </c>
      <c r="G25387" s="16">
        <v>0</v>
      </c>
    </row>
    <row r="25388" spans="1:7" x14ac:dyDescent="0.3">
      <c r="A25388" s="13" t="s">
        <v>164</v>
      </c>
      <c r="B25388" s="14" t="s">
        <v>1</v>
      </c>
      <c r="C25388" s="14" t="s">
        <v>96</v>
      </c>
      <c r="D25388" s="14" t="s">
        <v>165</v>
      </c>
      <c r="E25388" s="15">
        <v>45579</v>
      </c>
      <c r="F25388" s="14" t="s">
        <v>53</v>
      </c>
      <c r="G25388" s="16">
        <v>0</v>
      </c>
    </row>
    <row r="25389" spans="1:7" x14ac:dyDescent="0.3">
      <c r="A25389" s="13" t="s">
        <v>164</v>
      </c>
      <c r="B25389" s="14" t="s">
        <v>1</v>
      </c>
      <c r="C25389" s="14" t="s">
        <v>96</v>
      </c>
      <c r="D25389" s="14" t="s">
        <v>165</v>
      </c>
      <c r="E25389" s="15">
        <v>45580</v>
      </c>
      <c r="F25389" s="14" t="s">
        <v>53</v>
      </c>
      <c r="G25389" s="16">
        <v>0</v>
      </c>
    </row>
    <row r="25390" spans="1:7" x14ac:dyDescent="0.3">
      <c r="A25390" s="13" t="s">
        <v>164</v>
      </c>
      <c r="B25390" s="14" t="s">
        <v>1</v>
      </c>
      <c r="C25390" s="14" t="s">
        <v>96</v>
      </c>
      <c r="D25390" s="14" t="s">
        <v>165</v>
      </c>
      <c r="E25390" s="15">
        <v>45581</v>
      </c>
      <c r="F25390" s="14" t="s">
        <v>53</v>
      </c>
      <c r="G25390" s="16">
        <v>0</v>
      </c>
    </row>
    <row r="25391" spans="1:7" x14ac:dyDescent="0.3">
      <c r="A25391" s="13" t="s">
        <v>164</v>
      </c>
      <c r="B25391" s="14" t="s">
        <v>1</v>
      </c>
      <c r="C25391" s="14" t="s">
        <v>96</v>
      </c>
      <c r="D25391" s="14" t="s">
        <v>165</v>
      </c>
      <c r="E25391" s="15">
        <v>45582</v>
      </c>
      <c r="F25391" s="14" t="s">
        <v>53</v>
      </c>
      <c r="G25391" s="16">
        <v>0</v>
      </c>
    </row>
    <row r="25392" spans="1:7" x14ac:dyDescent="0.3">
      <c r="A25392" s="13" t="s">
        <v>164</v>
      </c>
      <c r="B25392" s="14" t="s">
        <v>1</v>
      </c>
      <c r="C25392" s="14" t="s">
        <v>96</v>
      </c>
      <c r="D25392" s="14" t="s">
        <v>165</v>
      </c>
      <c r="E25392" s="15">
        <v>45583</v>
      </c>
      <c r="F25392" s="14" t="s">
        <v>53</v>
      </c>
      <c r="G25392" s="16">
        <v>0</v>
      </c>
    </row>
    <row r="25393" spans="1:7" x14ac:dyDescent="0.3">
      <c r="A25393" s="13" t="s">
        <v>164</v>
      </c>
      <c r="B25393" s="14" t="s">
        <v>1</v>
      </c>
      <c r="C25393" s="14" t="s">
        <v>96</v>
      </c>
      <c r="D25393" s="14" t="s">
        <v>165</v>
      </c>
      <c r="E25393" s="15">
        <v>45584</v>
      </c>
      <c r="F25393" s="14" t="s">
        <v>53</v>
      </c>
      <c r="G25393" s="16">
        <v>0</v>
      </c>
    </row>
    <row r="25394" spans="1:7" x14ac:dyDescent="0.3">
      <c r="A25394" s="13" t="s">
        <v>164</v>
      </c>
      <c r="B25394" s="14" t="s">
        <v>1</v>
      </c>
      <c r="C25394" s="14" t="s">
        <v>96</v>
      </c>
      <c r="D25394" s="14" t="s">
        <v>165</v>
      </c>
      <c r="E25394" s="15">
        <v>45585</v>
      </c>
      <c r="F25394" s="14" t="s">
        <v>53</v>
      </c>
      <c r="G25394" s="16">
        <v>0</v>
      </c>
    </row>
    <row r="25395" spans="1:7" x14ac:dyDescent="0.3">
      <c r="A25395" s="13" t="s">
        <v>164</v>
      </c>
      <c r="B25395" s="14" t="s">
        <v>1</v>
      </c>
      <c r="C25395" s="14" t="s">
        <v>96</v>
      </c>
      <c r="D25395" s="14" t="s">
        <v>165</v>
      </c>
      <c r="E25395" s="15">
        <v>45586</v>
      </c>
      <c r="F25395" s="14" t="s">
        <v>53</v>
      </c>
      <c r="G25395" s="16">
        <v>0</v>
      </c>
    </row>
    <row r="25396" spans="1:7" x14ac:dyDescent="0.3">
      <c r="A25396" s="13" t="s">
        <v>164</v>
      </c>
      <c r="B25396" s="14" t="s">
        <v>1</v>
      </c>
      <c r="C25396" s="14" t="s">
        <v>96</v>
      </c>
      <c r="D25396" s="14" t="s">
        <v>165</v>
      </c>
      <c r="E25396" s="15">
        <v>45587</v>
      </c>
      <c r="F25396" s="14" t="s">
        <v>53</v>
      </c>
      <c r="G25396" s="16">
        <v>0</v>
      </c>
    </row>
    <row r="25397" spans="1:7" x14ac:dyDescent="0.3">
      <c r="A25397" s="13" t="s">
        <v>164</v>
      </c>
      <c r="B25397" s="14" t="s">
        <v>1</v>
      </c>
      <c r="C25397" s="14" t="s">
        <v>96</v>
      </c>
      <c r="D25397" s="14" t="s">
        <v>165</v>
      </c>
      <c r="E25397" s="15">
        <v>45588</v>
      </c>
      <c r="F25397" s="14" t="s">
        <v>53</v>
      </c>
      <c r="G25397" s="16">
        <v>0</v>
      </c>
    </row>
    <row r="25398" spans="1:7" x14ac:dyDescent="0.3">
      <c r="A25398" s="13" t="s">
        <v>164</v>
      </c>
      <c r="B25398" s="14" t="s">
        <v>1</v>
      </c>
      <c r="C25398" s="14" t="s">
        <v>96</v>
      </c>
      <c r="D25398" s="14" t="s">
        <v>165</v>
      </c>
      <c r="E25398" s="15">
        <v>45589</v>
      </c>
      <c r="F25398" s="14" t="s">
        <v>53</v>
      </c>
      <c r="G25398" s="16">
        <v>0</v>
      </c>
    </row>
    <row r="25399" spans="1:7" x14ac:dyDescent="0.3">
      <c r="A25399" s="13" t="s">
        <v>164</v>
      </c>
      <c r="B25399" s="14" t="s">
        <v>1</v>
      </c>
      <c r="C25399" s="14" t="s">
        <v>96</v>
      </c>
      <c r="D25399" s="14" t="s">
        <v>165</v>
      </c>
      <c r="E25399" s="15">
        <v>45590</v>
      </c>
      <c r="F25399" s="14" t="s">
        <v>53</v>
      </c>
      <c r="G25399" s="16">
        <v>0</v>
      </c>
    </row>
    <row r="25400" spans="1:7" x14ac:dyDescent="0.3">
      <c r="A25400" s="13" t="s">
        <v>164</v>
      </c>
      <c r="B25400" s="14" t="s">
        <v>1</v>
      </c>
      <c r="C25400" s="14" t="s">
        <v>96</v>
      </c>
      <c r="D25400" s="14" t="s">
        <v>165</v>
      </c>
      <c r="E25400" s="15">
        <v>45591</v>
      </c>
      <c r="F25400" s="14" t="s">
        <v>53</v>
      </c>
      <c r="G25400" s="16">
        <v>0</v>
      </c>
    </row>
    <row r="25401" spans="1:7" x14ac:dyDescent="0.3">
      <c r="A25401" s="13" t="s">
        <v>164</v>
      </c>
      <c r="B25401" s="14" t="s">
        <v>1</v>
      </c>
      <c r="C25401" s="14" t="s">
        <v>96</v>
      </c>
      <c r="D25401" s="14" t="s">
        <v>165</v>
      </c>
      <c r="E25401" s="15">
        <v>45592</v>
      </c>
      <c r="F25401" s="14" t="s">
        <v>53</v>
      </c>
      <c r="G25401" s="16">
        <v>0</v>
      </c>
    </row>
    <row r="25402" spans="1:7" x14ac:dyDescent="0.3">
      <c r="A25402" s="13" t="s">
        <v>164</v>
      </c>
      <c r="B25402" s="14" t="s">
        <v>1</v>
      </c>
      <c r="C25402" s="14" t="s">
        <v>96</v>
      </c>
      <c r="D25402" s="14" t="s">
        <v>165</v>
      </c>
      <c r="E25402" s="15">
        <v>45593</v>
      </c>
      <c r="F25402" s="14" t="s">
        <v>53</v>
      </c>
      <c r="G25402" s="16">
        <v>0</v>
      </c>
    </row>
    <row r="25403" spans="1:7" x14ac:dyDescent="0.3">
      <c r="A25403" s="13" t="s">
        <v>164</v>
      </c>
      <c r="B25403" s="14" t="s">
        <v>1</v>
      </c>
      <c r="C25403" s="14" t="s">
        <v>96</v>
      </c>
      <c r="D25403" s="14" t="s">
        <v>165</v>
      </c>
      <c r="E25403" s="15">
        <v>45594</v>
      </c>
      <c r="F25403" s="14" t="s">
        <v>53</v>
      </c>
      <c r="G25403" s="16">
        <v>0</v>
      </c>
    </row>
    <row r="25404" spans="1:7" x14ac:dyDescent="0.3">
      <c r="A25404" s="13" t="s">
        <v>164</v>
      </c>
      <c r="B25404" s="14" t="s">
        <v>1</v>
      </c>
      <c r="C25404" s="14" t="s">
        <v>96</v>
      </c>
      <c r="D25404" s="14" t="s">
        <v>165</v>
      </c>
      <c r="E25404" s="15">
        <v>45595</v>
      </c>
      <c r="F25404" s="14" t="s">
        <v>53</v>
      </c>
      <c r="G25404" s="16">
        <v>0</v>
      </c>
    </row>
    <row r="25405" spans="1:7" x14ac:dyDescent="0.3">
      <c r="A25405" s="13" t="s">
        <v>164</v>
      </c>
      <c r="B25405" s="14" t="s">
        <v>1</v>
      </c>
      <c r="C25405" s="14" t="s">
        <v>96</v>
      </c>
      <c r="D25405" s="14" t="s">
        <v>165</v>
      </c>
      <c r="E25405" s="15">
        <v>45596</v>
      </c>
      <c r="F25405" s="14" t="s">
        <v>53</v>
      </c>
      <c r="G25405" s="16">
        <v>0</v>
      </c>
    </row>
    <row r="25406" spans="1:7" x14ac:dyDescent="0.3">
      <c r="A25406" s="13" t="s">
        <v>164</v>
      </c>
      <c r="B25406" s="14" t="s">
        <v>1</v>
      </c>
      <c r="C25406" s="14" t="s">
        <v>96</v>
      </c>
      <c r="D25406" s="14" t="s">
        <v>165</v>
      </c>
      <c r="E25406" s="15">
        <v>45597</v>
      </c>
      <c r="F25406" s="14" t="s">
        <v>53</v>
      </c>
      <c r="G25406" s="16">
        <v>0</v>
      </c>
    </row>
    <row r="25407" spans="1:7" x14ac:dyDescent="0.3">
      <c r="A25407" s="13" t="s">
        <v>164</v>
      </c>
      <c r="B25407" s="14" t="s">
        <v>1</v>
      </c>
      <c r="C25407" s="14" t="s">
        <v>96</v>
      </c>
      <c r="D25407" s="14" t="s">
        <v>165</v>
      </c>
      <c r="E25407" s="15">
        <v>45598</v>
      </c>
      <c r="F25407" s="14" t="s">
        <v>53</v>
      </c>
      <c r="G25407" s="16">
        <v>0</v>
      </c>
    </row>
    <row r="25408" spans="1:7" x14ac:dyDescent="0.3">
      <c r="A25408" s="13" t="s">
        <v>164</v>
      </c>
      <c r="B25408" s="14" t="s">
        <v>1</v>
      </c>
      <c r="C25408" s="14" t="s">
        <v>96</v>
      </c>
      <c r="D25408" s="14" t="s">
        <v>165</v>
      </c>
      <c r="E25408" s="15">
        <v>45599</v>
      </c>
      <c r="F25408" s="14" t="s">
        <v>53</v>
      </c>
      <c r="G25408" s="16">
        <v>0</v>
      </c>
    </row>
    <row r="25409" spans="1:7" x14ac:dyDescent="0.3">
      <c r="A25409" s="13" t="s">
        <v>164</v>
      </c>
      <c r="B25409" s="14" t="s">
        <v>1</v>
      </c>
      <c r="C25409" s="14" t="s">
        <v>96</v>
      </c>
      <c r="D25409" s="14" t="s">
        <v>165</v>
      </c>
      <c r="E25409" s="15">
        <v>45600</v>
      </c>
      <c r="F25409" s="14" t="s">
        <v>53</v>
      </c>
      <c r="G25409" s="16">
        <v>0</v>
      </c>
    </row>
    <row r="25410" spans="1:7" x14ac:dyDescent="0.3">
      <c r="A25410" s="13" t="s">
        <v>164</v>
      </c>
      <c r="B25410" s="14" t="s">
        <v>1</v>
      </c>
      <c r="C25410" s="14" t="s">
        <v>96</v>
      </c>
      <c r="D25410" s="14" t="s">
        <v>165</v>
      </c>
      <c r="E25410" s="15">
        <v>45601</v>
      </c>
      <c r="F25410" s="14" t="s">
        <v>53</v>
      </c>
      <c r="G25410" s="16">
        <v>0</v>
      </c>
    </row>
    <row r="25411" spans="1:7" x14ac:dyDescent="0.3">
      <c r="A25411" s="13" t="s">
        <v>164</v>
      </c>
      <c r="B25411" s="14" t="s">
        <v>1</v>
      </c>
      <c r="C25411" s="14" t="s">
        <v>96</v>
      </c>
      <c r="D25411" s="14" t="s">
        <v>165</v>
      </c>
      <c r="E25411" s="15">
        <v>45602</v>
      </c>
      <c r="F25411" s="14" t="s">
        <v>53</v>
      </c>
      <c r="G25411" s="16">
        <v>0</v>
      </c>
    </row>
    <row r="25412" spans="1:7" x14ac:dyDescent="0.3">
      <c r="A25412" s="13" t="s">
        <v>164</v>
      </c>
      <c r="B25412" s="14" t="s">
        <v>1</v>
      </c>
      <c r="C25412" s="14" t="s">
        <v>96</v>
      </c>
      <c r="D25412" s="14" t="s">
        <v>165</v>
      </c>
      <c r="E25412" s="15">
        <v>45603</v>
      </c>
      <c r="F25412" s="14" t="s">
        <v>53</v>
      </c>
      <c r="G25412" s="16">
        <v>0</v>
      </c>
    </row>
    <row r="25413" spans="1:7" x14ac:dyDescent="0.3">
      <c r="A25413" s="13" t="s">
        <v>164</v>
      </c>
      <c r="B25413" s="14" t="s">
        <v>1</v>
      </c>
      <c r="C25413" s="14" t="s">
        <v>96</v>
      </c>
      <c r="D25413" s="14" t="s">
        <v>165</v>
      </c>
      <c r="E25413" s="15">
        <v>45604</v>
      </c>
      <c r="F25413" s="14" t="s">
        <v>53</v>
      </c>
      <c r="G25413" s="16">
        <v>0</v>
      </c>
    </row>
    <row r="25414" spans="1:7" x14ac:dyDescent="0.3">
      <c r="A25414" s="13" t="s">
        <v>164</v>
      </c>
      <c r="B25414" s="14" t="s">
        <v>1</v>
      </c>
      <c r="C25414" s="14" t="s">
        <v>96</v>
      </c>
      <c r="D25414" s="14" t="s">
        <v>165</v>
      </c>
      <c r="E25414" s="15">
        <v>45605</v>
      </c>
      <c r="F25414" s="14" t="s">
        <v>53</v>
      </c>
      <c r="G25414" s="16">
        <v>0</v>
      </c>
    </row>
    <row r="25415" spans="1:7" x14ac:dyDescent="0.3">
      <c r="A25415" s="13" t="s">
        <v>164</v>
      </c>
      <c r="B25415" s="14" t="s">
        <v>1</v>
      </c>
      <c r="C25415" s="14" t="s">
        <v>96</v>
      </c>
      <c r="D25415" s="14" t="s">
        <v>165</v>
      </c>
      <c r="E25415" s="15">
        <v>45606</v>
      </c>
      <c r="F25415" s="14" t="s">
        <v>53</v>
      </c>
      <c r="G25415" s="16">
        <v>0</v>
      </c>
    </row>
    <row r="25416" spans="1:7" x14ac:dyDescent="0.3">
      <c r="A25416" s="13" t="s">
        <v>164</v>
      </c>
      <c r="B25416" s="14" t="s">
        <v>1</v>
      </c>
      <c r="C25416" s="14" t="s">
        <v>96</v>
      </c>
      <c r="D25416" s="14" t="s">
        <v>165</v>
      </c>
      <c r="E25416" s="15">
        <v>45607</v>
      </c>
      <c r="F25416" s="14" t="s">
        <v>53</v>
      </c>
      <c r="G25416" s="16">
        <v>0</v>
      </c>
    </row>
    <row r="25417" spans="1:7" x14ac:dyDescent="0.3">
      <c r="A25417" s="13" t="s">
        <v>164</v>
      </c>
      <c r="B25417" s="14" t="s">
        <v>1</v>
      </c>
      <c r="C25417" s="14" t="s">
        <v>96</v>
      </c>
      <c r="D25417" s="14" t="s">
        <v>165</v>
      </c>
      <c r="E25417" s="15">
        <v>45608</v>
      </c>
      <c r="F25417" s="14" t="s">
        <v>53</v>
      </c>
      <c r="G25417" s="16">
        <v>0</v>
      </c>
    </row>
    <row r="25418" spans="1:7" x14ac:dyDescent="0.3">
      <c r="A25418" s="13" t="s">
        <v>164</v>
      </c>
      <c r="B25418" s="14" t="s">
        <v>1</v>
      </c>
      <c r="C25418" s="14" t="s">
        <v>96</v>
      </c>
      <c r="D25418" s="14" t="s">
        <v>165</v>
      </c>
      <c r="E25418" s="15">
        <v>45609</v>
      </c>
      <c r="F25418" s="14" t="s">
        <v>53</v>
      </c>
      <c r="G25418" s="16">
        <v>0</v>
      </c>
    </row>
    <row r="25419" spans="1:7" x14ac:dyDescent="0.3">
      <c r="A25419" s="13" t="s">
        <v>164</v>
      </c>
      <c r="B25419" s="14" t="s">
        <v>1</v>
      </c>
      <c r="C25419" s="14" t="s">
        <v>96</v>
      </c>
      <c r="D25419" s="14" t="s">
        <v>165</v>
      </c>
      <c r="E25419" s="15">
        <v>45610</v>
      </c>
      <c r="F25419" s="14" t="s">
        <v>53</v>
      </c>
      <c r="G25419" s="16">
        <v>0</v>
      </c>
    </row>
    <row r="25420" spans="1:7" x14ac:dyDescent="0.3">
      <c r="A25420" s="13" t="s">
        <v>164</v>
      </c>
      <c r="B25420" s="14" t="s">
        <v>1</v>
      </c>
      <c r="C25420" s="14" t="s">
        <v>96</v>
      </c>
      <c r="D25420" s="14" t="s">
        <v>165</v>
      </c>
      <c r="E25420" s="15">
        <v>45611</v>
      </c>
      <c r="F25420" s="14" t="s">
        <v>53</v>
      </c>
      <c r="G25420" s="16">
        <v>0</v>
      </c>
    </row>
    <row r="25421" spans="1:7" x14ac:dyDescent="0.3">
      <c r="A25421" s="13" t="s">
        <v>164</v>
      </c>
      <c r="B25421" s="14" t="s">
        <v>1</v>
      </c>
      <c r="C25421" s="14" t="s">
        <v>96</v>
      </c>
      <c r="D25421" s="14" t="s">
        <v>165</v>
      </c>
      <c r="E25421" s="15">
        <v>45612</v>
      </c>
      <c r="F25421" s="14" t="s">
        <v>53</v>
      </c>
      <c r="G25421" s="16">
        <v>0</v>
      </c>
    </row>
    <row r="25422" spans="1:7" x14ac:dyDescent="0.3">
      <c r="A25422" s="13" t="s">
        <v>164</v>
      </c>
      <c r="B25422" s="14" t="s">
        <v>1</v>
      </c>
      <c r="C25422" s="14" t="s">
        <v>96</v>
      </c>
      <c r="D25422" s="14" t="s">
        <v>165</v>
      </c>
      <c r="E25422" s="15">
        <v>45613</v>
      </c>
      <c r="F25422" s="14" t="s">
        <v>53</v>
      </c>
      <c r="G25422" s="16">
        <v>0</v>
      </c>
    </row>
    <row r="25423" spans="1:7" x14ac:dyDescent="0.3">
      <c r="A25423" s="13" t="s">
        <v>164</v>
      </c>
      <c r="B25423" s="14" t="s">
        <v>1</v>
      </c>
      <c r="C25423" s="14" t="s">
        <v>96</v>
      </c>
      <c r="D25423" s="14" t="s">
        <v>165</v>
      </c>
      <c r="E25423" s="15">
        <v>45614</v>
      </c>
      <c r="F25423" s="14" t="s">
        <v>53</v>
      </c>
      <c r="G25423" s="16">
        <v>0</v>
      </c>
    </row>
    <row r="25424" spans="1:7" x14ac:dyDescent="0.3">
      <c r="A25424" s="13" t="s">
        <v>164</v>
      </c>
      <c r="B25424" s="14" t="s">
        <v>1</v>
      </c>
      <c r="C25424" s="14" t="s">
        <v>96</v>
      </c>
      <c r="D25424" s="14" t="s">
        <v>165</v>
      </c>
      <c r="E25424" s="15">
        <v>45615</v>
      </c>
      <c r="F25424" s="14" t="s">
        <v>53</v>
      </c>
      <c r="G25424" s="16">
        <v>0</v>
      </c>
    </row>
    <row r="25425" spans="1:7" x14ac:dyDescent="0.3">
      <c r="A25425" s="13" t="s">
        <v>164</v>
      </c>
      <c r="B25425" s="14" t="s">
        <v>1</v>
      </c>
      <c r="C25425" s="14" t="s">
        <v>96</v>
      </c>
      <c r="D25425" s="14" t="s">
        <v>165</v>
      </c>
      <c r="E25425" s="15">
        <v>45616</v>
      </c>
      <c r="F25425" s="14" t="s">
        <v>53</v>
      </c>
      <c r="G25425" s="16">
        <v>0</v>
      </c>
    </row>
    <row r="25426" spans="1:7" x14ac:dyDescent="0.3">
      <c r="A25426" s="13" t="s">
        <v>164</v>
      </c>
      <c r="B25426" s="14" t="s">
        <v>1</v>
      </c>
      <c r="C25426" s="14" t="s">
        <v>96</v>
      </c>
      <c r="D25426" s="14" t="s">
        <v>165</v>
      </c>
      <c r="E25426" s="15">
        <v>45617</v>
      </c>
      <c r="F25426" s="14" t="s">
        <v>53</v>
      </c>
      <c r="G25426" s="16">
        <v>0</v>
      </c>
    </row>
    <row r="25427" spans="1:7" x14ac:dyDescent="0.3">
      <c r="A25427" s="13" t="s">
        <v>164</v>
      </c>
      <c r="B25427" s="14" t="s">
        <v>1</v>
      </c>
      <c r="C25427" s="14" t="s">
        <v>96</v>
      </c>
      <c r="D25427" s="14" t="s">
        <v>165</v>
      </c>
      <c r="E25427" s="15">
        <v>45618</v>
      </c>
      <c r="F25427" s="14" t="s">
        <v>53</v>
      </c>
      <c r="G25427" s="16">
        <v>0</v>
      </c>
    </row>
    <row r="25428" spans="1:7" x14ac:dyDescent="0.3">
      <c r="A25428" s="13" t="s">
        <v>164</v>
      </c>
      <c r="B25428" s="14" t="s">
        <v>1</v>
      </c>
      <c r="C25428" s="14" t="s">
        <v>96</v>
      </c>
      <c r="D25428" s="14" t="s">
        <v>165</v>
      </c>
      <c r="E25428" s="15">
        <v>45619</v>
      </c>
      <c r="F25428" s="14" t="s">
        <v>53</v>
      </c>
      <c r="G25428" s="16">
        <v>0</v>
      </c>
    </row>
    <row r="25429" spans="1:7" x14ac:dyDescent="0.3">
      <c r="A25429" s="13" t="s">
        <v>164</v>
      </c>
      <c r="B25429" s="14" t="s">
        <v>1</v>
      </c>
      <c r="C25429" s="14" t="s">
        <v>96</v>
      </c>
      <c r="D25429" s="14" t="s">
        <v>165</v>
      </c>
      <c r="E25429" s="15">
        <v>45620</v>
      </c>
      <c r="F25429" s="14" t="s">
        <v>53</v>
      </c>
      <c r="G25429" s="16">
        <v>0</v>
      </c>
    </row>
    <row r="25430" spans="1:7" x14ac:dyDescent="0.3">
      <c r="A25430" s="13" t="s">
        <v>164</v>
      </c>
      <c r="B25430" s="14" t="s">
        <v>1</v>
      </c>
      <c r="C25430" s="14" t="s">
        <v>96</v>
      </c>
      <c r="D25430" s="14" t="s">
        <v>165</v>
      </c>
      <c r="E25430" s="15">
        <v>45621</v>
      </c>
      <c r="F25430" s="14" t="s">
        <v>53</v>
      </c>
      <c r="G25430" s="16">
        <v>0</v>
      </c>
    </row>
    <row r="25431" spans="1:7" x14ac:dyDescent="0.3">
      <c r="A25431" s="13" t="s">
        <v>164</v>
      </c>
      <c r="B25431" s="14" t="s">
        <v>1</v>
      </c>
      <c r="C25431" s="14" t="s">
        <v>96</v>
      </c>
      <c r="D25431" s="14" t="s">
        <v>165</v>
      </c>
      <c r="E25431" s="15">
        <v>45622</v>
      </c>
      <c r="F25431" s="14" t="s">
        <v>53</v>
      </c>
      <c r="G25431" s="16">
        <v>0</v>
      </c>
    </row>
    <row r="25432" spans="1:7" x14ac:dyDescent="0.3">
      <c r="A25432" s="13" t="s">
        <v>164</v>
      </c>
      <c r="B25432" s="14" t="s">
        <v>1</v>
      </c>
      <c r="C25432" s="14" t="s">
        <v>96</v>
      </c>
      <c r="D25432" s="14" t="s">
        <v>165</v>
      </c>
      <c r="E25432" s="15">
        <v>45623</v>
      </c>
      <c r="F25432" s="14" t="s">
        <v>53</v>
      </c>
      <c r="G25432" s="16">
        <v>0</v>
      </c>
    </row>
    <row r="25433" spans="1:7" x14ac:dyDescent="0.3">
      <c r="A25433" s="13" t="s">
        <v>164</v>
      </c>
      <c r="B25433" s="14" t="s">
        <v>1</v>
      </c>
      <c r="C25433" s="14" t="s">
        <v>96</v>
      </c>
      <c r="D25433" s="14" t="s">
        <v>165</v>
      </c>
      <c r="E25433" s="15">
        <v>45624</v>
      </c>
      <c r="F25433" s="14" t="s">
        <v>53</v>
      </c>
      <c r="G25433" s="16">
        <v>0</v>
      </c>
    </row>
    <row r="25434" spans="1:7" x14ac:dyDescent="0.3">
      <c r="A25434" s="13" t="s">
        <v>164</v>
      </c>
      <c r="B25434" s="14" t="s">
        <v>1</v>
      </c>
      <c r="C25434" s="14" t="s">
        <v>96</v>
      </c>
      <c r="D25434" s="14" t="s">
        <v>165</v>
      </c>
      <c r="E25434" s="15">
        <v>45625</v>
      </c>
      <c r="F25434" s="14" t="s">
        <v>53</v>
      </c>
      <c r="G25434" s="16">
        <v>0</v>
      </c>
    </row>
    <row r="25435" spans="1:7" x14ac:dyDescent="0.3">
      <c r="A25435" s="13" t="s">
        <v>164</v>
      </c>
      <c r="B25435" s="14" t="s">
        <v>1</v>
      </c>
      <c r="C25435" s="14" t="s">
        <v>96</v>
      </c>
      <c r="D25435" s="14" t="s">
        <v>165</v>
      </c>
      <c r="E25435" s="15">
        <v>45626</v>
      </c>
      <c r="F25435" s="14" t="s">
        <v>53</v>
      </c>
      <c r="G25435" s="16">
        <v>0</v>
      </c>
    </row>
    <row r="25436" spans="1:7" x14ac:dyDescent="0.3">
      <c r="A25436" s="13" t="s">
        <v>164</v>
      </c>
      <c r="B25436" s="14" t="s">
        <v>1</v>
      </c>
      <c r="C25436" s="14" t="s">
        <v>96</v>
      </c>
      <c r="D25436" s="14" t="s">
        <v>165</v>
      </c>
      <c r="E25436" s="15">
        <v>45627</v>
      </c>
      <c r="F25436" s="14" t="s">
        <v>53</v>
      </c>
      <c r="G25436" s="16">
        <v>0</v>
      </c>
    </row>
    <row r="25437" spans="1:7" x14ac:dyDescent="0.3">
      <c r="A25437" s="13" t="s">
        <v>164</v>
      </c>
      <c r="B25437" s="14" t="s">
        <v>1</v>
      </c>
      <c r="C25437" s="14" t="s">
        <v>96</v>
      </c>
      <c r="D25437" s="14" t="s">
        <v>165</v>
      </c>
      <c r="E25437" s="15">
        <v>45628</v>
      </c>
      <c r="F25437" s="14" t="s">
        <v>53</v>
      </c>
      <c r="G25437" s="16">
        <v>0</v>
      </c>
    </row>
    <row r="25438" spans="1:7" x14ac:dyDescent="0.3">
      <c r="A25438" s="13" t="s">
        <v>164</v>
      </c>
      <c r="B25438" s="14" t="s">
        <v>1</v>
      </c>
      <c r="C25438" s="14" t="s">
        <v>96</v>
      </c>
      <c r="D25438" s="14" t="s">
        <v>165</v>
      </c>
      <c r="E25438" s="15">
        <v>45629</v>
      </c>
      <c r="F25438" s="14" t="s">
        <v>53</v>
      </c>
      <c r="G25438" s="16">
        <v>0</v>
      </c>
    </row>
    <row r="25439" spans="1:7" x14ac:dyDescent="0.3">
      <c r="A25439" s="13" t="s">
        <v>164</v>
      </c>
      <c r="B25439" s="14" t="s">
        <v>1</v>
      </c>
      <c r="C25439" s="14" t="s">
        <v>96</v>
      </c>
      <c r="D25439" s="14" t="s">
        <v>165</v>
      </c>
      <c r="E25439" s="15">
        <v>45630</v>
      </c>
      <c r="F25439" s="14" t="s">
        <v>53</v>
      </c>
      <c r="G25439" s="16">
        <v>0</v>
      </c>
    </row>
    <row r="25440" spans="1:7" x14ac:dyDescent="0.3">
      <c r="A25440" s="13" t="s">
        <v>164</v>
      </c>
      <c r="B25440" s="14" t="s">
        <v>1</v>
      </c>
      <c r="C25440" s="14" t="s">
        <v>96</v>
      </c>
      <c r="D25440" s="14" t="s">
        <v>165</v>
      </c>
      <c r="E25440" s="15">
        <v>45631</v>
      </c>
      <c r="F25440" s="14" t="s">
        <v>53</v>
      </c>
      <c r="G25440" s="16">
        <v>0</v>
      </c>
    </row>
    <row r="25441" spans="1:7" x14ac:dyDescent="0.3">
      <c r="A25441" s="13" t="s">
        <v>164</v>
      </c>
      <c r="B25441" s="14" t="s">
        <v>1</v>
      </c>
      <c r="C25441" s="14" t="s">
        <v>96</v>
      </c>
      <c r="D25441" s="14" t="s">
        <v>165</v>
      </c>
      <c r="E25441" s="15">
        <v>45632</v>
      </c>
      <c r="F25441" s="14" t="s">
        <v>53</v>
      </c>
      <c r="G25441" s="16">
        <v>0</v>
      </c>
    </row>
    <row r="25442" spans="1:7" x14ac:dyDescent="0.3">
      <c r="A25442" s="13" t="s">
        <v>164</v>
      </c>
      <c r="B25442" s="14" t="s">
        <v>1</v>
      </c>
      <c r="C25442" s="14" t="s">
        <v>96</v>
      </c>
      <c r="D25442" s="14" t="s">
        <v>165</v>
      </c>
      <c r="E25442" s="15">
        <v>45633</v>
      </c>
      <c r="F25442" s="14" t="s">
        <v>53</v>
      </c>
      <c r="G25442" s="16">
        <v>0</v>
      </c>
    </row>
    <row r="25443" spans="1:7" x14ac:dyDescent="0.3">
      <c r="A25443" s="13" t="s">
        <v>164</v>
      </c>
      <c r="B25443" s="14" t="s">
        <v>1</v>
      </c>
      <c r="C25443" s="14" t="s">
        <v>96</v>
      </c>
      <c r="D25443" s="14" t="s">
        <v>165</v>
      </c>
      <c r="E25443" s="15">
        <v>45634</v>
      </c>
      <c r="F25443" s="14" t="s">
        <v>53</v>
      </c>
      <c r="G25443" s="16">
        <v>0</v>
      </c>
    </row>
    <row r="25444" spans="1:7" x14ac:dyDescent="0.3">
      <c r="A25444" s="13" t="s">
        <v>164</v>
      </c>
      <c r="B25444" s="14" t="s">
        <v>1</v>
      </c>
      <c r="C25444" s="14" t="s">
        <v>96</v>
      </c>
      <c r="D25444" s="14" t="s">
        <v>165</v>
      </c>
      <c r="E25444" s="15">
        <v>45635</v>
      </c>
      <c r="F25444" s="14" t="s">
        <v>53</v>
      </c>
      <c r="G25444" s="16">
        <v>0</v>
      </c>
    </row>
    <row r="25445" spans="1:7" x14ac:dyDescent="0.3">
      <c r="A25445" s="13" t="s">
        <v>164</v>
      </c>
      <c r="B25445" s="14" t="s">
        <v>1</v>
      </c>
      <c r="C25445" s="14" t="s">
        <v>96</v>
      </c>
      <c r="D25445" s="14" t="s">
        <v>165</v>
      </c>
      <c r="E25445" s="15">
        <v>45636</v>
      </c>
      <c r="F25445" s="14" t="s">
        <v>53</v>
      </c>
      <c r="G25445" s="16">
        <v>0</v>
      </c>
    </row>
    <row r="25446" spans="1:7" x14ac:dyDescent="0.3">
      <c r="A25446" s="13" t="s">
        <v>164</v>
      </c>
      <c r="B25446" s="14" t="s">
        <v>1</v>
      </c>
      <c r="C25446" s="14" t="s">
        <v>96</v>
      </c>
      <c r="D25446" s="14" t="s">
        <v>165</v>
      </c>
      <c r="E25446" s="15">
        <v>45637</v>
      </c>
      <c r="F25446" s="14" t="s">
        <v>53</v>
      </c>
      <c r="G25446" s="16">
        <v>0</v>
      </c>
    </row>
    <row r="25447" spans="1:7" x14ac:dyDescent="0.3">
      <c r="A25447" s="13" t="s">
        <v>164</v>
      </c>
      <c r="B25447" s="14" t="s">
        <v>1</v>
      </c>
      <c r="C25447" s="14" t="s">
        <v>96</v>
      </c>
      <c r="D25447" s="14" t="s">
        <v>165</v>
      </c>
      <c r="E25447" s="15">
        <v>45638</v>
      </c>
      <c r="F25447" s="14" t="s">
        <v>53</v>
      </c>
      <c r="G25447" s="16">
        <v>0</v>
      </c>
    </row>
    <row r="25448" spans="1:7" x14ac:dyDescent="0.3">
      <c r="A25448" s="13" t="s">
        <v>164</v>
      </c>
      <c r="B25448" s="14" t="s">
        <v>1</v>
      </c>
      <c r="C25448" s="14" t="s">
        <v>96</v>
      </c>
      <c r="D25448" s="14" t="s">
        <v>165</v>
      </c>
      <c r="E25448" s="15">
        <v>45639</v>
      </c>
      <c r="F25448" s="14" t="s">
        <v>53</v>
      </c>
      <c r="G25448" s="16">
        <v>0</v>
      </c>
    </row>
    <row r="25449" spans="1:7" x14ac:dyDescent="0.3">
      <c r="A25449" s="13" t="s">
        <v>164</v>
      </c>
      <c r="B25449" s="14" t="s">
        <v>1</v>
      </c>
      <c r="C25449" s="14" t="s">
        <v>96</v>
      </c>
      <c r="D25449" s="14" t="s">
        <v>165</v>
      </c>
      <c r="E25449" s="15">
        <v>45640</v>
      </c>
      <c r="F25449" s="14" t="s">
        <v>53</v>
      </c>
      <c r="G25449" s="16">
        <v>0</v>
      </c>
    </row>
    <row r="25450" spans="1:7" x14ac:dyDescent="0.3">
      <c r="A25450" s="13" t="s">
        <v>164</v>
      </c>
      <c r="B25450" s="14" t="s">
        <v>1</v>
      </c>
      <c r="C25450" s="14" t="s">
        <v>96</v>
      </c>
      <c r="D25450" s="14" t="s">
        <v>165</v>
      </c>
      <c r="E25450" s="15">
        <v>45641</v>
      </c>
      <c r="F25450" s="14" t="s">
        <v>53</v>
      </c>
      <c r="G25450" s="16">
        <v>0</v>
      </c>
    </row>
    <row r="25451" spans="1:7" x14ac:dyDescent="0.3">
      <c r="A25451" s="13" t="s">
        <v>164</v>
      </c>
      <c r="B25451" s="14" t="s">
        <v>1</v>
      </c>
      <c r="C25451" s="14" t="s">
        <v>96</v>
      </c>
      <c r="D25451" s="14" t="s">
        <v>165</v>
      </c>
      <c r="E25451" s="15">
        <v>45642</v>
      </c>
      <c r="F25451" s="14" t="s">
        <v>53</v>
      </c>
      <c r="G25451" s="16">
        <v>0</v>
      </c>
    </row>
    <row r="25452" spans="1:7" x14ac:dyDescent="0.3">
      <c r="A25452" s="13" t="s">
        <v>164</v>
      </c>
      <c r="B25452" s="14" t="s">
        <v>1</v>
      </c>
      <c r="C25452" s="14" t="s">
        <v>96</v>
      </c>
      <c r="D25452" s="14" t="s">
        <v>165</v>
      </c>
      <c r="E25452" s="15">
        <v>45643</v>
      </c>
      <c r="F25452" s="14" t="s">
        <v>53</v>
      </c>
      <c r="G25452" s="16">
        <v>0</v>
      </c>
    </row>
    <row r="25453" spans="1:7" x14ac:dyDescent="0.3">
      <c r="A25453" s="13" t="s">
        <v>164</v>
      </c>
      <c r="B25453" s="14" t="s">
        <v>1</v>
      </c>
      <c r="C25453" s="14" t="s">
        <v>96</v>
      </c>
      <c r="D25453" s="14" t="s">
        <v>165</v>
      </c>
      <c r="E25453" s="15">
        <v>45644</v>
      </c>
      <c r="F25453" s="14" t="s">
        <v>53</v>
      </c>
      <c r="G25453" s="16">
        <v>0</v>
      </c>
    </row>
    <row r="25454" spans="1:7" x14ac:dyDescent="0.3">
      <c r="A25454" s="13" t="s">
        <v>164</v>
      </c>
      <c r="B25454" s="14" t="s">
        <v>1</v>
      </c>
      <c r="C25454" s="14" t="s">
        <v>96</v>
      </c>
      <c r="D25454" s="14" t="s">
        <v>165</v>
      </c>
      <c r="E25454" s="15">
        <v>45645</v>
      </c>
      <c r="F25454" s="14" t="s">
        <v>53</v>
      </c>
      <c r="G25454" s="16">
        <v>0</v>
      </c>
    </row>
    <row r="25455" spans="1:7" x14ac:dyDescent="0.3">
      <c r="A25455" s="13" t="s">
        <v>164</v>
      </c>
      <c r="B25455" s="14" t="s">
        <v>1</v>
      </c>
      <c r="C25455" s="14" t="s">
        <v>96</v>
      </c>
      <c r="D25455" s="14" t="s">
        <v>165</v>
      </c>
      <c r="E25455" s="15">
        <v>45646</v>
      </c>
      <c r="F25455" s="14" t="s">
        <v>53</v>
      </c>
      <c r="G25455" s="16">
        <v>0</v>
      </c>
    </row>
    <row r="25456" spans="1:7" x14ac:dyDescent="0.3">
      <c r="A25456" s="13" t="s">
        <v>164</v>
      </c>
      <c r="B25456" s="14" t="s">
        <v>1</v>
      </c>
      <c r="C25456" s="14" t="s">
        <v>96</v>
      </c>
      <c r="D25456" s="14" t="s">
        <v>165</v>
      </c>
      <c r="E25456" s="15">
        <v>45647</v>
      </c>
      <c r="F25456" s="14" t="s">
        <v>53</v>
      </c>
      <c r="G25456" s="16">
        <v>0</v>
      </c>
    </row>
    <row r="25457" spans="1:7" x14ac:dyDescent="0.3">
      <c r="A25457" s="13" t="s">
        <v>164</v>
      </c>
      <c r="B25457" s="14" t="s">
        <v>1</v>
      </c>
      <c r="C25457" s="14" t="s">
        <v>96</v>
      </c>
      <c r="D25457" s="14" t="s">
        <v>165</v>
      </c>
      <c r="E25457" s="15">
        <v>45648</v>
      </c>
      <c r="F25457" s="14" t="s">
        <v>53</v>
      </c>
      <c r="G25457" s="16">
        <v>0</v>
      </c>
    </row>
    <row r="25458" spans="1:7" x14ac:dyDescent="0.3">
      <c r="A25458" s="13" t="s">
        <v>164</v>
      </c>
      <c r="B25458" s="14" t="s">
        <v>1</v>
      </c>
      <c r="C25458" s="14" t="s">
        <v>96</v>
      </c>
      <c r="D25458" s="14" t="s">
        <v>165</v>
      </c>
      <c r="E25458" s="15">
        <v>45649</v>
      </c>
      <c r="F25458" s="14" t="s">
        <v>53</v>
      </c>
      <c r="G25458" s="16">
        <v>0</v>
      </c>
    </row>
    <row r="25459" spans="1:7" x14ac:dyDescent="0.3">
      <c r="A25459" s="13" t="s">
        <v>164</v>
      </c>
      <c r="B25459" s="14" t="s">
        <v>1</v>
      </c>
      <c r="C25459" s="14" t="s">
        <v>96</v>
      </c>
      <c r="D25459" s="14" t="s">
        <v>165</v>
      </c>
      <c r="E25459" s="15">
        <v>45650</v>
      </c>
      <c r="F25459" s="14" t="s">
        <v>53</v>
      </c>
      <c r="G25459" s="16">
        <v>0</v>
      </c>
    </row>
    <row r="25460" spans="1:7" x14ac:dyDescent="0.3">
      <c r="A25460" s="13" t="s">
        <v>164</v>
      </c>
      <c r="B25460" s="14" t="s">
        <v>1</v>
      </c>
      <c r="C25460" s="14" t="s">
        <v>96</v>
      </c>
      <c r="D25460" s="14" t="s">
        <v>165</v>
      </c>
      <c r="E25460" s="15">
        <v>45651</v>
      </c>
      <c r="F25460" s="14" t="s">
        <v>53</v>
      </c>
      <c r="G25460" s="16">
        <v>0</v>
      </c>
    </row>
    <row r="25461" spans="1:7" x14ac:dyDescent="0.3">
      <c r="A25461" s="13" t="s">
        <v>164</v>
      </c>
      <c r="B25461" s="14" t="s">
        <v>1</v>
      </c>
      <c r="C25461" s="14" t="s">
        <v>96</v>
      </c>
      <c r="D25461" s="14" t="s">
        <v>165</v>
      </c>
      <c r="E25461" s="15">
        <v>45652</v>
      </c>
      <c r="F25461" s="14" t="s">
        <v>53</v>
      </c>
      <c r="G25461" s="16">
        <v>0</v>
      </c>
    </row>
    <row r="25462" spans="1:7" x14ac:dyDescent="0.3">
      <c r="A25462" s="13" t="s">
        <v>164</v>
      </c>
      <c r="B25462" s="14" t="s">
        <v>1</v>
      </c>
      <c r="C25462" s="14" t="s">
        <v>96</v>
      </c>
      <c r="D25462" s="14" t="s">
        <v>165</v>
      </c>
      <c r="E25462" s="15">
        <v>45653</v>
      </c>
      <c r="F25462" s="14" t="s">
        <v>53</v>
      </c>
      <c r="G25462" s="16">
        <v>0</v>
      </c>
    </row>
    <row r="25463" spans="1:7" x14ac:dyDescent="0.3">
      <c r="A25463" s="13" t="s">
        <v>164</v>
      </c>
      <c r="B25463" s="14" t="s">
        <v>1</v>
      </c>
      <c r="C25463" s="14" t="s">
        <v>96</v>
      </c>
      <c r="D25463" s="14" t="s">
        <v>165</v>
      </c>
      <c r="E25463" s="15">
        <v>45654</v>
      </c>
      <c r="F25463" s="14" t="s">
        <v>53</v>
      </c>
      <c r="G25463" s="16">
        <v>0</v>
      </c>
    </row>
    <row r="25464" spans="1:7" x14ac:dyDescent="0.3">
      <c r="A25464" s="13" t="s">
        <v>164</v>
      </c>
      <c r="B25464" s="14" t="s">
        <v>1</v>
      </c>
      <c r="C25464" s="14" t="s">
        <v>96</v>
      </c>
      <c r="D25464" s="14" t="s">
        <v>165</v>
      </c>
      <c r="E25464" s="15">
        <v>45655</v>
      </c>
      <c r="F25464" s="14" t="s">
        <v>53</v>
      </c>
      <c r="G25464" s="16">
        <v>0</v>
      </c>
    </row>
    <row r="25465" spans="1:7" x14ac:dyDescent="0.3">
      <c r="A25465" s="13" t="s">
        <v>164</v>
      </c>
      <c r="B25465" s="14" t="s">
        <v>1</v>
      </c>
      <c r="C25465" s="14" t="s">
        <v>96</v>
      </c>
      <c r="D25465" s="14" t="s">
        <v>165</v>
      </c>
      <c r="E25465" s="15">
        <v>45656</v>
      </c>
      <c r="F25465" s="14" t="s">
        <v>53</v>
      </c>
      <c r="G25465" s="16">
        <v>0</v>
      </c>
    </row>
    <row r="25466" spans="1:7" x14ac:dyDescent="0.3">
      <c r="A25466" s="13" t="s">
        <v>164</v>
      </c>
      <c r="B25466" s="14" t="s">
        <v>1</v>
      </c>
      <c r="C25466" s="14" t="s">
        <v>96</v>
      </c>
      <c r="D25466" s="14" t="s">
        <v>165</v>
      </c>
      <c r="E25466" s="15">
        <v>45657</v>
      </c>
      <c r="F25466" s="14" t="s">
        <v>53</v>
      </c>
      <c r="G25466" s="16">
        <v>0</v>
      </c>
    </row>
    <row r="25467" spans="1:7" x14ac:dyDescent="0.3">
      <c r="A25467" s="13" t="s">
        <v>164</v>
      </c>
      <c r="B25467" s="14" t="s">
        <v>1</v>
      </c>
      <c r="C25467" s="14" t="s">
        <v>96</v>
      </c>
      <c r="D25467" s="14" t="s">
        <v>165</v>
      </c>
      <c r="E25467" s="15">
        <v>45658</v>
      </c>
      <c r="F25467" s="14" t="s">
        <v>53</v>
      </c>
      <c r="G25467" s="16">
        <v>0</v>
      </c>
    </row>
    <row r="25468" spans="1:7" x14ac:dyDescent="0.3">
      <c r="A25468" s="13" t="s">
        <v>164</v>
      </c>
      <c r="B25468" s="14" t="s">
        <v>1</v>
      </c>
      <c r="C25468" s="14" t="s">
        <v>96</v>
      </c>
      <c r="D25468" s="14" t="s">
        <v>165</v>
      </c>
      <c r="E25468" s="15">
        <v>45659</v>
      </c>
      <c r="F25468" s="14" t="s">
        <v>53</v>
      </c>
      <c r="G25468" s="16">
        <v>0</v>
      </c>
    </row>
    <row r="25469" spans="1:7" x14ac:dyDescent="0.3">
      <c r="A25469" s="13" t="s">
        <v>164</v>
      </c>
      <c r="B25469" s="14" t="s">
        <v>1</v>
      </c>
      <c r="C25469" s="14" t="s">
        <v>96</v>
      </c>
      <c r="D25469" s="14" t="s">
        <v>165</v>
      </c>
      <c r="E25469" s="15">
        <v>45660</v>
      </c>
      <c r="F25469" s="14" t="s">
        <v>53</v>
      </c>
      <c r="G25469" s="16">
        <v>0</v>
      </c>
    </row>
    <row r="25470" spans="1:7" x14ac:dyDescent="0.3">
      <c r="A25470" s="13" t="s">
        <v>164</v>
      </c>
      <c r="B25470" s="14" t="s">
        <v>1</v>
      </c>
      <c r="C25470" s="14" t="s">
        <v>96</v>
      </c>
      <c r="D25470" s="14" t="s">
        <v>165</v>
      </c>
      <c r="E25470" s="15">
        <v>45661</v>
      </c>
      <c r="F25470" s="14" t="s">
        <v>53</v>
      </c>
      <c r="G25470" s="16">
        <v>0</v>
      </c>
    </row>
    <row r="25471" spans="1:7" x14ac:dyDescent="0.3">
      <c r="A25471" s="13" t="s">
        <v>164</v>
      </c>
      <c r="B25471" s="14" t="s">
        <v>1</v>
      </c>
      <c r="C25471" s="14" t="s">
        <v>96</v>
      </c>
      <c r="D25471" s="14" t="s">
        <v>165</v>
      </c>
      <c r="E25471" s="15">
        <v>45662</v>
      </c>
      <c r="F25471" s="14" t="s">
        <v>53</v>
      </c>
      <c r="G25471" s="16">
        <v>0</v>
      </c>
    </row>
    <row r="25472" spans="1:7" x14ac:dyDescent="0.3">
      <c r="A25472" s="13" t="s">
        <v>164</v>
      </c>
      <c r="B25472" s="14" t="s">
        <v>1</v>
      </c>
      <c r="C25472" s="14" t="s">
        <v>96</v>
      </c>
      <c r="D25472" s="14" t="s">
        <v>165</v>
      </c>
      <c r="E25472" s="15">
        <v>45663</v>
      </c>
      <c r="F25472" s="14" t="s">
        <v>53</v>
      </c>
      <c r="G25472" s="16">
        <v>0</v>
      </c>
    </row>
    <row r="25473" spans="1:7" x14ac:dyDescent="0.3">
      <c r="A25473" s="13" t="s">
        <v>164</v>
      </c>
      <c r="B25473" s="14" t="s">
        <v>1</v>
      </c>
      <c r="C25473" s="14" t="s">
        <v>96</v>
      </c>
      <c r="D25473" s="14" t="s">
        <v>165</v>
      </c>
      <c r="E25473" s="15">
        <v>45664</v>
      </c>
      <c r="F25473" s="14" t="s">
        <v>53</v>
      </c>
      <c r="G25473" s="16">
        <v>0</v>
      </c>
    </row>
    <row r="25474" spans="1:7" x14ac:dyDescent="0.3">
      <c r="A25474" s="13" t="s">
        <v>164</v>
      </c>
      <c r="B25474" s="14" t="s">
        <v>1</v>
      </c>
      <c r="C25474" s="14" t="s">
        <v>96</v>
      </c>
      <c r="D25474" s="14" t="s">
        <v>165</v>
      </c>
      <c r="E25474" s="15">
        <v>45665</v>
      </c>
      <c r="F25474" s="14" t="s">
        <v>53</v>
      </c>
      <c r="G25474" s="16">
        <v>0</v>
      </c>
    </row>
    <row r="25475" spans="1:7" x14ac:dyDescent="0.3">
      <c r="A25475" s="13" t="s">
        <v>164</v>
      </c>
      <c r="B25475" s="14" t="s">
        <v>1</v>
      </c>
      <c r="C25475" s="14" t="s">
        <v>96</v>
      </c>
      <c r="D25475" s="14" t="s">
        <v>165</v>
      </c>
      <c r="E25475" s="15">
        <v>45666</v>
      </c>
      <c r="F25475" s="14" t="s">
        <v>53</v>
      </c>
      <c r="G25475" s="16">
        <v>0</v>
      </c>
    </row>
    <row r="25476" spans="1:7" x14ac:dyDescent="0.3">
      <c r="A25476" s="13" t="s">
        <v>164</v>
      </c>
      <c r="B25476" s="14" t="s">
        <v>1</v>
      </c>
      <c r="C25476" s="14" t="s">
        <v>96</v>
      </c>
      <c r="D25476" s="14" t="s">
        <v>165</v>
      </c>
      <c r="E25476" s="15">
        <v>45667</v>
      </c>
      <c r="F25476" s="14" t="s">
        <v>53</v>
      </c>
      <c r="G25476" s="16">
        <v>0</v>
      </c>
    </row>
    <row r="25477" spans="1:7" x14ac:dyDescent="0.3">
      <c r="A25477" s="13" t="s">
        <v>164</v>
      </c>
      <c r="B25477" s="14" t="s">
        <v>1</v>
      </c>
      <c r="C25477" s="14" t="s">
        <v>96</v>
      </c>
      <c r="D25477" s="14" t="s">
        <v>165</v>
      </c>
      <c r="E25477" s="15">
        <v>45668</v>
      </c>
      <c r="F25477" s="14" t="s">
        <v>53</v>
      </c>
      <c r="G25477" s="16">
        <v>0</v>
      </c>
    </row>
    <row r="25478" spans="1:7" x14ac:dyDescent="0.3">
      <c r="A25478" s="13" t="s">
        <v>164</v>
      </c>
      <c r="B25478" s="14" t="s">
        <v>1</v>
      </c>
      <c r="C25478" s="14" t="s">
        <v>96</v>
      </c>
      <c r="D25478" s="14" t="s">
        <v>165</v>
      </c>
      <c r="E25478" s="15">
        <v>45669</v>
      </c>
      <c r="F25478" s="14" t="s">
        <v>53</v>
      </c>
      <c r="G25478" s="16">
        <v>0</v>
      </c>
    </row>
    <row r="25479" spans="1:7" x14ac:dyDescent="0.3">
      <c r="A25479" s="13" t="s">
        <v>164</v>
      </c>
      <c r="B25479" s="14" t="s">
        <v>1</v>
      </c>
      <c r="C25479" s="14" t="s">
        <v>96</v>
      </c>
      <c r="D25479" s="14" t="s">
        <v>165</v>
      </c>
      <c r="E25479" s="15">
        <v>45670</v>
      </c>
      <c r="F25479" s="14" t="s">
        <v>53</v>
      </c>
      <c r="G25479" s="16">
        <v>0</v>
      </c>
    </row>
    <row r="25480" spans="1:7" x14ac:dyDescent="0.3">
      <c r="A25480" s="13" t="s">
        <v>164</v>
      </c>
      <c r="B25480" s="14" t="s">
        <v>1</v>
      </c>
      <c r="C25480" s="14" t="s">
        <v>96</v>
      </c>
      <c r="D25480" s="14" t="s">
        <v>165</v>
      </c>
      <c r="E25480" s="15">
        <v>45671</v>
      </c>
      <c r="F25480" s="14" t="s">
        <v>53</v>
      </c>
      <c r="G25480" s="16">
        <v>0</v>
      </c>
    </row>
    <row r="25481" spans="1:7" x14ac:dyDescent="0.3">
      <c r="A25481" s="13" t="s">
        <v>164</v>
      </c>
      <c r="B25481" s="14" t="s">
        <v>1</v>
      </c>
      <c r="C25481" s="14" t="s">
        <v>96</v>
      </c>
      <c r="D25481" s="14" t="s">
        <v>165</v>
      </c>
      <c r="E25481" s="15">
        <v>45672</v>
      </c>
      <c r="F25481" s="14" t="s">
        <v>53</v>
      </c>
      <c r="G25481" s="16">
        <v>0</v>
      </c>
    </row>
    <row r="25482" spans="1:7" x14ac:dyDescent="0.3">
      <c r="A25482" s="13" t="s">
        <v>164</v>
      </c>
      <c r="B25482" s="14" t="s">
        <v>1</v>
      </c>
      <c r="C25482" s="14" t="s">
        <v>96</v>
      </c>
      <c r="D25482" s="14" t="s">
        <v>165</v>
      </c>
      <c r="E25482" s="15">
        <v>45673</v>
      </c>
      <c r="F25482" s="14" t="s">
        <v>53</v>
      </c>
      <c r="G25482" s="16">
        <v>0</v>
      </c>
    </row>
    <row r="25483" spans="1:7" x14ac:dyDescent="0.3">
      <c r="A25483" s="13" t="s">
        <v>164</v>
      </c>
      <c r="B25483" s="14" t="s">
        <v>1</v>
      </c>
      <c r="C25483" s="14" t="s">
        <v>96</v>
      </c>
      <c r="D25483" s="14" t="s">
        <v>165</v>
      </c>
      <c r="E25483" s="15">
        <v>45674</v>
      </c>
      <c r="F25483" s="14" t="s">
        <v>53</v>
      </c>
      <c r="G25483" s="16">
        <v>0</v>
      </c>
    </row>
    <row r="25484" spans="1:7" x14ac:dyDescent="0.3">
      <c r="A25484" s="13" t="s">
        <v>164</v>
      </c>
      <c r="B25484" s="14" t="s">
        <v>1</v>
      </c>
      <c r="C25484" s="14" t="s">
        <v>96</v>
      </c>
      <c r="D25484" s="14" t="s">
        <v>165</v>
      </c>
      <c r="E25484" s="15">
        <v>45675</v>
      </c>
      <c r="F25484" s="14" t="s">
        <v>53</v>
      </c>
      <c r="G25484" s="16">
        <v>0</v>
      </c>
    </row>
    <row r="25485" spans="1:7" x14ac:dyDescent="0.3">
      <c r="A25485" s="13" t="s">
        <v>164</v>
      </c>
      <c r="B25485" s="14" t="s">
        <v>1</v>
      </c>
      <c r="C25485" s="14" t="s">
        <v>96</v>
      </c>
      <c r="D25485" s="14" t="s">
        <v>165</v>
      </c>
      <c r="E25485" s="15">
        <v>45676</v>
      </c>
      <c r="F25485" s="14" t="s">
        <v>53</v>
      </c>
      <c r="G25485" s="16">
        <v>0</v>
      </c>
    </row>
    <row r="25486" spans="1:7" x14ac:dyDescent="0.3">
      <c r="A25486" s="13" t="s">
        <v>164</v>
      </c>
      <c r="B25486" s="14" t="s">
        <v>1</v>
      </c>
      <c r="C25486" s="14" t="s">
        <v>96</v>
      </c>
      <c r="D25486" s="14" t="s">
        <v>165</v>
      </c>
      <c r="E25486" s="15">
        <v>45677</v>
      </c>
      <c r="F25486" s="14" t="s">
        <v>53</v>
      </c>
      <c r="G25486" s="16">
        <v>0</v>
      </c>
    </row>
    <row r="25487" spans="1:7" x14ac:dyDescent="0.3">
      <c r="A25487" s="13" t="s">
        <v>164</v>
      </c>
      <c r="B25487" s="14" t="s">
        <v>1</v>
      </c>
      <c r="C25487" s="14" t="s">
        <v>96</v>
      </c>
      <c r="D25487" s="14" t="s">
        <v>165</v>
      </c>
      <c r="E25487" s="15">
        <v>45678</v>
      </c>
      <c r="F25487" s="14" t="s">
        <v>53</v>
      </c>
      <c r="G25487" s="16">
        <v>0</v>
      </c>
    </row>
    <row r="25488" spans="1:7" x14ac:dyDescent="0.3">
      <c r="A25488" s="13" t="s">
        <v>164</v>
      </c>
      <c r="B25488" s="14" t="s">
        <v>1</v>
      </c>
      <c r="C25488" s="14" t="s">
        <v>96</v>
      </c>
      <c r="D25488" s="14" t="s">
        <v>165</v>
      </c>
      <c r="E25488" s="15">
        <v>45679</v>
      </c>
      <c r="F25488" s="14" t="s">
        <v>53</v>
      </c>
      <c r="G25488" s="16">
        <v>0</v>
      </c>
    </row>
    <row r="25489" spans="1:7" x14ac:dyDescent="0.3">
      <c r="A25489" s="13" t="s">
        <v>164</v>
      </c>
      <c r="B25489" s="14" t="s">
        <v>1</v>
      </c>
      <c r="C25489" s="14" t="s">
        <v>96</v>
      </c>
      <c r="D25489" s="14" t="s">
        <v>165</v>
      </c>
      <c r="E25489" s="15">
        <v>45680</v>
      </c>
      <c r="F25489" s="14" t="s">
        <v>53</v>
      </c>
      <c r="G25489" s="16">
        <v>0</v>
      </c>
    </row>
    <row r="25490" spans="1:7" x14ac:dyDescent="0.3">
      <c r="A25490" s="13" t="s">
        <v>164</v>
      </c>
      <c r="B25490" s="14" t="s">
        <v>1</v>
      </c>
      <c r="C25490" s="14" t="s">
        <v>96</v>
      </c>
      <c r="D25490" s="14" t="s">
        <v>165</v>
      </c>
      <c r="E25490" s="15">
        <v>45681</v>
      </c>
      <c r="F25490" s="14" t="s">
        <v>53</v>
      </c>
      <c r="G25490" s="16">
        <v>0</v>
      </c>
    </row>
    <row r="25491" spans="1:7" x14ac:dyDescent="0.3">
      <c r="A25491" s="13" t="s">
        <v>164</v>
      </c>
      <c r="B25491" s="14" t="s">
        <v>1</v>
      </c>
      <c r="C25491" s="14" t="s">
        <v>96</v>
      </c>
      <c r="D25491" s="14" t="s">
        <v>165</v>
      </c>
      <c r="E25491" s="15">
        <v>45682</v>
      </c>
      <c r="F25491" s="14" t="s">
        <v>53</v>
      </c>
      <c r="G25491" s="16">
        <v>0</v>
      </c>
    </row>
    <row r="25492" spans="1:7" x14ac:dyDescent="0.3">
      <c r="A25492" s="13" t="s">
        <v>164</v>
      </c>
      <c r="B25492" s="14" t="s">
        <v>1</v>
      </c>
      <c r="C25492" s="14" t="s">
        <v>96</v>
      </c>
      <c r="D25492" s="14" t="s">
        <v>165</v>
      </c>
      <c r="E25492" s="15">
        <v>45683</v>
      </c>
      <c r="F25492" s="14" t="s">
        <v>53</v>
      </c>
      <c r="G25492" s="16">
        <v>0</v>
      </c>
    </row>
    <row r="25493" spans="1:7" x14ac:dyDescent="0.3">
      <c r="A25493" s="13" t="s">
        <v>164</v>
      </c>
      <c r="B25493" s="14" t="s">
        <v>1</v>
      </c>
      <c r="C25493" s="14" t="s">
        <v>96</v>
      </c>
      <c r="D25493" s="14" t="s">
        <v>165</v>
      </c>
      <c r="E25493" s="15">
        <v>45684</v>
      </c>
      <c r="F25493" s="14" t="s">
        <v>53</v>
      </c>
      <c r="G25493" s="16">
        <v>0</v>
      </c>
    </row>
    <row r="25494" spans="1:7" x14ac:dyDescent="0.3">
      <c r="A25494" s="13" t="s">
        <v>164</v>
      </c>
      <c r="B25494" s="14" t="s">
        <v>1</v>
      </c>
      <c r="C25494" s="14" t="s">
        <v>96</v>
      </c>
      <c r="D25494" s="14" t="s">
        <v>165</v>
      </c>
      <c r="E25494" s="15">
        <v>45685</v>
      </c>
      <c r="F25494" s="14" t="s">
        <v>53</v>
      </c>
      <c r="G25494" s="16">
        <v>0</v>
      </c>
    </row>
    <row r="25495" spans="1:7" x14ac:dyDescent="0.3">
      <c r="A25495" s="13" t="s">
        <v>164</v>
      </c>
      <c r="B25495" s="14" t="s">
        <v>1</v>
      </c>
      <c r="C25495" s="14" t="s">
        <v>96</v>
      </c>
      <c r="D25495" s="14" t="s">
        <v>165</v>
      </c>
      <c r="E25495" s="15">
        <v>45686</v>
      </c>
      <c r="F25495" s="14" t="s">
        <v>53</v>
      </c>
      <c r="G25495" s="16">
        <v>0</v>
      </c>
    </row>
    <row r="25496" spans="1:7" x14ac:dyDescent="0.3">
      <c r="A25496" s="13" t="s">
        <v>164</v>
      </c>
      <c r="B25496" s="14" t="s">
        <v>1</v>
      </c>
      <c r="C25496" s="14" t="s">
        <v>96</v>
      </c>
      <c r="D25496" s="14" t="s">
        <v>165</v>
      </c>
      <c r="E25496" s="15">
        <v>45687</v>
      </c>
      <c r="F25496" s="14" t="s">
        <v>53</v>
      </c>
      <c r="G25496" s="16">
        <v>0</v>
      </c>
    </row>
    <row r="25497" spans="1:7" x14ac:dyDescent="0.3">
      <c r="A25497" s="13" t="s">
        <v>164</v>
      </c>
      <c r="B25497" s="14" t="s">
        <v>1</v>
      </c>
      <c r="C25497" s="14" t="s">
        <v>96</v>
      </c>
      <c r="D25497" s="14" t="s">
        <v>165</v>
      </c>
      <c r="E25497" s="15">
        <v>45688</v>
      </c>
      <c r="F25497" s="14" t="s">
        <v>53</v>
      </c>
      <c r="G25497" s="16">
        <v>0</v>
      </c>
    </row>
    <row r="25498" spans="1:7" x14ac:dyDescent="0.3">
      <c r="A25498" s="13" t="s">
        <v>164</v>
      </c>
      <c r="B25498" s="14" t="s">
        <v>1</v>
      </c>
      <c r="C25498" s="14" t="s">
        <v>96</v>
      </c>
      <c r="D25498" s="14" t="s">
        <v>165</v>
      </c>
      <c r="E25498" s="15">
        <v>45689</v>
      </c>
      <c r="F25498" s="14" t="s">
        <v>53</v>
      </c>
      <c r="G25498" s="16">
        <v>0</v>
      </c>
    </row>
    <row r="25499" spans="1:7" x14ac:dyDescent="0.3">
      <c r="A25499" s="13" t="s">
        <v>164</v>
      </c>
      <c r="B25499" s="14" t="s">
        <v>1</v>
      </c>
      <c r="C25499" s="14" t="s">
        <v>96</v>
      </c>
      <c r="D25499" s="14" t="s">
        <v>165</v>
      </c>
      <c r="E25499" s="15">
        <v>45690</v>
      </c>
      <c r="F25499" s="14" t="s">
        <v>53</v>
      </c>
      <c r="G25499" s="16">
        <v>0</v>
      </c>
    </row>
    <row r="25500" spans="1:7" x14ac:dyDescent="0.3">
      <c r="A25500" s="13" t="s">
        <v>164</v>
      </c>
      <c r="B25500" s="14" t="s">
        <v>1</v>
      </c>
      <c r="C25500" s="14" t="s">
        <v>96</v>
      </c>
      <c r="D25500" s="14" t="s">
        <v>165</v>
      </c>
      <c r="E25500" s="15">
        <v>45691</v>
      </c>
      <c r="F25500" s="14" t="s">
        <v>53</v>
      </c>
      <c r="G25500" s="16">
        <v>0</v>
      </c>
    </row>
    <row r="25501" spans="1:7" x14ac:dyDescent="0.3">
      <c r="A25501" s="13" t="s">
        <v>164</v>
      </c>
      <c r="B25501" s="14" t="s">
        <v>1</v>
      </c>
      <c r="C25501" s="14" t="s">
        <v>96</v>
      </c>
      <c r="D25501" s="14" t="s">
        <v>165</v>
      </c>
      <c r="E25501" s="15">
        <v>45692</v>
      </c>
      <c r="F25501" s="14" t="s">
        <v>53</v>
      </c>
      <c r="G25501" s="16">
        <v>0</v>
      </c>
    </row>
    <row r="25502" spans="1:7" x14ac:dyDescent="0.3">
      <c r="A25502" s="13" t="s">
        <v>164</v>
      </c>
      <c r="B25502" s="14" t="s">
        <v>1</v>
      </c>
      <c r="C25502" s="14" t="s">
        <v>96</v>
      </c>
      <c r="D25502" s="14" t="s">
        <v>165</v>
      </c>
      <c r="E25502" s="15">
        <v>45693</v>
      </c>
      <c r="F25502" s="14" t="s">
        <v>53</v>
      </c>
      <c r="G25502" s="16">
        <v>0</v>
      </c>
    </row>
    <row r="25503" spans="1:7" x14ac:dyDescent="0.3">
      <c r="A25503" s="13" t="s">
        <v>164</v>
      </c>
      <c r="B25503" s="14" t="s">
        <v>1</v>
      </c>
      <c r="C25503" s="14" t="s">
        <v>96</v>
      </c>
      <c r="D25503" s="14" t="s">
        <v>165</v>
      </c>
      <c r="E25503" s="15">
        <v>45694</v>
      </c>
      <c r="F25503" s="14" t="s">
        <v>53</v>
      </c>
      <c r="G25503" s="16">
        <v>0</v>
      </c>
    </row>
    <row r="25504" spans="1:7" x14ac:dyDescent="0.3">
      <c r="A25504" s="13" t="s">
        <v>164</v>
      </c>
      <c r="B25504" s="14" t="s">
        <v>1</v>
      </c>
      <c r="C25504" s="14" t="s">
        <v>96</v>
      </c>
      <c r="D25504" s="14" t="s">
        <v>165</v>
      </c>
      <c r="E25504" s="15">
        <v>45695</v>
      </c>
      <c r="F25504" s="14" t="s">
        <v>53</v>
      </c>
      <c r="G25504" s="16">
        <v>0</v>
      </c>
    </row>
    <row r="25505" spans="1:7" x14ac:dyDescent="0.3">
      <c r="A25505" s="13" t="s">
        <v>164</v>
      </c>
      <c r="B25505" s="14" t="s">
        <v>1</v>
      </c>
      <c r="C25505" s="14" t="s">
        <v>96</v>
      </c>
      <c r="D25505" s="14" t="s">
        <v>165</v>
      </c>
      <c r="E25505" s="15">
        <v>45696</v>
      </c>
      <c r="F25505" s="14" t="s">
        <v>53</v>
      </c>
      <c r="G25505" s="16">
        <v>0</v>
      </c>
    </row>
    <row r="25506" spans="1:7" x14ac:dyDescent="0.3">
      <c r="A25506" s="13" t="s">
        <v>164</v>
      </c>
      <c r="B25506" s="14" t="s">
        <v>1</v>
      </c>
      <c r="C25506" s="14" t="s">
        <v>96</v>
      </c>
      <c r="D25506" s="14" t="s">
        <v>165</v>
      </c>
      <c r="E25506" s="15">
        <v>45697</v>
      </c>
      <c r="F25506" s="14" t="s">
        <v>53</v>
      </c>
      <c r="G25506" s="16">
        <v>0</v>
      </c>
    </row>
    <row r="25507" spans="1:7" x14ac:dyDescent="0.3">
      <c r="A25507" s="13" t="s">
        <v>164</v>
      </c>
      <c r="B25507" s="14" t="s">
        <v>1</v>
      </c>
      <c r="C25507" s="14" t="s">
        <v>96</v>
      </c>
      <c r="D25507" s="14" t="s">
        <v>165</v>
      </c>
      <c r="E25507" s="15">
        <v>45698</v>
      </c>
      <c r="F25507" s="14" t="s">
        <v>53</v>
      </c>
      <c r="G25507" s="16">
        <v>0</v>
      </c>
    </row>
    <row r="25508" spans="1:7" x14ac:dyDescent="0.3">
      <c r="A25508" s="13" t="s">
        <v>164</v>
      </c>
      <c r="B25508" s="14" t="s">
        <v>1</v>
      </c>
      <c r="C25508" s="14" t="s">
        <v>96</v>
      </c>
      <c r="D25508" s="14" t="s">
        <v>165</v>
      </c>
      <c r="E25508" s="15">
        <v>45699</v>
      </c>
      <c r="F25508" s="14" t="s">
        <v>53</v>
      </c>
      <c r="G25508" s="16">
        <v>0</v>
      </c>
    </row>
    <row r="25509" spans="1:7" x14ac:dyDescent="0.3">
      <c r="A25509" s="13" t="s">
        <v>164</v>
      </c>
      <c r="B25509" s="14" t="s">
        <v>1</v>
      </c>
      <c r="C25509" s="14" t="s">
        <v>96</v>
      </c>
      <c r="D25509" s="14" t="s">
        <v>165</v>
      </c>
      <c r="E25509" s="15">
        <v>45700</v>
      </c>
      <c r="F25509" s="14" t="s">
        <v>53</v>
      </c>
      <c r="G25509" s="16">
        <v>0</v>
      </c>
    </row>
    <row r="25510" spans="1:7" x14ac:dyDescent="0.3">
      <c r="A25510" s="13" t="s">
        <v>164</v>
      </c>
      <c r="B25510" s="14" t="s">
        <v>1</v>
      </c>
      <c r="C25510" s="14" t="s">
        <v>96</v>
      </c>
      <c r="D25510" s="14" t="s">
        <v>165</v>
      </c>
      <c r="E25510" s="15">
        <v>45701</v>
      </c>
      <c r="F25510" s="14" t="s">
        <v>53</v>
      </c>
      <c r="G25510" s="16">
        <v>0</v>
      </c>
    </row>
    <row r="25511" spans="1:7" x14ac:dyDescent="0.3">
      <c r="A25511" s="13" t="s">
        <v>164</v>
      </c>
      <c r="B25511" s="14" t="s">
        <v>1</v>
      </c>
      <c r="C25511" s="14" t="s">
        <v>96</v>
      </c>
      <c r="D25511" s="14" t="s">
        <v>165</v>
      </c>
      <c r="E25511" s="15">
        <v>45702</v>
      </c>
      <c r="F25511" s="14" t="s">
        <v>53</v>
      </c>
      <c r="G25511" s="16">
        <v>0</v>
      </c>
    </row>
    <row r="25512" spans="1:7" x14ac:dyDescent="0.3">
      <c r="A25512" s="13" t="s">
        <v>164</v>
      </c>
      <c r="B25512" s="14" t="s">
        <v>1</v>
      </c>
      <c r="C25512" s="14" t="s">
        <v>96</v>
      </c>
      <c r="D25512" s="14" t="s">
        <v>165</v>
      </c>
      <c r="E25512" s="15">
        <v>45703</v>
      </c>
      <c r="F25512" s="14" t="s">
        <v>53</v>
      </c>
      <c r="G25512" s="16">
        <v>0</v>
      </c>
    </row>
    <row r="25513" spans="1:7" x14ac:dyDescent="0.3">
      <c r="A25513" s="13" t="s">
        <v>164</v>
      </c>
      <c r="B25513" s="14" t="s">
        <v>1</v>
      </c>
      <c r="C25513" s="14" t="s">
        <v>96</v>
      </c>
      <c r="D25513" s="14" t="s">
        <v>165</v>
      </c>
      <c r="E25513" s="15">
        <v>45704</v>
      </c>
      <c r="F25513" s="14" t="s">
        <v>53</v>
      </c>
      <c r="G25513" s="16">
        <v>0</v>
      </c>
    </row>
    <row r="25514" spans="1:7" x14ac:dyDescent="0.3">
      <c r="A25514" s="13" t="s">
        <v>164</v>
      </c>
      <c r="B25514" s="14" t="s">
        <v>1</v>
      </c>
      <c r="C25514" s="14" t="s">
        <v>96</v>
      </c>
      <c r="D25514" s="14" t="s">
        <v>165</v>
      </c>
      <c r="E25514" s="15">
        <v>45705</v>
      </c>
      <c r="F25514" s="14" t="s">
        <v>53</v>
      </c>
      <c r="G25514" s="16">
        <v>0</v>
      </c>
    </row>
    <row r="25515" spans="1:7" x14ac:dyDescent="0.3">
      <c r="A25515" s="13" t="s">
        <v>164</v>
      </c>
      <c r="B25515" s="14" t="s">
        <v>1</v>
      </c>
      <c r="C25515" s="14" t="s">
        <v>96</v>
      </c>
      <c r="D25515" s="14" t="s">
        <v>165</v>
      </c>
      <c r="E25515" s="15">
        <v>45706</v>
      </c>
      <c r="F25515" s="14" t="s">
        <v>53</v>
      </c>
      <c r="G25515" s="16">
        <v>0</v>
      </c>
    </row>
    <row r="25516" spans="1:7" x14ac:dyDescent="0.3">
      <c r="A25516" s="13" t="s">
        <v>164</v>
      </c>
      <c r="B25516" s="14" t="s">
        <v>1</v>
      </c>
      <c r="C25516" s="14" t="s">
        <v>96</v>
      </c>
      <c r="D25516" s="14" t="s">
        <v>165</v>
      </c>
      <c r="E25516" s="15">
        <v>45707</v>
      </c>
      <c r="F25516" s="14" t="s">
        <v>53</v>
      </c>
      <c r="G25516" s="16">
        <v>0</v>
      </c>
    </row>
    <row r="25517" spans="1:7" x14ac:dyDescent="0.3">
      <c r="A25517" s="13" t="s">
        <v>164</v>
      </c>
      <c r="B25517" s="14" t="s">
        <v>1</v>
      </c>
      <c r="C25517" s="14" t="s">
        <v>96</v>
      </c>
      <c r="D25517" s="14" t="s">
        <v>165</v>
      </c>
      <c r="E25517" s="15">
        <v>45708</v>
      </c>
      <c r="F25517" s="14" t="s">
        <v>53</v>
      </c>
      <c r="G25517" s="16">
        <v>0</v>
      </c>
    </row>
    <row r="25518" spans="1:7" x14ac:dyDescent="0.3">
      <c r="A25518" s="13" t="s">
        <v>164</v>
      </c>
      <c r="B25518" s="14" t="s">
        <v>1</v>
      </c>
      <c r="C25518" s="14" t="s">
        <v>96</v>
      </c>
      <c r="D25518" s="14" t="s">
        <v>165</v>
      </c>
      <c r="E25518" s="15">
        <v>45709</v>
      </c>
      <c r="F25518" s="14" t="s">
        <v>53</v>
      </c>
      <c r="G25518" s="16">
        <v>0</v>
      </c>
    </row>
    <row r="25519" spans="1:7" x14ac:dyDescent="0.3">
      <c r="A25519" s="13" t="s">
        <v>164</v>
      </c>
      <c r="B25519" s="14" t="s">
        <v>1</v>
      </c>
      <c r="C25519" s="14" t="s">
        <v>96</v>
      </c>
      <c r="D25519" s="14" t="s">
        <v>165</v>
      </c>
      <c r="E25519" s="15">
        <v>45710</v>
      </c>
      <c r="F25519" s="14" t="s">
        <v>53</v>
      </c>
      <c r="G25519" s="16">
        <v>0</v>
      </c>
    </row>
    <row r="25520" spans="1:7" x14ac:dyDescent="0.3">
      <c r="A25520" s="13" t="s">
        <v>164</v>
      </c>
      <c r="B25520" s="14" t="s">
        <v>1</v>
      </c>
      <c r="C25520" s="14" t="s">
        <v>96</v>
      </c>
      <c r="D25520" s="14" t="s">
        <v>165</v>
      </c>
      <c r="E25520" s="15">
        <v>45711</v>
      </c>
      <c r="F25520" s="14" t="s">
        <v>53</v>
      </c>
      <c r="G25520" s="16">
        <v>0</v>
      </c>
    </row>
    <row r="25521" spans="1:7" x14ac:dyDescent="0.3">
      <c r="A25521" s="13" t="s">
        <v>164</v>
      </c>
      <c r="B25521" s="14" t="s">
        <v>1</v>
      </c>
      <c r="C25521" s="14" t="s">
        <v>96</v>
      </c>
      <c r="D25521" s="14" t="s">
        <v>165</v>
      </c>
      <c r="E25521" s="15">
        <v>45712</v>
      </c>
      <c r="F25521" s="14" t="s">
        <v>53</v>
      </c>
      <c r="G25521" s="16">
        <v>0</v>
      </c>
    </row>
    <row r="25522" spans="1:7" x14ac:dyDescent="0.3">
      <c r="A25522" s="13" t="s">
        <v>164</v>
      </c>
      <c r="B25522" s="14" t="s">
        <v>1</v>
      </c>
      <c r="C25522" s="14" t="s">
        <v>96</v>
      </c>
      <c r="D25522" s="14" t="s">
        <v>165</v>
      </c>
      <c r="E25522" s="15">
        <v>45713</v>
      </c>
      <c r="F25522" s="14" t="s">
        <v>53</v>
      </c>
      <c r="G25522" s="16">
        <v>0</v>
      </c>
    </row>
    <row r="25523" spans="1:7" x14ac:dyDescent="0.3">
      <c r="A25523" s="13" t="s">
        <v>164</v>
      </c>
      <c r="B25523" s="14" t="s">
        <v>1</v>
      </c>
      <c r="C25523" s="14" t="s">
        <v>96</v>
      </c>
      <c r="D25523" s="14" t="s">
        <v>165</v>
      </c>
      <c r="E25523" s="15">
        <v>45714</v>
      </c>
      <c r="F25523" s="14" t="s">
        <v>53</v>
      </c>
      <c r="G25523" s="16">
        <v>0</v>
      </c>
    </row>
    <row r="25524" spans="1:7" x14ac:dyDescent="0.3">
      <c r="A25524" s="13" t="s">
        <v>164</v>
      </c>
      <c r="B25524" s="14" t="s">
        <v>1</v>
      </c>
      <c r="C25524" s="14" t="s">
        <v>96</v>
      </c>
      <c r="D25524" s="14" t="s">
        <v>165</v>
      </c>
      <c r="E25524" s="15">
        <v>45715</v>
      </c>
      <c r="F25524" s="14" t="s">
        <v>53</v>
      </c>
      <c r="G25524" s="16">
        <v>0</v>
      </c>
    </row>
    <row r="25525" spans="1:7" x14ac:dyDescent="0.3">
      <c r="A25525" s="13" t="s">
        <v>164</v>
      </c>
      <c r="B25525" s="14" t="s">
        <v>1</v>
      </c>
      <c r="C25525" s="14" t="s">
        <v>96</v>
      </c>
      <c r="D25525" s="14" t="s">
        <v>165</v>
      </c>
      <c r="E25525" s="15">
        <v>45716</v>
      </c>
      <c r="F25525" s="14" t="s">
        <v>53</v>
      </c>
      <c r="G25525" s="16">
        <v>0</v>
      </c>
    </row>
    <row r="25526" spans="1:7" x14ac:dyDescent="0.3">
      <c r="A25526" s="13" t="s">
        <v>164</v>
      </c>
      <c r="B25526" s="14" t="s">
        <v>1</v>
      </c>
      <c r="C25526" s="14" t="s">
        <v>96</v>
      </c>
      <c r="D25526" s="14" t="s">
        <v>165</v>
      </c>
      <c r="E25526" s="15">
        <v>45717</v>
      </c>
      <c r="F25526" s="14" t="s">
        <v>53</v>
      </c>
      <c r="G25526" s="16">
        <v>0</v>
      </c>
    </row>
    <row r="25527" spans="1:7" x14ac:dyDescent="0.3">
      <c r="A25527" s="13" t="s">
        <v>164</v>
      </c>
      <c r="B25527" s="14" t="s">
        <v>1</v>
      </c>
      <c r="C25527" s="14" t="s">
        <v>96</v>
      </c>
      <c r="D25527" s="14" t="s">
        <v>165</v>
      </c>
      <c r="E25527" s="15">
        <v>45718</v>
      </c>
      <c r="F25527" s="14" t="s">
        <v>53</v>
      </c>
      <c r="G25527" s="16">
        <v>0</v>
      </c>
    </row>
    <row r="25528" spans="1:7" x14ac:dyDescent="0.3">
      <c r="A25528" s="13" t="s">
        <v>164</v>
      </c>
      <c r="B25528" s="14" t="s">
        <v>1</v>
      </c>
      <c r="C25528" s="14" t="s">
        <v>96</v>
      </c>
      <c r="D25528" s="14" t="s">
        <v>165</v>
      </c>
      <c r="E25528" s="15">
        <v>45719</v>
      </c>
      <c r="F25528" s="14" t="s">
        <v>53</v>
      </c>
      <c r="G25528" s="16">
        <v>0</v>
      </c>
    </row>
    <row r="25529" spans="1:7" x14ac:dyDescent="0.3">
      <c r="A25529" s="13" t="s">
        <v>164</v>
      </c>
      <c r="B25529" s="14" t="s">
        <v>1</v>
      </c>
      <c r="C25529" s="14" t="s">
        <v>96</v>
      </c>
      <c r="D25529" s="14" t="s">
        <v>165</v>
      </c>
      <c r="E25529" s="15">
        <v>45720</v>
      </c>
      <c r="F25529" s="14" t="s">
        <v>53</v>
      </c>
      <c r="G25529" s="16">
        <v>0</v>
      </c>
    </row>
    <row r="25530" spans="1:7" x14ac:dyDescent="0.3">
      <c r="A25530" s="13" t="s">
        <v>164</v>
      </c>
      <c r="B25530" s="14" t="s">
        <v>1</v>
      </c>
      <c r="C25530" s="14" t="s">
        <v>96</v>
      </c>
      <c r="D25530" s="14" t="s">
        <v>165</v>
      </c>
      <c r="E25530" s="15">
        <v>45721</v>
      </c>
      <c r="F25530" s="14" t="s">
        <v>53</v>
      </c>
      <c r="G25530" s="16">
        <v>0</v>
      </c>
    </row>
    <row r="25531" spans="1:7" x14ac:dyDescent="0.3">
      <c r="A25531" s="13" t="s">
        <v>164</v>
      </c>
      <c r="B25531" s="14" t="s">
        <v>1</v>
      </c>
      <c r="C25531" s="14" t="s">
        <v>96</v>
      </c>
      <c r="D25531" s="14" t="s">
        <v>165</v>
      </c>
      <c r="E25531" s="15">
        <v>45722</v>
      </c>
      <c r="F25531" s="14" t="s">
        <v>53</v>
      </c>
      <c r="G25531" s="16">
        <v>0</v>
      </c>
    </row>
    <row r="25532" spans="1:7" x14ac:dyDescent="0.3">
      <c r="A25532" s="13" t="s">
        <v>164</v>
      </c>
      <c r="B25532" s="14" t="s">
        <v>1</v>
      </c>
      <c r="C25532" s="14" t="s">
        <v>96</v>
      </c>
      <c r="D25532" s="14" t="s">
        <v>165</v>
      </c>
      <c r="E25532" s="15">
        <v>45723</v>
      </c>
      <c r="F25532" s="14" t="s">
        <v>53</v>
      </c>
      <c r="G25532" s="16">
        <v>0</v>
      </c>
    </row>
    <row r="25533" spans="1:7" x14ac:dyDescent="0.3">
      <c r="A25533" s="13" t="s">
        <v>164</v>
      </c>
      <c r="B25533" s="14" t="s">
        <v>1</v>
      </c>
      <c r="C25533" s="14" t="s">
        <v>96</v>
      </c>
      <c r="D25533" s="14" t="s">
        <v>165</v>
      </c>
      <c r="E25533" s="15">
        <v>45724</v>
      </c>
      <c r="F25533" s="14" t="s">
        <v>53</v>
      </c>
      <c r="G25533" s="16">
        <v>0</v>
      </c>
    </row>
    <row r="25534" spans="1:7" x14ac:dyDescent="0.3">
      <c r="A25534" s="13" t="s">
        <v>164</v>
      </c>
      <c r="B25534" s="14" t="s">
        <v>1</v>
      </c>
      <c r="C25534" s="14" t="s">
        <v>96</v>
      </c>
      <c r="D25534" s="14" t="s">
        <v>165</v>
      </c>
      <c r="E25534" s="15">
        <v>45725</v>
      </c>
      <c r="F25534" s="14" t="s">
        <v>53</v>
      </c>
      <c r="G25534" s="16">
        <v>0</v>
      </c>
    </row>
    <row r="25535" spans="1:7" x14ac:dyDescent="0.3">
      <c r="A25535" s="13" t="s">
        <v>164</v>
      </c>
      <c r="B25535" s="14" t="s">
        <v>1</v>
      </c>
      <c r="C25535" s="14" t="s">
        <v>96</v>
      </c>
      <c r="D25535" s="14" t="s">
        <v>165</v>
      </c>
      <c r="E25535" s="15">
        <v>45726</v>
      </c>
      <c r="F25535" s="14" t="s">
        <v>53</v>
      </c>
      <c r="G25535" s="16">
        <v>0</v>
      </c>
    </row>
    <row r="25536" spans="1:7" x14ac:dyDescent="0.3">
      <c r="A25536" s="13" t="s">
        <v>164</v>
      </c>
      <c r="B25536" s="14" t="s">
        <v>1</v>
      </c>
      <c r="C25536" s="14" t="s">
        <v>96</v>
      </c>
      <c r="D25536" s="14" t="s">
        <v>165</v>
      </c>
      <c r="E25536" s="15">
        <v>45727</v>
      </c>
      <c r="F25536" s="14" t="s">
        <v>53</v>
      </c>
      <c r="G25536" s="16">
        <v>0</v>
      </c>
    </row>
    <row r="25537" spans="1:7" x14ac:dyDescent="0.3">
      <c r="A25537" s="13" t="s">
        <v>164</v>
      </c>
      <c r="B25537" s="14" t="s">
        <v>1</v>
      </c>
      <c r="C25537" s="14" t="s">
        <v>96</v>
      </c>
      <c r="D25537" s="14" t="s">
        <v>165</v>
      </c>
      <c r="E25537" s="15">
        <v>45728</v>
      </c>
      <c r="F25537" s="14" t="s">
        <v>53</v>
      </c>
      <c r="G25537" s="16">
        <v>0</v>
      </c>
    </row>
    <row r="25538" spans="1:7" x14ac:dyDescent="0.3">
      <c r="A25538" s="13" t="s">
        <v>164</v>
      </c>
      <c r="B25538" s="14" t="s">
        <v>1</v>
      </c>
      <c r="C25538" s="14" t="s">
        <v>96</v>
      </c>
      <c r="D25538" s="14" t="s">
        <v>165</v>
      </c>
      <c r="E25538" s="15">
        <v>45729</v>
      </c>
      <c r="F25538" s="14" t="s">
        <v>53</v>
      </c>
      <c r="G25538" s="16">
        <v>0</v>
      </c>
    </row>
    <row r="25539" spans="1:7" x14ac:dyDescent="0.3">
      <c r="A25539" s="13" t="s">
        <v>164</v>
      </c>
      <c r="B25539" s="14" t="s">
        <v>1</v>
      </c>
      <c r="C25539" s="14" t="s">
        <v>96</v>
      </c>
      <c r="D25539" s="14" t="s">
        <v>165</v>
      </c>
      <c r="E25539" s="15">
        <v>45730</v>
      </c>
      <c r="F25539" s="14" t="s">
        <v>53</v>
      </c>
      <c r="G25539" s="16">
        <v>0</v>
      </c>
    </row>
    <row r="25540" spans="1:7" x14ac:dyDescent="0.3">
      <c r="A25540" s="13" t="s">
        <v>164</v>
      </c>
      <c r="B25540" s="14" t="s">
        <v>1</v>
      </c>
      <c r="C25540" s="14" t="s">
        <v>96</v>
      </c>
      <c r="D25540" s="14" t="s">
        <v>165</v>
      </c>
      <c r="E25540" s="15">
        <v>45731</v>
      </c>
      <c r="F25540" s="14" t="s">
        <v>53</v>
      </c>
      <c r="G25540" s="16">
        <v>0</v>
      </c>
    </row>
    <row r="25541" spans="1:7" x14ac:dyDescent="0.3">
      <c r="A25541" s="13" t="s">
        <v>164</v>
      </c>
      <c r="B25541" s="14" t="s">
        <v>1</v>
      </c>
      <c r="C25541" s="14" t="s">
        <v>96</v>
      </c>
      <c r="D25541" s="14" t="s">
        <v>165</v>
      </c>
      <c r="E25541" s="15">
        <v>45732</v>
      </c>
      <c r="F25541" s="14" t="s">
        <v>53</v>
      </c>
      <c r="G25541" s="16">
        <v>0</v>
      </c>
    </row>
    <row r="25542" spans="1:7" x14ac:dyDescent="0.3">
      <c r="A25542" s="13" t="s">
        <v>164</v>
      </c>
      <c r="B25542" s="14" t="s">
        <v>1</v>
      </c>
      <c r="C25542" s="14" t="s">
        <v>96</v>
      </c>
      <c r="D25542" s="14" t="s">
        <v>165</v>
      </c>
      <c r="E25542" s="15">
        <v>45733</v>
      </c>
      <c r="F25542" s="14" t="s">
        <v>53</v>
      </c>
      <c r="G25542" s="16">
        <v>0</v>
      </c>
    </row>
    <row r="25543" spans="1:7" x14ac:dyDescent="0.3">
      <c r="A25543" s="13" t="s">
        <v>164</v>
      </c>
      <c r="B25543" s="14" t="s">
        <v>1</v>
      </c>
      <c r="C25543" s="14" t="s">
        <v>96</v>
      </c>
      <c r="D25543" s="14" t="s">
        <v>165</v>
      </c>
      <c r="E25543" s="15">
        <v>45734</v>
      </c>
      <c r="F25543" s="14" t="s">
        <v>53</v>
      </c>
      <c r="G25543" s="16">
        <v>0</v>
      </c>
    </row>
    <row r="25544" spans="1:7" x14ac:dyDescent="0.3">
      <c r="A25544" s="13" t="s">
        <v>164</v>
      </c>
      <c r="B25544" s="14" t="s">
        <v>1</v>
      </c>
      <c r="C25544" s="14" t="s">
        <v>96</v>
      </c>
      <c r="D25544" s="14" t="s">
        <v>165</v>
      </c>
      <c r="E25544" s="15">
        <v>45735</v>
      </c>
      <c r="F25544" s="14" t="s">
        <v>53</v>
      </c>
      <c r="G25544" s="16">
        <v>0</v>
      </c>
    </row>
    <row r="25545" spans="1:7" x14ac:dyDescent="0.3">
      <c r="A25545" s="13" t="s">
        <v>164</v>
      </c>
      <c r="B25545" s="14" t="s">
        <v>1</v>
      </c>
      <c r="C25545" s="14" t="s">
        <v>96</v>
      </c>
      <c r="D25545" s="14" t="s">
        <v>165</v>
      </c>
      <c r="E25545" s="15">
        <v>45736</v>
      </c>
      <c r="F25545" s="14" t="s">
        <v>53</v>
      </c>
      <c r="G25545" s="16">
        <v>0</v>
      </c>
    </row>
    <row r="25546" spans="1:7" x14ac:dyDescent="0.3">
      <c r="A25546" s="13" t="s">
        <v>164</v>
      </c>
      <c r="B25546" s="14" t="s">
        <v>1</v>
      </c>
      <c r="C25546" s="14" t="s">
        <v>96</v>
      </c>
      <c r="D25546" s="14" t="s">
        <v>165</v>
      </c>
      <c r="E25546" s="15">
        <v>45737</v>
      </c>
      <c r="F25546" s="14" t="s">
        <v>53</v>
      </c>
      <c r="G25546" s="16">
        <v>0</v>
      </c>
    </row>
    <row r="25547" spans="1:7" x14ac:dyDescent="0.3">
      <c r="A25547" s="13" t="s">
        <v>164</v>
      </c>
      <c r="B25547" s="14" t="s">
        <v>1</v>
      </c>
      <c r="C25547" s="14" t="s">
        <v>96</v>
      </c>
      <c r="D25547" s="14" t="s">
        <v>165</v>
      </c>
      <c r="E25547" s="15">
        <v>45738</v>
      </c>
      <c r="F25547" s="14" t="s">
        <v>53</v>
      </c>
      <c r="G25547" s="16">
        <v>0</v>
      </c>
    </row>
    <row r="25548" spans="1:7" x14ac:dyDescent="0.3">
      <c r="A25548" s="13" t="s">
        <v>164</v>
      </c>
      <c r="B25548" s="14" t="s">
        <v>1</v>
      </c>
      <c r="C25548" s="14" t="s">
        <v>96</v>
      </c>
      <c r="D25548" s="14" t="s">
        <v>165</v>
      </c>
      <c r="E25548" s="15">
        <v>45739</v>
      </c>
      <c r="F25548" s="14" t="s">
        <v>53</v>
      </c>
      <c r="G25548" s="16">
        <v>0</v>
      </c>
    </row>
    <row r="25549" spans="1:7" x14ac:dyDescent="0.3">
      <c r="A25549" s="13" t="s">
        <v>164</v>
      </c>
      <c r="B25549" s="14" t="s">
        <v>1</v>
      </c>
      <c r="C25549" s="14" t="s">
        <v>96</v>
      </c>
      <c r="D25549" s="14" t="s">
        <v>165</v>
      </c>
      <c r="E25549" s="15">
        <v>45740</v>
      </c>
      <c r="F25549" s="14" t="s">
        <v>53</v>
      </c>
      <c r="G25549" s="16">
        <v>0</v>
      </c>
    </row>
    <row r="25550" spans="1:7" x14ac:dyDescent="0.3">
      <c r="A25550" s="13" t="s">
        <v>164</v>
      </c>
      <c r="B25550" s="14" t="s">
        <v>1</v>
      </c>
      <c r="C25550" s="14" t="s">
        <v>96</v>
      </c>
      <c r="D25550" s="14" t="s">
        <v>165</v>
      </c>
      <c r="E25550" s="15">
        <v>45741</v>
      </c>
      <c r="F25550" s="14" t="s">
        <v>53</v>
      </c>
      <c r="G25550" s="16">
        <v>0</v>
      </c>
    </row>
    <row r="25551" spans="1:7" x14ac:dyDescent="0.3">
      <c r="A25551" s="13" t="s">
        <v>164</v>
      </c>
      <c r="B25551" s="14" t="s">
        <v>1</v>
      </c>
      <c r="C25551" s="14" t="s">
        <v>96</v>
      </c>
      <c r="D25551" s="14" t="s">
        <v>165</v>
      </c>
      <c r="E25551" s="15">
        <v>45742</v>
      </c>
      <c r="F25551" s="14" t="s">
        <v>53</v>
      </c>
      <c r="G25551" s="16">
        <v>1.3627491749043364E-2</v>
      </c>
    </row>
    <row r="25552" spans="1:7" x14ac:dyDescent="0.3">
      <c r="A25552" s="13" t="s">
        <v>164</v>
      </c>
      <c r="B25552" s="14" t="s">
        <v>1</v>
      </c>
      <c r="C25552" s="14" t="s">
        <v>96</v>
      </c>
      <c r="D25552" s="14" t="s">
        <v>165</v>
      </c>
      <c r="E25552" s="15">
        <v>45743</v>
      </c>
      <c r="F25552" s="14" t="s">
        <v>53</v>
      </c>
      <c r="G25552" s="16">
        <v>2.3867693740254652E-2</v>
      </c>
    </row>
    <row r="25553" spans="1:7" x14ac:dyDescent="0.3">
      <c r="A25553" s="13" t="s">
        <v>164</v>
      </c>
      <c r="B25553" s="14" t="s">
        <v>1</v>
      </c>
      <c r="C25553" s="14" t="s">
        <v>96</v>
      </c>
      <c r="D25553" s="14" t="s">
        <v>165</v>
      </c>
      <c r="E25553" s="15">
        <v>45744</v>
      </c>
      <c r="F25553" s="14" t="s">
        <v>53</v>
      </c>
      <c r="G25553" s="16">
        <v>1.5378941972175639E-2</v>
      </c>
    </row>
    <row r="25554" spans="1:7" x14ac:dyDescent="0.3">
      <c r="A25554" s="13" t="s">
        <v>164</v>
      </c>
      <c r="B25554" s="14" t="s">
        <v>1</v>
      </c>
      <c r="C25554" s="14" t="s">
        <v>96</v>
      </c>
      <c r="D25554" s="14" t="s">
        <v>165</v>
      </c>
      <c r="E25554" s="15">
        <v>45745</v>
      </c>
      <c r="F25554" s="14" t="s">
        <v>53</v>
      </c>
      <c r="G25554" s="16">
        <v>1.5378941972175639E-2</v>
      </c>
    </row>
    <row r="25555" spans="1:7" x14ac:dyDescent="0.3">
      <c r="A25555" s="13" t="s">
        <v>164</v>
      </c>
      <c r="B25555" s="14" t="s">
        <v>1</v>
      </c>
      <c r="C25555" s="14" t="s">
        <v>96</v>
      </c>
      <c r="D25555" s="14" t="s">
        <v>165</v>
      </c>
      <c r="E25555" s="15">
        <v>45746</v>
      </c>
      <c r="F25555" s="14" t="s">
        <v>53</v>
      </c>
      <c r="G25555" s="16">
        <v>1.5378941972175639E-2</v>
      </c>
    </row>
    <row r="25556" spans="1:7" x14ac:dyDescent="0.3">
      <c r="A25556" s="13" t="s">
        <v>164</v>
      </c>
      <c r="B25556" s="14" t="s">
        <v>1</v>
      </c>
      <c r="C25556" s="14" t="s">
        <v>96</v>
      </c>
      <c r="D25556" s="14" t="s">
        <v>165</v>
      </c>
      <c r="E25556" s="15">
        <v>45747</v>
      </c>
      <c r="F25556" s="14" t="s">
        <v>53</v>
      </c>
      <c r="G25556" s="16">
        <v>1.5378941972175639E-2</v>
      </c>
    </row>
    <row r="25557" spans="1:7" x14ac:dyDescent="0.3">
      <c r="A25557" s="13" t="s">
        <v>166</v>
      </c>
      <c r="B25557" s="14" t="s">
        <v>1</v>
      </c>
      <c r="C25557" s="14" t="s">
        <v>137</v>
      </c>
      <c r="D25557" s="14" t="s">
        <v>167</v>
      </c>
      <c r="E25557" s="15">
        <v>45383</v>
      </c>
      <c r="F25557" s="14" t="s">
        <v>53</v>
      </c>
      <c r="G25557" s="16">
        <v>0</v>
      </c>
    </row>
    <row r="25558" spans="1:7" x14ac:dyDescent="0.3">
      <c r="A25558" s="13" t="s">
        <v>166</v>
      </c>
      <c r="B25558" s="14" t="s">
        <v>1</v>
      </c>
      <c r="C25558" s="14" t="s">
        <v>137</v>
      </c>
      <c r="D25558" s="14" t="s">
        <v>167</v>
      </c>
      <c r="E25558" s="15">
        <v>45384</v>
      </c>
      <c r="F25558" s="14" t="s">
        <v>53</v>
      </c>
      <c r="G25558" s="16">
        <v>0</v>
      </c>
    </row>
    <row r="25559" spans="1:7" x14ac:dyDescent="0.3">
      <c r="A25559" s="13" t="s">
        <v>166</v>
      </c>
      <c r="B25559" s="14" t="s">
        <v>1</v>
      </c>
      <c r="C25559" s="14" t="s">
        <v>137</v>
      </c>
      <c r="D25559" s="14" t="s">
        <v>167</v>
      </c>
      <c r="E25559" s="15">
        <v>45385</v>
      </c>
      <c r="F25559" s="14" t="s">
        <v>53</v>
      </c>
      <c r="G25559" s="16">
        <v>8.0961253367270003E-2</v>
      </c>
    </row>
    <row r="25560" spans="1:7" x14ac:dyDescent="0.3">
      <c r="A25560" s="13" t="s">
        <v>166</v>
      </c>
      <c r="B25560" s="14" t="s">
        <v>1</v>
      </c>
      <c r="C25560" s="14" t="s">
        <v>137</v>
      </c>
      <c r="D25560" s="14" t="s">
        <v>167</v>
      </c>
      <c r="E25560" s="15">
        <v>45386</v>
      </c>
      <c r="F25560" s="14" t="s">
        <v>53</v>
      </c>
      <c r="G25560" s="16">
        <v>0.10072917604451846</v>
      </c>
    </row>
    <row r="25561" spans="1:7" x14ac:dyDescent="0.3">
      <c r="A25561" s="13" t="s">
        <v>166</v>
      </c>
      <c r="B25561" s="14" t="s">
        <v>1</v>
      </c>
      <c r="C25561" s="14" t="s">
        <v>137</v>
      </c>
      <c r="D25561" s="14" t="s">
        <v>167</v>
      </c>
      <c r="E25561" s="15">
        <v>45387</v>
      </c>
      <c r="F25561" s="14" t="s">
        <v>53</v>
      </c>
      <c r="G25561" s="16">
        <v>0.12219553439992197</v>
      </c>
    </row>
    <row r="25562" spans="1:7" x14ac:dyDescent="0.3">
      <c r="A25562" s="13" t="s">
        <v>166</v>
      </c>
      <c r="B25562" s="14" t="s">
        <v>1</v>
      </c>
      <c r="C25562" s="14" t="s">
        <v>137</v>
      </c>
      <c r="D25562" s="14" t="s">
        <v>167</v>
      </c>
      <c r="E25562" s="15">
        <v>45388</v>
      </c>
      <c r="F25562" s="14" t="s">
        <v>53</v>
      </c>
      <c r="G25562" s="16">
        <v>0.12219553439992197</v>
      </c>
    </row>
    <row r="25563" spans="1:7" x14ac:dyDescent="0.3">
      <c r="A25563" s="13" t="s">
        <v>166</v>
      </c>
      <c r="B25563" s="14" t="s">
        <v>1</v>
      </c>
      <c r="C25563" s="14" t="s">
        <v>137</v>
      </c>
      <c r="D25563" s="14" t="s">
        <v>167</v>
      </c>
      <c r="E25563" s="15">
        <v>45389</v>
      </c>
      <c r="F25563" s="14" t="s">
        <v>53</v>
      </c>
      <c r="G25563" s="16">
        <v>0.12219553439992197</v>
      </c>
    </row>
    <row r="25564" spans="1:7" x14ac:dyDescent="0.3">
      <c r="A25564" s="13" t="s">
        <v>166</v>
      </c>
      <c r="B25564" s="14" t="s">
        <v>1</v>
      </c>
      <c r="C25564" s="14" t="s">
        <v>137</v>
      </c>
      <c r="D25564" s="14" t="s">
        <v>167</v>
      </c>
      <c r="E25564" s="15">
        <v>45390</v>
      </c>
      <c r="F25564" s="14" t="s">
        <v>53</v>
      </c>
      <c r="G25564" s="16">
        <v>0.14108469401529303</v>
      </c>
    </row>
    <row r="25565" spans="1:7" x14ac:dyDescent="0.3">
      <c r="A25565" s="13" t="s">
        <v>166</v>
      </c>
      <c r="B25565" s="14" t="s">
        <v>1</v>
      </c>
      <c r="C25565" s="14" t="s">
        <v>137</v>
      </c>
      <c r="D25565" s="14" t="s">
        <v>167</v>
      </c>
      <c r="E25565" s="15">
        <v>45391</v>
      </c>
      <c r="F25565" s="14" t="s">
        <v>53</v>
      </c>
      <c r="G25565" s="16">
        <v>0.18522256344953286</v>
      </c>
    </row>
    <row r="25566" spans="1:7" x14ac:dyDescent="0.3">
      <c r="A25566" s="13" t="s">
        <v>166</v>
      </c>
      <c r="B25566" s="14" t="s">
        <v>1</v>
      </c>
      <c r="C25566" s="14" t="s">
        <v>137</v>
      </c>
      <c r="D25566" s="14" t="s">
        <v>167</v>
      </c>
      <c r="E25566" s="15">
        <v>45392</v>
      </c>
      <c r="F25566" s="14" t="s">
        <v>53</v>
      </c>
      <c r="G25566" s="16">
        <v>0.20397006012367414</v>
      </c>
    </row>
    <row r="25567" spans="1:7" x14ac:dyDescent="0.3">
      <c r="A25567" s="13" t="s">
        <v>166</v>
      </c>
      <c r="B25567" s="14" t="s">
        <v>1</v>
      </c>
      <c r="C25567" s="14" t="s">
        <v>137</v>
      </c>
      <c r="D25567" s="14" t="s">
        <v>167</v>
      </c>
      <c r="E25567" s="15">
        <v>45393</v>
      </c>
      <c r="F25567" s="14" t="s">
        <v>53</v>
      </c>
      <c r="G25567" s="16">
        <v>0.21808615937628717</v>
      </c>
    </row>
    <row r="25568" spans="1:7" x14ac:dyDescent="0.3">
      <c r="A25568" s="13" t="s">
        <v>166</v>
      </c>
      <c r="B25568" s="14" t="s">
        <v>1</v>
      </c>
      <c r="C25568" s="14" t="s">
        <v>137</v>
      </c>
      <c r="D25568" s="14" t="s">
        <v>167</v>
      </c>
      <c r="E25568" s="15">
        <v>45394</v>
      </c>
      <c r="F25568" s="14" t="s">
        <v>53</v>
      </c>
      <c r="G25568" s="16">
        <v>0.23686443840778912</v>
      </c>
    </row>
    <row r="25569" spans="1:7" x14ac:dyDescent="0.3">
      <c r="A25569" s="13" t="s">
        <v>166</v>
      </c>
      <c r="B25569" s="14" t="s">
        <v>1</v>
      </c>
      <c r="C25569" s="14" t="s">
        <v>137</v>
      </c>
      <c r="D25569" s="14" t="s">
        <v>167</v>
      </c>
      <c r="E25569" s="15">
        <v>45395</v>
      </c>
      <c r="F25569" s="14" t="s">
        <v>53</v>
      </c>
      <c r="G25569" s="16">
        <v>0.23686443840778912</v>
      </c>
    </row>
    <row r="25570" spans="1:7" x14ac:dyDescent="0.3">
      <c r="A25570" s="13" t="s">
        <v>166</v>
      </c>
      <c r="B25570" s="14" t="s">
        <v>1</v>
      </c>
      <c r="C25570" s="14" t="s">
        <v>137</v>
      </c>
      <c r="D25570" s="14" t="s">
        <v>167</v>
      </c>
      <c r="E25570" s="15">
        <v>45396</v>
      </c>
      <c r="F25570" s="14" t="s">
        <v>53</v>
      </c>
      <c r="G25570" s="16">
        <v>0.23686443840778912</v>
      </c>
    </row>
    <row r="25571" spans="1:7" x14ac:dyDescent="0.3">
      <c r="A25571" s="13" t="s">
        <v>166</v>
      </c>
      <c r="B25571" s="14" t="s">
        <v>1</v>
      </c>
      <c r="C25571" s="14" t="s">
        <v>137</v>
      </c>
      <c r="D25571" s="14" t="s">
        <v>167</v>
      </c>
      <c r="E25571" s="15">
        <v>45397</v>
      </c>
      <c r="F25571" s="14" t="s">
        <v>53</v>
      </c>
      <c r="G25571" s="16">
        <v>0.25397856436660676</v>
      </c>
    </row>
    <row r="25572" spans="1:7" x14ac:dyDescent="0.3">
      <c r="A25572" s="13" t="s">
        <v>166</v>
      </c>
      <c r="B25572" s="14" t="s">
        <v>1</v>
      </c>
      <c r="C25572" s="14" t="s">
        <v>137</v>
      </c>
      <c r="D25572" s="14" t="s">
        <v>167</v>
      </c>
      <c r="E25572" s="15">
        <v>45398</v>
      </c>
      <c r="F25572" s="14" t="s">
        <v>53</v>
      </c>
      <c r="G25572" s="16">
        <v>0.30840258069640114</v>
      </c>
    </row>
    <row r="25573" spans="1:7" x14ac:dyDescent="0.3">
      <c r="A25573" s="13" t="s">
        <v>166</v>
      </c>
      <c r="B25573" s="14" t="s">
        <v>1</v>
      </c>
      <c r="C25573" s="14" t="s">
        <v>137</v>
      </c>
      <c r="D25573" s="14" t="s">
        <v>167</v>
      </c>
      <c r="E25573" s="15">
        <v>45399</v>
      </c>
      <c r="F25573" s="14" t="s">
        <v>53</v>
      </c>
      <c r="G25573" s="16">
        <v>0.32563329720544554</v>
      </c>
    </row>
    <row r="25574" spans="1:7" x14ac:dyDescent="0.3">
      <c r="A25574" s="13" t="s">
        <v>166</v>
      </c>
      <c r="B25574" s="14" t="s">
        <v>1</v>
      </c>
      <c r="C25574" s="14" t="s">
        <v>137</v>
      </c>
      <c r="D25574" s="14" t="s">
        <v>167</v>
      </c>
      <c r="E25574" s="15">
        <v>45400</v>
      </c>
      <c r="F25574" s="14" t="s">
        <v>53</v>
      </c>
      <c r="G25574" s="16">
        <v>0.31017170734787164</v>
      </c>
    </row>
    <row r="25575" spans="1:7" x14ac:dyDescent="0.3">
      <c r="A25575" s="13" t="s">
        <v>166</v>
      </c>
      <c r="B25575" s="14" t="s">
        <v>1</v>
      </c>
      <c r="C25575" s="14" t="s">
        <v>137</v>
      </c>
      <c r="D25575" s="14" t="s">
        <v>167</v>
      </c>
      <c r="E25575" s="15">
        <v>45401</v>
      </c>
      <c r="F25575" s="14" t="s">
        <v>53</v>
      </c>
      <c r="G25575" s="16">
        <v>0.32968704469201038</v>
      </c>
    </row>
    <row r="25576" spans="1:7" x14ac:dyDescent="0.3">
      <c r="A25576" s="13" t="s">
        <v>166</v>
      </c>
      <c r="B25576" s="14" t="s">
        <v>1</v>
      </c>
      <c r="C25576" s="14" t="s">
        <v>137</v>
      </c>
      <c r="D25576" s="14" t="s">
        <v>167</v>
      </c>
      <c r="E25576" s="15">
        <v>45402</v>
      </c>
      <c r="F25576" s="14" t="s">
        <v>53</v>
      </c>
      <c r="G25576" s="16">
        <v>0.32968704469201038</v>
      </c>
    </row>
    <row r="25577" spans="1:7" x14ac:dyDescent="0.3">
      <c r="A25577" s="13" t="s">
        <v>166</v>
      </c>
      <c r="B25577" s="14" t="s">
        <v>1</v>
      </c>
      <c r="C25577" s="14" t="s">
        <v>137</v>
      </c>
      <c r="D25577" s="14" t="s">
        <v>167</v>
      </c>
      <c r="E25577" s="15">
        <v>45403</v>
      </c>
      <c r="F25577" s="14" t="s">
        <v>53</v>
      </c>
      <c r="G25577" s="16">
        <v>0.32968704469201038</v>
      </c>
    </row>
    <row r="25578" spans="1:7" x14ac:dyDescent="0.3">
      <c r="A25578" s="13" t="s">
        <v>166</v>
      </c>
      <c r="B25578" s="14" t="s">
        <v>1</v>
      </c>
      <c r="C25578" s="14" t="s">
        <v>137</v>
      </c>
      <c r="D25578" s="14" t="s">
        <v>167</v>
      </c>
      <c r="E25578" s="15">
        <v>45404</v>
      </c>
      <c r="F25578" s="14" t="s">
        <v>53</v>
      </c>
      <c r="G25578" s="16">
        <v>0.3476613852191287</v>
      </c>
    </row>
    <row r="25579" spans="1:7" x14ac:dyDescent="0.3">
      <c r="A25579" s="13" t="s">
        <v>166</v>
      </c>
      <c r="B25579" s="14" t="s">
        <v>1</v>
      </c>
      <c r="C25579" s="14" t="s">
        <v>137</v>
      </c>
      <c r="D25579" s="14" t="s">
        <v>167</v>
      </c>
      <c r="E25579" s="15">
        <v>45405</v>
      </c>
      <c r="F25579" s="14" t="s">
        <v>53</v>
      </c>
      <c r="G25579" s="16">
        <v>0.4003453392135235</v>
      </c>
    </row>
    <row r="25580" spans="1:7" x14ac:dyDescent="0.3">
      <c r="A25580" s="13" t="s">
        <v>166</v>
      </c>
      <c r="B25580" s="14" t="s">
        <v>1</v>
      </c>
      <c r="C25580" s="14" t="s">
        <v>137</v>
      </c>
      <c r="D25580" s="14" t="s">
        <v>167</v>
      </c>
      <c r="E25580" s="15">
        <v>45406</v>
      </c>
      <c r="F25580" s="14" t="s">
        <v>53</v>
      </c>
      <c r="G25580" s="16">
        <v>0.42009959071143166</v>
      </c>
    </row>
    <row r="25581" spans="1:7" x14ac:dyDescent="0.3">
      <c r="A25581" s="13" t="s">
        <v>166</v>
      </c>
      <c r="B25581" s="14" t="s">
        <v>1</v>
      </c>
      <c r="C25581" s="14" t="s">
        <v>137</v>
      </c>
      <c r="D25581" s="14" t="s">
        <v>167</v>
      </c>
      <c r="E25581" s="15">
        <v>45407</v>
      </c>
      <c r="F25581" s="14" t="s">
        <v>53</v>
      </c>
      <c r="G25581" s="16">
        <v>0.44056875331098733</v>
      </c>
    </row>
    <row r="25582" spans="1:7" x14ac:dyDescent="0.3">
      <c r="A25582" s="13" t="s">
        <v>166</v>
      </c>
      <c r="B25582" s="14" t="s">
        <v>1</v>
      </c>
      <c r="C25582" s="14" t="s">
        <v>137</v>
      </c>
      <c r="D25582" s="14" t="s">
        <v>167</v>
      </c>
      <c r="E25582" s="15">
        <v>45408</v>
      </c>
      <c r="F25582" s="14" t="s">
        <v>53</v>
      </c>
      <c r="G25582" s="16">
        <v>0.46274372632413185</v>
      </c>
    </row>
    <row r="25583" spans="1:7" x14ac:dyDescent="0.3">
      <c r="A25583" s="13" t="s">
        <v>166</v>
      </c>
      <c r="B25583" s="14" t="s">
        <v>1</v>
      </c>
      <c r="C25583" s="14" t="s">
        <v>137</v>
      </c>
      <c r="D25583" s="14" t="s">
        <v>167</v>
      </c>
      <c r="E25583" s="15">
        <v>45409</v>
      </c>
      <c r="F25583" s="14" t="s">
        <v>53</v>
      </c>
      <c r="G25583" s="16">
        <v>0.46274372632413185</v>
      </c>
    </row>
    <row r="25584" spans="1:7" x14ac:dyDescent="0.3">
      <c r="A25584" s="13" t="s">
        <v>166</v>
      </c>
      <c r="B25584" s="14" t="s">
        <v>1</v>
      </c>
      <c r="C25584" s="14" t="s">
        <v>137</v>
      </c>
      <c r="D25584" s="14" t="s">
        <v>167</v>
      </c>
      <c r="E25584" s="15">
        <v>45410</v>
      </c>
      <c r="F25584" s="14" t="s">
        <v>53</v>
      </c>
      <c r="G25584" s="16">
        <v>0.46274372632413185</v>
      </c>
    </row>
    <row r="25585" spans="1:7" x14ac:dyDescent="0.3">
      <c r="A25585" s="13" t="s">
        <v>166</v>
      </c>
      <c r="B25585" s="14" t="s">
        <v>1</v>
      </c>
      <c r="C25585" s="14" t="s">
        <v>137</v>
      </c>
      <c r="D25585" s="14" t="s">
        <v>167</v>
      </c>
      <c r="E25585" s="15">
        <v>45411</v>
      </c>
      <c r="F25585" s="14" t="s">
        <v>53</v>
      </c>
      <c r="G25585" s="16">
        <v>0.48675452152174226</v>
      </c>
    </row>
    <row r="25586" spans="1:7" x14ac:dyDescent="0.3">
      <c r="A25586" s="13" t="s">
        <v>166</v>
      </c>
      <c r="B25586" s="14" t="s">
        <v>1</v>
      </c>
      <c r="C25586" s="14" t="s">
        <v>137</v>
      </c>
      <c r="D25586" s="14" t="s">
        <v>167</v>
      </c>
      <c r="E25586" s="15">
        <v>45412</v>
      </c>
      <c r="F25586" s="14" t="s">
        <v>53</v>
      </c>
      <c r="G25586" s="16">
        <v>0.54151190213265188</v>
      </c>
    </row>
    <row r="25587" spans="1:7" x14ac:dyDescent="0.3">
      <c r="A25587" s="13" t="s">
        <v>166</v>
      </c>
      <c r="B25587" s="14" t="s">
        <v>1</v>
      </c>
      <c r="C25587" s="14" t="s">
        <v>137</v>
      </c>
      <c r="D25587" s="14" t="s">
        <v>167</v>
      </c>
      <c r="E25587" s="15">
        <v>45413</v>
      </c>
      <c r="F25587" s="14" t="s">
        <v>53</v>
      </c>
      <c r="G25587" s="16">
        <v>0</v>
      </c>
    </row>
    <row r="25588" spans="1:7" x14ac:dyDescent="0.3">
      <c r="A25588" s="13" t="s">
        <v>166</v>
      </c>
      <c r="B25588" s="14" t="s">
        <v>1</v>
      </c>
      <c r="C25588" s="14" t="s">
        <v>137</v>
      </c>
      <c r="D25588" s="14" t="s">
        <v>167</v>
      </c>
      <c r="E25588" s="15">
        <v>45414</v>
      </c>
      <c r="F25588" s="14" t="s">
        <v>53</v>
      </c>
      <c r="G25588" s="16">
        <v>0</v>
      </c>
    </row>
    <row r="25589" spans="1:7" x14ac:dyDescent="0.3">
      <c r="A25589" s="13" t="s">
        <v>166</v>
      </c>
      <c r="B25589" s="14" t="s">
        <v>1</v>
      </c>
      <c r="C25589" s="14" t="s">
        <v>137</v>
      </c>
      <c r="D25589" s="14" t="s">
        <v>167</v>
      </c>
      <c r="E25589" s="15">
        <v>45415</v>
      </c>
      <c r="F25589" s="14" t="s">
        <v>53</v>
      </c>
      <c r="G25589" s="16">
        <v>0</v>
      </c>
    </row>
    <row r="25590" spans="1:7" x14ac:dyDescent="0.3">
      <c r="A25590" s="13" t="s">
        <v>166</v>
      </c>
      <c r="B25590" s="14" t="s">
        <v>1</v>
      </c>
      <c r="C25590" s="14" t="s">
        <v>137</v>
      </c>
      <c r="D25590" s="14" t="s">
        <v>167</v>
      </c>
      <c r="E25590" s="15">
        <v>45416</v>
      </c>
      <c r="F25590" s="14" t="s">
        <v>53</v>
      </c>
      <c r="G25590" s="16">
        <v>0</v>
      </c>
    </row>
    <row r="25591" spans="1:7" x14ac:dyDescent="0.3">
      <c r="A25591" s="13" t="s">
        <v>166</v>
      </c>
      <c r="B25591" s="14" t="s">
        <v>1</v>
      </c>
      <c r="C25591" s="14" t="s">
        <v>137</v>
      </c>
      <c r="D25591" s="14" t="s">
        <v>167</v>
      </c>
      <c r="E25591" s="15">
        <v>45417</v>
      </c>
      <c r="F25591" s="14" t="s">
        <v>53</v>
      </c>
      <c r="G25591" s="16">
        <v>0</v>
      </c>
    </row>
    <row r="25592" spans="1:7" x14ac:dyDescent="0.3">
      <c r="A25592" s="13" t="s">
        <v>166</v>
      </c>
      <c r="B25592" s="14" t="s">
        <v>1</v>
      </c>
      <c r="C25592" s="14" t="s">
        <v>137</v>
      </c>
      <c r="D25592" s="14" t="s">
        <v>167</v>
      </c>
      <c r="E25592" s="15">
        <v>45418</v>
      </c>
      <c r="F25592" s="14" t="s">
        <v>53</v>
      </c>
      <c r="G25592" s="16">
        <v>0</v>
      </c>
    </row>
    <row r="25593" spans="1:7" x14ac:dyDescent="0.3">
      <c r="A25593" s="13" t="s">
        <v>166</v>
      </c>
      <c r="B25593" s="14" t="s">
        <v>1</v>
      </c>
      <c r="C25593" s="14" t="s">
        <v>137</v>
      </c>
      <c r="D25593" s="14" t="s">
        <v>167</v>
      </c>
      <c r="E25593" s="15">
        <v>45419</v>
      </c>
      <c r="F25593" s="14" t="s">
        <v>53</v>
      </c>
      <c r="G25593" s="16">
        <v>1.3093016938609038E-3</v>
      </c>
    </row>
    <row r="25594" spans="1:7" x14ac:dyDescent="0.3">
      <c r="A25594" s="13" t="s">
        <v>166</v>
      </c>
      <c r="B25594" s="14" t="s">
        <v>1</v>
      </c>
      <c r="C25594" s="14" t="s">
        <v>137</v>
      </c>
      <c r="D25594" s="14" t="s">
        <v>167</v>
      </c>
      <c r="E25594" s="15">
        <v>45420</v>
      </c>
      <c r="F25594" s="14" t="s">
        <v>53</v>
      </c>
      <c r="G25594" s="16">
        <v>7.2300506123282759E-2</v>
      </c>
    </row>
    <row r="25595" spans="1:7" x14ac:dyDescent="0.3">
      <c r="A25595" s="13" t="s">
        <v>166</v>
      </c>
      <c r="B25595" s="14" t="s">
        <v>1</v>
      </c>
      <c r="C25595" s="14" t="s">
        <v>137</v>
      </c>
      <c r="D25595" s="14" t="s">
        <v>167</v>
      </c>
      <c r="E25595" s="15">
        <v>45421</v>
      </c>
      <c r="F25595" s="14" t="s">
        <v>53</v>
      </c>
      <c r="G25595" s="16">
        <v>9.1070605345719133E-2</v>
      </c>
    </row>
    <row r="25596" spans="1:7" x14ac:dyDescent="0.3">
      <c r="A25596" s="13" t="s">
        <v>166</v>
      </c>
      <c r="B25596" s="14" t="s">
        <v>1</v>
      </c>
      <c r="C25596" s="14" t="s">
        <v>137</v>
      </c>
      <c r="D25596" s="14" t="s">
        <v>167</v>
      </c>
      <c r="E25596" s="15">
        <v>45422</v>
      </c>
      <c r="F25596" s="14" t="s">
        <v>53</v>
      </c>
      <c r="G25596" s="16">
        <v>0.10947262509096964</v>
      </c>
    </row>
    <row r="25597" spans="1:7" x14ac:dyDescent="0.3">
      <c r="A25597" s="13" t="s">
        <v>166</v>
      </c>
      <c r="B25597" s="14" t="s">
        <v>1</v>
      </c>
      <c r="C25597" s="14" t="s">
        <v>137</v>
      </c>
      <c r="D25597" s="14" t="s">
        <v>167</v>
      </c>
      <c r="E25597" s="15">
        <v>45423</v>
      </c>
      <c r="F25597" s="14" t="s">
        <v>53</v>
      </c>
      <c r="G25597" s="16">
        <v>0.10947262509096964</v>
      </c>
    </row>
    <row r="25598" spans="1:7" x14ac:dyDescent="0.3">
      <c r="A25598" s="13" t="s">
        <v>166</v>
      </c>
      <c r="B25598" s="14" t="s">
        <v>1</v>
      </c>
      <c r="C25598" s="14" t="s">
        <v>137</v>
      </c>
      <c r="D25598" s="14" t="s">
        <v>167</v>
      </c>
      <c r="E25598" s="15">
        <v>45424</v>
      </c>
      <c r="F25598" s="14" t="s">
        <v>53</v>
      </c>
      <c r="G25598" s="16">
        <v>0.10947262509096964</v>
      </c>
    </row>
    <row r="25599" spans="1:7" x14ac:dyDescent="0.3">
      <c r="A25599" s="13" t="s">
        <v>166</v>
      </c>
      <c r="B25599" s="14" t="s">
        <v>1</v>
      </c>
      <c r="C25599" s="14" t="s">
        <v>137</v>
      </c>
      <c r="D25599" s="14" t="s">
        <v>167</v>
      </c>
      <c r="E25599" s="15">
        <v>45425</v>
      </c>
      <c r="F25599" s="14" t="s">
        <v>53</v>
      </c>
      <c r="G25599" s="16">
        <v>0.13278335573736591</v>
      </c>
    </row>
    <row r="25600" spans="1:7" x14ac:dyDescent="0.3">
      <c r="A25600" s="13" t="s">
        <v>166</v>
      </c>
      <c r="B25600" s="14" t="s">
        <v>1</v>
      </c>
      <c r="C25600" s="14" t="s">
        <v>137</v>
      </c>
      <c r="D25600" s="14" t="s">
        <v>167</v>
      </c>
      <c r="E25600" s="15">
        <v>45426</v>
      </c>
      <c r="F25600" s="14" t="s">
        <v>53</v>
      </c>
      <c r="G25600" s="16">
        <v>0.18905727554087884</v>
      </c>
    </row>
    <row r="25601" spans="1:7" x14ac:dyDescent="0.3">
      <c r="A25601" s="13" t="s">
        <v>166</v>
      </c>
      <c r="B25601" s="14" t="s">
        <v>1</v>
      </c>
      <c r="C25601" s="14" t="s">
        <v>137</v>
      </c>
      <c r="D25601" s="14" t="s">
        <v>167</v>
      </c>
      <c r="E25601" s="15">
        <v>45427</v>
      </c>
      <c r="F25601" s="14" t="s">
        <v>53</v>
      </c>
      <c r="G25601" s="16">
        <v>0.20593094452085603</v>
      </c>
    </row>
    <row r="25602" spans="1:7" x14ac:dyDescent="0.3">
      <c r="A25602" s="13" t="s">
        <v>166</v>
      </c>
      <c r="B25602" s="14" t="s">
        <v>1</v>
      </c>
      <c r="C25602" s="14" t="s">
        <v>137</v>
      </c>
      <c r="D25602" s="14" t="s">
        <v>167</v>
      </c>
      <c r="E25602" s="15">
        <v>45428</v>
      </c>
      <c r="F25602" s="14" t="s">
        <v>53</v>
      </c>
      <c r="G25602" s="16">
        <v>0.22446310350680629</v>
      </c>
    </row>
    <row r="25603" spans="1:7" x14ac:dyDescent="0.3">
      <c r="A25603" s="13" t="s">
        <v>166</v>
      </c>
      <c r="B25603" s="14" t="s">
        <v>1</v>
      </c>
      <c r="C25603" s="14" t="s">
        <v>137</v>
      </c>
      <c r="D25603" s="14" t="s">
        <v>167</v>
      </c>
      <c r="E25603" s="15">
        <v>45429</v>
      </c>
      <c r="F25603" s="14" t="s">
        <v>53</v>
      </c>
      <c r="G25603" s="16">
        <v>0.24100653044903805</v>
      </c>
    </row>
    <row r="25604" spans="1:7" x14ac:dyDescent="0.3">
      <c r="A25604" s="13" t="s">
        <v>166</v>
      </c>
      <c r="B25604" s="14" t="s">
        <v>1</v>
      </c>
      <c r="C25604" s="14" t="s">
        <v>137</v>
      </c>
      <c r="D25604" s="14" t="s">
        <v>167</v>
      </c>
      <c r="E25604" s="15">
        <v>45430</v>
      </c>
      <c r="F25604" s="14" t="s">
        <v>53</v>
      </c>
      <c r="G25604" s="16">
        <v>0.24100653044903805</v>
      </c>
    </row>
    <row r="25605" spans="1:7" x14ac:dyDescent="0.3">
      <c r="A25605" s="13" t="s">
        <v>166</v>
      </c>
      <c r="B25605" s="14" t="s">
        <v>1</v>
      </c>
      <c r="C25605" s="14" t="s">
        <v>137</v>
      </c>
      <c r="D25605" s="14" t="s">
        <v>167</v>
      </c>
      <c r="E25605" s="15">
        <v>45431</v>
      </c>
      <c r="F25605" s="14" t="s">
        <v>53</v>
      </c>
      <c r="G25605" s="16">
        <v>0.24100653044903805</v>
      </c>
    </row>
    <row r="25606" spans="1:7" x14ac:dyDescent="0.3">
      <c r="A25606" s="13" t="s">
        <v>166</v>
      </c>
      <c r="B25606" s="14" t="s">
        <v>1</v>
      </c>
      <c r="C25606" s="14" t="s">
        <v>137</v>
      </c>
      <c r="D25606" s="14" t="s">
        <v>167</v>
      </c>
      <c r="E25606" s="15">
        <v>45432</v>
      </c>
      <c r="F25606" s="14" t="s">
        <v>53</v>
      </c>
      <c r="G25606" s="16">
        <v>0.25919815466046592</v>
      </c>
    </row>
    <row r="25607" spans="1:7" x14ac:dyDescent="0.3">
      <c r="A25607" s="13" t="s">
        <v>166</v>
      </c>
      <c r="B25607" s="14" t="s">
        <v>1</v>
      </c>
      <c r="C25607" s="14" t="s">
        <v>137</v>
      </c>
      <c r="D25607" s="14" t="s">
        <v>167</v>
      </c>
      <c r="E25607" s="15">
        <v>45433</v>
      </c>
      <c r="F25607" s="14" t="s">
        <v>53</v>
      </c>
      <c r="G25607" s="16">
        <v>0.31401480094608097</v>
      </c>
    </row>
    <row r="25608" spans="1:7" x14ac:dyDescent="0.3">
      <c r="A25608" s="13" t="s">
        <v>166</v>
      </c>
      <c r="B25608" s="14" t="s">
        <v>1</v>
      </c>
      <c r="C25608" s="14" t="s">
        <v>137</v>
      </c>
      <c r="D25608" s="14" t="s">
        <v>167</v>
      </c>
      <c r="E25608" s="15">
        <v>45434</v>
      </c>
      <c r="F25608" s="14" t="s">
        <v>53</v>
      </c>
      <c r="G25608" s="16">
        <v>0.33210502675560011</v>
      </c>
    </row>
    <row r="25609" spans="1:7" x14ac:dyDescent="0.3">
      <c r="A25609" s="13" t="s">
        <v>166</v>
      </c>
      <c r="B25609" s="14" t="s">
        <v>1</v>
      </c>
      <c r="C25609" s="14" t="s">
        <v>137</v>
      </c>
      <c r="D25609" s="14" t="s">
        <v>167</v>
      </c>
      <c r="E25609" s="15">
        <v>45435</v>
      </c>
      <c r="F25609" s="14" t="s">
        <v>53</v>
      </c>
      <c r="G25609" s="16">
        <v>0.35342955980226248</v>
      </c>
    </row>
    <row r="25610" spans="1:7" x14ac:dyDescent="0.3">
      <c r="A25610" s="13" t="s">
        <v>166</v>
      </c>
      <c r="B25610" s="14" t="s">
        <v>1</v>
      </c>
      <c r="C25610" s="14" t="s">
        <v>137</v>
      </c>
      <c r="D25610" s="14" t="s">
        <v>167</v>
      </c>
      <c r="E25610" s="15">
        <v>45436</v>
      </c>
      <c r="F25610" s="14" t="s">
        <v>53</v>
      </c>
      <c r="G25610" s="16">
        <v>0.37211684989114491</v>
      </c>
    </row>
    <row r="25611" spans="1:7" x14ac:dyDescent="0.3">
      <c r="A25611" s="13" t="s">
        <v>166</v>
      </c>
      <c r="B25611" s="14" t="s">
        <v>1</v>
      </c>
      <c r="C25611" s="14" t="s">
        <v>137</v>
      </c>
      <c r="D25611" s="14" t="s">
        <v>167</v>
      </c>
      <c r="E25611" s="15">
        <v>45437</v>
      </c>
      <c r="F25611" s="14" t="s">
        <v>53</v>
      </c>
      <c r="G25611" s="16">
        <v>0.37211684989114491</v>
      </c>
    </row>
    <row r="25612" spans="1:7" x14ac:dyDescent="0.3">
      <c r="A25612" s="13" t="s">
        <v>166</v>
      </c>
      <c r="B25612" s="14" t="s">
        <v>1</v>
      </c>
      <c r="C25612" s="14" t="s">
        <v>137</v>
      </c>
      <c r="D25612" s="14" t="s">
        <v>167</v>
      </c>
      <c r="E25612" s="15">
        <v>45438</v>
      </c>
      <c r="F25612" s="14" t="s">
        <v>53</v>
      </c>
      <c r="G25612" s="16">
        <v>0.37211684989114491</v>
      </c>
    </row>
    <row r="25613" spans="1:7" x14ac:dyDescent="0.3">
      <c r="A25613" s="13" t="s">
        <v>166</v>
      </c>
      <c r="B25613" s="14" t="s">
        <v>1</v>
      </c>
      <c r="C25613" s="14" t="s">
        <v>137</v>
      </c>
      <c r="D25613" s="14" t="s">
        <v>167</v>
      </c>
      <c r="E25613" s="15">
        <v>45439</v>
      </c>
      <c r="F25613" s="14" t="s">
        <v>53</v>
      </c>
      <c r="G25613" s="16">
        <v>0.39182020021808467</v>
      </c>
    </row>
    <row r="25614" spans="1:7" x14ac:dyDescent="0.3">
      <c r="A25614" s="13" t="s">
        <v>166</v>
      </c>
      <c r="B25614" s="14" t="s">
        <v>1</v>
      </c>
      <c r="C25614" s="14" t="s">
        <v>137</v>
      </c>
      <c r="D25614" s="14" t="s">
        <v>167</v>
      </c>
      <c r="E25614" s="15">
        <v>45440</v>
      </c>
      <c r="F25614" s="14" t="s">
        <v>53</v>
      </c>
      <c r="G25614" s="16">
        <v>0.44863550173789363</v>
      </c>
    </row>
    <row r="25615" spans="1:7" x14ac:dyDescent="0.3">
      <c r="A25615" s="13" t="s">
        <v>166</v>
      </c>
      <c r="B25615" s="14" t="s">
        <v>1</v>
      </c>
      <c r="C25615" s="14" t="s">
        <v>137</v>
      </c>
      <c r="D25615" s="14" t="s">
        <v>167</v>
      </c>
      <c r="E25615" s="15">
        <v>45441</v>
      </c>
      <c r="F25615" s="14" t="s">
        <v>53</v>
      </c>
      <c r="G25615" s="16">
        <v>0.46971742424585072</v>
      </c>
    </row>
    <row r="25616" spans="1:7" x14ac:dyDescent="0.3">
      <c r="A25616" s="13" t="s">
        <v>166</v>
      </c>
      <c r="B25616" s="14" t="s">
        <v>1</v>
      </c>
      <c r="C25616" s="14" t="s">
        <v>137</v>
      </c>
      <c r="D25616" s="14" t="s">
        <v>167</v>
      </c>
      <c r="E25616" s="15">
        <v>45442</v>
      </c>
      <c r="F25616" s="14" t="s">
        <v>53</v>
      </c>
      <c r="G25616" s="16">
        <v>0.48792279751406653</v>
      </c>
    </row>
    <row r="25617" spans="1:7" x14ac:dyDescent="0.3">
      <c r="A25617" s="13" t="s">
        <v>166</v>
      </c>
      <c r="B25617" s="14" t="s">
        <v>1</v>
      </c>
      <c r="C25617" s="14" t="s">
        <v>137</v>
      </c>
      <c r="D25617" s="14" t="s">
        <v>167</v>
      </c>
      <c r="E25617" s="15">
        <v>45443</v>
      </c>
      <c r="F25617" s="14" t="s">
        <v>53</v>
      </c>
      <c r="G25617" s="16">
        <v>0.50635060468699766</v>
      </c>
    </row>
    <row r="25618" spans="1:7" x14ac:dyDescent="0.3">
      <c r="A25618" s="13" t="s">
        <v>166</v>
      </c>
      <c r="B25618" s="14" t="s">
        <v>1</v>
      </c>
      <c r="C25618" s="14" t="s">
        <v>137</v>
      </c>
      <c r="D25618" s="14" t="s">
        <v>167</v>
      </c>
      <c r="E25618" s="15">
        <v>45444</v>
      </c>
      <c r="F25618" s="14" t="s">
        <v>53</v>
      </c>
      <c r="G25618" s="16">
        <v>0.50635060468699766</v>
      </c>
    </row>
    <row r="25619" spans="1:7" x14ac:dyDescent="0.3">
      <c r="A25619" s="13" t="s">
        <v>166</v>
      </c>
      <c r="B25619" s="14" t="s">
        <v>1</v>
      </c>
      <c r="C25619" s="14" t="s">
        <v>137</v>
      </c>
      <c r="D25619" s="14" t="s">
        <v>167</v>
      </c>
      <c r="E25619" s="15">
        <v>45445</v>
      </c>
      <c r="F25619" s="14" t="s">
        <v>53</v>
      </c>
      <c r="G25619" s="16">
        <v>0.50635060468699766</v>
      </c>
    </row>
    <row r="25620" spans="1:7" x14ac:dyDescent="0.3">
      <c r="A25620" s="13" t="s">
        <v>166</v>
      </c>
      <c r="B25620" s="14" t="s">
        <v>1</v>
      </c>
      <c r="C25620" s="14" t="s">
        <v>137</v>
      </c>
      <c r="D25620" s="14" t="s">
        <v>167</v>
      </c>
      <c r="E25620" s="15">
        <v>45446</v>
      </c>
      <c r="F25620" s="14" t="s">
        <v>53</v>
      </c>
      <c r="G25620" s="16">
        <v>0.50635060468699766</v>
      </c>
    </row>
    <row r="25621" spans="1:7" x14ac:dyDescent="0.3">
      <c r="A25621" s="13" t="s">
        <v>166</v>
      </c>
      <c r="B25621" s="14" t="s">
        <v>1</v>
      </c>
      <c r="C25621" s="14" t="s">
        <v>137</v>
      </c>
      <c r="D25621" s="14" t="s">
        <v>167</v>
      </c>
      <c r="E25621" s="15">
        <v>45447</v>
      </c>
      <c r="F25621" s="14" t="s">
        <v>53</v>
      </c>
      <c r="G25621" s="16">
        <v>0</v>
      </c>
    </row>
    <row r="25622" spans="1:7" x14ac:dyDescent="0.3">
      <c r="A25622" s="13" t="s">
        <v>166</v>
      </c>
      <c r="B25622" s="14" t="s">
        <v>1</v>
      </c>
      <c r="C25622" s="14" t="s">
        <v>137</v>
      </c>
      <c r="D25622" s="14" t="s">
        <v>167</v>
      </c>
      <c r="E25622" s="15">
        <v>45448</v>
      </c>
      <c r="F25622" s="14" t="s">
        <v>53</v>
      </c>
      <c r="G25622" s="16">
        <v>0</v>
      </c>
    </row>
    <row r="25623" spans="1:7" x14ac:dyDescent="0.3">
      <c r="A25623" s="13" t="s">
        <v>166</v>
      </c>
      <c r="B25623" s="14" t="s">
        <v>1</v>
      </c>
      <c r="C25623" s="14" t="s">
        <v>137</v>
      </c>
      <c r="D25623" s="14" t="s">
        <v>167</v>
      </c>
      <c r="E25623" s="15">
        <v>45449</v>
      </c>
      <c r="F25623" s="14" t="s">
        <v>53</v>
      </c>
      <c r="G25623" s="16">
        <v>0</v>
      </c>
    </row>
    <row r="25624" spans="1:7" x14ac:dyDescent="0.3">
      <c r="A25624" s="13" t="s">
        <v>166</v>
      </c>
      <c r="B25624" s="14" t="s">
        <v>1</v>
      </c>
      <c r="C25624" s="14" t="s">
        <v>137</v>
      </c>
      <c r="D25624" s="14" t="s">
        <v>167</v>
      </c>
      <c r="E25624" s="15">
        <v>45450</v>
      </c>
      <c r="F25624" s="14" t="s">
        <v>53</v>
      </c>
      <c r="G25624" s="16">
        <v>0</v>
      </c>
    </row>
    <row r="25625" spans="1:7" x14ac:dyDescent="0.3">
      <c r="A25625" s="13" t="s">
        <v>166</v>
      </c>
      <c r="B25625" s="14" t="s">
        <v>1</v>
      </c>
      <c r="C25625" s="14" t="s">
        <v>137</v>
      </c>
      <c r="D25625" s="14" t="s">
        <v>167</v>
      </c>
      <c r="E25625" s="15">
        <v>45451</v>
      </c>
      <c r="F25625" s="14" t="s">
        <v>53</v>
      </c>
      <c r="G25625" s="16">
        <v>0</v>
      </c>
    </row>
    <row r="25626" spans="1:7" x14ac:dyDescent="0.3">
      <c r="A25626" s="13" t="s">
        <v>166</v>
      </c>
      <c r="B25626" s="14" t="s">
        <v>1</v>
      </c>
      <c r="C25626" s="14" t="s">
        <v>137</v>
      </c>
      <c r="D25626" s="14" t="s">
        <v>167</v>
      </c>
      <c r="E25626" s="15">
        <v>45452</v>
      </c>
      <c r="F25626" s="14" t="s">
        <v>53</v>
      </c>
      <c r="G25626" s="16">
        <v>0</v>
      </c>
    </row>
    <row r="25627" spans="1:7" x14ac:dyDescent="0.3">
      <c r="A25627" s="13" t="s">
        <v>166</v>
      </c>
      <c r="B25627" s="14" t="s">
        <v>1</v>
      </c>
      <c r="C25627" s="14" t="s">
        <v>137</v>
      </c>
      <c r="D25627" s="14" t="s">
        <v>167</v>
      </c>
      <c r="E25627" s="15">
        <v>45453</v>
      </c>
      <c r="F25627" s="14" t="s">
        <v>53</v>
      </c>
      <c r="G25627" s="16">
        <v>1.4146438799745743E-2</v>
      </c>
    </row>
    <row r="25628" spans="1:7" x14ac:dyDescent="0.3">
      <c r="A25628" s="13" t="s">
        <v>166</v>
      </c>
      <c r="B25628" s="14" t="s">
        <v>1</v>
      </c>
      <c r="C25628" s="14" t="s">
        <v>137</v>
      </c>
      <c r="D25628" s="14" t="s">
        <v>167</v>
      </c>
      <c r="E25628" s="15">
        <v>45454</v>
      </c>
      <c r="F25628" s="14" t="s">
        <v>53</v>
      </c>
      <c r="G25628" s="16">
        <v>7.2360273793338037E-2</v>
      </c>
    </row>
    <row r="25629" spans="1:7" x14ac:dyDescent="0.3">
      <c r="A25629" s="13" t="s">
        <v>166</v>
      </c>
      <c r="B25629" s="14" t="s">
        <v>1</v>
      </c>
      <c r="C25629" s="14" t="s">
        <v>137</v>
      </c>
      <c r="D25629" s="14" t="s">
        <v>167</v>
      </c>
      <c r="E25629" s="15">
        <v>45455</v>
      </c>
      <c r="F25629" s="14" t="s">
        <v>53</v>
      </c>
      <c r="G25629" s="16">
        <v>9.1355556465973861E-2</v>
      </c>
    </row>
    <row r="25630" spans="1:7" x14ac:dyDescent="0.3">
      <c r="A25630" s="13" t="s">
        <v>166</v>
      </c>
      <c r="B25630" s="14" t="s">
        <v>1</v>
      </c>
      <c r="C25630" s="14" t="s">
        <v>137</v>
      </c>
      <c r="D25630" s="14" t="s">
        <v>167</v>
      </c>
      <c r="E25630" s="15">
        <v>45456</v>
      </c>
      <c r="F25630" s="14" t="s">
        <v>53</v>
      </c>
      <c r="G25630" s="16">
        <v>0.11097558710721672</v>
      </c>
    </row>
    <row r="25631" spans="1:7" x14ac:dyDescent="0.3">
      <c r="A25631" s="13" t="s">
        <v>166</v>
      </c>
      <c r="B25631" s="14" t="s">
        <v>1</v>
      </c>
      <c r="C25631" s="14" t="s">
        <v>137</v>
      </c>
      <c r="D25631" s="14" t="s">
        <v>167</v>
      </c>
      <c r="E25631" s="15">
        <v>45457</v>
      </c>
      <c r="F25631" s="14" t="s">
        <v>53</v>
      </c>
      <c r="G25631" s="16">
        <v>0.13108914301309163</v>
      </c>
    </row>
    <row r="25632" spans="1:7" x14ac:dyDescent="0.3">
      <c r="A25632" s="13" t="s">
        <v>166</v>
      </c>
      <c r="B25632" s="14" t="s">
        <v>1</v>
      </c>
      <c r="C25632" s="14" t="s">
        <v>137</v>
      </c>
      <c r="D25632" s="14" t="s">
        <v>167</v>
      </c>
      <c r="E25632" s="15">
        <v>45458</v>
      </c>
      <c r="F25632" s="14" t="s">
        <v>53</v>
      </c>
      <c r="G25632" s="16">
        <v>0.13108914301309163</v>
      </c>
    </row>
    <row r="25633" spans="1:7" x14ac:dyDescent="0.3">
      <c r="A25633" s="13" t="s">
        <v>166</v>
      </c>
      <c r="B25633" s="14" t="s">
        <v>1</v>
      </c>
      <c r="C25633" s="14" t="s">
        <v>137</v>
      </c>
      <c r="D25633" s="14" t="s">
        <v>167</v>
      </c>
      <c r="E25633" s="15">
        <v>45459</v>
      </c>
      <c r="F25633" s="14" t="s">
        <v>53</v>
      </c>
      <c r="G25633" s="16">
        <v>0.13108914301309163</v>
      </c>
    </row>
    <row r="25634" spans="1:7" x14ac:dyDescent="0.3">
      <c r="A25634" s="13" t="s">
        <v>166</v>
      </c>
      <c r="B25634" s="14" t="s">
        <v>1</v>
      </c>
      <c r="C25634" s="14" t="s">
        <v>137</v>
      </c>
      <c r="D25634" s="14" t="s">
        <v>167</v>
      </c>
      <c r="E25634" s="15">
        <v>45460</v>
      </c>
      <c r="F25634" s="14" t="s">
        <v>53</v>
      </c>
      <c r="G25634" s="16">
        <v>0.15036282645027838</v>
      </c>
    </row>
    <row r="25635" spans="1:7" x14ac:dyDescent="0.3">
      <c r="A25635" s="13" t="s">
        <v>166</v>
      </c>
      <c r="B25635" s="14" t="s">
        <v>1</v>
      </c>
      <c r="C25635" s="14" t="s">
        <v>137</v>
      </c>
      <c r="D25635" s="14" t="s">
        <v>167</v>
      </c>
      <c r="E25635" s="15">
        <v>45461</v>
      </c>
      <c r="F25635" s="14" t="s">
        <v>53</v>
      </c>
      <c r="G25635" s="16">
        <v>0.20849452130598364</v>
      </c>
    </row>
    <row r="25636" spans="1:7" x14ac:dyDescent="0.3">
      <c r="A25636" s="13" t="s">
        <v>166</v>
      </c>
      <c r="B25636" s="14" t="s">
        <v>1</v>
      </c>
      <c r="C25636" s="14" t="s">
        <v>137</v>
      </c>
      <c r="D25636" s="14" t="s">
        <v>167</v>
      </c>
      <c r="E25636" s="15">
        <v>45462</v>
      </c>
      <c r="F25636" s="14" t="s">
        <v>53</v>
      </c>
      <c r="G25636" s="16">
        <v>0.22768486022095147</v>
      </c>
    </row>
    <row r="25637" spans="1:7" x14ac:dyDescent="0.3">
      <c r="A25637" s="13" t="s">
        <v>166</v>
      </c>
      <c r="B25637" s="14" t="s">
        <v>1</v>
      </c>
      <c r="C25637" s="14" t="s">
        <v>137</v>
      </c>
      <c r="D25637" s="14" t="s">
        <v>167</v>
      </c>
      <c r="E25637" s="15">
        <v>45463</v>
      </c>
      <c r="F25637" s="14" t="s">
        <v>53</v>
      </c>
      <c r="G25637" s="16">
        <v>0.24831347774651444</v>
      </c>
    </row>
    <row r="25638" spans="1:7" x14ac:dyDescent="0.3">
      <c r="A25638" s="13" t="s">
        <v>166</v>
      </c>
      <c r="B25638" s="14" t="s">
        <v>1</v>
      </c>
      <c r="C25638" s="14" t="s">
        <v>137</v>
      </c>
      <c r="D25638" s="14" t="s">
        <v>167</v>
      </c>
      <c r="E25638" s="15">
        <v>45464</v>
      </c>
      <c r="F25638" s="14" t="s">
        <v>53</v>
      </c>
      <c r="G25638" s="16">
        <v>0.26856029831118494</v>
      </c>
    </row>
    <row r="25639" spans="1:7" x14ac:dyDescent="0.3">
      <c r="A25639" s="13" t="s">
        <v>166</v>
      </c>
      <c r="B25639" s="14" t="s">
        <v>1</v>
      </c>
      <c r="C25639" s="14" t="s">
        <v>137</v>
      </c>
      <c r="D25639" s="14" t="s">
        <v>167</v>
      </c>
      <c r="E25639" s="15">
        <v>45465</v>
      </c>
      <c r="F25639" s="14" t="s">
        <v>53</v>
      </c>
      <c r="G25639" s="16">
        <v>0.26856029831118494</v>
      </c>
    </row>
    <row r="25640" spans="1:7" x14ac:dyDescent="0.3">
      <c r="A25640" s="13" t="s">
        <v>166</v>
      </c>
      <c r="B25640" s="14" t="s">
        <v>1</v>
      </c>
      <c r="C25640" s="14" t="s">
        <v>137</v>
      </c>
      <c r="D25640" s="14" t="s">
        <v>167</v>
      </c>
      <c r="E25640" s="15">
        <v>45466</v>
      </c>
      <c r="F25640" s="14" t="s">
        <v>53</v>
      </c>
      <c r="G25640" s="16">
        <v>0.26856029831118494</v>
      </c>
    </row>
    <row r="25641" spans="1:7" x14ac:dyDescent="0.3">
      <c r="A25641" s="13" t="s">
        <v>166</v>
      </c>
      <c r="B25641" s="14" t="s">
        <v>1</v>
      </c>
      <c r="C25641" s="14" t="s">
        <v>137</v>
      </c>
      <c r="D25641" s="14" t="s">
        <v>167</v>
      </c>
      <c r="E25641" s="15">
        <v>45467</v>
      </c>
      <c r="F25641" s="14" t="s">
        <v>53</v>
      </c>
      <c r="G25641" s="16">
        <v>0.28801642627542234</v>
      </c>
    </row>
    <row r="25642" spans="1:7" x14ac:dyDescent="0.3">
      <c r="A25642" s="13" t="s">
        <v>166</v>
      </c>
      <c r="B25642" s="14" t="s">
        <v>1</v>
      </c>
      <c r="C25642" s="14" t="s">
        <v>137</v>
      </c>
      <c r="D25642" s="14" t="s">
        <v>167</v>
      </c>
      <c r="E25642" s="15">
        <v>45468</v>
      </c>
      <c r="F25642" s="14" t="s">
        <v>53</v>
      </c>
      <c r="G25642" s="16">
        <v>0.34761569460123137</v>
      </c>
    </row>
    <row r="25643" spans="1:7" x14ac:dyDescent="0.3">
      <c r="A25643" s="13" t="s">
        <v>166</v>
      </c>
      <c r="B25643" s="14" t="s">
        <v>1</v>
      </c>
      <c r="C25643" s="14" t="s">
        <v>137</v>
      </c>
      <c r="D25643" s="14" t="s">
        <v>167</v>
      </c>
      <c r="E25643" s="15">
        <v>45469</v>
      </c>
      <c r="F25643" s="14" t="s">
        <v>53</v>
      </c>
      <c r="G25643" s="16">
        <v>0.36895183229865114</v>
      </c>
    </row>
    <row r="25644" spans="1:7" x14ac:dyDescent="0.3">
      <c r="A25644" s="13" t="s">
        <v>166</v>
      </c>
      <c r="B25644" s="14" t="s">
        <v>1</v>
      </c>
      <c r="C25644" s="14" t="s">
        <v>137</v>
      </c>
      <c r="D25644" s="14" t="s">
        <v>167</v>
      </c>
      <c r="E25644" s="15">
        <v>45470</v>
      </c>
      <c r="F25644" s="14" t="s">
        <v>53</v>
      </c>
      <c r="G25644" s="16">
        <v>0.38801804216202379</v>
      </c>
    </row>
    <row r="25645" spans="1:7" x14ac:dyDescent="0.3">
      <c r="A25645" s="13" t="s">
        <v>166</v>
      </c>
      <c r="B25645" s="14" t="s">
        <v>1</v>
      </c>
      <c r="C25645" s="14" t="s">
        <v>137</v>
      </c>
      <c r="D25645" s="14" t="s">
        <v>167</v>
      </c>
      <c r="E25645" s="15">
        <v>45471</v>
      </c>
      <c r="F25645" s="14" t="s">
        <v>53</v>
      </c>
      <c r="G25645" s="16">
        <v>0.40748553741514398</v>
      </c>
    </row>
    <row r="25646" spans="1:7" x14ac:dyDescent="0.3">
      <c r="A25646" s="13" t="s">
        <v>166</v>
      </c>
      <c r="B25646" s="14" t="s">
        <v>1</v>
      </c>
      <c r="C25646" s="14" t="s">
        <v>137</v>
      </c>
      <c r="D25646" s="14" t="s">
        <v>167</v>
      </c>
      <c r="E25646" s="15">
        <v>45472</v>
      </c>
      <c r="F25646" s="14" t="s">
        <v>53</v>
      </c>
      <c r="G25646" s="16">
        <v>0.40748553741514398</v>
      </c>
    </row>
    <row r="25647" spans="1:7" x14ac:dyDescent="0.3">
      <c r="A25647" s="13" t="s">
        <v>166</v>
      </c>
      <c r="B25647" s="14" t="s">
        <v>1</v>
      </c>
      <c r="C25647" s="14" t="s">
        <v>137</v>
      </c>
      <c r="D25647" s="14" t="s">
        <v>167</v>
      </c>
      <c r="E25647" s="15">
        <v>45473</v>
      </c>
      <c r="F25647" s="14" t="s">
        <v>53</v>
      </c>
      <c r="G25647" s="16">
        <v>0.40748553741514398</v>
      </c>
    </row>
    <row r="25648" spans="1:7" x14ac:dyDescent="0.3">
      <c r="A25648" s="13" t="s">
        <v>166</v>
      </c>
      <c r="B25648" s="14" t="s">
        <v>1</v>
      </c>
      <c r="C25648" s="14" t="s">
        <v>137</v>
      </c>
      <c r="D25648" s="14" t="s">
        <v>167</v>
      </c>
      <c r="E25648" s="15">
        <v>45474</v>
      </c>
      <c r="F25648" s="14" t="s">
        <v>53</v>
      </c>
      <c r="G25648" s="16">
        <v>0</v>
      </c>
    </row>
    <row r="25649" spans="1:7" x14ac:dyDescent="0.3">
      <c r="A25649" s="13" t="s">
        <v>166</v>
      </c>
      <c r="B25649" s="14" t="s">
        <v>1</v>
      </c>
      <c r="C25649" s="14" t="s">
        <v>137</v>
      </c>
      <c r="D25649" s="14" t="s">
        <v>167</v>
      </c>
      <c r="E25649" s="15">
        <v>45475</v>
      </c>
      <c r="F25649" s="14" t="s">
        <v>53</v>
      </c>
      <c r="G25649" s="16">
        <v>0</v>
      </c>
    </row>
    <row r="25650" spans="1:7" x14ac:dyDescent="0.3">
      <c r="A25650" s="13" t="s">
        <v>166</v>
      </c>
      <c r="B25650" s="14" t="s">
        <v>1</v>
      </c>
      <c r="C25650" s="14" t="s">
        <v>137</v>
      </c>
      <c r="D25650" s="14" t="s">
        <v>167</v>
      </c>
      <c r="E25650" s="15">
        <v>45476</v>
      </c>
      <c r="F25650" s="14" t="s">
        <v>53</v>
      </c>
      <c r="G25650" s="16">
        <v>0</v>
      </c>
    </row>
    <row r="25651" spans="1:7" x14ac:dyDescent="0.3">
      <c r="A25651" s="13" t="s">
        <v>166</v>
      </c>
      <c r="B25651" s="14" t="s">
        <v>1</v>
      </c>
      <c r="C25651" s="14" t="s">
        <v>137</v>
      </c>
      <c r="D25651" s="14" t="s">
        <v>167</v>
      </c>
      <c r="E25651" s="15">
        <v>45477</v>
      </c>
      <c r="F25651" s="14" t="s">
        <v>53</v>
      </c>
      <c r="G25651" s="16">
        <v>0</v>
      </c>
    </row>
    <row r="25652" spans="1:7" x14ac:dyDescent="0.3">
      <c r="A25652" s="13" t="s">
        <v>166</v>
      </c>
      <c r="B25652" s="14" t="s">
        <v>1</v>
      </c>
      <c r="C25652" s="14" t="s">
        <v>137</v>
      </c>
      <c r="D25652" s="14" t="s">
        <v>167</v>
      </c>
      <c r="E25652" s="15">
        <v>45478</v>
      </c>
      <c r="F25652" s="14" t="s">
        <v>53</v>
      </c>
      <c r="G25652" s="16">
        <v>0</v>
      </c>
    </row>
    <row r="25653" spans="1:7" x14ac:dyDescent="0.3">
      <c r="A25653" s="13" t="s">
        <v>166</v>
      </c>
      <c r="B25653" s="14" t="s">
        <v>1</v>
      </c>
      <c r="C25653" s="14" t="s">
        <v>137</v>
      </c>
      <c r="D25653" s="14" t="s">
        <v>167</v>
      </c>
      <c r="E25653" s="15">
        <v>45479</v>
      </c>
      <c r="F25653" s="14" t="s">
        <v>53</v>
      </c>
      <c r="G25653" s="16">
        <v>0</v>
      </c>
    </row>
    <row r="25654" spans="1:7" x14ac:dyDescent="0.3">
      <c r="A25654" s="13" t="s">
        <v>166</v>
      </c>
      <c r="B25654" s="14" t="s">
        <v>1</v>
      </c>
      <c r="C25654" s="14" t="s">
        <v>137</v>
      </c>
      <c r="D25654" s="14" t="s">
        <v>167</v>
      </c>
      <c r="E25654" s="15">
        <v>45480</v>
      </c>
      <c r="F25654" s="14" t="s">
        <v>53</v>
      </c>
      <c r="G25654" s="16">
        <v>0</v>
      </c>
    </row>
    <row r="25655" spans="1:7" x14ac:dyDescent="0.3">
      <c r="A25655" s="13" t="s">
        <v>166</v>
      </c>
      <c r="B25655" s="14" t="s">
        <v>1</v>
      </c>
      <c r="C25655" s="14" t="s">
        <v>137</v>
      </c>
      <c r="D25655" s="14" t="s">
        <v>167</v>
      </c>
      <c r="E25655" s="15">
        <v>45481</v>
      </c>
      <c r="F25655" s="14" t="s">
        <v>53</v>
      </c>
      <c r="G25655" s="16">
        <v>0</v>
      </c>
    </row>
    <row r="25656" spans="1:7" x14ac:dyDescent="0.3">
      <c r="A25656" s="13" t="s">
        <v>166</v>
      </c>
      <c r="B25656" s="14" t="s">
        <v>1</v>
      </c>
      <c r="C25656" s="14" t="s">
        <v>137</v>
      </c>
      <c r="D25656" s="14" t="s">
        <v>167</v>
      </c>
      <c r="E25656" s="15">
        <v>45482</v>
      </c>
      <c r="F25656" s="14" t="s">
        <v>53</v>
      </c>
      <c r="G25656" s="16">
        <v>3.0368176444688706E-2</v>
      </c>
    </row>
    <row r="25657" spans="1:7" x14ac:dyDescent="0.3">
      <c r="A25657" s="13" t="s">
        <v>166</v>
      </c>
      <c r="B25657" s="14" t="s">
        <v>1</v>
      </c>
      <c r="C25657" s="14" t="s">
        <v>137</v>
      </c>
      <c r="D25657" s="14" t="s">
        <v>167</v>
      </c>
      <c r="E25657" s="15">
        <v>45483</v>
      </c>
      <c r="F25657" s="14" t="s">
        <v>53</v>
      </c>
      <c r="G25657" s="16">
        <v>5.6143627986520131E-2</v>
      </c>
    </row>
    <row r="25658" spans="1:7" x14ac:dyDescent="0.3">
      <c r="A25658" s="13" t="s">
        <v>166</v>
      </c>
      <c r="B25658" s="14" t="s">
        <v>1</v>
      </c>
      <c r="C25658" s="14" t="s">
        <v>137</v>
      </c>
      <c r="D25658" s="14" t="s">
        <v>167</v>
      </c>
      <c r="E25658" s="15">
        <v>45484</v>
      </c>
      <c r="F25658" s="14" t="s">
        <v>53</v>
      </c>
      <c r="G25658" s="16">
        <v>7.5187089741041851E-2</v>
      </c>
    </row>
    <row r="25659" spans="1:7" x14ac:dyDescent="0.3">
      <c r="A25659" s="13" t="s">
        <v>166</v>
      </c>
      <c r="B25659" s="14" t="s">
        <v>1</v>
      </c>
      <c r="C25659" s="14" t="s">
        <v>137</v>
      </c>
      <c r="D25659" s="14" t="s">
        <v>167</v>
      </c>
      <c r="E25659" s="15">
        <v>45485</v>
      </c>
      <c r="F25659" s="14" t="s">
        <v>53</v>
      </c>
      <c r="G25659" s="16">
        <v>9.7338961644195948E-2</v>
      </c>
    </row>
    <row r="25660" spans="1:7" x14ac:dyDescent="0.3">
      <c r="A25660" s="13" t="s">
        <v>166</v>
      </c>
      <c r="B25660" s="14" t="s">
        <v>1</v>
      </c>
      <c r="C25660" s="14" t="s">
        <v>137</v>
      </c>
      <c r="D25660" s="14" t="s">
        <v>167</v>
      </c>
      <c r="E25660" s="15">
        <v>45486</v>
      </c>
      <c r="F25660" s="14" t="s">
        <v>53</v>
      </c>
      <c r="G25660" s="16">
        <v>9.7338961644195948E-2</v>
      </c>
    </row>
    <row r="25661" spans="1:7" x14ac:dyDescent="0.3">
      <c r="A25661" s="13" t="s">
        <v>166</v>
      </c>
      <c r="B25661" s="14" t="s">
        <v>1</v>
      </c>
      <c r="C25661" s="14" t="s">
        <v>137</v>
      </c>
      <c r="D25661" s="14" t="s">
        <v>167</v>
      </c>
      <c r="E25661" s="15">
        <v>45487</v>
      </c>
      <c r="F25661" s="14" t="s">
        <v>53</v>
      </c>
      <c r="G25661" s="16">
        <v>9.7338961644195948E-2</v>
      </c>
    </row>
    <row r="25662" spans="1:7" x14ac:dyDescent="0.3">
      <c r="A25662" s="13" t="s">
        <v>166</v>
      </c>
      <c r="B25662" s="14" t="s">
        <v>1</v>
      </c>
      <c r="C25662" s="14" t="s">
        <v>137</v>
      </c>
      <c r="D25662" s="14" t="s">
        <v>167</v>
      </c>
      <c r="E25662" s="15">
        <v>45488</v>
      </c>
      <c r="F25662" s="14" t="s">
        <v>53</v>
      </c>
      <c r="G25662" s="16">
        <v>0.11656214486653195</v>
      </c>
    </row>
    <row r="25663" spans="1:7" x14ac:dyDescent="0.3">
      <c r="A25663" s="13" t="s">
        <v>166</v>
      </c>
      <c r="B25663" s="14" t="s">
        <v>1</v>
      </c>
      <c r="C25663" s="14" t="s">
        <v>137</v>
      </c>
      <c r="D25663" s="14" t="s">
        <v>167</v>
      </c>
      <c r="E25663" s="15">
        <v>45489</v>
      </c>
      <c r="F25663" s="14" t="s">
        <v>53</v>
      </c>
      <c r="G25663" s="16">
        <v>0.17372577563073133</v>
      </c>
    </row>
    <row r="25664" spans="1:7" x14ac:dyDescent="0.3">
      <c r="A25664" s="13" t="s">
        <v>166</v>
      </c>
      <c r="B25664" s="14" t="s">
        <v>1</v>
      </c>
      <c r="C25664" s="14" t="s">
        <v>137</v>
      </c>
      <c r="D25664" s="14" t="s">
        <v>167</v>
      </c>
      <c r="E25664" s="15">
        <v>45490</v>
      </c>
      <c r="F25664" s="14" t="s">
        <v>53</v>
      </c>
      <c r="G25664" s="16">
        <v>0.19210854054167531</v>
      </c>
    </row>
    <row r="25665" spans="1:7" x14ac:dyDescent="0.3">
      <c r="A25665" s="13" t="s">
        <v>166</v>
      </c>
      <c r="B25665" s="14" t="s">
        <v>1</v>
      </c>
      <c r="C25665" s="14" t="s">
        <v>137</v>
      </c>
      <c r="D25665" s="14" t="s">
        <v>167</v>
      </c>
      <c r="E25665" s="15">
        <v>45491</v>
      </c>
      <c r="F25665" s="14" t="s">
        <v>53</v>
      </c>
      <c r="G25665" s="16">
        <v>0.21211808422704886</v>
      </c>
    </row>
    <row r="25666" spans="1:7" x14ac:dyDescent="0.3">
      <c r="A25666" s="13" t="s">
        <v>166</v>
      </c>
      <c r="B25666" s="14" t="s">
        <v>1</v>
      </c>
      <c r="C25666" s="14" t="s">
        <v>137</v>
      </c>
      <c r="D25666" s="14" t="s">
        <v>167</v>
      </c>
      <c r="E25666" s="15">
        <v>45492</v>
      </c>
      <c r="F25666" s="14" t="s">
        <v>53</v>
      </c>
      <c r="G25666" s="16">
        <v>0.23152854577557738</v>
      </c>
    </row>
    <row r="25667" spans="1:7" x14ac:dyDescent="0.3">
      <c r="A25667" s="13" t="s">
        <v>166</v>
      </c>
      <c r="B25667" s="14" t="s">
        <v>1</v>
      </c>
      <c r="C25667" s="14" t="s">
        <v>137</v>
      </c>
      <c r="D25667" s="14" t="s">
        <v>167</v>
      </c>
      <c r="E25667" s="15">
        <v>45493</v>
      </c>
      <c r="F25667" s="14" t="s">
        <v>53</v>
      </c>
      <c r="G25667" s="16">
        <v>0.23152854577557738</v>
      </c>
    </row>
    <row r="25668" spans="1:7" x14ac:dyDescent="0.3">
      <c r="A25668" s="13" t="s">
        <v>166</v>
      </c>
      <c r="B25668" s="14" t="s">
        <v>1</v>
      </c>
      <c r="C25668" s="14" t="s">
        <v>137</v>
      </c>
      <c r="D25668" s="14" t="s">
        <v>167</v>
      </c>
      <c r="E25668" s="15">
        <v>45494</v>
      </c>
      <c r="F25668" s="14" t="s">
        <v>53</v>
      </c>
      <c r="G25668" s="16">
        <v>0.23152854577557738</v>
      </c>
    </row>
    <row r="25669" spans="1:7" x14ac:dyDescent="0.3">
      <c r="A25669" s="13" t="s">
        <v>166</v>
      </c>
      <c r="B25669" s="14" t="s">
        <v>1</v>
      </c>
      <c r="C25669" s="14" t="s">
        <v>137</v>
      </c>
      <c r="D25669" s="14" t="s">
        <v>167</v>
      </c>
      <c r="E25669" s="15">
        <v>45495</v>
      </c>
      <c r="F25669" s="14" t="s">
        <v>53</v>
      </c>
      <c r="G25669" s="16">
        <v>0.25046843505463207</v>
      </c>
    </row>
    <row r="25670" spans="1:7" x14ac:dyDescent="0.3">
      <c r="A25670" s="13" t="s">
        <v>166</v>
      </c>
      <c r="B25670" s="14" t="s">
        <v>1</v>
      </c>
      <c r="C25670" s="14" t="s">
        <v>137</v>
      </c>
      <c r="D25670" s="14" t="s">
        <v>167</v>
      </c>
      <c r="E25670" s="15">
        <v>45496</v>
      </c>
      <c r="F25670" s="14" t="s">
        <v>53</v>
      </c>
      <c r="G25670" s="16">
        <v>0.30836045961468006</v>
      </c>
    </row>
    <row r="25671" spans="1:7" x14ac:dyDescent="0.3">
      <c r="A25671" s="13" t="s">
        <v>166</v>
      </c>
      <c r="B25671" s="14" t="s">
        <v>1</v>
      </c>
      <c r="C25671" s="14" t="s">
        <v>137</v>
      </c>
      <c r="D25671" s="14" t="s">
        <v>167</v>
      </c>
      <c r="E25671" s="15">
        <v>45497</v>
      </c>
      <c r="F25671" s="14" t="s">
        <v>53</v>
      </c>
      <c r="G25671" s="16">
        <v>0.32748623548656586</v>
      </c>
    </row>
    <row r="25672" spans="1:7" x14ac:dyDescent="0.3">
      <c r="A25672" s="13" t="s">
        <v>166</v>
      </c>
      <c r="B25672" s="14" t="s">
        <v>1</v>
      </c>
      <c r="C25672" s="14" t="s">
        <v>137</v>
      </c>
      <c r="D25672" s="14" t="s">
        <v>167</v>
      </c>
      <c r="E25672" s="15">
        <v>45498</v>
      </c>
      <c r="F25672" s="14" t="s">
        <v>53</v>
      </c>
      <c r="G25672" s="16">
        <v>0.34816727175183482</v>
      </c>
    </row>
    <row r="25673" spans="1:7" x14ac:dyDescent="0.3">
      <c r="A25673" s="13" t="s">
        <v>166</v>
      </c>
      <c r="B25673" s="14" t="s">
        <v>1</v>
      </c>
      <c r="C25673" s="14" t="s">
        <v>137</v>
      </c>
      <c r="D25673" s="14" t="s">
        <v>167</v>
      </c>
      <c r="E25673" s="15">
        <v>45499</v>
      </c>
      <c r="F25673" s="14" t="s">
        <v>53</v>
      </c>
      <c r="G25673" s="16">
        <v>0.36719705194700292</v>
      </c>
    </row>
    <row r="25674" spans="1:7" x14ac:dyDescent="0.3">
      <c r="A25674" s="13" t="s">
        <v>166</v>
      </c>
      <c r="B25674" s="14" t="s">
        <v>1</v>
      </c>
      <c r="C25674" s="14" t="s">
        <v>137</v>
      </c>
      <c r="D25674" s="14" t="s">
        <v>167</v>
      </c>
      <c r="E25674" s="15">
        <v>45500</v>
      </c>
      <c r="F25674" s="14" t="s">
        <v>53</v>
      </c>
      <c r="G25674" s="16">
        <v>0.36719705194700292</v>
      </c>
    </row>
    <row r="25675" spans="1:7" x14ac:dyDescent="0.3">
      <c r="A25675" s="13" t="s">
        <v>166</v>
      </c>
      <c r="B25675" s="14" t="s">
        <v>1</v>
      </c>
      <c r="C25675" s="14" t="s">
        <v>137</v>
      </c>
      <c r="D25675" s="14" t="s">
        <v>167</v>
      </c>
      <c r="E25675" s="15">
        <v>45501</v>
      </c>
      <c r="F25675" s="14" t="s">
        <v>53</v>
      </c>
      <c r="G25675" s="16">
        <v>0.36719705194700292</v>
      </c>
    </row>
    <row r="25676" spans="1:7" x14ac:dyDescent="0.3">
      <c r="A25676" s="13" t="s">
        <v>166</v>
      </c>
      <c r="B25676" s="14" t="s">
        <v>1</v>
      </c>
      <c r="C25676" s="14" t="s">
        <v>137</v>
      </c>
      <c r="D25676" s="14" t="s">
        <v>167</v>
      </c>
      <c r="E25676" s="15">
        <v>45502</v>
      </c>
      <c r="F25676" s="14" t="s">
        <v>53</v>
      </c>
      <c r="G25676" s="16">
        <v>0.38209461808056278</v>
      </c>
    </row>
    <row r="25677" spans="1:7" x14ac:dyDescent="0.3">
      <c r="A25677" s="13" t="s">
        <v>166</v>
      </c>
      <c r="B25677" s="14" t="s">
        <v>1</v>
      </c>
      <c r="C25677" s="14" t="s">
        <v>137</v>
      </c>
      <c r="D25677" s="14" t="s">
        <v>167</v>
      </c>
      <c r="E25677" s="15">
        <v>45503</v>
      </c>
      <c r="F25677" s="14" t="s">
        <v>53</v>
      </c>
      <c r="G25677" s="16">
        <v>0.44144314701964782</v>
      </c>
    </row>
    <row r="25678" spans="1:7" x14ac:dyDescent="0.3">
      <c r="A25678" s="13" t="s">
        <v>166</v>
      </c>
      <c r="B25678" s="14" t="s">
        <v>1</v>
      </c>
      <c r="C25678" s="14" t="s">
        <v>137</v>
      </c>
      <c r="D25678" s="14" t="s">
        <v>167</v>
      </c>
      <c r="E25678" s="15">
        <v>45504</v>
      </c>
      <c r="F25678" s="14" t="s">
        <v>53</v>
      </c>
      <c r="G25678" s="16">
        <v>0.46024982361300493</v>
      </c>
    </row>
    <row r="25679" spans="1:7" x14ac:dyDescent="0.3">
      <c r="A25679" s="13" t="s">
        <v>166</v>
      </c>
      <c r="B25679" s="14" t="s">
        <v>1</v>
      </c>
      <c r="C25679" s="14" t="s">
        <v>137</v>
      </c>
      <c r="D25679" s="14" t="s">
        <v>167</v>
      </c>
      <c r="E25679" s="15">
        <v>45505</v>
      </c>
      <c r="F25679" s="14" t="s">
        <v>53</v>
      </c>
      <c r="G25679" s="16">
        <v>0</v>
      </c>
    </row>
    <row r="25680" spans="1:7" x14ac:dyDescent="0.3">
      <c r="A25680" s="13" t="s">
        <v>166</v>
      </c>
      <c r="B25680" s="14" t="s">
        <v>1</v>
      </c>
      <c r="C25680" s="14" t="s">
        <v>137</v>
      </c>
      <c r="D25680" s="14" t="s">
        <v>167</v>
      </c>
      <c r="E25680" s="15">
        <v>45506</v>
      </c>
      <c r="F25680" s="14" t="s">
        <v>53</v>
      </c>
      <c r="G25680" s="16">
        <v>0</v>
      </c>
    </row>
    <row r="25681" spans="1:7" x14ac:dyDescent="0.3">
      <c r="A25681" s="13" t="s">
        <v>166</v>
      </c>
      <c r="B25681" s="14" t="s">
        <v>1</v>
      </c>
      <c r="C25681" s="14" t="s">
        <v>137</v>
      </c>
      <c r="D25681" s="14" t="s">
        <v>167</v>
      </c>
      <c r="E25681" s="15">
        <v>45507</v>
      </c>
      <c r="F25681" s="14" t="s">
        <v>53</v>
      </c>
      <c r="G25681" s="16">
        <v>0</v>
      </c>
    </row>
    <row r="25682" spans="1:7" x14ac:dyDescent="0.3">
      <c r="A25682" s="13" t="s">
        <v>166</v>
      </c>
      <c r="B25682" s="14" t="s">
        <v>1</v>
      </c>
      <c r="C25682" s="14" t="s">
        <v>137</v>
      </c>
      <c r="D25682" s="14" t="s">
        <v>167</v>
      </c>
      <c r="E25682" s="15">
        <v>45508</v>
      </c>
      <c r="F25682" s="14" t="s">
        <v>53</v>
      </c>
      <c r="G25682" s="16">
        <v>0</v>
      </c>
    </row>
    <row r="25683" spans="1:7" x14ac:dyDescent="0.3">
      <c r="A25683" s="13" t="s">
        <v>166</v>
      </c>
      <c r="B25683" s="14" t="s">
        <v>1</v>
      </c>
      <c r="C25683" s="14" t="s">
        <v>137</v>
      </c>
      <c r="D25683" s="14" t="s">
        <v>167</v>
      </c>
      <c r="E25683" s="15">
        <v>45509</v>
      </c>
      <c r="F25683" s="14" t="s">
        <v>53</v>
      </c>
      <c r="G25683" s="16">
        <v>0</v>
      </c>
    </row>
    <row r="25684" spans="1:7" x14ac:dyDescent="0.3">
      <c r="A25684" s="13" t="s">
        <v>166</v>
      </c>
      <c r="B25684" s="14" t="s">
        <v>1</v>
      </c>
      <c r="C25684" s="14" t="s">
        <v>137</v>
      </c>
      <c r="D25684" s="14" t="s">
        <v>167</v>
      </c>
      <c r="E25684" s="15">
        <v>45510</v>
      </c>
      <c r="F25684" s="14" t="s">
        <v>53</v>
      </c>
      <c r="G25684" s="16">
        <v>0</v>
      </c>
    </row>
    <row r="25685" spans="1:7" x14ac:dyDescent="0.3">
      <c r="A25685" s="13" t="s">
        <v>166</v>
      </c>
      <c r="B25685" s="14" t="s">
        <v>1</v>
      </c>
      <c r="C25685" s="14" t="s">
        <v>137</v>
      </c>
      <c r="D25685" s="14" t="s">
        <v>167</v>
      </c>
      <c r="E25685" s="15">
        <v>45511</v>
      </c>
      <c r="F25685" s="14" t="s">
        <v>53</v>
      </c>
      <c r="G25685" s="16">
        <v>0</v>
      </c>
    </row>
    <row r="25686" spans="1:7" x14ac:dyDescent="0.3">
      <c r="A25686" s="13" t="s">
        <v>166</v>
      </c>
      <c r="B25686" s="14" t="s">
        <v>1</v>
      </c>
      <c r="C25686" s="14" t="s">
        <v>137</v>
      </c>
      <c r="D25686" s="14" t="s">
        <v>167</v>
      </c>
      <c r="E25686" s="15">
        <v>45512</v>
      </c>
      <c r="F25686" s="14" t="s">
        <v>53</v>
      </c>
      <c r="G25686" s="16">
        <v>0</v>
      </c>
    </row>
    <row r="25687" spans="1:7" x14ac:dyDescent="0.3">
      <c r="A25687" s="13" t="s">
        <v>166</v>
      </c>
      <c r="B25687" s="14" t="s">
        <v>1</v>
      </c>
      <c r="C25687" s="14" t="s">
        <v>137</v>
      </c>
      <c r="D25687" s="14" t="s">
        <v>167</v>
      </c>
      <c r="E25687" s="15">
        <v>45513</v>
      </c>
      <c r="F25687" s="14" t="s">
        <v>53</v>
      </c>
      <c r="G25687" s="16">
        <v>0</v>
      </c>
    </row>
    <row r="25688" spans="1:7" x14ac:dyDescent="0.3">
      <c r="A25688" s="13" t="s">
        <v>166</v>
      </c>
      <c r="B25688" s="14" t="s">
        <v>1</v>
      </c>
      <c r="C25688" s="14" t="s">
        <v>137</v>
      </c>
      <c r="D25688" s="14" t="s">
        <v>167</v>
      </c>
      <c r="E25688" s="15">
        <v>45514</v>
      </c>
      <c r="F25688" s="14" t="s">
        <v>53</v>
      </c>
      <c r="G25688" s="16">
        <v>0</v>
      </c>
    </row>
    <row r="25689" spans="1:7" x14ac:dyDescent="0.3">
      <c r="A25689" s="13" t="s">
        <v>166</v>
      </c>
      <c r="B25689" s="14" t="s">
        <v>1</v>
      </c>
      <c r="C25689" s="14" t="s">
        <v>137</v>
      </c>
      <c r="D25689" s="14" t="s">
        <v>167</v>
      </c>
      <c r="E25689" s="15">
        <v>45515</v>
      </c>
      <c r="F25689" s="14" t="s">
        <v>53</v>
      </c>
      <c r="G25689" s="16">
        <v>0</v>
      </c>
    </row>
    <row r="25690" spans="1:7" x14ac:dyDescent="0.3">
      <c r="A25690" s="13" t="s">
        <v>166</v>
      </c>
      <c r="B25690" s="14" t="s">
        <v>1</v>
      </c>
      <c r="C25690" s="14" t="s">
        <v>137</v>
      </c>
      <c r="D25690" s="14" t="s">
        <v>167</v>
      </c>
      <c r="E25690" s="15">
        <v>45516</v>
      </c>
      <c r="F25690" s="14" t="s">
        <v>53</v>
      </c>
      <c r="G25690" s="16">
        <v>0</v>
      </c>
    </row>
    <row r="25691" spans="1:7" x14ac:dyDescent="0.3">
      <c r="A25691" s="13" t="s">
        <v>166</v>
      </c>
      <c r="B25691" s="14" t="s">
        <v>1</v>
      </c>
      <c r="C25691" s="14" t="s">
        <v>137</v>
      </c>
      <c r="D25691" s="14" t="s">
        <v>167</v>
      </c>
      <c r="E25691" s="15">
        <v>45517</v>
      </c>
      <c r="F25691" s="14" t="s">
        <v>53</v>
      </c>
      <c r="G25691" s="16">
        <v>4.175653754926633E-3</v>
      </c>
    </row>
    <row r="25692" spans="1:7" x14ac:dyDescent="0.3">
      <c r="A25692" s="13" t="s">
        <v>166</v>
      </c>
      <c r="B25692" s="14" t="s">
        <v>1</v>
      </c>
      <c r="C25692" s="14" t="s">
        <v>137</v>
      </c>
      <c r="D25692" s="14" t="s">
        <v>167</v>
      </c>
      <c r="E25692" s="15">
        <v>45518</v>
      </c>
      <c r="F25692" s="14" t="s">
        <v>53</v>
      </c>
      <c r="G25692" s="16">
        <v>2.3462756192436214E-2</v>
      </c>
    </row>
    <row r="25693" spans="1:7" x14ac:dyDescent="0.3">
      <c r="A25693" s="13" t="s">
        <v>166</v>
      </c>
      <c r="B25693" s="14" t="s">
        <v>1</v>
      </c>
      <c r="C25693" s="14" t="s">
        <v>137</v>
      </c>
      <c r="D25693" s="14" t="s">
        <v>167</v>
      </c>
      <c r="E25693" s="15">
        <v>45519</v>
      </c>
      <c r="F25693" s="14" t="s">
        <v>53</v>
      </c>
      <c r="G25693" s="16">
        <v>4.2666179158565118E-2</v>
      </c>
    </row>
    <row r="25694" spans="1:7" x14ac:dyDescent="0.3">
      <c r="A25694" s="13" t="s">
        <v>166</v>
      </c>
      <c r="B25694" s="14" t="s">
        <v>1</v>
      </c>
      <c r="C25694" s="14" t="s">
        <v>137</v>
      </c>
      <c r="D25694" s="14" t="s">
        <v>167</v>
      </c>
      <c r="E25694" s="15">
        <v>45520</v>
      </c>
      <c r="F25694" s="14" t="s">
        <v>53</v>
      </c>
      <c r="G25694" s="16">
        <v>6.2531206443700707E-2</v>
      </c>
    </row>
    <row r="25695" spans="1:7" x14ac:dyDescent="0.3">
      <c r="A25695" s="13" t="s">
        <v>166</v>
      </c>
      <c r="B25695" s="14" t="s">
        <v>1</v>
      </c>
      <c r="C25695" s="14" t="s">
        <v>137</v>
      </c>
      <c r="D25695" s="14" t="s">
        <v>167</v>
      </c>
      <c r="E25695" s="15">
        <v>45521</v>
      </c>
      <c r="F25695" s="14" t="s">
        <v>53</v>
      </c>
      <c r="G25695" s="16">
        <v>6.2531206443700707E-2</v>
      </c>
    </row>
    <row r="25696" spans="1:7" x14ac:dyDescent="0.3">
      <c r="A25696" s="13" t="s">
        <v>166</v>
      </c>
      <c r="B25696" s="14" t="s">
        <v>1</v>
      </c>
      <c r="C25696" s="14" t="s">
        <v>137</v>
      </c>
      <c r="D25696" s="14" t="s">
        <v>167</v>
      </c>
      <c r="E25696" s="15">
        <v>45522</v>
      </c>
      <c r="F25696" s="14" t="s">
        <v>53</v>
      </c>
      <c r="G25696" s="16">
        <v>6.2531206443700707E-2</v>
      </c>
    </row>
    <row r="25697" spans="1:7" x14ac:dyDescent="0.3">
      <c r="A25697" s="13" t="s">
        <v>166</v>
      </c>
      <c r="B25697" s="14" t="s">
        <v>1</v>
      </c>
      <c r="C25697" s="14" t="s">
        <v>137</v>
      </c>
      <c r="D25697" s="14" t="s">
        <v>167</v>
      </c>
      <c r="E25697" s="15">
        <v>45523</v>
      </c>
      <c r="F25697" s="14" t="s">
        <v>53</v>
      </c>
      <c r="G25697" s="16">
        <v>8.211650830997734E-2</v>
      </c>
    </row>
    <row r="25698" spans="1:7" x14ac:dyDescent="0.3">
      <c r="A25698" s="13" t="s">
        <v>166</v>
      </c>
      <c r="B25698" s="14" t="s">
        <v>1</v>
      </c>
      <c r="C25698" s="14" t="s">
        <v>137</v>
      </c>
      <c r="D25698" s="14" t="s">
        <v>167</v>
      </c>
      <c r="E25698" s="15">
        <v>45524</v>
      </c>
      <c r="F25698" s="14" t="s">
        <v>53</v>
      </c>
      <c r="G25698" s="16">
        <v>0.13865340371573454</v>
      </c>
    </row>
    <row r="25699" spans="1:7" x14ac:dyDescent="0.3">
      <c r="A25699" s="13" t="s">
        <v>166</v>
      </c>
      <c r="B25699" s="14" t="s">
        <v>1</v>
      </c>
      <c r="C25699" s="14" t="s">
        <v>137</v>
      </c>
      <c r="D25699" s="14" t="s">
        <v>167</v>
      </c>
      <c r="E25699" s="15">
        <v>45525</v>
      </c>
      <c r="F25699" s="14" t="s">
        <v>53</v>
      </c>
      <c r="G25699" s="16">
        <v>0.15756195560981076</v>
      </c>
    </row>
    <row r="25700" spans="1:7" x14ac:dyDescent="0.3">
      <c r="A25700" s="13" t="s">
        <v>166</v>
      </c>
      <c r="B25700" s="14" t="s">
        <v>1</v>
      </c>
      <c r="C25700" s="14" t="s">
        <v>137</v>
      </c>
      <c r="D25700" s="14" t="s">
        <v>167</v>
      </c>
      <c r="E25700" s="15">
        <v>45526</v>
      </c>
      <c r="F25700" s="14" t="s">
        <v>53</v>
      </c>
      <c r="G25700" s="16">
        <v>0.17636684609621445</v>
      </c>
    </row>
    <row r="25701" spans="1:7" x14ac:dyDescent="0.3">
      <c r="A25701" s="13" t="s">
        <v>166</v>
      </c>
      <c r="B25701" s="14" t="s">
        <v>1</v>
      </c>
      <c r="C25701" s="14" t="s">
        <v>137</v>
      </c>
      <c r="D25701" s="14" t="s">
        <v>167</v>
      </c>
      <c r="E25701" s="15">
        <v>45527</v>
      </c>
      <c r="F25701" s="14" t="s">
        <v>53</v>
      </c>
      <c r="G25701" s="16">
        <v>0.19367816876316307</v>
      </c>
    </row>
    <row r="25702" spans="1:7" x14ac:dyDescent="0.3">
      <c r="A25702" s="13" t="s">
        <v>166</v>
      </c>
      <c r="B25702" s="14" t="s">
        <v>1</v>
      </c>
      <c r="C25702" s="14" t="s">
        <v>137</v>
      </c>
      <c r="D25702" s="14" t="s">
        <v>167</v>
      </c>
      <c r="E25702" s="15">
        <v>45528</v>
      </c>
      <c r="F25702" s="14" t="s">
        <v>53</v>
      </c>
      <c r="G25702" s="16">
        <v>0.19367816876316307</v>
      </c>
    </row>
    <row r="25703" spans="1:7" x14ac:dyDescent="0.3">
      <c r="A25703" s="13" t="s">
        <v>166</v>
      </c>
      <c r="B25703" s="14" t="s">
        <v>1</v>
      </c>
      <c r="C25703" s="14" t="s">
        <v>137</v>
      </c>
      <c r="D25703" s="14" t="s">
        <v>167</v>
      </c>
      <c r="E25703" s="15">
        <v>45529</v>
      </c>
      <c r="F25703" s="14" t="s">
        <v>53</v>
      </c>
      <c r="G25703" s="16">
        <v>0.19367816876316307</v>
      </c>
    </row>
    <row r="25704" spans="1:7" x14ac:dyDescent="0.3">
      <c r="A25704" s="13" t="s">
        <v>166</v>
      </c>
      <c r="B25704" s="14" t="s">
        <v>1</v>
      </c>
      <c r="C25704" s="14" t="s">
        <v>137</v>
      </c>
      <c r="D25704" s="14" t="s">
        <v>167</v>
      </c>
      <c r="E25704" s="15">
        <v>45530</v>
      </c>
      <c r="F25704" s="14" t="s">
        <v>53</v>
      </c>
      <c r="G25704" s="16">
        <v>0.21271170979583415</v>
      </c>
    </row>
    <row r="25705" spans="1:7" x14ac:dyDescent="0.3">
      <c r="A25705" s="13" t="s">
        <v>166</v>
      </c>
      <c r="B25705" s="14" t="s">
        <v>1</v>
      </c>
      <c r="C25705" s="14" t="s">
        <v>137</v>
      </c>
      <c r="D25705" s="14" t="s">
        <v>167</v>
      </c>
      <c r="E25705" s="15">
        <v>45531</v>
      </c>
      <c r="F25705" s="14" t="s">
        <v>53</v>
      </c>
      <c r="G25705" s="16">
        <v>0.26738420335043095</v>
      </c>
    </row>
    <row r="25706" spans="1:7" x14ac:dyDescent="0.3">
      <c r="A25706" s="13" t="s">
        <v>166</v>
      </c>
      <c r="B25706" s="14" t="s">
        <v>1</v>
      </c>
      <c r="C25706" s="14" t="s">
        <v>137</v>
      </c>
      <c r="D25706" s="14" t="s">
        <v>167</v>
      </c>
      <c r="E25706" s="15">
        <v>45532</v>
      </c>
      <c r="F25706" s="14" t="s">
        <v>53</v>
      </c>
      <c r="G25706" s="16">
        <v>0.28717693823400386</v>
      </c>
    </row>
    <row r="25707" spans="1:7" x14ac:dyDescent="0.3">
      <c r="A25707" s="13" t="s">
        <v>166</v>
      </c>
      <c r="B25707" s="14" t="s">
        <v>1</v>
      </c>
      <c r="C25707" s="14" t="s">
        <v>137</v>
      </c>
      <c r="D25707" s="14" t="s">
        <v>167</v>
      </c>
      <c r="E25707" s="15">
        <v>45533</v>
      </c>
      <c r="F25707" s="14" t="s">
        <v>53</v>
      </c>
      <c r="G25707" s="16">
        <v>0.30641392305837351</v>
      </c>
    </row>
    <row r="25708" spans="1:7" x14ac:dyDescent="0.3">
      <c r="A25708" s="13" t="s">
        <v>166</v>
      </c>
      <c r="B25708" s="14" t="s">
        <v>1</v>
      </c>
      <c r="C25708" s="14" t="s">
        <v>137</v>
      </c>
      <c r="D25708" s="14" t="s">
        <v>167</v>
      </c>
      <c r="E25708" s="15">
        <v>45534</v>
      </c>
      <c r="F25708" s="14" t="s">
        <v>53</v>
      </c>
      <c r="G25708" s="16">
        <v>0.32539658721882403</v>
      </c>
    </row>
    <row r="25709" spans="1:7" x14ac:dyDescent="0.3">
      <c r="A25709" s="13" t="s">
        <v>166</v>
      </c>
      <c r="B25709" s="14" t="s">
        <v>1</v>
      </c>
      <c r="C25709" s="14" t="s">
        <v>137</v>
      </c>
      <c r="D25709" s="14" t="s">
        <v>167</v>
      </c>
      <c r="E25709" s="15">
        <v>45535</v>
      </c>
      <c r="F25709" s="14" t="s">
        <v>53</v>
      </c>
      <c r="G25709" s="16">
        <v>0.32539658721882403</v>
      </c>
    </row>
    <row r="25710" spans="1:7" x14ac:dyDescent="0.3">
      <c r="A25710" s="13" t="s">
        <v>166</v>
      </c>
      <c r="B25710" s="14" t="s">
        <v>1</v>
      </c>
      <c r="C25710" s="14" t="s">
        <v>137</v>
      </c>
      <c r="D25710" s="14" t="s">
        <v>167</v>
      </c>
      <c r="E25710" s="15">
        <v>45536</v>
      </c>
      <c r="F25710" s="14" t="s">
        <v>53</v>
      </c>
      <c r="G25710" s="16">
        <v>0.32539658721882403</v>
      </c>
    </row>
    <row r="25711" spans="1:7" x14ac:dyDescent="0.3">
      <c r="A25711" s="13" t="s">
        <v>166</v>
      </c>
      <c r="B25711" s="14" t="s">
        <v>1</v>
      </c>
      <c r="C25711" s="14" t="s">
        <v>137</v>
      </c>
      <c r="D25711" s="14" t="s">
        <v>167</v>
      </c>
      <c r="E25711" s="15">
        <v>45537</v>
      </c>
      <c r="F25711" s="14" t="s">
        <v>53</v>
      </c>
      <c r="G25711" s="16">
        <v>0</v>
      </c>
    </row>
    <row r="25712" spans="1:7" x14ac:dyDescent="0.3">
      <c r="A25712" s="13" t="s">
        <v>166</v>
      </c>
      <c r="B25712" s="14" t="s">
        <v>1</v>
      </c>
      <c r="C25712" s="14" t="s">
        <v>137</v>
      </c>
      <c r="D25712" s="14" t="s">
        <v>167</v>
      </c>
      <c r="E25712" s="15">
        <v>45538</v>
      </c>
      <c r="F25712" s="14" t="s">
        <v>53</v>
      </c>
      <c r="G25712" s="16">
        <v>0</v>
      </c>
    </row>
    <row r="25713" spans="1:7" x14ac:dyDescent="0.3">
      <c r="A25713" s="13" t="s">
        <v>166</v>
      </c>
      <c r="B25713" s="14" t="s">
        <v>1</v>
      </c>
      <c r="C25713" s="14" t="s">
        <v>137</v>
      </c>
      <c r="D25713" s="14" t="s">
        <v>167</v>
      </c>
      <c r="E25713" s="15">
        <v>45539</v>
      </c>
      <c r="F25713" s="14" t="s">
        <v>53</v>
      </c>
      <c r="G25713" s="16">
        <v>0</v>
      </c>
    </row>
    <row r="25714" spans="1:7" x14ac:dyDescent="0.3">
      <c r="A25714" s="13" t="s">
        <v>166</v>
      </c>
      <c r="B25714" s="14" t="s">
        <v>1</v>
      </c>
      <c r="C25714" s="14" t="s">
        <v>137</v>
      </c>
      <c r="D25714" s="14" t="s">
        <v>167</v>
      </c>
      <c r="E25714" s="15">
        <v>45540</v>
      </c>
      <c r="F25714" s="14" t="s">
        <v>53</v>
      </c>
      <c r="G25714" s="16">
        <v>0</v>
      </c>
    </row>
    <row r="25715" spans="1:7" x14ac:dyDescent="0.3">
      <c r="A25715" s="13" t="s">
        <v>166</v>
      </c>
      <c r="B25715" s="14" t="s">
        <v>1</v>
      </c>
      <c r="C25715" s="14" t="s">
        <v>137</v>
      </c>
      <c r="D25715" s="14" t="s">
        <v>167</v>
      </c>
      <c r="E25715" s="15">
        <v>45541</v>
      </c>
      <c r="F25715" s="14" t="s">
        <v>53</v>
      </c>
      <c r="G25715" s="16">
        <v>0</v>
      </c>
    </row>
    <row r="25716" spans="1:7" x14ac:dyDescent="0.3">
      <c r="A25716" s="13" t="s">
        <v>166</v>
      </c>
      <c r="B25716" s="14" t="s">
        <v>1</v>
      </c>
      <c r="C25716" s="14" t="s">
        <v>137</v>
      </c>
      <c r="D25716" s="14" t="s">
        <v>167</v>
      </c>
      <c r="E25716" s="15">
        <v>45542</v>
      </c>
      <c r="F25716" s="14" t="s">
        <v>53</v>
      </c>
      <c r="G25716" s="16">
        <v>0</v>
      </c>
    </row>
    <row r="25717" spans="1:7" x14ac:dyDescent="0.3">
      <c r="A25717" s="13" t="s">
        <v>166</v>
      </c>
      <c r="B25717" s="14" t="s">
        <v>1</v>
      </c>
      <c r="C25717" s="14" t="s">
        <v>137</v>
      </c>
      <c r="D25717" s="14" t="s">
        <v>167</v>
      </c>
      <c r="E25717" s="15">
        <v>45543</v>
      </c>
      <c r="F25717" s="14" t="s">
        <v>53</v>
      </c>
      <c r="G25717" s="16">
        <v>0</v>
      </c>
    </row>
    <row r="25718" spans="1:7" x14ac:dyDescent="0.3">
      <c r="A25718" s="13" t="s">
        <v>166</v>
      </c>
      <c r="B25718" s="14" t="s">
        <v>1</v>
      </c>
      <c r="C25718" s="14" t="s">
        <v>137</v>
      </c>
      <c r="D25718" s="14" t="s">
        <v>167</v>
      </c>
      <c r="E25718" s="15">
        <v>45544</v>
      </c>
      <c r="F25718" s="14" t="s">
        <v>53</v>
      </c>
      <c r="G25718" s="16">
        <v>0</v>
      </c>
    </row>
    <row r="25719" spans="1:7" x14ac:dyDescent="0.3">
      <c r="A25719" s="13" t="s">
        <v>166</v>
      </c>
      <c r="B25719" s="14" t="s">
        <v>1</v>
      </c>
      <c r="C25719" s="14" t="s">
        <v>137</v>
      </c>
      <c r="D25719" s="14" t="s">
        <v>167</v>
      </c>
      <c r="E25719" s="15">
        <v>45545</v>
      </c>
      <c r="F25719" s="14" t="s">
        <v>53</v>
      </c>
      <c r="G25719" s="16">
        <v>0</v>
      </c>
    </row>
    <row r="25720" spans="1:7" x14ac:dyDescent="0.3">
      <c r="A25720" s="13" t="s">
        <v>166</v>
      </c>
      <c r="B25720" s="14" t="s">
        <v>1</v>
      </c>
      <c r="C25720" s="14" t="s">
        <v>137</v>
      </c>
      <c r="D25720" s="14" t="s">
        <v>167</v>
      </c>
      <c r="E25720" s="15">
        <v>45546</v>
      </c>
      <c r="F25720" s="14" t="s">
        <v>53</v>
      </c>
      <c r="G25720" s="16">
        <v>0</v>
      </c>
    </row>
    <row r="25721" spans="1:7" x14ac:dyDescent="0.3">
      <c r="A25721" s="13" t="s">
        <v>166</v>
      </c>
      <c r="B25721" s="14" t="s">
        <v>1</v>
      </c>
      <c r="C25721" s="14" t="s">
        <v>137</v>
      </c>
      <c r="D25721" s="14" t="s">
        <v>167</v>
      </c>
      <c r="E25721" s="15">
        <v>45547</v>
      </c>
      <c r="F25721" s="14" t="s">
        <v>53</v>
      </c>
      <c r="G25721" s="16">
        <v>0</v>
      </c>
    </row>
    <row r="25722" spans="1:7" x14ac:dyDescent="0.3">
      <c r="A25722" s="13" t="s">
        <v>166</v>
      </c>
      <c r="B25722" s="14" t="s">
        <v>1</v>
      </c>
      <c r="C25722" s="14" t="s">
        <v>137</v>
      </c>
      <c r="D25722" s="14" t="s">
        <v>167</v>
      </c>
      <c r="E25722" s="15">
        <v>45548</v>
      </c>
      <c r="F25722" s="14" t="s">
        <v>53</v>
      </c>
      <c r="G25722" s="16">
        <v>0</v>
      </c>
    </row>
    <row r="25723" spans="1:7" x14ac:dyDescent="0.3">
      <c r="A25723" s="13" t="s">
        <v>166</v>
      </c>
      <c r="B25723" s="14" t="s">
        <v>1</v>
      </c>
      <c r="C25723" s="14" t="s">
        <v>137</v>
      </c>
      <c r="D25723" s="14" t="s">
        <v>167</v>
      </c>
      <c r="E25723" s="15">
        <v>45549</v>
      </c>
      <c r="F25723" s="14" t="s">
        <v>53</v>
      </c>
      <c r="G25723" s="16">
        <v>0</v>
      </c>
    </row>
    <row r="25724" spans="1:7" x14ac:dyDescent="0.3">
      <c r="A25724" s="13" t="s">
        <v>166</v>
      </c>
      <c r="B25724" s="14" t="s">
        <v>1</v>
      </c>
      <c r="C25724" s="14" t="s">
        <v>137</v>
      </c>
      <c r="D25724" s="14" t="s">
        <v>167</v>
      </c>
      <c r="E25724" s="15">
        <v>45550</v>
      </c>
      <c r="F25724" s="14" t="s">
        <v>53</v>
      </c>
      <c r="G25724" s="16">
        <v>0</v>
      </c>
    </row>
    <row r="25725" spans="1:7" x14ac:dyDescent="0.3">
      <c r="A25725" s="13" t="s">
        <v>166</v>
      </c>
      <c r="B25725" s="14" t="s">
        <v>1</v>
      </c>
      <c r="C25725" s="14" t="s">
        <v>137</v>
      </c>
      <c r="D25725" s="14" t="s">
        <v>167</v>
      </c>
      <c r="E25725" s="15">
        <v>45551</v>
      </c>
      <c r="F25725" s="14" t="s">
        <v>53</v>
      </c>
      <c r="G25725" s="16">
        <v>0</v>
      </c>
    </row>
    <row r="25726" spans="1:7" x14ac:dyDescent="0.3">
      <c r="A25726" s="13" t="s">
        <v>166</v>
      </c>
      <c r="B25726" s="14" t="s">
        <v>1</v>
      </c>
      <c r="C25726" s="14" t="s">
        <v>137</v>
      </c>
      <c r="D25726" s="14" t="s">
        <v>167</v>
      </c>
      <c r="E25726" s="15">
        <v>45552</v>
      </c>
      <c r="F25726" s="14" t="s">
        <v>53</v>
      </c>
      <c r="G25726" s="16">
        <v>3.3912454147926437E-2</v>
      </c>
    </row>
    <row r="25727" spans="1:7" x14ac:dyDescent="0.3">
      <c r="A25727" s="13" t="s">
        <v>166</v>
      </c>
      <c r="B25727" s="14" t="s">
        <v>1</v>
      </c>
      <c r="C25727" s="14" t="s">
        <v>137</v>
      </c>
      <c r="D25727" s="14" t="s">
        <v>167</v>
      </c>
      <c r="E25727" s="15">
        <v>45553</v>
      </c>
      <c r="F25727" s="14" t="s">
        <v>53</v>
      </c>
      <c r="G25727" s="16">
        <v>5.2100993475119803E-2</v>
      </c>
    </row>
    <row r="25728" spans="1:7" x14ac:dyDescent="0.3">
      <c r="A25728" s="13" t="s">
        <v>166</v>
      </c>
      <c r="B25728" s="14" t="s">
        <v>1</v>
      </c>
      <c r="C25728" s="14" t="s">
        <v>137</v>
      </c>
      <c r="D25728" s="14" t="s">
        <v>167</v>
      </c>
      <c r="E25728" s="15">
        <v>45554</v>
      </c>
      <c r="F25728" s="14" t="s">
        <v>53</v>
      </c>
      <c r="G25728" s="16">
        <v>7.0426331062915584E-2</v>
      </c>
    </row>
    <row r="25729" spans="1:7" x14ac:dyDescent="0.3">
      <c r="A25729" s="13" t="s">
        <v>166</v>
      </c>
      <c r="B25729" s="14" t="s">
        <v>1</v>
      </c>
      <c r="C25729" s="14" t="s">
        <v>137</v>
      </c>
      <c r="D25729" s="14" t="s">
        <v>167</v>
      </c>
      <c r="E25729" s="15">
        <v>45555</v>
      </c>
      <c r="F25729" s="14" t="s">
        <v>53</v>
      </c>
      <c r="G25729" s="16">
        <v>9.3941262126914102E-2</v>
      </c>
    </row>
    <row r="25730" spans="1:7" x14ac:dyDescent="0.3">
      <c r="A25730" s="13" t="s">
        <v>166</v>
      </c>
      <c r="B25730" s="14" t="s">
        <v>1</v>
      </c>
      <c r="C25730" s="14" t="s">
        <v>137</v>
      </c>
      <c r="D25730" s="14" t="s">
        <v>167</v>
      </c>
      <c r="E25730" s="15">
        <v>45556</v>
      </c>
      <c r="F25730" s="14" t="s">
        <v>53</v>
      </c>
      <c r="G25730" s="16">
        <v>9.3941262126914102E-2</v>
      </c>
    </row>
    <row r="25731" spans="1:7" x14ac:dyDescent="0.3">
      <c r="A25731" s="13" t="s">
        <v>166</v>
      </c>
      <c r="B25731" s="14" t="s">
        <v>1</v>
      </c>
      <c r="C25731" s="14" t="s">
        <v>137</v>
      </c>
      <c r="D25731" s="14" t="s">
        <v>167</v>
      </c>
      <c r="E25731" s="15">
        <v>45557</v>
      </c>
      <c r="F25731" s="14" t="s">
        <v>53</v>
      </c>
      <c r="G25731" s="16">
        <v>9.3941262126914102E-2</v>
      </c>
    </row>
    <row r="25732" spans="1:7" x14ac:dyDescent="0.3">
      <c r="A25732" s="13" t="s">
        <v>166</v>
      </c>
      <c r="B25732" s="14" t="s">
        <v>1</v>
      </c>
      <c r="C25732" s="14" t="s">
        <v>137</v>
      </c>
      <c r="D25732" s="14" t="s">
        <v>167</v>
      </c>
      <c r="E25732" s="15">
        <v>45558</v>
      </c>
      <c r="F25732" s="14" t="s">
        <v>53</v>
      </c>
      <c r="G25732" s="16">
        <v>0.11271120437417599</v>
      </c>
    </row>
    <row r="25733" spans="1:7" x14ac:dyDescent="0.3">
      <c r="A25733" s="13" t="s">
        <v>166</v>
      </c>
      <c r="B25733" s="14" t="s">
        <v>1</v>
      </c>
      <c r="C25733" s="14" t="s">
        <v>137</v>
      </c>
      <c r="D25733" s="14" t="s">
        <v>167</v>
      </c>
      <c r="E25733" s="15">
        <v>45559</v>
      </c>
      <c r="F25733" s="14" t="s">
        <v>53</v>
      </c>
      <c r="G25733" s="16">
        <v>0.16468901583200582</v>
      </c>
    </row>
    <row r="25734" spans="1:7" x14ac:dyDescent="0.3">
      <c r="A25734" s="13" t="s">
        <v>166</v>
      </c>
      <c r="B25734" s="14" t="s">
        <v>1</v>
      </c>
      <c r="C25734" s="14" t="s">
        <v>137</v>
      </c>
      <c r="D25734" s="14" t="s">
        <v>167</v>
      </c>
      <c r="E25734" s="15">
        <v>45560</v>
      </c>
      <c r="F25734" s="14" t="s">
        <v>53</v>
      </c>
      <c r="G25734" s="16">
        <v>0.18395432953117033</v>
      </c>
    </row>
    <row r="25735" spans="1:7" x14ac:dyDescent="0.3">
      <c r="A25735" s="13" t="s">
        <v>166</v>
      </c>
      <c r="B25735" s="14" t="s">
        <v>1</v>
      </c>
      <c r="C25735" s="14" t="s">
        <v>137</v>
      </c>
      <c r="D25735" s="14" t="s">
        <v>167</v>
      </c>
      <c r="E25735" s="15">
        <v>45561</v>
      </c>
      <c r="F25735" s="14" t="s">
        <v>53</v>
      </c>
      <c r="G25735" s="16">
        <v>0.20137810266699976</v>
      </c>
    </row>
    <row r="25736" spans="1:7" x14ac:dyDescent="0.3">
      <c r="A25736" s="13" t="s">
        <v>166</v>
      </c>
      <c r="B25736" s="14" t="s">
        <v>1</v>
      </c>
      <c r="C25736" s="14" t="s">
        <v>137</v>
      </c>
      <c r="D25736" s="14" t="s">
        <v>167</v>
      </c>
      <c r="E25736" s="15">
        <v>45562</v>
      </c>
      <c r="F25736" s="14" t="s">
        <v>53</v>
      </c>
      <c r="G25736" s="16">
        <v>0.22136951664073387</v>
      </c>
    </row>
    <row r="25737" spans="1:7" x14ac:dyDescent="0.3">
      <c r="A25737" s="13" t="s">
        <v>166</v>
      </c>
      <c r="B25737" s="14" t="s">
        <v>1</v>
      </c>
      <c r="C25737" s="14" t="s">
        <v>137</v>
      </c>
      <c r="D25737" s="14" t="s">
        <v>167</v>
      </c>
      <c r="E25737" s="15">
        <v>45563</v>
      </c>
      <c r="F25737" s="14" t="s">
        <v>53</v>
      </c>
      <c r="G25737" s="16">
        <v>0.22136951664073387</v>
      </c>
    </row>
    <row r="25738" spans="1:7" x14ac:dyDescent="0.3">
      <c r="A25738" s="13" t="s">
        <v>166</v>
      </c>
      <c r="B25738" s="14" t="s">
        <v>1</v>
      </c>
      <c r="C25738" s="14" t="s">
        <v>137</v>
      </c>
      <c r="D25738" s="14" t="s">
        <v>167</v>
      </c>
      <c r="E25738" s="15">
        <v>45564</v>
      </c>
      <c r="F25738" s="14" t="s">
        <v>53</v>
      </c>
      <c r="G25738" s="16">
        <v>0.22136951664073387</v>
      </c>
    </row>
    <row r="25739" spans="1:7" x14ac:dyDescent="0.3">
      <c r="A25739" s="13" t="s">
        <v>166</v>
      </c>
      <c r="B25739" s="14" t="s">
        <v>1</v>
      </c>
      <c r="C25739" s="14" t="s">
        <v>137</v>
      </c>
      <c r="D25739" s="14" t="s">
        <v>167</v>
      </c>
      <c r="E25739" s="15">
        <v>45565</v>
      </c>
      <c r="F25739" s="14" t="s">
        <v>53</v>
      </c>
      <c r="G25739" s="16">
        <v>0.2399266405383747</v>
      </c>
    </row>
    <row r="25740" spans="1:7" x14ac:dyDescent="0.3">
      <c r="A25740" s="13" t="s">
        <v>166</v>
      </c>
      <c r="B25740" s="14" t="s">
        <v>1</v>
      </c>
      <c r="C25740" s="14" t="s">
        <v>137</v>
      </c>
      <c r="D25740" s="14" t="s">
        <v>167</v>
      </c>
      <c r="E25740" s="15">
        <v>45566</v>
      </c>
      <c r="F25740" s="14" t="s">
        <v>53</v>
      </c>
      <c r="G25740" s="16">
        <v>0</v>
      </c>
    </row>
    <row r="25741" spans="1:7" x14ac:dyDescent="0.3">
      <c r="A25741" s="13" t="s">
        <v>166</v>
      </c>
      <c r="B25741" s="14" t="s">
        <v>1</v>
      </c>
      <c r="C25741" s="14" t="s">
        <v>137</v>
      </c>
      <c r="D25741" s="14" t="s">
        <v>167</v>
      </c>
      <c r="E25741" s="15">
        <v>45567</v>
      </c>
      <c r="F25741" s="14" t="s">
        <v>53</v>
      </c>
      <c r="G25741" s="16">
        <v>0</v>
      </c>
    </row>
    <row r="25742" spans="1:7" x14ac:dyDescent="0.3">
      <c r="A25742" s="13" t="s">
        <v>166</v>
      </c>
      <c r="B25742" s="14" t="s">
        <v>1</v>
      </c>
      <c r="C25742" s="14" t="s">
        <v>137</v>
      </c>
      <c r="D25742" s="14" t="s">
        <v>167</v>
      </c>
      <c r="E25742" s="15">
        <v>45568</v>
      </c>
      <c r="F25742" s="14" t="s">
        <v>53</v>
      </c>
      <c r="G25742" s="16">
        <v>0</v>
      </c>
    </row>
    <row r="25743" spans="1:7" x14ac:dyDescent="0.3">
      <c r="A25743" s="13" t="s">
        <v>166</v>
      </c>
      <c r="B25743" s="14" t="s">
        <v>1</v>
      </c>
      <c r="C25743" s="14" t="s">
        <v>137</v>
      </c>
      <c r="D25743" s="14" t="s">
        <v>167</v>
      </c>
      <c r="E25743" s="15">
        <v>45569</v>
      </c>
      <c r="F25743" s="14" t="s">
        <v>53</v>
      </c>
      <c r="G25743" s="16">
        <v>0</v>
      </c>
    </row>
    <row r="25744" spans="1:7" x14ac:dyDescent="0.3">
      <c r="A25744" s="13" t="s">
        <v>166</v>
      </c>
      <c r="B25744" s="14" t="s">
        <v>1</v>
      </c>
      <c r="C25744" s="14" t="s">
        <v>137</v>
      </c>
      <c r="D25744" s="14" t="s">
        <v>167</v>
      </c>
      <c r="E25744" s="15">
        <v>45570</v>
      </c>
      <c r="F25744" s="14" t="s">
        <v>53</v>
      </c>
      <c r="G25744" s="16">
        <v>0</v>
      </c>
    </row>
    <row r="25745" spans="1:7" x14ac:dyDescent="0.3">
      <c r="A25745" s="13" t="s">
        <v>166</v>
      </c>
      <c r="B25745" s="14" t="s">
        <v>1</v>
      </c>
      <c r="C25745" s="14" t="s">
        <v>137</v>
      </c>
      <c r="D25745" s="14" t="s">
        <v>167</v>
      </c>
      <c r="E25745" s="15">
        <v>45571</v>
      </c>
      <c r="F25745" s="14" t="s">
        <v>53</v>
      </c>
      <c r="G25745" s="16">
        <v>0</v>
      </c>
    </row>
    <row r="25746" spans="1:7" x14ac:dyDescent="0.3">
      <c r="A25746" s="13" t="s">
        <v>166</v>
      </c>
      <c r="B25746" s="14" t="s">
        <v>1</v>
      </c>
      <c r="C25746" s="14" t="s">
        <v>137</v>
      </c>
      <c r="D25746" s="14" t="s">
        <v>167</v>
      </c>
      <c r="E25746" s="15">
        <v>45572</v>
      </c>
      <c r="F25746" s="14" t="s">
        <v>53</v>
      </c>
      <c r="G25746" s="16">
        <v>0</v>
      </c>
    </row>
    <row r="25747" spans="1:7" x14ac:dyDescent="0.3">
      <c r="A25747" s="13" t="s">
        <v>166</v>
      </c>
      <c r="B25747" s="14" t="s">
        <v>1</v>
      </c>
      <c r="C25747" s="14" t="s">
        <v>137</v>
      </c>
      <c r="D25747" s="14" t="s">
        <v>167</v>
      </c>
      <c r="E25747" s="15">
        <v>45573</v>
      </c>
      <c r="F25747" s="14" t="s">
        <v>53</v>
      </c>
      <c r="G25747" s="16">
        <v>0</v>
      </c>
    </row>
    <row r="25748" spans="1:7" x14ac:dyDescent="0.3">
      <c r="A25748" s="13" t="s">
        <v>166</v>
      </c>
      <c r="B25748" s="14" t="s">
        <v>1</v>
      </c>
      <c r="C25748" s="14" t="s">
        <v>137</v>
      </c>
      <c r="D25748" s="14" t="s">
        <v>167</v>
      </c>
      <c r="E25748" s="15">
        <v>45574</v>
      </c>
      <c r="F25748" s="14" t="s">
        <v>53</v>
      </c>
      <c r="G25748" s="16">
        <v>0</v>
      </c>
    </row>
    <row r="25749" spans="1:7" x14ac:dyDescent="0.3">
      <c r="A25749" s="13" t="s">
        <v>166</v>
      </c>
      <c r="B25749" s="14" t="s">
        <v>1</v>
      </c>
      <c r="C25749" s="14" t="s">
        <v>137</v>
      </c>
      <c r="D25749" s="14" t="s">
        <v>167</v>
      </c>
      <c r="E25749" s="15">
        <v>45575</v>
      </c>
      <c r="F25749" s="14" t="s">
        <v>53</v>
      </c>
      <c r="G25749" s="16">
        <v>0</v>
      </c>
    </row>
    <row r="25750" spans="1:7" x14ac:dyDescent="0.3">
      <c r="A25750" s="13" t="s">
        <v>166</v>
      </c>
      <c r="B25750" s="14" t="s">
        <v>1</v>
      </c>
      <c r="C25750" s="14" t="s">
        <v>137</v>
      </c>
      <c r="D25750" s="14" t="s">
        <v>167</v>
      </c>
      <c r="E25750" s="15">
        <v>45576</v>
      </c>
      <c r="F25750" s="14" t="s">
        <v>53</v>
      </c>
      <c r="G25750" s="16">
        <v>0</v>
      </c>
    </row>
    <row r="25751" spans="1:7" x14ac:dyDescent="0.3">
      <c r="A25751" s="13" t="s">
        <v>166</v>
      </c>
      <c r="B25751" s="14" t="s">
        <v>1</v>
      </c>
      <c r="C25751" s="14" t="s">
        <v>137</v>
      </c>
      <c r="D25751" s="14" t="s">
        <v>167</v>
      </c>
      <c r="E25751" s="15">
        <v>45577</v>
      </c>
      <c r="F25751" s="14" t="s">
        <v>53</v>
      </c>
      <c r="G25751" s="16">
        <v>0</v>
      </c>
    </row>
    <row r="25752" spans="1:7" x14ac:dyDescent="0.3">
      <c r="A25752" s="13" t="s">
        <v>166</v>
      </c>
      <c r="B25752" s="14" t="s">
        <v>1</v>
      </c>
      <c r="C25752" s="14" t="s">
        <v>137</v>
      </c>
      <c r="D25752" s="14" t="s">
        <v>167</v>
      </c>
      <c r="E25752" s="15">
        <v>45578</v>
      </c>
      <c r="F25752" s="14" t="s">
        <v>53</v>
      </c>
      <c r="G25752" s="16">
        <v>0</v>
      </c>
    </row>
    <row r="25753" spans="1:7" x14ac:dyDescent="0.3">
      <c r="A25753" s="13" t="s">
        <v>166</v>
      </c>
      <c r="B25753" s="14" t="s">
        <v>1</v>
      </c>
      <c r="C25753" s="14" t="s">
        <v>137</v>
      </c>
      <c r="D25753" s="14" t="s">
        <v>167</v>
      </c>
      <c r="E25753" s="15">
        <v>45579</v>
      </c>
      <c r="F25753" s="14" t="s">
        <v>53</v>
      </c>
      <c r="G25753" s="16">
        <v>0</v>
      </c>
    </row>
    <row r="25754" spans="1:7" x14ac:dyDescent="0.3">
      <c r="A25754" s="13" t="s">
        <v>166</v>
      </c>
      <c r="B25754" s="14" t="s">
        <v>1</v>
      </c>
      <c r="C25754" s="14" t="s">
        <v>137</v>
      </c>
      <c r="D25754" s="14" t="s">
        <v>167</v>
      </c>
      <c r="E25754" s="15">
        <v>45580</v>
      </c>
      <c r="F25754" s="14" t="s">
        <v>53</v>
      </c>
      <c r="G25754" s="16">
        <v>0</v>
      </c>
    </row>
    <row r="25755" spans="1:7" x14ac:dyDescent="0.3">
      <c r="A25755" s="13" t="s">
        <v>166</v>
      </c>
      <c r="B25755" s="14" t="s">
        <v>1</v>
      </c>
      <c r="C25755" s="14" t="s">
        <v>137</v>
      </c>
      <c r="D25755" s="14" t="s">
        <v>167</v>
      </c>
      <c r="E25755" s="15">
        <v>45581</v>
      </c>
      <c r="F25755" s="14" t="s">
        <v>53</v>
      </c>
      <c r="G25755" s="16">
        <v>0</v>
      </c>
    </row>
    <row r="25756" spans="1:7" x14ac:dyDescent="0.3">
      <c r="A25756" s="13" t="s">
        <v>166</v>
      </c>
      <c r="B25756" s="14" t="s">
        <v>1</v>
      </c>
      <c r="C25756" s="14" t="s">
        <v>137</v>
      </c>
      <c r="D25756" s="14" t="s">
        <v>167</v>
      </c>
      <c r="E25756" s="15">
        <v>45582</v>
      </c>
      <c r="F25756" s="14" t="s">
        <v>53</v>
      </c>
      <c r="G25756" s="16">
        <v>0</v>
      </c>
    </row>
    <row r="25757" spans="1:7" x14ac:dyDescent="0.3">
      <c r="A25757" s="13" t="s">
        <v>166</v>
      </c>
      <c r="B25757" s="14" t="s">
        <v>1</v>
      </c>
      <c r="C25757" s="14" t="s">
        <v>137</v>
      </c>
      <c r="D25757" s="14" t="s">
        <v>167</v>
      </c>
      <c r="E25757" s="15">
        <v>45583</v>
      </c>
      <c r="F25757" s="14" t="s">
        <v>53</v>
      </c>
      <c r="G25757" s="16">
        <v>0</v>
      </c>
    </row>
    <row r="25758" spans="1:7" x14ac:dyDescent="0.3">
      <c r="A25758" s="13" t="s">
        <v>166</v>
      </c>
      <c r="B25758" s="14" t="s">
        <v>1</v>
      </c>
      <c r="C25758" s="14" t="s">
        <v>137</v>
      </c>
      <c r="D25758" s="14" t="s">
        <v>167</v>
      </c>
      <c r="E25758" s="15">
        <v>45584</v>
      </c>
      <c r="F25758" s="14" t="s">
        <v>53</v>
      </c>
      <c r="G25758" s="16">
        <v>0</v>
      </c>
    </row>
    <row r="25759" spans="1:7" x14ac:dyDescent="0.3">
      <c r="A25759" s="13" t="s">
        <v>166</v>
      </c>
      <c r="B25759" s="14" t="s">
        <v>1</v>
      </c>
      <c r="C25759" s="14" t="s">
        <v>137</v>
      </c>
      <c r="D25759" s="14" t="s">
        <v>167</v>
      </c>
      <c r="E25759" s="15">
        <v>45585</v>
      </c>
      <c r="F25759" s="14" t="s">
        <v>53</v>
      </c>
      <c r="G25759" s="16">
        <v>0</v>
      </c>
    </row>
    <row r="25760" spans="1:7" x14ac:dyDescent="0.3">
      <c r="A25760" s="13" t="s">
        <v>166</v>
      </c>
      <c r="B25760" s="14" t="s">
        <v>1</v>
      </c>
      <c r="C25760" s="14" t="s">
        <v>137</v>
      </c>
      <c r="D25760" s="14" t="s">
        <v>167</v>
      </c>
      <c r="E25760" s="15">
        <v>45586</v>
      </c>
      <c r="F25760" s="14" t="s">
        <v>53</v>
      </c>
      <c r="G25760" s="16">
        <v>1.9288907281713671E-2</v>
      </c>
    </row>
    <row r="25761" spans="1:7" x14ac:dyDescent="0.3">
      <c r="A25761" s="13" t="s">
        <v>166</v>
      </c>
      <c r="B25761" s="14" t="s">
        <v>1</v>
      </c>
      <c r="C25761" s="14" t="s">
        <v>137</v>
      </c>
      <c r="D25761" s="14" t="s">
        <v>167</v>
      </c>
      <c r="E25761" s="15">
        <v>45587</v>
      </c>
      <c r="F25761" s="14" t="s">
        <v>53</v>
      </c>
      <c r="G25761" s="16">
        <v>7.7285208242719922E-2</v>
      </c>
    </row>
    <row r="25762" spans="1:7" x14ac:dyDescent="0.3">
      <c r="A25762" s="13" t="s">
        <v>166</v>
      </c>
      <c r="B25762" s="14" t="s">
        <v>1</v>
      </c>
      <c r="C25762" s="14" t="s">
        <v>137</v>
      </c>
      <c r="D25762" s="14" t="s">
        <v>167</v>
      </c>
      <c r="E25762" s="15">
        <v>45588</v>
      </c>
      <c r="F25762" s="14" t="s">
        <v>53</v>
      </c>
      <c r="G25762" s="16">
        <v>0.10135377402366501</v>
      </c>
    </row>
    <row r="25763" spans="1:7" x14ac:dyDescent="0.3">
      <c r="A25763" s="13" t="s">
        <v>166</v>
      </c>
      <c r="B25763" s="14" t="s">
        <v>1</v>
      </c>
      <c r="C25763" s="14" t="s">
        <v>137</v>
      </c>
      <c r="D25763" s="14" t="s">
        <v>167</v>
      </c>
      <c r="E25763" s="15">
        <v>45589</v>
      </c>
      <c r="F25763" s="14" t="s">
        <v>53</v>
      </c>
      <c r="G25763" s="16">
        <v>0.12056044663717547</v>
      </c>
    </row>
    <row r="25764" spans="1:7" x14ac:dyDescent="0.3">
      <c r="A25764" s="13" t="s">
        <v>166</v>
      </c>
      <c r="B25764" s="14" t="s">
        <v>1</v>
      </c>
      <c r="C25764" s="14" t="s">
        <v>137</v>
      </c>
      <c r="D25764" s="14" t="s">
        <v>167</v>
      </c>
      <c r="E25764" s="15">
        <v>45590</v>
      </c>
      <c r="F25764" s="14" t="s">
        <v>53</v>
      </c>
      <c r="G25764" s="16">
        <v>0.13963256822834935</v>
      </c>
    </row>
    <row r="25765" spans="1:7" x14ac:dyDescent="0.3">
      <c r="A25765" s="13" t="s">
        <v>166</v>
      </c>
      <c r="B25765" s="14" t="s">
        <v>1</v>
      </c>
      <c r="C25765" s="14" t="s">
        <v>137</v>
      </c>
      <c r="D25765" s="14" t="s">
        <v>167</v>
      </c>
      <c r="E25765" s="15">
        <v>45591</v>
      </c>
      <c r="F25765" s="14" t="s">
        <v>53</v>
      </c>
      <c r="G25765" s="16">
        <v>0.13963256822834935</v>
      </c>
    </row>
    <row r="25766" spans="1:7" x14ac:dyDescent="0.3">
      <c r="A25766" s="13" t="s">
        <v>166</v>
      </c>
      <c r="B25766" s="14" t="s">
        <v>1</v>
      </c>
      <c r="C25766" s="14" t="s">
        <v>137</v>
      </c>
      <c r="D25766" s="14" t="s">
        <v>167</v>
      </c>
      <c r="E25766" s="15">
        <v>45592</v>
      </c>
      <c r="F25766" s="14" t="s">
        <v>53</v>
      </c>
      <c r="G25766" s="16">
        <v>0.13963256822834935</v>
      </c>
    </row>
    <row r="25767" spans="1:7" x14ac:dyDescent="0.3">
      <c r="A25767" s="13" t="s">
        <v>166</v>
      </c>
      <c r="B25767" s="14" t="s">
        <v>1</v>
      </c>
      <c r="C25767" s="14" t="s">
        <v>137</v>
      </c>
      <c r="D25767" s="14" t="s">
        <v>167</v>
      </c>
      <c r="E25767" s="15">
        <v>45593</v>
      </c>
      <c r="F25767" s="14" t="s">
        <v>53</v>
      </c>
      <c r="G25767" s="16">
        <v>0.13963256822834935</v>
      </c>
    </row>
    <row r="25768" spans="1:7" x14ac:dyDescent="0.3">
      <c r="A25768" s="13" t="s">
        <v>166</v>
      </c>
      <c r="B25768" s="14" t="s">
        <v>1</v>
      </c>
      <c r="C25768" s="14" t="s">
        <v>137</v>
      </c>
      <c r="D25768" s="14" t="s">
        <v>167</v>
      </c>
      <c r="E25768" s="15">
        <v>45594</v>
      </c>
      <c r="F25768" s="14" t="s">
        <v>53</v>
      </c>
      <c r="G25768" s="16">
        <v>0.15872126197478836</v>
      </c>
    </row>
    <row r="25769" spans="1:7" x14ac:dyDescent="0.3">
      <c r="A25769" s="13" t="s">
        <v>166</v>
      </c>
      <c r="B25769" s="14" t="s">
        <v>1</v>
      </c>
      <c r="C25769" s="14" t="s">
        <v>137</v>
      </c>
      <c r="D25769" s="14" t="s">
        <v>167</v>
      </c>
      <c r="E25769" s="15">
        <v>45595</v>
      </c>
      <c r="F25769" s="14" t="s">
        <v>53</v>
      </c>
      <c r="G25769" s="16">
        <v>0.23711410230831007</v>
      </c>
    </row>
    <row r="25770" spans="1:7" x14ac:dyDescent="0.3">
      <c r="A25770" s="13" t="s">
        <v>166</v>
      </c>
      <c r="B25770" s="14" t="s">
        <v>1</v>
      </c>
      <c r="C25770" s="14" t="s">
        <v>137</v>
      </c>
      <c r="D25770" s="14" t="s">
        <v>167</v>
      </c>
      <c r="E25770" s="15">
        <v>45596</v>
      </c>
      <c r="F25770" s="14" t="s">
        <v>53</v>
      </c>
      <c r="G25770" s="16">
        <v>0.25768336520735813</v>
      </c>
    </row>
    <row r="25771" spans="1:7" x14ac:dyDescent="0.3">
      <c r="A25771" s="13" t="s">
        <v>166</v>
      </c>
      <c r="B25771" s="14" t="s">
        <v>1</v>
      </c>
      <c r="C25771" s="14" t="s">
        <v>137</v>
      </c>
      <c r="D25771" s="14" t="s">
        <v>167</v>
      </c>
      <c r="E25771" s="15">
        <v>45597</v>
      </c>
      <c r="F25771" s="14" t="s">
        <v>53</v>
      </c>
      <c r="G25771" s="16">
        <v>0</v>
      </c>
    </row>
    <row r="25772" spans="1:7" x14ac:dyDescent="0.3">
      <c r="A25772" s="13" t="s">
        <v>166</v>
      </c>
      <c r="B25772" s="14" t="s">
        <v>1</v>
      </c>
      <c r="C25772" s="14" t="s">
        <v>137</v>
      </c>
      <c r="D25772" s="14" t="s">
        <v>167</v>
      </c>
      <c r="E25772" s="15">
        <v>45598</v>
      </c>
      <c r="F25772" s="14" t="s">
        <v>53</v>
      </c>
      <c r="G25772" s="16">
        <v>0</v>
      </c>
    </row>
    <row r="25773" spans="1:7" x14ac:dyDescent="0.3">
      <c r="A25773" s="13" t="s">
        <v>166</v>
      </c>
      <c r="B25773" s="14" t="s">
        <v>1</v>
      </c>
      <c r="C25773" s="14" t="s">
        <v>137</v>
      </c>
      <c r="D25773" s="14" t="s">
        <v>167</v>
      </c>
      <c r="E25773" s="15">
        <v>45599</v>
      </c>
      <c r="F25773" s="14" t="s">
        <v>53</v>
      </c>
      <c r="G25773" s="16">
        <v>0</v>
      </c>
    </row>
    <row r="25774" spans="1:7" x14ac:dyDescent="0.3">
      <c r="A25774" s="13" t="s">
        <v>166</v>
      </c>
      <c r="B25774" s="14" t="s">
        <v>1</v>
      </c>
      <c r="C25774" s="14" t="s">
        <v>137</v>
      </c>
      <c r="D25774" s="14" t="s">
        <v>167</v>
      </c>
      <c r="E25774" s="15">
        <v>45600</v>
      </c>
      <c r="F25774" s="14" t="s">
        <v>53</v>
      </c>
      <c r="G25774" s="16">
        <v>0</v>
      </c>
    </row>
    <row r="25775" spans="1:7" x14ac:dyDescent="0.3">
      <c r="A25775" s="13" t="s">
        <v>166</v>
      </c>
      <c r="B25775" s="14" t="s">
        <v>1</v>
      </c>
      <c r="C25775" s="14" t="s">
        <v>137</v>
      </c>
      <c r="D25775" s="14" t="s">
        <v>167</v>
      </c>
      <c r="E25775" s="15">
        <v>45601</v>
      </c>
      <c r="F25775" s="14" t="s">
        <v>53</v>
      </c>
      <c r="G25775" s="16">
        <v>0</v>
      </c>
    </row>
    <row r="25776" spans="1:7" x14ac:dyDescent="0.3">
      <c r="A25776" s="13" t="s">
        <v>166</v>
      </c>
      <c r="B25776" s="14" t="s">
        <v>1</v>
      </c>
      <c r="C25776" s="14" t="s">
        <v>137</v>
      </c>
      <c r="D25776" s="14" t="s">
        <v>167</v>
      </c>
      <c r="E25776" s="15">
        <v>45602</v>
      </c>
      <c r="F25776" s="14" t="s">
        <v>53</v>
      </c>
      <c r="G25776" s="16">
        <v>0</v>
      </c>
    </row>
    <row r="25777" spans="1:7" x14ac:dyDescent="0.3">
      <c r="A25777" s="13" t="s">
        <v>166</v>
      </c>
      <c r="B25777" s="14" t="s">
        <v>1</v>
      </c>
      <c r="C25777" s="14" t="s">
        <v>137</v>
      </c>
      <c r="D25777" s="14" t="s">
        <v>167</v>
      </c>
      <c r="E25777" s="15">
        <v>45603</v>
      </c>
      <c r="F25777" s="14" t="s">
        <v>53</v>
      </c>
      <c r="G25777" s="16">
        <v>0</v>
      </c>
    </row>
    <row r="25778" spans="1:7" x14ac:dyDescent="0.3">
      <c r="A25778" s="13" t="s">
        <v>166</v>
      </c>
      <c r="B25778" s="14" t="s">
        <v>1</v>
      </c>
      <c r="C25778" s="14" t="s">
        <v>137</v>
      </c>
      <c r="D25778" s="14" t="s">
        <v>167</v>
      </c>
      <c r="E25778" s="15">
        <v>45604</v>
      </c>
      <c r="F25778" s="14" t="s">
        <v>53</v>
      </c>
      <c r="G25778" s="16">
        <v>0</v>
      </c>
    </row>
    <row r="25779" spans="1:7" x14ac:dyDescent="0.3">
      <c r="A25779" s="13" t="s">
        <v>166</v>
      </c>
      <c r="B25779" s="14" t="s">
        <v>1</v>
      </c>
      <c r="C25779" s="14" t="s">
        <v>137</v>
      </c>
      <c r="D25779" s="14" t="s">
        <v>167</v>
      </c>
      <c r="E25779" s="15">
        <v>45605</v>
      </c>
      <c r="F25779" s="14" t="s">
        <v>53</v>
      </c>
      <c r="G25779" s="16">
        <v>0</v>
      </c>
    </row>
    <row r="25780" spans="1:7" x14ac:dyDescent="0.3">
      <c r="A25780" s="13" t="s">
        <v>166</v>
      </c>
      <c r="B25780" s="14" t="s">
        <v>1</v>
      </c>
      <c r="C25780" s="14" t="s">
        <v>137</v>
      </c>
      <c r="D25780" s="14" t="s">
        <v>167</v>
      </c>
      <c r="E25780" s="15">
        <v>45606</v>
      </c>
      <c r="F25780" s="14" t="s">
        <v>53</v>
      </c>
      <c r="G25780" s="16">
        <v>0</v>
      </c>
    </row>
    <row r="25781" spans="1:7" x14ac:dyDescent="0.3">
      <c r="A25781" s="13" t="s">
        <v>166</v>
      </c>
      <c r="B25781" s="14" t="s">
        <v>1</v>
      </c>
      <c r="C25781" s="14" t="s">
        <v>137</v>
      </c>
      <c r="D25781" s="14" t="s">
        <v>167</v>
      </c>
      <c r="E25781" s="15">
        <v>45607</v>
      </c>
      <c r="F25781" s="14" t="s">
        <v>53</v>
      </c>
      <c r="G25781" s="16">
        <v>0</v>
      </c>
    </row>
    <row r="25782" spans="1:7" x14ac:dyDescent="0.3">
      <c r="A25782" s="13" t="s">
        <v>166</v>
      </c>
      <c r="B25782" s="14" t="s">
        <v>1</v>
      </c>
      <c r="C25782" s="14" t="s">
        <v>137</v>
      </c>
      <c r="D25782" s="14" t="s">
        <v>167</v>
      </c>
      <c r="E25782" s="15">
        <v>45608</v>
      </c>
      <c r="F25782" s="14" t="s">
        <v>53</v>
      </c>
      <c r="G25782" s="16">
        <v>0</v>
      </c>
    </row>
    <row r="25783" spans="1:7" x14ac:dyDescent="0.3">
      <c r="A25783" s="13" t="s">
        <v>166</v>
      </c>
      <c r="B25783" s="14" t="s">
        <v>1</v>
      </c>
      <c r="C25783" s="14" t="s">
        <v>137</v>
      </c>
      <c r="D25783" s="14" t="s">
        <v>167</v>
      </c>
      <c r="E25783" s="15">
        <v>45609</v>
      </c>
      <c r="F25783" s="14" t="s">
        <v>53</v>
      </c>
      <c r="G25783" s="16">
        <v>0</v>
      </c>
    </row>
    <row r="25784" spans="1:7" x14ac:dyDescent="0.3">
      <c r="A25784" s="13" t="s">
        <v>166</v>
      </c>
      <c r="B25784" s="14" t="s">
        <v>1</v>
      </c>
      <c r="C25784" s="14" t="s">
        <v>137</v>
      </c>
      <c r="D25784" s="14" t="s">
        <v>167</v>
      </c>
      <c r="E25784" s="15">
        <v>45610</v>
      </c>
      <c r="F25784" s="14" t="s">
        <v>53</v>
      </c>
      <c r="G25784" s="16">
        <v>0</v>
      </c>
    </row>
    <row r="25785" spans="1:7" x14ac:dyDescent="0.3">
      <c r="A25785" s="13" t="s">
        <v>166</v>
      </c>
      <c r="B25785" s="14" t="s">
        <v>1</v>
      </c>
      <c r="C25785" s="14" t="s">
        <v>137</v>
      </c>
      <c r="D25785" s="14" t="s">
        <v>167</v>
      </c>
      <c r="E25785" s="15">
        <v>45611</v>
      </c>
      <c r="F25785" s="14" t="s">
        <v>53</v>
      </c>
      <c r="G25785" s="16">
        <v>0</v>
      </c>
    </row>
    <row r="25786" spans="1:7" x14ac:dyDescent="0.3">
      <c r="A25786" s="13" t="s">
        <v>166</v>
      </c>
      <c r="B25786" s="14" t="s">
        <v>1</v>
      </c>
      <c r="C25786" s="14" t="s">
        <v>137</v>
      </c>
      <c r="D25786" s="14" t="s">
        <v>167</v>
      </c>
      <c r="E25786" s="15">
        <v>45612</v>
      </c>
      <c r="F25786" s="14" t="s">
        <v>53</v>
      </c>
      <c r="G25786" s="16">
        <v>0</v>
      </c>
    </row>
    <row r="25787" spans="1:7" x14ac:dyDescent="0.3">
      <c r="A25787" s="13" t="s">
        <v>166</v>
      </c>
      <c r="B25787" s="14" t="s">
        <v>1</v>
      </c>
      <c r="C25787" s="14" t="s">
        <v>137</v>
      </c>
      <c r="D25787" s="14" t="s">
        <v>167</v>
      </c>
      <c r="E25787" s="15">
        <v>45613</v>
      </c>
      <c r="F25787" s="14" t="s">
        <v>53</v>
      </c>
      <c r="G25787" s="16">
        <v>0</v>
      </c>
    </row>
    <row r="25788" spans="1:7" x14ac:dyDescent="0.3">
      <c r="A25788" s="13" t="s">
        <v>166</v>
      </c>
      <c r="B25788" s="14" t="s">
        <v>1</v>
      </c>
      <c r="C25788" s="14" t="s">
        <v>137</v>
      </c>
      <c r="D25788" s="14" t="s">
        <v>167</v>
      </c>
      <c r="E25788" s="15">
        <v>45614</v>
      </c>
      <c r="F25788" s="14" t="s">
        <v>53</v>
      </c>
      <c r="G25788" s="16">
        <v>0</v>
      </c>
    </row>
    <row r="25789" spans="1:7" x14ac:dyDescent="0.3">
      <c r="A25789" s="13" t="s">
        <v>166</v>
      </c>
      <c r="B25789" s="14" t="s">
        <v>1</v>
      </c>
      <c r="C25789" s="14" t="s">
        <v>137</v>
      </c>
      <c r="D25789" s="14" t="s">
        <v>167</v>
      </c>
      <c r="E25789" s="15">
        <v>45615</v>
      </c>
      <c r="F25789" s="14" t="s">
        <v>53</v>
      </c>
      <c r="G25789" s="16">
        <v>0</v>
      </c>
    </row>
    <row r="25790" spans="1:7" x14ac:dyDescent="0.3">
      <c r="A25790" s="13" t="s">
        <v>166</v>
      </c>
      <c r="B25790" s="14" t="s">
        <v>1</v>
      </c>
      <c r="C25790" s="14" t="s">
        <v>137</v>
      </c>
      <c r="D25790" s="14" t="s">
        <v>167</v>
      </c>
      <c r="E25790" s="15">
        <v>45616</v>
      </c>
      <c r="F25790" s="14" t="s">
        <v>53</v>
      </c>
      <c r="G25790" s="16">
        <v>0</v>
      </c>
    </row>
    <row r="25791" spans="1:7" x14ac:dyDescent="0.3">
      <c r="A25791" s="13" t="s">
        <v>166</v>
      </c>
      <c r="B25791" s="14" t="s">
        <v>1</v>
      </c>
      <c r="C25791" s="14" t="s">
        <v>137</v>
      </c>
      <c r="D25791" s="14" t="s">
        <v>167</v>
      </c>
      <c r="E25791" s="15">
        <v>45617</v>
      </c>
      <c r="F25791" s="14" t="s">
        <v>53</v>
      </c>
      <c r="G25791" s="16">
        <v>0</v>
      </c>
    </row>
    <row r="25792" spans="1:7" x14ac:dyDescent="0.3">
      <c r="A25792" s="13" t="s">
        <v>166</v>
      </c>
      <c r="B25792" s="14" t="s">
        <v>1</v>
      </c>
      <c r="C25792" s="14" t="s">
        <v>137</v>
      </c>
      <c r="D25792" s="14" t="s">
        <v>167</v>
      </c>
      <c r="E25792" s="15">
        <v>45618</v>
      </c>
      <c r="F25792" s="14" t="s">
        <v>53</v>
      </c>
      <c r="G25792" s="16">
        <v>0</v>
      </c>
    </row>
    <row r="25793" spans="1:7" x14ac:dyDescent="0.3">
      <c r="A25793" s="13" t="s">
        <v>166</v>
      </c>
      <c r="B25793" s="14" t="s">
        <v>1</v>
      </c>
      <c r="C25793" s="14" t="s">
        <v>137</v>
      </c>
      <c r="D25793" s="14" t="s">
        <v>167</v>
      </c>
      <c r="E25793" s="15">
        <v>45619</v>
      </c>
      <c r="F25793" s="14" t="s">
        <v>53</v>
      </c>
      <c r="G25793" s="16">
        <v>0</v>
      </c>
    </row>
    <row r="25794" spans="1:7" x14ac:dyDescent="0.3">
      <c r="A25794" s="13" t="s">
        <v>166</v>
      </c>
      <c r="B25794" s="14" t="s">
        <v>1</v>
      </c>
      <c r="C25794" s="14" t="s">
        <v>137</v>
      </c>
      <c r="D25794" s="14" t="s">
        <v>167</v>
      </c>
      <c r="E25794" s="15">
        <v>45620</v>
      </c>
      <c r="F25794" s="14" t="s">
        <v>53</v>
      </c>
      <c r="G25794" s="16">
        <v>0</v>
      </c>
    </row>
    <row r="25795" spans="1:7" x14ac:dyDescent="0.3">
      <c r="A25795" s="13" t="s">
        <v>166</v>
      </c>
      <c r="B25795" s="14" t="s">
        <v>1</v>
      </c>
      <c r="C25795" s="14" t="s">
        <v>137</v>
      </c>
      <c r="D25795" s="14" t="s">
        <v>167</v>
      </c>
      <c r="E25795" s="15">
        <v>45621</v>
      </c>
      <c r="F25795" s="14" t="s">
        <v>53</v>
      </c>
      <c r="G25795" s="16">
        <v>1.8135409197734327E-2</v>
      </c>
    </row>
    <row r="25796" spans="1:7" x14ac:dyDescent="0.3">
      <c r="A25796" s="13" t="s">
        <v>166</v>
      </c>
      <c r="B25796" s="14" t="s">
        <v>1</v>
      </c>
      <c r="C25796" s="14" t="s">
        <v>137</v>
      </c>
      <c r="D25796" s="14" t="s">
        <v>167</v>
      </c>
      <c r="E25796" s="15">
        <v>45622</v>
      </c>
      <c r="F25796" s="14" t="s">
        <v>53</v>
      </c>
      <c r="G25796" s="16">
        <v>7.4598442604256507E-2</v>
      </c>
    </row>
    <row r="25797" spans="1:7" x14ac:dyDescent="0.3">
      <c r="A25797" s="13" t="s">
        <v>166</v>
      </c>
      <c r="B25797" s="14" t="s">
        <v>1</v>
      </c>
      <c r="C25797" s="14" t="s">
        <v>137</v>
      </c>
      <c r="D25797" s="14" t="s">
        <v>167</v>
      </c>
      <c r="E25797" s="15">
        <v>45623</v>
      </c>
      <c r="F25797" s="14" t="s">
        <v>53</v>
      </c>
      <c r="G25797" s="16">
        <v>0.12484596930390732</v>
      </c>
    </row>
    <row r="25798" spans="1:7" x14ac:dyDescent="0.3">
      <c r="A25798" s="13" t="s">
        <v>166</v>
      </c>
      <c r="B25798" s="14" t="s">
        <v>1</v>
      </c>
      <c r="C25798" s="14" t="s">
        <v>137</v>
      </c>
      <c r="D25798" s="14" t="s">
        <v>167</v>
      </c>
      <c r="E25798" s="15">
        <v>45624</v>
      </c>
      <c r="F25798" s="14" t="s">
        <v>53</v>
      </c>
      <c r="G25798" s="16">
        <v>0.14332737486926075</v>
      </c>
    </row>
    <row r="25799" spans="1:7" x14ac:dyDescent="0.3">
      <c r="A25799" s="13" t="s">
        <v>166</v>
      </c>
      <c r="B25799" s="14" t="s">
        <v>1</v>
      </c>
      <c r="C25799" s="14" t="s">
        <v>137</v>
      </c>
      <c r="D25799" s="14" t="s">
        <v>167</v>
      </c>
      <c r="E25799" s="15">
        <v>45625</v>
      </c>
      <c r="F25799" s="14" t="s">
        <v>53</v>
      </c>
      <c r="G25799" s="16">
        <v>0.16125879649149799</v>
      </c>
    </row>
    <row r="25800" spans="1:7" x14ac:dyDescent="0.3">
      <c r="A25800" s="13" t="s">
        <v>166</v>
      </c>
      <c r="B25800" s="14" t="s">
        <v>1</v>
      </c>
      <c r="C25800" s="14" t="s">
        <v>137</v>
      </c>
      <c r="D25800" s="14" t="s">
        <v>167</v>
      </c>
      <c r="E25800" s="15">
        <v>45626</v>
      </c>
      <c r="F25800" s="14" t="s">
        <v>53</v>
      </c>
      <c r="G25800" s="16">
        <v>0.16125879649149799</v>
      </c>
    </row>
    <row r="25801" spans="1:7" x14ac:dyDescent="0.3">
      <c r="A25801" s="13" t="s">
        <v>166</v>
      </c>
      <c r="B25801" s="14" t="s">
        <v>1</v>
      </c>
      <c r="C25801" s="14" t="s">
        <v>137</v>
      </c>
      <c r="D25801" s="14" t="s">
        <v>167</v>
      </c>
      <c r="E25801" s="15">
        <v>45627</v>
      </c>
      <c r="F25801" s="14" t="s">
        <v>53</v>
      </c>
      <c r="G25801" s="16">
        <v>0.16125879649149799</v>
      </c>
    </row>
    <row r="25802" spans="1:7" x14ac:dyDescent="0.3">
      <c r="A25802" s="13" t="s">
        <v>166</v>
      </c>
      <c r="B25802" s="14" t="s">
        <v>1</v>
      </c>
      <c r="C25802" s="14" t="s">
        <v>137</v>
      </c>
      <c r="D25802" s="14" t="s">
        <v>167</v>
      </c>
      <c r="E25802" s="15">
        <v>45628</v>
      </c>
      <c r="F25802" s="14" t="s">
        <v>53</v>
      </c>
      <c r="G25802" s="16">
        <v>0</v>
      </c>
    </row>
    <row r="25803" spans="1:7" x14ac:dyDescent="0.3">
      <c r="A25803" s="13" t="s">
        <v>166</v>
      </c>
      <c r="B25803" s="14" t="s">
        <v>1</v>
      </c>
      <c r="C25803" s="14" t="s">
        <v>137</v>
      </c>
      <c r="D25803" s="14" t="s">
        <v>167</v>
      </c>
      <c r="E25803" s="15">
        <v>45629</v>
      </c>
      <c r="F25803" s="14" t="s">
        <v>53</v>
      </c>
      <c r="G25803" s="16">
        <v>0</v>
      </c>
    </row>
    <row r="25804" spans="1:7" x14ac:dyDescent="0.3">
      <c r="A25804" s="13" t="s">
        <v>166</v>
      </c>
      <c r="B25804" s="14" t="s">
        <v>1</v>
      </c>
      <c r="C25804" s="14" t="s">
        <v>137</v>
      </c>
      <c r="D25804" s="14" t="s">
        <v>167</v>
      </c>
      <c r="E25804" s="15">
        <v>45630</v>
      </c>
      <c r="F25804" s="14" t="s">
        <v>53</v>
      </c>
      <c r="G25804" s="16">
        <v>0</v>
      </c>
    </row>
    <row r="25805" spans="1:7" x14ac:dyDescent="0.3">
      <c r="A25805" s="13" t="s">
        <v>166</v>
      </c>
      <c r="B25805" s="14" t="s">
        <v>1</v>
      </c>
      <c r="C25805" s="14" t="s">
        <v>137</v>
      </c>
      <c r="D25805" s="14" t="s">
        <v>167</v>
      </c>
      <c r="E25805" s="15">
        <v>45631</v>
      </c>
      <c r="F25805" s="14" t="s">
        <v>53</v>
      </c>
      <c r="G25805" s="16">
        <v>0</v>
      </c>
    </row>
    <row r="25806" spans="1:7" x14ac:dyDescent="0.3">
      <c r="A25806" s="13" t="s">
        <v>166</v>
      </c>
      <c r="B25806" s="14" t="s">
        <v>1</v>
      </c>
      <c r="C25806" s="14" t="s">
        <v>137</v>
      </c>
      <c r="D25806" s="14" t="s">
        <v>167</v>
      </c>
      <c r="E25806" s="15">
        <v>45632</v>
      </c>
      <c r="F25806" s="14" t="s">
        <v>53</v>
      </c>
      <c r="G25806" s="16">
        <v>0</v>
      </c>
    </row>
    <row r="25807" spans="1:7" x14ac:dyDescent="0.3">
      <c r="A25807" s="13" t="s">
        <v>166</v>
      </c>
      <c r="B25807" s="14" t="s">
        <v>1</v>
      </c>
      <c r="C25807" s="14" t="s">
        <v>137</v>
      </c>
      <c r="D25807" s="14" t="s">
        <v>167</v>
      </c>
      <c r="E25807" s="15">
        <v>45633</v>
      </c>
      <c r="F25807" s="14" t="s">
        <v>53</v>
      </c>
      <c r="G25807" s="16">
        <v>0</v>
      </c>
    </row>
    <row r="25808" spans="1:7" x14ac:dyDescent="0.3">
      <c r="A25808" s="13" t="s">
        <v>166</v>
      </c>
      <c r="B25808" s="14" t="s">
        <v>1</v>
      </c>
      <c r="C25808" s="14" t="s">
        <v>137</v>
      </c>
      <c r="D25808" s="14" t="s">
        <v>167</v>
      </c>
      <c r="E25808" s="15">
        <v>45634</v>
      </c>
      <c r="F25808" s="14" t="s">
        <v>53</v>
      </c>
      <c r="G25808" s="16">
        <v>0</v>
      </c>
    </row>
    <row r="25809" spans="1:7" x14ac:dyDescent="0.3">
      <c r="A25809" s="13" t="s">
        <v>166</v>
      </c>
      <c r="B25809" s="14" t="s">
        <v>1</v>
      </c>
      <c r="C25809" s="14" t="s">
        <v>137</v>
      </c>
      <c r="D25809" s="14" t="s">
        <v>167</v>
      </c>
      <c r="E25809" s="15">
        <v>45635</v>
      </c>
      <c r="F25809" s="14" t="s">
        <v>53</v>
      </c>
      <c r="G25809" s="16">
        <v>0</v>
      </c>
    </row>
    <row r="25810" spans="1:7" x14ac:dyDescent="0.3">
      <c r="A25810" s="13" t="s">
        <v>166</v>
      </c>
      <c r="B25810" s="14" t="s">
        <v>1</v>
      </c>
      <c r="C25810" s="14" t="s">
        <v>137</v>
      </c>
      <c r="D25810" s="14" t="s">
        <v>167</v>
      </c>
      <c r="E25810" s="15">
        <v>45636</v>
      </c>
      <c r="F25810" s="14" t="s">
        <v>53</v>
      </c>
      <c r="G25810" s="16">
        <v>0</v>
      </c>
    </row>
    <row r="25811" spans="1:7" x14ac:dyDescent="0.3">
      <c r="A25811" s="13" t="s">
        <v>166</v>
      </c>
      <c r="B25811" s="14" t="s">
        <v>1</v>
      </c>
      <c r="C25811" s="14" t="s">
        <v>137</v>
      </c>
      <c r="D25811" s="14" t="s">
        <v>167</v>
      </c>
      <c r="E25811" s="15">
        <v>45637</v>
      </c>
      <c r="F25811" s="14" t="s">
        <v>53</v>
      </c>
      <c r="G25811" s="16">
        <v>0</v>
      </c>
    </row>
    <row r="25812" spans="1:7" x14ac:dyDescent="0.3">
      <c r="A25812" s="13" t="s">
        <v>166</v>
      </c>
      <c r="B25812" s="14" t="s">
        <v>1</v>
      </c>
      <c r="C25812" s="14" t="s">
        <v>137</v>
      </c>
      <c r="D25812" s="14" t="s">
        <v>167</v>
      </c>
      <c r="E25812" s="15">
        <v>45638</v>
      </c>
      <c r="F25812" s="14" t="s">
        <v>53</v>
      </c>
      <c r="G25812" s="16">
        <v>0</v>
      </c>
    </row>
    <row r="25813" spans="1:7" x14ac:dyDescent="0.3">
      <c r="A25813" s="13" t="s">
        <v>166</v>
      </c>
      <c r="B25813" s="14" t="s">
        <v>1</v>
      </c>
      <c r="C25813" s="14" t="s">
        <v>137</v>
      </c>
      <c r="D25813" s="14" t="s">
        <v>167</v>
      </c>
      <c r="E25813" s="15">
        <v>45639</v>
      </c>
      <c r="F25813" s="14" t="s">
        <v>53</v>
      </c>
      <c r="G25813" s="16">
        <v>0</v>
      </c>
    </row>
    <row r="25814" spans="1:7" x14ac:dyDescent="0.3">
      <c r="A25814" s="13" t="s">
        <v>166</v>
      </c>
      <c r="B25814" s="14" t="s">
        <v>1</v>
      </c>
      <c r="C25814" s="14" t="s">
        <v>137</v>
      </c>
      <c r="D25814" s="14" t="s">
        <v>167</v>
      </c>
      <c r="E25814" s="15">
        <v>45640</v>
      </c>
      <c r="F25814" s="14" t="s">
        <v>53</v>
      </c>
      <c r="G25814" s="16">
        <v>0</v>
      </c>
    </row>
    <row r="25815" spans="1:7" x14ac:dyDescent="0.3">
      <c r="A25815" s="13" t="s">
        <v>166</v>
      </c>
      <c r="B25815" s="14" t="s">
        <v>1</v>
      </c>
      <c r="C25815" s="14" t="s">
        <v>137</v>
      </c>
      <c r="D25815" s="14" t="s">
        <v>167</v>
      </c>
      <c r="E25815" s="15">
        <v>45641</v>
      </c>
      <c r="F25815" s="14" t="s">
        <v>53</v>
      </c>
      <c r="G25815" s="16">
        <v>0</v>
      </c>
    </row>
    <row r="25816" spans="1:7" x14ac:dyDescent="0.3">
      <c r="A25816" s="13" t="s">
        <v>166</v>
      </c>
      <c r="B25816" s="14" t="s">
        <v>1</v>
      </c>
      <c r="C25816" s="14" t="s">
        <v>137</v>
      </c>
      <c r="D25816" s="14" t="s">
        <v>167</v>
      </c>
      <c r="E25816" s="15">
        <v>45642</v>
      </c>
      <c r="F25816" s="14" t="s">
        <v>53</v>
      </c>
      <c r="G25816" s="16">
        <v>0</v>
      </c>
    </row>
    <row r="25817" spans="1:7" x14ac:dyDescent="0.3">
      <c r="A25817" s="13" t="s">
        <v>166</v>
      </c>
      <c r="B25817" s="14" t="s">
        <v>1</v>
      </c>
      <c r="C25817" s="14" t="s">
        <v>137</v>
      </c>
      <c r="D25817" s="14" t="s">
        <v>167</v>
      </c>
      <c r="E25817" s="15">
        <v>45643</v>
      </c>
      <c r="F25817" s="14" t="s">
        <v>53</v>
      </c>
      <c r="G25817" s="16">
        <v>0</v>
      </c>
    </row>
    <row r="25818" spans="1:7" x14ac:dyDescent="0.3">
      <c r="A25818" s="13" t="s">
        <v>166</v>
      </c>
      <c r="B25818" s="14" t="s">
        <v>1</v>
      </c>
      <c r="C25818" s="14" t="s">
        <v>137</v>
      </c>
      <c r="D25818" s="14" t="s">
        <v>167</v>
      </c>
      <c r="E25818" s="15">
        <v>45644</v>
      </c>
      <c r="F25818" s="14" t="s">
        <v>53</v>
      </c>
      <c r="G25818" s="16">
        <v>0</v>
      </c>
    </row>
    <row r="25819" spans="1:7" x14ac:dyDescent="0.3">
      <c r="A25819" s="13" t="s">
        <v>166</v>
      </c>
      <c r="B25819" s="14" t="s">
        <v>1</v>
      </c>
      <c r="C25819" s="14" t="s">
        <v>137</v>
      </c>
      <c r="D25819" s="14" t="s">
        <v>167</v>
      </c>
      <c r="E25819" s="15">
        <v>45645</v>
      </c>
      <c r="F25819" s="14" t="s">
        <v>53</v>
      </c>
      <c r="G25819" s="16">
        <v>0</v>
      </c>
    </row>
    <row r="25820" spans="1:7" x14ac:dyDescent="0.3">
      <c r="A25820" s="13" t="s">
        <v>166</v>
      </c>
      <c r="B25820" s="14" t="s">
        <v>1</v>
      </c>
      <c r="C25820" s="14" t="s">
        <v>137</v>
      </c>
      <c r="D25820" s="14" t="s">
        <v>167</v>
      </c>
      <c r="E25820" s="15">
        <v>45646</v>
      </c>
      <c r="F25820" s="14" t="s">
        <v>53</v>
      </c>
      <c r="G25820" s="16">
        <v>0</v>
      </c>
    </row>
    <row r="25821" spans="1:7" x14ac:dyDescent="0.3">
      <c r="A25821" s="13" t="s">
        <v>166</v>
      </c>
      <c r="B25821" s="14" t="s">
        <v>1</v>
      </c>
      <c r="C25821" s="14" t="s">
        <v>137</v>
      </c>
      <c r="D25821" s="14" t="s">
        <v>167</v>
      </c>
      <c r="E25821" s="15">
        <v>45647</v>
      </c>
      <c r="F25821" s="14" t="s">
        <v>53</v>
      </c>
      <c r="G25821" s="16">
        <v>0</v>
      </c>
    </row>
    <row r="25822" spans="1:7" x14ac:dyDescent="0.3">
      <c r="A25822" s="13" t="s">
        <v>166</v>
      </c>
      <c r="B25822" s="14" t="s">
        <v>1</v>
      </c>
      <c r="C25822" s="14" t="s">
        <v>137</v>
      </c>
      <c r="D25822" s="14" t="s">
        <v>167</v>
      </c>
      <c r="E25822" s="15">
        <v>45648</v>
      </c>
      <c r="F25822" s="14" t="s">
        <v>53</v>
      </c>
      <c r="G25822" s="16">
        <v>0</v>
      </c>
    </row>
    <row r="25823" spans="1:7" x14ac:dyDescent="0.3">
      <c r="A25823" s="13" t="s">
        <v>166</v>
      </c>
      <c r="B25823" s="14" t="s">
        <v>1</v>
      </c>
      <c r="C25823" s="14" t="s">
        <v>137</v>
      </c>
      <c r="D25823" s="14" t="s">
        <v>167</v>
      </c>
      <c r="E25823" s="15">
        <v>45649</v>
      </c>
      <c r="F25823" s="14" t="s">
        <v>53</v>
      </c>
      <c r="G25823" s="16">
        <v>0</v>
      </c>
    </row>
    <row r="25824" spans="1:7" x14ac:dyDescent="0.3">
      <c r="A25824" s="13" t="s">
        <v>166</v>
      </c>
      <c r="B25824" s="14" t="s">
        <v>1</v>
      </c>
      <c r="C25824" s="14" t="s">
        <v>137</v>
      </c>
      <c r="D25824" s="14" t="s">
        <v>167</v>
      </c>
      <c r="E25824" s="15">
        <v>45650</v>
      </c>
      <c r="F25824" s="14" t="s">
        <v>53</v>
      </c>
      <c r="G25824" s="16">
        <v>1.535181793493869E-3</v>
      </c>
    </row>
    <row r="25825" spans="1:7" x14ac:dyDescent="0.3">
      <c r="A25825" s="13" t="s">
        <v>166</v>
      </c>
      <c r="B25825" s="14" t="s">
        <v>1</v>
      </c>
      <c r="C25825" s="14" t="s">
        <v>137</v>
      </c>
      <c r="D25825" s="14" t="s">
        <v>167</v>
      </c>
      <c r="E25825" s="15">
        <v>45651</v>
      </c>
      <c r="F25825" s="14" t="s">
        <v>53</v>
      </c>
      <c r="G25825" s="16">
        <v>1.535181793493869E-3</v>
      </c>
    </row>
    <row r="25826" spans="1:7" x14ac:dyDescent="0.3">
      <c r="A25826" s="13" t="s">
        <v>166</v>
      </c>
      <c r="B25826" s="14" t="s">
        <v>1</v>
      </c>
      <c r="C25826" s="14" t="s">
        <v>137</v>
      </c>
      <c r="D25826" s="14" t="s">
        <v>167</v>
      </c>
      <c r="E25826" s="15">
        <v>45652</v>
      </c>
      <c r="F25826" s="14" t="s">
        <v>53</v>
      </c>
      <c r="G25826" s="16">
        <v>1.535181793493869E-3</v>
      </c>
    </row>
    <row r="25827" spans="1:7" x14ac:dyDescent="0.3">
      <c r="A25827" s="13" t="s">
        <v>166</v>
      </c>
      <c r="B25827" s="14" t="s">
        <v>1</v>
      </c>
      <c r="C25827" s="14" t="s">
        <v>137</v>
      </c>
      <c r="D25827" s="14" t="s">
        <v>167</v>
      </c>
      <c r="E25827" s="15">
        <v>45653</v>
      </c>
      <c r="F25827" s="14" t="s">
        <v>53</v>
      </c>
      <c r="G25827" s="16">
        <v>1.535181793493869E-3</v>
      </c>
    </row>
    <row r="25828" spans="1:7" x14ac:dyDescent="0.3">
      <c r="A25828" s="13" t="s">
        <v>166</v>
      </c>
      <c r="B25828" s="14" t="s">
        <v>1</v>
      </c>
      <c r="C25828" s="14" t="s">
        <v>137</v>
      </c>
      <c r="D25828" s="14" t="s">
        <v>167</v>
      </c>
      <c r="E25828" s="15">
        <v>45654</v>
      </c>
      <c r="F25828" s="14" t="s">
        <v>53</v>
      </c>
      <c r="G25828" s="16">
        <v>1.535181793493869E-3</v>
      </c>
    </row>
    <row r="25829" spans="1:7" x14ac:dyDescent="0.3">
      <c r="A25829" s="13" t="s">
        <v>166</v>
      </c>
      <c r="B25829" s="14" t="s">
        <v>1</v>
      </c>
      <c r="C25829" s="14" t="s">
        <v>137</v>
      </c>
      <c r="D25829" s="14" t="s">
        <v>167</v>
      </c>
      <c r="E25829" s="15">
        <v>45655</v>
      </c>
      <c r="F25829" s="14" t="s">
        <v>53</v>
      </c>
      <c r="G25829" s="16">
        <v>1.535181793493869E-3</v>
      </c>
    </row>
    <row r="25830" spans="1:7" x14ac:dyDescent="0.3">
      <c r="A25830" s="13" t="s">
        <v>166</v>
      </c>
      <c r="B25830" s="14" t="s">
        <v>1</v>
      </c>
      <c r="C25830" s="14" t="s">
        <v>137</v>
      </c>
      <c r="D25830" s="14" t="s">
        <v>167</v>
      </c>
      <c r="E25830" s="15">
        <v>45656</v>
      </c>
      <c r="F25830" s="14" t="s">
        <v>53</v>
      </c>
      <c r="G25830" s="16">
        <v>2.0012300717035549E-2</v>
      </c>
    </row>
    <row r="25831" spans="1:7" x14ac:dyDescent="0.3">
      <c r="A25831" s="13" t="s">
        <v>166</v>
      </c>
      <c r="B25831" s="14" t="s">
        <v>1</v>
      </c>
      <c r="C25831" s="14" t="s">
        <v>137</v>
      </c>
      <c r="D25831" s="14" t="s">
        <v>167</v>
      </c>
      <c r="E25831" s="15">
        <v>45657</v>
      </c>
      <c r="F25831" s="14" t="s">
        <v>53</v>
      </c>
      <c r="G25831" s="16">
        <v>0.13167388882757591</v>
      </c>
    </row>
    <row r="25832" spans="1:7" x14ac:dyDescent="0.3">
      <c r="A25832" s="13" t="s">
        <v>166</v>
      </c>
      <c r="B25832" s="14" t="s">
        <v>1</v>
      </c>
      <c r="C25832" s="14" t="s">
        <v>137</v>
      </c>
      <c r="D25832" s="14" t="s">
        <v>167</v>
      </c>
      <c r="E25832" s="15">
        <v>45658</v>
      </c>
      <c r="F25832" s="14" t="s">
        <v>53</v>
      </c>
      <c r="G25832" s="16">
        <v>0.13167388882757591</v>
      </c>
    </row>
    <row r="25833" spans="1:7" x14ac:dyDescent="0.3">
      <c r="A25833" s="13" t="s">
        <v>166</v>
      </c>
      <c r="B25833" s="14" t="s">
        <v>1</v>
      </c>
      <c r="C25833" s="14" t="s">
        <v>137</v>
      </c>
      <c r="D25833" s="14" t="s">
        <v>167</v>
      </c>
      <c r="E25833" s="15">
        <v>45659</v>
      </c>
      <c r="F25833" s="14" t="s">
        <v>53</v>
      </c>
      <c r="G25833" s="16">
        <v>0</v>
      </c>
    </row>
    <row r="25834" spans="1:7" x14ac:dyDescent="0.3">
      <c r="A25834" s="13" t="s">
        <v>166</v>
      </c>
      <c r="B25834" s="14" t="s">
        <v>1</v>
      </c>
      <c r="C25834" s="14" t="s">
        <v>137</v>
      </c>
      <c r="D25834" s="14" t="s">
        <v>167</v>
      </c>
      <c r="E25834" s="15">
        <v>45660</v>
      </c>
      <c r="F25834" s="14" t="s">
        <v>53</v>
      </c>
      <c r="G25834" s="16">
        <v>0</v>
      </c>
    </row>
    <row r="25835" spans="1:7" x14ac:dyDescent="0.3">
      <c r="A25835" s="13" t="s">
        <v>166</v>
      </c>
      <c r="B25835" s="14" t="s">
        <v>1</v>
      </c>
      <c r="C25835" s="14" t="s">
        <v>137</v>
      </c>
      <c r="D25835" s="14" t="s">
        <v>167</v>
      </c>
      <c r="E25835" s="15">
        <v>45661</v>
      </c>
      <c r="F25835" s="14" t="s">
        <v>53</v>
      </c>
      <c r="G25835" s="16">
        <v>0</v>
      </c>
    </row>
    <row r="25836" spans="1:7" x14ac:dyDescent="0.3">
      <c r="A25836" s="13" t="s">
        <v>166</v>
      </c>
      <c r="B25836" s="14" t="s">
        <v>1</v>
      </c>
      <c r="C25836" s="14" t="s">
        <v>137</v>
      </c>
      <c r="D25836" s="14" t="s">
        <v>167</v>
      </c>
      <c r="E25836" s="15">
        <v>45662</v>
      </c>
      <c r="F25836" s="14" t="s">
        <v>53</v>
      </c>
      <c r="G25836" s="16">
        <v>0</v>
      </c>
    </row>
    <row r="25837" spans="1:7" x14ac:dyDescent="0.3">
      <c r="A25837" s="13" t="s">
        <v>166</v>
      </c>
      <c r="B25837" s="14" t="s">
        <v>1</v>
      </c>
      <c r="C25837" s="14" t="s">
        <v>137</v>
      </c>
      <c r="D25837" s="14" t="s">
        <v>167</v>
      </c>
      <c r="E25837" s="15">
        <v>45663</v>
      </c>
      <c r="F25837" s="14" t="s">
        <v>53</v>
      </c>
      <c r="G25837" s="16">
        <v>0</v>
      </c>
    </row>
    <row r="25838" spans="1:7" x14ac:dyDescent="0.3">
      <c r="A25838" s="13" t="s">
        <v>166</v>
      </c>
      <c r="B25838" s="14" t="s">
        <v>1</v>
      </c>
      <c r="C25838" s="14" t="s">
        <v>137</v>
      </c>
      <c r="D25838" s="14" t="s">
        <v>167</v>
      </c>
      <c r="E25838" s="15">
        <v>45664</v>
      </c>
      <c r="F25838" s="14" t="s">
        <v>53</v>
      </c>
      <c r="G25838" s="16">
        <v>0</v>
      </c>
    </row>
    <row r="25839" spans="1:7" x14ac:dyDescent="0.3">
      <c r="A25839" s="13" t="s">
        <v>166</v>
      </c>
      <c r="B25839" s="14" t="s">
        <v>1</v>
      </c>
      <c r="C25839" s="14" t="s">
        <v>137</v>
      </c>
      <c r="D25839" s="14" t="s">
        <v>167</v>
      </c>
      <c r="E25839" s="15">
        <v>45665</v>
      </c>
      <c r="F25839" s="14" t="s">
        <v>53</v>
      </c>
      <c r="G25839" s="16">
        <v>0</v>
      </c>
    </row>
    <row r="25840" spans="1:7" x14ac:dyDescent="0.3">
      <c r="A25840" s="13" t="s">
        <v>166</v>
      </c>
      <c r="B25840" s="14" t="s">
        <v>1</v>
      </c>
      <c r="C25840" s="14" t="s">
        <v>137</v>
      </c>
      <c r="D25840" s="14" t="s">
        <v>167</v>
      </c>
      <c r="E25840" s="15">
        <v>45666</v>
      </c>
      <c r="F25840" s="14" t="s">
        <v>53</v>
      </c>
      <c r="G25840" s="16">
        <v>0</v>
      </c>
    </row>
    <row r="25841" spans="1:7" x14ac:dyDescent="0.3">
      <c r="A25841" s="13" t="s">
        <v>166</v>
      </c>
      <c r="B25841" s="14" t="s">
        <v>1</v>
      </c>
      <c r="C25841" s="14" t="s">
        <v>137</v>
      </c>
      <c r="D25841" s="14" t="s">
        <v>167</v>
      </c>
      <c r="E25841" s="15">
        <v>45667</v>
      </c>
      <c r="F25841" s="14" t="s">
        <v>53</v>
      </c>
      <c r="G25841" s="16">
        <v>0</v>
      </c>
    </row>
    <row r="25842" spans="1:7" x14ac:dyDescent="0.3">
      <c r="A25842" s="13" t="s">
        <v>166</v>
      </c>
      <c r="B25842" s="14" t="s">
        <v>1</v>
      </c>
      <c r="C25842" s="14" t="s">
        <v>137</v>
      </c>
      <c r="D25842" s="14" t="s">
        <v>167</v>
      </c>
      <c r="E25842" s="15">
        <v>45668</v>
      </c>
      <c r="F25842" s="14" t="s">
        <v>53</v>
      </c>
      <c r="G25842" s="16">
        <v>0</v>
      </c>
    </row>
    <row r="25843" spans="1:7" x14ac:dyDescent="0.3">
      <c r="A25843" s="13" t="s">
        <v>166</v>
      </c>
      <c r="B25843" s="14" t="s">
        <v>1</v>
      </c>
      <c r="C25843" s="14" t="s">
        <v>137</v>
      </c>
      <c r="D25843" s="14" t="s">
        <v>167</v>
      </c>
      <c r="E25843" s="15">
        <v>45669</v>
      </c>
      <c r="F25843" s="14" t="s">
        <v>53</v>
      </c>
      <c r="G25843" s="16">
        <v>0</v>
      </c>
    </row>
    <row r="25844" spans="1:7" x14ac:dyDescent="0.3">
      <c r="A25844" s="13" t="s">
        <v>166</v>
      </c>
      <c r="B25844" s="14" t="s">
        <v>1</v>
      </c>
      <c r="C25844" s="14" t="s">
        <v>137</v>
      </c>
      <c r="D25844" s="14" t="s">
        <v>167</v>
      </c>
      <c r="E25844" s="15">
        <v>45670</v>
      </c>
      <c r="F25844" s="14" t="s">
        <v>53</v>
      </c>
      <c r="G25844" s="16">
        <v>0</v>
      </c>
    </row>
    <row r="25845" spans="1:7" x14ac:dyDescent="0.3">
      <c r="A25845" s="13" t="s">
        <v>166</v>
      </c>
      <c r="B25845" s="14" t="s">
        <v>1</v>
      </c>
      <c r="C25845" s="14" t="s">
        <v>137</v>
      </c>
      <c r="D25845" s="14" t="s">
        <v>167</v>
      </c>
      <c r="E25845" s="15">
        <v>45671</v>
      </c>
      <c r="F25845" s="14" t="s">
        <v>53</v>
      </c>
      <c r="G25845" s="16">
        <v>0</v>
      </c>
    </row>
    <row r="25846" spans="1:7" x14ac:dyDescent="0.3">
      <c r="A25846" s="13" t="s">
        <v>166</v>
      </c>
      <c r="B25846" s="14" t="s">
        <v>1</v>
      </c>
      <c r="C25846" s="14" t="s">
        <v>137</v>
      </c>
      <c r="D25846" s="14" t="s">
        <v>167</v>
      </c>
      <c r="E25846" s="15">
        <v>45672</v>
      </c>
      <c r="F25846" s="14" t="s">
        <v>53</v>
      </c>
      <c r="G25846" s="16">
        <v>0</v>
      </c>
    </row>
    <row r="25847" spans="1:7" x14ac:dyDescent="0.3">
      <c r="A25847" s="13" t="s">
        <v>166</v>
      </c>
      <c r="B25847" s="14" t="s">
        <v>1</v>
      </c>
      <c r="C25847" s="14" t="s">
        <v>137</v>
      </c>
      <c r="D25847" s="14" t="s">
        <v>167</v>
      </c>
      <c r="E25847" s="15">
        <v>45673</v>
      </c>
      <c r="F25847" s="14" t="s">
        <v>53</v>
      </c>
      <c r="G25847" s="16">
        <v>0</v>
      </c>
    </row>
    <row r="25848" spans="1:7" x14ac:dyDescent="0.3">
      <c r="A25848" s="13" t="s">
        <v>166</v>
      </c>
      <c r="B25848" s="14" t="s">
        <v>1</v>
      </c>
      <c r="C25848" s="14" t="s">
        <v>137</v>
      </c>
      <c r="D25848" s="14" t="s">
        <v>167</v>
      </c>
      <c r="E25848" s="15">
        <v>45674</v>
      </c>
      <c r="F25848" s="14" t="s">
        <v>53</v>
      </c>
      <c r="G25848" s="16">
        <v>0</v>
      </c>
    </row>
    <row r="25849" spans="1:7" x14ac:dyDescent="0.3">
      <c r="A25849" s="13" t="s">
        <v>166</v>
      </c>
      <c r="B25849" s="14" t="s">
        <v>1</v>
      </c>
      <c r="C25849" s="14" t="s">
        <v>137</v>
      </c>
      <c r="D25849" s="14" t="s">
        <v>167</v>
      </c>
      <c r="E25849" s="15">
        <v>45675</v>
      </c>
      <c r="F25849" s="14" t="s">
        <v>53</v>
      </c>
      <c r="G25849" s="16">
        <v>0</v>
      </c>
    </row>
    <row r="25850" spans="1:7" x14ac:dyDescent="0.3">
      <c r="A25850" s="13" t="s">
        <v>166</v>
      </c>
      <c r="B25850" s="14" t="s">
        <v>1</v>
      </c>
      <c r="C25850" s="14" t="s">
        <v>137</v>
      </c>
      <c r="D25850" s="14" t="s">
        <v>167</v>
      </c>
      <c r="E25850" s="15">
        <v>45676</v>
      </c>
      <c r="F25850" s="14" t="s">
        <v>53</v>
      </c>
      <c r="G25850" s="16">
        <v>0</v>
      </c>
    </row>
    <row r="25851" spans="1:7" x14ac:dyDescent="0.3">
      <c r="A25851" s="13" t="s">
        <v>166</v>
      </c>
      <c r="B25851" s="14" t="s">
        <v>1</v>
      </c>
      <c r="C25851" s="14" t="s">
        <v>137</v>
      </c>
      <c r="D25851" s="14" t="s">
        <v>167</v>
      </c>
      <c r="E25851" s="15">
        <v>45677</v>
      </c>
      <c r="F25851" s="14" t="s">
        <v>53</v>
      </c>
      <c r="G25851" s="16">
        <v>0</v>
      </c>
    </row>
    <row r="25852" spans="1:7" x14ac:dyDescent="0.3">
      <c r="A25852" s="13" t="s">
        <v>166</v>
      </c>
      <c r="B25852" s="14" t="s">
        <v>1</v>
      </c>
      <c r="C25852" s="14" t="s">
        <v>137</v>
      </c>
      <c r="D25852" s="14" t="s">
        <v>167</v>
      </c>
      <c r="E25852" s="15">
        <v>45678</v>
      </c>
      <c r="F25852" s="14" t="s">
        <v>53</v>
      </c>
      <c r="G25852" s="16">
        <v>0</v>
      </c>
    </row>
    <row r="25853" spans="1:7" x14ac:dyDescent="0.3">
      <c r="A25853" s="13" t="s">
        <v>166</v>
      </c>
      <c r="B25853" s="14" t="s">
        <v>1</v>
      </c>
      <c r="C25853" s="14" t="s">
        <v>137</v>
      </c>
      <c r="D25853" s="14" t="s">
        <v>167</v>
      </c>
      <c r="E25853" s="15">
        <v>45679</v>
      </c>
      <c r="F25853" s="14" t="s">
        <v>53</v>
      </c>
      <c r="G25853" s="16">
        <v>0</v>
      </c>
    </row>
    <row r="25854" spans="1:7" x14ac:dyDescent="0.3">
      <c r="A25854" s="13" t="s">
        <v>166</v>
      </c>
      <c r="B25854" s="14" t="s">
        <v>1</v>
      </c>
      <c r="C25854" s="14" t="s">
        <v>137</v>
      </c>
      <c r="D25854" s="14" t="s">
        <v>167</v>
      </c>
      <c r="E25854" s="15">
        <v>45680</v>
      </c>
      <c r="F25854" s="14" t="s">
        <v>53</v>
      </c>
      <c r="G25854" s="16">
        <v>0</v>
      </c>
    </row>
    <row r="25855" spans="1:7" x14ac:dyDescent="0.3">
      <c r="A25855" s="13" t="s">
        <v>166</v>
      </c>
      <c r="B25855" s="14" t="s">
        <v>1</v>
      </c>
      <c r="C25855" s="14" t="s">
        <v>137</v>
      </c>
      <c r="D25855" s="14" t="s">
        <v>167</v>
      </c>
      <c r="E25855" s="15">
        <v>45681</v>
      </c>
      <c r="F25855" s="14" t="s">
        <v>53</v>
      </c>
      <c r="G25855" s="16">
        <v>0</v>
      </c>
    </row>
    <row r="25856" spans="1:7" x14ac:dyDescent="0.3">
      <c r="A25856" s="13" t="s">
        <v>166</v>
      </c>
      <c r="B25856" s="14" t="s">
        <v>1</v>
      </c>
      <c r="C25856" s="14" t="s">
        <v>137</v>
      </c>
      <c r="D25856" s="14" t="s">
        <v>167</v>
      </c>
      <c r="E25856" s="15">
        <v>45682</v>
      </c>
      <c r="F25856" s="14" t="s">
        <v>53</v>
      </c>
      <c r="G25856" s="16">
        <v>0</v>
      </c>
    </row>
    <row r="25857" spans="1:7" x14ac:dyDescent="0.3">
      <c r="A25857" s="13" t="s">
        <v>166</v>
      </c>
      <c r="B25857" s="14" t="s">
        <v>1</v>
      </c>
      <c r="C25857" s="14" t="s">
        <v>137</v>
      </c>
      <c r="D25857" s="14" t="s">
        <v>167</v>
      </c>
      <c r="E25857" s="15">
        <v>45683</v>
      </c>
      <c r="F25857" s="14" t="s">
        <v>53</v>
      </c>
      <c r="G25857" s="16">
        <v>0</v>
      </c>
    </row>
    <row r="25858" spans="1:7" x14ac:dyDescent="0.3">
      <c r="A25858" s="13" t="s">
        <v>166</v>
      </c>
      <c r="B25858" s="14" t="s">
        <v>1</v>
      </c>
      <c r="C25858" s="14" t="s">
        <v>137</v>
      </c>
      <c r="D25858" s="14" t="s">
        <v>167</v>
      </c>
      <c r="E25858" s="15">
        <v>45684</v>
      </c>
      <c r="F25858" s="14" t="s">
        <v>53</v>
      </c>
      <c r="G25858" s="16">
        <v>0</v>
      </c>
    </row>
    <row r="25859" spans="1:7" x14ac:dyDescent="0.3">
      <c r="A25859" s="13" t="s">
        <v>166</v>
      </c>
      <c r="B25859" s="14" t="s">
        <v>1</v>
      </c>
      <c r="C25859" s="14" t="s">
        <v>137</v>
      </c>
      <c r="D25859" s="14" t="s">
        <v>167</v>
      </c>
      <c r="E25859" s="15">
        <v>45685</v>
      </c>
      <c r="F25859" s="14" t="s">
        <v>53</v>
      </c>
      <c r="G25859" s="16">
        <v>0</v>
      </c>
    </row>
    <row r="25860" spans="1:7" x14ac:dyDescent="0.3">
      <c r="A25860" s="13" t="s">
        <v>166</v>
      </c>
      <c r="B25860" s="14" t="s">
        <v>1</v>
      </c>
      <c r="C25860" s="14" t="s">
        <v>137</v>
      </c>
      <c r="D25860" s="14" t="s">
        <v>167</v>
      </c>
      <c r="E25860" s="15">
        <v>45686</v>
      </c>
      <c r="F25860" s="14" t="s">
        <v>53</v>
      </c>
      <c r="G25860" s="16">
        <v>4.3887310938782332E-3</v>
      </c>
    </row>
    <row r="25861" spans="1:7" x14ac:dyDescent="0.3">
      <c r="A25861" s="13" t="s">
        <v>166</v>
      </c>
      <c r="B25861" s="14" t="s">
        <v>1</v>
      </c>
      <c r="C25861" s="14" t="s">
        <v>137</v>
      </c>
      <c r="D25861" s="14" t="s">
        <v>167</v>
      </c>
      <c r="E25861" s="15">
        <v>45687</v>
      </c>
      <c r="F25861" s="14" t="s">
        <v>53</v>
      </c>
      <c r="G25861" s="16">
        <v>2.6899119052844027E-2</v>
      </c>
    </row>
    <row r="25862" spans="1:7" x14ac:dyDescent="0.3">
      <c r="A25862" s="13" t="s">
        <v>166</v>
      </c>
      <c r="B25862" s="14" t="s">
        <v>1</v>
      </c>
      <c r="C25862" s="14" t="s">
        <v>137</v>
      </c>
      <c r="D25862" s="14" t="s">
        <v>167</v>
      </c>
      <c r="E25862" s="15">
        <v>45688</v>
      </c>
      <c r="F25862" s="14" t="s">
        <v>53</v>
      </c>
      <c r="G25862" s="16">
        <v>4.5653855266939929E-2</v>
      </c>
    </row>
    <row r="25863" spans="1:7" x14ac:dyDescent="0.3">
      <c r="A25863" s="13" t="s">
        <v>166</v>
      </c>
      <c r="B25863" s="14" t="s">
        <v>1</v>
      </c>
      <c r="C25863" s="14" t="s">
        <v>137</v>
      </c>
      <c r="D25863" s="14" t="s">
        <v>167</v>
      </c>
      <c r="E25863" s="15">
        <v>45689</v>
      </c>
      <c r="F25863" s="14" t="s">
        <v>53</v>
      </c>
      <c r="G25863" s="16">
        <v>4.5653855266939929E-2</v>
      </c>
    </row>
    <row r="25864" spans="1:7" x14ac:dyDescent="0.3">
      <c r="A25864" s="13" t="s">
        <v>166</v>
      </c>
      <c r="B25864" s="14" t="s">
        <v>1</v>
      </c>
      <c r="C25864" s="14" t="s">
        <v>137</v>
      </c>
      <c r="D25864" s="14" t="s">
        <v>167</v>
      </c>
      <c r="E25864" s="15">
        <v>45690</v>
      </c>
      <c r="F25864" s="14" t="s">
        <v>53</v>
      </c>
      <c r="G25864" s="16">
        <v>4.5653855266939929E-2</v>
      </c>
    </row>
    <row r="25865" spans="1:7" x14ac:dyDescent="0.3">
      <c r="A25865" s="13" t="s">
        <v>166</v>
      </c>
      <c r="B25865" s="14" t="s">
        <v>1</v>
      </c>
      <c r="C25865" s="14" t="s">
        <v>137</v>
      </c>
      <c r="D25865" s="14" t="s">
        <v>167</v>
      </c>
      <c r="E25865" s="15">
        <v>45691</v>
      </c>
      <c r="F25865" s="14" t="s">
        <v>53</v>
      </c>
      <c r="G25865" s="16">
        <v>4.5653855266939929E-2</v>
      </c>
    </row>
    <row r="25866" spans="1:7" x14ac:dyDescent="0.3">
      <c r="A25866" s="13" t="s">
        <v>166</v>
      </c>
      <c r="B25866" s="14" t="s">
        <v>1</v>
      </c>
      <c r="C25866" s="14" t="s">
        <v>137</v>
      </c>
      <c r="D25866" s="14" t="s">
        <v>167</v>
      </c>
      <c r="E25866" s="15">
        <v>45692</v>
      </c>
      <c r="F25866" s="14" t="s">
        <v>53</v>
      </c>
      <c r="G25866" s="16">
        <v>0</v>
      </c>
    </row>
    <row r="25867" spans="1:7" x14ac:dyDescent="0.3">
      <c r="A25867" s="13" t="s">
        <v>166</v>
      </c>
      <c r="B25867" s="14" t="s">
        <v>1</v>
      </c>
      <c r="C25867" s="14" t="s">
        <v>137</v>
      </c>
      <c r="D25867" s="14" t="s">
        <v>167</v>
      </c>
      <c r="E25867" s="15">
        <v>45693</v>
      </c>
      <c r="F25867" s="14" t="s">
        <v>53</v>
      </c>
      <c r="G25867" s="16">
        <v>0</v>
      </c>
    </row>
    <row r="25868" spans="1:7" x14ac:dyDescent="0.3">
      <c r="A25868" s="13" t="s">
        <v>166</v>
      </c>
      <c r="B25868" s="14" t="s">
        <v>1</v>
      </c>
      <c r="C25868" s="14" t="s">
        <v>137</v>
      </c>
      <c r="D25868" s="14" t="s">
        <v>167</v>
      </c>
      <c r="E25868" s="15">
        <v>45694</v>
      </c>
      <c r="F25868" s="14" t="s">
        <v>53</v>
      </c>
      <c r="G25868" s="16">
        <v>0</v>
      </c>
    </row>
    <row r="25869" spans="1:7" x14ac:dyDescent="0.3">
      <c r="A25869" s="13" t="s">
        <v>166</v>
      </c>
      <c r="B25869" s="14" t="s">
        <v>1</v>
      </c>
      <c r="C25869" s="14" t="s">
        <v>137</v>
      </c>
      <c r="D25869" s="14" t="s">
        <v>167</v>
      </c>
      <c r="E25869" s="15">
        <v>45695</v>
      </c>
      <c r="F25869" s="14" t="s">
        <v>53</v>
      </c>
      <c r="G25869" s="16">
        <v>0</v>
      </c>
    </row>
    <row r="25870" spans="1:7" x14ac:dyDescent="0.3">
      <c r="A25870" s="13" t="s">
        <v>166</v>
      </c>
      <c r="B25870" s="14" t="s">
        <v>1</v>
      </c>
      <c r="C25870" s="14" t="s">
        <v>137</v>
      </c>
      <c r="D25870" s="14" t="s">
        <v>167</v>
      </c>
      <c r="E25870" s="15">
        <v>45696</v>
      </c>
      <c r="F25870" s="14" t="s">
        <v>53</v>
      </c>
      <c r="G25870" s="16">
        <v>0</v>
      </c>
    </row>
    <row r="25871" spans="1:7" x14ac:dyDescent="0.3">
      <c r="A25871" s="13" t="s">
        <v>166</v>
      </c>
      <c r="B25871" s="14" t="s">
        <v>1</v>
      </c>
      <c r="C25871" s="14" t="s">
        <v>137</v>
      </c>
      <c r="D25871" s="14" t="s">
        <v>167</v>
      </c>
      <c r="E25871" s="15">
        <v>45697</v>
      </c>
      <c r="F25871" s="14" t="s">
        <v>53</v>
      </c>
      <c r="G25871" s="16">
        <v>0</v>
      </c>
    </row>
    <row r="25872" spans="1:7" x14ac:dyDescent="0.3">
      <c r="A25872" s="13" t="s">
        <v>166</v>
      </c>
      <c r="B25872" s="14" t="s">
        <v>1</v>
      </c>
      <c r="C25872" s="14" t="s">
        <v>137</v>
      </c>
      <c r="D25872" s="14" t="s">
        <v>167</v>
      </c>
      <c r="E25872" s="15">
        <v>45698</v>
      </c>
      <c r="F25872" s="14" t="s">
        <v>53</v>
      </c>
      <c r="G25872" s="16">
        <v>0</v>
      </c>
    </row>
    <row r="25873" spans="1:7" x14ac:dyDescent="0.3">
      <c r="A25873" s="13" t="s">
        <v>166</v>
      </c>
      <c r="B25873" s="14" t="s">
        <v>1</v>
      </c>
      <c r="C25873" s="14" t="s">
        <v>137</v>
      </c>
      <c r="D25873" s="14" t="s">
        <v>167</v>
      </c>
      <c r="E25873" s="15">
        <v>45699</v>
      </c>
      <c r="F25873" s="14" t="s">
        <v>53</v>
      </c>
      <c r="G25873" s="16">
        <v>0</v>
      </c>
    </row>
    <row r="25874" spans="1:7" x14ac:dyDescent="0.3">
      <c r="A25874" s="13" t="s">
        <v>166</v>
      </c>
      <c r="B25874" s="14" t="s">
        <v>1</v>
      </c>
      <c r="C25874" s="14" t="s">
        <v>137</v>
      </c>
      <c r="D25874" s="14" t="s">
        <v>167</v>
      </c>
      <c r="E25874" s="15">
        <v>45700</v>
      </c>
      <c r="F25874" s="14" t="s">
        <v>53</v>
      </c>
      <c r="G25874" s="16">
        <v>0</v>
      </c>
    </row>
    <row r="25875" spans="1:7" x14ac:dyDescent="0.3">
      <c r="A25875" s="13" t="s">
        <v>166</v>
      </c>
      <c r="B25875" s="14" t="s">
        <v>1</v>
      </c>
      <c r="C25875" s="14" t="s">
        <v>137</v>
      </c>
      <c r="D25875" s="14" t="s">
        <v>167</v>
      </c>
      <c r="E25875" s="15">
        <v>45701</v>
      </c>
      <c r="F25875" s="14" t="s">
        <v>53</v>
      </c>
      <c r="G25875" s="16">
        <v>0</v>
      </c>
    </row>
    <row r="25876" spans="1:7" x14ac:dyDescent="0.3">
      <c r="A25876" s="13" t="s">
        <v>166</v>
      </c>
      <c r="B25876" s="14" t="s">
        <v>1</v>
      </c>
      <c r="C25876" s="14" t="s">
        <v>137</v>
      </c>
      <c r="D25876" s="14" t="s">
        <v>167</v>
      </c>
      <c r="E25876" s="15">
        <v>45702</v>
      </c>
      <c r="F25876" s="14" t="s">
        <v>53</v>
      </c>
      <c r="G25876" s="16">
        <v>0</v>
      </c>
    </row>
    <row r="25877" spans="1:7" x14ac:dyDescent="0.3">
      <c r="A25877" s="13" t="s">
        <v>166</v>
      </c>
      <c r="B25877" s="14" t="s">
        <v>1</v>
      </c>
      <c r="C25877" s="14" t="s">
        <v>137</v>
      </c>
      <c r="D25877" s="14" t="s">
        <v>167</v>
      </c>
      <c r="E25877" s="15">
        <v>45703</v>
      </c>
      <c r="F25877" s="14" t="s">
        <v>53</v>
      </c>
      <c r="G25877" s="16">
        <v>0</v>
      </c>
    </row>
    <row r="25878" spans="1:7" x14ac:dyDescent="0.3">
      <c r="A25878" s="13" t="s">
        <v>166</v>
      </c>
      <c r="B25878" s="14" t="s">
        <v>1</v>
      </c>
      <c r="C25878" s="14" t="s">
        <v>137</v>
      </c>
      <c r="D25878" s="14" t="s">
        <v>167</v>
      </c>
      <c r="E25878" s="15">
        <v>45704</v>
      </c>
      <c r="F25878" s="14" t="s">
        <v>53</v>
      </c>
      <c r="G25878" s="16">
        <v>0</v>
      </c>
    </row>
    <row r="25879" spans="1:7" x14ac:dyDescent="0.3">
      <c r="A25879" s="13" t="s">
        <v>166</v>
      </c>
      <c r="B25879" s="14" t="s">
        <v>1</v>
      </c>
      <c r="C25879" s="14" t="s">
        <v>137</v>
      </c>
      <c r="D25879" s="14" t="s">
        <v>167</v>
      </c>
      <c r="E25879" s="15">
        <v>45705</v>
      </c>
      <c r="F25879" s="14" t="s">
        <v>53</v>
      </c>
      <c r="G25879" s="16">
        <v>0</v>
      </c>
    </row>
    <row r="25880" spans="1:7" x14ac:dyDescent="0.3">
      <c r="A25880" s="13" t="s">
        <v>166</v>
      </c>
      <c r="B25880" s="14" t="s">
        <v>1</v>
      </c>
      <c r="C25880" s="14" t="s">
        <v>137</v>
      </c>
      <c r="D25880" s="14" t="s">
        <v>167</v>
      </c>
      <c r="E25880" s="15">
        <v>45706</v>
      </c>
      <c r="F25880" s="14" t="s">
        <v>53</v>
      </c>
      <c r="G25880" s="16">
        <v>0</v>
      </c>
    </row>
    <row r="25881" spans="1:7" x14ac:dyDescent="0.3">
      <c r="A25881" s="13" t="s">
        <v>166</v>
      </c>
      <c r="B25881" s="14" t="s">
        <v>1</v>
      </c>
      <c r="C25881" s="14" t="s">
        <v>137</v>
      </c>
      <c r="D25881" s="14" t="s">
        <v>167</v>
      </c>
      <c r="E25881" s="15">
        <v>45707</v>
      </c>
      <c r="F25881" s="14" t="s">
        <v>53</v>
      </c>
      <c r="G25881" s="16">
        <v>0</v>
      </c>
    </row>
    <row r="25882" spans="1:7" x14ac:dyDescent="0.3">
      <c r="A25882" s="13" t="s">
        <v>166</v>
      </c>
      <c r="B25882" s="14" t="s">
        <v>1</v>
      </c>
      <c r="C25882" s="14" t="s">
        <v>137</v>
      </c>
      <c r="D25882" s="14" t="s">
        <v>167</v>
      </c>
      <c r="E25882" s="15">
        <v>45708</v>
      </c>
      <c r="F25882" s="14" t="s">
        <v>53</v>
      </c>
      <c r="G25882" s="16">
        <v>0</v>
      </c>
    </row>
    <row r="25883" spans="1:7" x14ac:dyDescent="0.3">
      <c r="A25883" s="13" t="s">
        <v>166</v>
      </c>
      <c r="B25883" s="14" t="s">
        <v>1</v>
      </c>
      <c r="C25883" s="14" t="s">
        <v>137</v>
      </c>
      <c r="D25883" s="14" t="s">
        <v>167</v>
      </c>
      <c r="E25883" s="15">
        <v>45709</v>
      </c>
      <c r="F25883" s="14" t="s">
        <v>53</v>
      </c>
      <c r="G25883" s="16">
        <v>0</v>
      </c>
    </row>
    <row r="25884" spans="1:7" x14ac:dyDescent="0.3">
      <c r="A25884" s="13" t="s">
        <v>166</v>
      </c>
      <c r="B25884" s="14" t="s">
        <v>1</v>
      </c>
      <c r="C25884" s="14" t="s">
        <v>137</v>
      </c>
      <c r="D25884" s="14" t="s">
        <v>167</v>
      </c>
      <c r="E25884" s="15">
        <v>45710</v>
      </c>
      <c r="F25884" s="14" t="s">
        <v>53</v>
      </c>
      <c r="G25884" s="16">
        <v>0</v>
      </c>
    </row>
    <row r="25885" spans="1:7" x14ac:dyDescent="0.3">
      <c r="A25885" s="13" t="s">
        <v>166</v>
      </c>
      <c r="B25885" s="14" t="s">
        <v>1</v>
      </c>
      <c r="C25885" s="14" t="s">
        <v>137</v>
      </c>
      <c r="D25885" s="14" t="s">
        <v>167</v>
      </c>
      <c r="E25885" s="15">
        <v>45711</v>
      </c>
      <c r="F25885" s="14" t="s">
        <v>53</v>
      </c>
      <c r="G25885" s="16">
        <v>0</v>
      </c>
    </row>
    <row r="25886" spans="1:7" x14ac:dyDescent="0.3">
      <c r="A25886" s="13" t="s">
        <v>166</v>
      </c>
      <c r="B25886" s="14" t="s">
        <v>1</v>
      </c>
      <c r="C25886" s="14" t="s">
        <v>137</v>
      </c>
      <c r="D25886" s="14" t="s">
        <v>167</v>
      </c>
      <c r="E25886" s="15">
        <v>45712</v>
      </c>
      <c r="F25886" s="14" t="s">
        <v>53</v>
      </c>
      <c r="G25886" s="16">
        <v>0</v>
      </c>
    </row>
    <row r="25887" spans="1:7" x14ac:dyDescent="0.3">
      <c r="A25887" s="13" t="s">
        <v>166</v>
      </c>
      <c r="B25887" s="14" t="s">
        <v>1</v>
      </c>
      <c r="C25887" s="14" t="s">
        <v>137</v>
      </c>
      <c r="D25887" s="14" t="s">
        <v>167</v>
      </c>
      <c r="E25887" s="15">
        <v>45713</v>
      </c>
      <c r="F25887" s="14" t="s">
        <v>53</v>
      </c>
      <c r="G25887" s="16">
        <v>0</v>
      </c>
    </row>
    <row r="25888" spans="1:7" x14ac:dyDescent="0.3">
      <c r="A25888" s="13" t="s">
        <v>166</v>
      </c>
      <c r="B25888" s="14" t="s">
        <v>1</v>
      </c>
      <c r="C25888" s="14" t="s">
        <v>137</v>
      </c>
      <c r="D25888" s="14" t="s">
        <v>167</v>
      </c>
      <c r="E25888" s="15">
        <v>45714</v>
      </c>
      <c r="F25888" s="14" t="s">
        <v>53</v>
      </c>
      <c r="G25888" s="16">
        <v>0</v>
      </c>
    </row>
    <row r="25889" spans="1:7" x14ac:dyDescent="0.3">
      <c r="A25889" s="13" t="s">
        <v>166</v>
      </c>
      <c r="B25889" s="14" t="s">
        <v>1</v>
      </c>
      <c r="C25889" s="14" t="s">
        <v>137</v>
      </c>
      <c r="D25889" s="14" t="s">
        <v>167</v>
      </c>
      <c r="E25889" s="15">
        <v>45715</v>
      </c>
      <c r="F25889" s="14" t="s">
        <v>53</v>
      </c>
      <c r="G25889" s="16">
        <v>0</v>
      </c>
    </row>
    <row r="25890" spans="1:7" x14ac:dyDescent="0.3">
      <c r="A25890" s="13" t="s">
        <v>166</v>
      </c>
      <c r="B25890" s="14" t="s">
        <v>1</v>
      </c>
      <c r="C25890" s="14" t="s">
        <v>137</v>
      </c>
      <c r="D25890" s="14" t="s">
        <v>167</v>
      </c>
      <c r="E25890" s="15">
        <v>45716</v>
      </c>
      <c r="F25890" s="14" t="s">
        <v>53</v>
      </c>
      <c r="G25890" s="16">
        <v>0</v>
      </c>
    </row>
    <row r="25891" spans="1:7" x14ac:dyDescent="0.3">
      <c r="A25891" s="13" t="s">
        <v>166</v>
      </c>
      <c r="B25891" s="14" t="s">
        <v>1</v>
      </c>
      <c r="C25891" s="14" t="s">
        <v>137</v>
      </c>
      <c r="D25891" s="14" t="s">
        <v>167</v>
      </c>
      <c r="E25891" s="15">
        <v>45717</v>
      </c>
      <c r="F25891" s="14" t="s">
        <v>53</v>
      </c>
      <c r="G25891" s="16">
        <v>0</v>
      </c>
    </row>
    <row r="25892" spans="1:7" x14ac:dyDescent="0.3">
      <c r="A25892" s="13" t="s">
        <v>166</v>
      </c>
      <c r="B25892" s="14" t="s">
        <v>1</v>
      </c>
      <c r="C25892" s="14" t="s">
        <v>137</v>
      </c>
      <c r="D25892" s="14" t="s">
        <v>167</v>
      </c>
      <c r="E25892" s="15">
        <v>45718</v>
      </c>
      <c r="F25892" s="14" t="s">
        <v>53</v>
      </c>
      <c r="G25892" s="16">
        <v>0</v>
      </c>
    </row>
    <row r="25893" spans="1:7" x14ac:dyDescent="0.3">
      <c r="A25893" s="13" t="s">
        <v>166</v>
      </c>
      <c r="B25893" s="14" t="s">
        <v>1</v>
      </c>
      <c r="C25893" s="14" t="s">
        <v>137</v>
      </c>
      <c r="D25893" s="14" t="s">
        <v>167</v>
      </c>
      <c r="E25893" s="15">
        <v>45719</v>
      </c>
      <c r="F25893" s="14" t="s">
        <v>53</v>
      </c>
      <c r="G25893" s="16">
        <v>0</v>
      </c>
    </row>
    <row r="25894" spans="1:7" x14ac:dyDescent="0.3">
      <c r="A25894" s="13" t="s">
        <v>166</v>
      </c>
      <c r="B25894" s="14" t="s">
        <v>1</v>
      </c>
      <c r="C25894" s="14" t="s">
        <v>137</v>
      </c>
      <c r="D25894" s="14" t="s">
        <v>167</v>
      </c>
      <c r="E25894" s="15">
        <v>45720</v>
      </c>
      <c r="F25894" s="14" t="s">
        <v>53</v>
      </c>
      <c r="G25894" s="16">
        <v>0</v>
      </c>
    </row>
    <row r="25895" spans="1:7" x14ac:dyDescent="0.3">
      <c r="A25895" s="13" t="s">
        <v>166</v>
      </c>
      <c r="B25895" s="14" t="s">
        <v>1</v>
      </c>
      <c r="C25895" s="14" t="s">
        <v>137</v>
      </c>
      <c r="D25895" s="14" t="s">
        <v>167</v>
      </c>
      <c r="E25895" s="15">
        <v>45721</v>
      </c>
      <c r="F25895" s="14" t="s">
        <v>53</v>
      </c>
      <c r="G25895" s="16">
        <v>0</v>
      </c>
    </row>
    <row r="25896" spans="1:7" x14ac:dyDescent="0.3">
      <c r="A25896" s="13" t="s">
        <v>166</v>
      </c>
      <c r="B25896" s="14" t="s">
        <v>1</v>
      </c>
      <c r="C25896" s="14" t="s">
        <v>137</v>
      </c>
      <c r="D25896" s="14" t="s">
        <v>167</v>
      </c>
      <c r="E25896" s="15">
        <v>45722</v>
      </c>
      <c r="F25896" s="14" t="s">
        <v>53</v>
      </c>
      <c r="G25896" s="16">
        <v>0</v>
      </c>
    </row>
    <row r="25897" spans="1:7" x14ac:dyDescent="0.3">
      <c r="A25897" s="13" t="s">
        <v>166</v>
      </c>
      <c r="B25897" s="14" t="s">
        <v>1</v>
      </c>
      <c r="C25897" s="14" t="s">
        <v>137</v>
      </c>
      <c r="D25897" s="14" t="s">
        <v>167</v>
      </c>
      <c r="E25897" s="15">
        <v>45723</v>
      </c>
      <c r="F25897" s="14" t="s">
        <v>53</v>
      </c>
      <c r="G25897" s="16">
        <v>0</v>
      </c>
    </row>
    <row r="25898" spans="1:7" x14ac:dyDescent="0.3">
      <c r="A25898" s="13" t="s">
        <v>166</v>
      </c>
      <c r="B25898" s="14" t="s">
        <v>1</v>
      </c>
      <c r="C25898" s="14" t="s">
        <v>137</v>
      </c>
      <c r="D25898" s="14" t="s">
        <v>167</v>
      </c>
      <c r="E25898" s="15">
        <v>45724</v>
      </c>
      <c r="F25898" s="14" t="s">
        <v>53</v>
      </c>
      <c r="G25898" s="16">
        <v>0</v>
      </c>
    </row>
    <row r="25899" spans="1:7" x14ac:dyDescent="0.3">
      <c r="A25899" s="13" t="s">
        <v>166</v>
      </c>
      <c r="B25899" s="14" t="s">
        <v>1</v>
      </c>
      <c r="C25899" s="14" t="s">
        <v>137</v>
      </c>
      <c r="D25899" s="14" t="s">
        <v>167</v>
      </c>
      <c r="E25899" s="15">
        <v>45725</v>
      </c>
      <c r="F25899" s="14" t="s">
        <v>53</v>
      </c>
      <c r="G25899" s="16">
        <v>0</v>
      </c>
    </row>
    <row r="25900" spans="1:7" x14ac:dyDescent="0.3">
      <c r="A25900" s="13" t="s">
        <v>166</v>
      </c>
      <c r="B25900" s="14" t="s">
        <v>1</v>
      </c>
      <c r="C25900" s="14" t="s">
        <v>137</v>
      </c>
      <c r="D25900" s="14" t="s">
        <v>167</v>
      </c>
      <c r="E25900" s="15">
        <v>45726</v>
      </c>
      <c r="F25900" s="14" t="s">
        <v>53</v>
      </c>
      <c r="G25900" s="16">
        <v>0</v>
      </c>
    </row>
    <row r="25901" spans="1:7" x14ac:dyDescent="0.3">
      <c r="A25901" s="13" t="s">
        <v>166</v>
      </c>
      <c r="B25901" s="14" t="s">
        <v>1</v>
      </c>
      <c r="C25901" s="14" t="s">
        <v>137</v>
      </c>
      <c r="D25901" s="14" t="s">
        <v>167</v>
      </c>
      <c r="E25901" s="15">
        <v>45727</v>
      </c>
      <c r="F25901" s="14" t="s">
        <v>53</v>
      </c>
      <c r="G25901" s="16">
        <v>0</v>
      </c>
    </row>
    <row r="25902" spans="1:7" x14ac:dyDescent="0.3">
      <c r="A25902" s="13" t="s">
        <v>166</v>
      </c>
      <c r="B25902" s="14" t="s">
        <v>1</v>
      </c>
      <c r="C25902" s="14" t="s">
        <v>137</v>
      </c>
      <c r="D25902" s="14" t="s">
        <v>167</v>
      </c>
      <c r="E25902" s="15">
        <v>45728</v>
      </c>
      <c r="F25902" s="14" t="s">
        <v>53</v>
      </c>
      <c r="G25902" s="16">
        <v>0</v>
      </c>
    </row>
    <row r="25903" spans="1:7" x14ac:dyDescent="0.3">
      <c r="A25903" s="13" t="s">
        <v>166</v>
      </c>
      <c r="B25903" s="14" t="s">
        <v>1</v>
      </c>
      <c r="C25903" s="14" t="s">
        <v>137</v>
      </c>
      <c r="D25903" s="14" t="s">
        <v>167</v>
      </c>
      <c r="E25903" s="15">
        <v>45729</v>
      </c>
      <c r="F25903" s="14" t="s">
        <v>53</v>
      </c>
      <c r="G25903" s="16">
        <v>0</v>
      </c>
    </row>
    <row r="25904" spans="1:7" x14ac:dyDescent="0.3">
      <c r="A25904" s="13" t="s">
        <v>166</v>
      </c>
      <c r="B25904" s="14" t="s">
        <v>1</v>
      </c>
      <c r="C25904" s="14" t="s">
        <v>137</v>
      </c>
      <c r="D25904" s="14" t="s">
        <v>167</v>
      </c>
      <c r="E25904" s="15">
        <v>45730</v>
      </c>
      <c r="F25904" s="14" t="s">
        <v>53</v>
      </c>
      <c r="G25904" s="16">
        <v>0</v>
      </c>
    </row>
    <row r="25905" spans="1:7" x14ac:dyDescent="0.3">
      <c r="A25905" s="13" t="s">
        <v>166</v>
      </c>
      <c r="B25905" s="14" t="s">
        <v>1</v>
      </c>
      <c r="C25905" s="14" t="s">
        <v>137</v>
      </c>
      <c r="D25905" s="14" t="s">
        <v>167</v>
      </c>
      <c r="E25905" s="15">
        <v>45731</v>
      </c>
      <c r="F25905" s="14" t="s">
        <v>53</v>
      </c>
      <c r="G25905" s="16">
        <v>0</v>
      </c>
    </row>
    <row r="25906" spans="1:7" x14ac:dyDescent="0.3">
      <c r="A25906" s="13" t="s">
        <v>166</v>
      </c>
      <c r="B25906" s="14" t="s">
        <v>1</v>
      </c>
      <c r="C25906" s="14" t="s">
        <v>137</v>
      </c>
      <c r="D25906" s="14" t="s">
        <v>167</v>
      </c>
      <c r="E25906" s="15">
        <v>45732</v>
      </c>
      <c r="F25906" s="14" t="s">
        <v>53</v>
      </c>
      <c r="G25906" s="16">
        <v>0</v>
      </c>
    </row>
    <row r="25907" spans="1:7" x14ac:dyDescent="0.3">
      <c r="A25907" s="13" t="s">
        <v>166</v>
      </c>
      <c r="B25907" s="14" t="s">
        <v>1</v>
      </c>
      <c r="C25907" s="14" t="s">
        <v>137</v>
      </c>
      <c r="D25907" s="14" t="s">
        <v>167</v>
      </c>
      <c r="E25907" s="15">
        <v>45733</v>
      </c>
      <c r="F25907" s="14" t="s">
        <v>53</v>
      </c>
      <c r="G25907" s="16">
        <v>0</v>
      </c>
    </row>
    <row r="25908" spans="1:7" x14ac:dyDescent="0.3">
      <c r="A25908" s="13" t="s">
        <v>166</v>
      </c>
      <c r="B25908" s="14" t="s">
        <v>1</v>
      </c>
      <c r="C25908" s="14" t="s">
        <v>137</v>
      </c>
      <c r="D25908" s="14" t="s">
        <v>167</v>
      </c>
      <c r="E25908" s="15">
        <v>45734</v>
      </c>
      <c r="F25908" s="14" t="s">
        <v>53</v>
      </c>
      <c r="G25908" s="16">
        <v>0</v>
      </c>
    </row>
    <row r="25909" spans="1:7" x14ac:dyDescent="0.3">
      <c r="A25909" s="13" t="s">
        <v>166</v>
      </c>
      <c r="B25909" s="14" t="s">
        <v>1</v>
      </c>
      <c r="C25909" s="14" t="s">
        <v>137</v>
      </c>
      <c r="D25909" s="14" t="s">
        <v>167</v>
      </c>
      <c r="E25909" s="15">
        <v>45735</v>
      </c>
      <c r="F25909" s="14" t="s">
        <v>53</v>
      </c>
      <c r="G25909" s="16">
        <v>0</v>
      </c>
    </row>
    <row r="25910" spans="1:7" x14ac:dyDescent="0.3">
      <c r="A25910" s="13" t="s">
        <v>166</v>
      </c>
      <c r="B25910" s="14" t="s">
        <v>1</v>
      </c>
      <c r="C25910" s="14" t="s">
        <v>137</v>
      </c>
      <c r="D25910" s="14" t="s">
        <v>167</v>
      </c>
      <c r="E25910" s="15">
        <v>45736</v>
      </c>
      <c r="F25910" s="14" t="s">
        <v>53</v>
      </c>
      <c r="G25910" s="16">
        <v>0</v>
      </c>
    </row>
    <row r="25911" spans="1:7" x14ac:dyDescent="0.3">
      <c r="A25911" s="13" t="s">
        <v>166</v>
      </c>
      <c r="B25911" s="14" t="s">
        <v>1</v>
      </c>
      <c r="C25911" s="14" t="s">
        <v>137</v>
      </c>
      <c r="D25911" s="14" t="s">
        <v>167</v>
      </c>
      <c r="E25911" s="15">
        <v>45737</v>
      </c>
      <c r="F25911" s="14" t="s">
        <v>53</v>
      </c>
      <c r="G25911" s="16">
        <v>0</v>
      </c>
    </row>
    <row r="25912" spans="1:7" x14ac:dyDescent="0.3">
      <c r="A25912" s="13" t="s">
        <v>166</v>
      </c>
      <c r="B25912" s="14" t="s">
        <v>1</v>
      </c>
      <c r="C25912" s="14" t="s">
        <v>137</v>
      </c>
      <c r="D25912" s="14" t="s">
        <v>167</v>
      </c>
      <c r="E25912" s="15">
        <v>45738</v>
      </c>
      <c r="F25912" s="14" t="s">
        <v>53</v>
      </c>
      <c r="G25912" s="16">
        <v>0</v>
      </c>
    </row>
    <row r="25913" spans="1:7" x14ac:dyDescent="0.3">
      <c r="A25913" s="13" t="s">
        <v>166</v>
      </c>
      <c r="B25913" s="14" t="s">
        <v>1</v>
      </c>
      <c r="C25913" s="14" t="s">
        <v>137</v>
      </c>
      <c r="D25913" s="14" t="s">
        <v>167</v>
      </c>
      <c r="E25913" s="15">
        <v>45739</v>
      </c>
      <c r="F25913" s="14" t="s">
        <v>53</v>
      </c>
      <c r="G25913" s="16">
        <v>0</v>
      </c>
    </row>
    <row r="25914" spans="1:7" x14ac:dyDescent="0.3">
      <c r="A25914" s="13" t="s">
        <v>166</v>
      </c>
      <c r="B25914" s="14" t="s">
        <v>1</v>
      </c>
      <c r="C25914" s="14" t="s">
        <v>137</v>
      </c>
      <c r="D25914" s="14" t="s">
        <v>167</v>
      </c>
      <c r="E25914" s="15">
        <v>45740</v>
      </c>
      <c r="F25914" s="14" t="s">
        <v>53</v>
      </c>
      <c r="G25914" s="16">
        <v>0</v>
      </c>
    </row>
    <row r="25915" spans="1:7" x14ac:dyDescent="0.3">
      <c r="A25915" s="13" t="s">
        <v>166</v>
      </c>
      <c r="B25915" s="14" t="s">
        <v>1</v>
      </c>
      <c r="C25915" s="14" t="s">
        <v>137</v>
      </c>
      <c r="D25915" s="14" t="s">
        <v>167</v>
      </c>
      <c r="E25915" s="15">
        <v>45741</v>
      </c>
      <c r="F25915" s="14" t="s">
        <v>53</v>
      </c>
      <c r="G25915" s="16">
        <v>0</v>
      </c>
    </row>
    <row r="25916" spans="1:7" x14ac:dyDescent="0.3">
      <c r="A25916" s="13" t="s">
        <v>166</v>
      </c>
      <c r="B25916" s="14" t="s">
        <v>1</v>
      </c>
      <c r="C25916" s="14" t="s">
        <v>137</v>
      </c>
      <c r="D25916" s="14" t="s">
        <v>167</v>
      </c>
      <c r="E25916" s="15">
        <v>45742</v>
      </c>
      <c r="F25916" s="14" t="s">
        <v>53</v>
      </c>
      <c r="G25916" s="16">
        <v>0</v>
      </c>
    </row>
    <row r="25917" spans="1:7" x14ac:dyDescent="0.3">
      <c r="A25917" s="13" t="s">
        <v>166</v>
      </c>
      <c r="B25917" s="14" t="s">
        <v>1</v>
      </c>
      <c r="C25917" s="14" t="s">
        <v>137</v>
      </c>
      <c r="D25917" s="14" t="s">
        <v>167</v>
      </c>
      <c r="E25917" s="15">
        <v>45743</v>
      </c>
      <c r="F25917" s="14" t="s">
        <v>53</v>
      </c>
      <c r="G25917" s="16">
        <v>0</v>
      </c>
    </row>
    <row r="25918" spans="1:7" x14ac:dyDescent="0.3">
      <c r="A25918" s="13" t="s">
        <v>166</v>
      </c>
      <c r="B25918" s="14" t="s">
        <v>1</v>
      </c>
      <c r="C25918" s="14" t="s">
        <v>137</v>
      </c>
      <c r="D25918" s="14" t="s">
        <v>167</v>
      </c>
      <c r="E25918" s="15">
        <v>45744</v>
      </c>
      <c r="F25918" s="14" t="s">
        <v>53</v>
      </c>
      <c r="G25918" s="16">
        <v>0</v>
      </c>
    </row>
    <row r="25919" spans="1:7" x14ac:dyDescent="0.3">
      <c r="A25919" s="13" t="s">
        <v>166</v>
      </c>
      <c r="B25919" s="14" t="s">
        <v>1</v>
      </c>
      <c r="C25919" s="14" t="s">
        <v>137</v>
      </c>
      <c r="D25919" s="14" t="s">
        <v>167</v>
      </c>
      <c r="E25919" s="15">
        <v>45745</v>
      </c>
      <c r="F25919" s="14" t="s">
        <v>53</v>
      </c>
      <c r="G25919" s="16">
        <v>0</v>
      </c>
    </row>
    <row r="25920" spans="1:7" x14ac:dyDescent="0.3">
      <c r="A25920" s="13" t="s">
        <v>166</v>
      </c>
      <c r="B25920" s="14" t="s">
        <v>1</v>
      </c>
      <c r="C25920" s="14" t="s">
        <v>137</v>
      </c>
      <c r="D25920" s="14" t="s">
        <v>167</v>
      </c>
      <c r="E25920" s="15">
        <v>45746</v>
      </c>
      <c r="F25920" s="14" t="s">
        <v>53</v>
      </c>
      <c r="G25920" s="16">
        <v>0</v>
      </c>
    </row>
    <row r="25921" spans="1:7" x14ac:dyDescent="0.3">
      <c r="A25921" s="13" t="s">
        <v>166</v>
      </c>
      <c r="B25921" s="14" t="s">
        <v>1</v>
      </c>
      <c r="C25921" s="14" t="s">
        <v>137</v>
      </c>
      <c r="D25921" s="14" t="s">
        <v>167</v>
      </c>
      <c r="E25921" s="15">
        <v>45747</v>
      </c>
      <c r="F25921" s="14" t="s">
        <v>53</v>
      </c>
      <c r="G25921" s="16">
        <v>0</v>
      </c>
    </row>
    <row r="25922" spans="1:7" x14ac:dyDescent="0.3">
      <c r="A25922" s="13" t="s">
        <v>168</v>
      </c>
      <c r="B25922" s="14" t="s">
        <v>1</v>
      </c>
      <c r="C25922" s="14" t="s">
        <v>106</v>
      </c>
      <c r="D25922" s="14" t="s">
        <v>169</v>
      </c>
      <c r="E25922" s="15">
        <v>45383</v>
      </c>
      <c r="F25922" s="14" t="s">
        <v>25</v>
      </c>
      <c r="G25922" s="16">
        <v>0</v>
      </c>
    </row>
    <row r="25923" spans="1:7" x14ac:dyDescent="0.3">
      <c r="A25923" s="13" t="s">
        <v>168</v>
      </c>
      <c r="B25923" s="14" t="s">
        <v>1</v>
      </c>
      <c r="C25923" s="14" t="s">
        <v>106</v>
      </c>
      <c r="D25923" s="14" t="s">
        <v>169</v>
      </c>
      <c r="E25923" s="15">
        <v>45384</v>
      </c>
      <c r="F25923" s="14" t="s">
        <v>25</v>
      </c>
      <c r="G25923" s="16">
        <v>0</v>
      </c>
    </row>
    <row r="25924" spans="1:7" x14ac:dyDescent="0.3">
      <c r="A25924" s="13" t="s">
        <v>168</v>
      </c>
      <c r="B25924" s="14" t="s">
        <v>1</v>
      </c>
      <c r="C25924" s="14" t="s">
        <v>106</v>
      </c>
      <c r="D25924" s="14" t="s">
        <v>169</v>
      </c>
      <c r="E25924" s="15">
        <v>45385</v>
      </c>
      <c r="F25924" s="14" t="s">
        <v>25</v>
      </c>
      <c r="G25924" s="16">
        <v>1.9737710421285668E-2</v>
      </c>
    </row>
    <row r="25925" spans="1:7" x14ac:dyDescent="0.3">
      <c r="A25925" s="13" t="s">
        <v>168</v>
      </c>
      <c r="B25925" s="14" t="s">
        <v>1</v>
      </c>
      <c r="C25925" s="14" t="s">
        <v>106</v>
      </c>
      <c r="D25925" s="14" t="s">
        <v>169</v>
      </c>
      <c r="E25925" s="15">
        <v>45386</v>
      </c>
      <c r="F25925" s="14" t="s">
        <v>25</v>
      </c>
      <c r="G25925" s="16">
        <v>2.9565198859816934E-2</v>
      </c>
    </row>
    <row r="25926" spans="1:7" x14ac:dyDescent="0.3">
      <c r="A25926" s="13" t="s">
        <v>168</v>
      </c>
      <c r="B25926" s="14" t="s">
        <v>1</v>
      </c>
      <c r="C25926" s="14" t="s">
        <v>106</v>
      </c>
      <c r="D25926" s="14" t="s">
        <v>169</v>
      </c>
      <c r="E25926" s="15">
        <v>45387</v>
      </c>
      <c r="F25926" s="14" t="s">
        <v>25</v>
      </c>
      <c r="G25926" s="16">
        <v>3.4133034545764177E-2</v>
      </c>
    </row>
    <row r="25927" spans="1:7" x14ac:dyDescent="0.3">
      <c r="A25927" s="13" t="s">
        <v>168</v>
      </c>
      <c r="B25927" s="14" t="s">
        <v>1</v>
      </c>
      <c r="C25927" s="14" t="s">
        <v>106</v>
      </c>
      <c r="D25927" s="14" t="s">
        <v>169</v>
      </c>
      <c r="E25927" s="15">
        <v>45388</v>
      </c>
      <c r="F25927" s="14" t="s">
        <v>25</v>
      </c>
      <c r="G25927" s="16">
        <v>3.4133034545764177E-2</v>
      </c>
    </row>
    <row r="25928" spans="1:7" x14ac:dyDescent="0.3">
      <c r="A25928" s="13" t="s">
        <v>168</v>
      </c>
      <c r="B25928" s="14" t="s">
        <v>1</v>
      </c>
      <c r="C25928" s="14" t="s">
        <v>106</v>
      </c>
      <c r="D25928" s="14" t="s">
        <v>169</v>
      </c>
      <c r="E25928" s="15">
        <v>45389</v>
      </c>
      <c r="F25928" s="14" t="s">
        <v>25</v>
      </c>
      <c r="G25928" s="16">
        <v>3.4133034545764177E-2</v>
      </c>
    </row>
    <row r="25929" spans="1:7" x14ac:dyDescent="0.3">
      <c r="A25929" s="13" t="s">
        <v>168</v>
      </c>
      <c r="B25929" s="14" t="s">
        <v>1</v>
      </c>
      <c r="C25929" s="14" t="s">
        <v>106</v>
      </c>
      <c r="D25929" s="14" t="s">
        <v>169</v>
      </c>
      <c r="E25929" s="15">
        <v>45390</v>
      </c>
      <c r="F25929" s="14" t="s">
        <v>25</v>
      </c>
      <c r="G25929" s="16">
        <v>4.5680101252401163E-2</v>
      </c>
    </row>
    <row r="25930" spans="1:7" x14ac:dyDescent="0.3">
      <c r="A25930" s="13" t="s">
        <v>168</v>
      </c>
      <c r="B25930" s="14" t="s">
        <v>1</v>
      </c>
      <c r="C25930" s="14" t="s">
        <v>106</v>
      </c>
      <c r="D25930" s="14" t="s">
        <v>169</v>
      </c>
      <c r="E25930" s="15">
        <v>45391</v>
      </c>
      <c r="F25930" s="14" t="s">
        <v>25</v>
      </c>
      <c r="G25930" s="16">
        <v>6.1201706130247877E-2</v>
      </c>
    </row>
    <row r="25931" spans="1:7" x14ac:dyDescent="0.3">
      <c r="A25931" s="13" t="s">
        <v>168</v>
      </c>
      <c r="B25931" s="14" t="s">
        <v>1</v>
      </c>
      <c r="C25931" s="14" t="s">
        <v>106</v>
      </c>
      <c r="D25931" s="14" t="s">
        <v>169</v>
      </c>
      <c r="E25931" s="15">
        <v>45392</v>
      </c>
      <c r="F25931" s="14" t="s">
        <v>25</v>
      </c>
      <c r="G25931" s="16">
        <v>6.587502888416695E-2</v>
      </c>
    </row>
    <row r="25932" spans="1:7" x14ac:dyDescent="0.3">
      <c r="A25932" s="13" t="s">
        <v>168</v>
      </c>
      <c r="B25932" s="14" t="s">
        <v>1</v>
      </c>
      <c r="C25932" s="14" t="s">
        <v>106</v>
      </c>
      <c r="D25932" s="14" t="s">
        <v>169</v>
      </c>
      <c r="E25932" s="15">
        <v>45393</v>
      </c>
      <c r="F25932" s="14" t="s">
        <v>25</v>
      </c>
      <c r="G25932" s="16">
        <v>7.0419332500677681E-2</v>
      </c>
    </row>
    <row r="25933" spans="1:7" x14ac:dyDescent="0.3">
      <c r="A25933" s="13" t="s">
        <v>168</v>
      </c>
      <c r="B25933" s="14" t="s">
        <v>1</v>
      </c>
      <c r="C25933" s="14" t="s">
        <v>106</v>
      </c>
      <c r="D25933" s="14" t="s">
        <v>169</v>
      </c>
      <c r="E25933" s="15">
        <v>45394</v>
      </c>
      <c r="F25933" s="14" t="s">
        <v>25</v>
      </c>
      <c r="G25933" s="16">
        <v>7.4893511455663822E-2</v>
      </c>
    </row>
    <row r="25934" spans="1:7" x14ac:dyDescent="0.3">
      <c r="A25934" s="13" t="s">
        <v>168</v>
      </c>
      <c r="B25934" s="14" t="s">
        <v>1</v>
      </c>
      <c r="C25934" s="14" t="s">
        <v>106</v>
      </c>
      <c r="D25934" s="14" t="s">
        <v>169</v>
      </c>
      <c r="E25934" s="15">
        <v>45395</v>
      </c>
      <c r="F25934" s="14" t="s">
        <v>25</v>
      </c>
      <c r="G25934" s="16">
        <v>7.4893511455663822E-2</v>
      </c>
    </row>
    <row r="25935" spans="1:7" x14ac:dyDescent="0.3">
      <c r="A25935" s="13" t="s">
        <v>168</v>
      </c>
      <c r="B25935" s="14" t="s">
        <v>1</v>
      </c>
      <c r="C25935" s="14" t="s">
        <v>106</v>
      </c>
      <c r="D25935" s="14" t="s">
        <v>169</v>
      </c>
      <c r="E25935" s="15">
        <v>45396</v>
      </c>
      <c r="F25935" s="14" t="s">
        <v>25</v>
      </c>
      <c r="G25935" s="16">
        <v>7.4893511455663822E-2</v>
      </c>
    </row>
    <row r="25936" spans="1:7" x14ac:dyDescent="0.3">
      <c r="A25936" s="13" t="s">
        <v>168</v>
      </c>
      <c r="B25936" s="14" t="s">
        <v>1</v>
      </c>
      <c r="C25936" s="14" t="s">
        <v>106</v>
      </c>
      <c r="D25936" s="14" t="s">
        <v>169</v>
      </c>
      <c r="E25936" s="15">
        <v>45397</v>
      </c>
      <c r="F25936" s="14" t="s">
        <v>25</v>
      </c>
      <c r="G25936" s="16">
        <v>8.0019670974739845E-2</v>
      </c>
    </row>
    <row r="25937" spans="1:7" x14ac:dyDescent="0.3">
      <c r="A25937" s="13" t="s">
        <v>168</v>
      </c>
      <c r="B25937" s="14" t="s">
        <v>1</v>
      </c>
      <c r="C25937" s="14" t="s">
        <v>106</v>
      </c>
      <c r="D25937" s="14" t="s">
        <v>169</v>
      </c>
      <c r="E25937" s="15">
        <v>45398</v>
      </c>
      <c r="F25937" s="14" t="s">
        <v>25</v>
      </c>
      <c r="G25937" s="16">
        <v>9.3627518851170738E-2</v>
      </c>
    </row>
    <row r="25938" spans="1:7" x14ac:dyDescent="0.3">
      <c r="A25938" s="13" t="s">
        <v>168</v>
      </c>
      <c r="B25938" s="14" t="s">
        <v>1</v>
      </c>
      <c r="C25938" s="14" t="s">
        <v>106</v>
      </c>
      <c r="D25938" s="14" t="s">
        <v>169</v>
      </c>
      <c r="E25938" s="15">
        <v>45399</v>
      </c>
      <c r="F25938" s="14" t="s">
        <v>25</v>
      </c>
      <c r="G25938" s="16">
        <v>9.8161597690656743E-2</v>
      </c>
    </row>
    <row r="25939" spans="1:7" x14ac:dyDescent="0.3">
      <c r="A25939" s="13" t="s">
        <v>168</v>
      </c>
      <c r="B25939" s="14" t="s">
        <v>1</v>
      </c>
      <c r="C25939" s="14" t="s">
        <v>106</v>
      </c>
      <c r="D25939" s="14" t="s">
        <v>169</v>
      </c>
      <c r="E25939" s="15">
        <v>45400</v>
      </c>
      <c r="F25939" s="14" t="s">
        <v>25</v>
      </c>
      <c r="G25939" s="16">
        <v>0.10186833785362978</v>
      </c>
    </row>
    <row r="25940" spans="1:7" x14ac:dyDescent="0.3">
      <c r="A25940" s="13" t="s">
        <v>168</v>
      </c>
      <c r="B25940" s="14" t="s">
        <v>1</v>
      </c>
      <c r="C25940" s="14" t="s">
        <v>106</v>
      </c>
      <c r="D25940" s="14" t="s">
        <v>169</v>
      </c>
      <c r="E25940" s="15">
        <v>45401</v>
      </c>
      <c r="F25940" s="14" t="s">
        <v>25</v>
      </c>
      <c r="G25940" s="16">
        <v>0.10741135641180306</v>
      </c>
    </row>
    <row r="25941" spans="1:7" x14ac:dyDescent="0.3">
      <c r="A25941" s="13" t="s">
        <v>168</v>
      </c>
      <c r="B25941" s="14" t="s">
        <v>1</v>
      </c>
      <c r="C25941" s="14" t="s">
        <v>106</v>
      </c>
      <c r="D25941" s="14" t="s">
        <v>169</v>
      </c>
      <c r="E25941" s="15">
        <v>45402</v>
      </c>
      <c r="F25941" s="14" t="s">
        <v>25</v>
      </c>
      <c r="G25941" s="16">
        <v>0.10741135641180306</v>
      </c>
    </row>
    <row r="25942" spans="1:7" x14ac:dyDescent="0.3">
      <c r="A25942" s="13" t="s">
        <v>168</v>
      </c>
      <c r="B25942" s="14" t="s">
        <v>1</v>
      </c>
      <c r="C25942" s="14" t="s">
        <v>106</v>
      </c>
      <c r="D25942" s="14" t="s">
        <v>169</v>
      </c>
      <c r="E25942" s="15">
        <v>45403</v>
      </c>
      <c r="F25942" s="14" t="s">
        <v>25</v>
      </c>
      <c r="G25942" s="16">
        <v>0.10741135641180306</v>
      </c>
    </row>
    <row r="25943" spans="1:7" x14ac:dyDescent="0.3">
      <c r="A25943" s="13" t="s">
        <v>168</v>
      </c>
      <c r="B25943" s="14" t="s">
        <v>1</v>
      </c>
      <c r="C25943" s="14" t="s">
        <v>106</v>
      </c>
      <c r="D25943" s="14" t="s">
        <v>169</v>
      </c>
      <c r="E25943" s="15">
        <v>45404</v>
      </c>
      <c r="F25943" s="14" t="s">
        <v>25</v>
      </c>
      <c r="G25943" s="16">
        <v>0.11179342545036189</v>
      </c>
    </row>
    <row r="25944" spans="1:7" x14ac:dyDescent="0.3">
      <c r="A25944" s="13" t="s">
        <v>168</v>
      </c>
      <c r="B25944" s="14" t="s">
        <v>1</v>
      </c>
      <c r="C25944" s="14" t="s">
        <v>106</v>
      </c>
      <c r="D25944" s="14" t="s">
        <v>169</v>
      </c>
      <c r="E25944" s="15">
        <v>45405</v>
      </c>
      <c r="F25944" s="14" t="s">
        <v>25</v>
      </c>
      <c r="G25944" s="16">
        <v>0.13139289164013829</v>
      </c>
    </row>
    <row r="25945" spans="1:7" x14ac:dyDescent="0.3">
      <c r="A25945" s="13" t="s">
        <v>168</v>
      </c>
      <c r="B25945" s="14" t="s">
        <v>1</v>
      </c>
      <c r="C25945" s="14" t="s">
        <v>106</v>
      </c>
      <c r="D25945" s="14" t="s">
        <v>169</v>
      </c>
      <c r="E25945" s="15">
        <v>45406</v>
      </c>
      <c r="F25945" s="14" t="s">
        <v>25</v>
      </c>
      <c r="G25945" s="16">
        <v>0.13694422006742893</v>
      </c>
    </row>
    <row r="25946" spans="1:7" x14ac:dyDescent="0.3">
      <c r="A25946" s="13" t="s">
        <v>168</v>
      </c>
      <c r="B25946" s="14" t="s">
        <v>1</v>
      </c>
      <c r="C25946" s="14" t="s">
        <v>106</v>
      </c>
      <c r="D25946" s="14" t="s">
        <v>169</v>
      </c>
      <c r="E25946" s="15">
        <v>45407</v>
      </c>
      <c r="F25946" s="14" t="s">
        <v>25</v>
      </c>
      <c r="G25946" s="16">
        <v>0.14143097934175625</v>
      </c>
    </row>
    <row r="25947" spans="1:7" x14ac:dyDescent="0.3">
      <c r="A25947" s="13" t="s">
        <v>168</v>
      </c>
      <c r="B25947" s="14" t="s">
        <v>1</v>
      </c>
      <c r="C25947" s="14" t="s">
        <v>106</v>
      </c>
      <c r="D25947" s="14" t="s">
        <v>169</v>
      </c>
      <c r="E25947" s="15">
        <v>45408</v>
      </c>
      <c r="F25947" s="14" t="s">
        <v>25</v>
      </c>
      <c r="G25947" s="16">
        <v>0.14662597789950027</v>
      </c>
    </row>
    <row r="25948" spans="1:7" x14ac:dyDescent="0.3">
      <c r="A25948" s="13" t="s">
        <v>168</v>
      </c>
      <c r="B25948" s="14" t="s">
        <v>1</v>
      </c>
      <c r="C25948" s="14" t="s">
        <v>106</v>
      </c>
      <c r="D25948" s="14" t="s">
        <v>169</v>
      </c>
      <c r="E25948" s="15">
        <v>45409</v>
      </c>
      <c r="F25948" s="14" t="s">
        <v>25</v>
      </c>
      <c r="G25948" s="16">
        <v>0.14662597789950027</v>
      </c>
    </row>
    <row r="25949" spans="1:7" x14ac:dyDescent="0.3">
      <c r="A25949" s="13" t="s">
        <v>168</v>
      </c>
      <c r="B25949" s="14" t="s">
        <v>1</v>
      </c>
      <c r="C25949" s="14" t="s">
        <v>106</v>
      </c>
      <c r="D25949" s="14" t="s">
        <v>169</v>
      </c>
      <c r="E25949" s="15">
        <v>45410</v>
      </c>
      <c r="F25949" s="14" t="s">
        <v>25</v>
      </c>
      <c r="G25949" s="16">
        <v>0.14662597789950027</v>
      </c>
    </row>
    <row r="25950" spans="1:7" x14ac:dyDescent="0.3">
      <c r="A25950" s="13" t="s">
        <v>168</v>
      </c>
      <c r="B25950" s="14" t="s">
        <v>1</v>
      </c>
      <c r="C25950" s="14" t="s">
        <v>106</v>
      </c>
      <c r="D25950" s="14" t="s">
        <v>169</v>
      </c>
      <c r="E25950" s="15">
        <v>45411</v>
      </c>
      <c r="F25950" s="14" t="s">
        <v>25</v>
      </c>
      <c r="G25950" s="16">
        <v>0.15112997380517063</v>
      </c>
    </row>
    <row r="25951" spans="1:7" x14ac:dyDescent="0.3">
      <c r="A25951" s="13" t="s">
        <v>168</v>
      </c>
      <c r="B25951" s="14" t="s">
        <v>1</v>
      </c>
      <c r="C25951" s="14" t="s">
        <v>106</v>
      </c>
      <c r="D25951" s="14" t="s">
        <v>169</v>
      </c>
      <c r="E25951" s="15">
        <v>45412</v>
      </c>
      <c r="F25951" s="14" t="s">
        <v>25</v>
      </c>
      <c r="G25951" s="16">
        <v>0.16564849564053369</v>
      </c>
    </row>
    <row r="25952" spans="1:7" x14ac:dyDescent="0.3">
      <c r="A25952" s="13" t="s">
        <v>168</v>
      </c>
      <c r="B25952" s="14" t="s">
        <v>1</v>
      </c>
      <c r="C25952" s="14" t="s">
        <v>106</v>
      </c>
      <c r="D25952" s="14" t="s">
        <v>169</v>
      </c>
      <c r="E25952" s="15">
        <v>45413</v>
      </c>
      <c r="F25952" s="14" t="s">
        <v>25</v>
      </c>
      <c r="G25952" s="16">
        <v>0.16564849564053369</v>
      </c>
    </row>
    <row r="25953" spans="1:7" x14ac:dyDescent="0.3">
      <c r="A25953" s="13" t="s">
        <v>168</v>
      </c>
      <c r="B25953" s="14" t="s">
        <v>1</v>
      </c>
      <c r="C25953" s="14" t="s">
        <v>106</v>
      </c>
      <c r="D25953" s="14" t="s">
        <v>169</v>
      </c>
      <c r="E25953" s="15">
        <v>45414</v>
      </c>
      <c r="F25953" s="14" t="s">
        <v>25</v>
      </c>
      <c r="G25953" s="16">
        <v>0.17090966234006721</v>
      </c>
    </row>
    <row r="25954" spans="1:7" x14ac:dyDescent="0.3">
      <c r="A25954" s="13" t="s">
        <v>168</v>
      </c>
      <c r="B25954" s="14" t="s">
        <v>1</v>
      </c>
      <c r="C25954" s="14" t="s">
        <v>106</v>
      </c>
      <c r="D25954" s="14" t="s">
        <v>169</v>
      </c>
      <c r="E25954" s="15">
        <v>45415</v>
      </c>
      <c r="F25954" s="14" t="s">
        <v>25</v>
      </c>
      <c r="G25954" s="16">
        <v>0.18642014442227473</v>
      </c>
    </row>
    <row r="25955" spans="1:7" x14ac:dyDescent="0.3">
      <c r="A25955" s="13" t="s">
        <v>168</v>
      </c>
      <c r="B25955" s="14" t="s">
        <v>1</v>
      </c>
      <c r="C25955" s="14" t="s">
        <v>106</v>
      </c>
      <c r="D25955" s="14" t="s">
        <v>169</v>
      </c>
      <c r="E25955" s="15">
        <v>45416</v>
      </c>
      <c r="F25955" s="14" t="s">
        <v>25</v>
      </c>
      <c r="G25955" s="16">
        <v>0.18642014442227473</v>
      </c>
    </row>
    <row r="25956" spans="1:7" x14ac:dyDescent="0.3">
      <c r="A25956" s="13" t="s">
        <v>168</v>
      </c>
      <c r="B25956" s="14" t="s">
        <v>1</v>
      </c>
      <c r="C25956" s="14" t="s">
        <v>106</v>
      </c>
      <c r="D25956" s="14" t="s">
        <v>169</v>
      </c>
      <c r="E25956" s="15">
        <v>45417</v>
      </c>
      <c r="F25956" s="14" t="s">
        <v>25</v>
      </c>
      <c r="G25956" s="16">
        <v>0.18642014442227473</v>
      </c>
    </row>
    <row r="25957" spans="1:7" x14ac:dyDescent="0.3">
      <c r="A25957" s="13" t="s">
        <v>168</v>
      </c>
      <c r="B25957" s="14" t="s">
        <v>1</v>
      </c>
      <c r="C25957" s="14" t="s">
        <v>106</v>
      </c>
      <c r="D25957" s="14" t="s">
        <v>169</v>
      </c>
      <c r="E25957" s="15">
        <v>45418</v>
      </c>
      <c r="F25957" s="14" t="s">
        <v>25</v>
      </c>
      <c r="G25957" s="16">
        <v>0.18642014442227473</v>
      </c>
    </row>
    <row r="25958" spans="1:7" x14ac:dyDescent="0.3">
      <c r="A25958" s="13" t="s">
        <v>168</v>
      </c>
      <c r="B25958" s="14" t="s">
        <v>1</v>
      </c>
      <c r="C25958" s="14" t="s">
        <v>106</v>
      </c>
      <c r="D25958" s="14" t="s">
        <v>169</v>
      </c>
      <c r="E25958" s="15">
        <v>45419</v>
      </c>
      <c r="F25958" s="14" t="s">
        <v>25</v>
      </c>
      <c r="G25958" s="16">
        <v>0.19101825764514868</v>
      </c>
    </row>
    <row r="25959" spans="1:7" x14ac:dyDescent="0.3">
      <c r="A25959" s="13" t="s">
        <v>168</v>
      </c>
      <c r="B25959" s="14" t="s">
        <v>1</v>
      </c>
      <c r="C25959" s="14" t="s">
        <v>106</v>
      </c>
      <c r="D25959" s="14" t="s">
        <v>169</v>
      </c>
      <c r="E25959" s="15">
        <v>45420</v>
      </c>
      <c r="F25959" s="14" t="s">
        <v>25</v>
      </c>
      <c r="G25959" s="16">
        <v>0.20935890993183337</v>
      </c>
    </row>
    <row r="25960" spans="1:7" x14ac:dyDescent="0.3">
      <c r="A25960" s="13" t="s">
        <v>168</v>
      </c>
      <c r="B25960" s="14" t="s">
        <v>1</v>
      </c>
      <c r="C25960" s="14" t="s">
        <v>106</v>
      </c>
      <c r="D25960" s="14" t="s">
        <v>169</v>
      </c>
      <c r="E25960" s="15">
        <v>45421</v>
      </c>
      <c r="F25960" s="14" t="s">
        <v>25</v>
      </c>
      <c r="G25960" s="16">
        <v>0.20935890993183337</v>
      </c>
    </row>
    <row r="25961" spans="1:7" x14ac:dyDescent="0.3">
      <c r="A25961" s="13" t="s">
        <v>168</v>
      </c>
      <c r="B25961" s="14" t="s">
        <v>1</v>
      </c>
      <c r="C25961" s="14" t="s">
        <v>106</v>
      </c>
      <c r="D25961" s="14" t="s">
        <v>169</v>
      </c>
      <c r="E25961" s="15">
        <v>45422</v>
      </c>
      <c r="F25961" s="14" t="s">
        <v>25</v>
      </c>
      <c r="G25961" s="16">
        <v>0.21391631288045654</v>
      </c>
    </row>
    <row r="25962" spans="1:7" x14ac:dyDescent="0.3">
      <c r="A25962" s="13" t="s">
        <v>168</v>
      </c>
      <c r="B25962" s="14" t="s">
        <v>1</v>
      </c>
      <c r="C25962" s="14" t="s">
        <v>106</v>
      </c>
      <c r="D25962" s="14" t="s">
        <v>169</v>
      </c>
      <c r="E25962" s="15">
        <v>45423</v>
      </c>
      <c r="F25962" s="14" t="s">
        <v>25</v>
      </c>
      <c r="G25962" s="16">
        <v>0.21391631288045654</v>
      </c>
    </row>
    <row r="25963" spans="1:7" x14ac:dyDescent="0.3">
      <c r="A25963" s="13" t="s">
        <v>168</v>
      </c>
      <c r="B25963" s="14" t="s">
        <v>1</v>
      </c>
      <c r="C25963" s="14" t="s">
        <v>106</v>
      </c>
      <c r="D25963" s="14" t="s">
        <v>169</v>
      </c>
      <c r="E25963" s="15">
        <v>45424</v>
      </c>
      <c r="F25963" s="14" t="s">
        <v>25</v>
      </c>
      <c r="G25963" s="16">
        <v>0.21391631288045654</v>
      </c>
    </row>
    <row r="25964" spans="1:7" x14ac:dyDescent="0.3">
      <c r="A25964" s="13" t="s">
        <v>168</v>
      </c>
      <c r="B25964" s="14" t="s">
        <v>1</v>
      </c>
      <c r="C25964" s="14" t="s">
        <v>106</v>
      </c>
      <c r="D25964" s="14" t="s">
        <v>169</v>
      </c>
      <c r="E25964" s="15">
        <v>45425</v>
      </c>
      <c r="F25964" s="14" t="s">
        <v>25</v>
      </c>
      <c r="G25964" s="16">
        <v>0.22564094099334814</v>
      </c>
    </row>
    <row r="25965" spans="1:7" x14ac:dyDescent="0.3">
      <c r="A25965" s="13" t="s">
        <v>168</v>
      </c>
      <c r="B25965" s="14" t="s">
        <v>1</v>
      </c>
      <c r="C25965" s="14" t="s">
        <v>106</v>
      </c>
      <c r="D25965" s="14" t="s">
        <v>169</v>
      </c>
      <c r="E25965" s="15">
        <v>45426</v>
      </c>
      <c r="F25965" s="14" t="s">
        <v>25</v>
      </c>
      <c r="G25965" s="16">
        <v>0.24381431839078435</v>
      </c>
    </row>
    <row r="25966" spans="1:7" x14ac:dyDescent="0.3">
      <c r="A25966" s="13" t="s">
        <v>168</v>
      </c>
      <c r="B25966" s="14" t="s">
        <v>1</v>
      </c>
      <c r="C25966" s="14" t="s">
        <v>106</v>
      </c>
      <c r="D25966" s="14" t="s">
        <v>169</v>
      </c>
      <c r="E25966" s="15">
        <v>45427</v>
      </c>
      <c r="F25966" s="14" t="s">
        <v>25</v>
      </c>
      <c r="G25966" s="16">
        <v>0.24830100328340443</v>
      </c>
    </row>
    <row r="25967" spans="1:7" x14ac:dyDescent="0.3">
      <c r="A25967" s="13" t="s">
        <v>168</v>
      </c>
      <c r="B25967" s="14" t="s">
        <v>1</v>
      </c>
      <c r="C25967" s="14" t="s">
        <v>106</v>
      </c>
      <c r="D25967" s="14" t="s">
        <v>169</v>
      </c>
      <c r="E25967" s="15">
        <v>45428</v>
      </c>
      <c r="F25967" s="14" t="s">
        <v>25</v>
      </c>
      <c r="G25967" s="16">
        <v>0.25285859741226457</v>
      </c>
    </row>
    <row r="25968" spans="1:7" x14ac:dyDescent="0.3">
      <c r="A25968" s="13" t="s">
        <v>168</v>
      </c>
      <c r="B25968" s="14" t="s">
        <v>1</v>
      </c>
      <c r="C25968" s="14" t="s">
        <v>106</v>
      </c>
      <c r="D25968" s="14" t="s">
        <v>169</v>
      </c>
      <c r="E25968" s="15">
        <v>45429</v>
      </c>
      <c r="F25968" s="14" t="s">
        <v>25</v>
      </c>
      <c r="G25968" s="16">
        <v>0.31191235695193809</v>
      </c>
    </row>
    <row r="25969" spans="1:7" x14ac:dyDescent="0.3">
      <c r="A25969" s="13" t="s">
        <v>168</v>
      </c>
      <c r="B25969" s="14" t="s">
        <v>1</v>
      </c>
      <c r="C25969" s="14" t="s">
        <v>106</v>
      </c>
      <c r="D25969" s="14" t="s">
        <v>169</v>
      </c>
      <c r="E25969" s="15">
        <v>45430</v>
      </c>
      <c r="F25969" s="14" t="s">
        <v>25</v>
      </c>
      <c r="G25969" s="16">
        <v>0.31191235695193809</v>
      </c>
    </row>
    <row r="25970" spans="1:7" x14ac:dyDescent="0.3">
      <c r="A25970" s="13" t="s">
        <v>168</v>
      </c>
      <c r="B25970" s="14" t="s">
        <v>1</v>
      </c>
      <c r="C25970" s="14" t="s">
        <v>106</v>
      </c>
      <c r="D25970" s="14" t="s">
        <v>169</v>
      </c>
      <c r="E25970" s="15">
        <v>45431</v>
      </c>
      <c r="F25970" s="14" t="s">
        <v>25</v>
      </c>
      <c r="G25970" s="16">
        <v>0.31191235695193809</v>
      </c>
    </row>
    <row r="25971" spans="1:7" x14ac:dyDescent="0.3">
      <c r="A25971" s="13" t="s">
        <v>168</v>
      </c>
      <c r="B25971" s="14" t="s">
        <v>1</v>
      </c>
      <c r="C25971" s="14" t="s">
        <v>106</v>
      </c>
      <c r="D25971" s="14" t="s">
        <v>169</v>
      </c>
      <c r="E25971" s="15">
        <v>45432</v>
      </c>
      <c r="F25971" s="14" t="s">
        <v>25</v>
      </c>
      <c r="G25971" s="16">
        <v>0.31191235695193809</v>
      </c>
    </row>
    <row r="25972" spans="1:7" x14ac:dyDescent="0.3">
      <c r="A25972" s="13" t="s">
        <v>168</v>
      </c>
      <c r="B25972" s="14" t="s">
        <v>1</v>
      </c>
      <c r="C25972" s="14" t="s">
        <v>106</v>
      </c>
      <c r="D25972" s="14" t="s">
        <v>169</v>
      </c>
      <c r="E25972" s="15">
        <v>45433</v>
      </c>
      <c r="F25972" s="14" t="s">
        <v>25</v>
      </c>
      <c r="G25972" s="16">
        <v>0.31658759595001468</v>
      </c>
    </row>
    <row r="25973" spans="1:7" x14ac:dyDescent="0.3">
      <c r="A25973" s="13" t="s">
        <v>168</v>
      </c>
      <c r="B25973" s="14" t="s">
        <v>1</v>
      </c>
      <c r="C25973" s="14" t="s">
        <v>106</v>
      </c>
      <c r="D25973" s="14" t="s">
        <v>169</v>
      </c>
      <c r="E25973" s="15">
        <v>45434</v>
      </c>
      <c r="F25973" s="14" t="s">
        <v>25</v>
      </c>
      <c r="G25973" s="16">
        <v>0.33542091148622755</v>
      </c>
    </row>
    <row r="25974" spans="1:7" x14ac:dyDescent="0.3">
      <c r="A25974" s="13" t="s">
        <v>168</v>
      </c>
      <c r="B25974" s="14" t="s">
        <v>1</v>
      </c>
      <c r="C25974" s="14" t="s">
        <v>106</v>
      </c>
      <c r="D25974" s="14" t="s">
        <v>169</v>
      </c>
      <c r="E25974" s="15">
        <v>45435</v>
      </c>
      <c r="F25974" s="14" t="s">
        <v>25</v>
      </c>
      <c r="G25974" s="16">
        <v>0.34014544230164179</v>
      </c>
    </row>
    <row r="25975" spans="1:7" x14ac:dyDescent="0.3">
      <c r="A25975" s="13" t="s">
        <v>168</v>
      </c>
      <c r="B25975" s="14" t="s">
        <v>1</v>
      </c>
      <c r="C25975" s="14" t="s">
        <v>106</v>
      </c>
      <c r="D25975" s="14" t="s">
        <v>169</v>
      </c>
      <c r="E25975" s="15">
        <v>45436</v>
      </c>
      <c r="F25975" s="14" t="s">
        <v>25</v>
      </c>
      <c r="G25975" s="16">
        <v>0.34486534403940278</v>
      </c>
    </row>
    <row r="25976" spans="1:7" x14ac:dyDescent="0.3">
      <c r="A25976" s="13" t="s">
        <v>168</v>
      </c>
      <c r="B25976" s="14" t="s">
        <v>1</v>
      </c>
      <c r="C25976" s="14" t="s">
        <v>106</v>
      </c>
      <c r="D25976" s="14" t="s">
        <v>169</v>
      </c>
      <c r="E25976" s="15">
        <v>45437</v>
      </c>
      <c r="F25976" s="14" t="s">
        <v>25</v>
      </c>
      <c r="G25976" s="16">
        <v>0.34486534403940278</v>
      </c>
    </row>
    <row r="25977" spans="1:7" x14ac:dyDescent="0.3">
      <c r="A25977" s="13" t="s">
        <v>168</v>
      </c>
      <c r="B25977" s="14" t="s">
        <v>1</v>
      </c>
      <c r="C25977" s="14" t="s">
        <v>106</v>
      </c>
      <c r="D25977" s="14" t="s">
        <v>169</v>
      </c>
      <c r="E25977" s="15">
        <v>45438</v>
      </c>
      <c r="F25977" s="14" t="s">
        <v>25</v>
      </c>
      <c r="G25977" s="16">
        <v>0.34486534403940278</v>
      </c>
    </row>
    <row r="25978" spans="1:7" x14ac:dyDescent="0.3">
      <c r="A25978" s="13" t="s">
        <v>168</v>
      </c>
      <c r="B25978" s="14" t="s">
        <v>1</v>
      </c>
      <c r="C25978" s="14" t="s">
        <v>106</v>
      </c>
      <c r="D25978" s="14" t="s">
        <v>169</v>
      </c>
      <c r="E25978" s="15">
        <v>45439</v>
      </c>
      <c r="F25978" s="14" t="s">
        <v>25</v>
      </c>
      <c r="G25978" s="16">
        <v>0.34960174944531841</v>
      </c>
    </row>
    <row r="25979" spans="1:7" x14ac:dyDescent="0.3">
      <c r="A25979" s="13" t="s">
        <v>168</v>
      </c>
      <c r="B25979" s="14" t="s">
        <v>1</v>
      </c>
      <c r="C25979" s="14" t="s">
        <v>106</v>
      </c>
      <c r="D25979" s="14" t="s">
        <v>169</v>
      </c>
      <c r="E25979" s="15">
        <v>45440</v>
      </c>
      <c r="F25979" s="14" t="s">
        <v>25</v>
      </c>
      <c r="G25979" s="16">
        <v>0.36378751119096792</v>
      </c>
    </row>
    <row r="25980" spans="1:7" x14ac:dyDescent="0.3">
      <c r="A25980" s="13" t="s">
        <v>168</v>
      </c>
      <c r="B25980" s="14" t="s">
        <v>1</v>
      </c>
      <c r="C25980" s="14" t="s">
        <v>106</v>
      </c>
      <c r="D25980" s="14" t="s">
        <v>169</v>
      </c>
      <c r="E25980" s="15">
        <v>45441</v>
      </c>
      <c r="F25980" s="14" t="s">
        <v>25</v>
      </c>
      <c r="G25980" s="16">
        <v>0.37001154132046715</v>
      </c>
    </row>
    <row r="25981" spans="1:7" x14ac:dyDescent="0.3">
      <c r="A25981" s="13" t="s">
        <v>168</v>
      </c>
      <c r="B25981" s="14" t="s">
        <v>1</v>
      </c>
      <c r="C25981" s="14" t="s">
        <v>106</v>
      </c>
      <c r="D25981" s="14" t="s">
        <v>169</v>
      </c>
      <c r="E25981" s="15">
        <v>45442</v>
      </c>
      <c r="F25981" s="14" t="s">
        <v>25</v>
      </c>
      <c r="G25981" s="16">
        <v>0.37497055638635185</v>
      </c>
    </row>
    <row r="25982" spans="1:7" x14ac:dyDescent="0.3">
      <c r="A25982" s="13" t="s">
        <v>168</v>
      </c>
      <c r="B25982" s="14" t="s">
        <v>1</v>
      </c>
      <c r="C25982" s="14" t="s">
        <v>106</v>
      </c>
      <c r="D25982" s="14" t="s">
        <v>169</v>
      </c>
      <c r="E25982" s="15">
        <v>45443</v>
      </c>
      <c r="F25982" s="14" t="s">
        <v>25</v>
      </c>
      <c r="G25982" s="16">
        <v>0.37962579940890551</v>
      </c>
    </row>
    <row r="25983" spans="1:7" x14ac:dyDescent="0.3">
      <c r="A25983" s="13" t="s">
        <v>168</v>
      </c>
      <c r="B25983" s="14" t="s">
        <v>1</v>
      </c>
      <c r="C25983" s="14" t="s">
        <v>106</v>
      </c>
      <c r="D25983" s="14" t="s">
        <v>169</v>
      </c>
      <c r="E25983" s="15">
        <v>45444</v>
      </c>
      <c r="F25983" s="14" t="s">
        <v>25</v>
      </c>
      <c r="G25983" s="16">
        <v>0.37962579940890551</v>
      </c>
    </row>
    <row r="25984" spans="1:7" x14ac:dyDescent="0.3">
      <c r="A25984" s="13" t="s">
        <v>168</v>
      </c>
      <c r="B25984" s="14" t="s">
        <v>1</v>
      </c>
      <c r="C25984" s="14" t="s">
        <v>106</v>
      </c>
      <c r="D25984" s="14" t="s">
        <v>169</v>
      </c>
      <c r="E25984" s="15">
        <v>45445</v>
      </c>
      <c r="F25984" s="14" t="s">
        <v>25</v>
      </c>
      <c r="G25984" s="16">
        <v>0.37962579940890551</v>
      </c>
    </row>
    <row r="25985" spans="1:7" x14ac:dyDescent="0.3">
      <c r="A25985" s="13" t="s">
        <v>168</v>
      </c>
      <c r="B25985" s="14" t="s">
        <v>1</v>
      </c>
      <c r="C25985" s="14" t="s">
        <v>106</v>
      </c>
      <c r="D25985" s="14" t="s">
        <v>169</v>
      </c>
      <c r="E25985" s="15">
        <v>45446</v>
      </c>
      <c r="F25985" s="14" t="s">
        <v>25</v>
      </c>
      <c r="G25985" s="16">
        <v>0.37962579940890551</v>
      </c>
    </row>
    <row r="25986" spans="1:7" x14ac:dyDescent="0.3">
      <c r="A25986" s="13" t="s">
        <v>168</v>
      </c>
      <c r="B25986" s="14" t="s">
        <v>1</v>
      </c>
      <c r="C25986" s="14" t="s">
        <v>106</v>
      </c>
      <c r="D25986" s="14" t="s">
        <v>169</v>
      </c>
      <c r="E25986" s="15">
        <v>45447</v>
      </c>
      <c r="F25986" s="14" t="s">
        <v>25</v>
      </c>
      <c r="G25986" s="16">
        <v>0.38428501071139848</v>
      </c>
    </row>
    <row r="25987" spans="1:7" x14ac:dyDescent="0.3">
      <c r="A25987" s="13" t="s">
        <v>168</v>
      </c>
      <c r="B25987" s="14" t="s">
        <v>1</v>
      </c>
      <c r="C25987" s="14" t="s">
        <v>106</v>
      </c>
      <c r="D25987" s="14" t="s">
        <v>169</v>
      </c>
      <c r="E25987" s="15">
        <v>45448</v>
      </c>
      <c r="F25987" s="14" t="s">
        <v>25</v>
      </c>
      <c r="G25987" s="16">
        <v>0.42176067385131621</v>
      </c>
    </row>
    <row r="25988" spans="1:7" x14ac:dyDescent="0.3">
      <c r="A25988" s="13" t="s">
        <v>168</v>
      </c>
      <c r="B25988" s="14" t="s">
        <v>1</v>
      </c>
      <c r="C25988" s="14" t="s">
        <v>106</v>
      </c>
      <c r="D25988" s="14" t="s">
        <v>169</v>
      </c>
      <c r="E25988" s="15">
        <v>45449</v>
      </c>
      <c r="F25988" s="14" t="s">
        <v>25</v>
      </c>
      <c r="G25988" s="16">
        <v>0.42618059184538942</v>
      </c>
    </row>
    <row r="25989" spans="1:7" x14ac:dyDescent="0.3">
      <c r="A25989" s="13" t="s">
        <v>168</v>
      </c>
      <c r="B25989" s="14" t="s">
        <v>1</v>
      </c>
      <c r="C25989" s="14" t="s">
        <v>106</v>
      </c>
      <c r="D25989" s="14" t="s">
        <v>169</v>
      </c>
      <c r="E25989" s="15">
        <v>45450</v>
      </c>
      <c r="F25989" s="14" t="s">
        <v>25</v>
      </c>
      <c r="G25989" s="16">
        <v>0.43055842307667525</v>
      </c>
    </row>
    <row r="25990" spans="1:7" x14ac:dyDescent="0.3">
      <c r="A25990" s="13" t="s">
        <v>168</v>
      </c>
      <c r="B25990" s="14" t="s">
        <v>1</v>
      </c>
      <c r="C25990" s="14" t="s">
        <v>106</v>
      </c>
      <c r="D25990" s="14" t="s">
        <v>169</v>
      </c>
      <c r="E25990" s="15">
        <v>45451</v>
      </c>
      <c r="F25990" s="14" t="s">
        <v>25</v>
      </c>
      <c r="G25990" s="16">
        <v>0.43055842307667525</v>
      </c>
    </row>
    <row r="25991" spans="1:7" x14ac:dyDescent="0.3">
      <c r="A25991" s="13" t="s">
        <v>168</v>
      </c>
      <c r="B25991" s="14" t="s">
        <v>1</v>
      </c>
      <c r="C25991" s="14" t="s">
        <v>106</v>
      </c>
      <c r="D25991" s="14" t="s">
        <v>169</v>
      </c>
      <c r="E25991" s="15">
        <v>45452</v>
      </c>
      <c r="F25991" s="14" t="s">
        <v>25</v>
      </c>
      <c r="G25991" s="16">
        <v>0.43055842307667525</v>
      </c>
    </row>
    <row r="25992" spans="1:7" x14ac:dyDescent="0.3">
      <c r="A25992" s="13" t="s">
        <v>168</v>
      </c>
      <c r="B25992" s="14" t="s">
        <v>1</v>
      </c>
      <c r="C25992" s="14" t="s">
        <v>106</v>
      </c>
      <c r="D25992" s="14" t="s">
        <v>169</v>
      </c>
      <c r="E25992" s="15">
        <v>45453</v>
      </c>
      <c r="F25992" s="14" t="s">
        <v>25</v>
      </c>
      <c r="G25992" s="16">
        <v>0.43715001803057801</v>
      </c>
    </row>
    <row r="25993" spans="1:7" x14ac:dyDescent="0.3">
      <c r="A25993" s="13" t="s">
        <v>168</v>
      </c>
      <c r="B25993" s="14" t="s">
        <v>1</v>
      </c>
      <c r="C25993" s="14" t="s">
        <v>106</v>
      </c>
      <c r="D25993" s="14" t="s">
        <v>169</v>
      </c>
      <c r="E25993" s="15">
        <v>45454</v>
      </c>
      <c r="F25993" s="14" t="s">
        <v>25</v>
      </c>
      <c r="G25993" s="16">
        <v>0.45165071777801302</v>
      </c>
    </row>
    <row r="25994" spans="1:7" x14ac:dyDescent="0.3">
      <c r="A25994" s="13" t="s">
        <v>168</v>
      </c>
      <c r="B25994" s="14" t="s">
        <v>1</v>
      </c>
      <c r="C25994" s="14" t="s">
        <v>106</v>
      </c>
      <c r="D25994" s="14" t="s">
        <v>169</v>
      </c>
      <c r="E25994" s="15">
        <v>45455</v>
      </c>
      <c r="F25994" s="14" t="s">
        <v>25</v>
      </c>
      <c r="G25994" s="16">
        <v>0.456016524219931</v>
      </c>
    </row>
    <row r="25995" spans="1:7" x14ac:dyDescent="0.3">
      <c r="A25995" s="13" t="s">
        <v>168</v>
      </c>
      <c r="B25995" s="14" t="s">
        <v>1</v>
      </c>
      <c r="C25995" s="14" t="s">
        <v>106</v>
      </c>
      <c r="D25995" s="14" t="s">
        <v>169</v>
      </c>
      <c r="E25995" s="15">
        <v>45456</v>
      </c>
      <c r="F25995" s="14" t="s">
        <v>25</v>
      </c>
      <c r="G25995" s="16">
        <v>0.46031839886504339</v>
      </c>
    </row>
    <row r="25996" spans="1:7" x14ac:dyDescent="0.3">
      <c r="A25996" s="13" t="s">
        <v>168</v>
      </c>
      <c r="B25996" s="14" t="s">
        <v>1</v>
      </c>
      <c r="C25996" s="14" t="s">
        <v>106</v>
      </c>
      <c r="D25996" s="14" t="s">
        <v>169</v>
      </c>
      <c r="E25996" s="15">
        <v>45457</v>
      </c>
      <c r="F25996" s="14" t="s">
        <v>25</v>
      </c>
      <c r="G25996" s="16">
        <v>0.46960795572677433</v>
      </c>
    </row>
    <row r="25997" spans="1:7" x14ac:dyDescent="0.3">
      <c r="A25997" s="13" t="s">
        <v>168</v>
      </c>
      <c r="B25997" s="14" t="s">
        <v>1</v>
      </c>
      <c r="C25997" s="14" t="s">
        <v>106</v>
      </c>
      <c r="D25997" s="14" t="s">
        <v>169</v>
      </c>
      <c r="E25997" s="15">
        <v>45458</v>
      </c>
      <c r="F25997" s="14" t="s">
        <v>25</v>
      </c>
      <c r="G25997" s="16">
        <v>0.46960795572677433</v>
      </c>
    </row>
    <row r="25998" spans="1:7" x14ac:dyDescent="0.3">
      <c r="A25998" s="13" t="s">
        <v>168</v>
      </c>
      <c r="B25998" s="14" t="s">
        <v>1</v>
      </c>
      <c r="C25998" s="14" t="s">
        <v>106</v>
      </c>
      <c r="D25998" s="14" t="s">
        <v>169</v>
      </c>
      <c r="E25998" s="15">
        <v>45459</v>
      </c>
      <c r="F25998" s="14" t="s">
        <v>25</v>
      </c>
      <c r="G25998" s="16">
        <v>0.46960795572677433</v>
      </c>
    </row>
    <row r="25999" spans="1:7" x14ac:dyDescent="0.3">
      <c r="A25999" s="13" t="s">
        <v>168</v>
      </c>
      <c r="B25999" s="14" t="s">
        <v>1</v>
      </c>
      <c r="C25999" s="14" t="s">
        <v>106</v>
      </c>
      <c r="D25999" s="14" t="s">
        <v>169</v>
      </c>
      <c r="E25999" s="15">
        <v>45460</v>
      </c>
      <c r="F25999" s="14" t="s">
        <v>25</v>
      </c>
      <c r="G25999" s="16">
        <v>0.47452008843230392</v>
      </c>
    </row>
    <row r="26000" spans="1:7" x14ac:dyDescent="0.3">
      <c r="A26000" s="13" t="s">
        <v>168</v>
      </c>
      <c r="B26000" s="14" t="s">
        <v>1</v>
      </c>
      <c r="C26000" s="14" t="s">
        <v>106</v>
      </c>
      <c r="D26000" s="14" t="s">
        <v>169</v>
      </c>
      <c r="E26000" s="15">
        <v>45461</v>
      </c>
      <c r="F26000" s="14" t="s">
        <v>25</v>
      </c>
      <c r="G26000" s="16">
        <v>0.48743331557002956</v>
      </c>
    </row>
    <row r="26001" spans="1:7" x14ac:dyDescent="0.3">
      <c r="A26001" s="13" t="s">
        <v>168</v>
      </c>
      <c r="B26001" s="14" t="s">
        <v>1</v>
      </c>
      <c r="C26001" s="14" t="s">
        <v>106</v>
      </c>
      <c r="D26001" s="14" t="s">
        <v>169</v>
      </c>
      <c r="E26001" s="15">
        <v>45462</v>
      </c>
      <c r="F26001" s="14" t="s">
        <v>25</v>
      </c>
      <c r="G26001" s="16">
        <v>0.49207869836474954</v>
      </c>
    </row>
    <row r="26002" spans="1:7" x14ac:dyDescent="0.3">
      <c r="A26002" s="13" t="s">
        <v>168</v>
      </c>
      <c r="B26002" s="14" t="s">
        <v>1</v>
      </c>
      <c r="C26002" s="14" t="s">
        <v>106</v>
      </c>
      <c r="D26002" s="14" t="s">
        <v>169</v>
      </c>
      <c r="E26002" s="15">
        <v>45463</v>
      </c>
      <c r="F26002" s="14" t="s">
        <v>25</v>
      </c>
      <c r="G26002" s="16">
        <v>0.49626774040296051</v>
      </c>
    </row>
    <row r="26003" spans="1:7" x14ac:dyDescent="0.3">
      <c r="A26003" s="13" t="s">
        <v>168</v>
      </c>
      <c r="B26003" s="14" t="s">
        <v>1</v>
      </c>
      <c r="C26003" s="14" t="s">
        <v>106</v>
      </c>
      <c r="D26003" s="14" t="s">
        <v>169</v>
      </c>
      <c r="E26003" s="15">
        <v>45464</v>
      </c>
      <c r="F26003" s="14" t="s">
        <v>25</v>
      </c>
      <c r="G26003" s="16">
        <v>0.50143900731936675</v>
      </c>
    </row>
    <row r="26004" spans="1:7" x14ac:dyDescent="0.3">
      <c r="A26004" s="13" t="s">
        <v>168</v>
      </c>
      <c r="B26004" s="14" t="s">
        <v>1</v>
      </c>
      <c r="C26004" s="14" t="s">
        <v>106</v>
      </c>
      <c r="D26004" s="14" t="s">
        <v>169</v>
      </c>
      <c r="E26004" s="15">
        <v>45465</v>
      </c>
      <c r="F26004" s="14" t="s">
        <v>25</v>
      </c>
      <c r="G26004" s="16">
        <v>0.50143900731936675</v>
      </c>
    </row>
    <row r="26005" spans="1:7" x14ac:dyDescent="0.3">
      <c r="A26005" s="13" t="s">
        <v>168</v>
      </c>
      <c r="B26005" s="14" t="s">
        <v>1</v>
      </c>
      <c r="C26005" s="14" t="s">
        <v>106</v>
      </c>
      <c r="D26005" s="14" t="s">
        <v>169</v>
      </c>
      <c r="E26005" s="15">
        <v>45466</v>
      </c>
      <c r="F26005" s="14" t="s">
        <v>25</v>
      </c>
      <c r="G26005" s="16">
        <v>0.50143900731936675</v>
      </c>
    </row>
    <row r="26006" spans="1:7" x14ac:dyDescent="0.3">
      <c r="A26006" s="13" t="s">
        <v>168</v>
      </c>
      <c r="B26006" s="14" t="s">
        <v>1</v>
      </c>
      <c r="C26006" s="14" t="s">
        <v>106</v>
      </c>
      <c r="D26006" s="14" t="s">
        <v>169</v>
      </c>
      <c r="E26006" s="15">
        <v>45467</v>
      </c>
      <c r="F26006" s="14" t="s">
        <v>25</v>
      </c>
      <c r="G26006" s="16">
        <v>0.505814433592779</v>
      </c>
    </row>
    <row r="26007" spans="1:7" x14ac:dyDescent="0.3">
      <c r="A26007" s="13" t="s">
        <v>168</v>
      </c>
      <c r="B26007" s="14" t="s">
        <v>1</v>
      </c>
      <c r="C26007" s="14" t="s">
        <v>106</v>
      </c>
      <c r="D26007" s="14" t="s">
        <v>169</v>
      </c>
      <c r="E26007" s="15">
        <v>45468</v>
      </c>
      <c r="F26007" s="14" t="s">
        <v>25</v>
      </c>
      <c r="G26007" s="16">
        <v>0.51898679494138134</v>
      </c>
    </row>
    <row r="26008" spans="1:7" x14ac:dyDescent="0.3">
      <c r="A26008" s="13" t="s">
        <v>168</v>
      </c>
      <c r="B26008" s="14" t="s">
        <v>1</v>
      </c>
      <c r="C26008" s="14" t="s">
        <v>106</v>
      </c>
      <c r="D26008" s="14" t="s">
        <v>169</v>
      </c>
      <c r="E26008" s="15">
        <v>45469</v>
      </c>
      <c r="F26008" s="14" t="s">
        <v>25</v>
      </c>
      <c r="G26008" s="16">
        <v>0.52336743195685287</v>
      </c>
    </row>
    <row r="26009" spans="1:7" x14ac:dyDescent="0.3">
      <c r="A26009" s="13" t="s">
        <v>168</v>
      </c>
      <c r="B26009" s="14" t="s">
        <v>1</v>
      </c>
      <c r="C26009" s="14" t="s">
        <v>106</v>
      </c>
      <c r="D26009" s="14" t="s">
        <v>169</v>
      </c>
      <c r="E26009" s="15">
        <v>45470</v>
      </c>
      <c r="F26009" s="14" t="s">
        <v>25</v>
      </c>
      <c r="G26009" s="16">
        <v>0.5277739222694654</v>
      </c>
    </row>
    <row r="26010" spans="1:7" x14ac:dyDescent="0.3">
      <c r="A26010" s="13" t="s">
        <v>168</v>
      </c>
      <c r="B26010" s="14" t="s">
        <v>1</v>
      </c>
      <c r="C26010" s="14" t="s">
        <v>106</v>
      </c>
      <c r="D26010" s="14" t="s">
        <v>169</v>
      </c>
      <c r="E26010" s="15">
        <v>45471</v>
      </c>
      <c r="F26010" s="14" t="s">
        <v>25</v>
      </c>
      <c r="G26010" s="16">
        <v>0.53048110943124771</v>
      </c>
    </row>
    <row r="26011" spans="1:7" x14ac:dyDescent="0.3">
      <c r="A26011" s="13" t="s">
        <v>168</v>
      </c>
      <c r="B26011" s="14" t="s">
        <v>1</v>
      </c>
      <c r="C26011" s="14" t="s">
        <v>106</v>
      </c>
      <c r="D26011" s="14" t="s">
        <v>169</v>
      </c>
      <c r="E26011" s="15">
        <v>45472</v>
      </c>
      <c r="F26011" s="14" t="s">
        <v>25</v>
      </c>
      <c r="G26011" s="16">
        <v>0.53048110943124771</v>
      </c>
    </row>
    <row r="26012" spans="1:7" x14ac:dyDescent="0.3">
      <c r="A26012" s="13" t="s">
        <v>168</v>
      </c>
      <c r="B26012" s="14" t="s">
        <v>1</v>
      </c>
      <c r="C26012" s="14" t="s">
        <v>106</v>
      </c>
      <c r="D26012" s="14" t="s">
        <v>169</v>
      </c>
      <c r="E26012" s="15">
        <v>45473</v>
      </c>
      <c r="F26012" s="14" t="s">
        <v>25</v>
      </c>
      <c r="G26012" s="16">
        <v>0.53048110943124771</v>
      </c>
    </row>
    <row r="26013" spans="1:7" x14ac:dyDescent="0.3">
      <c r="A26013" s="13" t="s">
        <v>168</v>
      </c>
      <c r="B26013" s="14" t="s">
        <v>1</v>
      </c>
      <c r="C26013" s="14" t="s">
        <v>106</v>
      </c>
      <c r="D26013" s="14" t="s">
        <v>169</v>
      </c>
      <c r="E26013" s="15">
        <v>45474</v>
      </c>
      <c r="F26013" s="14" t="s">
        <v>25</v>
      </c>
      <c r="G26013" s="16">
        <v>0.53507057695540727</v>
      </c>
    </row>
    <row r="26014" spans="1:7" x14ac:dyDescent="0.3">
      <c r="A26014" s="13" t="s">
        <v>168</v>
      </c>
      <c r="B26014" s="14" t="s">
        <v>1</v>
      </c>
      <c r="C26014" s="14" t="s">
        <v>106</v>
      </c>
      <c r="D26014" s="14" t="s">
        <v>169</v>
      </c>
      <c r="E26014" s="15">
        <v>45475</v>
      </c>
      <c r="F26014" s="14" t="s">
        <v>25</v>
      </c>
      <c r="G26014" s="16">
        <v>0.55406834751325351</v>
      </c>
    </row>
    <row r="26015" spans="1:7" x14ac:dyDescent="0.3">
      <c r="A26015" s="13" t="s">
        <v>168</v>
      </c>
      <c r="B26015" s="14" t="s">
        <v>1</v>
      </c>
      <c r="C26015" s="14" t="s">
        <v>106</v>
      </c>
      <c r="D26015" s="14" t="s">
        <v>169</v>
      </c>
      <c r="E26015" s="15">
        <v>45476</v>
      </c>
      <c r="F26015" s="14" t="s">
        <v>25</v>
      </c>
      <c r="G26015" s="16">
        <v>0.55790285867826961</v>
      </c>
    </row>
    <row r="26016" spans="1:7" x14ac:dyDescent="0.3">
      <c r="A26016" s="13" t="s">
        <v>168</v>
      </c>
      <c r="B26016" s="14" t="s">
        <v>1</v>
      </c>
      <c r="C26016" s="14" t="s">
        <v>106</v>
      </c>
      <c r="D26016" s="14" t="s">
        <v>169</v>
      </c>
      <c r="E26016" s="15">
        <v>45477</v>
      </c>
      <c r="F26016" s="14" t="s">
        <v>25</v>
      </c>
      <c r="G26016" s="16">
        <v>0.56221555563381309</v>
      </c>
    </row>
    <row r="26017" spans="1:7" x14ac:dyDescent="0.3">
      <c r="A26017" s="13" t="s">
        <v>168</v>
      </c>
      <c r="B26017" s="14" t="s">
        <v>1</v>
      </c>
      <c r="C26017" s="14" t="s">
        <v>106</v>
      </c>
      <c r="D26017" s="14" t="s">
        <v>169</v>
      </c>
      <c r="E26017" s="15">
        <v>45478</v>
      </c>
      <c r="F26017" s="14" t="s">
        <v>25</v>
      </c>
      <c r="G26017" s="16">
        <v>0.56667214923545817</v>
      </c>
    </row>
    <row r="26018" spans="1:7" x14ac:dyDescent="0.3">
      <c r="A26018" s="13" t="s">
        <v>168</v>
      </c>
      <c r="B26018" s="14" t="s">
        <v>1</v>
      </c>
      <c r="C26018" s="14" t="s">
        <v>106</v>
      </c>
      <c r="D26018" s="14" t="s">
        <v>169</v>
      </c>
      <c r="E26018" s="15">
        <v>45479</v>
      </c>
      <c r="F26018" s="14" t="s">
        <v>25</v>
      </c>
      <c r="G26018" s="16">
        <v>0.56667214923545817</v>
      </c>
    </row>
    <row r="26019" spans="1:7" x14ac:dyDescent="0.3">
      <c r="A26019" s="13" t="s">
        <v>168</v>
      </c>
      <c r="B26019" s="14" t="s">
        <v>1</v>
      </c>
      <c r="C26019" s="14" t="s">
        <v>106</v>
      </c>
      <c r="D26019" s="14" t="s">
        <v>169</v>
      </c>
      <c r="E26019" s="15">
        <v>45480</v>
      </c>
      <c r="F26019" s="14" t="s">
        <v>25</v>
      </c>
      <c r="G26019" s="16">
        <v>0.56667214923545817</v>
      </c>
    </row>
    <row r="26020" spans="1:7" x14ac:dyDescent="0.3">
      <c r="A26020" s="13" t="s">
        <v>168</v>
      </c>
      <c r="B26020" s="14" t="s">
        <v>1</v>
      </c>
      <c r="C26020" s="14" t="s">
        <v>106</v>
      </c>
      <c r="D26020" s="14" t="s">
        <v>169</v>
      </c>
      <c r="E26020" s="15">
        <v>45481</v>
      </c>
      <c r="F26020" s="14" t="s">
        <v>25</v>
      </c>
      <c r="G26020" s="16">
        <v>0.57110725322819667</v>
      </c>
    </row>
    <row r="26021" spans="1:7" x14ac:dyDescent="0.3">
      <c r="A26021" s="13" t="s">
        <v>168</v>
      </c>
      <c r="B26021" s="14" t="s">
        <v>1</v>
      </c>
      <c r="C26021" s="14" t="s">
        <v>106</v>
      </c>
      <c r="D26021" s="14" t="s">
        <v>169</v>
      </c>
      <c r="E26021" s="15">
        <v>45482</v>
      </c>
      <c r="F26021" s="14" t="s">
        <v>25</v>
      </c>
      <c r="G26021" s="16">
        <v>0.58443053613305529</v>
      </c>
    </row>
    <row r="26022" spans="1:7" x14ac:dyDescent="0.3">
      <c r="A26022" s="13" t="s">
        <v>168</v>
      </c>
      <c r="B26022" s="14" t="s">
        <v>1</v>
      </c>
      <c r="C26022" s="14" t="s">
        <v>106</v>
      </c>
      <c r="D26022" s="14" t="s">
        <v>169</v>
      </c>
      <c r="E26022" s="15">
        <v>45483</v>
      </c>
      <c r="F26022" s="14" t="s">
        <v>25</v>
      </c>
      <c r="G26022" s="16">
        <v>0.59563551446353635</v>
      </c>
    </row>
    <row r="26023" spans="1:7" x14ac:dyDescent="0.3">
      <c r="A26023" s="13" t="s">
        <v>168</v>
      </c>
      <c r="B26023" s="14" t="s">
        <v>1</v>
      </c>
      <c r="C26023" s="14" t="s">
        <v>106</v>
      </c>
      <c r="D26023" s="14" t="s">
        <v>169</v>
      </c>
      <c r="E26023" s="15">
        <v>45484</v>
      </c>
      <c r="F26023" s="14" t="s">
        <v>25</v>
      </c>
      <c r="G26023" s="16">
        <v>0.6003887134010869</v>
      </c>
    </row>
    <row r="26024" spans="1:7" x14ac:dyDescent="0.3">
      <c r="A26024" s="13" t="s">
        <v>168</v>
      </c>
      <c r="B26024" s="14" t="s">
        <v>1</v>
      </c>
      <c r="C26024" s="14" t="s">
        <v>106</v>
      </c>
      <c r="D26024" s="14" t="s">
        <v>169</v>
      </c>
      <c r="E26024" s="15">
        <v>45485</v>
      </c>
      <c r="F26024" s="14" t="s">
        <v>25</v>
      </c>
      <c r="G26024" s="16">
        <v>0.60473957252696209</v>
      </c>
    </row>
    <row r="26025" spans="1:7" x14ac:dyDescent="0.3">
      <c r="A26025" s="13" t="s">
        <v>168</v>
      </c>
      <c r="B26025" s="14" t="s">
        <v>1</v>
      </c>
      <c r="C26025" s="14" t="s">
        <v>106</v>
      </c>
      <c r="D26025" s="14" t="s">
        <v>169</v>
      </c>
      <c r="E26025" s="15">
        <v>45486</v>
      </c>
      <c r="F26025" s="14" t="s">
        <v>25</v>
      </c>
      <c r="G26025" s="16">
        <v>0.60473957252696209</v>
      </c>
    </row>
    <row r="26026" spans="1:7" x14ac:dyDescent="0.3">
      <c r="A26026" s="13" t="s">
        <v>168</v>
      </c>
      <c r="B26026" s="14" t="s">
        <v>1</v>
      </c>
      <c r="C26026" s="14" t="s">
        <v>106</v>
      </c>
      <c r="D26026" s="14" t="s">
        <v>169</v>
      </c>
      <c r="E26026" s="15">
        <v>45487</v>
      </c>
      <c r="F26026" s="14" t="s">
        <v>25</v>
      </c>
      <c r="G26026" s="16">
        <v>0.60473957252696209</v>
      </c>
    </row>
    <row r="26027" spans="1:7" x14ac:dyDescent="0.3">
      <c r="A26027" s="13" t="s">
        <v>168</v>
      </c>
      <c r="B26027" s="14" t="s">
        <v>1</v>
      </c>
      <c r="C26027" s="14" t="s">
        <v>106</v>
      </c>
      <c r="D26027" s="14" t="s">
        <v>169</v>
      </c>
      <c r="E26027" s="15">
        <v>45488</v>
      </c>
      <c r="F26027" s="14" t="s">
        <v>25</v>
      </c>
      <c r="G26027" s="16">
        <v>0.60909608331765552</v>
      </c>
    </row>
    <row r="26028" spans="1:7" x14ac:dyDescent="0.3">
      <c r="A26028" s="13" t="s">
        <v>168</v>
      </c>
      <c r="B26028" s="14" t="s">
        <v>1</v>
      </c>
      <c r="C26028" s="14" t="s">
        <v>106</v>
      </c>
      <c r="D26028" s="14" t="s">
        <v>169</v>
      </c>
      <c r="E26028" s="15">
        <v>45489</v>
      </c>
      <c r="F26028" s="14" t="s">
        <v>25</v>
      </c>
      <c r="G26028" s="16">
        <v>0.62214848781195009</v>
      </c>
    </row>
    <row r="26029" spans="1:7" x14ac:dyDescent="0.3">
      <c r="A26029" s="13" t="s">
        <v>168</v>
      </c>
      <c r="B26029" s="14" t="s">
        <v>1</v>
      </c>
      <c r="C26029" s="14" t="s">
        <v>106</v>
      </c>
      <c r="D26029" s="14" t="s">
        <v>169</v>
      </c>
      <c r="E26029" s="15">
        <v>45490</v>
      </c>
      <c r="F26029" s="14" t="s">
        <v>25</v>
      </c>
      <c r="G26029" s="16">
        <v>0.62652554671491678</v>
      </c>
    </row>
    <row r="26030" spans="1:7" x14ac:dyDescent="0.3">
      <c r="A26030" s="13" t="s">
        <v>168</v>
      </c>
      <c r="B26030" s="14" t="s">
        <v>1</v>
      </c>
      <c r="C26030" s="14" t="s">
        <v>106</v>
      </c>
      <c r="D26030" s="14" t="s">
        <v>169</v>
      </c>
      <c r="E26030" s="15">
        <v>45491</v>
      </c>
      <c r="F26030" s="14" t="s">
        <v>25</v>
      </c>
      <c r="G26030" s="16">
        <v>0.63081513813939871</v>
      </c>
    </row>
    <row r="26031" spans="1:7" x14ac:dyDescent="0.3">
      <c r="A26031" s="13" t="s">
        <v>168</v>
      </c>
      <c r="B26031" s="14" t="s">
        <v>1</v>
      </c>
      <c r="C26031" s="14" t="s">
        <v>106</v>
      </c>
      <c r="D26031" s="14" t="s">
        <v>169</v>
      </c>
      <c r="E26031" s="15">
        <v>45492</v>
      </c>
      <c r="F26031" s="14" t="s">
        <v>25</v>
      </c>
      <c r="G26031" s="16">
        <v>0.66856287582146501</v>
      </c>
    </row>
    <row r="26032" spans="1:7" x14ac:dyDescent="0.3">
      <c r="A26032" s="13" t="s">
        <v>168</v>
      </c>
      <c r="B26032" s="14" t="s">
        <v>1</v>
      </c>
      <c r="C26032" s="14" t="s">
        <v>106</v>
      </c>
      <c r="D26032" s="14" t="s">
        <v>169</v>
      </c>
      <c r="E26032" s="15">
        <v>45493</v>
      </c>
      <c r="F26032" s="14" t="s">
        <v>25</v>
      </c>
      <c r="G26032" s="16">
        <v>0.66856287582146501</v>
      </c>
    </row>
    <row r="26033" spans="1:7" x14ac:dyDescent="0.3">
      <c r="A26033" s="13" t="s">
        <v>168</v>
      </c>
      <c r="B26033" s="14" t="s">
        <v>1</v>
      </c>
      <c r="C26033" s="14" t="s">
        <v>106</v>
      </c>
      <c r="D26033" s="14" t="s">
        <v>169</v>
      </c>
      <c r="E26033" s="15">
        <v>45494</v>
      </c>
      <c r="F26033" s="14" t="s">
        <v>25</v>
      </c>
      <c r="G26033" s="16">
        <v>0.66856287582146501</v>
      </c>
    </row>
    <row r="26034" spans="1:7" x14ac:dyDescent="0.3">
      <c r="A26034" s="13" t="s">
        <v>168</v>
      </c>
      <c r="B26034" s="14" t="s">
        <v>1</v>
      </c>
      <c r="C26034" s="14" t="s">
        <v>106</v>
      </c>
      <c r="D26034" s="14" t="s">
        <v>169</v>
      </c>
      <c r="E26034" s="15">
        <v>45495</v>
      </c>
      <c r="F26034" s="14" t="s">
        <v>25</v>
      </c>
      <c r="G26034" s="16">
        <v>0.67190177134399764</v>
      </c>
    </row>
    <row r="26035" spans="1:7" x14ac:dyDescent="0.3">
      <c r="A26035" s="13" t="s">
        <v>168</v>
      </c>
      <c r="B26035" s="14" t="s">
        <v>1</v>
      </c>
      <c r="C26035" s="14" t="s">
        <v>106</v>
      </c>
      <c r="D26035" s="14" t="s">
        <v>169</v>
      </c>
      <c r="E26035" s="15">
        <v>45496</v>
      </c>
      <c r="F26035" s="14" t="s">
        <v>25</v>
      </c>
      <c r="G26035" s="16">
        <v>0.68502385034276858</v>
      </c>
    </row>
    <row r="26036" spans="1:7" x14ac:dyDescent="0.3">
      <c r="A26036" s="13" t="s">
        <v>168</v>
      </c>
      <c r="B26036" s="14" t="s">
        <v>1</v>
      </c>
      <c r="C26036" s="14" t="s">
        <v>106</v>
      </c>
      <c r="D26036" s="14" t="s">
        <v>169</v>
      </c>
      <c r="E26036" s="15">
        <v>45497</v>
      </c>
      <c r="F26036" s="14" t="s">
        <v>25</v>
      </c>
      <c r="G26036" s="16">
        <v>0.68939507808050293</v>
      </c>
    </row>
    <row r="26037" spans="1:7" x14ac:dyDescent="0.3">
      <c r="A26037" s="13" t="s">
        <v>168</v>
      </c>
      <c r="B26037" s="14" t="s">
        <v>1</v>
      </c>
      <c r="C26037" s="14" t="s">
        <v>106</v>
      </c>
      <c r="D26037" s="14" t="s">
        <v>169</v>
      </c>
      <c r="E26037" s="15">
        <v>45498</v>
      </c>
      <c r="F26037" s="14" t="s">
        <v>25</v>
      </c>
      <c r="G26037" s="16">
        <v>0.69369482005187066</v>
      </c>
    </row>
    <row r="26038" spans="1:7" x14ac:dyDescent="0.3">
      <c r="A26038" s="13" t="s">
        <v>168</v>
      </c>
      <c r="B26038" s="14" t="s">
        <v>1</v>
      </c>
      <c r="C26038" s="14" t="s">
        <v>106</v>
      </c>
      <c r="D26038" s="14" t="s">
        <v>169</v>
      </c>
      <c r="E26038" s="15">
        <v>45499</v>
      </c>
      <c r="F26038" s="14" t="s">
        <v>25</v>
      </c>
      <c r="G26038" s="16">
        <v>0.69799823349764401</v>
      </c>
    </row>
    <row r="26039" spans="1:7" x14ac:dyDescent="0.3">
      <c r="A26039" s="13" t="s">
        <v>168</v>
      </c>
      <c r="B26039" s="14" t="s">
        <v>1</v>
      </c>
      <c r="C26039" s="14" t="s">
        <v>106</v>
      </c>
      <c r="D26039" s="14" t="s">
        <v>169</v>
      </c>
      <c r="E26039" s="15">
        <v>45500</v>
      </c>
      <c r="F26039" s="14" t="s">
        <v>25</v>
      </c>
      <c r="G26039" s="16">
        <v>0.69799823349764401</v>
      </c>
    </row>
    <row r="26040" spans="1:7" x14ac:dyDescent="0.3">
      <c r="A26040" s="13" t="s">
        <v>168</v>
      </c>
      <c r="B26040" s="14" t="s">
        <v>1</v>
      </c>
      <c r="C26040" s="14" t="s">
        <v>106</v>
      </c>
      <c r="D26040" s="14" t="s">
        <v>169</v>
      </c>
      <c r="E26040" s="15">
        <v>45501</v>
      </c>
      <c r="F26040" s="14" t="s">
        <v>25</v>
      </c>
      <c r="G26040" s="16">
        <v>0.69799823349764401</v>
      </c>
    </row>
    <row r="26041" spans="1:7" x14ac:dyDescent="0.3">
      <c r="A26041" s="13" t="s">
        <v>168</v>
      </c>
      <c r="B26041" s="14" t="s">
        <v>1</v>
      </c>
      <c r="C26041" s="14" t="s">
        <v>106</v>
      </c>
      <c r="D26041" s="14" t="s">
        <v>169</v>
      </c>
      <c r="E26041" s="15">
        <v>45502</v>
      </c>
      <c r="F26041" s="14" t="s">
        <v>25</v>
      </c>
      <c r="G26041" s="16">
        <v>0.70235736696674822</v>
      </c>
    </row>
    <row r="26042" spans="1:7" x14ac:dyDescent="0.3">
      <c r="A26042" s="13" t="s">
        <v>168</v>
      </c>
      <c r="B26042" s="14" t="s">
        <v>1</v>
      </c>
      <c r="C26042" s="14" t="s">
        <v>106</v>
      </c>
      <c r="D26042" s="14" t="s">
        <v>169</v>
      </c>
      <c r="E26042" s="15">
        <v>45503</v>
      </c>
      <c r="F26042" s="14" t="s">
        <v>25</v>
      </c>
      <c r="G26042" s="16">
        <v>0.71544165137605054</v>
      </c>
    </row>
    <row r="26043" spans="1:7" x14ac:dyDescent="0.3">
      <c r="A26043" s="13" t="s">
        <v>168</v>
      </c>
      <c r="B26043" s="14" t="s">
        <v>1</v>
      </c>
      <c r="C26043" s="14" t="s">
        <v>106</v>
      </c>
      <c r="D26043" s="14" t="s">
        <v>169</v>
      </c>
      <c r="E26043" s="15">
        <v>45504</v>
      </c>
      <c r="F26043" s="14" t="s">
        <v>25</v>
      </c>
      <c r="G26043" s="16">
        <v>0.72336211501851777</v>
      </c>
    </row>
    <row r="26044" spans="1:7" x14ac:dyDescent="0.3">
      <c r="A26044" s="13" t="s">
        <v>168</v>
      </c>
      <c r="B26044" s="14" t="s">
        <v>1</v>
      </c>
      <c r="C26044" s="14" t="s">
        <v>106</v>
      </c>
      <c r="D26044" s="14" t="s">
        <v>169</v>
      </c>
      <c r="E26044" s="15">
        <v>45505</v>
      </c>
      <c r="F26044" s="14" t="s">
        <v>25</v>
      </c>
      <c r="G26044" s="16">
        <v>0.72336211501851777</v>
      </c>
    </row>
    <row r="26045" spans="1:7" x14ac:dyDescent="0.3">
      <c r="A26045" s="13" t="s">
        <v>168</v>
      </c>
      <c r="B26045" s="14" t="s">
        <v>1</v>
      </c>
      <c r="C26045" s="14" t="s">
        <v>106</v>
      </c>
      <c r="D26045" s="14" t="s">
        <v>169</v>
      </c>
      <c r="E26045" s="15">
        <v>45506</v>
      </c>
      <c r="F26045" s="14" t="s">
        <v>25</v>
      </c>
      <c r="G26045" s="16">
        <v>0.72765602582465339</v>
      </c>
    </row>
    <row r="26046" spans="1:7" x14ac:dyDescent="0.3">
      <c r="A26046" s="13" t="s">
        <v>168</v>
      </c>
      <c r="B26046" s="14" t="s">
        <v>1</v>
      </c>
      <c r="C26046" s="14" t="s">
        <v>106</v>
      </c>
      <c r="D26046" s="14" t="s">
        <v>169</v>
      </c>
      <c r="E26046" s="15">
        <v>45507</v>
      </c>
      <c r="F26046" s="14" t="s">
        <v>25</v>
      </c>
      <c r="G26046" s="16">
        <v>0.72765602582465339</v>
      </c>
    </row>
    <row r="26047" spans="1:7" x14ac:dyDescent="0.3">
      <c r="A26047" s="13" t="s">
        <v>168</v>
      </c>
      <c r="B26047" s="14" t="s">
        <v>1</v>
      </c>
      <c r="C26047" s="14" t="s">
        <v>106</v>
      </c>
      <c r="D26047" s="14" t="s">
        <v>169</v>
      </c>
      <c r="E26047" s="15">
        <v>45508</v>
      </c>
      <c r="F26047" s="14" t="s">
        <v>25</v>
      </c>
      <c r="G26047" s="16">
        <v>0.72765602582465339</v>
      </c>
    </row>
    <row r="26048" spans="1:7" x14ac:dyDescent="0.3">
      <c r="A26048" s="13" t="s">
        <v>168</v>
      </c>
      <c r="B26048" s="14" t="s">
        <v>1</v>
      </c>
      <c r="C26048" s="14" t="s">
        <v>106</v>
      </c>
      <c r="D26048" s="14" t="s">
        <v>169</v>
      </c>
      <c r="E26048" s="15">
        <v>45509</v>
      </c>
      <c r="F26048" s="14" t="s">
        <v>25</v>
      </c>
      <c r="G26048" s="16">
        <v>0.72765602582465339</v>
      </c>
    </row>
    <row r="26049" spans="1:7" x14ac:dyDescent="0.3">
      <c r="A26049" s="13" t="s">
        <v>168</v>
      </c>
      <c r="B26049" s="14" t="s">
        <v>1</v>
      </c>
      <c r="C26049" s="14" t="s">
        <v>106</v>
      </c>
      <c r="D26049" s="14" t="s">
        <v>169</v>
      </c>
      <c r="E26049" s="15">
        <v>45510</v>
      </c>
      <c r="F26049" s="14" t="s">
        <v>25</v>
      </c>
      <c r="G26049" s="16">
        <v>0.7381482493036523</v>
      </c>
    </row>
    <row r="26050" spans="1:7" x14ac:dyDescent="0.3">
      <c r="A26050" s="13" t="s">
        <v>168</v>
      </c>
      <c r="B26050" s="14" t="s">
        <v>1</v>
      </c>
      <c r="C26050" s="14" t="s">
        <v>106</v>
      </c>
      <c r="D26050" s="14" t="s">
        <v>169</v>
      </c>
      <c r="E26050" s="15">
        <v>45511</v>
      </c>
      <c r="F26050" s="14" t="s">
        <v>25</v>
      </c>
      <c r="G26050" s="16">
        <v>0.77269683696400693</v>
      </c>
    </row>
    <row r="26051" spans="1:7" x14ac:dyDescent="0.3">
      <c r="A26051" s="13" t="s">
        <v>168</v>
      </c>
      <c r="B26051" s="14" t="s">
        <v>1</v>
      </c>
      <c r="C26051" s="14" t="s">
        <v>106</v>
      </c>
      <c r="D26051" s="14" t="s">
        <v>169</v>
      </c>
      <c r="E26051" s="15">
        <v>45512</v>
      </c>
      <c r="F26051" s="14" t="s">
        <v>25</v>
      </c>
      <c r="G26051" s="16">
        <v>0.77693114030332322</v>
      </c>
    </row>
    <row r="26052" spans="1:7" x14ac:dyDescent="0.3">
      <c r="A26052" s="13" t="s">
        <v>168</v>
      </c>
      <c r="B26052" s="14" t="s">
        <v>1</v>
      </c>
      <c r="C26052" s="14" t="s">
        <v>106</v>
      </c>
      <c r="D26052" s="14" t="s">
        <v>169</v>
      </c>
      <c r="E26052" s="15">
        <v>45513</v>
      </c>
      <c r="F26052" s="14" t="s">
        <v>25</v>
      </c>
      <c r="G26052" s="16">
        <v>0.78106415414286345</v>
      </c>
    </row>
    <row r="26053" spans="1:7" x14ac:dyDescent="0.3">
      <c r="A26053" s="13" t="s">
        <v>168</v>
      </c>
      <c r="B26053" s="14" t="s">
        <v>1</v>
      </c>
      <c r="C26053" s="14" t="s">
        <v>106</v>
      </c>
      <c r="D26053" s="14" t="s">
        <v>169</v>
      </c>
      <c r="E26053" s="15">
        <v>45514</v>
      </c>
      <c r="F26053" s="14" t="s">
        <v>25</v>
      </c>
      <c r="G26053" s="16">
        <v>0.78106415414286345</v>
      </c>
    </row>
    <row r="26054" spans="1:7" x14ac:dyDescent="0.3">
      <c r="A26054" s="13" t="s">
        <v>168</v>
      </c>
      <c r="B26054" s="14" t="s">
        <v>1</v>
      </c>
      <c r="C26054" s="14" t="s">
        <v>106</v>
      </c>
      <c r="D26054" s="14" t="s">
        <v>169</v>
      </c>
      <c r="E26054" s="15">
        <v>45515</v>
      </c>
      <c r="F26054" s="14" t="s">
        <v>25</v>
      </c>
      <c r="G26054" s="16">
        <v>0.78106415414286345</v>
      </c>
    </row>
    <row r="26055" spans="1:7" x14ac:dyDescent="0.3">
      <c r="A26055" s="13" t="s">
        <v>168</v>
      </c>
      <c r="B26055" s="14" t="s">
        <v>1</v>
      </c>
      <c r="C26055" s="14" t="s">
        <v>106</v>
      </c>
      <c r="D26055" s="14" t="s">
        <v>169</v>
      </c>
      <c r="E26055" s="15">
        <v>45516</v>
      </c>
      <c r="F26055" s="14" t="s">
        <v>25</v>
      </c>
      <c r="G26055" s="16">
        <v>0.78577963659838668</v>
      </c>
    </row>
    <row r="26056" spans="1:7" x14ac:dyDescent="0.3">
      <c r="A26056" s="13" t="s">
        <v>168</v>
      </c>
      <c r="B26056" s="14" t="s">
        <v>1</v>
      </c>
      <c r="C26056" s="14" t="s">
        <v>106</v>
      </c>
      <c r="D26056" s="14" t="s">
        <v>169</v>
      </c>
      <c r="E26056" s="15">
        <v>45517</v>
      </c>
      <c r="F26056" s="14" t="s">
        <v>25</v>
      </c>
      <c r="G26056" s="16">
        <v>0.798206295150934</v>
      </c>
    </row>
    <row r="26057" spans="1:7" x14ac:dyDescent="0.3">
      <c r="A26057" s="13" t="s">
        <v>168</v>
      </c>
      <c r="B26057" s="14" t="s">
        <v>1</v>
      </c>
      <c r="C26057" s="14" t="s">
        <v>106</v>
      </c>
      <c r="D26057" s="14" t="s">
        <v>169</v>
      </c>
      <c r="E26057" s="15">
        <v>45518</v>
      </c>
      <c r="F26057" s="14" t="s">
        <v>25</v>
      </c>
      <c r="G26057" s="16">
        <v>0.80231334161809631</v>
      </c>
    </row>
    <row r="26058" spans="1:7" x14ac:dyDescent="0.3">
      <c r="A26058" s="13" t="s">
        <v>168</v>
      </c>
      <c r="B26058" s="14" t="s">
        <v>1</v>
      </c>
      <c r="C26058" s="14" t="s">
        <v>106</v>
      </c>
      <c r="D26058" s="14" t="s">
        <v>169</v>
      </c>
      <c r="E26058" s="15">
        <v>45519</v>
      </c>
      <c r="F26058" s="14" t="s">
        <v>25</v>
      </c>
      <c r="G26058" s="16">
        <v>0.80676945931476263</v>
      </c>
    </row>
    <row r="26059" spans="1:7" x14ac:dyDescent="0.3">
      <c r="A26059" s="13" t="s">
        <v>168</v>
      </c>
      <c r="B26059" s="14" t="s">
        <v>1</v>
      </c>
      <c r="C26059" s="14" t="s">
        <v>106</v>
      </c>
      <c r="D26059" s="14" t="s">
        <v>169</v>
      </c>
      <c r="E26059" s="15">
        <v>45520</v>
      </c>
      <c r="F26059" s="14" t="s">
        <v>25</v>
      </c>
      <c r="G26059" s="16">
        <v>0.81121176095781844</v>
      </c>
    </row>
    <row r="26060" spans="1:7" x14ac:dyDescent="0.3">
      <c r="A26060" s="13" t="s">
        <v>168</v>
      </c>
      <c r="B26060" s="14" t="s">
        <v>1</v>
      </c>
      <c r="C26060" s="14" t="s">
        <v>106</v>
      </c>
      <c r="D26060" s="14" t="s">
        <v>169</v>
      </c>
      <c r="E26060" s="15">
        <v>45521</v>
      </c>
      <c r="F26060" s="14" t="s">
        <v>25</v>
      </c>
      <c r="G26060" s="16">
        <v>0.81121176095781844</v>
      </c>
    </row>
    <row r="26061" spans="1:7" x14ac:dyDescent="0.3">
      <c r="A26061" s="13" t="s">
        <v>168</v>
      </c>
      <c r="B26061" s="14" t="s">
        <v>1</v>
      </c>
      <c r="C26061" s="14" t="s">
        <v>106</v>
      </c>
      <c r="D26061" s="14" t="s">
        <v>169</v>
      </c>
      <c r="E26061" s="15">
        <v>45522</v>
      </c>
      <c r="F26061" s="14" t="s">
        <v>25</v>
      </c>
      <c r="G26061" s="16">
        <v>0.81121176095781844</v>
      </c>
    </row>
    <row r="26062" spans="1:7" x14ac:dyDescent="0.3">
      <c r="A26062" s="13" t="s">
        <v>168</v>
      </c>
      <c r="B26062" s="14" t="s">
        <v>1</v>
      </c>
      <c r="C26062" s="14" t="s">
        <v>106</v>
      </c>
      <c r="D26062" s="14" t="s">
        <v>169</v>
      </c>
      <c r="E26062" s="15">
        <v>45523</v>
      </c>
      <c r="F26062" s="14" t="s">
        <v>25</v>
      </c>
      <c r="G26062" s="16">
        <v>0.82159151164000976</v>
      </c>
    </row>
    <row r="26063" spans="1:7" x14ac:dyDescent="0.3">
      <c r="A26063" s="13" t="s">
        <v>168</v>
      </c>
      <c r="B26063" s="14" t="s">
        <v>1</v>
      </c>
      <c r="C26063" s="14" t="s">
        <v>106</v>
      </c>
      <c r="D26063" s="14" t="s">
        <v>169</v>
      </c>
      <c r="E26063" s="15">
        <v>45524</v>
      </c>
      <c r="F26063" s="14" t="s">
        <v>25</v>
      </c>
      <c r="G26063" s="16">
        <v>0.83370625642951401</v>
      </c>
    </row>
    <row r="26064" spans="1:7" x14ac:dyDescent="0.3">
      <c r="A26064" s="13" t="s">
        <v>168</v>
      </c>
      <c r="B26064" s="14" t="s">
        <v>1</v>
      </c>
      <c r="C26064" s="14" t="s">
        <v>106</v>
      </c>
      <c r="D26064" s="14" t="s">
        <v>169</v>
      </c>
      <c r="E26064" s="15">
        <v>45525</v>
      </c>
      <c r="F26064" s="14" t="s">
        <v>25</v>
      </c>
      <c r="G26064" s="16">
        <v>0.83656597230664842</v>
      </c>
    </row>
    <row r="26065" spans="1:7" x14ac:dyDescent="0.3">
      <c r="A26065" s="13" t="s">
        <v>168</v>
      </c>
      <c r="B26065" s="14" t="s">
        <v>1</v>
      </c>
      <c r="C26065" s="14" t="s">
        <v>106</v>
      </c>
      <c r="D26065" s="14" t="s">
        <v>169</v>
      </c>
      <c r="E26065" s="15">
        <v>45526</v>
      </c>
      <c r="F26065" s="14" t="s">
        <v>25</v>
      </c>
      <c r="G26065" s="16">
        <v>0.84053205185181556</v>
      </c>
    </row>
    <row r="26066" spans="1:7" x14ac:dyDescent="0.3">
      <c r="A26066" s="13" t="s">
        <v>168</v>
      </c>
      <c r="B26066" s="14" t="s">
        <v>1</v>
      </c>
      <c r="C26066" s="14" t="s">
        <v>106</v>
      </c>
      <c r="D26066" s="14" t="s">
        <v>169</v>
      </c>
      <c r="E26066" s="15">
        <v>45527</v>
      </c>
      <c r="F26066" s="14" t="s">
        <v>25</v>
      </c>
      <c r="G26066" s="16">
        <v>0.84446164838041726</v>
      </c>
    </row>
    <row r="26067" spans="1:7" x14ac:dyDescent="0.3">
      <c r="A26067" s="13" t="s">
        <v>168</v>
      </c>
      <c r="B26067" s="14" t="s">
        <v>1</v>
      </c>
      <c r="C26067" s="14" t="s">
        <v>106</v>
      </c>
      <c r="D26067" s="14" t="s">
        <v>169</v>
      </c>
      <c r="E26067" s="15">
        <v>45528</v>
      </c>
      <c r="F26067" s="14" t="s">
        <v>25</v>
      </c>
      <c r="G26067" s="16">
        <v>0.84446164838041726</v>
      </c>
    </row>
    <row r="26068" spans="1:7" x14ac:dyDescent="0.3">
      <c r="A26068" s="13" t="s">
        <v>168</v>
      </c>
      <c r="B26068" s="14" t="s">
        <v>1</v>
      </c>
      <c r="C26068" s="14" t="s">
        <v>106</v>
      </c>
      <c r="D26068" s="14" t="s">
        <v>169</v>
      </c>
      <c r="E26068" s="15">
        <v>45529</v>
      </c>
      <c r="F26068" s="14" t="s">
        <v>25</v>
      </c>
      <c r="G26068" s="16">
        <v>0.84446164838041726</v>
      </c>
    </row>
    <row r="26069" spans="1:7" x14ac:dyDescent="0.3">
      <c r="A26069" s="13" t="s">
        <v>168</v>
      </c>
      <c r="B26069" s="14" t="s">
        <v>1</v>
      </c>
      <c r="C26069" s="14" t="s">
        <v>106</v>
      </c>
      <c r="D26069" s="14" t="s">
        <v>169</v>
      </c>
      <c r="E26069" s="15">
        <v>45530</v>
      </c>
      <c r="F26069" s="14" t="s">
        <v>25</v>
      </c>
      <c r="G26069" s="16">
        <v>0.84842233102964282</v>
      </c>
    </row>
    <row r="26070" spans="1:7" x14ac:dyDescent="0.3">
      <c r="A26070" s="13" t="s">
        <v>168</v>
      </c>
      <c r="B26070" s="14" t="s">
        <v>1</v>
      </c>
      <c r="C26070" s="14" t="s">
        <v>106</v>
      </c>
      <c r="D26070" s="14" t="s">
        <v>169</v>
      </c>
      <c r="E26070" s="15">
        <v>45531</v>
      </c>
      <c r="F26070" s="14" t="s">
        <v>25</v>
      </c>
      <c r="G26070" s="16">
        <v>0.86024499581078617</v>
      </c>
    </row>
    <row r="26071" spans="1:7" x14ac:dyDescent="0.3">
      <c r="A26071" s="13" t="s">
        <v>168</v>
      </c>
      <c r="B26071" s="14" t="s">
        <v>1</v>
      </c>
      <c r="C26071" s="14" t="s">
        <v>106</v>
      </c>
      <c r="D26071" s="14" t="s">
        <v>169</v>
      </c>
      <c r="E26071" s="15">
        <v>45532</v>
      </c>
      <c r="F26071" s="14" t="s">
        <v>25</v>
      </c>
      <c r="G26071" s="16">
        <v>0.8688968762883077</v>
      </c>
    </row>
    <row r="26072" spans="1:7" x14ac:dyDescent="0.3">
      <c r="A26072" s="13" t="s">
        <v>168</v>
      </c>
      <c r="B26072" s="14" t="s">
        <v>1</v>
      </c>
      <c r="C26072" s="14" t="s">
        <v>106</v>
      </c>
      <c r="D26072" s="14" t="s">
        <v>169</v>
      </c>
      <c r="E26072" s="15">
        <v>45533</v>
      </c>
      <c r="F26072" s="14" t="s">
        <v>25</v>
      </c>
      <c r="G26072" s="16">
        <v>0.87281956479010403</v>
      </c>
    </row>
    <row r="26073" spans="1:7" x14ac:dyDescent="0.3">
      <c r="A26073" s="13" t="s">
        <v>168</v>
      </c>
      <c r="B26073" s="14" t="s">
        <v>1</v>
      </c>
      <c r="C26073" s="14" t="s">
        <v>106</v>
      </c>
      <c r="D26073" s="14" t="s">
        <v>169</v>
      </c>
      <c r="E26073" s="15">
        <v>45534</v>
      </c>
      <c r="F26073" s="14" t="s">
        <v>25</v>
      </c>
      <c r="G26073" s="16">
        <v>0.87680010801639474</v>
      </c>
    </row>
    <row r="26074" spans="1:7" x14ac:dyDescent="0.3">
      <c r="A26074" s="13" t="s">
        <v>168</v>
      </c>
      <c r="B26074" s="14" t="s">
        <v>1</v>
      </c>
      <c r="C26074" s="14" t="s">
        <v>106</v>
      </c>
      <c r="D26074" s="14" t="s">
        <v>169</v>
      </c>
      <c r="E26074" s="15">
        <v>45535</v>
      </c>
      <c r="F26074" s="14" t="s">
        <v>25</v>
      </c>
      <c r="G26074" s="16">
        <v>0.87680010801639474</v>
      </c>
    </row>
    <row r="26075" spans="1:7" x14ac:dyDescent="0.3">
      <c r="A26075" s="13" t="s">
        <v>168</v>
      </c>
      <c r="B26075" s="14" t="s">
        <v>1</v>
      </c>
      <c r="C26075" s="14" t="s">
        <v>106</v>
      </c>
      <c r="D26075" s="14" t="s">
        <v>169</v>
      </c>
      <c r="E26075" s="15">
        <v>45536</v>
      </c>
      <c r="F26075" s="14" t="s">
        <v>25</v>
      </c>
      <c r="G26075" s="16">
        <v>0.87680010801639474</v>
      </c>
    </row>
    <row r="26076" spans="1:7" x14ac:dyDescent="0.3">
      <c r="A26076" s="13" t="s">
        <v>168</v>
      </c>
      <c r="B26076" s="14" t="s">
        <v>1</v>
      </c>
      <c r="C26076" s="14" t="s">
        <v>106</v>
      </c>
      <c r="D26076" s="14" t="s">
        <v>169</v>
      </c>
      <c r="E26076" s="15">
        <v>45537</v>
      </c>
      <c r="F26076" s="14" t="s">
        <v>25</v>
      </c>
      <c r="G26076" s="16">
        <v>0.88076553993404882</v>
      </c>
    </row>
    <row r="26077" spans="1:7" x14ac:dyDescent="0.3">
      <c r="A26077" s="13" t="s">
        <v>168</v>
      </c>
      <c r="B26077" s="14" t="s">
        <v>1</v>
      </c>
      <c r="C26077" s="14" t="s">
        <v>106</v>
      </c>
      <c r="D26077" s="14" t="s">
        <v>169</v>
      </c>
      <c r="E26077" s="15">
        <v>45538</v>
      </c>
      <c r="F26077" s="14" t="s">
        <v>25</v>
      </c>
      <c r="G26077" s="16">
        <v>0.89653743728943402</v>
      </c>
    </row>
    <row r="26078" spans="1:7" x14ac:dyDescent="0.3">
      <c r="A26078" s="13" t="s">
        <v>168</v>
      </c>
      <c r="B26078" s="14" t="s">
        <v>1</v>
      </c>
      <c r="C26078" s="14" t="s">
        <v>106</v>
      </c>
      <c r="D26078" s="14" t="s">
        <v>169</v>
      </c>
      <c r="E26078" s="15">
        <v>45539</v>
      </c>
      <c r="F26078" s="14" t="s">
        <v>25</v>
      </c>
      <c r="G26078" s="16">
        <v>0.90041695062369753</v>
      </c>
    </row>
    <row r="26079" spans="1:7" x14ac:dyDescent="0.3">
      <c r="A26079" s="13" t="s">
        <v>168</v>
      </c>
      <c r="B26079" s="14" t="s">
        <v>1</v>
      </c>
      <c r="C26079" s="14" t="s">
        <v>106</v>
      </c>
      <c r="D26079" s="14" t="s">
        <v>169</v>
      </c>
      <c r="E26079" s="15">
        <v>45540</v>
      </c>
      <c r="F26079" s="14" t="s">
        <v>25</v>
      </c>
      <c r="G26079" s="16">
        <v>0.91183268945084262</v>
      </c>
    </row>
    <row r="26080" spans="1:7" x14ac:dyDescent="0.3">
      <c r="A26080" s="13" t="s">
        <v>168</v>
      </c>
      <c r="B26080" s="14" t="s">
        <v>1</v>
      </c>
      <c r="C26080" s="14" t="s">
        <v>106</v>
      </c>
      <c r="D26080" s="14" t="s">
        <v>169</v>
      </c>
      <c r="E26080" s="15">
        <v>45541</v>
      </c>
      <c r="F26080" s="14" t="s">
        <v>25</v>
      </c>
      <c r="G26080" s="16">
        <v>0.91593307229732546</v>
      </c>
    </row>
    <row r="26081" spans="1:7" x14ac:dyDescent="0.3">
      <c r="A26081" s="13" t="s">
        <v>168</v>
      </c>
      <c r="B26081" s="14" t="s">
        <v>1</v>
      </c>
      <c r="C26081" s="14" t="s">
        <v>106</v>
      </c>
      <c r="D26081" s="14" t="s">
        <v>169</v>
      </c>
      <c r="E26081" s="15">
        <v>45542</v>
      </c>
      <c r="F26081" s="14" t="s">
        <v>25</v>
      </c>
      <c r="G26081" s="16">
        <v>0.91593307229732546</v>
      </c>
    </row>
    <row r="26082" spans="1:7" x14ac:dyDescent="0.3">
      <c r="A26082" s="13" t="s">
        <v>168</v>
      </c>
      <c r="B26082" s="14" t="s">
        <v>1</v>
      </c>
      <c r="C26082" s="14" t="s">
        <v>106</v>
      </c>
      <c r="D26082" s="14" t="s">
        <v>169</v>
      </c>
      <c r="E26082" s="15">
        <v>45543</v>
      </c>
      <c r="F26082" s="14" t="s">
        <v>25</v>
      </c>
      <c r="G26082" s="16">
        <v>0.91593307229732546</v>
      </c>
    </row>
    <row r="26083" spans="1:7" x14ac:dyDescent="0.3">
      <c r="A26083" s="13" t="s">
        <v>168</v>
      </c>
      <c r="B26083" s="14" t="s">
        <v>1</v>
      </c>
      <c r="C26083" s="14" t="s">
        <v>106</v>
      </c>
      <c r="D26083" s="14" t="s">
        <v>169</v>
      </c>
      <c r="E26083" s="15">
        <v>45544</v>
      </c>
      <c r="F26083" s="14" t="s">
        <v>25</v>
      </c>
      <c r="G26083" s="16">
        <v>0.92007686697042212</v>
      </c>
    </row>
    <row r="26084" spans="1:7" x14ac:dyDescent="0.3">
      <c r="A26084" s="13" t="s">
        <v>168</v>
      </c>
      <c r="B26084" s="14" t="s">
        <v>1</v>
      </c>
      <c r="C26084" s="14" t="s">
        <v>106</v>
      </c>
      <c r="D26084" s="14" t="s">
        <v>169</v>
      </c>
      <c r="E26084" s="15">
        <v>45545</v>
      </c>
      <c r="F26084" s="14" t="s">
        <v>25</v>
      </c>
      <c r="G26084" s="16">
        <v>0.9325644193417354</v>
      </c>
    </row>
    <row r="26085" spans="1:7" x14ac:dyDescent="0.3">
      <c r="A26085" s="13" t="s">
        <v>168</v>
      </c>
      <c r="B26085" s="14" t="s">
        <v>1</v>
      </c>
      <c r="C26085" s="14" t="s">
        <v>106</v>
      </c>
      <c r="D26085" s="14" t="s">
        <v>169</v>
      </c>
      <c r="E26085" s="15">
        <v>45546</v>
      </c>
      <c r="F26085" s="14" t="s">
        <v>25</v>
      </c>
      <c r="G26085" s="16">
        <v>0.93668166163881972</v>
      </c>
    </row>
    <row r="26086" spans="1:7" x14ac:dyDescent="0.3">
      <c r="A26086" s="13" t="s">
        <v>168</v>
      </c>
      <c r="B26086" s="14" t="s">
        <v>1</v>
      </c>
      <c r="C26086" s="14" t="s">
        <v>106</v>
      </c>
      <c r="D26086" s="14" t="s">
        <v>169</v>
      </c>
      <c r="E26086" s="15">
        <v>45547</v>
      </c>
      <c r="F26086" s="14" t="s">
        <v>25</v>
      </c>
      <c r="G26086" s="16">
        <v>0.94093493045236032</v>
      </c>
    </row>
    <row r="26087" spans="1:7" x14ac:dyDescent="0.3">
      <c r="A26087" s="13" t="s">
        <v>168</v>
      </c>
      <c r="B26087" s="14" t="s">
        <v>1</v>
      </c>
      <c r="C26087" s="14" t="s">
        <v>106</v>
      </c>
      <c r="D26087" s="14" t="s">
        <v>169</v>
      </c>
      <c r="E26087" s="15">
        <v>45548</v>
      </c>
      <c r="F26087" s="14" t="s">
        <v>25</v>
      </c>
      <c r="G26087" s="16">
        <v>0.94604026936498331</v>
      </c>
    </row>
    <row r="26088" spans="1:7" x14ac:dyDescent="0.3">
      <c r="A26088" s="13" t="s">
        <v>168</v>
      </c>
      <c r="B26088" s="14" t="s">
        <v>1</v>
      </c>
      <c r="C26088" s="14" t="s">
        <v>106</v>
      </c>
      <c r="D26088" s="14" t="s">
        <v>169</v>
      </c>
      <c r="E26088" s="15">
        <v>45549</v>
      </c>
      <c r="F26088" s="14" t="s">
        <v>25</v>
      </c>
      <c r="G26088" s="16">
        <v>0.94604026936498331</v>
      </c>
    </row>
    <row r="26089" spans="1:7" x14ac:dyDescent="0.3">
      <c r="A26089" s="13" t="s">
        <v>168</v>
      </c>
      <c r="B26089" s="14" t="s">
        <v>1</v>
      </c>
      <c r="C26089" s="14" t="s">
        <v>106</v>
      </c>
      <c r="D26089" s="14" t="s">
        <v>169</v>
      </c>
      <c r="E26089" s="15">
        <v>45550</v>
      </c>
      <c r="F26089" s="14" t="s">
        <v>25</v>
      </c>
      <c r="G26089" s="16">
        <v>0.94604026936498331</v>
      </c>
    </row>
    <row r="26090" spans="1:7" x14ac:dyDescent="0.3">
      <c r="A26090" s="13" t="s">
        <v>168</v>
      </c>
      <c r="B26090" s="14" t="s">
        <v>1</v>
      </c>
      <c r="C26090" s="14" t="s">
        <v>106</v>
      </c>
      <c r="D26090" s="14" t="s">
        <v>169</v>
      </c>
      <c r="E26090" s="15">
        <v>45551</v>
      </c>
      <c r="F26090" s="14" t="s">
        <v>25</v>
      </c>
      <c r="G26090" s="16">
        <v>0.95012486529811813</v>
      </c>
    </row>
    <row r="26091" spans="1:7" x14ac:dyDescent="0.3">
      <c r="A26091" s="13" t="s">
        <v>168</v>
      </c>
      <c r="B26091" s="14" t="s">
        <v>1</v>
      </c>
      <c r="C26091" s="14" t="s">
        <v>106</v>
      </c>
      <c r="D26091" s="14" t="s">
        <v>169</v>
      </c>
      <c r="E26091" s="15">
        <v>45552</v>
      </c>
      <c r="F26091" s="14" t="s">
        <v>25</v>
      </c>
      <c r="G26091" s="16">
        <v>0.96314324754725056</v>
      </c>
    </row>
    <row r="26092" spans="1:7" x14ac:dyDescent="0.3">
      <c r="A26092" s="13" t="s">
        <v>168</v>
      </c>
      <c r="B26092" s="14" t="s">
        <v>1</v>
      </c>
      <c r="C26092" s="14" t="s">
        <v>106</v>
      </c>
      <c r="D26092" s="14" t="s">
        <v>169</v>
      </c>
      <c r="E26092" s="15">
        <v>45553</v>
      </c>
      <c r="F26092" s="14" t="s">
        <v>25</v>
      </c>
      <c r="G26092" s="16">
        <v>0.96722936697736972</v>
      </c>
    </row>
    <row r="26093" spans="1:7" x14ac:dyDescent="0.3">
      <c r="A26093" s="13" t="s">
        <v>168</v>
      </c>
      <c r="B26093" s="14" t="s">
        <v>1</v>
      </c>
      <c r="C26093" s="14" t="s">
        <v>106</v>
      </c>
      <c r="D26093" s="14" t="s">
        <v>169</v>
      </c>
      <c r="E26093" s="15">
        <v>45554</v>
      </c>
      <c r="F26093" s="14" t="s">
        <v>25</v>
      </c>
      <c r="G26093" s="16">
        <v>0.96825303982659816</v>
      </c>
    </row>
    <row r="26094" spans="1:7" x14ac:dyDescent="0.3">
      <c r="A26094" s="13" t="s">
        <v>168</v>
      </c>
      <c r="B26094" s="14" t="s">
        <v>1</v>
      </c>
      <c r="C26094" s="14" t="s">
        <v>106</v>
      </c>
      <c r="D26094" s="14" t="s">
        <v>169</v>
      </c>
      <c r="E26094" s="15">
        <v>45555</v>
      </c>
      <c r="F26094" s="14" t="s">
        <v>25</v>
      </c>
      <c r="G26094" s="16">
        <v>0.97369637742731163</v>
      </c>
    </row>
    <row r="26095" spans="1:7" x14ac:dyDescent="0.3">
      <c r="A26095" s="13" t="s">
        <v>168</v>
      </c>
      <c r="B26095" s="14" t="s">
        <v>1</v>
      </c>
      <c r="C26095" s="14" t="s">
        <v>106</v>
      </c>
      <c r="D26095" s="14" t="s">
        <v>169</v>
      </c>
      <c r="E26095" s="15">
        <v>45556</v>
      </c>
      <c r="F26095" s="14" t="s">
        <v>25</v>
      </c>
      <c r="G26095" s="16">
        <v>0.97369637742731163</v>
      </c>
    </row>
    <row r="26096" spans="1:7" x14ac:dyDescent="0.3">
      <c r="A26096" s="13" t="s">
        <v>168</v>
      </c>
      <c r="B26096" s="14" t="s">
        <v>1</v>
      </c>
      <c r="C26096" s="14" t="s">
        <v>106</v>
      </c>
      <c r="D26096" s="14" t="s">
        <v>169</v>
      </c>
      <c r="E26096" s="15">
        <v>45557</v>
      </c>
      <c r="F26096" s="14" t="s">
        <v>25</v>
      </c>
      <c r="G26096" s="16">
        <v>0.97369637742731163</v>
      </c>
    </row>
    <row r="26097" spans="1:7" x14ac:dyDescent="0.3">
      <c r="A26097" s="13" t="s">
        <v>168</v>
      </c>
      <c r="B26097" s="14" t="s">
        <v>1</v>
      </c>
      <c r="C26097" s="14" t="s">
        <v>106</v>
      </c>
      <c r="D26097" s="14" t="s">
        <v>169</v>
      </c>
      <c r="E26097" s="15">
        <v>45558</v>
      </c>
      <c r="F26097" s="14" t="s">
        <v>25</v>
      </c>
      <c r="G26097" s="16">
        <v>0.97616040785399294</v>
      </c>
    </row>
    <row r="26098" spans="1:7" x14ac:dyDescent="0.3">
      <c r="A26098" s="13" t="s">
        <v>168</v>
      </c>
      <c r="B26098" s="14" t="s">
        <v>1</v>
      </c>
      <c r="C26098" s="14" t="s">
        <v>106</v>
      </c>
      <c r="D26098" s="14" t="s">
        <v>169</v>
      </c>
      <c r="E26098" s="15">
        <v>45559</v>
      </c>
      <c r="F26098" s="14" t="s">
        <v>25</v>
      </c>
      <c r="G26098" s="16">
        <v>0.98823465725770554</v>
      </c>
    </row>
    <row r="26099" spans="1:7" x14ac:dyDescent="0.3">
      <c r="A26099" s="13" t="s">
        <v>168</v>
      </c>
      <c r="B26099" s="14" t="s">
        <v>1</v>
      </c>
      <c r="C26099" s="14" t="s">
        <v>106</v>
      </c>
      <c r="D26099" s="14" t="s">
        <v>169</v>
      </c>
      <c r="E26099" s="15">
        <v>45560</v>
      </c>
      <c r="F26099" s="14" t="s">
        <v>25</v>
      </c>
      <c r="G26099" s="16">
        <v>0.99223001979604508</v>
      </c>
    </row>
    <row r="26100" spans="1:7" x14ac:dyDescent="0.3">
      <c r="A26100" s="13" t="s">
        <v>168</v>
      </c>
      <c r="B26100" s="14" t="s">
        <v>1</v>
      </c>
      <c r="C26100" s="14" t="s">
        <v>106</v>
      </c>
      <c r="D26100" s="14" t="s">
        <v>169</v>
      </c>
      <c r="E26100" s="15">
        <v>45561</v>
      </c>
      <c r="F26100" s="14" t="s">
        <v>25</v>
      </c>
      <c r="G26100" s="16">
        <v>0.9962393114496696</v>
      </c>
    </row>
    <row r="26101" spans="1:7" x14ac:dyDescent="0.3">
      <c r="A26101" s="13" t="s">
        <v>168</v>
      </c>
      <c r="B26101" s="14" t="s">
        <v>1</v>
      </c>
      <c r="C26101" s="14" t="s">
        <v>106</v>
      </c>
      <c r="D26101" s="14" t="s">
        <v>169</v>
      </c>
      <c r="E26101" s="15">
        <v>45562</v>
      </c>
      <c r="F26101" s="14" t="s">
        <v>25</v>
      </c>
      <c r="G26101" s="16">
        <v>1.0102429609627983</v>
      </c>
    </row>
    <row r="26102" spans="1:7" x14ac:dyDescent="0.3">
      <c r="A26102" s="13" t="s">
        <v>168</v>
      </c>
      <c r="B26102" s="14" t="s">
        <v>1</v>
      </c>
      <c r="C26102" s="14" t="s">
        <v>106</v>
      </c>
      <c r="D26102" s="14" t="s">
        <v>169</v>
      </c>
      <c r="E26102" s="15">
        <v>45563</v>
      </c>
      <c r="F26102" s="14" t="s">
        <v>25</v>
      </c>
      <c r="G26102" s="16">
        <v>1.0102429609627983</v>
      </c>
    </row>
    <row r="26103" spans="1:7" x14ac:dyDescent="0.3">
      <c r="A26103" s="13" t="s">
        <v>168</v>
      </c>
      <c r="B26103" s="14" t="s">
        <v>1</v>
      </c>
      <c r="C26103" s="14" t="s">
        <v>106</v>
      </c>
      <c r="D26103" s="14" t="s">
        <v>169</v>
      </c>
      <c r="E26103" s="15">
        <v>45564</v>
      </c>
      <c r="F26103" s="14" t="s">
        <v>25</v>
      </c>
      <c r="G26103" s="16">
        <v>1.0102429609627983</v>
      </c>
    </row>
    <row r="26104" spans="1:7" x14ac:dyDescent="0.3">
      <c r="A26104" s="13" t="s">
        <v>168</v>
      </c>
      <c r="B26104" s="14" t="s">
        <v>1</v>
      </c>
      <c r="C26104" s="14" t="s">
        <v>106</v>
      </c>
      <c r="D26104" s="14" t="s">
        <v>169</v>
      </c>
      <c r="E26104" s="15">
        <v>45565</v>
      </c>
      <c r="F26104" s="14" t="s">
        <v>25</v>
      </c>
      <c r="G26104" s="16">
        <v>1.0149972426417508</v>
      </c>
    </row>
    <row r="26105" spans="1:7" x14ac:dyDescent="0.3">
      <c r="A26105" s="13" t="s">
        <v>168</v>
      </c>
      <c r="B26105" s="14" t="s">
        <v>1</v>
      </c>
      <c r="C26105" s="14" t="s">
        <v>106</v>
      </c>
      <c r="D26105" s="14" t="s">
        <v>169</v>
      </c>
      <c r="E26105" s="15">
        <v>45566</v>
      </c>
      <c r="F26105" s="14" t="s">
        <v>25</v>
      </c>
      <c r="G26105" s="16">
        <v>1.0269746411657465</v>
      </c>
    </row>
    <row r="26106" spans="1:7" x14ac:dyDescent="0.3">
      <c r="A26106" s="13" t="s">
        <v>168</v>
      </c>
      <c r="B26106" s="14" t="s">
        <v>1</v>
      </c>
      <c r="C26106" s="14" t="s">
        <v>106</v>
      </c>
      <c r="D26106" s="14" t="s">
        <v>169</v>
      </c>
      <c r="E26106" s="15">
        <v>45567</v>
      </c>
      <c r="F26106" s="14" t="s">
        <v>25</v>
      </c>
      <c r="G26106" s="16">
        <v>1.0340835962551644</v>
      </c>
    </row>
    <row r="26107" spans="1:7" x14ac:dyDescent="0.3">
      <c r="A26107" s="13" t="s">
        <v>168</v>
      </c>
      <c r="B26107" s="14" t="s">
        <v>1</v>
      </c>
      <c r="C26107" s="14" t="s">
        <v>106</v>
      </c>
      <c r="D26107" s="14" t="s">
        <v>169</v>
      </c>
      <c r="E26107" s="15">
        <v>45568</v>
      </c>
      <c r="F26107" s="14" t="s">
        <v>25</v>
      </c>
      <c r="G26107" s="16">
        <v>1.0380791764359303</v>
      </c>
    </row>
    <row r="26108" spans="1:7" x14ac:dyDescent="0.3">
      <c r="A26108" s="13" t="s">
        <v>168</v>
      </c>
      <c r="B26108" s="14" t="s">
        <v>1</v>
      </c>
      <c r="C26108" s="14" t="s">
        <v>106</v>
      </c>
      <c r="D26108" s="14" t="s">
        <v>169</v>
      </c>
      <c r="E26108" s="15">
        <v>45569</v>
      </c>
      <c r="F26108" s="14" t="s">
        <v>25</v>
      </c>
      <c r="G26108" s="16">
        <v>1.0491997167274643</v>
      </c>
    </row>
    <row r="26109" spans="1:7" x14ac:dyDescent="0.3">
      <c r="A26109" s="13" t="s">
        <v>168</v>
      </c>
      <c r="B26109" s="14" t="s">
        <v>1</v>
      </c>
      <c r="C26109" s="14" t="s">
        <v>106</v>
      </c>
      <c r="D26109" s="14" t="s">
        <v>169</v>
      </c>
      <c r="E26109" s="15">
        <v>45570</v>
      </c>
      <c r="F26109" s="14" t="s">
        <v>25</v>
      </c>
      <c r="G26109" s="16">
        <v>1.0491997167274643</v>
      </c>
    </row>
    <row r="26110" spans="1:7" x14ac:dyDescent="0.3">
      <c r="A26110" s="13" t="s">
        <v>168</v>
      </c>
      <c r="B26110" s="14" t="s">
        <v>1</v>
      </c>
      <c r="C26110" s="14" t="s">
        <v>106</v>
      </c>
      <c r="D26110" s="14" t="s">
        <v>169</v>
      </c>
      <c r="E26110" s="15">
        <v>45571</v>
      </c>
      <c r="F26110" s="14" t="s">
        <v>25</v>
      </c>
      <c r="G26110" s="16">
        <v>1.0491997167274643</v>
      </c>
    </row>
    <row r="26111" spans="1:7" x14ac:dyDescent="0.3">
      <c r="A26111" s="13" t="s">
        <v>168</v>
      </c>
      <c r="B26111" s="14" t="s">
        <v>1</v>
      </c>
      <c r="C26111" s="14" t="s">
        <v>106</v>
      </c>
      <c r="D26111" s="14" t="s">
        <v>169</v>
      </c>
      <c r="E26111" s="15">
        <v>45572</v>
      </c>
      <c r="F26111" s="14" t="s">
        <v>25</v>
      </c>
      <c r="G26111" s="16">
        <v>1.0532734305392826</v>
      </c>
    </row>
    <row r="26112" spans="1:7" x14ac:dyDescent="0.3">
      <c r="A26112" s="13" t="s">
        <v>168</v>
      </c>
      <c r="B26112" s="14" t="s">
        <v>1</v>
      </c>
      <c r="C26112" s="14" t="s">
        <v>106</v>
      </c>
      <c r="D26112" s="14" t="s">
        <v>169</v>
      </c>
      <c r="E26112" s="15">
        <v>45573</v>
      </c>
      <c r="F26112" s="14" t="s">
        <v>25</v>
      </c>
      <c r="G26112" s="16">
        <v>1.0654745654775455</v>
      </c>
    </row>
    <row r="26113" spans="1:7" x14ac:dyDescent="0.3">
      <c r="A26113" s="13" t="s">
        <v>168</v>
      </c>
      <c r="B26113" s="14" t="s">
        <v>1</v>
      </c>
      <c r="C26113" s="14" t="s">
        <v>106</v>
      </c>
      <c r="D26113" s="14" t="s">
        <v>169</v>
      </c>
      <c r="E26113" s="15">
        <v>45574</v>
      </c>
      <c r="F26113" s="14" t="s">
        <v>25</v>
      </c>
      <c r="G26113" s="16">
        <v>1.0711906090384509</v>
      </c>
    </row>
    <row r="26114" spans="1:7" x14ac:dyDescent="0.3">
      <c r="A26114" s="13" t="s">
        <v>168</v>
      </c>
      <c r="B26114" s="14" t="s">
        <v>1</v>
      </c>
      <c r="C26114" s="14" t="s">
        <v>106</v>
      </c>
      <c r="D26114" s="14" t="s">
        <v>169</v>
      </c>
      <c r="E26114" s="15">
        <v>45575</v>
      </c>
      <c r="F26114" s="14" t="s">
        <v>25</v>
      </c>
      <c r="G26114" s="16">
        <v>1.0752692401217097</v>
      </c>
    </row>
    <row r="26115" spans="1:7" x14ac:dyDescent="0.3">
      <c r="A26115" s="13" t="s">
        <v>168</v>
      </c>
      <c r="B26115" s="14" t="s">
        <v>1</v>
      </c>
      <c r="C26115" s="14" t="s">
        <v>106</v>
      </c>
      <c r="D26115" s="14" t="s">
        <v>169</v>
      </c>
      <c r="E26115" s="15">
        <v>45576</v>
      </c>
      <c r="F26115" s="14" t="s">
        <v>25</v>
      </c>
      <c r="G26115" s="16">
        <v>1.0797870714099527</v>
      </c>
    </row>
    <row r="26116" spans="1:7" x14ac:dyDescent="0.3">
      <c r="A26116" s="13" t="s">
        <v>168</v>
      </c>
      <c r="B26116" s="14" t="s">
        <v>1</v>
      </c>
      <c r="C26116" s="14" t="s">
        <v>106</v>
      </c>
      <c r="D26116" s="14" t="s">
        <v>169</v>
      </c>
      <c r="E26116" s="15">
        <v>45577</v>
      </c>
      <c r="F26116" s="14" t="s">
        <v>25</v>
      </c>
      <c r="G26116" s="16">
        <v>1.0797870714099527</v>
      </c>
    </row>
    <row r="26117" spans="1:7" x14ac:dyDescent="0.3">
      <c r="A26117" s="13" t="s">
        <v>168</v>
      </c>
      <c r="B26117" s="14" t="s">
        <v>1</v>
      </c>
      <c r="C26117" s="14" t="s">
        <v>106</v>
      </c>
      <c r="D26117" s="14" t="s">
        <v>169</v>
      </c>
      <c r="E26117" s="15">
        <v>45578</v>
      </c>
      <c r="F26117" s="14" t="s">
        <v>25</v>
      </c>
      <c r="G26117" s="16">
        <v>1.0797870714099527</v>
      </c>
    </row>
    <row r="26118" spans="1:7" x14ac:dyDescent="0.3">
      <c r="A26118" s="13" t="s">
        <v>168</v>
      </c>
      <c r="B26118" s="14" t="s">
        <v>1</v>
      </c>
      <c r="C26118" s="14" t="s">
        <v>106</v>
      </c>
      <c r="D26118" s="14" t="s">
        <v>169</v>
      </c>
      <c r="E26118" s="15">
        <v>45579</v>
      </c>
      <c r="F26118" s="14" t="s">
        <v>25</v>
      </c>
      <c r="G26118" s="16">
        <v>1.0838450368074888</v>
      </c>
    </row>
    <row r="26119" spans="1:7" x14ac:dyDescent="0.3">
      <c r="A26119" s="13" t="s">
        <v>168</v>
      </c>
      <c r="B26119" s="14" t="s">
        <v>1</v>
      </c>
      <c r="C26119" s="14" t="s">
        <v>106</v>
      </c>
      <c r="D26119" s="14" t="s">
        <v>169</v>
      </c>
      <c r="E26119" s="15">
        <v>45580</v>
      </c>
      <c r="F26119" s="14" t="s">
        <v>25</v>
      </c>
      <c r="G26119" s="16">
        <v>1.0960598571264231</v>
      </c>
    </row>
    <row r="26120" spans="1:7" x14ac:dyDescent="0.3">
      <c r="A26120" s="13" t="s">
        <v>168</v>
      </c>
      <c r="B26120" s="14" t="s">
        <v>1</v>
      </c>
      <c r="C26120" s="14" t="s">
        <v>106</v>
      </c>
      <c r="D26120" s="14" t="s">
        <v>169</v>
      </c>
      <c r="E26120" s="15">
        <v>45581</v>
      </c>
      <c r="F26120" s="14" t="s">
        <v>25</v>
      </c>
      <c r="G26120" s="16">
        <v>1.1004377052407932</v>
      </c>
    </row>
    <row r="26121" spans="1:7" x14ac:dyDescent="0.3">
      <c r="A26121" s="13" t="s">
        <v>168</v>
      </c>
      <c r="B26121" s="14" t="s">
        <v>1</v>
      </c>
      <c r="C26121" s="14" t="s">
        <v>106</v>
      </c>
      <c r="D26121" s="14" t="s">
        <v>169</v>
      </c>
      <c r="E26121" s="15">
        <v>45582</v>
      </c>
      <c r="F26121" s="14" t="s">
        <v>25</v>
      </c>
      <c r="G26121" s="16">
        <v>1.1045263648617365</v>
      </c>
    </row>
    <row r="26122" spans="1:7" x14ac:dyDescent="0.3">
      <c r="A26122" s="13" t="s">
        <v>168</v>
      </c>
      <c r="B26122" s="14" t="s">
        <v>1</v>
      </c>
      <c r="C26122" s="14" t="s">
        <v>106</v>
      </c>
      <c r="D26122" s="14" t="s">
        <v>169</v>
      </c>
      <c r="E26122" s="15">
        <v>45583</v>
      </c>
      <c r="F26122" s="14" t="s">
        <v>25</v>
      </c>
      <c r="G26122" s="16">
        <v>1.1086208064248153</v>
      </c>
    </row>
    <row r="26123" spans="1:7" x14ac:dyDescent="0.3">
      <c r="A26123" s="13" t="s">
        <v>168</v>
      </c>
      <c r="B26123" s="14" t="s">
        <v>1</v>
      </c>
      <c r="C26123" s="14" t="s">
        <v>106</v>
      </c>
      <c r="D26123" s="14" t="s">
        <v>169</v>
      </c>
      <c r="E26123" s="15">
        <v>45584</v>
      </c>
      <c r="F26123" s="14" t="s">
        <v>25</v>
      </c>
      <c r="G26123" s="16">
        <v>1.1086208064248153</v>
      </c>
    </row>
    <row r="26124" spans="1:7" x14ac:dyDescent="0.3">
      <c r="A26124" s="13" t="s">
        <v>168</v>
      </c>
      <c r="B26124" s="14" t="s">
        <v>1</v>
      </c>
      <c r="C26124" s="14" t="s">
        <v>106</v>
      </c>
      <c r="D26124" s="14" t="s">
        <v>169</v>
      </c>
      <c r="E26124" s="15">
        <v>45585</v>
      </c>
      <c r="F26124" s="14" t="s">
        <v>25</v>
      </c>
      <c r="G26124" s="16">
        <v>1.1086208064248153</v>
      </c>
    </row>
    <row r="26125" spans="1:7" x14ac:dyDescent="0.3">
      <c r="A26125" s="13" t="s">
        <v>168</v>
      </c>
      <c r="B26125" s="14" t="s">
        <v>1</v>
      </c>
      <c r="C26125" s="14" t="s">
        <v>106</v>
      </c>
      <c r="D26125" s="14" t="s">
        <v>169</v>
      </c>
      <c r="E26125" s="15">
        <v>45586</v>
      </c>
      <c r="F26125" s="14" t="s">
        <v>25</v>
      </c>
      <c r="G26125" s="16">
        <v>1.1108373751442109</v>
      </c>
    </row>
    <row r="26126" spans="1:7" x14ac:dyDescent="0.3">
      <c r="A26126" s="13" t="s">
        <v>168</v>
      </c>
      <c r="B26126" s="14" t="s">
        <v>1</v>
      </c>
      <c r="C26126" s="14" t="s">
        <v>106</v>
      </c>
      <c r="D26126" s="14" t="s">
        <v>169</v>
      </c>
      <c r="E26126" s="15">
        <v>45587</v>
      </c>
      <c r="F26126" s="14" t="s">
        <v>25</v>
      </c>
      <c r="G26126" s="16">
        <v>1.1225209384976638</v>
      </c>
    </row>
    <row r="26127" spans="1:7" x14ac:dyDescent="0.3">
      <c r="A26127" s="13" t="s">
        <v>168</v>
      </c>
      <c r="B26127" s="14" t="s">
        <v>1</v>
      </c>
      <c r="C26127" s="14" t="s">
        <v>106</v>
      </c>
      <c r="D26127" s="14" t="s">
        <v>169</v>
      </c>
      <c r="E26127" s="15">
        <v>45588</v>
      </c>
      <c r="F26127" s="14" t="s">
        <v>25</v>
      </c>
      <c r="G26127" s="16">
        <v>1.1265475678281733</v>
      </c>
    </row>
    <row r="26128" spans="1:7" x14ac:dyDescent="0.3">
      <c r="A26128" s="13" t="s">
        <v>168</v>
      </c>
      <c r="B26128" s="14" t="s">
        <v>1</v>
      </c>
      <c r="C26128" s="14" t="s">
        <v>106</v>
      </c>
      <c r="D26128" s="14" t="s">
        <v>169</v>
      </c>
      <c r="E26128" s="15">
        <v>45589</v>
      </c>
      <c r="F26128" s="14" t="s">
        <v>25</v>
      </c>
      <c r="G26128" s="16">
        <v>1.1304861730763973</v>
      </c>
    </row>
    <row r="26129" spans="1:7" x14ac:dyDescent="0.3">
      <c r="A26129" s="13" t="s">
        <v>168</v>
      </c>
      <c r="B26129" s="14" t="s">
        <v>1</v>
      </c>
      <c r="C26129" s="14" t="s">
        <v>106</v>
      </c>
      <c r="D26129" s="14" t="s">
        <v>169</v>
      </c>
      <c r="E26129" s="15">
        <v>45590</v>
      </c>
      <c r="F26129" s="14" t="s">
        <v>25</v>
      </c>
      <c r="G26129" s="16">
        <v>1.1344282257429876</v>
      </c>
    </row>
    <row r="26130" spans="1:7" x14ac:dyDescent="0.3">
      <c r="A26130" s="13" t="s">
        <v>168</v>
      </c>
      <c r="B26130" s="14" t="s">
        <v>1</v>
      </c>
      <c r="C26130" s="14" t="s">
        <v>106</v>
      </c>
      <c r="D26130" s="14" t="s">
        <v>169</v>
      </c>
      <c r="E26130" s="15">
        <v>45591</v>
      </c>
      <c r="F26130" s="14" t="s">
        <v>25</v>
      </c>
      <c r="G26130" s="16">
        <v>1.1344282257429876</v>
      </c>
    </row>
    <row r="26131" spans="1:7" x14ac:dyDescent="0.3">
      <c r="A26131" s="13" t="s">
        <v>168</v>
      </c>
      <c r="B26131" s="14" t="s">
        <v>1</v>
      </c>
      <c r="C26131" s="14" t="s">
        <v>106</v>
      </c>
      <c r="D26131" s="14" t="s">
        <v>169</v>
      </c>
      <c r="E26131" s="15">
        <v>45592</v>
      </c>
      <c r="F26131" s="14" t="s">
        <v>25</v>
      </c>
      <c r="G26131" s="16">
        <v>1.1344282257429876</v>
      </c>
    </row>
    <row r="26132" spans="1:7" x14ac:dyDescent="0.3">
      <c r="A26132" s="13" t="s">
        <v>168</v>
      </c>
      <c r="B26132" s="14" t="s">
        <v>1</v>
      </c>
      <c r="C26132" s="14" t="s">
        <v>106</v>
      </c>
      <c r="D26132" s="14" t="s">
        <v>169</v>
      </c>
      <c r="E26132" s="15">
        <v>45593</v>
      </c>
      <c r="F26132" s="14" t="s">
        <v>25</v>
      </c>
      <c r="G26132" s="16">
        <v>1.1344282257429876</v>
      </c>
    </row>
    <row r="26133" spans="1:7" x14ac:dyDescent="0.3">
      <c r="A26133" s="13" t="s">
        <v>168</v>
      </c>
      <c r="B26133" s="14" t="s">
        <v>1</v>
      </c>
      <c r="C26133" s="14" t="s">
        <v>106</v>
      </c>
      <c r="D26133" s="14" t="s">
        <v>169</v>
      </c>
      <c r="E26133" s="15">
        <v>45594</v>
      </c>
      <c r="F26133" s="14" t="s">
        <v>25</v>
      </c>
      <c r="G26133" s="16">
        <v>1.143833444673793</v>
      </c>
    </row>
    <row r="26134" spans="1:7" x14ac:dyDescent="0.3">
      <c r="A26134" s="13" t="s">
        <v>168</v>
      </c>
      <c r="B26134" s="14" t="s">
        <v>1</v>
      </c>
      <c r="C26134" s="14" t="s">
        <v>106</v>
      </c>
      <c r="D26134" s="14" t="s">
        <v>169</v>
      </c>
      <c r="E26134" s="15">
        <v>45595</v>
      </c>
      <c r="F26134" s="14" t="s">
        <v>25</v>
      </c>
      <c r="G26134" s="16">
        <v>1.1589867875493676</v>
      </c>
    </row>
    <row r="26135" spans="1:7" x14ac:dyDescent="0.3">
      <c r="A26135" s="13" t="s">
        <v>168</v>
      </c>
      <c r="B26135" s="14" t="s">
        <v>1</v>
      </c>
      <c r="C26135" s="14" t="s">
        <v>106</v>
      </c>
      <c r="D26135" s="14" t="s">
        <v>169</v>
      </c>
      <c r="E26135" s="15">
        <v>45596</v>
      </c>
      <c r="F26135" s="14" t="s">
        <v>25</v>
      </c>
      <c r="G26135" s="16">
        <v>1.1629219101783768</v>
      </c>
    </row>
    <row r="26136" spans="1:7" x14ac:dyDescent="0.3">
      <c r="A26136" s="13" t="s">
        <v>168</v>
      </c>
      <c r="B26136" s="14" t="s">
        <v>1</v>
      </c>
      <c r="C26136" s="14" t="s">
        <v>106</v>
      </c>
      <c r="D26136" s="14" t="s">
        <v>169</v>
      </c>
      <c r="E26136" s="15">
        <v>45597</v>
      </c>
      <c r="F26136" s="14" t="s">
        <v>25</v>
      </c>
      <c r="G26136" s="16">
        <v>1.1668744812804381</v>
      </c>
    </row>
    <row r="26137" spans="1:7" x14ac:dyDescent="0.3">
      <c r="A26137" s="13" t="s">
        <v>168</v>
      </c>
      <c r="B26137" s="14" t="s">
        <v>1</v>
      </c>
      <c r="C26137" s="14" t="s">
        <v>106</v>
      </c>
      <c r="D26137" s="14" t="s">
        <v>169</v>
      </c>
      <c r="E26137" s="15">
        <v>45598</v>
      </c>
      <c r="F26137" s="14" t="s">
        <v>25</v>
      </c>
      <c r="G26137" s="16">
        <v>1.1668744812804381</v>
      </c>
    </row>
    <row r="26138" spans="1:7" x14ac:dyDescent="0.3">
      <c r="A26138" s="13" t="s">
        <v>168</v>
      </c>
      <c r="B26138" s="14" t="s">
        <v>1</v>
      </c>
      <c r="C26138" s="14" t="s">
        <v>106</v>
      </c>
      <c r="D26138" s="14" t="s">
        <v>169</v>
      </c>
      <c r="E26138" s="15">
        <v>45599</v>
      </c>
      <c r="F26138" s="14" t="s">
        <v>25</v>
      </c>
      <c r="G26138" s="16">
        <v>1.1668744812804381</v>
      </c>
    </row>
    <row r="26139" spans="1:7" x14ac:dyDescent="0.3">
      <c r="A26139" s="13" t="s">
        <v>168</v>
      </c>
      <c r="B26139" s="14" t="s">
        <v>1</v>
      </c>
      <c r="C26139" s="14" t="s">
        <v>106</v>
      </c>
      <c r="D26139" s="14" t="s">
        <v>169</v>
      </c>
      <c r="E26139" s="15">
        <v>45600</v>
      </c>
      <c r="F26139" s="14" t="s">
        <v>25</v>
      </c>
      <c r="G26139" s="16">
        <v>1.1733140896437189</v>
      </c>
    </row>
    <row r="26140" spans="1:7" x14ac:dyDescent="0.3">
      <c r="A26140" s="13" t="s">
        <v>168</v>
      </c>
      <c r="B26140" s="14" t="s">
        <v>1</v>
      </c>
      <c r="C26140" s="14" t="s">
        <v>106</v>
      </c>
      <c r="D26140" s="14" t="s">
        <v>169</v>
      </c>
      <c r="E26140" s="15">
        <v>45601</v>
      </c>
      <c r="F26140" s="14" t="s">
        <v>25</v>
      </c>
      <c r="G26140" s="16">
        <v>1.1847633570334961</v>
      </c>
    </row>
    <row r="26141" spans="1:7" x14ac:dyDescent="0.3">
      <c r="A26141" s="13" t="s">
        <v>168</v>
      </c>
      <c r="B26141" s="14" t="s">
        <v>1</v>
      </c>
      <c r="C26141" s="14" t="s">
        <v>106</v>
      </c>
      <c r="D26141" s="14" t="s">
        <v>169</v>
      </c>
      <c r="E26141" s="15">
        <v>45602</v>
      </c>
      <c r="F26141" s="14" t="s">
        <v>25</v>
      </c>
      <c r="G26141" s="16">
        <v>1.1957102816102181</v>
      </c>
    </row>
    <row r="26142" spans="1:7" x14ac:dyDescent="0.3">
      <c r="A26142" s="13" t="s">
        <v>168</v>
      </c>
      <c r="B26142" s="14" t="s">
        <v>1</v>
      </c>
      <c r="C26142" s="14" t="s">
        <v>106</v>
      </c>
      <c r="D26142" s="14" t="s">
        <v>169</v>
      </c>
      <c r="E26142" s="15">
        <v>45603</v>
      </c>
      <c r="F26142" s="14" t="s">
        <v>25</v>
      </c>
      <c r="G26142" s="16">
        <v>1.199610637700105</v>
      </c>
    </row>
    <row r="26143" spans="1:7" x14ac:dyDescent="0.3">
      <c r="A26143" s="13" t="s">
        <v>168</v>
      </c>
      <c r="B26143" s="14" t="s">
        <v>1</v>
      </c>
      <c r="C26143" s="14" t="s">
        <v>106</v>
      </c>
      <c r="D26143" s="14" t="s">
        <v>169</v>
      </c>
      <c r="E26143" s="15">
        <v>45604</v>
      </c>
      <c r="F26143" s="14" t="s">
        <v>25</v>
      </c>
      <c r="G26143" s="16">
        <v>1.2034611955303149</v>
      </c>
    </row>
    <row r="26144" spans="1:7" x14ac:dyDescent="0.3">
      <c r="A26144" s="13" t="s">
        <v>168</v>
      </c>
      <c r="B26144" s="14" t="s">
        <v>1</v>
      </c>
      <c r="C26144" s="14" t="s">
        <v>106</v>
      </c>
      <c r="D26144" s="14" t="s">
        <v>169</v>
      </c>
      <c r="E26144" s="15">
        <v>45605</v>
      </c>
      <c r="F26144" s="14" t="s">
        <v>25</v>
      </c>
      <c r="G26144" s="16">
        <v>1.2034611955303149</v>
      </c>
    </row>
    <row r="26145" spans="1:7" x14ac:dyDescent="0.3">
      <c r="A26145" s="13" t="s">
        <v>168</v>
      </c>
      <c r="B26145" s="14" t="s">
        <v>1</v>
      </c>
      <c r="C26145" s="14" t="s">
        <v>106</v>
      </c>
      <c r="D26145" s="14" t="s">
        <v>169</v>
      </c>
      <c r="E26145" s="15">
        <v>45606</v>
      </c>
      <c r="F26145" s="14" t="s">
        <v>25</v>
      </c>
      <c r="G26145" s="16">
        <v>1.2034611955303149</v>
      </c>
    </row>
    <row r="26146" spans="1:7" x14ac:dyDescent="0.3">
      <c r="A26146" s="13" t="s">
        <v>168</v>
      </c>
      <c r="B26146" s="14" t="s">
        <v>1</v>
      </c>
      <c r="C26146" s="14" t="s">
        <v>106</v>
      </c>
      <c r="D26146" s="14" t="s">
        <v>169</v>
      </c>
      <c r="E26146" s="15">
        <v>45607</v>
      </c>
      <c r="F26146" s="14" t="s">
        <v>25</v>
      </c>
      <c r="G26146" s="16">
        <v>1.2071944864909627</v>
      </c>
    </row>
    <row r="26147" spans="1:7" x14ac:dyDescent="0.3">
      <c r="A26147" s="13" t="s">
        <v>168</v>
      </c>
      <c r="B26147" s="14" t="s">
        <v>1</v>
      </c>
      <c r="C26147" s="14" t="s">
        <v>106</v>
      </c>
      <c r="D26147" s="14" t="s">
        <v>169</v>
      </c>
      <c r="E26147" s="15">
        <v>45608</v>
      </c>
      <c r="F26147" s="14" t="s">
        <v>25</v>
      </c>
      <c r="G26147" s="16">
        <v>1.2186093311205946</v>
      </c>
    </row>
    <row r="26148" spans="1:7" x14ac:dyDescent="0.3">
      <c r="A26148" s="13" t="s">
        <v>168</v>
      </c>
      <c r="B26148" s="14" t="s">
        <v>1</v>
      </c>
      <c r="C26148" s="14" t="s">
        <v>106</v>
      </c>
      <c r="D26148" s="14" t="s">
        <v>169</v>
      </c>
      <c r="E26148" s="15">
        <v>45609</v>
      </c>
      <c r="F26148" s="14" t="s">
        <v>25</v>
      </c>
      <c r="G26148" s="16">
        <v>1.2223979279825425</v>
      </c>
    </row>
    <row r="26149" spans="1:7" x14ac:dyDescent="0.3">
      <c r="A26149" s="13" t="s">
        <v>168</v>
      </c>
      <c r="B26149" s="14" t="s">
        <v>1</v>
      </c>
      <c r="C26149" s="14" t="s">
        <v>106</v>
      </c>
      <c r="D26149" s="14" t="s">
        <v>169</v>
      </c>
      <c r="E26149" s="15">
        <v>45610</v>
      </c>
      <c r="F26149" s="14" t="s">
        <v>25</v>
      </c>
      <c r="G26149" s="16">
        <v>1.2262243898806506</v>
      </c>
    </row>
    <row r="26150" spans="1:7" x14ac:dyDescent="0.3">
      <c r="A26150" s="13" t="s">
        <v>168</v>
      </c>
      <c r="B26150" s="14" t="s">
        <v>1</v>
      </c>
      <c r="C26150" s="14" t="s">
        <v>106</v>
      </c>
      <c r="D26150" s="14" t="s">
        <v>169</v>
      </c>
      <c r="E26150" s="15">
        <v>45611</v>
      </c>
      <c r="F26150" s="14" t="s">
        <v>25</v>
      </c>
      <c r="G26150" s="16">
        <v>1.2847913018724115</v>
      </c>
    </row>
    <row r="26151" spans="1:7" x14ac:dyDescent="0.3">
      <c r="A26151" s="13" t="s">
        <v>168</v>
      </c>
      <c r="B26151" s="14" t="s">
        <v>1</v>
      </c>
      <c r="C26151" s="14" t="s">
        <v>106</v>
      </c>
      <c r="D26151" s="14" t="s">
        <v>169</v>
      </c>
      <c r="E26151" s="15">
        <v>45612</v>
      </c>
      <c r="F26151" s="14" t="s">
        <v>25</v>
      </c>
      <c r="G26151" s="16">
        <v>1.2847913018724115</v>
      </c>
    </row>
    <row r="26152" spans="1:7" x14ac:dyDescent="0.3">
      <c r="A26152" s="13" t="s">
        <v>168</v>
      </c>
      <c r="B26152" s="14" t="s">
        <v>1</v>
      </c>
      <c r="C26152" s="14" t="s">
        <v>106</v>
      </c>
      <c r="D26152" s="14" t="s">
        <v>169</v>
      </c>
      <c r="E26152" s="15">
        <v>45613</v>
      </c>
      <c r="F26152" s="14" t="s">
        <v>25</v>
      </c>
      <c r="G26152" s="16">
        <v>1.2847913018724115</v>
      </c>
    </row>
    <row r="26153" spans="1:7" x14ac:dyDescent="0.3">
      <c r="A26153" s="13" t="s">
        <v>168</v>
      </c>
      <c r="B26153" s="14" t="s">
        <v>1</v>
      </c>
      <c r="C26153" s="14" t="s">
        <v>106</v>
      </c>
      <c r="D26153" s="14" t="s">
        <v>169</v>
      </c>
      <c r="E26153" s="15">
        <v>45614</v>
      </c>
      <c r="F26153" s="14" t="s">
        <v>25</v>
      </c>
      <c r="G26153" s="16">
        <v>1.2885037096919043</v>
      </c>
    </row>
    <row r="26154" spans="1:7" x14ac:dyDescent="0.3">
      <c r="A26154" s="13" t="s">
        <v>168</v>
      </c>
      <c r="B26154" s="14" t="s">
        <v>1</v>
      </c>
      <c r="C26154" s="14" t="s">
        <v>106</v>
      </c>
      <c r="D26154" s="14" t="s">
        <v>169</v>
      </c>
      <c r="E26154" s="15">
        <v>45615</v>
      </c>
      <c r="F26154" s="14" t="s">
        <v>25</v>
      </c>
      <c r="G26154" s="16">
        <v>1.3058413344321573</v>
      </c>
    </row>
    <row r="26155" spans="1:7" x14ac:dyDescent="0.3">
      <c r="A26155" s="13" t="s">
        <v>168</v>
      </c>
      <c r="B26155" s="14" t="s">
        <v>1</v>
      </c>
      <c r="C26155" s="14" t="s">
        <v>106</v>
      </c>
      <c r="D26155" s="14" t="s">
        <v>169</v>
      </c>
      <c r="E26155" s="15">
        <v>45616</v>
      </c>
      <c r="F26155" s="14" t="s">
        <v>25</v>
      </c>
      <c r="G26155" s="16">
        <v>1.3095200079467075</v>
      </c>
    </row>
    <row r="26156" spans="1:7" x14ac:dyDescent="0.3">
      <c r="A26156" s="13" t="s">
        <v>168</v>
      </c>
      <c r="B26156" s="14" t="s">
        <v>1</v>
      </c>
      <c r="C26156" s="14" t="s">
        <v>106</v>
      </c>
      <c r="D26156" s="14" t="s">
        <v>169</v>
      </c>
      <c r="E26156" s="15">
        <v>45617</v>
      </c>
      <c r="F26156" s="14" t="s">
        <v>25</v>
      </c>
      <c r="G26156" s="16">
        <v>1.313223236363495</v>
      </c>
    </row>
    <row r="26157" spans="1:7" x14ac:dyDescent="0.3">
      <c r="A26157" s="13" t="s">
        <v>168</v>
      </c>
      <c r="B26157" s="14" t="s">
        <v>1</v>
      </c>
      <c r="C26157" s="14" t="s">
        <v>106</v>
      </c>
      <c r="D26157" s="14" t="s">
        <v>169</v>
      </c>
      <c r="E26157" s="15">
        <v>45618</v>
      </c>
      <c r="F26157" s="14" t="s">
        <v>25</v>
      </c>
      <c r="G26157" s="16">
        <v>1.3170175703521338</v>
      </c>
    </row>
    <row r="26158" spans="1:7" x14ac:dyDescent="0.3">
      <c r="A26158" s="13" t="s">
        <v>168</v>
      </c>
      <c r="B26158" s="14" t="s">
        <v>1</v>
      </c>
      <c r="C26158" s="14" t="s">
        <v>106</v>
      </c>
      <c r="D26158" s="14" t="s">
        <v>169</v>
      </c>
      <c r="E26158" s="15">
        <v>45619</v>
      </c>
      <c r="F26158" s="14" t="s">
        <v>25</v>
      </c>
      <c r="G26158" s="16">
        <v>1.3170175703521338</v>
      </c>
    </row>
    <row r="26159" spans="1:7" x14ac:dyDescent="0.3">
      <c r="A26159" s="13" t="s">
        <v>168</v>
      </c>
      <c r="B26159" s="14" t="s">
        <v>1</v>
      </c>
      <c r="C26159" s="14" t="s">
        <v>106</v>
      </c>
      <c r="D26159" s="14" t="s">
        <v>169</v>
      </c>
      <c r="E26159" s="15">
        <v>45620</v>
      </c>
      <c r="F26159" s="14" t="s">
        <v>25</v>
      </c>
      <c r="G26159" s="16">
        <v>1.3170175703521338</v>
      </c>
    </row>
    <row r="26160" spans="1:7" x14ac:dyDescent="0.3">
      <c r="A26160" s="13" t="s">
        <v>168</v>
      </c>
      <c r="B26160" s="14" t="s">
        <v>1</v>
      </c>
      <c r="C26160" s="14" t="s">
        <v>106</v>
      </c>
      <c r="D26160" s="14" t="s">
        <v>169</v>
      </c>
      <c r="E26160" s="15">
        <v>45621</v>
      </c>
      <c r="F26160" s="14" t="s">
        <v>25</v>
      </c>
      <c r="G26160" s="16">
        <v>1.320774498274748</v>
      </c>
    </row>
    <row r="26161" spans="1:7" x14ac:dyDescent="0.3">
      <c r="A26161" s="13" t="s">
        <v>168</v>
      </c>
      <c r="B26161" s="14" t="s">
        <v>1</v>
      </c>
      <c r="C26161" s="14" t="s">
        <v>106</v>
      </c>
      <c r="D26161" s="14" t="s">
        <v>169</v>
      </c>
      <c r="E26161" s="15">
        <v>45622</v>
      </c>
      <c r="F26161" s="14" t="s">
        <v>25</v>
      </c>
      <c r="G26161" s="16">
        <v>1.3318604908024574</v>
      </c>
    </row>
    <row r="26162" spans="1:7" x14ac:dyDescent="0.3">
      <c r="A26162" s="13" t="s">
        <v>168</v>
      </c>
      <c r="B26162" s="14" t="s">
        <v>1</v>
      </c>
      <c r="C26162" s="14" t="s">
        <v>106</v>
      </c>
      <c r="D26162" s="14" t="s">
        <v>169</v>
      </c>
      <c r="E26162" s="15">
        <v>45623</v>
      </c>
      <c r="F26162" s="14" t="s">
        <v>25</v>
      </c>
      <c r="G26162" s="16">
        <v>1.3357984824434366</v>
      </c>
    </row>
    <row r="26163" spans="1:7" x14ac:dyDescent="0.3">
      <c r="A26163" s="13" t="s">
        <v>168</v>
      </c>
      <c r="B26163" s="14" t="s">
        <v>1</v>
      </c>
      <c r="C26163" s="14" t="s">
        <v>106</v>
      </c>
      <c r="D26163" s="14" t="s">
        <v>169</v>
      </c>
      <c r="E26163" s="15">
        <v>45624</v>
      </c>
      <c r="F26163" s="14" t="s">
        <v>25</v>
      </c>
      <c r="G26163" s="16">
        <v>1.3417510601799867</v>
      </c>
    </row>
    <row r="26164" spans="1:7" x14ac:dyDescent="0.3">
      <c r="A26164" s="13" t="s">
        <v>168</v>
      </c>
      <c r="B26164" s="14" t="s">
        <v>1</v>
      </c>
      <c r="C26164" s="14" t="s">
        <v>106</v>
      </c>
      <c r="D26164" s="14" t="s">
        <v>169</v>
      </c>
      <c r="E26164" s="15">
        <v>45625</v>
      </c>
      <c r="F26164" s="14" t="s">
        <v>25</v>
      </c>
      <c r="G26164" s="16">
        <v>1.3462736247266065</v>
      </c>
    </row>
    <row r="26165" spans="1:7" x14ac:dyDescent="0.3">
      <c r="A26165" s="13" t="s">
        <v>168</v>
      </c>
      <c r="B26165" s="14" t="s">
        <v>1</v>
      </c>
      <c r="C26165" s="14" t="s">
        <v>106</v>
      </c>
      <c r="D26165" s="14" t="s">
        <v>169</v>
      </c>
      <c r="E26165" s="15">
        <v>45626</v>
      </c>
      <c r="F26165" s="14" t="s">
        <v>25</v>
      </c>
      <c r="G26165" s="16">
        <v>1.3462736247266065</v>
      </c>
    </row>
    <row r="26166" spans="1:7" x14ac:dyDescent="0.3">
      <c r="A26166" s="13" t="s">
        <v>168</v>
      </c>
      <c r="B26166" s="14" t="s">
        <v>1</v>
      </c>
      <c r="C26166" s="14" t="s">
        <v>106</v>
      </c>
      <c r="D26166" s="14" t="s">
        <v>169</v>
      </c>
      <c r="E26166" s="15">
        <v>45627</v>
      </c>
      <c r="F26166" s="14" t="s">
        <v>25</v>
      </c>
      <c r="G26166" s="16">
        <v>1.3462736247266065</v>
      </c>
    </row>
    <row r="26167" spans="1:7" x14ac:dyDescent="0.3">
      <c r="A26167" s="13" t="s">
        <v>168</v>
      </c>
      <c r="B26167" s="14" t="s">
        <v>1</v>
      </c>
      <c r="C26167" s="14" t="s">
        <v>106</v>
      </c>
      <c r="D26167" s="14" t="s">
        <v>169</v>
      </c>
      <c r="E26167" s="15">
        <v>45628</v>
      </c>
      <c r="F26167" s="14" t="s">
        <v>25</v>
      </c>
      <c r="G26167" s="16">
        <v>1.3657907684724282</v>
      </c>
    </row>
    <row r="26168" spans="1:7" x14ac:dyDescent="0.3">
      <c r="A26168" s="13" t="s">
        <v>168</v>
      </c>
      <c r="B26168" s="14" t="s">
        <v>1</v>
      </c>
      <c r="C26168" s="14" t="s">
        <v>106</v>
      </c>
      <c r="D26168" s="14" t="s">
        <v>169</v>
      </c>
      <c r="E26168" s="15">
        <v>45629</v>
      </c>
      <c r="F26168" s="14" t="s">
        <v>25</v>
      </c>
      <c r="G26168" s="16">
        <v>1.3745049164091481</v>
      </c>
    </row>
    <row r="26169" spans="1:7" x14ac:dyDescent="0.3">
      <c r="A26169" s="13" t="s">
        <v>168</v>
      </c>
      <c r="B26169" s="14" t="s">
        <v>1</v>
      </c>
      <c r="C26169" s="14" t="s">
        <v>106</v>
      </c>
      <c r="D26169" s="14" t="s">
        <v>169</v>
      </c>
      <c r="E26169" s="15">
        <v>45630</v>
      </c>
      <c r="F26169" s="14" t="s">
        <v>25</v>
      </c>
      <c r="G26169" s="16">
        <v>1.3798247247309845</v>
      </c>
    </row>
    <row r="26170" spans="1:7" x14ac:dyDescent="0.3">
      <c r="A26170" s="13" t="s">
        <v>168</v>
      </c>
      <c r="B26170" s="14" t="s">
        <v>1</v>
      </c>
      <c r="C26170" s="14" t="s">
        <v>106</v>
      </c>
      <c r="D26170" s="14" t="s">
        <v>169</v>
      </c>
      <c r="E26170" s="15">
        <v>45631</v>
      </c>
      <c r="F26170" s="14" t="s">
        <v>25</v>
      </c>
      <c r="G26170" s="16">
        <v>1.3898012133845659</v>
      </c>
    </row>
    <row r="26171" spans="1:7" x14ac:dyDescent="0.3">
      <c r="A26171" s="13" t="s">
        <v>168</v>
      </c>
      <c r="B26171" s="14" t="s">
        <v>1</v>
      </c>
      <c r="C26171" s="14" t="s">
        <v>106</v>
      </c>
      <c r="D26171" s="14" t="s">
        <v>169</v>
      </c>
      <c r="E26171" s="15">
        <v>45632</v>
      </c>
      <c r="F26171" s="14" t="s">
        <v>25</v>
      </c>
      <c r="G26171" s="16">
        <v>1.3932699998409068</v>
      </c>
    </row>
    <row r="26172" spans="1:7" x14ac:dyDescent="0.3">
      <c r="A26172" s="13" t="s">
        <v>168</v>
      </c>
      <c r="B26172" s="14" t="s">
        <v>1</v>
      </c>
      <c r="C26172" s="14" t="s">
        <v>106</v>
      </c>
      <c r="D26172" s="14" t="s">
        <v>169</v>
      </c>
      <c r="E26172" s="15">
        <v>45633</v>
      </c>
      <c r="F26172" s="14" t="s">
        <v>25</v>
      </c>
      <c r="G26172" s="16">
        <v>1.3932699998409068</v>
      </c>
    </row>
    <row r="26173" spans="1:7" x14ac:dyDescent="0.3">
      <c r="A26173" s="13" t="s">
        <v>168</v>
      </c>
      <c r="B26173" s="14" t="s">
        <v>1</v>
      </c>
      <c r="C26173" s="14" t="s">
        <v>106</v>
      </c>
      <c r="D26173" s="14" t="s">
        <v>169</v>
      </c>
      <c r="E26173" s="15">
        <v>45634</v>
      </c>
      <c r="F26173" s="14" t="s">
        <v>25</v>
      </c>
      <c r="G26173" s="16">
        <v>1.3932699998409068</v>
      </c>
    </row>
    <row r="26174" spans="1:7" x14ac:dyDescent="0.3">
      <c r="A26174" s="13" t="s">
        <v>168</v>
      </c>
      <c r="B26174" s="14" t="s">
        <v>1</v>
      </c>
      <c r="C26174" s="14" t="s">
        <v>106</v>
      </c>
      <c r="D26174" s="14" t="s">
        <v>169</v>
      </c>
      <c r="E26174" s="15">
        <v>45635</v>
      </c>
      <c r="F26174" s="14" t="s">
        <v>25</v>
      </c>
      <c r="G26174" s="16">
        <v>1.3968157694354275</v>
      </c>
    </row>
    <row r="26175" spans="1:7" x14ac:dyDescent="0.3">
      <c r="A26175" s="13" t="s">
        <v>168</v>
      </c>
      <c r="B26175" s="14" t="s">
        <v>1</v>
      </c>
      <c r="C26175" s="14" t="s">
        <v>106</v>
      </c>
      <c r="D26175" s="14" t="s">
        <v>169</v>
      </c>
      <c r="E26175" s="15">
        <v>45636</v>
      </c>
      <c r="F26175" s="14" t="s">
        <v>25</v>
      </c>
      <c r="G26175" s="16">
        <v>1.4074170322223087</v>
      </c>
    </row>
    <row r="26176" spans="1:7" x14ac:dyDescent="0.3">
      <c r="A26176" s="13" t="s">
        <v>168</v>
      </c>
      <c r="B26176" s="14" t="s">
        <v>1</v>
      </c>
      <c r="C26176" s="14" t="s">
        <v>106</v>
      </c>
      <c r="D26176" s="14" t="s">
        <v>169</v>
      </c>
      <c r="E26176" s="15">
        <v>45637</v>
      </c>
      <c r="F26176" s="14" t="s">
        <v>25</v>
      </c>
      <c r="G26176" s="16">
        <v>1.4109283078884465</v>
      </c>
    </row>
    <row r="26177" spans="1:7" x14ac:dyDescent="0.3">
      <c r="A26177" s="13" t="s">
        <v>168</v>
      </c>
      <c r="B26177" s="14" t="s">
        <v>1</v>
      </c>
      <c r="C26177" s="14" t="s">
        <v>106</v>
      </c>
      <c r="D26177" s="14" t="s">
        <v>169</v>
      </c>
      <c r="E26177" s="15">
        <v>45638</v>
      </c>
      <c r="F26177" s="14" t="s">
        <v>25</v>
      </c>
      <c r="G26177" s="16">
        <v>1.4144570740403399</v>
      </c>
    </row>
    <row r="26178" spans="1:7" x14ac:dyDescent="0.3">
      <c r="A26178" s="13" t="s">
        <v>168</v>
      </c>
      <c r="B26178" s="14" t="s">
        <v>1</v>
      </c>
      <c r="C26178" s="14" t="s">
        <v>106</v>
      </c>
      <c r="D26178" s="14" t="s">
        <v>169</v>
      </c>
      <c r="E26178" s="15">
        <v>45639</v>
      </c>
      <c r="F26178" s="14" t="s">
        <v>25</v>
      </c>
      <c r="G26178" s="16">
        <v>1.418009357881417</v>
      </c>
    </row>
    <row r="26179" spans="1:7" x14ac:dyDescent="0.3">
      <c r="A26179" s="13" t="s">
        <v>168</v>
      </c>
      <c r="B26179" s="14" t="s">
        <v>1</v>
      </c>
      <c r="C26179" s="14" t="s">
        <v>106</v>
      </c>
      <c r="D26179" s="14" t="s">
        <v>169</v>
      </c>
      <c r="E26179" s="15">
        <v>45640</v>
      </c>
      <c r="F26179" s="14" t="s">
        <v>25</v>
      </c>
      <c r="G26179" s="16">
        <v>1.418009357881417</v>
      </c>
    </row>
    <row r="26180" spans="1:7" x14ac:dyDescent="0.3">
      <c r="A26180" s="13" t="s">
        <v>168</v>
      </c>
      <c r="B26180" s="14" t="s">
        <v>1</v>
      </c>
      <c r="C26180" s="14" t="s">
        <v>106</v>
      </c>
      <c r="D26180" s="14" t="s">
        <v>169</v>
      </c>
      <c r="E26180" s="15">
        <v>45641</v>
      </c>
      <c r="F26180" s="14" t="s">
        <v>25</v>
      </c>
      <c r="G26180" s="16">
        <v>1.418009357881417</v>
      </c>
    </row>
    <row r="26181" spans="1:7" x14ac:dyDescent="0.3">
      <c r="A26181" s="13" t="s">
        <v>168</v>
      </c>
      <c r="B26181" s="14" t="s">
        <v>1</v>
      </c>
      <c r="C26181" s="14" t="s">
        <v>106</v>
      </c>
      <c r="D26181" s="14" t="s">
        <v>169</v>
      </c>
      <c r="E26181" s="15">
        <v>45642</v>
      </c>
      <c r="F26181" s="14" t="s">
        <v>25</v>
      </c>
      <c r="G26181" s="16">
        <v>1.4214515880701974</v>
      </c>
    </row>
    <row r="26182" spans="1:7" x14ac:dyDescent="0.3">
      <c r="A26182" s="13" t="s">
        <v>168</v>
      </c>
      <c r="B26182" s="14" t="s">
        <v>1</v>
      </c>
      <c r="C26182" s="14" t="s">
        <v>106</v>
      </c>
      <c r="D26182" s="14" t="s">
        <v>169</v>
      </c>
      <c r="E26182" s="15">
        <v>45643</v>
      </c>
      <c r="F26182" s="14" t="s">
        <v>25</v>
      </c>
      <c r="G26182" s="16">
        <v>1.4317810762836469</v>
      </c>
    </row>
    <row r="26183" spans="1:7" x14ac:dyDescent="0.3">
      <c r="A26183" s="13" t="s">
        <v>168</v>
      </c>
      <c r="B26183" s="14" t="s">
        <v>1</v>
      </c>
      <c r="C26183" s="14" t="s">
        <v>106</v>
      </c>
      <c r="D26183" s="14" t="s">
        <v>169</v>
      </c>
      <c r="E26183" s="15">
        <v>45644</v>
      </c>
      <c r="F26183" s="14" t="s">
        <v>25</v>
      </c>
      <c r="G26183" s="16">
        <v>1.4347125387956869</v>
      </c>
    </row>
    <row r="26184" spans="1:7" x14ac:dyDescent="0.3">
      <c r="A26184" s="13" t="s">
        <v>168</v>
      </c>
      <c r="B26184" s="14" t="s">
        <v>1</v>
      </c>
      <c r="C26184" s="14" t="s">
        <v>106</v>
      </c>
      <c r="D26184" s="14" t="s">
        <v>169</v>
      </c>
      <c r="E26184" s="15">
        <v>45645</v>
      </c>
      <c r="F26184" s="14" t="s">
        <v>25</v>
      </c>
      <c r="G26184" s="16">
        <v>1.4381791999819686</v>
      </c>
    </row>
    <row r="26185" spans="1:7" x14ac:dyDescent="0.3">
      <c r="A26185" s="13" t="s">
        <v>168</v>
      </c>
      <c r="B26185" s="14" t="s">
        <v>1</v>
      </c>
      <c r="C26185" s="14" t="s">
        <v>106</v>
      </c>
      <c r="D26185" s="14" t="s">
        <v>169</v>
      </c>
      <c r="E26185" s="15">
        <v>45646</v>
      </c>
      <c r="F26185" s="14" t="s">
        <v>25</v>
      </c>
      <c r="G26185" s="16">
        <v>1.4417228073940269</v>
      </c>
    </row>
    <row r="26186" spans="1:7" x14ac:dyDescent="0.3">
      <c r="A26186" s="13" t="s">
        <v>168</v>
      </c>
      <c r="B26186" s="14" t="s">
        <v>1</v>
      </c>
      <c r="C26186" s="14" t="s">
        <v>106</v>
      </c>
      <c r="D26186" s="14" t="s">
        <v>169</v>
      </c>
      <c r="E26186" s="15">
        <v>45647</v>
      </c>
      <c r="F26186" s="14" t="s">
        <v>25</v>
      </c>
      <c r="G26186" s="16">
        <v>1.4417228073940269</v>
      </c>
    </row>
    <row r="26187" spans="1:7" x14ac:dyDescent="0.3">
      <c r="A26187" s="13" t="s">
        <v>168</v>
      </c>
      <c r="B26187" s="14" t="s">
        <v>1</v>
      </c>
      <c r="C26187" s="14" t="s">
        <v>106</v>
      </c>
      <c r="D26187" s="14" t="s">
        <v>169</v>
      </c>
      <c r="E26187" s="15">
        <v>45648</v>
      </c>
      <c r="F26187" s="14" t="s">
        <v>25</v>
      </c>
      <c r="G26187" s="16">
        <v>1.4417228073940269</v>
      </c>
    </row>
    <row r="26188" spans="1:7" x14ac:dyDescent="0.3">
      <c r="A26188" s="13" t="s">
        <v>168</v>
      </c>
      <c r="B26188" s="14" t="s">
        <v>1</v>
      </c>
      <c r="C26188" s="14" t="s">
        <v>106</v>
      </c>
      <c r="D26188" s="14" t="s">
        <v>169</v>
      </c>
      <c r="E26188" s="15">
        <v>45649</v>
      </c>
      <c r="F26188" s="14" t="s">
        <v>25</v>
      </c>
      <c r="G26188" s="16">
        <v>1.4453100252782609</v>
      </c>
    </row>
    <row r="26189" spans="1:7" x14ac:dyDescent="0.3">
      <c r="A26189" s="13" t="s">
        <v>168</v>
      </c>
      <c r="B26189" s="14" t="s">
        <v>1</v>
      </c>
      <c r="C26189" s="14" t="s">
        <v>106</v>
      </c>
      <c r="D26189" s="14" t="s">
        <v>169</v>
      </c>
      <c r="E26189" s="15">
        <v>45650</v>
      </c>
      <c r="F26189" s="14" t="s">
        <v>25</v>
      </c>
      <c r="G26189" s="16">
        <v>1.45595369155304</v>
      </c>
    </row>
    <row r="26190" spans="1:7" x14ac:dyDescent="0.3">
      <c r="A26190" s="13" t="s">
        <v>168</v>
      </c>
      <c r="B26190" s="14" t="s">
        <v>1</v>
      </c>
      <c r="C26190" s="14" t="s">
        <v>106</v>
      </c>
      <c r="D26190" s="14" t="s">
        <v>169</v>
      </c>
      <c r="E26190" s="15">
        <v>45651</v>
      </c>
      <c r="F26190" s="14" t="s">
        <v>25</v>
      </c>
      <c r="G26190" s="16">
        <v>1.45595369155304</v>
      </c>
    </row>
    <row r="26191" spans="1:7" x14ac:dyDescent="0.3">
      <c r="A26191" s="13" t="s">
        <v>168</v>
      </c>
      <c r="B26191" s="14" t="s">
        <v>1</v>
      </c>
      <c r="C26191" s="14" t="s">
        <v>106</v>
      </c>
      <c r="D26191" s="14" t="s">
        <v>169</v>
      </c>
      <c r="E26191" s="15">
        <v>45652</v>
      </c>
      <c r="F26191" s="14" t="s">
        <v>25</v>
      </c>
      <c r="G26191" s="16">
        <v>1.45595369155304</v>
      </c>
    </row>
    <row r="26192" spans="1:7" x14ac:dyDescent="0.3">
      <c r="A26192" s="13" t="s">
        <v>168</v>
      </c>
      <c r="B26192" s="14" t="s">
        <v>1</v>
      </c>
      <c r="C26192" s="14" t="s">
        <v>106</v>
      </c>
      <c r="D26192" s="14" t="s">
        <v>169</v>
      </c>
      <c r="E26192" s="15">
        <v>45653</v>
      </c>
      <c r="F26192" s="14" t="s">
        <v>25</v>
      </c>
      <c r="G26192" s="16">
        <v>1.45595369155304</v>
      </c>
    </row>
    <row r="26193" spans="1:7" x14ac:dyDescent="0.3">
      <c r="A26193" s="13" t="s">
        <v>168</v>
      </c>
      <c r="B26193" s="14" t="s">
        <v>1</v>
      </c>
      <c r="C26193" s="14" t="s">
        <v>106</v>
      </c>
      <c r="D26193" s="14" t="s">
        <v>169</v>
      </c>
      <c r="E26193" s="15">
        <v>45654</v>
      </c>
      <c r="F26193" s="14" t="s">
        <v>25</v>
      </c>
      <c r="G26193" s="16">
        <v>1.45595369155304</v>
      </c>
    </row>
    <row r="26194" spans="1:7" x14ac:dyDescent="0.3">
      <c r="A26194" s="13" t="s">
        <v>168</v>
      </c>
      <c r="B26194" s="14" t="s">
        <v>1</v>
      </c>
      <c r="C26194" s="14" t="s">
        <v>106</v>
      </c>
      <c r="D26194" s="14" t="s">
        <v>169</v>
      </c>
      <c r="E26194" s="15">
        <v>45655</v>
      </c>
      <c r="F26194" s="14" t="s">
        <v>25</v>
      </c>
      <c r="G26194" s="16">
        <v>1.45595369155304</v>
      </c>
    </row>
    <row r="26195" spans="1:7" x14ac:dyDescent="0.3">
      <c r="A26195" s="13" t="s">
        <v>168</v>
      </c>
      <c r="B26195" s="14" t="s">
        <v>1</v>
      </c>
      <c r="C26195" s="14" t="s">
        <v>106</v>
      </c>
      <c r="D26195" s="14" t="s">
        <v>169</v>
      </c>
      <c r="E26195" s="15">
        <v>45656</v>
      </c>
      <c r="F26195" s="14" t="s">
        <v>25</v>
      </c>
      <c r="G26195" s="16">
        <v>1.4594847409757281</v>
      </c>
    </row>
    <row r="26196" spans="1:7" x14ac:dyDescent="0.3">
      <c r="A26196" s="13" t="s">
        <v>168</v>
      </c>
      <c r="B26196" s="14" t="s">
        <v>1</v>
      </c>
      <c r="C26196" s="14" t="s">
        <v>106</v>
      </c>
      <c r="D26196" s="14" t="s">
        <v>169</v>
      </c>
      <c r="E26196" s="15">
        <v>45657</v>
      </c>
      <c r="F26196" s="14" t="s">
        <v>25</v>
      </c>
      <c r="G26196" s="16">
        <v>1.481791582796129</v>
      </c>
    </row>
    <row r="26197" spans="1:7" x14ac:dyDescent="0.3">
      <c r="A26197" s="13" t="s">
        <v>168</v>
      </c>
      <c r="B26197" s="14" t="s">
        <v>1</v>
      </c>
      <c r="C26197" s="14" t="s">
        <v>106</v>
      </c>
      <c r="D26197" s="14" t="s">
        <v>169</v>
      </c>
      <c r="E26197" s="15">
        <v>45658</v>
      </c>
      <c r="F26197" s="14" t="s">
        <v>25</v>
      </c>
      <c r="G26197" s="16">
        <v>1.481791582796129</v>
      </c>
    </row>
    <row r="26198" spans="1:7" x14ac:dyDescent="0.3">
      <c r="A26198" s="13" t="s">
        <v>168</v>
      </c>
      <c r="B26198" s="14" t="s">
        <v>1</v>
      </c>
      <c r="C26198" s="14" t="s">
        <v>106</v>
      </c>
      <c r="D26198" s="14" t="s">
        <v>169</v>
      </c>
      <c r="E26198" s="15">
        <v>45659</v>
      </c>
      <c r="F26198" s="14" t="s">
        <v>25</v>
      </c>
      <c r="G26198" s="16">
        <v>1.481791582796129</v>
      </c>
    </row>
    <row r="26199" spans="1:7" x14ac:dyDescent="0.3">
      <c r="A26199" s="13" t="s">
        <v>168</v>
      </c>
      <c r="B26199" s="14" t="s">
        <v>1</v>
      </c>
      <c r="C26199" s="14" t="s">
        <v>106</v>
      </c>
      <c r="D26199" s="14" t="s">
        <v>169</v>
      </c>
      <c r="E26199" s="15">
        <v>45660</v>
      </c>
      <c r="F26199" s="14" t="s">
        <v>25</v>
      </c>
      <c r="G26199" s="16">
        <v>1.4855329214589945</v>
      </c>
    </row>
    <row r="26200" spans="1:7" x14ac:dyDescent="0.3">
      <c r="A26200" s="13" t="s">
        <v>168</v>
      </c>
      <c r="B26200" s="14" t="s">
        <v>1</v>
      </c>
      <c r="C26200" s="14" t="s">
        <v>106</v>
      </c>
      <c r="D26200" s="14" t="s">
        <v>169</v>
      </c>
      <c r="E26200" s="15">
        <v>45661</v>
      </c>
      <c r="F26200" s="14" t="s">
        <v>25</v>
      </c>
      <c r="G26200" s="16">
        <v>1.4855329214589945</v>
      </c>
    </row>
    <row r="26201" spans="1:7" x14ac:dyDescent="0.3">
      <c r="A26201" s="13" t="s">
        <v>168</v>
      </c>
      <c r="B26201" s="14" t="s">
        <v>1</v>
      </c>
      <c r="C26201" s="14" t="s">
        <v>106</v>
      </c>
      <c r="D26201" s="14" t="s">
        <v>169</v>
      </c>
      <c r="E26201" s="15">
        <v>45662</v>
      </c>
      <c r="F26201" s="14" t="s">
        <v>25</v>
      </c>
      <c r="G26201" s="16">
        <v>1.4855329214589945</v>
      </c>
    </row>
    <row r="26202" spans="1:7" x14ac:dyDescent="0.3">
      <c r="A26202" s="13" t="s">
        <v>168</v>
      </c>
      <c r="B26202" s="14" t="s">
        <v>1</v>
      </c>
      <c r="C26202" s="14" t="s">
        <v>106</v>
      </c>
      <c r="D26202" s="14" t="s">
        <v>169</v>
      </c>
      <c r="E26202" s="15">
        <v>45663</v>
      </c>
      <c r="F26202" s="14" t="s">
        <v>25</v>
      </c>
      <c r="G26202" s="16">
        <v>1.4962407476431003</v>
      </c>
    </row>
    <row r="26203" spans="1:7" x14ac:dyDescent="0.3">
      <c r="A26203" s="13" t="s">
        <v>168</v>
      </c>
      <c r="B26203" s="14" t="s">
        <v>1</v>
      </c>
      <c r="C26203" s="14" t="s">
        <v>106</v>
      </c>
      <c r="D26203" s="14" t="s">
        <v>169</v>
      </c>
      <c r="E26203" s="15">
        <v>45664</v>
      </c>
      <c r="F26203" s="14" t="s">
        <v>25</v>
      </c>
      <c r="G26203" s="16">
        <v>1.5168326247697175</v>
      </c>
    </row>
    <row r="26204" spans="1:7" x14ac:dyDescent="0.3">
      <c r="A26204" s="13" t="s">
        <v>168</v>
      </c>
      <c r="B26204" s="14" t="s">
        <v>1</v>
      </c>
      <c r="C26204" s="14" t="s">
        <v>106</v>
      </c>
      <c r="D26204" s="14" t="s">
        <v>169</v>
      </c>
      <c r="E26204" s="15">
        <v>45665</v>
      </c>
      <c r="F26204" s="14" t="s">
        <v>25</v>
      </c>
      <c r="G26204" s="16">
        <v>1.5204264641392555</v>
      </c>
    </row>
    <row r="26205" spans="1:7" x14ac:dyDescent="0.3">
      <c r="A26205" s="13" t="s">
        <v>168</v>
      </c>
      <c r="B26205" s="14" t="s">
        <v>1</v>
      </c>
      <c r="C26205" s="14" t="s">
        <v>106</v>
      </c>
      <c r="D26205" s="14" t="s">
        <v>169</v>
      </c>
      <c r="E26205" s="15">
        <v>45666</v>
      </c>
      <c r="F26205" s="14" t="s">
        <v>25</v>
      </c>
      <c r="G26205" s="16">
        <v>1.5240443846070924</v>
      </c>
    </row>
    <row r="26206" spans="1:7" x14ac:dyDescent="0.3">
      <c r="A26206" s="13" t="s">
        <v>168</v>
      </c>
      <c r="B26206" s="14" t="s">
        <v>1</v>
      </c>
      <c r="C26206" s="14" t="s">
        <v>106</v>
      </c>
      <c r="D26206" s="14" t="s">
        <v>169</v>
      </c>
      <c r="E26206" s="15">
        <v>45667</v>
      </c>
      <c r="F26206" s="14" t="s">
        <v>25</v>
      </c>
      <c r="G26206" s="16">
        <v>1.5276712061727771</v>
      </c>
    </row>
    <row r="26207" spans="1:7" x14ac:dyDescent="0.3">
      <c r="A26207" s="13" t="s">
        <v>168</v>
      </c>
      <c r="B26207" s="14" t="s">
        <v>1</v>
      </c>
      <c r="C26207" s="14" t="s">
        <v>106</v>
      </c>
      <c r="D26207" s="14" t="s">
        <v>169</v>
      </c>
      <c r="E26207" s="15">
        <v>45668</v>
      </c>
      <c r="F26207" s="14" t="s">
        <v>25</v>
      </c>
      <c r="G26207" s="16">
        <v>1.5276712061727771</v>
      </c>
    </row>
    <row r="26208" spans="1:7" x14ac:dyDescent="0.3">
      <c r="A26208" s="13" t="s">
        <v>168</v>
      </c>
      <c r="B26208" s="14" t="s">
        <v>1</v>
      </c>
      <c r="C26208" s="14" t="s">
        <v>106</v>
      </c>
      <c r="D26208" s="14" t="s">
        <v>169</v>
      </c>
      <c r="E26208" s="15">
        <v>45669</v>
      </c>
      <c r="F26208" s="14" t="s">
        <v>25</v>
      </c>
      <c r="G26208" s="16">
        <v>1.5276712061727771</v>
      </c>
    </row>
    <row r="26209" spans="1:7" x14ac:dyDescent="0.3">
      <c r="A26209" s="13" t="s">
        <v>168</v>
      </c>
      <c r="B26209" s="14" t="s">
        <v>1</v>
      </c>
      <c r="C26209" s="14" t="s">
        <v>106</v>
      </c>
      <c r="D26209" s="14" t="s">
        <v>169</v>
      </c>
      <c r="E26209" s="15">
        <v>45670</v>
      </c>
      <c r="F26209" s="14" t="s">
        <v>25</v>
      </c>
      <c r="G26209" s="16">
        <v>1.5316408341222376</v>
      </c>
    </row>
    <row r="26210" spans="1:7" x14ac:dyDescent="0.3">
      <c r="A26210" s="13" t="s">
        <v>168</v>
      </c>
      <c r="B26210" s="14" t="s">
        <v>1</v>
      </c>
      <c r="C26210" s="14" t="s">
        <v>106</v>
      </c>
      <c r="D26210" s="14" t="s">
        <v>169</v>
      </c>
      <c r="E26210" s="15">
        <v>45671</v>
      </c>
      <c r="F26210" s="14" t="s">
        <v>25</v>
      </c>
      <c r="G26210" s="16">
        <v>1.5426959641917573</v>
      </c>
    </row>
    <row r="26211" spans="1:7" x14ac:dyDescent="0.3">
      <c r="A26211" s="13" t="s">
        <v>168</v>
      </c>
      <c r="B26211" s="14" t="s">
        <v>1</v>
      </c>
      <c r="C26211" s="14" t="s">
        <v>106</v>
      </c>
      <c r="D26211" s="14" t="s">
        <v>169</v>
      </c>
      <c r="E26211" s="15">
        <v>45672</v>
      </c>
      <c r="F26211" s="14" t="s">
        <v>25</v>
      </c>
      <c r="G26211" s="16">
        <v>1.5463392185534683</v>
      </c>
    </row>
    <row r="26212" spans="1:7" x14ac:dyDescent="0.3">
      <c r="A26212" s="13" t="s">
        <v>168</v>
      </c>
      <c r="B26212" s="14" t="s">
        <v>1</v>
      </c>
      <c r="C26212" s="14" t="s">
        <v>106</v>
      </c>
      <c r="D26212" s="14" t="s">
        <v>169</v>
      </c>
      <c r="E26212" s="15">
        <v>45673</v>
      </c>
      <c r="F26212" s="14" t="s">
        <v>25</v>
      </c>
      <c r="G26212" s="16">
        <v>1.5499651271860406</v>
      </c>
    </row>
    <row r="26213" spans="1:7" x14ac:dyDescent="0.3">
      <c r="A26213" s="13" t="s">
        <v>168</v>
      </c>
      <c r="B26213" s="14" t="s">
        <v>1</v>
      </c>
      <c r="C26213" s="14" t="s">
        <v>106</v>
      </c>
      <c r="D26213" s="14" t="s">
        <v>169</v>
      </c>
      <c r="E26213" s="15">
        <v>45674</v>
      </c>
      <c r="F26213" s="14" t="s">
        <v>25</v>
      </c>
      <c r="G26213" s="16">
        <v>1.5851472535549855</v>
      </c>
    </row>
    <row r="26214" spans="1:7" x14ac:dyDescent="0.3">
      <c r="A26214" s="13" t="s">
        <v>168</v>
      </c>
      <c r="B26214" s="14" t="s">
        <v>1</v>
      </c>
      <c r="C26214" s="14" t="s">
        <v>106</v>
      </c>
      <c r="D26214" s="14" t="s">
        <v>169</v>
      </c>
      <c r="E26214" s="15">
        <v>45675</v>
      </c>
      <c r="F26214" s="14" t="s">
        <v>25</v>
      </c>
      <c r="G26214" s="16">
        <v>1.5851472535549855</v>
      </c>
    </row>
    <row r="26215" spans="1:7" x14ac:dyDescent="0.3">
      <c r="A26215" s="13" t="s">
        <v>168</v>
      </c>
      <c r="B26215" s="14" t="s">
        <v>1</v>
      </c>
      <c r="C26215" s="14" t="s">
        <v>106</v>
      </c>
      <c r="D26215" s="14" t="s">
        <v>169</v>
      </c>
      <c r="E26215" s="15">
        <v>45676</v>
      </c>
      <c r="F26215" s="14" t="s">
        <v>25</v>
      </c>
      <c r="G26215" s="16">
        <v>1.5851472535549855</v>
      </c>
    </row>
    <row r="26216" spans="1:7" x14ac:dyDescent="0.3">
      <c r="A26216" s="13" t="s">
        <v>168</v>
      </c>
      <c r="B26216" s="14" t="s">
        <v>1</v>
      </c>
      <c r="C26216" s="14" t="s">
        <v>106</v>
      </c>
      <c r="D26216" s="14" t="s">
        <v>169</v>
      </c>
      <c r="E26216" s="15">
        <v>45677</v>
      </c>
      <c r="F26216" s="14" t="s">
        <v>25</v>
      </c>
      <c r="G26216" s="16">
        <v>1.590145757122331</v>
      </c>
    </row>
    <row r="26217" spans="1:7" x14ac:dyDescent="0.3">
      <c r="A26217" s="13" t="s">
        <v>168</v>
      </c>
      <c r="B26217" s="14" t="s">
        <v>1</v>
      </c>
      <c r="C26217" s="14" t="s">
        <v>106</v>
      </c>
      <c r="D26217" s="14" t="s">
        <v>169</v>
      </c>
      <c r="E26217" s="15">
        <v>45678</v>
      </c>
      <c r="F26217" s="14" t="s">
        <v>25</v>
      </c>
      <c r="G26217" s="16">
        <v>1.6003787909239666</v>
      </c>
    </row>
    <row r="26218" spans="1:7" x14ac:dyDescent="0.3">
      <c r="A26218" s="13" t="s">
        <v>168</v>
      </c>
      <c r="B26218" s="14" t="s">
        <v>1</v>
      </c>
      <c r="C26218" s="14" t="s">
        <v>106</v>
      </c>
      <c r="D26218" s="14" t="s">
        <v>169</v>
      </c>
      <c r="E26218" s="15">
        <v>45679</v>
      </c>
      <c r="F26218" s="14" t="s">
        <v>25</v>
      </c>
      <c r="G26218" s="16">
        <v>1.6038499573939551</v>
      </c>
    </row>
    <row r="26219" spans="1:7" x14ac:dyDescent="0.3">
      <c r="A26219" s="13" t="s">
        <v>168</v>
      </c>
      <c r="B26219" s="14" t="s">
        <v>1</v>
      </c>
      <c r="C26219" s="14" t="s">
        <v>106</v>
      </c>
      <c r="D26219" s="14" t="s">
        <v>169</v>
      </c>
      <c r="E26219" s="15">
        <v>45680</v>
      </c>
      <c r="F26219" s="14" t="s">
        <v>25</v>
      </c>
      <c r="G26219" s="16">
        <v>1.6073017240353014</v>
      </c>
    </row>
    <row r="26220" spans="1:7" x14ac:dyDescent="0.3">
      <c r="A26220" s="13" t="s">
        <v>168</v>
      </c>
      <c r="B26220" s="14" t="s">
        <v>1</v>
      </c>
      <c r="C26220" s="14" t="s">
        <v>106</v>
      </c>
      <c r="D26220" s="14" t="s">
        <v>169</v>
      </c>
      <c r="E26220" s="15">
        <v>45681</v>
      </c>
      <c r="F26220" s="14" t="s">
        <v>25</v>
      </c>
      <c r="G26220" s="16">
        <v>1.6107628482410516</v>
      </c>
    </row>
    <row r="26221" spans="1:7" x14ac:dyDescent="0.3">
      <c r="A26221" s="13" t="s">
        <v>168</v>
      </c>
      <c r="B26221" s="14" t="s">
        <v>1</v>
      </c>
      <c r="C26221" s="14" t="s">
        <v>106</v>
      </c>
      <c r="D26221" s="14" t="s">
        <v>169</v>
      </c>
      <c r="E26221" s="15">
        <v>45682</v>
      </c>
      <c r="F26221" s="14" t="s">
        <v>25</v>
      </c>
      <c r="G26221" s="16">
        <v>1.6107628482410516</v>
      </c>
    </row>
    <row r="26222" spans="1:7" x14ac:dyDescent="0.3">
      <c r="A26222" s="13" t="s">
        <v>168</v>
      </c>
      <c r="B26222" s="14" t="s">
        <v>1</v>
      </c>
      <c r="C26222" s="14" t="s">
        <v>106</v>
      </c>
      <c r="D26222" s="14" t="s">
        <v>169</v>
      </c>
      <c r="E26222" s="15">
        <v>45683</v>
      </c>
      <c r="F26222" s="14" t="s">
        <v>25</v>
      </c>
      <c r="G26222" s="16">
        <v>1.6107628482410516</v>
      </c>
    </row>
    <row r="26223" spans="1:7" x14ac:dyDescent="0.3">
      <c r="A26223" s="13" t="s">
        <v>168</v>
      </c>
      <c r="B26223" s="14" t="s">
        <v>1</v>
      </c>
      <c r="C26223" s="14" t="s">
        <v>106</v>
      </c>
      <c r="D26223" s="14" t="s">
        <v>169</v>
      </c>
      <c r="E26223" s="15">
        <v>45684</v>
      </c>
      <c r="F26223" s="14" t="s">
        <v>25</v>
      </c>
      <c r="G26223" s="16">
        <v>1.6169703034827392</v>
      </c>
    </row>
    <row r="26224" spans="1:7" x14ac:dyDescent="0.3">
      <c r="A26224" s="13" t="s">
        <v>168</v>
      </c>
      <c r="B26224" s="14" t="s">
        <v>1</v>
      </c>
      <c r="C26224" s="14" t="s">
        <v>106</v>
      </c>
      <c r="D26224" s="14" t="s">
        <v>169</v>
      </c>
      <c r="E26224" s="15">
        <v>45685</v>
      </c>
      <c r="F26224" s="14" t="s">
        <v>25</v>
      </c>
      <c r="G26224" s="16">
        <v>1.6271663634933151</v>
      </c>
    </row>
    <row r="26225" spans="1:7" x14ac:dyDescent="0.3">
      <c r="A26225" s="13" t="s">
        <v>168</v>
      </c>
      <c r="B26225" s="14" t="s">
        <v>1</v>
      </c>
      <c r="C26225" s="14" t="s">
        <v>106</v>
      </c>
      <c r="D26225" s="14" t="s">
        <v>169</v>
      </c>
      <c r="E26225" s="15">
        <v>45686</v>
      </c>
      <c r="F26225" s="14" t="s">
        <v>25</v>
      </c>
      <c r="G26225" s="16">
        <v>1.6305996432391316</v>
      </c>
    </row>
    <row r="26226" spans="1:7" x14ac:dyDescent="0.3">
      <c r="A26226" s="13" t="s">
        <v>168</v>
      </c>
      <c r="B26226" s="14" t="s">
        <v>1</v>
      </c>
      <c r="C26226" s="14" t="s">
        <v>106</v>
      </c>
      <c r="D26226" s="14" t="s">
        <v>169</v>
      </c>
      <c r="E26226" s="15">
        <v>45687</v>
      </c>
      <c r="F26226" s="14" t="s">
        <v>25</v>
      </c>
      <c r="G26226" s="16">
        <v>1.6340251630534908</v>
      </c>
    </row>
    <row r="26227" spans="1:7" x14ac:dyDescent="0.3">
      <c r="A26227" s="13" t="s">
        <v>168</v>
      </c>
      <c r="B26227" s="14" t="s">
        <v>1</v>
      </c>
      <c r="C26227" s="14" t="s">
        <v>106</v>
      </c>
      <c r="D26227" s="14" t="s">
        <v>169</v>
      </c>
      <c r="E26227" s="15">
        <v>45688</v>
      </c>
      <c r="F26227" s="14" t="s">
        <v>25</v>
      </c>
      <c r="G26227" s="16">
        <v>1.6374541063670223</v>
      </c>
    </row>
    <row r="26228" spans="1:7" x14ac:dyDescent="0.3">
      <c r="A26228" s="13" t="s">
        <v>168</v>
      </c>
      <c r="B26228" s="14" t="s">
        <v>1</v>
      </c>
      <c r="C26228" s="14" t="s">
        <v>106</v>
      </c>
      <c r="D26228" s="14" t="s">
        <v>169</v>
      </c>
      <c r="E26228" s="15">
        <v>45689</v>
      </c>
      <c r="F26228" s="14" t="s">
        <v>25</v>
      </c>
      <c r="G26228" s="16">
        <v>1.6374541063670223</v>
      </c>
    </row>
    <row r="26229" spans="1:7" x14ac:dyDescent="0.3">
      <c r="A26229" s="13" t="s">
        <v>168</v>
      </c>
      <c r="B26229" s="14" t="s">
        <v>1</v>
      </c>
      <c r="C26229" s="14" t="s">
        <v>106</v>
      </c>
      <c r="D26229" s="14" t="s">
        <v>169</v>
      </c>
      <c r="E26229" s="15">
        <v>45690</v>
      </c>
      <c r="F26229" s="14" t="s">
        <v>25</v>
      </c>
      <c r="G26229" s="16">
        <v>1.6374541063670223</v>
      </c>
    </row>
    <row r="26230" spans="1:7" x14ac:dyDescent="0.3">
      <c r="A26230" s="13" t="s">
        <v>168</v>
      </c>
      <c r="B26230" s="14" t="s">
        <v>1</v>
      </c>
      <c r="C26230" s="14" t="s">
        <v>106</v>
      </c>
      <c r="D26230" s="14" t="s">
        <v>169</v>
      </c>
      <c r="E26230" s="15">
        <v>45691</v>
      </c>
      <c r="F26230" s="14" t="s">
        <v>25</v>
      </c>
      <c r="G26230" s="16">
        <v>1.6374541063670223</v>
      </c>
    </row>
    <row r="26231" spans="1:7" x14ac:dyDescent="0.3">
      <c r="A26231" s="13" t="s">
        <v>168</v>
      </c>
      <c r="B26231" s="14" t="s">
        <v>1</v>
      </c>
      <c r="C26231" s="14" t="s">
        <v>106</v>
      </c>
      <c r="D26231" s="14" t="s">
        <v>169</v>
      </c>
      <c r="E26231" s="15">
        <v>45692</v>
      </c>
      <c r="F26231" s="14" t="s">
        <v>25</v>
      </c>
      <c r="G26231" s="16">
        <v>1.6407755518065468</v>
      </c>
    </row>
    <row r="26232" spans="1:7" x14ac:dyDescent="0.3">
      <c r="A26232" s="13" t="s">
        <v>168</v>
      </c>
      <c r="B26232" s="14" t="s">
        <v>1</v>
      </c>
      <c r="C26232" s="14" t="s">
        <v>106</v>
      </c>
      <c r="D26232" s="14" t="s">
        <v>169</v>
      </c>
      <c r="E26232" s="15">
        <v>45693</v>
      </c>
      <c r="F26232" s="14" t="s">
        <v>25</v>
      </c>
      <c r="G26232" s="16">
        <v>1.6671616644145171</v>
      </c>
    </row>
    <row r="26233" spans="1:7" x14ac:dyDescent="0.3">
      <c r="A26233" s="13" t="s">
        <v>168</v>
      </c>
      <c r="B26233" s="14" t="s">
        <v>1</v>
      </c>
      <c r="C26233" s="14" t="s">
        <v>106</v>
      </c>
      <c r="D26233" s="14" t="s">
        <v>169</v>
      </c>
      <c r="E26233" s="15">
        <v>45694</v>
      </c>
      <c r="F26233" s="14" t="s">
        <v>25</v>
      </c>
      <c r="G26233" s="16">
        <v>1.670767590245728</v>
      </c>
    </row>
    <row r="26234" spans="1:7" x14ac:dyDescent="0.3">
      <c r="A26234" s="13" t="s">
        <v>168</v>
      </c>
      <c r="B26234" s="14" t="s">
        <v>1</v>
      </c>
      <c r="C26234" s="14" t="s">
        <v>106</v>
      </c>
      <c r="D26234" s="14" t="s">
        <v>169</v>
      </c>
      <c r="E26234" s="15">
        <v>45695</v>
      </c>
      <c r="F26234" s="14" t="s">
        <v>25</v>
      </c>
      <c r="G26234" s="16">
        <v>1.6807969566012366</v>
      </c>
    </row>
    <row r="26235" spans="1:7" x14ac:dyDescent="0.3">
      <c r="A26235" s="13" t="s">
        <v>168</v>
      </c>
      <c r="B26235" s="14" t="s">
        <v>1</v>
      </c>
      <c r="C26235" s="14" t="s">
        <v>106</v>
      </c>
      <c r="D26235" s="14" t="s">
        <v>169</v>
      </c>
      <c r="E26235" s="15">
        <v>45696</v>
      </c>
      <c r="F26235" s="14" t="s">
        <v>25</v>
      </c>
      <c r="G26235" s="16">
        <v>1.6807969566012366</v>
      </c>
    </row>
    <row r="26236" spans="1:7" x14ac:dyDescent="0.3">
      <c r="A26236" s="13" t="s">
        <v>168</v>
      </c>
      <c r="B26236" s="14" t="s">
        <v>1</v>
      </c>
      <c r="C26236" s="14" t="s">
        <v>106</v>
      </c>
      <c r="D26236" s="14" t="s">
        <v>169</v>
      </c>
      <c r="E26236" s="15">
        <v>45697</v>
      </c>
      <c r="F26236" s="14" t="s">
        <v>25</v>
      </c>
      <c r="G26236" s="16">
        <v>1.6807969566012366</v>
      </c>
    </row>
    <row r="26237" spans="1:7" x14ac:dyDescent="0.3">
      <c r="A26237" s="13" t="s">
        <v>168</v>
      </c>
      <c r="B26237" s="14" t="s">
        <v>1</v>
      </c>
      <c r="C26237" s="14" t="s">
        <v>106</v>
      </c>
      <c r="D26237" s="14" t="s">
        <v>169</v>
      </c>
      <c r="E26237" s="15">
        <v>45698</v>
      </c>
      <c r="F26237" s="14" t="s">
        <v>25</v>
      </c>
      <c r="G26237" s="16">
        <v>1.684448663282933</v>
      </c>
    </row>
    <row r="26238" spans="1:7" x14ac:dyDescent="0.3">
      <c r="A26238" s="13" t="s">
        <v>168</v>
      </c>
      <c r="B26238" s="14" t="s">
        <v>1</v>
      </c>
      <c r="C26238" s="14" t="s">
        <v>106</v>
      </c>
      <c r="D26238" s="14" t="s">
        <v>169</v>
      </c>
      <c r="E26238" s="15">
        <v>45699</v>
      </c>
      <c r="F26238" s="14" t="s">
        <v>25</v>
      </c>
      <c r="G26238" s="16">
        <v>1.6954858916453923</v>
      </c>
    </row>
    <row r="26239" spans="1:7" x14ac:dyDescent="0.3">
      <c r="A26239" s="13" t="s">
        <v>168</v>
      </c>
      <c r="B26239" s="14" t="s">
        <v>1</v>
      </c>
      <c r="C26239" s="14" t="s">
        <v>106</v>
      </c>
      <c r="D26239" s="14" t="s">
        <v>169</v>
      </c>
      <c r="E26239" s="15">
        <v>45700</v>
      </c>
      <c r="F26239" s="14" t="s">
        <v>25</v>
      </c>
      <c r="G26239" s="16">
        <v>1.6991640191164232</v>
      </c>
    </row>
    <row r="26240" spans="1:7" x14ac:dyDescent="0.3">
      <c r="A26240" s="13" t="s">
        <v>168</v>
      </c>
      <c r="B26240" s="14" t="s">
        <v>1</v>
      </c>
      <c r="C26240" s="14" t="s">
        <v>106</v>
      </c>
      <c r="D26240" s="14" t="s">
        <v>169</v>
      </c>
      <c r="E26240" s="15">
        <v>45701</v>
      </c>
      <c r="F26240" s="14" t="s">
        <v>25</v>
      </c>
      <c r="G26240" s="16">
        <v>1.70282103675367</v>
      </c>
    </row>
    <row r="26241" spans="1:7" x14ac:dyDescent="0.3">
      <c r="A26241" s="13" t="s">
        <v>168</v>
      </c>
      <c r="B26241" s="14" t="s">
        <v>1</v>
      </c>
      <c r="C26241" s="14" t="s">
        <v>106</v>
      </c>
      <c r="D26241" s="14" t="s">
        <v>169</v>
      </c>
      <c r="E26241" s="15">
        <v>45702</v>
      </c>
      <c r="F26241" s="14" t="s">
        <v>25</v>
      </c>
      <c r="G26241" s="16">
        <v>1.7124925731374934</v>
      </c>
    </row>
    <row r="26242" spans="1:7" x14ac:dyDescent="0.3">
      <c r="A26242" s="13" t="s">
        <v>168</v>
      </c>
      <c r="B26242" s="14" t="s">
        <v>1</v>
      </c>
      <c r="C26242" s="14" t="s">
        <v>106</v>
      </c>
      <c r="D26242" s="14" t="s">
        <v>169</v>
      </c>
      <c r="E26242" s="15">
        <v>45703</v>
      </c>
      <c r="F26242" s="14" t="s">
        <v>25</v>
      </c>
      <c r="G26242" s="16">
        <v>1.7124925731374934</v>
      </c>
    </row>
    <row r="26243" spans="1:7" x14ac:dyDescent="0.3">
      <c r="A26243" s="13" t="s">
        <v>168</v>
      </c>
      <c r="B26243" s="14" t="s">
        <v>1</v>
      </c>
      <c r="C26243" s="14" t="s">
        <v>106</v>
      </c>
      <c r="D26243" s="14" t="s">
        <v>169</v>
      </c>
      <c r="E26243" s="15">
        <v>45704</v>
      </c>
      <c r="F26243" s="14" t="s">
        <v>25</v>
      </c>
      <c r="G26243" s="16">
        <v>1.7124925731374934</v>
      </c>
    </row>
    <row r="26244" spans="1:7" x14ac:dyDescent="0.3">
      <c r="A26244" s="13" t="s">
        <v>168</v>
      </c>
      <c r="B26244" s="14" t="s">
        <v>1</v>
      </c>
      <c r="C26244" s="14" t="s">
        <v>106</v>
      </c>
      <c r="D26244" s="14" t="s">
        <v>169</v>
      </c>
      <c r="E26244" s="15">
        <v>45705</v>
      </c>
      <c r="F26244" s="14" t="s">
        <v>25</v>
      </c>
      <c r="G26244" s="16">
        <v>1.716188747063272</v>
      </c>
    </row>
    <row r="26245" spans="1:7" x14ac:dyDescent="0.3">
      <c r="A26245" s="13" t="s">
        <v>168</v>
      </c>
      <c r="B26245" s="14" t="s">
        <v>1</v>
      </c>
      <c r="C26245" s="14" t="s">
        <v>106</v>
      </c>
      <c r="D26245" s="14" t="s">
        <v>169</v>
      </c>
      <c r="E26245" s="15">
        <v>45706</v>
      </c>
      <c r="F26245" s="14" t="s">
        <v>25</v>
      </c>
      <c r="G26245" s="16">
        <v>1.7274516122082502</v>
      </c>
    </row>
    <row r="26246" spans="1:7" x14ac:dyDescent="0.3">
      <c r="A26246" s="13" t="s">
        <v>168</v>
      </c>
      <c r="B26246" s="14" t="s">
        <v>1</v>
      </c>
      <c r="C26246" s="14" t="s">
        <v>106</v>
      </c>
      <c r="D26246" s="14" t="s">
        <v>169</v>
      </c>
      <c r="E26246" s="15">
        <v>45707</v>
      </c>
      <c r="F26246" s="14" t="s">
        <v>25</v>
      </c>
      <c r="G26246" s="16">
        <v>1.7299596981666698</v>
      </c>
    </row>
    <row r="26247" spans="1:7" x14ac:dyDescent="0.3">
      <c r="A26247" s="13" t="s">
        <v>168</v>
      </c>
      <c r="B26247" s="14" t="s">
        <v>1</v>
      </c>
      <c r="C26247" s="14" t="s">
        <v>106</v>
      </c>
      <c r="D26247" s="14" t="s">
        <v>169</v>
      </c>
      <c r="E26247" s="15">
        <v>45708</v>
      </c>
      <c r="F26247" s="14" t="s">
        <v>25</v>
      </c>
      <c r="G26247" s="16">
        <v>1.7336933545557032</v>
      </c>
    </row>
    <row r="26248" spans="1:7" x14ac:dyDescent="0.3">
      <c r="A26248" s="13" t="s">
        <v>168</v>
      </c>
      <c r="B26248" s="14" t="s">
        <v>1</v>
      </c>
      <c r="C26248" s="14" t="s">
        <v>106</v>
      </c>
      <c r="D26248" s="14" t="s">
        <v>169</v>
      </c>
      <c r="E26248" s="15">
        <v>45709</v>
      </c>
      <c r="F26248" s="14" t="s">
        <v>25</v>
      </c>
      <c r="G26248" s="16">
        <v>1.7375669223879675</v>
      </c>
    </row>
    <row r="26249" spans="1:7" x14ac:dyDescent="0.3">
      <c r="A26249" s="13" t="s">
        <v>168</v>
      </c>
      <c r="B26249" s="14" t="s">
        <v>1</v>
      </c>
      <c r="C26249" s="14" t="s">
        <v>106</v>
      </c>
      <c r="D26249" s="14" t="s">
        <v>169</v>
      </c>
      <c r="E26249" s="15">
        <v>45710</v>
      </c>
      <c r="F26249" s="14" t="s">
        <v>25</v>
      </c>
      <c r="G26249" s="16">
        <v>1.7375669223879675</v>
      </c>
    </row>
    <row r="26250" spans="1:7" x14ac:dyDescent="0.3">
      <c r="A26250" s="13" t="s">
        <v>168</v>
      </c>
      <c r="B26250" s="14" t="s">
        <v>1</v>
      </c>
      <c r="C26250" s="14" t="s">
        <v>106</v>
      </c>
      <c r="D26250" s="14" t="s">
        <v>169</v>
      </c>
      <c r="E26250" s="15">
        <v>45711</v>
      </c>
      <c r="F26250" s="14" t="s">
        <v>25</v>
      </c>
      <c r="G26250" s="16">
        <v>1.7375669223879675</v>
      </c>
    </row>
    <row r="26251" spans="1:7" x14ac:dyDescent="0.3">
      <c r="A26251" s="13" t="s">
        <v>168</v>
      </c>
      <c r="B26251" s="14" t="s">
        <v>1</v>
      </c>
      <c r="C26251" s="14" t="s">
        <v>106</v>
      </c>
      <c r="D26251" s="14" t="s">
        <v>169</v>
      </c>
      <c r="E26251" s="15">
        <v>45712</v>
      </c>
      <c r="F26251" s="14" t="s">
        <v>25</v>
      </c>
      <c r="G26251" s="16">
        <v>1.7413270363896629</v>
      </c>
    </row>
    <row r="26252" spans="1:7" x14ac:dyDescent="0.3">
      <c r="A26252" s="13" t="s">
        <v>168</v>
      </c>
      <c r="B26252" s="14" t="s">
        <v>1</v>
      </c>
      <c r="C26252" s="14" t="s">
        <v>106</v>
      </c>
      <c r="D26252" s="14" t="s">
        <v>169</v>
      </c>
      <c r="E26252" s="15">
        <v>45713</v>
      </c>
      <c r="F26252" s="14" t="s">
        <v>25</v>
      </c>
      <c r="G26252" s="16">
        <v>1.7526091842014964</v>
      </c>
    </row>
    <row r="26253" spans="1:7" x14ac:dyDescent="0.3">
      <c r="A26253" s="13" t="s">
        <v>168</v>
      </c>
      <c r="B26253" s="14" t="s">
        <v>1</v>
      </c>
      <c r="C26253" s="14" t="s">
        <v>106</v>
      </c>
      <c r="D26253" s="14" t="s">
        <v>169</v>
      </c>
      <c r="E26253" s="15">
        <v>45714</v>
      </c>
      <c r="F26253" s="14" t="s">
        <v>25</v>
      </c>
      <c r="G26253" s="16">
        <v>1.7563540514433527</v>
      </c>
    </row>
    <row r="26254" spans="1:7" x14ac:dyDescent="0.3">
      <c r="A26254" s="13" t="s">
        <v>168</v>
      </c>
      <c r="B26254" s="14" t="s">
        <v>1</v>
      </c>
      <c r="C26254" s="14" t="s">
        <v>106</v>
      </c>
      <c r="D26254" s="14" t="s">
        <v>169</v>
      </c>
      <c r="E26254" s="15">
        <v>45715</v>
      </c>
      <c r="F26254" s="14" t="s">
        <v>25</v>
      </c>
      <c r="G26254" s="16">
        <v>1.7668155648285409</v>
      </c>
    </row>
    <row r="26255" spans="1:7" x14ac:dyDescent="0.3">
      <c r="A26255" s="13" t="s">
        <v>168</v>
      </c>
      <c r="B26255" s="14" t="s">
        <v>1</v>
      </c>
      <c r="C26255" s="14" t="s">
        <v>106</v>
      </c>
      <c r="D26255" s="14" t="s">
        <v>169</v>
      </c>
      <c r="E26255" s="15">
        <v>45716</v>
      </c>
      <c r="F26255" s="14" t="s">
        <v>25</v>
      </c>
      <c r="G26255" s="16">
        <v>1.770586441248946</v>
      </c>
    </row>
    <row r="26256" spans="1:7" x14ac:dyDescent="0.3">
      <c r="A26256" s="13" t="s">
        <v>168</v>
      </c>
      <c r="B26256" s="14" t="s">
        <v>1</v>
      </c>
      <c r="C26256" s="14" t="s">
        <v>106</v>
      </c>
      <c r="D26256" s="14" t="s">
        <v>169</v>
      </c>
      <c r="E26256" s="15">
        <v>45717</v>
      </c>
      <c r="F26256" s="14" t="s">
        <v>25</v>
      </c>
      <c r="G26256" s="16">
        <v>1.770586441248946</v>
      </c>
    </row>
    <row r="26257" spans="1:7" x14ac:dyDescent="0.3">
      <c r="A26257" s="13" t="s">
        <v>168</v>
      </c>
      <c r="B26257" s="14" t="s">
        <v>1</v>
      </c>
      <c r="C26257" s="14" t="s">
        <v>106</v>
      </c>
      <c r="D26257" s="14" t="s">
        <v>169</v>
      </c>
      <c r="E26257" s="15">
        <v>45718</v>
      </c>
      <c r="F26257" s="14" t="s">
        <v>25</v>
      </c>
      <c r="G26257" s="16">
        <v>1.770586441248946</v>
      </c>
    </row>
    <row r="26258" spans="1:7" x14ac:dyDescent="0.3">
      <c r="A26258" s="13" t="s">
        <v>168</v>
      </c>
      <c r="B26258" s="14" t="s">
        <v>1</v>
      </c>
      <c r="C26258" s="14" t="s">
        <v>106</v>
      </c>
      <c r="D26258" s="14" t="s">
        <v>169</v>
      </c>
      <c r="E26258" s="15">
        <v>45719</v>
      </c>
      <c r="F26258" s="14" t="s">
        <v>25</v>
      </c>
      <c r="G26258" s="16">
        <v>1.7747958862317885</v>
      </c>
    </row>
    <row r="26259" spans="1:7" x14ac:dyDescent="0.3">
      <c r="A26259" s="13" t="s">
        <v>168</v>
      </c>
      <c r="B26259" s="14" t="s">
        <v>1</v>
      </c>
      <c r="C26259" s="14" t="s">
        <v>106</v>
      </c>
      <c r="D26259" s="14" t="s">
        <v>169</v>
      </c>
      <c r="E26259" s="15">
        <v>45720</v>
      </c>
      <c r="F26259" s="14" t="s">
        <v>25</v>
      </c>
      <c r="G26259" s="16">
        <v>1.7867390259260678</v>
      </c>
    </row>
    <row r="26260" spans="1:7" x14ac:dyDescent="0.3">
      <c r="A26260" s="13" t="s">
        <v>168</v>
      </c>
      <c r="B26260" s="14" t="s">
        <v>1</v>
      </c>
      <c r="C26260" s="14" t="s">
        <v>106</v>
      </c>
      <c r="D26260" s="14" t="s">
        <v>169</v>
      </c>
      <c r="E26260" s="15">
        <v>45721</v>
      </c>
      <c r="F26260" s="14" t="s">
        <v>25</v>
      </c>
      <c r="G26260" s="16">
        <v>1.7902637120184797</v>
      </c>
    </row>
    <row r="26261" spans="1:7" x14ac:dyDescent="0.3">
      <c r="A26261" s="13" t="s">
        <v>168</v>
      </c>
      <c r="B26261" s="14" t="s">
        <v>1</v>
      </c>
      <c r="C26261" s="14" t="s">
        <v>106</v>
      </c>
      <c r="D26261" s="14" t="s">
        <v>169</v>
      </c>
      <c r="E26261" s="15">
        <v>45722</v>
      </c>
      <c r="F26261" s="14" t="s">
        <v>25</v>
      </c>
      <c r="G26261" s="16">
        <v>1.7994723004921662</v>
      </c>
    </row>
    <row r="26262" spans="1:7" x14ac:dyDescent="0.3">
      <c r="A26262" s="13" t="s">
        <v>168</v>
      </c>
      <c r="B26262" s="14" t="s">
        <v>1</v>
      </c>
      <c r="C26262" s="14" t="s">
        <v>106</v>
      </c>
      <c r="D26262" s="14" t="s">
        <v>169</v>
      </c>
      <c r="E26262" s="15">
        <v>45723</v>
      </c>
      <c r="F26262" s="14" t="s">
        <v>25</v>
      </c>
      <c r="G26262" s="16">
        <v>1.8036709830562985</v>
      </c>
    </row>
    <row r="26263" spans="1:7" x14ac:dyDescent="0.3">
      <c r="A26263" s="13" t="s">
        <v>168</v>
      </c>
      <c r="B26263" s="14" t="s">
        <v>1</v>
      </c>
      <c r="C26263" s="14" t="s">
        <v>106</v>
      </c>
      <c r="D26263" s="14" t="s">
        <v>169</v>
      </c>
      <c r="E26263" s="15">
        <v>45724</v>
      </c>
      <c r="F26263" s="14" t="s">
        <v>25</v>
      </c>
      <c r="G26263" s="16">
        <v>1.8036709830562985</v>
      </c>
    </row>
    <row r="26264" spans="1:7" x14ac:dyDescent="0.3">
      <c r="A26264" s="13" t="s">
        <v>168</v>
      </c>
      <c r="B26264" s="14" t="s">
        <v>1</v>
      </c>
      <c r="C26264" s="14" t="s">
        <v>106</v>
      </c>
      <c r="D26264" s="14" t="s">
        <v>169</v>
      </c>
      <c r="E26264" s="15">
        <v>45725</v>
      </c>
      <c r="F26264" s="14" t="s">
        <v>25</v>
      </c>
      <c r="G26264" s="16">
        <v>1.8036709830562985</v>
      </c>
    </row>
    <row r="26265" spans="1:7" x14ac:dyDescent="0.3">
      <c r="A26265" s="13" t="s">
        <v>168</v>
      </c>
      <c r="B26265" s="14" t="s">
        <v>1</v>
      </c>
      <c r="C26265" s="14" t="s">
        <v>106</v>
      </c>
      <c r="D26265" s="14" t="s">
        <v>169</v>
      </c>
      <c r="E26265" s="15">
        <v>45726</v>
      </c>
      <c r="F26265" s="14" t="s">
        <v>25</v>
      </c>
      <c r="G26265" s="16">
        <v>1.8072427547305672</v>
      </c>
    </row>
    <row r="26266" spans="1:7" x14ac:dyDescent="0.3">
      <c r="A26266" s="13" t="s">
        <v>168</v>
      </c>
      <c r="B26266" s="14" t="s">
        <v>1</v>
      </c>
      <c r="C26266" s="14" t="s">
        <v>106</v>
      </c>
      <c r="D26266" s="14" t="s">
        <v>169</v>
      </c>
      <c r="E26266" s="15">
        <v>45727</v>
      </c>
      <c r="F26266" s="14" t="s">
        <v>25</v>
      </c>
      <c r="G26266" s="16">
        <v>1.8179553912189907</v>
      </c>
    </row>
    <row r="26267" spans="1:7" x14ac:dyDescent="0.3">
      <c r="A26267" s="13" t="s">
        <v>168</v>
      </c>
      <c r="B26267" s="14" t="s">
        <v>1</v>
      </c>
      <c r="C26267" s="14" t="s">
        <v>106</v>
      </c>
      <c r="D26267" s="14" t="s">
        <v>169</v>
      </c>
      <c r="E26267" s="15">
        <v>45728</v>
      </c>
      <c r="F26267" s="14" t="s">
        <v>25</v>
      </c>
      <c r="G26267" s="16">
        <v>1.8214684180244662</v>
      </c>
    </row>
    <row r="26268" spans="1:7" x14ac:dyDescent="0.3">
      <c r="A26268" s="13" t="s">
        <v>168</v>
      </c>
      <c r="B26268" s="14" t="s">
        <v>1</v>
      </c>
      <c r="C26268" s="14" t="s">
        <v>106</v>
      </c>
      <c r="D26268" s="14" t="s">
        <v>169</v>
      </c>
      <c r="E26268" s="15">
        <v>45729</v>
      </c>
      <c r="F26268" s="14" t="s">
        <v>25</v>
      </c>
      <c r="G26268" s="16">
        <v>1.8250357053576054</v>
      </c>
    </row>
    <row r="26269" spans="1:7" x14ac:dyDescent="0.3">
      <c r="A26269" s="13" t="s">
        <v>168</v>
      </c>
      <c r="B26269" s="14" t="s">
        <v>1</v>
      </c>
      <c r="C26269" s="14" t="s">
        <v>106</v>
      </c>
      <c r="D26269" s="14" t="s">
        <v>169</v>
      </c>
      <c r="E26269" s="15">
        <v>45730</v>
      </c>
      <c r="F26269" s="14" t="s">
        <v>25</v>
      </c>
      <c r="G26269" s="16">
        <v>1.8286074770318741</v>
      </c>
    </row>
    <row r="26270" spans="1:7" x14ac:dyDescent="0.3">
      <c r="A26270" s="13" t="s">
        <v>168</v>
      </c>
      <c r="B26270" s="14" t="s">
        <v>1</v>
      </c>
      <c r="C26270" s="14" t="s">
        <v>106</v>
      </c>
      <c r="D26270" s="14" t="s">
        <v>169</v>
      </c>
      <c r="E26270" s="15">
        <v>45731</v>
      </c>
      <c r="F26270" s="14" t="s">
        <v>25</v>
      </c>
      <c r="G26270" s="16">
        <v>1.8286074770318741</v>
      </c>
    </row>
    <row r="26271" spans="1:7" x14ac:dyDescent="0.3">
      <c r="A26271" s="13" t="s">
        <v>168</v>
      </c>
      <c r="B26271" s="14" t="s">
        <v>1</v>
      </c>
      <c r="C26271" s="14" t="s">
        <v>106</v>
      </c>
      <c r="D26271" s="14" t="s">
        <v>169</v>
      </c>
      <c r="E26271" s="15">
        <v>45732</v>
      </c>
      <c r="F26271" s="14" t="s">
        <v>25</v>
      </c>
      <c r="G26271" s="16">
        <v>1.8286074770318741</v>
      </c>
    </row>
    <row r="26272" spans="1:7" x14ac:dyDescent="0.3">
      <c r="A26272" s="13" t="s">
        <v>168</v>
      </c>
      <c r="B26272" s="14" t="s">
        <v>1</v>
      </c>
      <c r="C26272" s="14" t="s">
        <v>106</v>
      </c>
      <c r="D26272" s="14" t="s">
        <v>169</v>
      </c>
      <c r="E26272" s="15">
        <v>45733</v>
      </c>
      <c r="F26272" s="14" t="s">
        <v>25</v>
      </c>
      <c r="G26272" s="16">
        <v>1.8286074770318741</v>
      </c>
    </row>
    <row r="26273" spans="1:7" x14ac:dyDescent="0.3">
      <c r="A26273" s="13" t="s">
        <v>168</v>
      </c>
      <c r="B26273" s="14" t="s">
        <v>1</v>
      </c>
      <c r="C26273" s="14" t="s">
        <v>106</v>
      </c>
      <c r="D26273" s="14" t="s">
        <v>169</v>
      </c>
      <c r="E26273" s="15">
        <v>45734</v>
      </c>
      <c r="F26273" s="14" t="s">
        <v>25</v>
      </c>
      <c r="G26273" s="16">
        <v>1.8320052562703293</v>
      </c>
    </row>
    <row r="26274" spans="1:7" x14ac:dyDescent="0.3">
      <c r="A26274" s="13" t="s">
        <v>168</v>
      </c>
      <c r="B26274" s="14" t="s">
        <v>1</v>
      </c>
      <c r="C26274" s="14" t="s">
        <v>106</v>
      </c>
      <c r="D26274" s="14" t="s">
        <v>169</v>
      </c>
      <c r="E26274" s="15">
        <v>45735</v>
      </c>
      <c r="F26274" s="14" t="s">
        <v>25</v>
      </c>
      <c r="G26274" s="16">
        <v>1.8455210543986231</v>
      </c>
    </row>
    <row r="26275" spans="1:7" x14ac:dyDescent="0.3">
      <c r="A26275" s="13" t="s">
        <v>168</v>
      </c>
      <c r="B26275" s="14" t="s">
        <v>1</v>
      </c>
      <c r="C26275" s="14" t="s">
        <v>106</v>
      </c>
      <c r="D26275" s="14" t="s">
        <v>169</v>
      </c>
      <c r="E26275" s="15">
        <v>45736</v>
      </c>
      <c r="F26275" s="14" t="s">
        <v>25</v>
      </c>
      <c r="G26275" s="16">
        <v>1.8489582958390154</v>
      </c>
    </row>
    <row r="26276" spans="1:7" x14ac:dyDescent="0.3">
      <c r="A26276" s="13" t="s">
        <v>168</v>
      </c>
      <c r="B26276" s="14" t="s">
        <v>1</v>
      </c>
      <c r="C26276" s="14" t="s">
        <v>106</v>
      </c>
      <c r="D26276" s="14" t="s">
        <v>169</v>
      </c>
      <c r="E26276" s="15">
        <v>45737</v>
      </c>
      <c r="F26276" s="14" t="s">
        <v>25</v>
      </c>
      <c r="G26276" s="16">
        <v>1.8523825326901326</v>
      </c>
    </row>
    <row r="26277" spans="1:7" x14ac:dyDescent="0.3">
      <c r="A26277" s="13" t="s">
        <v>168</v>
      </c>
      <c r="B26277" s="14" t="s">
        <v>1</v>
      </c>
      <c r="C26277" s="14" t="s">
        <v>106</v>
      </c>
      <c r="D26277" s="14" t="s">
        <v>169</v>
      </c>
      <c r="E26277" s="15">
        <v>45738</v>
      </c>
      <c r="F26277" s="14" t="s">
        <v>25</v>
      </c>
      <c r="G26277" s="16">
        <v>1.8523825326901326</v>
      </c>
    </row>
    <row r="26278" spans="1:7" x14ac:dyDescent="0.3">
      <c r="A26278" s="13" t="s">
        <v>168</v>
      </c>
      <c r="B26278" s="14" t="s">
        <v>1</v>
      </c>
      <c r="C26278" s="14" t="s">
        <v>106</v>
      </c>
      <c r="D26278" s="14" t="s">
        <v>169</v>
      </c>
      <c r="E26278" s="15">
        <v>45739</v>
      </c>
      <c r="F26278" s="14" t="s">
        <v>25</v>
      </c>
      <c r="G26278" s="16">
        <v>1.8523825326901326</v>
      </c>
    </row>
    <row r="26279" spans="1:7" x14ac:dyDescent="0.3">
      <c r="A26279" s="13" t="s">
        <v>168</v>
      </c>
      <c r="B26279" s="14" t="s">
        <v>1</v>
      </c>
      <c r="C26279" s="14" t="s">
        <v>106</v>
      </c>
      <c r="D26279" s="14" t="s">
        <v>169</v>
      </c>
      <c r="E26279" s="15">
        <v>45740</v>
      </c>
      <c r="F26279" s="14" t="s">
        <v>25</v>
      </c>
      <c r="G26279" s="16">
        <v>1.85448344047402</v>
      </c>
    </row>
    <row r="26280" spans="1:7" x14ac:dyDescent="0.3">
      <c r="A26280" s="13" t="s">
        <v>168</v>
      </c>
      <c r="B26280" s="14" t="s">
        <v>1</v>
      </c>
      <c r="C26280" s="14" t="s">
        <v>106</v>
      </c>
      <c r="D26280" s="14" t="s">
        <v>169</v>
      </c>
      <c r="E26280" s="15">
        <v>45741</v>
      </c>
      <c r="F26280" s="14" t="s">
        <v>25</v>
      </c>
      <c r="G26280" s="16">
        <v>1.8648279125557359</v>
      </c>
    </row>
    <row r="26281" spans="1:7" x14ac:dyDescent="0.3">
      <c r="A26281" s="13" t="s">
        <v>168</v>
      </c>
      <c r="B26281" s="14" t="s">
        <v>1</v>
      </c>
      <c r="C26281" s="14" t="s">
        <v>106</v>
      </c>
      <c r="D26281" s="14" t="s">
        <v>169</v>
      </c>
      <c r="E26281" s="15">
        <v>45742</v>
      </c>
      <c r="F26281" s="14" t="s">
        <v>25</v>
      </c>
      <c r="G26281" s="16">
        <v>1.8685750219681563</v>
      </c>
    </row>
    <row r="26282" spans="1:7" x14ac:dyDescent="0.3">
      <c r="A26282" s="13" t="s">
        <v>168</v>
      </c>
      <c r="B26282" s="14" t="s">
        <v>1</v>
      </c>
      <c r="C26282" s="14" t="s">
        <v>106</v>
      </c>
      <c r="D26282" s="14" t="s">
        <v>169</v>
      </c>
      <c r="E26282" s="15">
        <v>45743</v>
      </c>
      <c r="F26282" s="14" t="s">
        <v>25</v>
      </c>
      <c r="G26282" s="16">
        <v>1.8745400865030846</v>
      </c>
    </row>
    <row r="26283" spans="1:7" x14ac:dyDescent="0.3">
      <c r="A26283" s="13" t="s">
        <v>168</v>
      </c>
      <c r="B26283" s="14" t="s">
        <v>1</v>
      </c>
      <c r="C26283" s="14" t="s">
        <v>106</v>
      </c>
      <c r="D26283" s="14" t="s">
        <v>169</v>
      </c>
      <c r="E26283" s="15">
        <v>45744</v>
      </c>
      <c r="F26283" s="14" t="s">
        <v>25</v>
      </c>
      <c r="G26283" s="16">
        <v>1.8779665655247666</v>
      </c>
    </row>
    <row r="26284" spans="1:7" x14ac:dyDescent="0.3">
      <c r="A26284" s="13" t="s">
        <v>168</v>
      </c>
      <c r="B26284" s="14" t="s">
        <v>1</v>
      </c>
      <c r="C26284" s="14" t="s">
        <v>106</v>
      </c>
      <c r="D26284" s="14" t="s">
        <v>169</v>
      </c>
      <c r="E26284" s="15">
        <v>45745</v>
      </c>
      <c r="F26284" s="14" t="s">
        <v>25</v>
      </c>
      <c r="G26284" s="16">
        <v>1.8779665655247666</v>
      </c>
    </row>
    <row r="26285" spans="1:7" x14ac:dyDescent="0.3">
      <c r="A26285" s="13" t="s">
        <v>168</v>
      </c>
      <c r="B26285" s="14" t="s">
        <v>1</v>
      </c>
      <c r="C26285" s="14" t="s">
        <v>106</v>
      </c>
      <c r="D26285" s="14" t="s">
        <v>169</v>
      </c>
      <c r="E26285" s="15">
        <v>45746</v>
      </c>
      <c r="F26285" s="14" t="s">
        <v>25</v>
      </c>
      <c r="G26285" s="16">
        <v>1.8779665655247666</v>
      </c>
    </row>
    <row r="26286" spans="1:7" x14ac:dyDescent="0.3">
      <c r="A26286" s="13" t="s">
        <v>168</v>
      </c>
      <c r="B26286" s="14" t="s">
        <v>1</v>
      </c>
      <c r="C26286" s="14" t="s">
        <v>106</v>
      </c>
      <c r="D26286" s="14" t="s">
        <v>169</v>
      </c>
      <c r="E26286" s="15">
        <v>45747</v>
      </c>
      <c r="F26286" s="14" t="s">
        <v>25</v>
      </c>
      <c r="G26286" s="16">
        <v>1.8828997831658638</v>
      </c>
    </row>
    <row r="26287" spans="1:7" x14ac:dyDescent="0.3">
      <c r="A26287" s="13" t="s">
        <v>170</v>
      </c>
      <c r="B26287" s="14" t="s">
        <v>1</v>
      </c>
      <c r="C26287" s="14" t="s">
        <v>70</v>
      </c>
      <c r="D26287" s="14" t="s">
        <v>171</v>
      </c>
      <c r="E26287" s="15">
        <v>45383</v>
      </c>
      <c r="F26287" s="14" t="s">
        <v>15</v>
      </c>
      <c r="G26287" s="16">
        <v>0</v>
      </c>
    </row>
    <row r="26288" spans="1:7" x14ac:dyDescent="0.3">
      <c r="A26288" s="13" t="s">
        <v>170</v>
      </c>
      <c r="B26288" s="14" t="s">
        <v>1</v>
      </c>
      <c r="C26288" s="14" t="s">
        <v>70</v>
      </c>
      <c r="D26288" s="14" t="s">
        <v>171</v>
      </c>
      <c r="E26288" s="15">
        <v>45384</v>
      </c>
      <c r="F26288" s="14" t="s">
        <v>15</v>
      </c>
      <c r="G26288" s="16">
        <v>0</v>
      </c>
    </row>
    <row r="26289" spans="1:7" x14ac:dyDescent="0.3">
      <c r="A26289" s="13" t="s">
        <v>170</v>
      </c>
      <c r="B26289" s="14" t="s">
        <v>1</v>
      </c>
      <c r="C26289" s="14" t="s">
        <v>70</v>
      </c>
      <c r="D26289" s="14" t="s">
        <v>171</v>
      </c>
      <c r="E26289" s="15">
        <v>45385</v>
      </c>
      <c r="F26289" s="14" t="s">
        <v>15</v>
      </c>
      <c r="G26289" s="16">
        <v>4.1092971760457807E-2</v>
      </c>
    </row>
    <row r="26290" spans="1:7" x14ac:dyDescent="0.3">
      <c r="A26290" s="13" t="s">
        <v>170</v>
      </c>
      <c r="B26290" s="14" t="s">
        <v>1</v>
      </c>
      <c r="C26290" s="14" t="s">
        <v>70</v>
      </c>
      <c r="D26290" s="14" t="s">
        <v>171</v>
      </c>
      <c r="E26290" s="15">
        <v>45386</v>
      </c>
      <c r="F26290" s="14" t="s">
        <v>15</v>
      </c>
      <c r="G26290" s="16">
        <v>5.173489971027169E-2</v>
      </c>
    </row>
    <row r="26291" spans="1:7" x14ac:dyDescent="0.3">
      <c r="A26291" s="13" t="s">
        <v>170</v>
      </c>
      <c r="B26291" s="14" t="s">
        <v>1</v>
      </c>
      <c r="C26291" s="14" t="s">
        <v>70</v>
      </c>
      <c r="D26291" s="14" t="s">
        <v>171</v>
      </c>
      <c r="E26291" s="15">
        <v>45387</v>
      </c>
      <c r="F26291" s="14" t="s">
        <v>15</v>
      </c>
      <c r="G26291" s="16">
        <v>7.1215488558140763E-2</v>
      </c>
    </row>
    <row r="26292" spans="1:7" x14ac:dyDescent="0.3">
      <c r="A26292" s="13" t="s">
        <v>170</v>
      </c>
      <c r="B26292" s="14" t="s">
        <v>1</v>
      </c>
      <c r="C26292" s="14" t="s">
        <v>70</v>
      </c>
      <c r="D26292" s="14" t="s">
        <v>171</v>
      </c>
      <c r="E26292" s="15">
        <v>45388</v>
      </c>
      <c r="F26292" s="14" t="s">
        <v>15</v>
      </c>
      <c r="G26292" s="16">
        <v>7.1215488558140763E-2</v>
      </c>
    </row>
    <row r="26293" spans="1:7" x14ac:dyDescent="0.3">
      <c r="A26293" s="13" t="s">
        <v>170</v>
      </c>
      <c r="B26293" s="14" t="s">
        <v>1</v>
      </c>
      <c r="C26293" s="14" t="s">
        <v>70</v>
      </c>
      <c r="D26293" s="14" t="s">
        <v>171</v>
      </c>
      <c r="E26293" s="15">
        <v>45389</v>
      </c>
      <c r="F26293" s="14" t="s">
        <v>15</v>
      </c>
      <c r="G26293" s="16">
        <v>7.1215488558140763E-2</v>
      </c>
    </row>
    <row r="26294" spans="1:7" x14ac:dyDescent="0.3">
      <c r="A26294" s="13" t="s">
        <v>170</v>
      </c>
      <c r="B26294" s="14" t="s">
        <v>1</v>
      </c>
      <c r="C26294" s="14" t="s">
        <v>70</v>
      </c>
      <c r="D26294" s="14" t="s">
        <v>171</v>
      </c>
      <c r="E26294" s="15">
        <v>45390</v>
      </c>
      <c r="F26294" s="14" t="s">
        <v>15</v>
      </c>
      <c r="G26294" s="16">
        <v>9.2746902793500924E-2</v>
      </c>
    </row>
    <row r="26295" spans="1:7" x14ac:dyDescent="0.3">
      <c r="A26295" s="13" t="s">
        <v>170</v>
      </c>
      <c r="B26295" s="14" t="s">
        <v>1</v>
      </c>
      <c r="C26295" s="14" t="s">
        <v>70</v>
      </c>
      <c r="D26295" s="14" t="s">
        <v>171</v>
      </c>
      <c r="E26295" s="15">
        <v>45391</v>
      </c>
      <c r="F26295" s="14" t="s">
        <v>15</v>
      </c>
      <c r="G26295" s="16">
        <v>0.11260838801638574</v>
      </c>
    </row>
    <row r="26296" spans="1:7" x14ac:dyDescent="0.3">
      <c r="A26296" s="13" t="s">
        <v>170</v>
      </c>
      <c r="B26296" s="14" t="s">
        <v>1</v>
      </c>
      <c r="C26296" s="14" t="s">
        <v>70</v>
      </c>
      <c r="D26296" s="14" t="s">
        <v>171</v>
      </c>
      <c r="E26296" s="15">
        <v>45392</v>
      </c>
      <c r="F26296" s="14" t="s">
        <v>15</v>
      </c>
      <c r="G26296" s="16">
        <v>0.13184027043647598</v>
      </c>
    </row>
    <row r="26297" spans="1:7" x14ac:dyDescent="0.3">
      <c r="A26297" s="13" t="s">
        <v>170</v>
      </c>
      <c r="B26297" s="14" t="s">
        <v>1</v>
      </c>
      <c r="C26297" s="14" t="s">
        <v>70</v>
      </c>
      <c r="D26297" s="14" t="s">
        <v>171</v>
      </c>
      <c r="E26297" s="15">
        <v>45393</v>
      </c>
      <c r="F26297" s="14" t="s">
        <v>15</v>
      </c>
      <c r="G26297" s="16">
        <v>0.13730826571448765</v>
      </c>
    </row>
    <row r="26298" spans="1:7" x14ac:dyDescent="0.3">
      <c r="A26298" s="13" t="s">
        <v>170</v>
      </c>
      <c r="B26298" s="14" t="s">
        <v>1</v>
      </c>
      <c r="C26298" s="14" t="s">
        <v>70</v>
      </c>
      <c r="D26298" s="14" t="s">
        <v>171</v>
      </c>
      <c r="E26298" s="15">
        <v>45394</v>
      </c>
      <c r="F26298" s="14" t="s">
        <v>15</v>
      </c>
      <c r="G26298" s="16">
        <v>0.14309194795282637</v>
      </c>
    </row>
    <row r="26299" spans="1:7" x14ac:dyDescent="0.3">
      <c r="A26299" s="13" t="s">
        <v>170</v>
      </c>
      <c r="B26299" s="14" t="s">
        <v>1</v>
      </c>
      <c r="C26299" s="14" t="s">
        <v>70</v>
      </c>
      <c r="D26299" s="14" t="s">
        <v>171</v>
      </c>
      <c r="E26299" s="15">
        <v>45395</v>
      </c>
      <c r="F26299" s="14" t="s">
        <v>15</v>
      </c>
      <c r="G26299" s="16">
        <v>0.14309194795282637</v>
      </c>
    </row>
    <row r="26300" spans="1:7" x14ac:dyDescent="0.3">
      <c r="A26300" s="13" t="s">
        <v>170</v>
      </c>
      <c r="B26300" s="14" t="s">
        <v>1</v>
      </c>
      <c r="C26300" s="14" t="s">
        <v>70</v>
      </c>
      <c r="D26300" s="14" t="s">
        <v>171</v>
      </c>
      <c r="E26300" s="15">
        <v>45396</v>
      </c>
      <c r="F26300" s="14" t="s">
        <v>15</v>
      </c>
      <c r="G26300" s="16">
        <v>0.14309194795282637</v>
      </c>
    </row>
    <row r="26301" spans="1:7" x14ac:dyDescent="0.3">
      <c r="A26301" s="13" t="s">
        <v>170</v>
      </c>
      <c r="B26301" s="14" t="s">
        <v>1</v>
      </c>
      <c r="C26301" s="14" t="s">
        <v>70</v>
      </c>
      <c r="D26301" s="14" t="s">
        <v>171</v>
      </c>
      <c r="E26301" s="15">
        <v>45397</v>
      </c>
      <c r="F26301" s="14" t="s">
        <v>15</v>
      </c>
      <c r="G26301" s="16">
        <v>0.17024094712818225</v>
      </c>
    </row>
    <row r="26302" spans="1:7" x14ac:dyDescent="0.3">
      <c r="A26302" s="13" t="s">
        <v>170</v>
      </c>
      <c r="B26302" s="14" t="s">
        <v>1</v>
      </c>
      <c r="C26302" s="14" t="s">
        <v>70</v>
      </c>
      <c r="D26302" s="14" t="s">
        <v>171</v>
      </c>
      <c r="E26302" s="15">
        <v>45398</v>
      </c>
      <c r="F26302" s="14" t="s">
        <v>15</v>
      </c>
      <c r="G26302" s="16">
        <v>0.1901363562384113</v>
      </c>
    </row>
    <row r="26303" spans="1:7" x14ac:dyDescent="0.3">
      <c r="A26303" s="13" t="s">
        <v>170</v>
      </c>
      <c r="B26303" s="14" t="s">
        <v>1</v>
      </c>
      <c r="C26303" s="14" t="s">
        <v>70</v>
      </c>
      <c r="D26303" s="14" t="s">
        <v>171</v>
      </c>
      <c r="E26303" s="15">
        <v>45399</v>
      </c>
      <c r="F26303" s="14" t="s">
        <v>15</v>
      </c>
      <c r="G26303" s="16">
        <v>0.23440448489882032</v>
      </c>
    </row>
    <row r="26304" spans="1:7" x14ac:dyDescent="0.3">
      <c r="A26304" s="13" t="s">
        <v>170</v>
      </c>
      <c r="B26304" s="14" t="s">
        <v>1</v>
      </c>
      <c r="C26304" s="14" t="s">
        <v>70</v>
      </c>
      <c r="D26304" s="14" t="s">
        <v>171</v>
      </c>
      <c r="E26304" s="15">
        <v>45400</v>
      </c>
      <c r="F26304" s="14" t="s">
        <v>15</v>
      </c>
      <c r="G26304" s="16">
        <v>0.24019949353981271</v>
      </c>
    </row>
    <row r="26305" spans="1:7" x14ac:dyDescent="0.3">
      <c r="A26305" s="13" t="s">
        <v>170</v>
      </c>
      <c r="B26305" s="14" t="s">
        <v>1</v>
      </c>
      <c r="C26305" s="14" t="s">
        <v>70</v>
      </c>
      <c r="D26305" s="14" t="s">
        <v>171</v>
      </c>
      <c r="E26305" s="15">
        <v>45401</v>
      </c>
      <c r="F26305" s="14" t="s">
        <v>15</v>
      </c>
      <c r="G26305" s="16">
        <v>0.2510006103479504</v>
      </c>
    </row>
    <row r="26306" spans="1:7" x14ac:dyDescent="0.3">
      <c r="A26306" s="13" t="s">
        <v>170</v>
      </c>
      <c r="B26306" s="14" t="s">
        <v>1</v>
      </c>
      <c r="C26306" s="14" t="s">
        <v>70</v>
      </c>
      <c r="D26306" s="14" t="s">
        <v>171</v>
      </c>
      <c r="E26306" s="15">
        <v>45402</v>
      </c>
      <c r="F26306" s="14" t="s">
        <v>15</v>
      </c>
      <c r="G26306" s="16">
        <v>0.2510006103479504</v>
      </c>
    </row>
    <row r="26307" spans="1:7" x14ac:dyDescent="0.3">
      <c r="A26307" s="13" t="s">
        <v>170</v>
      </c>
      <c r="B26307" s="14" t="s">
        <v>1</v>
      </c>
      <c r="C26307" s="14" t="s">
        <v>70</v>
      </c>
      <c r="D26307" s="14" t="s">
        <v>171</v>
      </c>
      <c r="E26307" s="15">
        <v>45403</v>
      </c>
      <c r="F26307" s="14" t="s">
        <v>15</v>
      </c>
      <c r="G26307" s="16">
        <v>0.2510006103479504</v>
      </c>
    </row>
    <row r="26308" spans="1:7" x14ac:dyDescent="0.3">
      <c r="A26308" s="13" t="s">
        <v>170</v>
      </c>
      <c r="B26308" s="14" t="s">
        <v>1</v>
      </c>
      <c r="C26308" s="14" t="s">
        <v>70</v>
      </c>
      <c r="D26308" s="14" t="s">
        <v>171</v>
      </c>
      <c r="E26308" s="15">
        <v>45404</v>
      </c>
      <c r="F26308" s="14" t="s">
        <v>15</v>
      </c>
      <c r="G26308" s="16">
        <v>0.26145894167006406</v>
      </c>
    </row>
    <row r="26309" spans="1:7" x14ac:dyDescent="0.3">
      <c r="A26309" s="13" t="s">
        <v>170</v>
      </c>
      <c r="B26309" s="14" t="s">
        <v>1</v>
      </c>
      <c r="C26309" s="14" t="s">
        <v>70</v>
      </c>
      <c r="D26309" s="14" t="s">
        <v>171</v>
      </c>
      <c r="E26309" s="15">
        <v>45405</v>
      </c>
      <c r="F26309" s="14" t="s">
        <v>15</v>
      </c>
      <c r="G26309" s="16">
        <v>0.2976749688782665</v>
      </c>
    </row>
    <row r="26310" spans="1:7" x14ac:dyDescent="0.3">
      <c r="A26310" s="13" t="s">
        <v>170</v>
      </c>
      <c r="B26310" s="14" t="s">
        <v>1</v>
      </c>
      <c r="C26310" s="14" t="s">
        <v>70</v>
      </c>
      <c r="D26310" s="14" t="s">
        <v>171</v>
      </c>
      <c r="E26310" s="15">
        <v>45406</v>
      </c>
      <c r="F26310" s="14" t="s">
        <v>15</v>
      </c>
      <c r="G26310" s="16">
        <v>0.30724652377547829</v>
      </c>
    </row>
    <row r="26311" spans="1:7" x14ac:dyDescent="0.3">
      <c r="A26311" s="13" t="s">
        <v>170</v>
      </c>
      <c r="B26311" s="14" t="s">
        <v>1</v>
      </c>
      <c r="C26311" s="14" t="s">
        <v>70</v>
      </c>
      <c r="D26311" s="14" t="s">
        <v>171</v>
      </c>
      <c r="E26311" s="15">
        <v>45407</v>
      </c>
      <c r="F26311" s="14" t="s">
        <v>15</v>
      </c>
      <c r="G26311" s="16">
        <v>0.35651768629374098</v>
      </c>
    </row>
    <row r="26312" spans="1:7" x14ac:dyDescent="0.3">
      <c r="A26312" s="13" t="s">
        <v>170</v>
      </c>
      <c r="B26312" s="14" t="s">
        <v>1</v>
      </c>
      <c r="C26312" s="14" t="s">
        <v>70</v>
      </c>
      <c r="D26312" s="14" t="s">
        <v>171</v>
      </c>
      <c r="E26312" s="15">
        <v>45408</v>
      </c>
      <c r="F26312" s="14" t="s">
        <v>15</v>
      </c>
      <c r="G26312" s="16">
        <v>0.36331144094015383</v>
      </c>
    </row>
    <row r="26313" spans="1:7" x14ac:dyDescent="0.3">
      <c r="A26313" s="13" t="s">
        <v>170</v>
      </c>
      <c r="B26313" s="14" t="s">
        <v>1</v>
      </c>
      <c r="C26313" s="14" t="s">
        <v>70</v>
      </c>
      <c r="D26313" s="14" t="s">
        <v>171</v>
      </c>
      <c r="E26313" s="15">
        <v>45409</v>
      </c>
      <c r="F26313" s="14" t="s">
        <v>15</v>
      </c>
      <c r="G26313" s="16">
        <v>0.36331144094015383</v>
      </c>
    </row>
    <row r="26314" spans="1:7" x14ac:dyDescent="0.3">
      <c r="A26314" s="13" t="s">
        <v>170</v>
      </c>
      <c r="B26314" s="14" t="s">
        <v>1</v>
      </c>
      <c r="C26314" s="14" t="s">
        <v>70</v>
      </c>
      <c r="D26314" s="14" t="s">
        <v>171</v>
      </c>
      <c r="E26314" s="15">
        <v>45410</v>
      </c>
      <c r="F26314" s="14" t="s">
        <v>15</v>
      </c>
      <c r="G26314" s="16">
        <v>0.36331144094015383</v>
      </c>
    </row>
    <row r="26315" spans="1:7" x14ac:dyDescent="0.3">
      <c r="A26315" s="13" t="s">
        <v>170</v>
      </c>
      <c r="B26315" s="14" t="s">
        <v>1</v>
      </c>
      <c r="C26315" s="14" t="s">
        <v>70</v>
      </c>
      <c r="D26315" s="14" t="s">
        <v>171</v>
      </c>
      <c r="E26315" s="15">
        <v>45411</v>
      </c>
      <c r="F26315" s="14" t="s">
        <v>15</v>
      </c>
      <c r="G26315" s="16">
        <v>0.36910062457406723</v>
      </c>
    </row>
    <row r="26316" spans="1:7" x14ac:dyDescent="0.3">
      <c r="A26316" s="13" t="s">
        <v>170</v>
      </c>
      <c r="B26316" s="14" t="s">
        <v>1</v>
      </c>
      <c r="C26316" s="14" t="s">
        <v>70</v>
      </c>
      <c r="D26316" s="14" t="s">
        <v>171</v>
      </c>
      <c r="E26316" s="15">
        <v>45412</v>
      </c>
      <c r="F26316" s="14" t="s">
        <v>15</v>
      </c>
      <c r="G26316" s="16">
        <v>0.38806370894015163</v>
      </c>
    </row>
    <row r="26317" spans="1:7" x14ac:dyDescent="0.3">
      <c r="A26317" s="13" t="s">
        <v>170</v>
      </c>
      <c r="B26317" s="14" t="s">
        <v>1</v>
      </c>
      <c r="C26317" s="14" t="s">
        <v>70</v>
      </c>
      <c r="D26317" s="14" t="s">
        <v>171</v>
      </c>
      <c r="E26317" s="15">
        <v>45413</v>
      </c>
      <c r="F26317" s="14" t="s">
        <v>15</v>
      </c>
      <c r="G26317" s="16">
        <v>0.38806370894015163</v>
      </c>
    </row>
    <row r="26318" spans="1:7" x14ac:dyDescent="0.3">
      <c r="A26318" s="13" t="s">
        <v>170</v>
      </c>
      <c r="B26318" s="14" t="s">
        <v>1</v>
      </c>
      <c r="C26318" s="14" t="s">
        <v>70</v>
      </c>
      <c r="D26318" s="14" t="s">
        <v>171</v>
      </c>
      <c r="E26318" s="15">
        <v>45414</v>
      </c>
      <c r="F26318" s="14" t="s">
        <v>15</v>
      </c>
      <c r="G26318" s="16">
        <v>0.43027997885698238</v>
      </c>
    </row>
    <row r="26319" spans="1:7" x14ac:dyDescent="0.3">
      <c r="A26319" s="13" t="s">
        <v>170</v>
      </c>
      <c r="B26319" s="14" t="s">
        <v>1</v>
      </c>
      <c r="C26319" s="14" t="s">
        <v>70</v>
      </c>
      <c r="D26319" s="14" t="s">
        <v>171</v>
      </c>
      <c r="E26319" s="15">
        <v>45415</v>
      </c>
      <c r="F26319" s="14" t="s">
        <v>15</v>
      </c>
      <c r="G26319" s="16">
        <v>0.44335648905535513</v>
      </c>
    </row>
    <row r="26320" spans="1:7" x14ac:dyDescent="0.3">
      <c r="A26320" s="13" t="s">
        <v>170</v>
      </c>
      <c r="B26320" s="14" t="s">
        <v>1</v>
      </c>
      <c r="C26320" s="14" t="s">
        <v>70</v>
      </c>
      <c r="D26320" s="14" t="s">
        <v>171</v>
      </c>
      <c r="E26320" s="15">
        <v>45416</v>
      </c>
      <c r="F26320" s="14" t="s">
        <v>15</v>
      </c>
      <c r="G26320" s="16">
        <v>0.44335648905535513</v>
      </c>
    </row>
    <row r="26321" spans="1:7" x14ac:dyDescent="0.3">
      <c r="A26321" s="13" t="s">
        <v>170</v>
      </c>
      <c r="B26321" s="14" t="s">
        <v>1</v>
      </c>
      <c r="C26321" s="14" t="s">
        <v>70</v>
      </c>
      <c r="D26321" s="14" t="s">
        <v>171</v>
      </c>
      <c r="E26321" s="15">
        <v>45417</v>
      </c>
      <c r="F26321" s="14" t="s">
        <v>15</v>
      </c>
      <c r="G26321" s="16">
        <v>0.44335648905535513</v>
      </c>
    </row>
    <row r="26322" spans="1:7" x14ac:dyDescent="0.3">
      <c r="A26322" s="13" t="s">
        <v>170</v>
      </c>
      <c r="B26322" s="14" t="s">
        <v>1</v>
      </c>
      <c r="C26322" s="14" t="s">
        <v>70</v>
      </c>
      <c r="D26322" s="14" t="s">
        <v>171</v>
      </c>
      <c r="E26322" s="15">
        <v>45418</v>
      </c>
      <c r="F26322" s="14" t="s">
        <v>15</v>
      </c>
      <c r="G26322" s="16">
        <v>0.44335648905535513</v>
      </c>
    </row>
    <row r="26323" spans="1:7" x14ac:dyDescent="0.3">
      <c r="A26323" s="13" t="s">
        <v>170</v>
      </c>
      <c r="B26323" s="14" t="s">
        <v>1</v>
      </c>
      <c r="C26323" s="14" t="s">
        <v>70</v>
      </c>
      <c r="D26323" s="14" t="s">
        <v>171</v>
      </c>
      <c r="E26323" s="15">
        <v>45419</v>
      </c>
      <c r="F26323" s="14" t="s">
        <v>15</v>
      </c>
      <c r="G26323" s="16">
        <v>0.47211011587522372</v>
      </c>
    </row>
    <row r="26324" spans="1:7" x14ac:dyDescent="0.3">
      <c r="A26324" s="13" t="s">
        <v>170</v>
      </c>
      <c r="B26324" s="14" t="s">
        <v>1</v>
      </c>
      <c r="C26324" s="14" t="s">
        <v>70</v>
      </c>
      <c r="D26324" s="14" t="s">
        <v>171</v>
      </c>
      <c r="E26324" s="15">
        <v>45420</v>
      </c>
      <c r="F26324" s="14" t="s">
        <v>15</v>
      </c>
      <c r="G26324" s="16">
        <v>0.50129390328730139</v>
      </c>
    </row>
    <row r="26325" spans="1:7" x14ac:dyDescent="0.3">
      <c r="A26325" s="13" t="s">
        <v>170</v>
      </c>
      <c r="B26325" s="14" t="s">
        <v>1</v>
      </c>
      <c r="C26325" s="14" t="s">
        <v>70</v>
      </c>
      <c r="D26325" s="14" t="s">
        <v>171</v>
      </c>
      <c r="E26325" s="15">
        <v>45421</v>
      </c>
      <c r="F26325" s="14" t="s">
        <v>15</v>
      </c>
      <c r="G26325" s="16">
        <v>0.50129390328730139</v>
      </c>
    </row>
    <row r="26326" spans="1:7" x14ac:dyDescent="0.3">
      <c r="A26326" s="13" t="s">
        <v>170</v>
      </c>
      <c r="B26326" s="14" t="s">
        <v>1</v>
      </c>
      <c r="C26326" s="14" t="s">
        <v>70</v>
      </c>
      <c r="D26326" s="14" t="s">
        <v>171</v>
      </c>
      <c r="E26326" s="15">
        <v>45422</v>
      </c>
      <c r="F26326" s="14" t="s">
        <v>15</v>
      </c>
      <c r="G26326" s="16">
        <v>0.50707742371988795</v>
      </c>
    </row>
    <row r="26327" spans="1:7" x14ac:dyDescent="0.3">
      <c r="A26327" s="13" t="s">
        <v>170</v>
      </c>
      <c r="B26327" s="14" t="s">
        <v>1</v>
      </c>
      <c r="C26327" s="14" t="s">
        <v>70</v>
      </c>
      <c r="D26327" s="14" t="s">
        <v>171</v>
      </c>
      <c r="E26327" s="15">
        <v>45423</v>
      </c>
      <c r="F26327" s="14" t="s">
        <v>15</v>
      </c>
      <c r="G26327" s="16">
        <v>0.50707742371988795</v>
      </c>
    </row>
    <row r="26328" spans="1:7" x14ac:dyDescent="0.3">
      <c r="A26328" s="13" t="s">
        <v>170</v>
      </c>
      <c r="B26328" s="14" t="s">
        <v>1</v>
      </c>
      <c r="C26328" s="14" t="s">
        <v>70</v>
      </c>
      <c r="D26328" s="14" t="s">
        <v>171</v>
      </c>
      <c r="E26328" s="15">
        <v>45424</v>
      </c>
      <c r="F26328" s="14" t="s">
        <v>15</v>
      </c>
      <c r="G26328" s="16">
        <v>0.50707742371988795</v>
      </c>
    </row>
    <row r="26329" spans="1:7" x14ac:dyDescent="0.3">
      <c r="A26329" s="13" t="s">
        <v>170</v>
      </c>
      <c r="B26329" s="14" t="s">
        <v>1</v>
      </c>
      <c r="C26329" s="14" t="s">
        <v>70</v>
      </c>
      <c r="D26329" s="14" t="s">
        <v>171</v>
      </c>
      <c r="E26329" s="15">
        <v>45425</v>
      </c>
      <c r="F26329" s="14" t="s">
        <v>15</v>
      </c>
      <c r="G26329" s="16">
        <v>0.62362657928574639</v>
      </c>
    </row>
    <row r="26330" spans="1:7" x14ac:dyDescent="0.3">
      <c r="A26330" s="13" t="s">
        <v>170</v>
      </c>
      <c r="B26330" s="14" t="s">
        <v>1</v>
      </c>
      <c r="C26330" s="14" t="s">
        <v>70</v>
      </c>
      <c r="D26330" s="14" t="s">
        <v>171</v>
      </c>
      <c r="E26330" s="15">
        <v>45426</v>
      </c>
      <c r="F26330" s="14" t="s">
        <v>15</v>
      </c>
      <c r="G26330" s="16">
        <v>0.66547056777561453</v>
      </c>
    </row>
    <row r="26331" spans="1:7" x14ac:dyDescent="0.3">
      <c r="A26331" s="13" t="s">
        <v>170</v>
      </c>
      <c r="B26331" s="14" t="s">
        <v>1</v>
      </c>
      <c r="C26331" s="14" t="s">
        <v>70</v>
      </c>
      <c r="D26331" s="14" t="s">
        <v>171</v>
      </c>
      <c r="E26331" s="15">
        <v>45427</v>
      </c>
      <c r="F26331" s="14" t="s">
        <v>15</v>
      </c>
      <c r="G26331" s="16">
        <v>0.67727663717554099</v>
      </c>
    </row>
    <row r="26332" spans="1:7" x14ac:dyDescent="0.3">
      <c r="A26332" s="13" t="s">
        <v>170</v>
      </c>
      <c r="B26332" s="14" t="s">
        <v>1</v>
      </c>
      <c r="C26332" s="14" t="s">
        <v>70</v>
      </c>
      <c r="D26332" s="14" t="s">
        <v>171</v>
      </c>
      <c r="E26332" s="15">
        <v>45428</v>
      </c>
      <c r="F26332" s="14" t="s">
        <v>15</v>
      </c>
      <c r="G26332" s="16">
        <v>0.68497960552033976</v>
      </c>
    </row>
    <row r="26333" spans="1:7" x14ac:dyDescent="0.3">
      <c r="A26333" s="13" t="s">
        <v>170</v>
      </c>
      <c r="B26333" s="14" t="s">
        <v>1</v>
      </c>
      <c r="C26333" s="14" t="s">
        <v>70</v>
      </c>
      <c r="D26333" s="14" t="s">
        <v>171</v>
      </c>
      <c r="E26333" s="15">
        <v>45429</v>
      </c>
      <c r="F26333" s="14" t="s">
        <v>15</v>
      </c>
      <c r="G26333" s="16">
        <v>0.77553828655176471</v>
      </c>
    </row>
    <row r="26334" spans="1:7" x14ac:dyDescent="0.3">
      <c r="A26334" s="13" t="s">
        <v>170</v>
      </c>
      <c r="B26334" s="14" t="s">
        <v>1</v>
      </c>
      <c r="C26334" s="14" t="s">
        <v>70</v>
      </c>
      <c r="D26334" s="14" t="s">
        <v>171</v>
      </c>
      <c r="E26334" s="15">
        <v>45430</v>
      </c>
      <c r="F26334" s="14" t="s">
        <v>15</v>
      </c>
      <c r="G26334" s="16">
        <v>0.77553828655176471</v>
      </c>
    </row>
    <row r="26335" spans="1:7" x14ac:dyDescent="0.3">
      <c r="A26335" s="13" t="s">
        <v>170</v>
      </c>
      <c r="B26335" s="14" t="s">
        <v>1</v>
      </c>
      <c r="C26335" s="14" t="s">
        <v>70</v>
      </c>
      <c r="D26335" s="14" t="s">
        <v>171</v>
      </c>
      <c r="E26335" s="15">
        <v>45431</v>
      </c>
      <c r="F26335" s="14" t="s">
        <v>15</v>
      </c>
      <c r="G26335" s="16">
        <v>0.77553828655176471</v>
      </c>
    </row>
    <row r="26336" spans="1:7" x14ac:dyDescent="0.3">
      <c r="A26336" s="13" t="s">
        <v>170</v>
      </c>
      <c r="B26336" s="14" t="s">
        <v>1</v>
      </c>
      <c r="C26336" s="14" t="s">
        <v>70</v>
      </c>
      <c r="D26336" s="14" t="s">
        <v>171</v>
      </c>
      <c r="E26336" s="15">
        <v>45432</v>
      </c>
      <c r="F26336" s="14" t="s">
        <v>15</v>
      </c>
      <c r="G26336" s="16">
        <v>0.77553828655176471</v>
      </c>
    </row>
    <row r="26337" spans="1:7" x14ac:dyDescent="0.3">
      <c r="A26337" s="13" t="s">
        <v>170</v>
      </c>
      <c r="B26337" s="14" t="s">
        <v>1</v>
      </c>
      <c r="C26337" s="14" t="s">
        <v>70</v>
      </c>
      <c r="D26337" s="14" t="s">
        <v>171</v>
      </c>
      <c r="E26337" s="15">
        <v>45433</v>
      </c>
      <c r="F26337" s="14" t="s">
        <v>15</v>
      </c>
      <c r="G26337" s="16">
        <v>0.78108333028794619</v>
      </c>
    </row>
    <row r="26338" spans="1:7" x14ac:dyDescent="0.3">
      <c r="A26338" s="13" t="s">
        <v>170</v>
      </c>
      <c r="B26338" s="14" t="s">
        <v>1</v>
      </c>
      <c r="C26338" s="14" t="s">
        <v>70</v>
      </c>
      <c r="D26338" s="14" t="s">
        <v>171</v>
      </c>
      <c r="E26338" s="15">
        <v>45434</v>
      </c>
      <c r="F26338" s="14" t="s">
        <v>15</v>
      </c>
      <c r="G26338" s="16">
        <v>0.82367570253316924</v>
      </c>
    </row>
    <row r="26339" spans="1:7" x14ac:dyDescent="0.3">
      <c r="A26339" s="13" t="s">
        <v>170</v>
      </c>
      <c r="B26339" s="14" t="s">
        <v>1</v>
      </c>
      <c r="C26339" s="14" t="s">
        <v>70</v>
      </c>
      <c r="D26339" s="14" t="s">
        <v>171</v>
      </c>
      <c r="E26339" s="15">
        <v>45435</v>
      </c>
      <c r="F26339" s="14" t="s">
        <v>15</v>
      </c>
      <c r="G26339" s="16">
        <v>0.83030818261550143</v>
      </c>
    </row>
    <row r="26340" spans="1:7" x14ac:dyDescent="0.3">
      <c r="A26340" s="13" t="s">
        <v>170</v>
      </c>
      <c r="B26340" s="14" t="s">
        <v>1</v>
      </c>
      <c r="C26340" s="14" t="s">
        <v>70</v>
      </c>
      <c r="D26340" s="14" t="s">
        <v>171</v>
      </c>
      <c r="E26340" s="15">
        <v>45436</v>
      </c>
      <c r="F26340" s="14" t="s">
        <v>15</v>
      </c>
      <c r="G26340" s="16">
        <v>0.83609869766606593</v>
      </c>
    </row>
    <row r="26341" spans="1:7" x14ac:dyDescent="0.3">
      <c r="A26341" s="13" t="s">
        <v>170</v>
      </c>
      <c r="B26341" s="14" t="s">
        <v>1</v>
      </c>
      <c r="C26341" s="14" t="s">
        <v>70</v>
      </c>
      <c r="D26341" s="14" t="s">
        <v>171</v>
      </c>
      <c r="E26341" s="15">
        <v>45437</v>
      </c>
      <c r="F26341" s="14" t="s">
        <v>15</v>
      </c>
      <c r="G26341" s="16">
        <v>0.83609869766606593</v>
      </c>
    </row>
    <row r="26342" spans="1:7" x14ac:dyDescent="0.3">
      <c r="A26342" s="13" t="s">
        <v>170</v>
      </c>
      <c r="B26342" s="14" t="s">
        <v>1</v>
      </c>
      <c r="C26342" s="14" t="s">
        <v>70</v>
      </c>
      <c r="D26342" s="14" t="s">
        <v>171</v>
      </c>
      <c r="E26342" s="15">
        <v>45438</v>
      </c>
      <c r="F26342" s="14" t="s">
        <v>15</v>
      </c>
      <c r="G26342" s="16">
        <v>0.83609869766606593</v>
      </c>
    </row>
    <row r="26343" spans="1:7" x14ac:dyDescent="0.3">
      <c r="A26343" s="13" t="s">
        <v>170</v>
      </c>
      <c r="B26343" s="14" t="s">
        <v>1</v>
      </c>
      <c r="C26343" s="14" t="s">
        <v>70</v>
      </c>
      <c r="D26343" s="14" t="s">
        <v>171</v>
      </c>
      <c r="E26343" s="15">
        <v>45439</v>
      </c>
      <c r="F26343" s="14" t="s">
        <v>15</v>
      </c>
      <c r="G26343" s="16">
        <v>0.83382358027720982</v>
      </c>
    </row>
    <row r="26344" spans="1:7" x14ac:dyDescent="0.3">
      <c r="A26344" s="13" t="s">
        <v>170</v>
      </c>
      <c r="B26344" s="14" t="s">
        <v>1</v>
      </c>
      <c r="C26344" s="14" t="s">
        <v>70</v>
      </c>
      <c r="D26344" s="14" t="s">
        <v>171</v>
      </c>
      <c r="E26344" s="15">
        <v>45440</v>
      </c>
      <c r="F26344" s="14" t="s">
        <v>15</v>
      </c>
      <c r="G26344" s="16">
        <v>0.85110560552027303</v>
      </c>
    </row>
    <row r="26345" spans="1:7" x14ac:dyDescent="0.3">
      <c r="A26345" s="13" t="s">
        <v>170</v>
      </c>
      <c r="B26345" s="14" t="s">
        <v>1</v>
      </c>
      <c r="C26345" s="14" t="s">
        <v>70</v>
      </c>
      <c r="D26345" s="14" t="s">
        <v>171</v>
      </c>
      <c r="E26345" s="15">
        <v>45441</v>
      </c>
      <c r="F26345" s="14" t="s">
        <v>15</v>
      </c>
      <c r="G26345" s="16">
        <v>0.85866636761871784</v>
      </c>
    </row>
    <row r="26346" spans="1:7" x14ac:dyDescent="0.3">
      <c r="A26346" s="13" t="s">
        <v>170</v>
      </c>
      <c r="B26346" s="14" t="s">
        <v>1</v>
      </c>
      <c r="C26346" s="14" t="s">
        <v>70</v>
      </c>
      <c r="D26346" s="14" t="s">
        <v>171</v>
      </c>
      <c r="E26346" s="15">
        <v>45442</v>
      </c>
      <c r="F26346" s="14" t="s">
        <v>15</v>
      </c>
      <c r="G26346" s="16">
        <v>0.86131076653943639</v>
      </c>
    </row>
    <row r="26347" spans="1:7" x14ac:dyDescent="0.3">
      <c r="A26347" s="13" t="s">
        <v>170</v>
      </c>
      <c r="B26347" s="14" t="s">
        <v>1</v>
      </c>
      <c r="C26347" s="14" t="s">
        <v>70</v>
      </c>
      <c r="D26347" s="14" t="s">
        <v>171</v>
      </c>
      <c r="E26347" s="15">
        <v>45443</v>
      </c>
      <c r="F26347" s="14" t="s">
        <v>15</v>
      </c>
      <c r="G26347" s="16">
        <v>0.87094266329237668</v>
      </c>
    </row>
    <row r="26348" spans="1:7" x14ac:dyDescent="0.3">
      <c r="A26348" s="13" t="s">
        <v>170</v>
      </c>
      <c r="B26348" s="14" t="s">
        <v>1</v>
      </c>
      <c r="C26348" s="14" t="s">
        <v>70</v>
      </c>
      <c r="D26348" s="14" t="s">
        <v>171</v>
      </c>
      <c r="E26348" s="15">
        <v>45444</v>
      </c>
      <c r="F26348" s="14" t="s">
        <v>15</v>
      </c>
      <c r="G26348" s="16">
        <v>0.87094266329237668</v>
      </c>
    </row>
    <row r="26349" spans="1:7" x14ac:dyDescent="0.3">
      <c r="A26349" s="13" t="s">
        <v>170</v>
      </c>
      <c r="B26349" s="14" t="s">
        <v>1</v>
      </c>
      <c r="C26349" s="14" t="s">
        <v>70</v>
      </c>
      <c r="D26349" s="14" t="s">
        <v>171</v>
      </c>
      <c r="E26349" s="15">
        <v>45445</v>
      </c>
      <c r="F26349" s="14" t="s">
        <v>15</v>
      </c>
      <c r="G26349" s="16">
        <v>0.87094266329237668</v>
      </c>
    </row>
    <row r="26350" spans="1:7" x14ac:dyDescent="0.3">
      <c r="A26350" s="13" t="s">
        <v>170</v>
      </c>
      <c r="B26350" s="14" t="s">
        <v>1</v>
      </c>
      <c r="C26350" s="14" t="s">
        <v>70</v>
      </c>
      <c r="D26350" s="14" t="s">
        <v>171</v>
      </c>
      <c r="E26350" s="15">
        <v>45446</v>
      </c>
      <c r="F26350" s="14" t="s">
        <v>15</v>
      </c>
      <c r="G26350" s="16">
        <v>0.87094266329237668</v>
      </c>
    </row>
    <row r="26351" spans="1:7" x14ac:dyDescent="0.3">
      <c r="A26351" s="13" t="s">
        <v>170</v>
      </c>
      <c r="B26351" s="14" t="s">
        <v>1</v>
      </c>
      <c r="C26351" s="14" t="s">
        <v>70</v>
      </c>
      <c r="D26351" s="14" t="s">
        <v>171</v>
      </c>
      <c r="E26351" s="15">
        <v>45447</v>
      </c>
      <c r="F26351" s="14" t="s">
        <v>15</v>
      </c>
      <c r="G26351" s="16">
        <v>0.88839079216797001</v>
      </c>
    </row>
    <row r="26352" spans="1:7" x14ac:dyDescent="0.3">
      <c r="A26352" s="13" t="s">
        <v>170</v>
      </c>
      <c r="B26352" s="14" t="s">
        <v>1</v>
      </c>
      <c r="C26352" s="14" t="s">
        <v>70</v>
      </c>
      <c r="D26352" s="14" t="s">
        <v>171</v>
      </c>
      <c r="E26352" s="15">
        <v>45448</v>
      </c>
      <c r="F26352" s="14" t="s">
        <v>15</v>
      </c>
      <c r="G26352" s="16">
        <v>0.93062679894544054</v>
      </c>
    </row>
    <row r="26353" spans="1:7" x14ac:dyDescent="0.3">
      <c r="A26353" s="13" t="s">
        <v>170</v>
      </c>
      <c r="B26353" s="14" t="s">
        <v>1</v>
      </c>
      <c r="C26353" s="14" t="s">
        <v>70</v>
      </c>
      <c r="D26353" s="14" t="s">
        <v>171</v>
      </c>
      <c r="E26353" s="15">
        <v>45449</v>
      </c>
      <c r="F26353" s="14" t="s">
        <v>15</v>
      </c>
      <c r="G26353" s="16">
        <v>0.9364140600355243</v>
      </c>
    </row>
    <row r="26354" spans="1:7" x14ac:dyDescent="0.3">
      <c r="A26354" s="13" t="s">
        <v>170</v>
      </c>
      <c r="B26354" s="14" t="s">
        <v>1</v>
      </c>
      <c r="C26354" s="14" t="s">
        <v>70</v>
      </c>
      <c r="D26354" s="14" t="s">
        <v>171</v>
      </c>
      <c r="E26354" s="15">
        <v>45450</v>
      </c>
      <c r="F26354" s="14" t="s">
        <v>15</v>
      </c>
      <c r="G26354" s="16">
        <v>0.94217076735682259</v>
      </c>
    </row>
    <row r="26355" spans="1:7" x14ac:dyDescent="0.3">
      <c r="A26355" s="13" t="s">
        <v>170</v>
      </c>
      <c r="B26355" s="14" t="s">
        <v>1</v>
      </c>
      <c r="C26355" s="14" t="s">
        <v>70</v>
      </c>
      <c r="D26355" s="14" t="s">
        <v>171</v>
      </c>
      <c r="E26355" s="15">
        <v>45451</v>
      </c>
      <c r="F26355" s="14" t="s">
        <v>15</v>
      </c>
      <c r="G26355" s="16">
        <v>0.94217076735682259</v>
      </c>
    </row>
    <row r="26356" spans="1:7" x14ac:dyDescent="0.3">
      <c r="A26356" s="13" t="s">
        <v>170</v>
      </c>
      <c r="B26356" s="14" t="s">
        <v>1</v>
      </c>
      <c r="C26356" s="14" t="s">
        <v>70</v>
      </c>
      <c r="D26356" s="14" t="s">
        <v>171</v>
      </c>
      <c r="E26356" s="15">
        <v>45452</v>
      </c>
      <c r="F26356" s="14" t="s">
        <v>15</v>
      </c>
      <c r="G26356" s="16">
        <v>0.94217076735682259</v>
      </c>
    </row>
    <row r="26357" spans="1:7" x14ac:dyDescent="0.3">
      <c r="A26357" s="13" t="s">
        <v>170</v>
      </c>
      <c r="B26357" s="14" t="s">
        <v>1</v>
      </c>
      <c r="C26357" s="14" t="s">
        <v>70</v>
      </c>
      <c r="D26357" s="14" t="s">
        <v>171</v>
      </c>
      <c r="E26357" s="15">
        <v>45453</v>
      </c>
      <c r="F26357" s="14" t="s">
        <v>15</v>
      </c>
      <c r="G26357" s="16">
        <v>0.95701985231685538</v>
      </c>
    </row>
    <row r="26358" spans="1:7" x14ac:dyDescent="0.3">
      <c r="A26358" s="13" t="s">
        <v>170</v>
      </c>
      <c r="B26358" s="14" t="s">
        <v>1</v>
      </c>
      <c r="C26358" s="14" t="s">
        <v>70</v>
      </c>
      <c r="D26358" s="14" t="s">
        <v>171</v>
      </c>
      <c r="E26358" s="15">
        <v>45454</v>
      </c>
      <c r="F26358" s="14" t="s">
        <v>15</v>
      </c>
      <c r="G26358" s="16">
        <v>0.97550074243448148</v>
      </c>
    </row>
    <row r="26359" spans="1:7" x14ac:dyDescent="0.3">
      <c r="A26359" s="13" t="s">
        <v>170</v>
      </c>
      <c r="B26359" s="14" t="s">
        <v>1</v>
      </c>
      <c r="C26359" s="14" t="s">
        <v>70</v>
      </c>
      <c r="D26359" s="14" t="s">
        <v>171</v>
      </c>
      <c r="E26359" s="15">
        <v>45455</v>
      </c>
      <c r="F26359" s="14" t="s">
        <v>15</v>
      </c>
      <c r="G26359" s="16">
        <v>0.98939059986396061</v>
      </c>
    </row>
    <row r="26360" spans="1:7" x14ac:dyDescent="0.3">
      <c r="A26360" s="13" t="s">
        <v>170</v>
      </c>
      <c r="B26360" s="14" t="s">
        <v>1</v>
      </c>
      <c r="C26360" s="14" t="s">
        <v>70</v>
      </c>
      <c r="D26360" s="14" t="s">
        <v>171</v>
      </c>
      <c r="E26360" s="15">
        <v>45456</v>
      </c>
      <c r="F26360" s="14" t="s">
        <v>15</v>
      </c>
      <c r="G26360" s="16">
        <v>0.99934640968087574</v>
      </c>
    </row>
    <row r="26361" spans="1:7" x14ac:dyDescent="0.3">
      <c r="A26361" s="13" t="s">
        <v>170</v>
      </c>
      <c r="B26361" s="14" t="s">
        <v>1</v>
      </c>
      <c r="C26361" s="14" t="s">
        <v>70</v>
      </c>
      <c r="D26361" s="14" t="s">
        <v>171</v>
      </c>
      <c r="E26361" s="15">
        <v>45457</v>
      </c>
      <c r="F26361" s="14" t="s">
        <v>15</v>
      </c>
      <c r="G26361" s="16">
        <v>1.0102619616369832</v>
      </c>
    </row>
    <row r="26362" spans="1:7" x14ac:dyDescent="0.3">
      <c r="A26362" s="13" t="s">
        <v>170</v>
      </c>
      <c r="B26362" s="14" t="s">
        <v>1</v>
      </c>
      <c r="C26362" s="14" t="s">
        <v>70</v>
      </c>
      <c r="D26362" s="14" t="s">
        <v>171</v>
      </c>
      <c r="E26362" s="15">
        <v>45458</v>
      </c>
      <c r="F26362" s="14" t="s">
        <v>15</v>
      </c>
      <c r="G26362" s="16">
        <v>1.0102619616369832</v>
      </c>
    </row>
    <row r="26363" spans="1:7" x14ac:dyDescent="0.3">
      <c r="A26363" s="13" t="s">
        <v>170</v>
      </c>
      <c r="B26363" s="14" t="s">
        <v>1</v>
      </c>
      <c r="C26363" s="14" t="s">
        <v>70</v>
      </c>
      <c r="D26363" s="14" t="s">
        <v>171</v>
      </c>
      <c r="E26363" s="15">
        <v>45459</v>
      </c>
      <c r="F26363" s="14" t="s">
        <v>15</v>
      </c>
      <c r="G26363" s="16">
        <v>1.0102619616369832</v>
      </c>
    </row>
    <row r="26364" spans="1:7" x14ac:dyDescent="0.3">
      <c r="A26364" s="13" t="s">
        <v>170</v>
      </c>
      <c r="B26364" s="14" t="s">
        <v>1</v>
      </c>
      <c r="C26364" s="14" t="s">
        <v>70</v>
      </c>
      <c r="D26364" s="14" t="s">
        <v>171</v>
      </c>
      <c r="E26364" s="15">
        <v>45460</v>
      </c>
      <c r="F26364" s="14" t="s">
        <v>15</v>
      </c>
      <c r="G26364" s="16">
        <v>1.0328992168777462</v>
      </c>
    </row>
    <row r="26365" spans="1:7" x14ac:dyDescent="0.3">
      <c r="A26365" s="13" t="s">
        <v>170</v>
      </c>
      <c r="B26365" s="14" t="s">
        <v>1</v>
      </c>
      <c r="C26365" s="14" t="s">
        <v>70</v>
      </c>
      <c r="D26365" s="14" t="s">
        <v>171</v>
      </c>
      <c r="E26365" s="15">
        <v>45461</v>
      </c>
      <c r="F26365" s="14" t="s">
        <v>15</v>
      </c>
      <c r="G26365" s="16">
        <v>1.048943406878555</v>
      </c>
    </row>
    <row r="26366" spans="1:7" x14ac:dyDescent="0.3">
      <c r="A26366" s="13" t="s">
        <v>170</v>
      </c>
      <c r="B26366" s="14" t="s">
        <v>1</v>
      </c>
      <c r="C26366" s="14" t="s">
        <v>70</v>
      </c>
      <c r="D26366" s="14" t="s">
        <v>171</v>
      </c>
      <c r="E26366" s="15">
        <v>45462</v>
      </c>
      <c r="F26366" s="14" t="s">
        <v>15</v>
      </c>
      <c r="G26366" s="16">
        <v>1.0556651423154291</v>
      </c>
    </row>
    <row r="26367" spans="1:7" x14ac:dyDescent="0.3">
      <c r="A26367" s="13" t="s">
        <v>170</v>
      </c>
      <c r="B26367" s="14" t="s">
        <v>1</v>
      </c>
      <c r="C26367" s="14" t="s">
        <v>70</v>
      </c>
      <c r="D26367" s="14" t="s">
        <v>171</v>
      </c>
      <c r="E26367" s="15">
        <v>45463</v>
      </c>
      <c r="F26367" s="14" t="s">
        <v>15</v>
      </c>
      <c r="G26367" s="16">
        <v>1.068295287704911</v>
      </c>
    </row>
    <row r="26368" spans="1:7" x14ac:dyDescent="0.3">
      <c r="A26368" s="13" t="s">
        <v>170</v>
      </c>
      <c r="B26368" s="14" t="s">
        <v>1</v>
      </c>
      <c r="C26368" s="14" t="s">
        <v>70</v>
      </c>
      <c r="D26368" s="14" t="s">
        <v>171</v>
      </c>
      <c r="E26368" s="15">
        <v>45464</v>
      </c>
      <c r="F26368" s="14" t="s">
        <v>15</v>
      </c>
      <c r="G26368" s="16">
        <v>1.0739645834299036</v>
      </c>
    </row>
    <row r="26369" spans="1:7" x14ac:dyDescent="0.3">
      <c r="A26369" s="13" t="s">
        <v>170</v>
      </c>
      <c r="B26369" s="14" t="s">
        <v>1</v>
      </c>
      <c r="C26369" s="14" t="s">
        <v>70</v>
      </c>
      <c r="D26369" s="14" t="s">
        <v>171</v>
      </c>
      <c r="E26369" s="15">
        <v>45465</v>
      </c>
      <c r="F26369" s="14" t="s">
        <v>15</v>
      </c>
      <c r="G26369" s="16">
        <v>1.0739645834299036</v>
      </c>
    </row>
    <row r="26370" spans="1:7" x14ac:dyDescent="0.3">
      <c r="A26370" s="13" t="s">
        <v>170</v>
      </c>
      <c r="B26370" s="14" t="s">
        <v>1</v>
      </c>
      <c r="C26370" s="14" t="s">
        <v>70</v>
      </c>
      <c r="D26370" s="14" t="s">
        <v>171</v>
      </c>
      <c r="E26370" s="15">
        <v>45466</v>
      </c>
      <c r="F26370" s="14" t="s">
        <v>15</v>
      </c>
      <c r="G26370" s="16">
        <v>1.0739645834299036</v>
      </c>
    </row>
    <row r="26371" spans="1:7" x14ac:dyDescent="0.3">
      <c r="A26371" s="13" t="s">
        <v>170</v>
      </c>
      <c r="B26371" s="14" t="s">
        <v>1</v>
      </c>
      <c r="C26371" s="14" t="s">
        <v>70</v>
      </c>
      <c r="D26371" s="14" t="s">
        <v>171</v>
      </c>
      <c r="E26371" s="15">
        <v>45467</v>
      </c>
      <c r="F26371" s="14" t="s">
        <v>15</v>
      </c>
      <c r="G26371" s="16">
        <v>1.0799199150908454</v>
      </c>
    </row>
    <row r="26372" spans="1:7" x14ac:dyDescent="0.3">
      <c r="A26372" s="13" t="s">
        <v>170</v>
      </c>
      <c r="B26372" s="14" t="s">
        <v>1</v>
      </c>
      <c r="C26372" s="14" t="s">
        <v>70</v>
      </c>
      <c r="D26372" s="14" t="s">
        <v>171</v>
      </c>
      <c r="E26372" s="15">
        <v>45468</v>
      </c>
      <c r="F26372" s="14" t="s">
        <v>15</v>
      </c>
      <c r="G26372" s="16">
        <v>1.1032080468228891</v>
      </c>
    </row>
    <row r="26373" spans="1:7" x14ac:dyDescent="0.3">
      <c r="A26373" s="13" t="s">
        <v>170</v>
      </c>
      <c r="B26373" s="14" t="s">
        <v>1</v>
      </c>
      <c r="C26373" s="14" t="s">
        <v>70</v>
      </c>
      <c r="D26373" s="14" t="s">
        <v>171</v>
      </c>
      <c r="E26373" s="15">
        <v>45469</v>
      </c>
      <c r="F26373" s="14" t="s">
        <v>15</v>
      </c>
      <c r="G26373" s="16">
        <v>1.1089683674482651</v>
      </c>
    </row>
    <row r="26374" spans="1:7" x14ac:dyDescent="0.3">
      <c r="A26374" s="13" t="s">
        <v>170</v>
      </c>
      <c r="B26374" s="14" t="s">
        <v>1</v>
      </c>
      <c r="C26374" s="14" t="s">
        <v>70</v>
      </c>
      <c r="D26374" s="14" t="s">
        <v>171</v>
      </c>
      <c r="E26374" s="15">
        <v>45470</v>
      </c>
      <c r="F26374" s="14" t="s">
        <v>15</v>
      </c>
      <c r="G26374" s="16">
        <v>1.1147892725882989</v>
      </c>
    </row>
    <row r="26375" spans="1:7" x14ac:dyDescent="0.3">
      <c r="A26375" s="13" t="s">
        <v>170</v>
      </c>
      <c r="B26375" s="14" t="s">
        <v>1</v>
      </c>
      <c r="C26375" s="14" t="s">
        <v>70</v>
      </c>
      <c r="D26375" s="14" t="s">
        <v>171</v>
      </c>
      <c r="E26375" s="15">
        <v>45471</v>
      </c>
      <c r="F26375" s="14" t="s">
        <v>15</v>
      </c>
      <c r="G26375" s="16">
        <v>1.1450783967806069</v>
      </c>
    </row>
    <row r="26376" spans="1:7" x14ac:dyDescent="0.3">
      <c r="A26376" s="13" t="s">
        <v>170</v>
      </c>
      <c r="B26376" s="14" t="s">
        <v>1</v>
      </c>
      <c r="C26376" s="14" t="s">
        <v>70</v>
      </c>
      <c r="D26376" s="14" t="s">
        <v>171</v>
      </c>
      <c r="E26376" s="15">
        <v>45472</v>
      </c>
      <c r="F26376" s="14" t="s">
        <v>15</v>
      </c>
      <c r="G26376" s="16">
        <v>1.1450783967806069</v>
      </c>
    </row>
    <row r="26377" spans="1:7" x14ac:dyDescent="0.3">
      <c r="A26377" s="13" t="s">
        <v>170</v>
      </c>
      <c r="B26377" s="14" t="s">
        <v>1</v>
      </c>
      <c r="C26377" s="14" t="s">
        <v>70</v>
      </c>
      <c r="D26377" s="14" t="s">
        <v>171</v>
      </c>
      <c r="E26377" s="15">
        <v>45473</v>
      </c>
      <c r="F26377" s="14" t="s">
        <v>15</v>
      </c>
      <c r="G26377" s="16">
        <v>1.1450783967806069</v>
      </c>
    </row>
    <row r="26378" spans="1:7" x14ac:dyDescent="0.3">
      <c r="A26378" s="13" t="s">
        <v>170</v>
      </c>
      <c r="B26378" s="14" t="s">
        <v>1</v>
      </c>
      <c r="C26378" s="14" t="s">
        <v>70</v>
      </c>
      <c r="D26378" s="14" t="s">
        <v>171</v>
      </c>
      <c r="E26378" s="15">
        <v>45474</v>
      </c>
      <c r="F26378" s="14" t="s">
        <v>15</v>
      </c>
      <c r="G26378" s="16">
        <v>1.1560374316514912</v>
      </c>
    </row>
    <row r="26379" spans="1:7" x14ac:dyDescent="0.3">
      <c r="A26379" s="13" t="s">
        <v>170</v>
      </c>
      <c r="B26379" s="14" t="s">
        <v>1</v>
      </c>
      <c r="C26379" s="14" t="s">
        <v>70</v>
      </c>
      <c r="D26379" s="14" t="s">
        <v>171</v>
      </c>
      <c r="E26379" s="15">
        <v>45475</v>
      </c>
      <c r="F26379" s="14" t="s">
        <v>15</v>
      </c>
      <c r="G26379" s="16">
        <v>1.1755941349813956</v>
      </c>
    </row>
    <row r="26380" spans="1:7" x14ac:dyDescent="0.3">
      <c r="A26380" s="13" t="s">
        <v>170</v>
      </c>
      <c r="B26380" s="14" t="s">
        <v>1</v>
      </c>
      <c r="C26380" s="14" t="s">
        <v>70</v>
      </c>
      <c r="D26380" s="14" t="s">
        <v>171</v>
      </c>
      <c r="E26380" s="15">
        <v>45476</v>
      </c>
      <c r="F26380" s="14" t="s">
        <v>15</v>
      </c>
      <c r="G26380" s="16">
        <v>1.2143008035011267</v>
      </c>
    </row>
    <row r="26381" spans="1:7" x14ac:dyDescent="0.3">
      <c r="A26381" s="13" t="s">
        <v>170</v>
      </c>
      <c r="B26381" s="14" t="s">
        <v>1</v>
      </c>
      <c r="C26381" s="14" t="s">
        <v>70</v>
      </c>
      <c r="D26381" s="14" t="s">
        <v>171</v>
      </c>
      <c r="E26381" s="15">
        <v>45477</v>
      </c>
      <c r="F26381" s="14" t="s">
        <v>15</v>
      </c>
      <c r="G26381" s="16">
        <v>1.2200948974011774</v>
      </c>
    </row>
    <row r="26382" spans="1:7" x14ac:dyDescent="0.3">
      <c r="A26382" s="13" t="s">
        <v>170</v>
      </c>
      <c r="B26382" s="14" t="s">
        <v>1</v>
      </c>
      <c r="C26382" s="14" t="s">
        <v>70</v>
      </c>
      <c r="D26382" s="14" t="s">
        <v>171</v>
      </c>
      <c r="E26382" s="15">
        <v>45478</v>
      </c>
      <c r="F26382" s="14" t="s">
        <v>15</v>
      </c>
      <c r="G26382" s="16">
        <v>1.2259581672629518</v>
      </c>
    </row>
    <row r="26383" spans="1:7" x14ac:dyDescent="0.3">
      <c r="A26383" s="13" t="s">
        <v>170</v>
      </c>
      <c r="B26383" s="14" t="s">
        <v>1</v>
      </c>
      <c r="C26383" s="14" t="s">
        <v>70</v>
      </c>
      <c r="D26383" s="14" t="s">
        <v>171</v>
      </c>
      <c r="E26383" s="15">
        <v>45479</v>
      </c>
      <c r="F26383" s="14" t="s">
        <v>15</v>
      </c>
      <c r="G26383" s="16">
        <v>1.2259581672629518</v>
      </c>
    </row>
    <row r="26384" spans="1:7" x14ac:dyDescent="0.3">
      <c r="A26384" s="13" t="s">
        <v>170</v>
      </c>
      <c r="B26384" s="14" t="s">
        <v>1</v>
      </c>
      <c r="C26384" s="14" t="s">
        <v>70</v>
      </c>
      <c r="D26384" s="14" t="s">
        <v>171</v>
      </c>
      <c r="E26384" s="15">
        <v>45480</v>
      </c>
      <c r="F26384" s="14" t="s">
        <v>15</v>
      </c>
      <c r="G26384" s="16">
        <v>1.2259581672629518</v>
      </c>
    </row>
    <row r="26385" spans="1:7" x14ac:dyDescent="0.3">
      <c r="A26385" s="13" t="s">
        <v>170</v>
      </c>
      <c r="B26385" s="14" t="s">
        <v>1</v>
      </c>
      <c r="C26385" s="14" t="s">
        <v>70</v>
      </c>
      <c r="D26385" s="14" t="s">
        <v>171</v>
      </c>
      <c r="E26385" s="15">
        <v>45481</v>
      </c>
      <c r="F26385" s="14" t="s">
        <v>15</v>
      </c>
      <c r="G26385" s="16">
        <v>1.2506649246597217</v>
      </c>
    </row>
    <row r="26386" spans="1:7" x14ac:dyDescent="0.3">
      <c r="A26386" s="13" t="s">
        <v>170</v>
      </c>
      <c r="B26386" s="14" t="s">
        <v>1</v>
      </c>
      <c r="C26386" s="14" t="s">
        <v>70</v>
      </c>
      <c r="D26386" s="14" t="s">
        <v>171</v>
      </c>
      <c r="E26386" s="15">
        <v>45482</v>
      </c>
      <c r="F26386" s="14" t="s">
        <v>15</v>
      </c>
      <c r="G26386" s="16">
        <v>1.2677097011128213</v>
      </c>
    </row>
    <row r="26387" spans="1:7" x14ac:dyDescent="0.3">
      <c r="A26387" s="13" t="s">
        <v>170</v>
      </c>
      <c r="B26387" s="14" t="s">
        <v>1</v>
      </c>
      <c r="C26387" s="14" t="s">
        <v>70</v>
      </c>
      <c r="D26387" s="14" t="s">
        <v>171</v>
      </c>
      <c r="E26387" s="15">
        <v>45483</v>
      </c>
      <c r="F26387" s="14" t="s">
        <v>15</v>
      </c>
      <c r="G26387" s="16">
        <v>1.2764770432975487</v>
      </c>
    </row>
    <row r="26388" spans="1:7" x14ac:dyDescent="0.3">
      <c r="A26388" s="13" t="s">
        <v>170</v>
      </c>
      <c r="B26388" s="14" t="s">
        <v>1</v>
      </c>
      <c r="C26388" s="14" t="s">
        <v>70</v>
      </c>
      <c r="D26388" s="14" t="s">
        <v>171</v>
      </c>
      <c r="E26388" s="15">
        <v>45484</v>
      </c>
      <c r="F26388" s="14" t="s">
        <v>15</v>
      </c>
      <c r="G26388" s="16">
        <v>1.2953416711276797</v>
      </c>
    </row>
    <row r="26389" spans="1:7" x14ac:dyDescent="0.3">
      <c r="A26389" s="13" t="s">
        <v>170</v>
      </c>
      <c r="B26389" s="14" t="s">
        <v>1</v>
      </c>
      <c r="C26389" s="14" t="s">
        <v>70</v>
      </c>
      <c r="D26389" s="14" t="s">
        <v>171</v>
      </c>
      <c r="E26389" s="15">
        <v>45485</v>
      </c>
      <c r="F26389" s="14" t="s">
        <v>15</v>
      </c>
      <c r="G26389" s="16">
        <v>1.3036670239116548</v>
      </c>
    </row>
    <row r="26390" spans="1:7" x14ac:dyDescent="0.3">
      <c r="A26390" s="13" t="s">
        <v>170</v>
      </c>
      <c r="B26390" s="14" t="s">
        <v>1</v>
      </c>
      <c r="C26390" s="14" t="s">
        <v>70</v>
      </c>
      <c r="D26390" s="14" t="s">
        <v>171</v>
      </c>
      <c r="E26390" s="15">
        <v>45486</v>
      </c>
      <c r="F26390" s="14" t="s">
        <v>15</v>
      </c>
      <c r="G26390" s="16">
        <v>1.3036670239116548</v>
      </c>
    </row>
    <row r="26391" spans="1:7" x14ac:dyDescent="0.3">
      <c r="A26391" s="13" t="s">
        <v>170</v>
      </c>
      <c r="B26391" s="14" t="s">
        <v>1</v>
      </c>
      <c r="C26391" s="14" t="s">
        <v>70</v>
      </c>
      <c r="D26391" s="14" t="s">
        <v>171</v>
      </c>
      <c r="E26391" s="15">
        <v>45487</v>
      </c>
      <c r="F26391" s="14" t="s">
        <v>15</v>
      </c>
      <c r="G26391" s="16">
        <v>1.3036670239116548</v>
      </c>
    </row>
    <row r="26392" spans="1:7" x14ac:dyDescent="0.3">
      <c r="A26392" s="13" t="s">
        <v>170</v>
      </c>
      <c r="B26392" s="14" t="s">
        <v>1</v>
      </c>
      <c r="C26392" s="14" t="s">
        <v>70</v>
      </c>
      <c r="D26392" s="14" t="s">
        <v>171</v>
      </c>
      <c r="E26392" s="15">
        <v>45488</v>
      </c>
      <c r="F26392" s="14" t="s">
        <v>15</v>
      </c>
      <c r="G26392" s="16">
        <v>1.3082925227555566</v>
      </c>
    </row>
    <row r="26393" spans="1:7" x14ac:dyDescent="0.3">
      <c r="A26393" s="13" t="s">
        <v>170</v>
      </c>
      <c r="B26393" s="14" t="s">
        <v>1</v>
      </c>
      <c r="C26393" s="14" t="s">
        <v>70</v>
      </c>
      <c r="D26393" s="14" t="s">
        <v>171</v>
      </c>
      <c r="E26393" s="15">
        <v>45489</v>
      </c>
      <c r="F26393" s="14" t="s">
        <v>15</v>
      </c>
      <c r="G26393" s="16">
        <v>1.3250743908049212</v>
      </c>
    </row>
    <row r="26394" spans="1:7" x14ac:dyDescent="0.3">
      <c r="A26394" s="13" t="s">
        <v>170</v>
      </c>
      <c r="B26394" s="14" t="s">
        <v>1</v>
      </c>
      <c r="C26394" s="14" t="s">
        <v>70</v>
      </c>
      <c r="D26394" s="14" t="s">
        <v>171</v>
      </c>
      <c r="E26394" s="15">
        <v>45490</v>
      </c>
      <c r="F26394" s="14" t="s">
        <v>15</v>
      </c>
      <c r="G26394" s="16">
        <v>1.3305853247797808</v>
      </c>
    </row>
    <row r="26395" spans="1:7" x14ac:dyDescent="0.3">
      <c r="A26395" s="13" t="s">
        <v>170</v>
      </c>
      <c r="B26395" s="14" t="s">
        <v>1</v>
      </c>
      <c r="C26395" s="14" t="s">
        <v>70</v>
      </c>
      <c r="D26395" s="14" t="s">
        <v>171</v>
      </c>
      <c r="E26395" s="15">
        <v>45491</v>
      </c>
      <c r="F26395" s="14" t="s">
        <v>15</v>
      </c>
      <c r="G26395" s="16">
        <v>1.3498469500576935</v>
      </c>
    </row>
    <row r="26396" spans="1:7" x14ac:dyDescent="0.3">
      <c r="A26396" s="13" t="s">
        <v>170</v>
      </c>
      <c r="B26396" s="14" t="s">
        <v>1</v>
      </c>
      <c r="C26396" s="14" t="s">
        <v>70</v>
      </c>
      <c r="D26396" s="14" t="s">
        <v>171</v>
      </c>
      <c r="E26396" s="15">
        <v>45492</v>
      </c>
      <c r="F26396" s="14" t="s">
        <v>15</v>
      </c>
      <c r="G26396" s="16">
        <v>1.3555484709665711</v>
      </c>
    </row>
    <row r="26397" spans="1:7" x14ac:dyDescent="0.3">
      <c r="A26397" s="13" t="s">
        <v>170</v>
      </c>
      <c r="B26397" s="14" t="s">
        <v>1</v>
      </c>
      <c r="C26397" s="14" t="s">
        <v>70</v>
      </c>
      <c r="D26397" s="14" t="s">
        <v>171</v>
      </c>
      <c r="E26397" s="15">
        <v>45493</v>
      </c>
      <c r="F26397" s="14" t="s">
        <v>15</v>
      </c>
      <c r="G26397" s="16">
        <v>1.3555484709665711</v>
      </c>
    </row>
    <row r="26398" spans="1:7" x14ac:dyDescent="0.3">
      <c r="A26398" s="13" t="s">
        <v>170</v>
      </c>
      <c r="B26398" s="14" t="s">
        <v>1</v>
      </c>
      <c r="C26398" s="14" t="s">
        <v>70</v>
      </c>
      <c r="D26398" s="14" t="s">
        <v>171</v>
      </c>
      <c r="E26398" s="15">
        <v>45494</v>
      </c>
      <c r="F26398" s="14" t="s">
        <v>15</v>
      </c>
      <c r="G26398" s="16">
        <v>1.3555484709665711</v>
      </c>
    </row>
    <row r="26399" spans="1:7" x14ac:dyDescent="0.3">
      <c r="A26399" s="13" t="s">
        <v>170</v>
      </c>
      <c r="B26399" s="14" t="s">
        <v>1</v>
      </c>
      <c r="C26399" s="14" t="s">
        <v>70</v>
      </c>
      <c r="D26399" s="14" t="s">
        <v>171</v>
      </c>
      <c r="E26399" s="15">
        <v>45495</v>
      </c>
      <c r="F26399" s="14" t="s">
        <v>15</v>
      </c>
      <c r="G26399" s="16">
        <v>1.3649414083731299</v>
      </c>
    </row>
    <row r="26400" spans="1:7" x14ac:dyDescent="0.3">
      <c r="A26400" s="13" t="s">
        <v>170</v>
      </c>
      <c r="B26400" s="14" t="s">
        <v>1</v>
      </c>
      <c r="C26400" s="14" t="s">
        <v>70</v>
      </c>
      <c r="D26400" s="14" t="s">
        <v>171</v>
      </c>
      <c r="E26400" s="15">
        <v>45496</v>
      </c>
      <c r="F26400" s="14" t="s">
        <v>15</v>
      </c>
      <c r="G26400" s="16">
        <v>1.4024170610762756</v>
      </c>
    </row>
    <row r="26401" spans="1:7" x14ac:dyDescent="0.3">
      <c r="A26401" s="13" t="s">
        <v>170</v>
      </c>
      <c r="B26401" s="14" t="s">
        <v>1</v>
      </c>
      <c r="C26401" s="14" t="s">
        <v>70</v>
      </c>
      <c r="D26401" s="14" t="s">
        <v>171</v>
      </c>
      <c r="E26401" s="15">
        <v>45497</v>
      </c>
      <c r="F26401" s="14" t="s">
        <v>15</v>
      </c>
      <c r="G26401" s="16">
        <v>1.4093106011572909</v>
      </c>
    </row>
    <row r="26402" spans="1:7" x14ac:dyDescent="0.3">
      <c r="A26402" s="13" t="s">
        <v>170</v>
      </c>
      <c r="B26402" s="14" t="s">
        <v>1</v>
      </c>
      <c r="C26402" s="14" t="s">
        <v>70</v>
      </c>
      <c r="D26402" s="14" t="s">
        <v>171</v>
      </c>
      <c r="E26402" s="15">
        <v>45498</v>
      </c>
      <c r="F26402" s="14" t="s">
        <v>15</v>
      </c>
      <c r="G26402" s="16">
        <v>1.4150358745300435</v>
      </c>
    </row>
    <row r="26403" spans="1:7" x14ac:dyDescent="0.3">
      <c r="A26403" s="13" t="s">
        <v>170</v>
      </c>
      <c r="B26403" s="14" t="s">
        <v>1</v>
      </c>
      <c r="C26403" s="14" t="s">
        <v>70</v>
      </c>
      <c r="D26403" s="14" t="s">
        <v>171</v>
      </c>
      <c r="E26403" s="15">
        <v>45499</v>
      </c>
      <c r="F26403" s="14" t="s">
        <v>15</v>
      </c>
      <c r="G26403" s="16">
        <v>1.4207429967662228</v>
      </c>
    </row>
    <row r="26404" spans="1:7" x14ac:dyDescent="0.3">
      <c r="A26404" s="13" t="s">
        <v>170</v>
      </c>
      <c r="B26404" s="14" t="s">
        <v>1</v>
      </c>
      <c r="C26404" s="14" t="s">
        <v>70</v>
      </c>
      <c r="D26404" s="14" t="s">
        <v>171</v>
      </c>
      <c r="E26404" s="15">
        <v>45500</v>
      </c>
      <c r="F26404" s="14" t="s">
        <v>15</v>
      </c>
      <c r="G26404" s="16">
        <v>1.4207429967662228</v>
      </c>
    </row>
    <row r="26405" spans="1:7" x14ac:dyDescent="0.3">
      <c r="A26405" s="13" t="s">
        <v>170</v>
      </c>
      <c r="B26405" s="14" t="s">
        <v>1</v>
      </c>
      <c r="C26405" s="14" t="s">
        <v>70</v>
      </c>
      <c r="D26405" s="14" t="s">
        <v>171</v>
      </c>
      <c r="E26405" s="15">
        <v>45501</v>
      </c>
      <c r="F26405" s="14" t="s">
        <v>15</v>
      </c>
      <c r="G26405" s="16">
        <v>1.4207429967662228</v>
      </c>
    </row>
    <row r="26406" spans="1:7" x14ac:dyDescent="0.3">
      <c r="A26406" s="13" t="s">
        <v>170</v>
      </c>
      <c r="B26406" s="14" t="s">
        <v>1</v>
      </c>
      <c r="C26406" s="14" t="s">
        <v>70</v>
      </c>
      <c r="D26406" s="14" t="s">
        <v>171</v>
      </c>
      <c r="E26406" s="15">
        <v>45502</v>
      </c>
      <c r="F26406" s="14" t="s">
        <v>15</v>
      </c>
      <c r="G26406" s="16">
        <v>1.4276503629082999</v>
      </c>
    </row>
    <row r="26407" spans="1:7" x14ac:dyDescent="0.3">
      <c r="A26407" s="13" t="s">
        <v>170</v>
      </c>
      <c r="B26407" s="14" t="s">
        <v>1</v>
      </c>
      <c r="C26407" s="14" t="s">
        <v>70</v>
      </c>
      <c r="D26407" s="14" t="s">
        <v>171</v>
      </c>
      <c r="E26407" s="15">
        <v>45503</v>
      </c>
      <c r="F26407" s="14" t="s">
        <v>15</v>
      </c>
      <c r="G26407" s="16">
        <v>1.444568718996349</v>
      </c>
    </row>
    <row r="26408" spans="1:7" x14ac:dyDescent="0.3">
      <c r="A26408" s="13" t="s">
        <v>170</v>
      </c>
      <c r="B26408" s="14" t="s">
        <v>1</v>
      </c>
      <c r="C26408" s="14" t="s">
        <v>70</v>
      </c>
      <c r="D26408" s="14" t="s">
        <v>171</v>
      </c>
      <c r="E26408" s="15">
        <v>45504</v>
      </c>
      <c r="F26408" s="14" t="s">
        <v>15</v>
      </c>
      <c r="G26408" s="16">
        <v>1.4509131871960275</v>
      </c>
    </row>
    <row r="26409" spans="1:7" x14ac:dyDescent="0.3">
      <c r="A26409" s="13" t="s">
        <v>170</v>
      </c>
      <c r="B26409" s="14" t="s">
        <v>1</v>
      </c>
      <c r="C26409" s="14" t="s">
        <v>70</v>
      </c>
      <c r="D26409" s="14" t="s">
        <v>171</v>
      </c>
      <c r="E26409" s="15">
        <v>45505</v>
      </c>
      <c r="F26409" s="14" t="s">
        <v>15</v>
      </c>
      <c r="G26409" s="16">
        <v>1.4509131871960275</v>
      </c>
    </row>
    <row r="26410" spans="1:7" x14ac:dyDescent="0.3">
      <c r="A26410" s="13" t="s">
        <v>170</v>
      </c>
      <c r="B26410" s="14" t="s">
        <v>1</v>
      </c>
      <c r="C26410" s="14" t="s">
        <v>70</v>
      </c>
      <c r="D26410" s="14" t="s">
        <v>171</v>
      </c>
      <c r="E26410" s="15">
        <v>45506</v>
      </c>
      <c r="F26410" s="14" t="s">
        <v>15</v>
      </c>
      <c r="G26410" s="16">
        <v>1.4676869723173867</v>
      </c>
    </row>
    <row r="26411" spans="1:7" x14ac:dyDescent="0.3">
      <c r="A26411" s="13" t="s">
        <v>170</v>
      </c>
      <c r="B26411" s="14" t="s">
        <v>1</v>
      </c>
      <c r="C26411" s="14" t="s">
        <v>70</v>
      </c>
      <c r="D26411" s="14" t="s">
        <v>171</v>
      </c>
      <c r="E26411" s="15">
        <v>45507</v>
      </c>
      <c r="F26411" s="14" t="s">
        <v>15</v>
      </c>
      <c r="G26411" s="16">
        <v>1.4676869723173867</v>
      </c>
    </row>
    <row r="26412" spans="1:7" x14ac:dyDescent="0.3">
      <c r="A26412" s="13" t="s">
        <v>170</v>
      </c>
      <c r="B26412" s="14" t="s">
        <v>1</v>
      </c>
      <c r="C26412" s="14" t="s">
        <v>70</v>
      </c>
      <c r="D26412" s="14" t="s">
        <v>171</v>
      </c>
      <c r="E26412" s="15">
        <v>45508</v>
      </c>
      <c r="F26412" s="14" t="s">
        <v>15</v>
      </c>
      <c r="G26412" s="16">
        <v>1.4676869723173867</v>
      </c>
    </row>
    <row r="26413" spans="1:7" x14ac:dyDescent="0.3">
      <c r="A26413" s="13" t="s">
        <v>170</v>
      </c>
      <c r="B26413" s="14" t="s">
        <v>1</v>
      </c>
      <c r="C26413" s="14" t="s">
        <v>70</v>
      </c>
      <c r="D26413" s="14" t="s">
        <v>171</v>
      </c>
      <c r="E26413" s="15">
        <v>45509</v>
      </c>
      <c r="F26413" s="14" t="s">
        <v>15</v>
      </c>
      <c r="G26413" s="16">
        <v>1.4676869723173867</v>
      </c>
    </row>
    <row r="26414" spans="1:7" x14ac:dyDescent="0.3">
      <c r="A26414" s="13" t="s">
        <v>170</v>
      </c>
      <c r="B26414" s="14" t="s">
        <v>1</v>
      </c>
      <c r="C26414" s="14" t="s">
        <v>70</v>
      </c>
      <c r="D26414" s="14" t="s">
        <v>171</v>
      </c>
      <c r="E26414" s="15">
        <v>45510</v>
      </c>
      <c r="F26414" s="14" t="s">
        <v>15</v>
      </c>
      <c r="G26414" s="16">
        <v>1.4763610254516217</v>
      </c>
    </row>
    <row r="26415" spans="1:7" x14ac:dyDescent="0.3">
      <c r="A26415" s="13" t="s">
        <v>170</v>
      </c>
      <c r="B26415" s="14" t="s">
        <v>1</v>
      </c>
      <c r="C26415" s="14" t="s">
        <v>70</v>
      </c>
      <c r="D26415" s="14" t="s">
        <v>171</v>
      </c>
      <c r="E26415" s="15">
        <v>45511</v>
      </c>
      <c r="F26415" s="14" t="s">
        <v>15</v>
      </c>
      <c r="G26415" s="16">
        <v>1.5296183114734474</v>
      </c>
    </row>
    <row r="26416" spans="1:7" x14ac:dyDescent="0.3">
      <c r="A26416" s="13" t="s">
        <v>170</v>
      </c>
      <c r="B26416" s="14" t="s">
        <v>1</v>
      </c>
      <c r="C26416" s="14" t="s">
        <v>70</v>
      </c>
      <c r="D26416" s="14" t="s">
        <v>171</v>
      </c>
      <c r="E26416" s="15">
        <v>45512</v>
      </c>
      <c r="F26416" s="14" t="s">
        <v>15</v>
      </c>
      <c r="G26416" s="16">
        <v>1.5354505063850759</v>
      </c>
    </row>
    <row r="26417" spans="1:7" x14ac:dyDescent="0.3">
      <c r="A26417" s="13" t="s">
        <v>170</v>
      </c>
      <c r="B26417" s="14" t="s">
        <v>1</v>
      </c>
      <c r="C26417" s="14" t="s">
        <v>70</v>
      </c>
      <c r="D26417" s="14" t="s">
        <v>171</v>
      </c>
      <c r="E26417" s="15">
        <v>45513</v>
      </c>
      <c r="F26417" s="14" t="s">
        <v>15</v>
      </c>
      <c r="G26417" s="16">
        <v>1.5552745332852462</v>
      </c>
    </row>
    <row r="26418" spans="1:7" x14ac:dyDescent="0.3">
      <c r="A26418" s="13" t="s">
        <v>170</v>
      </c>
      <c r="B26418" s="14" t="s">
        <v>1</v>
      </c>
      <c r="C26418" s="14" t="s">
        <v>70</v>
      </c>
      <c r="D26418" s="14" t="s">
        <v>171</v>
      </c>
      <c r="E26418" s="15">
        <v>45514</v>
      </c>
      <c r="F26418" s="14" t="s">
        <v>15</v>
      </c>
      <c r="G26418" s="16">
        <v>1.5552745332852462</v>
      </c>
    </row>
    <row r="26419" spans="1:7" x14ac:dyDescent="0.3">
      <c r="A26419" s="13" t="s">
        <v>170</v>
      </c>
      <c r="B26419" s="14" t="s">
        <v>1</v>
      </c>
      <c r="C26419" s="14" t="s">
        <v>70</v>
      </c>
      <c r="D26419" s="14" t="s">
        <v>171</v>
      </c>
      <c r="E26419" s="15">
        <v>45515</v>
      </c>
      <c r="F26419" s="14" t="s">
        <v>15</v>
      </c>
      <c r="G26419" s="16">
        <v>1.5552745332852462</v>
      </c>
    </row>
    <row r="26420" spans="1:7" x14ac:dyDescent="0.3">
      <c r="A26420" s="13" t="s">
        <v>170</v>
      </c>
      <c r="B26420" s="14" t="s">
        <v>1</v>
      </c>
      <c r="C26420" s="14" t="s">
        <v>70</v>
      </c>
      <c r="D26420" s="14" t="s">
        <v>171</v>
      </c>
      <c r="E26420" s="15">
        <v>45516</v>
      </c>
      <c r="F26420" s="14" t="s">
        <v>15</v>
      </c>
      <c r="G26420" s="16">
        <v>1.5749619303409779</v>
      </c>
    </row>
    <row r="26421" spans="1:7" x14ac:dyDescent="0.3">
      <c r="A26421" s="13" t="s">
        <v>170</v>
      </c>
      <c r="B26421" s="14" t="s">
        <v>1</v>
      </c>
      <c r="C26421" s="14" t="s">
        <v>70</v>
      </c>
      <c r="D26421" s="14" t="s">
        <v>171</v>
      </c>
      <c r="E26421" s="15">
        <v>45517</v>
      </c>
      <c r="F26421" s="14" t="s">
        <v>15</v>
      </c>
      <c r="G26421" s="16">
        <v>1.5956959956705079</v>
      </c>
    </row>
    <row r="26422" spans="1:7" x14ac:dyDescent="0.3">
      <c r="A26422" s="13" t="s">
        <v>170</v>
      </c>
      <c r="B26422" s="14" t="s">
        <v>1</v>
      </c>
      <c r="C26422" s="14" t="s">
        <v>70</v>
      </c>
      <c r="D26422" s="14" t="s">
        <v>171</v>
      </c>
      <c r="E26422" s="15">
        <v>45518</v>
      </c>
      <c r="F26422" s="14" t="s">
        <v>15</v>
      </c>
      <c r="G26422" s="16">
        <v>1.6007958071470578</v>
      </c>
    </row>
    <row r="26423" spans="1:7" x14ac:dyDescent="0.3">
      <c r="A26423" s="13" t="s">
        <v>170</v>
      </c>
      <c r="B26423" s="14" t="s">
        <v>1</v>
      </c>
      <c r="C26423" s="14" t="s">
        <v>70</v>
      </c>
      <c r="D26423" s="14" t="s">
        <v>171</v>
      </c>
      <c r="E26423" s="15">
        <v>45519</v>
      </c>
      <c r="F26423" s="14" t="s">
        <v>15</v>
      </c>
      <c r="G26423" s="16">
        <v>1.6065861840693705</v>
      </c>
    </row>
    <row r="26424" spans="1:7" x14ac:dyDescent="0.3">
      <c r="A26424" s="13" t="s">
        <v>170</v>
      </c>
      <c r="B26424" s="14" t="s">
        <v>1</v>
      </c>
      <c r="C26424" s="14" t="s">
        <v>70</v>
      </c>
      <c r="D26424" s="14" t="s">
        <v>171</v>
      </c>
      <c r="E26424" s="15">
        <v>45520</v>
      </c>
      <c r="F26424" s="14" t="s">
        <v>15</v>
      </c>
      <c r="G26424" s="16">
        <v>1.6658192810072867</v>
      </c>
    </row>
    <row r="26425" spans="1:7" x14ac:dyDescent="0.3">
      <c r="A26425" s="13" t="s">
        <v>170</v>
      </c>
      <c r="B26425" s="14" t="s">
        <v>1</v>
      </c>
      <c r="C26425" s="14" t="s">
        <v>70</v>
      </c>
      <c r="D26425" s="14" t="s">
        <v>171</v>
      </c>
      <c r="E26425" s="15">
        <v>45521</v>
      </c>
      <c r="F26425" s="14" t="s">
        <v>15</v>
      </c>
      <c r="G26425" s="16">
        <v>1.6658192810072867</v>
      </c>
    </row>
    <row r="26426" spans="1:7" x14ac:dyDescent="0.3">
      <c r="A26426" s="13" t="s">
        <v>170</v>
      </c>
      <c r="B26426" s="14" t="s">
        <v>1</v>
      </c>
      <c r="C26426" s="14" t="s">
        <v>70</v>
      </c>
      <c r="D26426" s="14" t="s">
        <v>171</v>
      </c>
      <c r="E26426" s="15">
        <v>45522</v>
      </c>
      <c r="F26426" s="14" t="s">
        <v>15</v>
      </c>
      <c r="G26426" s="16">
        <v>1.6658192810072867</v>
      </c>
    </row>
    <row r="26427" spans="1:7" x14ac:dyDescent="0.3">
      <c r="A26427" s="13" t="s">
        <v>170</v>
      </c>
      <c r="B26427" s="14" t="s">
        <v>1</v>
      </c>
      <c r="C26427" s="14" t="s">
        <v>70</v>
      </c>
      <c r="D26427" s="14" t="s">
        <v>171</v>
      </c>
      <c r="E26427" s="15">
        <v>45523</v>
      </c>
      <c r="F26427" s="14" t="s">
        <v>15</v>
      </c>
      <c r="G26427" s="16">
        <v>1.6844145869478357</v>
      </c>
    </row>
    <row r="26428" spans="1:7" x14ac:dyDescent="0.3">
      <c r="A26428" s="13" t="s">
        <v>170</v>
      </c>
      <c r="B26428" s="14" t="s">
        <v>1</v>
      </c>
      <c r="C26428" s="14" t="s">
        <v>70</v>
      </c>
      <c r="D26428" s="14" t="s">
        <v>171</v>
      </c>
      <c r="E26428" s="15">
        <v>45524</v>
      </c>
      <c r="F26428" s="14" t="s">
        <v>15</v>
      </c>
      <c r="G26428" s="16">
        <v>1.713941293437292</v>
      </c>
    </row>
    <row r="26429" spans="1:7" x14ac:dyDescent="0.3">
      <c r="A26429" s="13" t="s">
        <v>170</v>
      </c>
      <c r="B26429" s="14" t="s">
        <v>1</v>
      </c>
      <c r="C26429" s="14" t="s">
        <v>70</v>
      </c>
      <c r="D26429" s="14" t="s">
        <v>171</v>
      </c>
      <c r="E26429" s="15">
        <v>45525</v>
      </c>
      <c r="F26429" s="14" t="s">
        <v>15</v>
      </c>
      <c r="G26429" s="16">
        <v>1.7272863869201585</v>
      </c>
    </row>
    <row r="26430" spans="1:7" x14ac:dyDescent="0.3">
      <c r="A26430" s="13" t="s">
        <v>170</v>
      </c>
      <c r="B26430" s="14" t="s">
        <v>1</v>
      </c>
      <c r="C26430" s="14" t="s">
        <v>70</v>
      </c>
      <c r="D26430" s="14" t="s">
        <v>171</v>
      </c>
      <c r="E26430" s="15">
        <v>45526</v>
      </c>
      <c r="F26430" s="14" t="s">
        <v>15</v>
      </c>
      <c r="G26430" s="16">
        <v>1.7342207613905005</v>
      </c>
    </row>
    <row r="26431" spans="1:7" x14ac:dyDescent="0.3">
      <c r="A26431" s="13" t="s">
        <v>170</v>
      </c>
      <c r="B26431" s="14" t="s">
        <v>1</v>
      </c>
      <c r="C26431" s="14" t="s">
        <v>70</v>
      </c>
      <c r="D26431" s="14" t="s">
        <v>171</v>
      </c>
      <c r="E26431" s="15">
        <v>45527</v>
      </c>
      <c r="F26431" s="14" t="s">
        <v>15</v>
      </c>
      <c r="G26431" s="16">
        <v>1.7408935691073355</v>
      </c>
    </row>
    <row r="26432" spans="1:7" x14ac:dyDescent="0.3">
      <c r="A26432" s="13" t="s">
        <v>170</v>
      </c>
      <c r="B26432" s="14" t="s">
        <v>1</v>
      </c>
      <c r="C26432" s="14" t="s">
        <v>70</v>
      </c>
      <c r="D26432" s="14" t="s">
        <v>171</v>
      </c>
      <c r="E26432" s="15">
        <v>45528</v>
      </c>
      <c r="F26432" s="14" t="s">
        <v>15</v>
      </c>
      <c r="G26432" s="16">
        <v>1.7408935691073355</v>
      </c>
    </row>
    <row r="26433" spans="1:7" x14ac:dyDescent="0.3">
      <c r="A26433" s="13" t="s">
        <v>170</v>
      </c>
      <c r="B26433" s="14" t="s">
        <v>1</v>
      </c>
      <c r="C26433" s="14" t="s">
        <v>70</v>
      </c>
      <c r="D26433" s="14" t="s">
        <v>171</v>
      </c>
      <c r="E26433" s="15">
        <v>45529</v>
      </c>
      <c r="F26433" s="14" t="s">
        <v>15</v>
      </c>
      <c r="G26433" s="16">
        <v>1.7408935691073355</v>
      </c>
    </row>
    <row r="26434" spans="1:7" x14ac:dyDescent="0.3">
      <c r="A26434" s="13" t="s">
        <v>170</v>
      </c>
      <c r="B26434" s="14" t="s">
        <v>1</v>
      </c>
      <c r="C26434" s="14" t="s">
        <v>70</v>
      </c>
      <c r="D26434" s="14" t="s">
        <v>171</v>
      </c>
      <c r="E26434" s="15">
        <v>45530</v>
      </c>
      <c r="F26434" s="14" t="s">
        <v>15</v>
      </c>
      <c r="G26434" s="16">
        <v>1.7463255542994764</v>
      </c>
    </row>
    <row r="26435" spans="1:7" x14ac:dyDescent="0.3">
      <c r="A26435" s="13" t="s">
        <v>170</v>
      </c>
      <c r="B26435" s="14" t="s">
        <v>1</v>
      </c>
      <c r="C26435" s="14" t="s">
        <v>70</v>
      </c>
      <c r="D26435" s="14" t="s">
        <v>171</v>
      </c>
      <c r="E26435" s="15">
        <v>45531</v>
      </c>
      <c r="F26435" s="14" t="s">
        <v>15</v>
      </c>
      <c r="G26435" s="16">
        <v>1.7634149183907384</v>
      </c>
    </row>
    <row r="26436" spans="1:7" x14ac:dyDescent="0.3">
      <c r="A26436" s="13" t="s">
        <v>170</v>
      </c>
      <c r="B26436" s="14" t="s">
        <v>1</v>
      </c>
      <c r="C26436" s="14" t="s">
        <v>70</v>
      </c>
      <c r="D26436" s="14" t="s">
        <v>171</v>
      </c>
      <c r="E26436" s="15">
        <v>45532</v>
      </c>
      <c r="F26436" s="14" t="s">
        <v>15</v>
      </c>
      <c r="G26436" s="16">
        <v>1.7781618146292855</v>
      </c>
    </row>
    <row r="26437" spans="1:7" x14ac:dyDescent="0.3">
      <c r="A26437" s="13" t="s">
        <v>170</v>
      </c>
      <c r="B26437" s="14" t="s">
        <v>1</v>
      </c>
      <c r="C26437" s="14" t="s">
        <v>70</v>
      </c>
      <c r="D26437" s="14" t="s">
        <v>171</v>
      </c>
      <c r="E26437" s="15">
        <v>45533</v>
      </c>
      <c r="F26437" s="14" t="s">
        <v>15</v>
      </c>
      <c r="G26437" s="16">
        <v>1.7844184142629762</v>
      </c>
    </row>
    <row r="26438" spans="1:7" x14ac:dyDescent="0.3">
      <c r="A26438" s="13" t="s">
        <v>170</v>
      </c>
      <c r="B26438" s="14" t="s">
        <v>1</v>
      </c>
      <c r="C26438" s="14" t="s">
        <v>70</v>
      </c>
      <c r="D26438" s="14" t="s">
        <v>171</v>
      </c>
      <c r="E26438" s="15">
        <v>45534</v>
      </c>
      <c r="F26438" s="14" t="s">
        <v>15</v>
      </c>
      <c r="G26438" s="16">
        <v>1.7940162418324141</v>
      </c>
    </row>
    <row r="26439" spans="1:7" x14ac:dyDescent="0.3">
      <c r="A26439" s="13" t="s">
        <v>170</v>
      </c>
      <c r="B26439" s="14" t="s">
        <v>1</v>
      </c>
      <c r="C26439" s="14" t="s">
        <v>70</v>
      </c>
      <c r="D26439" s="14" t="s">
        <v>171</v>
      </c>
      <c r="E26439" s="15">
        <v>45535</v>
      </c>
      <c r="F26439" s="14" t="s">
        <v>15</v>
      </c>
      <c r="G26439" s="16">
        <v>1.7940162418324141</v>
      </c>
    </row>
    <row r="26440" spans="1:7" x14ac:dyDescent="0.3">
      <c r="A26440" s="13" t="s">
        <v>170</v>
      </c>
      <c r="B26440" s="14" t="s">
        <v>1</v>
      </c>
      <c r="C26440" s="14" t="s">
        <v>70</v>
      </c>
      <c r="D26440" s="14" t="s">
        <v>171</v>
      </c>
      <c r="E26440" s="15">
        <v>45536</v>
      </c>
      <c r="F26440" s="14" t="s">
        <v>15</v>
      </c>
      <c r="G26440" s="16">
        <v>1.7940162418324141</v>
      </c>
    </row>
    <row r="26441" spans="1:7" x14ac:dyDescent="0.3">
      <c r="A26441" s="13" t="s">
        <v>170</v>
      </c>
      <c r="B26441" s="14" t="s">
        <v>1</v>
      </c>
      <c r="C26441" s="14" t="s">
        <v>70</v>
      </c>
      <c r="D26441" s="14" t="s">
        <v>171</v>
      </c>
      <c r="E26441" s="15">
        <v>45537</v>
      </c>
      <c r="F26441" s="14" t="s">
        <v>15</v>
      </c>
      <c r="G26441" s="16">
        <v>1.8055495937195492</v>
      </c>
    </row>
    <row r="26442" spans="1:7" x14ac:dyDescent="0.3">
      <c r="A26442" s="13" t="s">
        <v>170</v>
      </c>
      <c r="B26442" s="14" t="s">
        <v>1</v>
      </c>
      <c r="C26442" s="14" t="s">
        <v>70</v>
      </c>
      <c r="D26442" s="14" t="s">
        <v>171</v>
      </c>
      <c r="E26442" s="15">
        <v>45538</v>
      </c>
      <c r="F26442" s="14" t="s">
        <v>15</v>
      </c>
      <c r="G26442" s="16">
        <v>1.8173851927820421</v>
      </c>
    </row>
    <row r="26443" spans="1:7" x14ac:dyDescent="0.3">
      <c r="A26443" s="13" t="s">
        <v>170</v>
      </c>
      <c r="B26443" s="14" t="s">
        <v>1</v>
      </c>
      <c r="C26443" s="14" t="s">
        <v>70</v>
      </c>
      <c r="D26443" s="14" t="s">
        <v>171</v>
      </c>
      <c r="E26443" s="15">
        <v>45539</v>
      </c>
      <c r="F26443" s="14" t="s">
        <v>15</v>
      </c>
      <c r="G26443" s="16">
        <v>1.8230903776565412</v>
      </c>
    </row>
    <row r="26444" spans="1:7" x14ac:dyDescent="0.3">
      <c r="A26444" s="13" t="s">
        <v>170</v>
      </c>
      <c r="B26444" s="14" t="s">
        <v>1</v>
      </c>
      <c r="C26444" s="14" t="s">
        <v>70</v>
      </c>
      <c r="D26444" s="14" t="s">
        <v>171</v>
      </c>
      <c r="E26444" s="15">
        <v>45540</v>
      </c>
      <c r="F26444" s="14" t="s">
        <v>15</v>
      </c>
      <c r="G26444" s="16">
        <v>1.8372771518538229</v>
      </c>
    </row>
    <row r="26445" spans="1:7" x14ac:dyDescent="0.3">
      <c r="A26445" s="13" t="s">
        <v>170</v>
      </c>
      <c r="B26445" s="14" t="s">
        <v>1</v>
      </c>
      <c r="C26445" s="14" t="s">
        <v>70</v>
      </c>
      <c r="D26445" s="14" t="s">
        <v>171</v>
      </c>
      <c r="E26445" s="15">
        <v>45541</v>
      </c>
      <c r="F26445" s="14" t="s">
        <v>15</v>
      </c>
      <c r="G26445" s="16">
        <v>1.8429949448727658</v>
      </c>
    </row>
    <row r="26446" spans="1:7" x14ac:dyDescent="0.3">
      <c r="A26446" s="13" t="s">
        <v>170</v>
      </c>
      <c r="B26446" s="14" t="s">
        <v>1</v>
      </c>
      <c r="C26446" s="14" t="s">
        <v>70</v>
      </c>
      <c r="D26446" s="14" t="s">
        <v>171</v>
      </c>
      <c r="E26446" s="15">
        <v>45542</v>
      </c>
      <c r="F26446" s="14" t="s">
        <v>15</v>
      </c>
      <c r="G26446" s="16">
        <v>1.8429949448727658</v>
      </c>
    </row>
    <row r="26447" spans="1:7" x14ac:dyDescent="0.3">
      <c r="A26447" s="13" t="s">
        <v>170</v>
      </c>
      <c r="B26447" s="14" t="s">
        <v>1</v>
      </c>
      <c r="C26447" s="14" t="s">
        <v>70</v>
      </c>
      <c r="D26447" s="14" t="s">
        <v>171</v>
      </c>
      <c r="E26447" s="15">
        <v>45543</v>
      </c>
      <c r="F26447" s="14" t="s">
        <v>15</v>
      </c>
      <c r="G26447" s="16">
        <v>1.8429949448727658</v>
      </c>
    </row>
    <row r="26448" spans="1:7" x14ac:dyDescent="0.3">
      <c r="A26448" s="13" t="s">
        <v>170</v>
      </c>
      <c r="B26448" s="14" t="s">
        <v>1</v>
      </c>
      <c r="C26448" s="14" t="s">
        <v>70</v>
      </c>
      <c r="D26448" s="14" t="s">
        <v>171</v>
      </c>
      <c r="E26448" s="15">
        <v>45544</v>
      </c>
      <c r="F26448" s="14" t="s">
        <v>15</v>
      </c>
      <c r="G26448" s="16">
        <v>1.8485828949014185</v>
      </c>
    </row>
    <row r="26449" spans="1:7" x14ac:dyDescent="0.3">
      <c r="A26449" s="13" t="s">
        <v>170</v>
      </c>
      <c r="B26449" s="14" t="s">
        <v>1</v>
      </c>
      <c r="C26449" s="14" t="s">
        <v>70</v>
      </c>
      <c r="D26449" s="14" t="s">
        <v>171</v>
      </c>
      <c r="E26449" s="15">
        <v>45545</v>
      </c>
      <c r="F26449" s="14" t="s">
        <v>15</v>
      </c>
      <c r="G26449" s="16">
        <v>1.8665528724862097</v>
      </c>
    </row>
    <row r="26450" spans="1:7" x14ac:dyDescent="0.3">
      <c r="A26450" s="13" t="s">
        <v>170</v>
      </c>
      <c r="B26450" s="14" t="s">
        <v>1</v>
      </c>
      <c r="C26450" s="14" t="s">
        <v>70</v>
      </c>
      <c r="D26450" s="14" t="s">
        <v>171</v>
      </c>
      <c r="E26450" s="15">
        <v>45546</v>
      </c>
      <c r="F26450" s="14" t="s">
        <v>15</v>
      </c>
      <c r="G26450" s="16">
        <v>1.8753635284114551</v>
      </c>
    </row>
    <row r="26451" spans="1:7" x14ac:dyDescent="0.3">
      <c r="A26451" s="13" t="s">
        <v>170</v>
      </c>
      <c r="B26451" s="14" t="s">
        <v>1</v>
      </c>
      <c r="C26451" s="14" t="s">
        <v>70</v>
      </c>
      <c r="D26451" s="14" t="s">
        <v>171</v>
      </c>
      <c r="E26451" s="15">
        <v>45547</v>
      </c>
      <c r="F26451" s="14" t="s">
        <v>15</v>
      </c>
      <c r="G26451" s="16">
        <v>1.8810786520796376</v>
      </c>
    </row>
    <row r="26452" spans="1:7" x14ac:dyDescent="0.3">
      <c r="A26452" s="13" t="s">
        <v>170</v>
      </c>
      <c r="B26452" s="14" t="s">
        <v>1</v>
      </c>
      <c r="C26452" s="14" t="s">
        <v>70</v>
      </c>
      <c r="D26452" s="14" t="s">
        <v>171</v>
      </c>
      <c r="E26452" s="15">
        <v>45548</v>
      </c>
      <c r="F26452" s="14" t="s">
        <v>15</v>
      </c>
      <c r="G26452" s="16">
        <v>1.9091754216275991</v>
      </c>
    </row>
    <row r="26453" spans="1:7" x14ac:dyDescent="0.3">
      <c r="A26453" s="13" t="s">
        <v>170</v>
      </c>
      <c r="B26453" s="14" t="s">
        <v>1</v>
      </c>
      <c r="C26453" s="14" t="s">
        <v>70</v>
      </c>
      <c r="D26453" s="14" t="s">
        <v>171</v>
      </c>
      <c r="E26453" s="15">
        <v>45549</v>
      </c>
      <c r="F26453" s="14" t="s">
        <v>15</v>
      </c>
      <c r="G26453" s="16">
        <v>1.9091754216275991</v>
      </c>
    </row>
    <row r="26454" spans="1:7" x14ac:dyDescent="0.3">
      <c r="A26454" s="13" t="s">
        <v>170</v>
      </c>
      <c r="B26454" s="14" t="s">
        <v>1</v>
      </c>
      <c r="C26454" s="14" t="s">
        <v>70</v>
      </c>
      <c r="D26454" s="14" t="s">
        <v>171</v>
      </c>
      <c r="E26454" s="15">
        <v>45550</v>
      </c>
      <c r="F26454" s="14" t="s">
        <v>15</v>
      </c>
      <c r="G26454" s="16">
        <v>1.9091754216275991</v>
      </c>
    </row>
    <row r="26455" spans="1:7" x14ac:dyDescent="0.3">
      <c r="A26455" s="13" t="s">
        <v>170</v>
      </c>
      <c r="B26455" s="14" t="s">
        <v>1</v>
      </c>
      <c r="C26455" s="14" t="s">
        <v>70</v>
      </c>
      <c r="D26455" s="14" t="s">
        <v>171</v>
      </c>
      <c r="E26455" s="15">
        <v>45551</v>
      </c>
      <c r="F26455" s="14" t="s">
        <v>15</v>
      </c>
      <c r="G26455" s="16">
        <v>1.9265112828327959</v>
      </c>
    </row>
    <row r="26456" spans="1:7" x14ac:dyDescent="0.3">
      <c r="A26456" s="13" t="s">
        <v>170</v>
      </c>
      <c r="B26456" s="14" t="s">
        <v>1</v>
      </c>
      <c r="C26456" s="14" t="s">
        <v>70</v>
      </c>
      <c r="D26456" s="14" t="s">
        <v>171</v>
      </c>
      <c r="E26456" s="15">
        <v>45552</v>
      </c>
      <c r="F26456" s="14" t="s">
        <v>15</v>
      </c>
      <c r="G26456" s="16">
        <v>1.945791277825607</v>
      </c>
    </row>
    <row r="26457" spans="1:7" x14ac:dyDescent="0.3">
      <c r="A26457" s="13" t="s">
        <v>170</v>
      </c>
      <c r="B26457" s="14" t="s">
        <v>1</v>
      </c>
      <c r="C26457" s="14" t="s">
        <v>70</v>
      </c>
      <c r="D26457" s="14" t="s">
        <v>171</v>
      </c>
      <c r="E26457" s="15">
        <v>45553</v>
      </c>
      <c r="F26457" s="14" t="s">
        <v>15</v>
      </c>
      <c r="G26457" s="16">
        <v>1.9525788152772603</v>
      </c>
    </row>
    <row r="26458" spans="1:7" x14ac:dyDescent="0.3">
      <c r="A26458" s="13" t="s">
        <v>170</v>
      </c>
      <c r="B26458" s="14" t="s">
        <v>1</v>
      </c>
      <c r="C26458" s="14" t="s">
        <v>70</v>
      </c>
      <c r="D26458" s="14" t="s">
        <v>171</v>
      </c>
      <c r="E26458" s="15">
        <v>45554</v>
      </c>
      <c r="F26458" s="14" t="s">
        <v>15</v>
      </c>
      <c r="G26458" s="16">
        <v>1.9581987670959968</v>
      </c>
    </row>
    <row r="26459" spans="1:7" x14ac:dyDescent="0.3">
      <c r="A26459" s="13" t="s">
        <v>170</v>
      </c>
      <c r="B26459" s="14" t="s">
        <v>1</v>
      </c>
      <c r="C26459" s="14" t="s">
        <v>70</v>
      </c>
      <c r="D26459" s="14" t="s">
        <v>171</v>
      </c>
      <c r="E26459" s="15">
        <v>45555</v>
      </c>
      <c r="F26459" s="14" t="s">
        <v>15</v>
      </c>
      <c r="G26459" s="16">
        <v>1.9638369898710655</v>
      </c>
    </row>
    <row r="26460" spans="1:7" x14ac:dyDescent="0.3">
      <c r="A26460" s="13" t="s">
        <v>170</v>
      </c>
      <c r="B26460" s="14" t="s">
        <v>1</v>
      </c>
      <c r="C26460" s="14" t="s">
        <v>70</v>
      </c>
      <c r="D26460" s="14" t="s">
        <v>171</v>
      </c>
      <c r="E26460" s="15">
        <v>45556</v>
      </c>
      <c r="F26460" s="14" t="s">
        <v>15</v>
      </c>
      <c r="G26460" s="16">
        <v>1.9638369898710655</v>
      </c>
    </row>
    <row r="26461" spans="1:7" x14ac:dyDescent="0.3">
      <c r="A26461" s="13" t="s">
        <v>170</v>
      </c>
      <c r="B26461" s="14" t="s">
        <v>1</v>
      </c>
      <c r="C26461" s="14" t="s">
        <v>70</v>
      </c>
      <c r="D26461" s="14" t="s">
        <v>171</v>
      </c>
      <c r="E26461" s="15">
        <v>45557</v>
      </c>
      <c r="F26461" s="14" t="s">
        <v>15</v>
      </c>
      <c r="G26461" s="16">
        <v>1.9638369898710655</v>
      </c>
    </row>
    <row r="26462" spans="1:7" x14ac:dyDescent="0.3">
      <c r="A26462" s="13" t="s">
        <v>170</v>
      </c>
      <c r="B26462" s="14" t="s">
        <v>1</v>
      </c>
      <c r="C26462" s="14" t="s">
        <v>70</v>
      </c>
      <c r="D26462" s="14" t="s">
        <v>171</v>
      </c>
      <c r="E26462" s="15">
        <v>45558</v>
      </c>
      <c r="F26462" s="14" t="s">
        <v>15</v>
      </c>
      <c r="G26462" s="16">
        <v>1.9694757328157091</v>
      </c>
    </row>
    <row r="26463" spans="1:7" x14ac:dyDescent="0.3">
      <c r="A26463" s="13" t="s">
        <v>170</v>
      </c>
      <c r="B26463" s="14" t="s">
        <v>1</v>
      </c>
      <c r="C26463" s="14" t="s">
        <v>70</v>
      </c>
      <c r="D26463" s="14" t="s">
        <v>171</v>
      </c>
      <c r="E26463" s="15">
        <v>45559</v>
      </c>
      <c r="F26463" s="14" t="s">
        <v>15</v>
      </c>
      <c r="G26463" s="16">
        <v>1.987612916626067</v>
      </c>
    </row>
    <row r="26464" spans="1:7" x14ac:dyDescent="0.3">
      <c r="A26464" s="13" t="s">
        <v>170</v>
      </c>
      <c r="B26464" s="14" t="s">
        <v>1</v>
      </c>
      <c r="C26464" s="14" t="s">
        <v>70</v>
      </c>
      <c r="D26464" s="14" t="s">
        <v>171</v>
      </c>
      <c r="E26464" s="15">
        <v>45560</v>
      </c>
      <c r="F26464" s="14" t="s">
        <v>15</v>
      </c>
      <c r="G26464" s="16">
        <v>1.9932859420506246</v>
      </c>
    </row>
    <row r="26465" spans="1:7" x14ac:dyDescent="0.3">
      <c r="A26465" s="13" t="s">
        <v>170</v>
      </c>
      <c r="B26465" s="14" t="s">
        <v>1</v>
      </c>
      <c r="C26465" s="14" t="s">
        <v>70</v>
      </c>
      <c r="D26465" s="14" t="s">
        <v>171</v>
      </c>
      <c r="E26465" s="15">
        <v>45561</v>
      </c>
      <c r="F26465" s="14" t="s">
        <v>15</v>
      </c>
      <c r="G26465" s="16">
        <v>2.0059402438664944</v>
      </c>
    </row>
    <row r="26466" spans="1:7" x14ac:dyDescent="0.3">
      <c r="A26466" s="13" t="s">
        <v>170</v>
      </c>
      <c r="B26466" s="14" t="s">
        <v>1</v>
      </c>
      <c r="C26466" s="14" t="s">
        <v>70</v>
      </c>
      <c r="D26466" s="14" t="s">
        <v>171</v>
      </c>
      <c r="E26466" s="15">
        <v>45562</v>
      </c>
      <c r="F26466" s="14" t="s">
        <v>15</v>
      </c>
      <c r="G26466" s="16">
        <v>2.0157927681405812</v>
      </c>
    </row>
    <row r="26467" spans="1:7" x14ac:dyDescent="0.3">
      <c r="A26467" s="13" t="s">
        <v>170</v>
      </c>
      <c r="B26467" s="14" t="s">
        <v>1</v>
      </c>
      <c r="C26467" s="14" t="s">
        <v>70</v>
      </c>
      <c r="D26467" s="14" t="s">
        <v>171</v>
      </c>
      <c r="E26467" s="15">
        <v>45563</v>
      </c>
      <c r="F26467" s="14" t="s">
        <v>15</v>
      </c>
      <c r="G26467" s="16">
        <v>2.0157927681405812</v>
      </c>
    </row>
    <row r="26468" spans="1:7" x14ac:dyDescent="0.3">
      <c r="A26468" s="13" t="s">
        <v>170</v>
      </c>
      <c r="B26468" s="14" t="s">
        <v>1</v>
      </c>
      <c r="C26468" s="14" t="s">
        <v>70</v>
      </c>
      <c r="D26468" s="14" t="s">
        <v>171</v>
      </c>
      <c r="E26468" s="15">
        <v>45564</v>
      </c>
      <c r="F26468" s="14" t="s">
        <v>15</v>
      </c>
      <c r="G26468" s="16">
        <v>2.0157927681405812</v>
      </c>
    </row>
    <row r="26469" spans="1:7" x14ac:dyDescent="0.3">
      <c r="A26469" s="13" t="s">
        <v>170</v>
      </c>
      <c r="B26469" s="14" t="s">
        <v>1</v>
      </c>
      <c r="C26469" s="14" t="s">
        <v>70</v>
      </c>
      <c r="D26469" s="14" t="s">
        <v>171</v>
      </c>
      <c r="E26469" s="15">
        <v>45565</v>
      </c>
      <c r="F26469" s="14" t="s">
        <v>15</v>
      </c>
      <c r="G26469" s="16">
        <v>2.0361486553315551</v>
      </c>
    </row>
    <row r="26470" spans="1:7" x14ac:dyDescent="0.3">
      <c r="A26470" s="13" t="s">
        <v>170</v>
      </c>
      <c r="B26470" s="14" t="s">
        <v>1</v>
      </c>
      <c r="C26470" s="14" t="s">
        <v>70</v>
      </c>
      <c r="D26470" s="14" t="s">
        <v>171</v>
      </c>
      <c r="E26470" s="15">
        <v>45566</v>
      </c>
      <c r="F26470" s="14" t="s">
        <v>15</v>
      </c>
      <c r="G26470" s="16">
        <v>2.058005781491909</v>
      </c>
    </row>
    <row r="26471" spans="1:7" x14ac:dyDescent="0.3">
      <c r="A26471" s="13" t="s">
        <v>170</v>
      </c>
      <c r="B26471" s="14" t="s">
        <v>1</v>
      </c>
      <c r="C26471" s="14" t="s">
        <v>70</v>
      </c>
      <c r="D26471" s="14" t="s">
        <v>171</v>
      </c>
      <c r="E26471" s="15">
        <v>45567</v>
      </c>
      <c r="F26471" s="14" t="s">
        <v>15</v>
      </c>
      <c r="G26471" s="16">
        <v>2.0650734834232352</v>
      </c>
    </row>
    <row r="26472" spans="1:7" x14ac:dyDescent="0.3">
      <c r="A26472" s="13" t="s">
        <v>170</v>
      </c>
      <c r="B26472" s="14" t="s">
        <v>1</v>
      </c>
      <c r="C26472" s="14" t="s">
        <v>70</v>
      </c>
      <c r="D26472" s="14" t="s">
        <v>171</v>
      </c>
      <c r="E26472" s="15">
        <v>45568</v>
      </c>
      <c r="F26472" s="14" t="s">
        <v>15</v>
      </c>
      <c r="G26472" s="16">
        <v>2.0699644551274647</v>
      </c>
    </row>
    <row r="26473" spans="1:7" x14ac:dyDescent="0.3">
      <c r="A26473" s="13" t="s">
        <v>170</v>
      </c>
      <c r="B26473" s="14" t="s">
        <v>1</v>
      </c>
      <c r="C26473" s="14" t="s">
        <v>70</v>
      </c>
      <c r="D26473" s="14" t="s">
        <v>171</v>
      </c>
      <c r="E26473" s="15">
        <v>45569</v>
      </c>
      <c r="F26473" s="14" t="s">
        <v>15</v>
      </c>
      <c r="G26473" s="16">
        <v>2.0779657859052225</v>
      </c>
    </row>
    <row r="26474" spans="1:7" x14ac:dyDescent="0.3">
      <c r="A26474" s="13" t="s">
        <v>170</v>
      </c>
      <c r="B26474" s="14" t="s">
        <v>1</v>
      </c>
      <c r="C26474" s="14" t="s">
        <v>70</v>
      </c>
      <c r="D26474" s="14" t="s">
        <v>171</v>
      </c>
      <c r="E26474" s="15">
        <v>45570</v>
      </c>
      <c r="F26474" s="14" t="s">
        <v>15</v>
      </c>
      <c r="G26474" s="16">
        <v>2.0779657859052225</v>
      </c>
    </row>
    <row r="26475" spans="1:7" x14ac:dyDescent="0.3">
      <c r="A26475" s="13" t="s">
        <v>170</v>
      </c>
      <c r="B26475" s="14" t="s">
        <v>1</v>
      </c>
      <c r="C26475" s="14" t="s">
        <v>70</v>
      </c>
      <c r="D26475" s="14" t="s">
        <v>171</v>
      </c>
      <c r="E26475" s="15">
        <v>45571</v>
      </c>
      <c r="F26475" s="14" t="s">
        <v>15</v>
      </c>
      <c r="G26475" s="16">
        <v>2.0779657859052225</v>
      </c>
    </row>
    <row r="26476" spans="1:7" x14ac:dyDescent="0.3">
      <c r="A26476" s="13" t="s">
        <v>170</v>
      </c>
      <c r="B26476" s="14" t="s">
        <v>1</v>
      </c>
      <c r="C26476" s="14" t="s">
        <v>70</v>
      </c>
      <c r="D26476" s="14" t="s">
        <v>171</v>
      </c>
      <c r="E26476" s="15">
        <v>45572</v>
      </c>
      <c r="F26476" s="14" t="s">
        <v>15</v>
      </c>
      <c r="G26476" s="16">
        <v>2.0995808944579677</v>
      </c>
    </row>
    <row r="26477" spans="1:7" x14ac:dyDescent="0.3">
      <c r="A26477" s="13" t="s">
        <v>170</v>
      </c>
      <c r="B26477" s="14" t="s">
        <v>1</v>
      </c>
      <c r="C26477" s="14" t="s">
        <v>70</v>
      </c>
      <c r="D26477" s="14" t="s">
        <v>171</v>
      </c>
      <c r="E26477" s="15">
        <v>45573</v>
      </c>
      <c r="F26477" s="14" t="s">
        <v>15</v>
      </c>
      <c r="G26477" s="16">
        <v>2.1166833798715352</v>
      </c>
    </row>
    <row r="26478" spans="1:7" x14ac:dyDescent="0.3">
      <c r="A26478" s="13" t="s">
        <v>170</v>
      </c>
      <c r="B26478" s="14" t="s">
        <v>1</v>
      </c>
      <c r="C26478" s="14" t="s">
        <v>70</v>
      </c>
      <c r="D26478" s="14" t="s">
        <v>171</v>
      </c>
      <c r="E26478" s="15">
        <v>45574</v>
      </c>
      <c r="F26478" s="14" t="s">
        <v>15</v>
      </c>
      <c r="G26478" s="16">
        <v>2.1223334351503005</v>
      </c>
    </row>
    <row r="26479" spans="1:7" x14ac:dyDescent="0.3">
      <c r="A26479" s="13" t="s">
        <v>170</v>
      </c>
      <c r="B26479" s="14" t="s">
        <v>1</v>
      </c>
      <c r="C26479" s="14" t="s">
        <v>70</v>
      </c>
      <c r="D26479" s="14" t="s">
        <v>171</v>
      </c>
      <c r="E26479" s="15">
        <v>45575</v>
      </c>
      <c r="F26479" s="14" t="s">
        <v>15</v>
      </c>
      <c r="G26479" s="16">
        <v>2.1280375492344983</v>
      </c>
    </row>
    <row r="26480" spans="1:7" x14ac:dyDescent="0.3">
      <c r="A26480" s="13" t="s">
        <v>170</v>
      </c>
      <c r="B26480" s="14" t="s">
        <v>1</v>
      </c>
      <c r="C26480" s="14" t="s">
        <v>70</v>
      </c>
      <c r="D26480" s="14" t="s">
        <v>171</v>
      </c>
      <c r="E26480" s="15">
        <v>45576</v>
      </c>
      <c r="F26480" s="14" t="s">
        <v>15</v>
      </c>
      <c r="G26480" s="16">
        <v>2.1474554593016433</v>
      </c>
    </row>
    <row r="26481" spans="1:7" x14ac:dyDescent="0.3">
      <c r="A26481" s="13" t="s">
        <v>170</v>
      </c>
      <c r="B26481" s="14" t="s">
        <v>1</v>
      </c>
      <c r="C26481" s="14" t="s">
        <v>70</v>
      </c>
      <c r="D26481" s="14" t="s">
        <v>171</v>
      </c>
      <c r="E26481" s="15">
        <v>45577</v>
      </c>
      <c r="F26481" s="14" t="s">
        <v>15</v>
      </c>
      <c r="G26481" s="16">
        <v>2.1474554593016433</v>
      </c>
    </row>
    <row r="26482" spans="1:7" x14ac:dyDescent="0.3">
      <c r="A26482" s="13" t="s">
        <v>170</v>
      </c>
      <c r="B26482" s="14" t="s">
        <v>1</v>
      </c>
      <c r="C26482" s="14" t="s">
        <v>70</v>
      </c>
      <c r="D26482" s="14" t="s">
        <v>171</v>
      </c>
      <c r="E26482" s="15">
        <v>45578</v>
      </c>
      <c r="F26482" s="14" t="s">
        <v>15</v>
      </c>
      <c r="G26482" s="16">
        <v>2.1474554593016433</v>
      </c>
    </row>
    <row r="26483" spans="1:7" x14ac:dyDescent="0.3">
      <c r="A26483" s="13" t="s">
        <v>170</v>
      </c>
      <c r="B26483" s="14" t="s">
        <v>1</v>
      </c>
      <c r="C26483" s="14" t="s">
        <v>70</v>
      </c>
      <c r="D26483" s="14" t="s">
        <v>171</v>
      </c>
      <c r="E26483" s="15">
        <v>45579</v>
      </c>
      <c r="F26483" s="14" t="s">
        <v>15</v>
      </c>
      <c r="G26483" s="16">
        <v>2.1531638428385351</v>
      </c>
    </row>
    <row r="26484" spans="1:7" x14ac:dyDescent="0.3">
      <c r="A26484" s="13" t="s">
        <v>170</v>
      </c>
      <c r="B26484" s="14" t="s">
        <v>1</v>
      </c>
      <c r="C26484" s="14" t="s">
        <v>70</v>
      </c>
      <c r="D26484" s="14" t="s">
        <v>171</v>
      </c>
      <c r="E26484" s="15">
        <v>45580</v>
      </c>
      <c r="F26484" s="14" t="s">
        <v>15</v>
      </c>
      <c r="G26484" s="16">
        <v>2.1701733036327568</v>
      </c>
    </row>
    <row r="26485" spans="1:7" x14ac:dyDescent="0.3">
      <c r="A26485" s="13" t="s">
        <v>170</v>
      </c>
      <c r="B26485" s="14" t="s">
        <v>1</v>
      </c>
      <c r="C26485" s="14" t="s">
        <v>70</v>
      </c>
      <c r="D26485" s="14" t="s">
        <v>171</v>
      </c>
      <c r="E26485" s="15">
        <v>45581</v>
      </c>
      <c r="F26485" s="14" t="s">
        <v>15</v>
      </c>
      <c r="G26485" s="16">
        <v>2.1795716832972785</v>
      </c>
    </row>
    <row r="26486" spans="1:7" x14ac:dyDescent="0.3">
      <c r="A26486" s="13" t="s">
        <v>170</v>
      </c>
      <c r="B26486" s="14" t="s">
        <v>1</v>
      </c>
      <c r="C26486" s="14" t="s">
        <v>70</v>
      </c>
      <c r="D26486" s="14" t="s">
        <v>171</v>
      </c>
      <c r="E26486" s="15">
        <v>45582</v>
      </c>
      <c r="F26486" s="14" t="s">
        <v>15</v>
      </c>
      <c r="G26486" s="16">
        <v>2.1859208293487096</v>
      </c>
    </row>
    <row r="26487" spans="1:7" x14ac:dyDescent="0.3">
      <c r="A26487" s="13" t="s">
        <v>170</v>
      </c>
      <c r="B26487" s="14" t="s">
        <v>1</v>
      </c>
      <c r="C26487" s="14" t="s">
        <v>70</v>
      </c>
      <c r="D26487" s="14" t="s">
        <v>171</v>
      </c>
      <c r="E26487" s="15">
        <v>45583</v>
      </c>
      <c r="F26487" s="14" t="s">
        <v>15</v>
      </c>
      <c r="G26487" s="16">
        <v>2.1978614672958545</v>
      </c>
    </row>
    <row r="26488" spans="1:7" x14ac:dyDescent="0.3">
      <c r="A26488" s="13" t="s">
        <v>170</v>
      </c>
      <c r="B26488" s="14" t="s">
        <v>1</v>
      </c>
      <c r="C26488" s="14" t="s">
        <v>70</v>
      </c>
      <c r="D26488" s="14" t="s">
        <v>171</v>
      </c>
      <c r="E26488" s="15">
        <v>45584</v>
      </c>
      <c r="F26488" s="14" t="s">
        <v>15</v>
      </c>
      <c r="G26488" s="16">
        <v>2.1978614672958545</v>
      </c>
    </row>
    <row r="26489" spans="1:7" x14ac:dyDescent="0.3">
      <c r="A26489" s="13" t="s">
        <v>170</v>
      </c>
      <c r="B26489" s="14" t="s">
        <v>1</v>
      </c>
      <c r="C26489" s="14" t="s">
        <v>70</v>
      </c>
      <c r="D26489" s="14" t="s">
        <v>171</v>
      </c>
      <c r="E26489" s="15">
        <v>45585</v>
      </c>
      <c r="F26489" s="14" t="s">
        <v>15</v>
      </c>
      <c r="G26489" s="16">
        <v>2.1978614672958545</v>
      </c>
    </row>
    <row r="26490" spans="1:7" x14ac:dyDescent="0.3">
      <c r="A26490" s="13" t="s">
        <v>170</v>
      </c>
      <c r="B26490" s="14" t="s">
        <v>1</v>
      </c>
      <c r="C26490" s="14" t="s">
        <v>70</v>
      </c>
      <c r="D26490" s="14" t="s">
        <v>171</v>
      </c>
      <c r="E26490" s="15">
        <v>45586</v>
      </c>
      <c r="F26490" s="14" t="s">
        <v>15</v>
      </c>
      <c r="G26490" s="16">
        <v>2.208973005491742</v>
      </c>
    </row>
    <row r="26491" spans="1:7" x14ac:dyDescent="0.3">
      <c r="A26491" s="13" t="s">
        <v>170</v>
      </c>
      <c r="B26491" s="14" t="s">
        <v>1</v>
      </c>
      <c r="C26491" s="14" t="s">
        <v>70</v>
      </c>
      <c r="D26491" s="14" t="s">
        <v>171</v>
      </c>
      <c r="E26491" s="15">
        <v>45587</v>
      </c>
      <c r="F26491" s="14" t="s">
        <v>15</v>
      </c>
      <c r="G26491" s="16">
        <v>2.2260372392232939</v>
      </c>
    </row>
    <row r="26492" spans="1:7" x14ac:dyDescent="0.3">
      <c r="A26492" s="13" t="s">
        <v>170</v>
      </c>
      <c r="B26492" s="14" t="s">
        <v>1</v>
      </c>
      <c r="C26492" s="14" t="s">
        <v>70</v>
      </c>
      <c r="D26492" s="14" t="s">
        <v>171</v>
      </c>
      <c r="E26492" s="15">
        <v>45588</v>
      </c>
      <c r="F26492" s="14" t="s">
        <v>15</v>
      </c>
      <c r="G26492" s="16">
        <v>2.2319867847511872</v>
      </c>
    </row>
    <row r="26493" spans="1:7" x14ac:dyDescent="0.3">
      <c r="A26493" s="13" t="s">
        <v>170</v>
      </c>
      <c r="B26493" s="14" t="s">
        <v>1</v>
      </c>
      <c r="C26493" s="14" t="s">
        <v>70</v>
      </c>
      <c r="D26493" s="14" t="s">
        <v>171</v>
      </c>
      <c r="E26493" s="15">
        <v>45589</v>
      </c>
      <c r="F26493" s="14" t="s">
        <v>15</v>
      </c>
      <c r="G26493" s="16">
        <v>2.2399474833641677</v>
      </c>
    </row>
    <row r="26494" spans="1:7" x14ac:dyDescent="0.3">
      <c r="A26494" s="13" t="s">
        <v>170</v>
      </c>
      <c r="B26494" s="14" t="s">
        <v>1</v>
      </c>
      <c r="C26494" s="14" t="s">
        <v>70</v>
      </c>
      <c r="D26494" s="14" t="s">
        <v>171</v>
      </c>
      <c r="E26494" s="15">
        <v>45590</v>
      </c>
      <c r="F26494" s="14" t="s">
        <v>15</v>
      </c>
      <c r="G26494" s="16">
        <v>2.2456818450646545</v>
      </c>
    </row>
    <row r="26495" spans="1:7" x14ac:dyDescent="0.3">
      <c r="A26495" s="13" t="s">
        <v>170</v>
      </c>
      <c r="B26495" s="14" t="s">
        <v>1</v>
      </c>
      <c r="C26495" s="14" t="s">
        <v>70</v>
      </c>
      <c r="D26495" s="14" t="s">
        <v>171</v>
      </c>
      <c r="E26495" s="15">
        <v>45591</v>
      </c>
      <c r="F26495" s="14" t="s">
        <v>15</v>
      </c>
      <c r="G26495" s="16">
        <v>2.2456818450646545</v>
      </c>
    </row>
    <row r="26496" spans="1:7" x14ac:dyDescent="0.3">
      <c r="A26496" s="13" t="s">
        <v>170</v>
      </c>
      <c r="B26496" s="14" t="s">
        <v>1</v>
      </c>
      <c r="C26496" s="14" t="s">
        <v>70</v>
      </c>
      <c r="D26496" s="14" t="s">
        <v>171</v>
      </c>
      <c r="E26496" s="15">
        <v>45592</v>
      </c>
      <c r="F26496" s="14" t="s">
        <v>15</v>
      </c>
      <c r="G26496" s="16">
        <v>2.2456818450646545</v>
      </c>
    </row>
    <row r="26497" spans="1:7" x14ac:dyDescent="0.3">
      <c r="A26497" s="13" t="s">
        <v>170</v>
      </c>
      <c r="B26497" s="14" t="s">
        <v>1</v>
      </c>
      <c r="C26497" s="14" t="s">
        <v>70</v>
      </c>
      <c r="D26497" s="14" t="s">
        <v>171</v>
      </c>
      <c r="E26497" s="15">
        <v>45593</v>
      </c>
      <c r="F26497" s="14" t="s">
        <v>15</v>
      </c>
      <c r="G26497" s="16">
        <v>2.2456818450646545</v>
      </c>
    </row>
    <row r="26498" spans="1:7" x14ac:dyDescent="0.3">
      <c r="A26498" s="13" t="s">
        <v>170</v>
      </c>
      <c r="B26498" s="14" t="s">
        <v>1</v>
      </c>
      <c r="C26498" s="14" t="s">
        <v>70</v>
      </c>
      <c r="D26498" s="14" t="s">
        <v>171</v>
      </c>
      <c r="E26498" s="15">
        <v>45594</v>
      </c>
      <c r="F26498" s="14" t="s">
        <v>15</v>
      </c>
      <c r="G26498" s="16">
        <v>2.2518526534096015</v>
      </c>
    </row>
    <row r="26499" spans="1:7" x14ac:dyDescent="0.3">
      <c r="A26499" s="13" t="s">
        <v>170</v>
      </c>
      <c r="B26499" s="14" t="s">
        <v>1</v>
      </c>
      <c r="C26499" s="14" t="s">
        <v>70</v>
      </c>
      <c r="D26499" s="14" t="s">
        <v>171</v>
      </c>
      <c r="E26499" s="15">
        <v>45595</v>
      </c>
      <c r="F26499" s="14" t="s">
        <v>15</v>
      </c>
      <c r="G26499" s="16">
        <v>2.2831563000844386</v>
      </c>
    </row>
    <row r="26500" spans="1:7" x14ac:dyDescent="0.3">
      <c r="A26500" s="13" t="s">
        <v>170</v>
      </c>
      <c r="B26500" s="14" t="s">
        <v>1</v>
      </c>
      <c r="C26500" s="14" t="s">
        <v>70</v>
      </c>
      <c r="D26500" s="14" t="s">
        <v>171</v>
      </c>
      <c r="E26500" s="15">
        <v>45596</v>
      </c>
      <c r="F26500" s="14" t="s">
        <v>15</v>
      </c>
      <c r="G26500" s="16">
        <v>2.2889184144145256</v>
      </c>
    </row>
    <row r="26501" spans="1:7" x14ac:dyDescent="0.3">
      <c r="A26501" s="13" t="s">
        <v>170</v>
      </c>
      <c r="B26501" s="14" t="s">
        <v>1</v>
      </c>
      <c r="C26501" s="14" t="s">
        <v>70</v>
      </c>
      <c r="D26501" s="14" t="s">
        <v>171</v>
      </c>
      <c r="E26501" s="15">
        <v>45597</v>
      </c>
      <c r="F26501" s="14" t="s">
        <v>15</v>
      </c>
      <c r="G26501" s="16">
        <v>2.2966154552524385</v>
      </c>
    </row>
    <row r="26502" spans="1:7" x14ac:dyDescent="0.3">
      <c r="A26502" s="13" t="s">
        <v>170</v>
      </c>
      <c r="B26502" s="14" t="s">
        <v>1</v>
      </c>
      <c r="C26502" s="14" t="s">
        <v>70</v>
      </c>
      <c r="D26502" s="14" t="s">
        <v>171</v>
      </c>
      <c r="E26502" s="15">
        <v>45598</v>
      </c>
      <c r="F26502" s="14" t="s">
        <v>15</v>
      </c>
      <c r="G26502" s="16">
        <v>2.2966154552524385</v>
      </c>
    </row>
    <row r="26503" spans="1:7" x14ac:dyDescent="0.3">
      <c r="A26503" s="13" t="s">
        <v>170</v>
      </c>
      <c r="B26503" s="14" t="s">
        <v>1</v>
      </c>
      <c r="C26503" s="14" t="s">
        <v>70</v>
      </c>
      <c r="D26503" s="14" t="s">
        <v>171</v>
      </c>
      <c r="E26503" s="15">
        <v>45599</v>
      </c>
      <c r="F26503" s="14" t="s">
        <v>15</v>
      </c>
      <c r="G26503" s="16">
        <v>2.2966154552524385</v>
      </c>
    </row>
    <row r="26504" spans="1:7" x14ac:dyDescent="0.3">
      <c r="A26504" s="13" t="s">
        <v>170</v>
      </c>
      <c r="B26504" s="14" t="s">
        <v>1</v>
      </c>
      <c r="C26504" s="14" t="s">
        <v>70</v>
      </c>
      <c r="D26504" s="14" t="s">
        <v>171</v>
      </c>
      <c r="E26504" s="15">
        <v>45600</v>
      </c>
      <c r="F26504" s="14" t="s">
        <v>15</v>
      </c>
      <c r="G26504" s="16">
        <v>2.2968020546606653</v>
      </c>
    </row>
    <row r="26505" spans="1:7" x14ac:dyDescent="0.3">
      <c r="A26505" s="13" t="s">
        <v>170</v>
      </c>
      <c r="B26505" s="14" t="s">
        <v>1</v>
      </c>
      <c r="C26505" s="14" t="s">
        <v>70</v>
      </c>
      <c r="D26505" s="14" t="s">
        <v>171</v>
      </c>
      <c r="E26505" s="15">
        <v>45601</v>
      </c>
      <c r="F26505" s="14" t="s">
        <v>15</v>
      </c>
      <c r="G26505" s="16">
        <v>2.3133545598964309</v>
      </c>
    </row>
    <row r="26506" spans="1:7" x14ac:dyDescent="0.3">
      <c r="A26506" s="13" t="s">
        <v>170</v>
      </c>
      <c r="B26506" s="14" t="s">
        <v>1</v>
      </c>
      <c r="C26506" s="14" t="s">
        <v>70</v>
      </c>
      <c r="D26506" s="14" t="s">
        <v>171</v>
      </c>
      <c r="E26506" s="15">
        <v>45602</v>
      </c>
      <c r="F26506" s="14" t="s">
        <v>15</v>
      </c>
      <c r="G26506" s="16">
        <v>2.320847836457439</v>
      </c>
    </row>
    <row r="26507" spans="1:7" x14ac:dyDescent="0.3">
      <c r="A26507" s="13" t="s">
        <v>170</v>
      </c>
      <c r="B26507" s="14" t="s">
        <v>1</v>
      </c>
      <c r="C26507" s="14" t="s">
        <v>70</v>
      </c>
      <c r="D26507" s="14" t="s">
        <v>171</v>
      </c>
      <c r="E26507" s="15">
        <v>45603</v>
      </c>
      <c r="F26507" s="14" t="s">
        <v>15</v>
      </c>
      <c r="G26507" s="16">
        <v>2.3265209164083691</v>
      </c>
    </row>
    <row r="26508" spans="1:7" x14ac:dyDescent="0.3">
      <c r="A26508" s="13" t="s">
        <v>170</v>
      </c>
      <c r="B26508" s="14" t="s">
        <v>1</v>
      </c>
      <c r="C26508" s="14" t="s">
        <v>70</v>
      </c>
      <c r="D26508" s="14" t="s">
        <v>171</v>
      </c>
      <c r="E26508" s="15">
        <v>45604</v>
      </c>
      <c r="F26508" s="14" t="s">
        <v>15</v>
      </c>
      <c r="G26508" s="16">
        <v>2.3455106631232039</v>
      </c>
    </row>
    <row r="26509" spans="1:7" x14ac:dyDescent="0.3">
      <c r="A26509" s="13" t="s">
        <v>170</v>
      </c>
      <c r="B26509" s="14" t="s">
        <v>1</v>
      </c>
      <c r="C26509" s="14" t="s">
        <v>70</v>
      </c>
      <c r="D26509" s="14" t="s">
        <v>171</v>
      </c>
      <c r="E26509" s="15">
        <v>45605</v>
      </c>
      <c r="F26509" s="14" t="s">
        <v>15</v>
      </c>
      <c r="G26509" s="16">
        <v>2.3455106631232039</v>
      </c>
    </row>
    <row r="26510" spans="1:7" x14ac:dyDescent="0.3">
      <c r="A26510" s="13" t="s">
        <v>170</v>
      </c>
      <c r="B26510" s="14" t="s">
        <v>1</v>
      </c>
      <c r="C26510" s="14" t="s">
        <v>70</v>
      </c>
      <c r="D26510" s="14" t="s">
        <v>171</v>
      </c>
      <c r="E26510" s="15">
        <v>45606</v>
      </c>
      <c r="F26510" s="14" t="s">
        <v>15</v>
      </c>
      <c r="G26510" s="16">
        <v>2.3455106631232039</v>
      </c>
    </row>
    <row r="26511" spans="1:7" x14ac:dyDescent="0.3">
      <c r="A26511" s="13" t="s">
        <v>170</v>
      </c>
      <c r="B26511" s="14" t="s">
        <v>1</v>
      </c>
      <c r="C26511" s="14" t="s">
        <v>70</v>
      </c>
      <c r="D26511" s="14" t="s">
        <v>171</v>
      </c>
      <c r="E26511" s="15">
        <v>45607</v>
      </c>
      <c r="F26511" s="14" t="s">
        <v>15</v>
      </c>
      <c r="G26511" s="16">
        <v>2.3569545514898613</v>
      </c>
    </row>
    <row r="26512" spans="1:7" x14ac:dyDescent="0.3">
      <c r="A26512" s="13" t="s">
        <v>170</v>
      </c>
      <c r="B26512" s="14" t="s">
        <v>1</v>
      </c>
      <c r="C26512" s="14" t="s">
        <v>70</v>
      </c>
      <c r="D26512" s="14" t="s">
        <v>171</v>
      </c>
      <c r="E26512" s="15">
        <v>45608</v>
      </c>
      <c r="F26512" s="14" t="s">
        <v>15</v>
      </c>
      <c r="G26512" s="16">
        <v>2.373765683241305</v>
      </c>
    </row>
    <row r="26513" spans="1:7" x14ac:dyDescent="0.3">
      <c r="A26513" s="13" t="s">
        <v>170</v>
      </c>
      <c r="B26513" s="14" t="s">
        <v>1</v>
      </c>
      <c r="C26513" s="14" t="s">
        <v>70</v>
      </c>
      <c r="D26513" s="14" t="s">
        <v>171</v>
      </c>
      <c r="E26513" s="15">
        <v>45609</v>
      </c>
      <c r="F26513" s="14" t="s">
        <v>15</v>
      </c>
      <c r="G26513" s="16">
        <v>2.3785091709583814</v>
      </c>
    </row>
    <row r="26514" spans="1:7" x14ac:dyDescent="0.3">
      <c r="A26514" s="13" t="s">
        <v>170</v>
      </c>
      <c r="B26514" s="14" t="s">
        <v>1</v>
      </c>
      <c r="C26514" s="14" t="s">
        <v>70</v>
      </c>
      <c r="D26514" s="14" t="s">
        <v>171</v>
      </c>
      <c r="E26514" s="15">
        <v>45610</v>
      </c>
      <c r="F26514" s="14" t="s">
        <v>15</v>
      </c>
      <c r="G26514" s="16">
        <v>2.3840405841197971</v>
      </c>
    </row>
    <row r="26515" spans="1:7" x14ac:dyDescent="0.3">
      <c r="A26515" s="13" t="s">
        <v>170</v>
      </c>
      <c r="B26515" s="14" t="s">
        <v>1</v>
      </c>
      <c r="C26515" s="14" t="s">
        <v>70</v>
      </c>
      <c r="D26515" s="14" t="s">
        <v>171</v>
      </c>
      <c r="E26515" s="15">
        <v>45611</v>
      </c>
      <c r="F26515" s="14" t="s">
        <v>15</v>
      </c>
      <c r="G26515" s="16">
        <v>2.4236342356368072</v>
      </c>
    </row>
    <row r="26516" spans="1:7" x14ac:dyDescent="0.3">
      <c r="A26516" s="13" t="s">
        <v>170</v>
      </c>
      <c r="B26516" s="14" t="s">
        <v>1</v>
      </c>
      <c r="C26516" s="14" t="s">
        <v>70</v>
      </c>
      <c r="D26516" s="14" t="s">
        <v>171</v>
      </c>
      <c r="E26516" s="15">
        <v>45612</v>
      </c>
      <c r="F26516" s="14" t="s">
        <v>15</v>
      </c>
      <c r="G26516" s="16">
        <v>2.4236342356368072</v>
      </c>
    </row>
    <row r="26517" spans="1:7" x14ac:dyDescent="0.3">
      <c r="A26517" s="13" t="s">
        <v>170</v>
      </c>
      <c r="B26517" s="14" t="s">
        <v>1</v>
      </c>
      <c r="C26517" s="14" t="s">
        <v>70</v>
      </c>
      <c r="D26517" s="14" t="s">
        <v>171</v>
      </c>
      <c r="E26517" s="15">
        <v>45613</v>
      </c>
      <c r="F26517" s="14" t="s">
        <v>15</v>
      </c>
      <c r="G26517" s="16">
        <v>2.4236342356368072</v>
      </c>
    </row>
    <row r="26518" spans="1:7" x14ac:dyDescent="0.3">
      <c r="A26518" s="13" t="s">
        <v>170</v>
      </c>
      <c r="B26518" s="14" t="s">
        <v>1</v>
      </c>
      <c r="C26518" s="14" t="s">
        <v>70</v>
      </c>
      <c r="D26518" s="14" t="s">
        <v>171</v>
      </c>
      <c r="E26518" s="15">
        <v>45614</v>
      </c>
      <c r="F26518" s="14" t="s">
        <v>15</v>
      </c>
      <c r="G26518" s="16">
        <v>2.435089980533828</v>
      </c>
    </row>
    <row r="26519" spans="1:7" x14ac:dyDescent="0.3">
      <c r="A26519" s="13" t="s">
        <v>170</v>
      </c>
      <c r="B26519" s="14" t="s">
        <v>1</v>
      </c>
      <c r="C26519" s="14" t="s">
        <v>70</v>
      </c>
      <c r="D26519" s="14" t="s">
        <v>171</v>
      </c>
      <c r="E26519" s="15">
        <v>45615</v>
      </c>
      <c r="F26519" s="14" t="s">
        <v>15</v>
      </c>
      <c r="G26519" s="16">
        <v>2.4733339543124573</v>
      </c>
    </row>
    <row r="26520" spans="1:7" x14ac:dyDescent="0.3">
      <c r="A26520" s="13" t="s">
        <v>170</v>
      </c>
      <c r="B26520" s="14" t="s">
        <v>1</v>
      </c>
      <c r="C26520" s="14" t="s">
        <v>70</v>
      </c>
      <c r="D26520" s="14" t="s">
        <v>171</v>
      </c>
      <c r="E26520" s="15">
        <v>45616</v>
      </c>
      <c r="F26520" s="14" t="s">
        <v>15</v>
      </c>
      <c r="G26520" s="16">
        <v>2.4788077705846669</v>
      </c>
    </row>
    <row r="26521" spans="1:7" x14ac:dyDescent="0.3">
      <c r="A26521" s="13" t="s">
        <v>170</v>
      </c>
      <c r="B26521" s="14" t="s">
        <v>1</v>
      </c>
      <c r="C26521" s="14" t="s">
        <v>70</v>
      </c>
      <c r="D26521" s="14" t="s">
        <v>171</v>
      </c>
      <c r="E26521" s="15">
        <v>45617</v>
      </c>
      <c r="F26521" s="14" t="s">
        <v>15</v>
      </c>
      <c r="G26521" s="16">
        <v>2.4871823347735544</v>
      </c>
    </row>
    <row r="26522" spans="1:7" x14ac:dyDescent="0.3">
      <c r="A26522" s="13" t="s">
        <v>170</v>
      </c>
      <c r="B26522" s="14" t="s">
        <v>1</v>
      </c>
      <c r="C26522" s="14" t="s">
        <v>70</v>
      </c>
      <c r="D26522" s="14" t="s">
        <v>171</v>
      </c>
      <c r="E26522" s="15">
        <v>45618</v>
      </c>
      <c r="F26522" s="14" t="s">
        <v>15</v>
      </c>
      <c r="G26522" s="16">
        <v>2.4958421299962081</v>
      </c>
    </row>
    <row r="26523" spans="1:7" x14ac:dyDescent="0.3">
      <c r="A26523" s="13" t="s">
        <v>170</v>
      </c>
      <c r="B26523" s="14" t="s">
        <v>1</v>
      </c>
      <c r="C26523" s="14" t="s">
        <v>70</v>
      </c>
      <c r="D26523" s="14" t="s">
        <v>171</v>
      </c>
      <c r="E26523" s="15">
        <v>45619</v>
      </c>
      <c r="F26523" s="14" t="s">
        <v>15</v>
      </c>
      <c r="G26523" s="16">
        <v>2.4958421299962081</v>
      </c>
    </row>
    <row r="26524" spans="1:7" x14ac:dyDescent="0.3">
      <c r="A26524" s="13" t="s">
        <v>170</v>
      </c>
      <c r="B26524" s="14" t="s">
        <v>1</v>
      </c>
      <c r="C26524" s="14" t="s">
        <v>70</v>
      </c>
      <c r="D26524" s="14" t="s">
        <v>171</v>
      </c>
      <c r="E26524" s="15">
        <v>45620</v>
      </c>
      <c r="F26524" s="14" t="s">
        <v>15</v>
      </c>
      <c r="G26524" s="16">
        <v>2.4958421299962081</v>
      </c>
    </row>
    <row r="26525" spans="1:7" x14ac:dyDescent="0.3">
      <c r="A26525" s="13" t="s">
        <v>170</v>
      </c>
      <c r="B26525" s="14" t="s">
        <v>1</v>
      </c>
      <c r="C26525" s="14" t="s">
        <v>70</v>
      </c>
      <c r="D26525" s="14" t="s">
        <v>171</v>
      </c>
      <c r="E26525" s="15">
        <v>45621</v>
      </c>
      <c r="F26525" s="14" t="s">
        <v>15</v>
      </c>
      <c r="G26525" s="16">
        <v>2.5014237788834288</v>
      </c>
    </row>
    <row r="26526" spans="1:7" x14ac:dyDescent="0.3">
      <c r="A26526" s="13" t="s">
        <v>170</v>
      </c>
      <c r="B26526" s="14" t="s">
        <v>1</v>
      </c>
      <c r="C26526" s="14" t="s">
        <v>70</v>
      </c>
      <c r="D26526" s="14" t="s">
        <v>171</v>
      </c>
      <c r="E26526" s="15">
        <v>45622</v>
      </c>
      <c r="F26526" s="14" t="s">
        <v>15</v>
      </c>
      <c r="G26526" s="16">
        <v>2.5279504662903252</v>
      </c>
    </row>
    <row r="26527" spans="1:7" x14ac:dyDescent="0.3">
      <c r="A26527" s="13" t="s">
        <v>170</v>
      </c>
      <c r="B26527" s="14" t="s">
        <v>1</v>
      </c>
      <c r="C26527" s="14" t="s">
        <v>70</v>
      </c>
      <c r="D26527" s="14" t="s">
        <v>171</v>
      </c>
      <c r="E26527" s="15">
        <v>45623</v>
      </c>
      <c r="F26527" s="14" t="s">
        <v>15</v>
      </c>
      <c r="G26527" s="16">
        <v>2.5393337233950763</v>
      </c>
    </row>
    <row r="26528" spans="1:7" x14ac:dyDescent="0.3">
      <c r="A26528" s="13" t="s">
        <v>170</v>
      </c>
      <c r="B26528" s="14" t="s">
        <v>1</v>
      </c>
      <c r="C26528" s="14" t="s">
        <v>70</v>
      </c>
      <c r="D26528" s="14" t="s">
        <v>171</v>
      </c>
      <c r="E26528" s="15">
        <v>45624</v>
      </c>
      <c r="F26528" s="14" t="s">
        <v>15</v>
      </c>
      <c r="G26528" s="16">
        <v>2.5495633007610086</v>
      </c>
    </row>
    <row r="26529" spans="1:7" x14ac:dyDescent="0.3">
      <c r="A26529" s="13" t="s">
        <v>170</v>
      </c>
      <c r="B26529" s="14" t="s">
        <v>1</v>
      </c>
      <c r="C26529" s="14" t="s">
        <v>70</v>
      </c>
      <c r="D26529" s="14" t="s">
        <v>171</v>
      </c>
      <c r="E26529" s="15">
        <v>45625</v>
      </c>
      <c r="F26529" s="14" t="s">
        <v>15</v>
      </c>
      <c r="G26529" s="16">
        <v>2.5551296092084699</v>
      </c>
    </row>
    <row r="26530" spans="1:7" x14ac:dyDescent="0.3">
      <c r="A26530" s="13" t="s">
        <v>170</v>
      </c>
      <c r="B26530" s="14" t="s">
        <v>1</v>
      </c>
      <c r="C26530" s="14" t="s">
        <v>70</v>
      </c>
      <c r="D26530" s="14" t="s">
        <v>171</v>
      </c>
      <c r="E26530" s="15">
        <v>45626</v>
      </c>
      <c r="F26530" s="14" t="s">
        <v>15</v>
      </c>
      <c r="G26530" s="16">
        <v>2.5551296092084699</v>
      </c>
    </row>
    <row r="26531" spans="1:7" x14ac:dyDescent="0.3">
      <c r="A26531" s="13" t="s">
        <v>170</v>
      </c>
      <c r="B26531" s="14" t="s">
        <v>1</v>
      </c>
      <c r="C26531" s="14" t="s">
        <v>70</v>
      </c>
      <c r="D26531" s="14" t="s">
        <v>171</v>
      </c>
      <c r="E26531" s="15">
        <v>45627</v>
      </c>
      <c r="F26531" s="14" t="s">
        <v>15</v>
      </c>
      <c r="G26531" s="16">
        <v>2.5551296092084699</v>
      </c>
    </row>
    <row r="26532" spans="1:7" x14ac:dyDescent="0.3">
      <c r="A26532" s="13" t="s">
        <v>170</v>
      </c>
      <c r="B26532" s="14" t="s">
        <v>1</v>
      </c>
      <c r="C26532" s="14" t="s">
        <v>70</v>
      </c>
      <c r="D26532" s="14" t="s">
        <v>171</v>
      </c>
      <c r="E26532" s="15">
        <v>45628</v>
      </c>
      <c r="F26532" s="14" t="s">
        <v>15</v>
      </c>
      <c r="G26532" s="16">
        <v>2.5687672366527901</v>
      </c>
    </row>
    <row r="26533" spans="1:7" x14ac:dyDescent="0.3">
      <c r="A26533" s="13" t="s">
        <v>170</v>
      </c>
      <c r="B26533" s="14" t="s">
        <v>1</v>
      </c>
      <c r="C26533" s="14" t="s">
        <v>70</v>
      </c>
      <c r="D26533" s="14" t="s">
        <v>171</v>
      </c>
      <c r="E26533" s="15">
        <v>45629</v>
      </c>
      <c r="F26533" s="14" t="s">
        <v>15</v>
      </c>
      <c r="G26533" s="16">
        <v>2.5922069555665894</v>
      </c>
    </row>
    <row r="26534" spans="1:7" x14ac:dyDescent="0.3">
      <c r="A26534" s="13" t="s">
        <v>170</v>
      </c>
      <c r="B26534" s="14" t="s">
        <v>1</v>
      </c>
      <c r="C26534" s="14" t="s">
        <v>70</v>
      </c>
      <c r="D26534" s="14" t="s">
        <v>171</v>
      </c>
      <c r="E26534" s="15">
        <v>45630</v>
      </c>
      <c r="F26534" s="14" t="s">
        <v>15</v>
      </c>
      <c r="G26534" s="16">
        <v>2.6006637287788026</v>
      </c>
    </row>
    <row r="26535" spans="1:7" x14ac:dyDescent="0.3">
      <c r="A26535" s="13" t="s">
        <v>170</v>
      </c>
      <c r="B26535" s="14" t="s">
        <v>1</v>
      </c>
      <c r="C26535" s="14" t="s">
        <v>70</v>
      </c>
      <c r="D26535" s="14" t="s">
        <v>171</v>
      </c>
      <c r="E26535" s="15">
        <v>45631</v>
      </c>
      <c r="F26535" s="14" t="s">
        <v>15</v>
      </c>
      <c r="G26535" s="16">
        <v>2.607330702960748</v>
      </c>
    </row>
    <row r="26536" spans="1:7" x14ac:dyDescent="0.3">
      <c r="A26536" s="13" t="s">
        <v>170</v>
      </c>
      <c r="B26536" s="14" t="s">
        <v>1</v>
      </c>
      <c r="C26536" s="14" t="s">
        <v>70</v>
      </c>
      <c r="D26536" s="14" t="s">
        <v>171</v>
      </c>
      <c r="E26536" s="15">
        <v>45632</v>
      </c>
      <c r="F26536" s="14" t="s">
        <v>15</v>
      </c>
      <c r="G26536" s="16">
        <v>2.617297808350644</v>
      </c>
    </row>
    <row r="26537" spans="1:7" x14ac:dyDescent="0.3">
      <c r="A26537" s="13" t="s">
        <v>170</v>
      </c>
      <c r="B26537" s="14" t="s">
        <v>1</v>
      </c>
      <c r="C26537" s="14" t="s">
        <v>70</v>
      </c>
      <c r="D26537" s="14" t="s">
        <v>171</v>
      </c>
      <c r="E26537" s="15">
        <v>45633</v>
      </c>
      <c r="F26537" s="14" t="s">
        <v>15</v>
      </c>
      <c r="G26537" s="16">
        <v>2.617297808350644</v>
      </c>
    </row>
    <row r="26538" spans="1:7" x14ac:dyDescent="0.3">
      <c r="A26538" s="13" t="s">
        <v>170</v>
      </c>
      <c r="B26538" s="14" t="s">
        <v>1</v>
      </c>
      <c r="C26538" s="14" t="s">
        <v>70</v>
      </c>
      <c r="D26538" s="14" t="s">
        <v>171</v>
      </c>
      <c r="E26538" s="15">
        <v>45634</v>
      </c>
      <c r="F26538" s="14" t="s">
        <v>15</v>
      </c>
      <c r="G26538" s="16">
        <v>2.617297808350644</v>
      </c>
    </row>
    <row r="26539" spans="1:7" x14ac:dyDescent="0.3">
      <c r="A26539" s="13" t="s">
        <v>170</v>
      </c>
      <c r="B26539" s="14" t="s">
        <v>1</v>
      </c>
      <c r="C26539" s="14" t="s">
        <v>70</v>
      </c>
      <c r="D26539" s="14" t="s">
        <v>171</v>
      </c>
      <c r="E26539" s="15">
        <v>45635</v>
      </c>
      <c r="F26539" s="14" t="s">
        <v>15</v>
      </c>
      <c r="G26539" s="16">
        <v>2.6228060209123112</v>
      </c>
    </row>
    <row r="26540" spans="1:7" x14ac:dyDescent="0.3">
      <c r="A26540" s="13" t="s">
        <v>170</v>
      </c>
      <c r="B26540" s="14" t="s">
        <v>1</v>
      </c>
      <c r="C26540" s="14" t="s">
        <v>70</v>
      </c>
      <c r="D26540" s="14" t="s">
        <v>171</v>
      </c>
      <c r="E26540" s="15">
        <v>45636</v>
      </c>
      <c r="F26540" s="14" t="s">
        <v>15</v>
      </c>
      <c r="G26540" s="16">
        <v>2.6448193003342002</v>
      </c>
    </row>
    <row r="26541" spans="1:7" x14ac:dyDescent="0.3">
      <c r="A26541" s="13" t="s">
        <v>170</v>
      </c>
      <c r="B26541" s="14" t="s">
        <v>1</v>
      </c>
      <c r="C26541" s="14" t="s">
        <v>70</v>
      </c>
      <c r="D26541" s="14" t="s">
        <v>171</v>
      </c>
      <c r="E26541" s="15">
        <v>45637</v>
      </c>
      <c r="F26541" s="14" t="s">
        <v>15</v>
      </c>
      <c r="G26541" s="16">
        <v>2.6516837564401565</v>
      </c>
    </row>
    <row r="26542" spans="1:7" x14ac:dyDescent="0.3">
      <c r="A26542" s="13" t="s">
        <v>170</v>
      </c>
      <c r="B26542" s="14" t="s">
        <v>1</v>
      </c>
      <c r="C26542" s="14" t="s">
        <v>70</v>
      </c>
      <c r="D26542" s="14" t="s">
        <v>171</v>
      </c>
      <c r="E26542" s="15">
        <v>45638</v>
      </c>
      <c r="F26542" s="14" t="s">
        <v>15</v>
      </c>
      <c r="G26542" s="16">
        <v>2.6583989146482323</v>
      </c>
    </row>
    <row r="26543" spans="1:7" x14ac:dyDescent="0.3">
      <c r="A26543" s="13" t="s">
        <v>170</v>
      </c>
      <c r="B26543" s="14" t="s">
        <v>1</v>
      </c>
      <c r="C26543" s="14" t="s">
        <v>70</v>
      </c>
      <c r="D26543" s="14" t="s">
        <v>171</v>
      </c>
      <c r="E26543" s="15">
        <v>45639</v>
      </c>
      <c r="F26543" s="14" t="s">
        <v>15</v>
      </c>
      <c r="G26543" s="16">
        <v>2.6660397309898052</v>
      </c>
    </row>
    <row r="26544" spans="1:7" x14ac:dyDescent="0.3">
      <c r="A26544" s="13" t="s">
        <v>170</v>
      </c>
      <c r="B26544" s="14" t="s">
        <v>1</v>
      </c>
      <c r="C26544" s="14" t="s">
        <v>70</v>
      </c>
      <c r="D26544" s="14" t="s">
        <v>171</v>
      </c>
      <c r="E26544" s="15">
        <v>45640</v>
      </c>
      <c r="F26544" s="14" t="s">
        <v>15</v>
      </c>
      <c r="G26544" s="16">
        <v>2.6660397309898052</v>
      </c>
    </row>
    <row r="26545" spans="1:7" x14ac:dyDescent="0.3">
      <c r="A26545" s="13" t="s">
        <v>170</v>
      </c>
      <c r="B26545" s="14" t="s">
        <v>1</v>
      </c>
      <c r="C26545" s="14" t="s">
        <v>70</v>
      </c>
      <c r="D26545" s="14" t="s">
        <v>171</v>
      </c>
      <c r="E26545" s="15">
        <v>45641</v>
      </c>
      <c r="F26545" s="14" t="s">
        <v>15</v>
      </c>
      <c r="G26545" s="16">
        <v>2.6660397309898052</v>
      </c>
    </row>
    <row r="26546" spans="1:7" x14ac:dyDescent="0.3">
      <c r="A26546" s="13" t="s">
        <v>170</v>
      </c>
      <c r="B26546" s="14" t="s">
        <v>1</v>
      </c>
      <c r="C26546" s="14" t="s">
        <v>70</v>
      </c>
      <c r="D26546" s="14" t="s">
        <v>171</v>
      </c>
      <c r="E26546" s="15">
        <v>45642</v>
      </c>
      <c r="F26546" s="14" t="s">
        <v>15</v>
      </c>
      <c r="G26546" s="16">
        <v>2.6754634121313559</v>
      </c>
    </row>
    <row r="26547" spans="1:7" x14ac:dyDescent="0.3">
      <c r="A26547" s="13" t="s">
        <v>170</v>
      </c>
      <c r="B26547" s="14" t="s">
        <v>1</v>
      </c>
      <c r="C26547" s="14" t="s">
        <v>70</v>
      </c>
      <c r="D26547" s="14" t="s">
        <v>171</v>
      </c>
      <c r="E26547" s="15">
        <v>45643</v>
      </c>
      <c r="F26547" s="14" t="s">
        <v>15</v>
      </c>
      <c r="G26547" s="16">
        <v>2.6970409694907671</v>
      </c>
    </row>
    <row r="26548" spans="1:7" x14ac:dyDescent="0.3">
      <c r="A26548" s="13" t="s">
        <v>170</v>
      </c>
      <c r="B26548" s="14" t="s">
        <v>1</v>
      </c>
      <c r="C26548" s="14" t="s">
        <v>70</v>
      </c>
      <c r="D26548" s="14" t="s">
        <v>171</v>
      </c>
      <c r="E26548" s="15">
        <v>45644</v>
      </c>
      <c r="F26548" s="14" t="s">
        <v>15</v>
      </c>
      <c r="G26548" s="16">
        <v>2.7025641299439891</v>
      </c>
    </row>
    <row r="26549" spans="1:7" x14ac:dyDescent="0.3">
      <c r="A26549" s="13" t="s">
        <v>170</v>
      </c>
      <c r="B26549" s="14" t="s">
        <v>1</v>
      </c>
      <c r="C26549" s="14" t="s">
        <v>70</v>
      </c>
      <c r="D26549" s="14" t="s">
        <v>171</v>
      </c>
      <c r="E26549" s="15">
        <v>45645</v>
      </c>
      <c r="F26549" s="14" t="s">
        <v>15</v>
      </c>
      <c r="G26549" s="16">
        <v>2.7082938190817507</v>
      </c>
    </row>
    <row r="26550" spans="1:7" x14ac:dyDescent="0.3">
      <c r="A26550" s="13" t="s">
        <v>170</v>
      </c>
      <c r="B26550" s="14" t="s">
        <v>1</v>
      </c>
      <c r="C26550" s="14" t="s">
        <v>70</v>
      </c>
      <c r="D26550" s="14" t="s">
        <v>171</v>
      </c>
      <c r="E26550" s="15">
        <v>45646</v>
      </c>
      <c r="F26550" s="14" t="s">
        <v>15</v>
      </c>
      <c r="G26550" s="16">
        <v>2.7171670003712003</v>
      </c>
    </row>
    <row r="26551" spans="1:7" x14ac:dyDescent="0.3">
      <c r="A26551" s="13" t="s">
        <v>170</v>
      </c>
      <c r="B26551" s="14" t="s">
        <v>1</v>
      </c>
      <c r="C26551" s="14" t="s">
        <v>70</v>
      </c>
      <c r="D26551" s="14" t="s">
        <v>171</v>
      </c>
      <c r="E26551" s="15">
        <v>45647</v>
      </c>
      <c r="F26551" s="14" t="s">
        <v>15</v>
      </c>
      <c r="G26551" s="16">
        <v>2.7171670003712003</v>
      </c>
    </row>
    <row r="26552" spans="1:7" x14ac:dyDescent="0.3">
      <c r="A26552" s="13" t="s">
        <v>170</v>
      </c>
      <c r="B26552" s="14" t="s">
        <v>1</v>
      </c>
      <c r="C26552" s="14" t="s">
        <v>70</v>
      </c>
      <c r="D26552" s="14" t="s">
        <v>171</v>
      </c>
      <c r="E26552" s="15">
        <v>45648</v>
      </c>
      <c r="F26552" s="14" t="s">
        <v>15</v>
      </c>
      <c r="G26552" s="16">
        <v>2.7171670003712003</v>
      </c>
    </row>
    <row r="26553" spans="1:7" x14ac:dyDescent="0.3">
      <c r="A26553" s="13" t="s">
        <v>170</v>
      </c>
      <c r="B26553" s="14" t="s">
        <v>1</v>
      </c>
      <c r="C26553" s="14" t="s">
        <v>70</v>
      </c>
      <c r="D26553" s="14" t="s">
        <v>171</v>
      </c>
      <c r="E26553" s="15">
        <v>45649</v>
      </c>
      <c r="F26553" s="14" t="s">
        <v>15</v>
      </c>
      <c r="G26553" s="16">
        <v>2.7227893968294228</v>
      </c>
    </row>
    <row r="26554" spans="1:7" x14ac:dyDescent="0.3">
      <c r="A26554" s="13" t="s">
        <v>170</v>
      </c>
      <c r="B26554" s="14" t="s">
        <v>1</v>
      </c>
      <c r="C26554" s="14" t="s">
        <v>70</v>
      </c>
      <c r="D26554" s="14" t="s">
        <v>171</v>
      </c>
      <c r="E26554" s="15">
        <v>45650</v>
      </c>
      <c r="F26554" s="14" t="s">
        <v>15</v>
      </c>
      <c r="G26554" s="16">
        <v>2.7414115432529185</v>
      </c>
    </row>
    <row r="26555" spans="1:7" x14ac:dyDescent="0.3">
      <c r="A26555" s="13" t="s">
        <v>170</v>
      </c>
      <c r="B26555" s="14" t="s">
        <v>1</v>
      </c>
      <c r="C26555" s="14" t="s">
        <v>70</v>
      </c>
      <c r="D26555" s="14" t="s">
        <v>171</v>
      </c>
      <c r="E26555" s="15">
        <v>45651</v>
      </c>
      <c r="F26555" s="14" t="s">
        <v>15</v>
      </c>
      <c r="G26555" s="16">
        <v>2.7414115432529185</v>
      </c>
    </row>
    <row r="26556" spans="1:7" x14ac:dyDescent="0.3">
      <c r="A26556" s="13" t="s">
        <v>170</v>
      </c>
      <c r="B26556" s="14" t="s">
        <v>1</v>
      </c>
      <c r="C26556" s="14" t="s">
        <v>70</v>
      </c>
      <c r="D26556" s="14" t="s">
        <v>171</v>
      </c>
      <c r="E26556" s="15">
        <v>45652</v>
      </c>
      <c r="F26556" s="14" t="s">
        <v>15</v>
      </c>
      <c r="G26556" s="16">
        <v>2.7414115432529185</v>
      </c>
    </row>
    <row r="26557" spans="1:7" x14ac:dyDescent="0.3">
      <c r="A26557" s="13" t="s">
        <v>170</v>
      </c>
      <c r="B26557" s="14" t="s">
        <v>1</v>
      </c>
      <c r="C26557" s="14" t="s">
        <v>70</v>
      </c>
      <c r="D26557" s="14" t="s">
        <v>171</v>
      </c>
      <c r="E26557" s="15">
        <v>45653</v>
      </c>
      <c r="F26557" s="14" t="s">
        <v>15</v>
      </c>
      <c r="G26557" s="16">
        <v>2.7414115432529185</v>
      </c>
    </row>
    <row r="26558" spans="1:7" x14ac:dyDescent="0.3">
      <c r="A26558" s="13" t="s">
        <v>170</v>
      </c>
      <c r="B26558" s="14" t="s">
        <v>1</v>
      </c>
      <c r="C26558" s="14" t="s">
        <v>70</v>
      </c>
      <c r="D26558" s="14" t="s">
        <v>171</v>
      </c>
      <c r="E26558" s="15">
        <v>45654</v>
      </c>
      <c r="F26558" s="14" t="s">
        <v>15</v>
      </c>
      <c r="G26558" s="16">
        <v>2.7414115432529185</v>
      </c>
    </row>
    <row r="26559" spans="1:7" x14ac:dyDescent="0.3">
      <c r="A26559" s="13" t="s">
        <v>170</v>
      </c>
      <c r="B26559" s="14" t="s">
        <v>1</v>
      </c>
      <c r="C26559" s="14" t="s">
        <v>70</v>
      </c>
      <c r="D26559" s="14" t="s">
        <v>171</v>
      </c>
      <c r="E26559" s="15">
        <v>45655</v>
      </c>
      <c r="F26559" s="14" t="s">
        <v>15</v>
      </c>
      <c r="G26559" s="16">
        <v>2.7414115432529185</v>
      </c>
    </row>
    <row r="26560" spans="1:7" x14ac:dyDescent="0.3">
      <c r="A26560" s="13" t="s">
        <v>170</v>
      </c>
      <c r="B26560" s="14" t="s">
        <v>1</v>
      </c>
      <c r="C26560" s="14" t="s">
        <v>70</v>
      </c>
      <c r="D26560" s="14" t="s">
        <v>171</v>
      </c>
      <c r="E26560" s="15">
        <v>45656</v>
      </c>
      <c r="F26560" s="14" t="s">
        <v>15</v>
      </c>
      <c r="G26560" s="16">
        <v>2.7471816268899163</v>
      </c>
    </row>
    <row r="26561" spans="1:7" x14ac:dyDescent="0.3">
      <c r="A26561" s="13" t="s">
        <v>170</v>
      </c>
      <c r="B26561" s="14" t="s">
        <v>1</v>
      </c>
      <c r="C26561" s="14" t="s">
        <v>70</v>
      </c>
      <c r="D26561" s="14" t="s">
        <v>171</v>
      </c>
      <c r="E26561" s="15">
        <v>45657</v>
      </c>
      <c r="F26561" s="14" t="s">
        <v>15</v>
      </c>
      <c r="G26561" s="16">
        <v>2.7821416535745596</v>
      </c>
    </row>
    <row r="26562" spans="1:7" x14ac:dyDescent="0.3">
      <c r="A26562" s="13" t="s">
        <v>170</v>
      </c>
      <c r="B26562" s="14" t="s">
        <v>1</v>
      </c>
      <c r="C26562" s="14" t="s">
        <v>70</v>
      </c>
      <c r="D26562" s="14" t="s">
        <v>171</v>
      </c>
      <c r="E26562" s="15">
        <v>45658</v>
      </c>
      <c r="F26562" s="14" t="s">
        <v>15</v>
      </c>
      <c r="G26562" s="16">
        <v>2.7821416535745596</v>
      </c>
    </row>
    <row r="26563" spans="1:7" x14ac:dyDescent="0.3">
      <c r="A26563" s="13" t="s">
        <v>170</v>
      </c>
      <c r="B26563" s="14" t="s">
        <v>1</v>
      </c>
      <c r="C26563" s="14" t="s">
        <v>70</v>
      </c>
      <c r="D26563" s="14" t="s">
        <v>171</v>
      </c>
      <c r="E26563" s="15">
        <v>45659</v>
      </c>
      <c r="F26563" s="14" t="s">
        <v>15</v>
      </c>
      <c r="G26563" s="16">
        <v>2.7821416535745596</v>
      </c>
    </row>
    <row r="26564" spans="1:7" x14ac:dyDescent="0.3">
      <c r="A26564" s="13" t="s">
        <v>170</v>
      </c>
      <c r="B26564" s="14" t="s">
        <v>1</v>
      </c>
      <c r="C26564" s="14" t="s">
        <v>70</v>
      </c>
      <c r="D26564" s="14" t="s">
        <v>171</v>
      </c>
      <c r="E26564" s="15">
        <v>45660</v>
      </c>
      <c r="F26564" s="14" t="s">
        <v>15</v>
      </c>
      <c r="G26564" s="16">
        <v>2.7950035555196555</v>
      </c>
    </row>
    <row r="26565" spans="1:7" x14ac:dyDescent="0.3">
      <c r="A26565" s="13" t="s">
        <v>170</v>
      </c>
      <c r="B26565" s="14" t="s">
        <v>1</v>
      </c>
      <c r="C26565" s="14" t="s">
        <v>70</v>
      </c>
      <c r="D26565" s="14" t="s">
        <v>171</v>
      </c>
      <c r="E26565" s="15">
        <v>45661</v>
      </c>
      <c r="F26565" s="14" t="s">
        <v>15</v>
      </c>
      <c r="G26565" s="16">
        <v>2.7950035555196555</v>
      </c>
    </row>
    <row r="26566" spans="1:7" x14ac:dyDescent="0.3">
      <c r="A26566" s="13" t="s">
        <v>170</v>
      </c>
      <c r="B26566" s="14" t="s">
        <v>1</v>
      </c>
      <c r="C26566" s="14" t="s">
        <v>70</v>
      </c>
      <c r="D26566" s="14" t="s">
        <v>171</v>
      </c>
      <c r="E26566" s="15">
        <v>45662</v>
      </c>
      <c r="F26566" s="14" t="s">
        <v>15</v>
      </c>
      <c r="G26566" s="16">
        <v>2.7950035555196555</v>
      </c>
    </row>
    <row r="26567" spans="1:7" x14ac:dyDescent="0.3">
      <c r="A26567" s="13" t="s">
        <v>170</v>
      </c>
      <c r="B26567" s="14" t="s">
        <v>1</v>
      </c>
      <c r="C26567" s="14" t="s">
        <v>70</v>
      </c>
      <c r="D26567" s="14" t="s">
        <v>171</v>
      </c>
      <c r="E26567" s="15">
        <v>45663</v>
      </c>
      <c r="F26567" s="14" t="s">
        <v>15</v>
      </c>
      <c r="G26567" s="16">
        <v>2.828380695692283</v>
      </c>
    </row>
    <row r="26568" spans="1:7" x14ac:dyDescent="0.3">
      <c r="A26568" s="13" t="s">
        <v>170</v>
      </c>
      <c r="B26568" s="14" t="s">
        <v>1</v>
      </c>
      <c r="C26568" s="14" t="s">
        <v>70</v>
      </c>
      <c r="D26568" s="14" t="s">
        <v>171</v>
      </c>
      <c r="E26568" s="15">
        <v>45664</v>
      </c>
      <c r="F26568" s="14" t="s">
        <v>15</v>
      </c>
      <c r="G26568" s="16">
        <v>2.8533870065830658</v>
      </c>
    </row>
    <row r="26569" spans="1:7" x14ac:dyDescent="0.3">
      <c r="A26569" s="13" t="s">
        <v>170</v>
      </c>
      <c r="B26569" s="14" t="s">
        <v>1</v>
      </c>
      <c r="C26569" s="14" t="s">
        <v>70</v>
      </c>
      <c r="D26569" s="14" t="s">
        <v>171</v>
      </c>
      <c r="E26569" s="15">
        <v>45665</v>
      </c>
      <c r="F26569" s="14" t="s">
        <v>15</v>
      </c>
      <c r="G26569" s="16">
        <v>2.859120918529551</v>
      </c>
    </row>
    <row r="26570" spans="1:7" x14ac:dyDescent="0.3">
      <c r="A26570" s="13" t="s">
        <v>170</v>
      </c>
      <c r="B26570" s="14" t="s">
        <v>1</v>
      </c>
      <c r="C26570" s="14" t="s">
        <v>70</v>
      </c>
      <c r="D26570" s="14" t="s">
        <v>171</v>
      </c>
      <c r="E26570" s="15">
        <v>45666</v>
      </c>
      <c r="F26570" s="14" t="s">
        <v>15</v>
      </c>
      <c r="G26570" s="16">
        <v>2.8740046800302825</v>
      </c>
    </row>
    <row r="26571" spans="1:7" x14ac:dyDescent="0.3">
      <c r="A26571" s="13" t="s">
        <v>170</v>
      </c>
      <c r="B26571" s="14" t="s">
        <v>1</v>
      </c>
      <c r="C26571" s="14" t="s">
        <v>70</v>
      </c>
      <c r="D26571" s="14" t="s">
        <v>171</v>
      </c>
      <c r="E26571" s="15">
        <v>45667</v>
      </c>
      <c r="F26571" s="14" t="s">
        <v>15</v>
      </c>
      <c r="G26571" s="16">
        <v>2.8797544282244276</v>
      </c>
    </row>
    <row r="26572" spans="1:7" x14ac:dyDescent="0.3">
      <c r="A26572" s="13" t="s">
        <v>170</v>
      </c>
      <c r="B26572" s="14" t="s">
        <v>1</v>
      </c>
      <c r="C26572" s="14" t="s">
        <v>70</v>
      </c>
      <c r="D26572" s="14" t="s">
        <v>171</v>
      </c>
      <c r="E26572" s="15">
        <v>45668</v>
      </c>
      <c r="F26572" s="14" t="s">
        <v>15</v>
      </c>
      <c r="G26572" s="16">
        <v>2.8797544282244276</v>
      </c>
    </row>
    <row r="26573" spans="1:7" x14ac:dyDescent="0.3">
      <c r="A26573" s="13" t="s">
        <v>170</v>
      </c>
      <c r="B26573" s="14" t="s">
        <v>1</v>
      </c>
      <c r="C26573" s="14" t="s">
        <v>70</v>
      </c>
      <c r="D26573" s="14" t="s">
        <v>171</v>
      </c>
      <c r="E26573" s="15">
        <v>45669</v>
      </c>
      <c r="F26573" s="14" t="s">
        <v>15</v>
      </c>
      <c r="G26573" s="16">
        <v>2.8797544282244276</v>
      </c>
    </row>
    <row r="26574" spans="1:7" x14ac:dyDescent="0.3">
      <c r="A26574" s="13" t="s">
        <v>170</v>
      </c>
      <c r="B26574" s="14" t="s">
        <v>1</v>
      </c>
      <c r="C26574" s="14" t="s">
        <v>70</v>
      </c>
      <c r="D26574" s="14" t="s">
        <v>171</v>
      </c>
      <c r="E26574" s="15">
        <v>45670</v>
      </c>
      <c r="F26574" s="14" t="s">
        <v>15</v>
      </c>
      <c r="G26574" s="16">
        <v>2.9006391212920439</v>
      </c>
    </row>
    <row r="26575" spans="1:7" x14ac:dyDescent="0.3">
      <c r="A26575" s="13" t="s">
        <v>170</v>
      </c>
      <c r="B26575" s="14" t="s">
        <v>1</v>
      </c>
      <c r="C26575" s="14" t="s">
        <v>70</v>
      </c>
      <c r="D26575" s="14" t="s">
        <v>171</v>
      </c>
      <c r="E26575" s="15">
        <v>45671</v>
      </c>
      <c r="F26575" s="14" t="s">
        <v>15</v>
      </c>
      <c r="G26575" s="16">
        <v>2.9181194137647282</v>
      </c>
    </row>
    <row r="26576" spans="1:7" x14ac:dyDescent="0.3">
      <c r="A26576" s="13" t="s">
        <v>170</v>
      </c>
      <c r="B26576" s="14" t="s">
        <v>1</v>
      </c>
      <c r="C26576" s="14" t="s">
        <v>70</v>
      </c>
      <c r="D26576" s="14" t="s">
        <v>171</v>
      </c>
      <c r="E26576" s="15">
        <v>45672</v>
      </c>
      <c r="F26576" s="14" t="s">
        <v>15</v>
      </c>
      <c r="G26576" s="16">
        <v>2.9239422582013774</v>
      </c>
    </row>
    <row r="26577" spans="1:7" x14ac:dyDescent="0.3">
      <c r="A26577" s="13" t="s">
        <v>170</v>
      </c>
      <c r="B26577" s="14" t="s">
        <v>1</v>
      </c>
      <c r="C26577" s="14" t="s">
        <v>70</v>
      </c>
      <c r="D26577" s="14" t="s">
        <v>171</v>
      </c>
      <c r="E26577" s="15">
        <v>45673</v>
      </c>
      <c r="F26577" s="14" t="s">
        <v>15</v>
      </c>
      <c r="G26577" s="16">
        <v>2.9337516606736949</v>
      </c>
    </row>
    <row r="26578" spans="1:7" x14ac:dyDescent="0.3">
      <c r="A26578" s="13" t="s">
        <v>170</v>
      </c>
      <c r="B26578" s="14" t="s">
        <v>1</v>
      </c>
      <c r="C26578" s="14" t="s">
        <v>70</v>
      </c>
      <c r="D26578" s="14" t="s">
        <v>171</v>
      </c>
      <c r="E26578" s="15">
        <v>45674</v>
      </c>
      <c r="F26578" s="14" t="s">
        <v>15</v>
      </c>
      <c r="G26578" s="16">
        <v>2.9391632323502348</v>
      </c>
    </row>
    <row r="26579" spans="1:7" x14ac:dyDescent="0.3">
      <c r="A26579" s="13" t="s">
        <v>170</v>
      </c>
      <c r="B26579" s="14" t="s">
        <v>1</v>
      </c>
      <c r="C26579" s="14" t="s">
        <v>70</v>
      </c>
      <c r="D26579" s="14" t="s">
        <v>171</v>
      </c>
      <c r="E26579" s="15">
        <v>45675</v>
      </c>
      <c r="F26579" s="14" t="s">
        <v>15</v>
      </c>
      <c r="G26579" s="16">
        <v>2.9391632323502348</v>
      </c>
    </row>
    <row r="26580" spans="1:7" x14ac:dyDescent="0.3">
      <c r="A26580" s="13" t="s">
        <v>170</v>
      </c>
      <c r="B26580" s="14" t="s">
        <v>1</v>
      </c>
      <c r="C26580" s="14" t="s">
        <v>70</v>
      </c>
      <c r="D26580" s="14" t="s">
        <v>171</v>
      </c>
      <c r="E26580" s="15">
        <v>45676</v>
      </c>
      <c r="F26580" s="14" t="s">
        <v>15</v>
      </c>
      <c r="G26580" s="16">
        <v>2.9391632323502348</v>
      </c>
    </row>
    <row r="26581" spans="1:7" x14ac:dyDescent="0.3">
      <c r="A26581" s="13" t="s">
        <v>170</v>
      </c>
      <c r="B26581" s="14" t="s">
        <v>1</v>
      </c>
      <c r="C26581" s="14" t="s">
        <v>70</v>
      </c>
      <c r="D26581" s="14" t="s">
        <v>171</v>
      </c>
      <c r="E26581" s="15">
        <v>45677</v>
      </c>
      <c r="F26581" s="14" t="s">
        <v>15</v>
      </c>
      <c r="G26581" s="16">
        <v>2.9501164494961487</v>
      </c>
    </row>
    <row r="26582" spans="1:7" x14ac:dyDescent="0.3">
      <c r="A26582" s="13" t="s">
        <v>170</v>
      </c>
      <c r="B26582" s="14" t="s">
        <v>1</v>
      </c>
      <c r="C26582" s="14" t="s">
        <v>70</v>
      </c>
      <c r="D26582" s="14" t="s">
        <v>171</v>
      </c>
      <c r="E26582" s="15">
        <v>45678</v>
      </c>
      <c r="F26582" s="14" t="s">
        <v>15</v>
      </c>
      <c r="G26582" s="16">
        <v>2.9856938583040527</v>
      </c>
    </row>
    <row r="26583" spans="1:7" x14ac:dyDescent="0.3">
      <c r="A26583" s="13" t="s">
        <v>170</v>
      </c>
      <c r="B26583" s="14" t="s">
        <v>1</v>
      </c>
      <c r="C26583" s="14" t="s">
        <v>70</v>
      </c>
      <c r="D26583" s="14" t="s">
        <v>171</v>
      </c>
      <c r="E26583" s="15">
        <v>45679</v>
      </c>
      <c r="F26583" s="14" t="s">
        <v>15</v>
      </c>
      <c r="G26583" s="16">
        <v>2.9914058458845938</v>
      </c>
    </row>
    <row r="26584" spans="1:7" x14ac:dyDescent="0.3">
      <c r="A26584" s="13" t="s">
        <v>170</v>
      </c>
      <c r="B26584" s="14" t="s">
        <v>1</v>
      </c>
      <c r="C26584" s="14" t="s">
        <v>70</v>
      </c>
      <c r="D26584" s="14" t="s">
        <v>171</v>
      </c>
      <c r="E26584" s="15">
        <v>45680</v>
      </c>
      <c r="F26584" s="14" t="s">
        <v>15</v>
      </c>
      <c r="G26584" s="16">
        <v>2.9970459811975929</v>
      </c>
    </row>
    <row r="26585" spans="1:7" x14ac:dyDescent="0.3">
      <c r="A26585" s="13" t="s">
        <v>170</v>
      </c>
      <c r="B26585" s="14" t="s">
        <v>1</v>
      </c>
      <c r="C26585" s="14" t="s">
        <v>70</v>
      </c>
      <c r="D26585" s="14" t="s">
        <v>171</v>
      </c>
      <c r="E26585" s="15">
        <v>45681</v>
      </c>
      <c r="F26585" s="14" t="s">
        <v>15</v>
      </c>
      <c r="G26585" s="16">
        <v>3.0024514690325015</v>
      </c>
    </row>
    <row r="26586" spans="1:7" x14ac:dyDescent="0.3">
      <c r="A26586" s="13" t="s">
        <v>170</v>
      </c>
      <c r="B26586" s="14" t="s">
        <v>1</v>
      </c>
      <c r="C26586" s="14" t="s">
        <v>70</v>
      </c>
      <c r="D26586" s="14" t="s">
        <v>171</v>
      </c>
      <c r="E26586" s="15">
        <v>45682</v>
      </c>
      <c r="F26586" s="14" t="s">
        <v>15</v>
      </c>
      <c r="G26586" s="16">
        <v>3.0024514690325015</v>
      </c>
    </row>
    <row r="26587" spans="1:7" x14ac:dyDescent="0.3">
      <c r="A26587" s="13" t="s">
        <v>170</v>
      </c>
      <c r="B26587" s="14" t="s">
        <v>1</v>
      </c>
      <c r="C26587" s="14" t="s">
        <v>70</v>
      </c>
      <c r="D26587" s="14" t="s">
        <v>171</v>
      </c>
      <c r="E26587" s="15">
        <v>45683</v>
      </c>
      <c r="F26587" s="14" t="s">
        <v>15</v>
      </c>
      <c r="G26587" s="16">
        <v>3.0024514690325015</v>
      </c>
    </row>
    <row r="26588" spans="1:7" x14ac:dyDescent="0.3">
      <c r="A26588" s="13" t="s">
        <v>170</v>
      </c>
      <c r="B26588" s="14" t="s">
        <v>1</v>
      </c>
      <c r="C26588" s="14" t="s">
        <v>70</v>
      </c>
      <c r="D26588" s="14" t="s">
        <v>171</v>
      </c>
      <c r="E26588" s="15">
        <v>45684</v>
      </c>
      <c r="F26588" s="14" t="s">
        <v>15</v>
      </c>
      <c r="G26588" s="16">
        <v>3.0149620533081465</v>
      </c>
    </row>
    <row r="26589" spans="1:7" x14ac:dyDescent="0.3">
      <c r="A26589" s="13" t="s">
        <v>170</v>
      </c>
      <c r="B26589" s="14" t="s">
        <v>1</v>
      </c>
      <c r="C26589" s="14" t="s">
        <v>70</v>
      </c>
      <c r="D26589" s="14" t="s">
        <v>171</v>
      </c>
      <c r="E26589" s="15">
        <v>45685</v>
      </c>
      <c r="F26589" s="14" t="s">
        <v>15</v>
      </c>
      <c r="G26589" s="16">
        <v>3.0293773871147627</v>
      </c>
    </row>
    <row r="26590" spans="1:7" x14ac:dyDescent="0.3">
      <c r="A26590" s="13" t="s">
        <v>170</v>
      </c>
      <c r="B26590" s="14" t="s">
        <v>1</v>
      </c>
      <c r="C26590" s="14" t="s">
        <v>70</v>
      </c>
      <c r="D26590" s="14" t="s">
        <v>171</v>
      </c>
      <c r="E26590" s="15">
        <v>45686</v>
      </c>
      <c r="F26590" s="14" t="s">
        <v>15</v>
      </c>
      <c r="G26590" s="16">
        <v>3.0352627940430557</v>
      </c>
    </row>
    <row r="26591" spans="1:7" x14ac:dyDescent="0.3">
      <c r="A26591" s="13" t="s">
        <v>170</v>
      </c>
      <c r="B26591" s="14" t="s">
        <v>1</v>
      </c>
      <c r="C26591" s="14" t="s">
        <v>70</v>
      </c>
      <c r="D26591" s="14" t="s">
        <v>171</v>
      </c>
      <c r="E26591" s="15">
        <v>45687</v>
      </c>
      <c r="F26591" s="14" t="s">
        <v>15</v>
      </c>
      <c r="G26591" s="16">
        <v>3.0421450824106087</v>
      </c>
    </row>
    <row r="26592" spans="1:7" x14ac:dyDescent="0.3">
      <c r="A26592" s="13" t="s">
        <v>170</v>
      </c>
      <c r="B26592" s="14" t="s">
        <v>1</v>
      </c>
      <c r="C26592" s="14" t="s">
        <v>70</v>
      </c>
      <c r="D26592" s="14" t="s">
        <v>171</v>
      </c>
      <c r="E26592" s="15">
        <v>45688</v>
      </c>
      <c r="F26592" s="14" t="s">
        <v>15</v>
      </c>
      <c r="G26592" s="16">
        <v>3.0480460533817739</v>
      </c>
    </row>
    <row r="26593" spans="1:7" x14ac:dyDescent="0.3">
      <c r="A26593" s="13" t="s">
        <v>170</v>
      </c>
      <c r="B26593" s="14" t="s">
        <v>1</v>
      </c>
      <c r="C26593" s="14" t="s">
        <v>70</v>
      </c>
      <c r="D26593" s="14" t="s">
        <v>171</v>
      </c>
      <c r="E26593" s="15">
        <v>45689</v>
      </c>
      <c r="F26593" s="14" t="s">
        <v>15</v>
      </c>
      <c r="G26593" s="16">
        <v>3.0480460533817739</v>
      </c>
    </row>
    <row r="26594" spans="1:7" x14ac:dyDescent="0.3">
      <c r="A26594" s="13" t="s">
        <v>170</v>
      </c>
      <c r="B26594" s="14" t="s">
        <v>1</v>
      </c>
      <c r="C26594" s="14" t="s">
        <v>70</v>
      </c>
      <c r="D26594" s="14" t="s">
        <v>171</v>
      </c>
      <c r="E26594" s="15">
        <v>45690</v>
      </c>
      <c r="F26594" s="14" t="s">
        <v>15</v>
      </c>
      <c r="G26594" s="16">
        <v>3.0480460533817739</v>
      </c>
    </row>
    <row r="26595" spans="1:7" x14ac:dyDescent="0.3">
      <c r="A26595" s="13" t="s">
        <v>170</v>
      </c>
      <c r="B26595" s="14" t="s">
        <v>1</v>
      </c>
      <c r="C26595" s="14" t="s">
        <v>70</v>
      </c>
      <c r="D26595" s="14" t="s">
        <v>171</v>
      </c>
      <c r="E26595" s="15">
        <v>45691</v>
      </c>
      <c r="F26595" s="14" t="s">
        <v>15</v>
      </c>
      <c r="G26595" s="16">
        <v>3.0480460533817739</v>
      </c>
    </row>
    <row r="26596" spans="1:7" x14ac:dyDescent="0.3">
      <c r="A26596" s="13" t="s">
        <v>170</v>
      </c>
      <c r="B26596" s="14" t="s">
        <v>1</v>
      </c>
      <c r="C26596" s="14" t="s">
        <v>70</v>
      </c>
      <c r="D26596" s="14" t="s">
        <v>171</v>
      </c>
      <c r="E26596" s="15">
        <v>45692</v>
      </c>
      <c r="F26596" s="14" t="s">
        <v>15</v>
      </c>
      <c r="G26596" s="16">
        <v>3.0558299397745317</v>
      </c>
    </row>
    <row r="26597" spans="1:7" x14ac:dyDescent="0.3">
      <c r="A26597" s="13" t="s">
        <v>170</v>
      </c>
      <c r="B26597" s="14" t="s">
        <v>1</v>
      </c>
      <c r="C26597" s="14" t="s">
        <v>70</v>
      </c>
      <c r="D26597" s="14" t="s">
        <v>171</v>
      </c>
      <c r="E26597" s="15">
        <v>45693</v>
      </c>
      <c r="F26597" s="14" t="s">
        <v>15</v>
      </c>
      <c r="G26597" s="16">
        <v>3.0740835156567008</v>
      </c>
    </row>
    <row r="26598" spans="1:7" x14ac:dyDescent="0.3">
      <c r="A26598" s="13" t="s">
        <v>170</v>
      </c>
      <c r="B26598" s="14" t="s">
        <v>1</v>
      </c>
      <c r="C26598" s="14" t="s">
        <v>70</v>
      </c>
      <c r="D26598" s="14" t="s">
        <v>171</v>
      </c>
      <c r="E26598" s="15">
        <v>45694</v>
      </c>
      <c r="F26598" s="14" t="s">
        <v>15</v>
      </c>
      <c r="G26598" s="16">
        <v>3.0799337655677119</v>
      </c>
    </row>
    <row r="26599" spans="1:7" x14ac:dyDescent="0.3">
      <c r="A26599" s="13" t="s">
        <v>170</v>
      </c>
      <c r="B26599" s="14" t="s">
        <v>1</v>
      </c>
      <c r="C26599" s="14" t="s">
        <v>70</v>
      </c>
      <c r="D26599" s="14" t="s">
        <v>171</v>
      </c>
      <c r="E26599" s="15">
        <v>45695</v>
      </c>
      <c r="F26599" s="14" t="s">
        <v>15</v>
      </c>
      <c r="G26599" s="16">
        <v>3.0880251006841437</v>
      </c>
    </row>
    <row r="26600" spans="1:7" x14ac:dyDescent="0.3">
      <c r="A26600" s="13" t="s">
        <v>170</v>
      </c>
      <c r="B26600" s="14" t="s">
        <v>1</v>
      </c>
      <c r="C26600" s="14" t="s">
        <v>70</v>
      </c>
      <c r="D26600" s="14" t="s">
        <v>171</v>
      </c>
      <c r="E26600" s="15">
        <v>45696</v>
      </c>
      <c r="F26600" s="14" t="s">
        <v>15</v>
      </c>
      <c r="G26600" s="16">
        <v>3.0880251006841437</v>
      </c>
    </row>
    <row r="26601" spans="1:7" x14ac:dyDescent="0.3">
      <c r="A26601" s="13" t="s">
        <v>170</v>
      </c>
      <c r="B26601" s="14" t="s">
        <v>1</v>
      </c>
      <c r="C26601" s="14" t="s">
        <v>70</v>
      </c>
      <c r="D26601" s="14" t="s">
        <v>171</v>
      </c>
      <c r="E26601" s="15">
        <v>45697</v>
      </c>
      <c r="F26601" s="14" t="s">
        <v>15</v>
      </c>
      <c r="G26601" s="16">
        <v>3.0880251006841437</v>
      </c>
    </row>
    <row r="26602" spans="1:7" x14ac:dyDescent="0.3">
      <c r="A26602" s="13" t="s">
        <v>170</v>
      </c>
      <c r="B26602" s="14" t="s">
        <v>1</v>
      </c>
      <c r="C26602" s="14" t="s">
        <v>70</v>
      </c>
      <c r="D26602" s="14" t="s">
        <v>171</v>
      </c>
      <c r="E26602" s="15">
        <v>45698</v>
      </c>
      <c r="F26602" s="14" t="s">
        <v>15</v>
      </c>
      <c r="G26602" s="16">
        <v>3.093867716851427</v>
      </c>
    </row>
    <row r="26603" spans="1:7" x14ac:dyDescent="0.3">
      <c r="A26603" s="13" t="s">
        <v>170</v>
      </c>
      <c r="B26603" s="14" t="s">
        <v>1</v>
      </c>
      <c r="C26603" s="14" t="s">
        <v>70</v>
      </c>
      <c r="D26603" s="14" t="s">
        <v>171</v>
      </c>
      <c r="E26603" s="15">
        <v>45699</v>
      </c>
      <c r="F26603" s="14" t="s">
        <v>15</v>
      </c>
      <c r="G26603" s="16">
        <v>3.1119417285187745</v>
      </c>
    </row>
    <row r="26604" spans="1:7" x14ac:dyDescent="0.3">
      <c r="A26604" s="13" t="s">
        <v>170</v>
      </c>
      <c r="B26604" s="14" t="s">
        <v>1</v>
      </c>
      <c r="C26604" s="14" t="s">
        <v>70</v>
      </c>
      <c r="D26604" s="14" t="s">
        <v>171</v>
      </c>
      <c r="E26604" s="15">
        <v>45700</v>
      </c>
      <c r="F26604" s="14" t="s">
        <v>15</v>
      </c>
      <c r="G26604" s="16">
        <v>3.1177597381052276</v>
      </c>
    </row>
    <row r="26605" spans="1:7" x14ac:dyDescent="0.3">
      <c r="A26605" s="13" t="s">
        <v>170</v>
      </c>
      <c r="B26605" s="14" t="s">
        <v>1</v>
      </c>
      <c r="C26605" s="14" t="s">
        <v>70</v>
      </c>
      <c r="D26605" s="14" t="s">
        <v>171</v>
      </c>
      <c r="E26605" s="15">
        <v>45701</v>
      </c>
      <c r="F26605" s="14" t="s">
        <v>15</v>
      </c>
      <c r="G26605" s="16">
        <v>3.1306188193524958</v>
      </c>
    </row>
    <row r="26606" spans="1:7" x14ac:dyDescent="0.3">
      <c r="A26606" s="13" t="s">
        <v>170</v>
      </c>
      <c r="B26606" s="14" t="s">
        <v>1</v>
      </c>
      <c r="C26606" s="14" t="s">
        <v>70</v>
      </c>
      <c r="D26606" s="14" t="s">
        <v>171</v>
      </c>
      <c r="E26606" s="15">
        <v>45702</v>
      </c>
      <c r="F26606" s="14" t="s">
        <v>15</v>
      </c>
      <c r="G26606" s="16">
        <v>3.1468808398636461</v>
      </c>
    </row>
    <row r="26607" spans="1:7" x14ac:dyDescent="0.3">
      <c r="A26607" s="13" t="s">
        <v>170</v>
      </c>
      <c r="B26607" s="14" t="s">
        <v>1</v>
      </c>
      <c r="C26607" s="14" t="s">
        <v>70</v>
      </c>
      <c r="D26607" s="14" t="s">
        <v>171</v>
      </c>
      <c r="E26607" s="15">
        <v>45703</v>
      </c>
      <c r="F26607" s="14" t="s">
        <v>15</v>
      </c>
      <c r="G26607" s="16">
        <v>3.1468808398636461</v>
      </c>
    </row>
    <row r="26608" spans="1:7" x14ac:dyDescent="0.3">
      <c r="A26608" s="13" t="s">
        <v>170</v>
      </c>
      <c r="B26608" s="14" t="s">
        <v>1</v>
      </c>
      <c r="C26608" s="14" t="s">
        <v>70</v>
      </c>
      <c r="D26608" s="14" t="s">
        <v>171</v>
      </c>
      <c r="E26608" s="15">
        <v>45704</v>
      </c>
      <c r="F26608" s="14" t="s">
        <v>15</v>
      </c>
      <c r="G26608" s="16">
        <v>3.1468808398636461</v>
      </c>
    </row>
    <row r="26609" spans="1:7" x14ac:dyDescent="0.3">
      <c r="A26609" s="13" t="s">
        <v>170</v>
      </c>
      <c r="B26609" s="14" t="s">
        <v>1</v>
      </c>
      <c r="C26609" s="14" t="s">
        <v>70</v>
      </c>
      <c r="D26609" s="14" t="s">
        <v>171</v>
      </c>
      <c r="E26609" s="15">
        <v>45705</v>
      </c>
      <c r="F26609" s="14" t="s">
        <v>15</v>
      </c>
      <c r="G26609" s="16">
        <v>3.1964814479674626</v>
      </c>
    </row>
    <row r="26610" spans="1:7" x14ac:dyDescent="0.3">
      <c r="A26610" s="13" t="s">
        <v>170</v>
      </c>
      <c r="B26610" s="14" t="s">
        <v>1</v>
      </c>
      <c r="C26610" s="14" t="s">
        <v>70</v>
      </c>
      <c r="D26610" s="14" t="s">
        <v>171</v>
      </c>
      <c r="E26610" s="15">
        <v>45706</v>
      </c>
      <c r="F26610" s="14" t="s">
        <v>15</v>
      </c>
      <c r="G26610" s="16">
        <v>3.2137497891965223</v>
      </c>
    </row>
    <row r="26611" spans="1:7" x14ac:dyDescent="0.3">
      <c r="A26611" s="13" t="s">
        <v>170</v>
      </c>
      <c r="B26611" s="14" t="s">
        <v>1</v>
      </c>
      <c r="C26611" s="14" t="s">
        <v>70</v>
      </c>
      <c r="D26611" s="14" t="s">
        <v>171</v>
      </c>
      <c r="E26611" s="15">
        <v>45707</v>
      </c>
      <c r="F26611" s="14" t="s">
        <v>15</v>
      </c>
      <c r="G26611" s="16">
        <v>3.2325782292680842</v>
      </c>
    </row>
    <row r="26612" spans="1:7" x14ac:dyDescent="0.3">
      <c r="A26612" s="13" t="s">
        <v>170</v>
      </c>
      <c r="B26612" s="14" t="s">
        <v>1</v>
      </c>
      <c r="C26612" s="14" t="s">
        <v>70</v>
      </c>
      <c r="D26612" s="14" t="s">
        <v>171</v>
      </c>
      <c r="E26612" s="15">
        <v>45708</v>
      </c>
      <c r="F26612" s="14" t="s">
        <v>15</v>
      </c>
      <c r="G26612" s="16">
        <v>3.238045399993827</v>
      </c>
    </row>
    <row r="26613" spans="1:7" x14ac:dyDescent="0.3">
      <c r="A26613" s="13" t="s">
        <v>170</v>
      </c>
      <c r="B26613" s="14" t="s">
        <v>1</v>
      </c>
      <c r="C26613" s="14" t="s">
        <v>70</v>
      </c>
      <c r="D26613" s="14" t="s">
        <v>171</v>
      </c>
      <c r="E26613" s="15">
        <v>45709</v>
      </c>
      <c r="F26613" s="14" t="s">
        <v>15</v>
      </c>
      <c r="G26613" s="16">
        <v>3.2443087730865883</v>
      </c>
    </row>
    <row r="26614" spans="1:7" x14ac:dyDescent="0.3">
      <c r="A26614" s="13" t="s">
        <v>170</v>
      </c>
      <c r="B26614" s="14" t="s">
        <v>1</v>
      </c>
      <c r="C26614" s="14" t="s">
        <v>70</v>
      </c>
      <c r="D26614" s="14" t="s">
        <v>171</v>
      </c>
      <c r="E26614" s="15">
        <v>45710</v>
      </c>
      <c r="F26614" s="14" t="s">
        <v>15</v>
      </c>
      <c r="G26614" s="16">
        <v>3.2443087730865883</v>
      </c>
    </row>
    <row r="26615" spans="1:7" x14ac:dyDescent="0.3">
      <c r="A26615" s="13" t="s">
        <v>170</v>
      </c>
      <c r="B26615" s="14" t="s">
        <v>1</v>
      </c>
      <c r="C26615" s="14" t="s">
        <v>70</v>
      </c>
      <c r="D26615" s="14" t="s">
        <v>171</v>
      </c>
      <c r="E26615" s="15">
        <v>45711</v>
      </c>
      <c r="F26615" s="14" t="s">
        <v>15</v>
      </c>
      <c r="G26615" s="16">
        <v>3.2443087730865883</v>
      </c>
    </row>
    <row r="26616" spans="1:7" x14ac:dyDescent="0.3">
      <c r="A26616" s="13" t="s">
        <v>170</v>
      </c>
      <c r="B26616" s="14" t="s">
        <v>1</v>
      </c>
      <c r="C26616" s="14" t="s">
        <v>70</v>
      </c>
      <c r="D26616" s="14" t="s">
        <v>171</v>
      </c>
      <c r="E26616" s="15">
        <v>45712</v>
      </c>
      <c r="F26616" s="14" t="s">
        <v>15</v>
      </c>
      <c r="G26616" s="16">
        <v>3.250031113535313</v>
      </c>
    </row>
    <row r="26617" spans="1:7" x14ac:dyDescent="0.3">
      <c r="A26617" s="13" t="s">
        <v>170</v>
      </c>
      <c r="B26617" s="14" t="s">
        <v>1</v>
      </c>
      <c r="C26617" s="14" t="s">
        <v>70</v>
      </c>
      <c r="D26617" s="14" t="s">
        <v>171</v>
      </c>
      <c r="E26617" s="15">
        <v>45713</v>
      </c>
      <c r="F26617" s="14" t="s">
        <v>15</v>
      </c>
      <c r="G26617" s="16">
        <v>3.2671184689404682</v>
      </c>
    </row>
    <row r="26618" spans="1:7" x14ac:dyDescent="0.3">
      <c r="A26618" s="13" t="s">
        <v>170</v>
      </c>
      <c r="B26618" s="14" t="s">
        <v>1</v>
      </c>
      <c r="C26618" s="14" t="s">
        <v>70</v>
      </c>
      <c r="D26618" s="14" t="s">
        <v>171</v>
      </c>
      <c r="E26618" s="15">
        <v>45714</v>
      </c>
      <c r="F26618" s="14" t="s">
        <v>15</v>
      </c>
      <c r="G26618" s="16">
        <v>3.2727588741570419</v>
      </c>
    </row>
    <row r="26619" spans="1:7" x14ac:dyDescent="0.3">
      <c r="A26619" s="13" t="s">
        <v>170</v>
      </c>
      <c r="B26619" s="14" t="s">
        <v>1</v>
      </c>
      <c r="C26619" s="14" t="s">
        <v>70</v>
      </c>
      <c r="D26619" s="14" t="s">
        <v>171</v>
      </c>
      <c r="E26619" s="15">
        <v>45715</v>
      </c>
      <c r="F26619" s="14" t="s">
        <v>15</v>
      </c>
      <c r="G26619" s="16">
        <v>3.2800914109902113</v>
      </c>
    </row>
    <row r="26620" spans="1:7" x14ac:dyDescent="0.3">
      <c r="A26620" s="13" t="s">
        <v>170</v>
      </c>
      <c r="B26620" s="14" t="s">
        <v>1</v>
      </c>
      <c r="C26620" s="14" t="s">
        <v>70</v>
      </c>
      <c r="D26620" s="14" t="s">
        <v>171</v>
      </c>
      <c r="E26620" s="15">
        <v>45716</v>
      </c>
      <c r="F26620" s="14" t="s">
        <v>15</v>
      </c>
      <c r="G26620" s="16">
        <v>3.2903177961781735</v>
      </c>
    </row>
    <row r="26621" spans="1:7" x14ac:dyDescent="0.3">
      <c r="A26621" s="13" t="s">
        <v>170</v>
      </c>
      <c r="B26621" s="14" t="s">
        <v>1</v>
      </c>
      <c r="C26621" s="14" t="s">
        <v>70</v>
      </c>
      <c r="D26621" s="14" t="s">
        <v>171</v>
      </c>
      <c r="E26621" s="15">
        <v>45717</v>
      </c>
      <c r="F26621" s="14" t="s">
        <v>15</v>
      </c>
      <c r="G26621" s="16">
        <v>3.2903177961781735</v>
      </c>
    </row>
    <row r="26622" spans="1:7" x14ac:dyDescent="0.3">
      <c r="A26622" s="13" t="s">
        <v>170</v>
      </c>
      <c r="B26622" s="14" t="s">
        <v>1</v>
      </c>
      <c r="C26622" s="14" t="s">
        <v>70</v>
      </c>
      <c r="D26622" s="14" t="s">
        <v>171</v>
      </c>
      <c r="E26622" s="15">
        <v>45718</v>
      </c>
      <c r="F26622" s="14" t="s">
        <v>15</v>
      </c>
      <c r="G26622" s="16">
        <v>3.2903177961781735</v>
      </c>
    </row>
    <row r="26623" spans="1:7" x14ac:dyDescent="0.3">
      <c r="A26623" s="13" t="s">
        <v>170</v>
      </c>
      <c r="B26623" s="14" t="s">
        <v>1</v>
      </c>
      <c r="C26623" s="14" t="s">
        <v>70</v>
      </c>
      <c r="D26623" s="14" t="s">
        <v>171</v>
      </c>
      <c r="E26623" s="15">
        <v>45719</v>
      </c>
      <c r="F26623" s="14" t="s">
        <v>15</v>
      </c>
      <c r="G26623" s="16">
        <v>3.3200065821984928</v>
      </c>
    </row>
    <row r="26624" spans="1:7" x14ac:dyDescent="0.3">
      <c r="A26624" s="13" t="s">
        <v>170</v>
      </c>
      <c r="B26624" s="14" t="s">
        <v>1</v>
      </c>
      <c r="C26624" s="14" t="s">
        <v>70</v>
      </c>
      <c r="D26624" s="14" t="s">
        <v>171</v>
      </c>
      <c r="E26624" s="15">
        <v>45720</v>
      </c>
      <c r="F26624" s="14" t="s">
        <v>15</v>
      </c>
      <c r="G26624" s="16">
        <v>3.3384077105260048</v>
      </c>
    </row>
    <row r="26625" spans="1:7" x14ac:dyDescent="0.3">
      <c r="A26625" s="13" t="s">
        <v>170</v>
      </c>
      <c r="B26625" s="14" t="s">
        <v>1</v>
      </c>
      <c r="C26625" s="14" t="s">
        <v>70</v>
      </c>
      <c r="D26625" s="14" t="s">
        <v>171</v>
      </c>
      <c r="E26625" s="15">
        <v>45721</v>
      </c>
      <c r="F26625" s="14" t="s">
        <v>15</v>
      </c>
      <c r="G26625" s="16">
        <v>3.3440910862198847</v>
      </c>
    </row>
    <row r="26626" spans="1:7" x14ac:dyDescent="0.3">
      <c r="A26626" s="13" t="s">
        <v>170</v>
      </c>
      <c r="B26626" s="14" t="s">
        <v>1</v>
      </c>
      <c r="C26626" s="14" t="s">
        <v>70</v>
      </c>
      <c r="D26626" s="14" t="s">
        <v>171</v>
      </c>
      <c r="E26626" s="15">
        <v>45722</v>
      </c>
      <c r="F26626" s="14" t="s">
        <v>15</v>
      </c>
      <c r="G26626" s="16">
        <v>3.352694588369828</v>
      </c>
    </row>
    <row r="26627" spans="1:7" x14ac:dyDescent="0.3">
      <c r="A26627" s="13" t="s">
        <v>170</v>
      </c>
      <c r="B26627" s="14" t="s">
        <v>1</v>
      </c>
      <c r="C26627" s="14" t="s">
        <v>70</v>
      </c>
      <c r="D26627" s="14" t="s">
        <v>171</v>
      </c>
      <c r="E26627" s="15">
        <v>45723</v>
      </c>
      <c r="F26627" s="14" t="s">
        <v>15</v>
      </c>
      <c r="G26627" s="16">
        <v>3.4003602053388482</v>
      </c>
    </row>
    <row r="26628" spans="1:7" x14ac:dyDescent="0.3">
      <c r="A26628" s="13" t="s">
        <v>170</v>
      </c>
      <c r="B26628" s="14" t="s">
        <v>1</v>
      </c>
      <c r="C26628" s="14" t="s">
        <v>70</v>
      </c>
      <c r="D26628" s="14" t="s">
        <v>171</v>
      </c>
      <c r="E26628" s="15">
        <v>45724</v>
      </c>
      <c r="F26628" s="14" t="s">
        <v>15</v>
      </c>
      <c r="G26628" s="16">
        <v>3.4003602053388482</v>
      </c>
    </row>
    <row r="26629" spans="1:7" x14ac:dyDescent="0.3">
      <c r="A26629" s="13" t="s">
        <v>170</v>
      </c>
      <c r="B26629" s="14" t="s">
        <v>1</v>
      </c>
      <c r="C26629" s="14" t="s">
        <v>70</v>
      </c>
      <c r="D26629" s="14" t="s">
        <v>171</v>
      </c>
      <c r="E26629" s="15">
        <v>45725</v>
      </c>
      <c r="F26629" s="14" t="s">
        <v>15</v>
      </c>
      <c r="G26629" s="16">
        <v>3.4003602053388482</v>
      </c>
    </row>
    <row r="26630" spans="1:7" x14ac:dyDescent="0.3">
      <c r="A26630" s="13" t="s">
        <v>170</v>
      </c>
      <c r="B26630" s="14" t="s">
        <v>1</v>
      </c>
      <c r="C26630" s="14" t="s">
        <v>70</v>
      </c>
      <c r="D26630" s="14" t="s">
        <v>171</v>
      </c>
      <c r="E26630" s="15">
        <v>45726</v>
      </c>
      <c r="F26630" s="14" t="s">
        <v>15</v>
      </c>
      <c r="G26630" s="16">
        <v>3.410425873452223</v>
      </c>
    </row>
    <row r="26631" spans="1:7" x14ac:dyDescent="0.3">
      <c r="A26631" s="13" t="s">
        <v>170</v>
      </c>
      <c r="B26631" s="14" t="s">
        <v>1</v>
      </c>
      <c r="C26631" s="14" t="s">
        <v>70</v>
      </c>
      <c r="D26631" s="14" t="s">
        <v>171</v>
      </c>
      <c r="E26631" s="15">
        <v>45727</v>
      </c>
      <c r="F26631" s="14" t="s">
        <v>15</v>
      </c>
      <c r="G26631" s="16">
        <v>3.4306669667030487</v>
      </c>
    </row>
    <row r="26632" spans="1:7" x14ac:dyDescent="0.3">
      <c r="A26632" s="13" t="s">
        <v>170</v>
      </c>
      <c r="B26632" s="14" t="s">
        <v>1</v>
      </c>
      <c r="C26632" s="14" t="s">
        <v>70</v>
      </c>
      <c r="D26632" s="14" t="s">
        <v>171</v>
      </c>
      <c r="E26632" s="15">
        <v>45728</v>
      </c>
      <c r="F26632" s="14" t="s">
        <v>15</v>
      </c>
      <c r="G26632" s="16">
        <v>3.4474740233856607</v>
      </c>
    </row>
    <row r="26633" spans="1:7" x14ac:dyDescent="0.3">
      <c r="A26633" s="13" t="s">
        <v>170</v>
      </c>
      <c r="B26633" s="14" t="s">
        <v>1</v>
      </c>
      <c r="C26633" s="14" t="s">
        <v>70</v>
      </c>
      <c r="D26633" s="14" t="s">
        <v>171</v>
      </c>
      <c r="E26633" s="15">
        <v>45729</v>
      </c>
      <c r="F26633" s="14" t="s">
        <v>15</v>
      </c>
      <c r="G26633" s="16">
        <v>3.4533766944398363</v>
      </c>
    </row>
    <row r="26634" spans="1:7" x14ac:dyDescent="0.3">
      <c r="A26634" s="13" t="s">
        <v>170</v>
      </c>
      <c r="B26634" s="14" t="s">
        <v>1</v>
      </c>
      <c r="C26634" s="14" t="s">
        <v>70</v>
      </c>
      <c r="D26634" s="14" t="s">
        <v>171</v>
      </c>
      <c r="E26634" s="15">
        <v>45730</v>
      </c>
      <c r="F26634" s="14" t="s">
        <v>15</v>
      </c>
      <c r="G26634" s="16">
        <v>3.4684963965642077</v>
      </c>
    </row>
    <row r="26635" spans="1:7" x14ac:dyDescent="0.3">
      <c r="A26635" s="13" t="s">
        <v>170</v>
      </c>
      <c r="B26635" s="14" t="s">
        <v>1</v>
      </c>
      <c r="C26635" s="14" t="s">
        <v>70</v>
      </c>
      <c r="D26635" s="14" t="s">
        <v>171</v>
      </c>
      <c r="E26635" s="15">
        <v>45731</v>
      </c>
      <c r="F26635" s="14" t="s">
        <v>15</v>
      </c>
      <c r="G26635" s="16">
        <v>3.4684963965642077</v>
      </c>
    </row>
    <row r="26636" spans="1:7" x14ac:dyDescent="0.3">
      <c r="A26636" s="13" t="s">
        <v>170</v>
      </c>
      <c r="B26636" s="14" t="s">
        <v>1</v>
      </c>
      <c r="C26636" s="14" t="s">
        <v>70</v>
      </c>
      <c r="D26636" s="14" t="s">
        <v>171</v>
      </c>
      <c r="E26636" s="15">
        <v>45732</v>
      </c>
      <c r="F26636" s="14" t="s">
        <v>15</v>
      </c>
      <c r="G26636" s="16">
        <v>3.4684963965642077</v>
      </c>
    </row>
    <row r="26637" spans="1:7" x14ac:dyDescent="0.3">
      <c r="A26637" s="13" t="s">
        <v>170</v>
      </c>
      <c r="B26637" s="14" t="s">
        <v>1</v>
      </c>
      <c r="C26637" s="14" t="s">
        <v>70</v>
      </c>
      <c r="D26637" s="14" t="s">
        <v>171</v>
      </c>
      <c r="E26637" s="15">
        <v>45733</v>
      </c>
      <c r="F26637" s="14" t="s">
        <v>15</v>
      </c>
      <c r="G26637" s="16">
        <v>3.4684963965642077</v>
      </c>
    </row>
    <row r="26638" spans="1:7" x14ac:dyDescent="0.3">
      <c r="A26638" s="13" t="s">
        <v>170</v>
      </c>
      <c r="B26638" s="14" t="s">
        <v>1</v>
      </c>
      <c r="C26638" s="14" t="s">
        <v>70</v>
      </c>
      <c r="D26638" s="14" t="s">
        <v>171</v>
      </c>
      <c r="E26638" s="15">
        <v>45734</v>
      </c>
      <c r="F26638" s="14" t="s">
        <v>15</v>
      </c>
      <c r="G26638" s="16">
        <v>3.4801747996219632</v>
      </c>
    </row>
    <row r="26639" spans="1:7" x14ac:dyDescent="0.3">
      <c r="A26639" s="13" t="s">
        <v>170</v>
      </c>
      <c r="B26639" s="14" t="s">
        <v>1</v>
      </c>
      <c r="C26639" s="14" t="s">
        <v>70</v>
      </c>
      <c r="D26639" s="14" t="s">
        <v>171</v>
      </c>
      <c r="E26639" s="15">
        <v>45735</v>
      </c>
      <c r="F26639" s="14" t="s">
        <v>15</v>
      </c>
      <c r="G26639" s="16">
        <v>3.5113148060552466</v>
      </c>
    </row>
    <row r="26640" spans="1:7" x14ac:dyDescent="0.3">
      <c r="A26640" s="13" t="s">
        <v>170</v>
      </c>
      <c r="B26640" s="14" t="s">
        <v>1</v>
      </c>
      <c r="C26640" s="14" t="s">
        <v>70</v>
      </c>
      <c r="D26640" s="14" t="s">
        <v>171</v>
      </c>
      <c r="E26640" s="15">
        <v>45736</v>
      </c>
      <c r="F26640" s="14" t="s">
        <v>15</v>
      </c>
      <c r="G26640" s="16">
        <v>3.5171029137543521</v>
      </c>
    </row>
    <row r="26641" spans="1:7" x14ac:dyDescent="0.3">
      <c r="A26641" s="13" t="s">
        <v>170</v>
      </c>
      <c r="B26641" s="14" t="s">
        <v>1</v>
      </c>
      <c r="C26641" s="14" t="s">
        <v>70</v>
      </c>
      <c r="D26641" s="14" t="s">
        <v>171</v>
      </c>
      <c r="E26641" s="15">
        <v>45737</v>
      </c>
      <c r="F26641" s="14" t="s">
        <v>15</v>
      </c>
      <c r="G26641" s="16">
        <v>3.5225680959963555</v>
      </c>
    </row>
    <row r="26642" spans="1:7" x14ac:dyDescent="0.3">
      <c r="A26642" s="13" t="s">
        <v>170</v>
      </c>
      <c r="B26642" s="14" t="s">
        <v>1</v>
      </c>
      <c r="C26642" s="14" t="s">
        <v>70</v>
      </c>
      <c r="D26642" s="14" t="s">
        <v>171</v>
      </c>
      <c r="E26642" s="15">
        <v>45738</v>
      </c>
      <c r="F26642" s="14" t="s">
        <v>15</v>
      </c>
      <c r="G26642" s="16">
        <v>3.5225680959963555</v>
      </c>
    </row>
    <row r="26643" spans="1:7" x14ac:dyDescent="0.3">
      <c r="A26643" s="13" t="s">
        <v>170</v>
      </c>
      <c r="B26643" s="14" t="s">
        <v>1</v>
      </c>
      <c r="C26643" s="14" t="s">
        <v>70</v>
      </c>
      <c r="D26643" s="14" t="s">
        <v>171</v>
      </c>
      <c r="E26643" s="15">
        <v>45739</v>
      </c>
      <c r="F26643" s="14" t="s">
        <v>15</v>
      </c>
      <c r="G26643" s="16">
        <v>3.5225680959963555</v>
      </c>
    </row>
    <row r="26644" spans="1:7" x14ac:dyDescent="0.3">
      <c r="A26644" s="13" t="s">
        <v>170</v>
      </c>
      <c r="B26644" s="14" t="s">
        <v>1</v>
      </c>
      <c r="C26644" s="14" t="s">
        <v>70</v>
      </c>
      <c r="D26644" s="14" t="s">
        <v>171</v>
      </c>
      <c r="E26644" s="15">
        <v>45740</v>
      </c>
      <c r="F26644" s="14" t="s">
        <v>15</v>
      </c>
      <c r="G26644" s="16">
        <v>3.5284129227850922</v>
      </c>
    </row>
    <row r="26645" spans="1:7" x14ac:dyDescent="0.3">
      <c r="A26645" s="13" t="s">
        <v>170</v>
      </c>
      <c r="B26645" s="14" t="s">
        <v>1</v>
      </c>
      <c r="C26645" s="14" t="s">
        <v>70</v>
      </c>
      <c r="D26645" s="14" t="s">
        <v>171</v>
      </c>
      <c r="E26645" s="15">
        <v>45741</v>
      </c>
      <c r="F26645" s="14" t="s">
        <v>15</v>
      </c>
      <c r="G26645" s="16">
        <v>3.5459192762328238</v>
      </c>
    </row>
    <row r="26646" spans="1:7" x14ac:dyDescent="0.3">
      <c r="A26646" s="13" t="s">
        <v>170</v>
      </c>
      <c r="B26646" s="14" t="s">
        <v>1</v>
      </c>
      <c r="C26646" s="14" t="s">
        <v>70</v>
      </c>
      <c r="D26646" s="14" t="s">
        <v>171</v>
      </c>
      <c r="E26646" s="15">
        <v>45742</v>
      </c>
      <c r="F26646" s="14" t="s">
        <v>15</v>
      </c>
      <c r="G26646" s="16">
        <v>3.5517007351657872</v>
      </c>
    </row>
    <row r="26647" spans="1:7" x14ac:dyDescent="0.3">
      <c r="A26647" s="13" t="s">
        <v>170</v>
      </c>
      <c r="B26647" s="14" t="s">
        <v>1</v>
      </c>
      <c r="C26647" s="14" t="s">
        <v>70</v>
      </c>
      <c r="D26647" s="14" t="s">
        <v>171</v>
      </c>
      <c r="E26647" s="15">
        <v>45743</v>
      </c>
      <c r="F26647" s="14" t="s">
        <v>15</v>
      </c>
      <c r="G26647" s="16">
        <v>3.564923902320206</v>
      </c>
    </row>
    <row r="26648" spans="1:7" x14ac:dyDescent="0.3">
      <c r="A26648" s="13" t="s">
        <v>170</v>
      </c>
      <c r="B26648" s="14" t="s">
        <v>1</v>
      </c>
      <c r="C26648" s="14" t="s">
        <v>70</v>
      </c>
      <c r="D26648" s="14" t="s">
        <v>171</v>
      </c>
      <c r="E26648" s="15">
        <v>45744</v>
      </c>
      <c r="F26648" s="14" t="s">
        <v>15</v>
      </c>
      <c r="G26648" s="16">
        <v>3.6694934446184684</v>
      </c>
    </row>
    <row r="26649" spans="1:7" x14ac:dyDescent="0.3">
      <c r="A26649" s="13" t="s">
        <v>170</v>
      </c>
      <c r="B26649" s="14" t="s">
        <v>1</v>
      </c>
      <c r="C26649" s="14" t="s">
        <v>70</v>
      </c>
      <c r="D26649" s="14" t="s">
        <v>171</v>
      </c>
      <c r="E26649" s="15">
        <v>45745</v>
      </c>
      <c r="F26649" s="14" t="s">
        <v>15</v>
      </c>
      <c r="G26649" s="16">
        <v>3.6694934446184684</v>
      </c>
    </row>
    <row r="26650" spans="1:7" x14ac:dyDescent="0.3">
      <c r="A26650" s="13" t="s">
        <v>170</v>
      </c>
      <c r="B26650" s="14" t="s">
        <v>1</v>
      </c>
      <c r="C26650" s="14" t="s">
        <v>70</v>
      </c>
      <c r="D26650" s="14" t="s">
        <v>171</v>
      </c>
      <c r="E26650" s="15">
        <v>45746</v>
      </c>
      <c r="F26650" s="14" t="s">
        <v>15</v>
      </c>
      <c r="G26650" s="16">
        <v>3.6694934446184684</v>
      </c>
    </row>
    <row r="26651" spans="1:7" x14ac:dyDescent="0.3">
      <c r="A26651" s="13" t="s">
        <v>170</v>
      </c>
      <c r="B26651" s="14" t="s">
        <v>1</v>
      </c>
      <c r="C26651" s="14" t="s">
        <v>70</v>
      </c>
      <c r="D26651" s="14" t="s">
        <v>171</v>
      </c>
      <c r="E26651" s="15">
        <v>45747</v>
      </c>
      <c r="F26651" s="14" t="s">
        <v>15</v>
      </c>
      <c r="G26651" s="16">
        <v>3.7202455211195176</v>
      </c>
    </row>
    <row r="26652" spans="1:7" x14ac:dyDescent="0.3">
      <c r="A26652" s="13" t="s">
        <v>172</v>
      </c>
      <c r="B26652" s="14" t="s">
        <v>1</v>
      </c>
      <c r="C26652" s="14" t="s">
        <v>23</v>
      </c>
      <c r="D26652" s="14" t="s">
        <v>173</v>
      </c>
      <c r="E26652" s="15">
        <v>45383</v>
      </c>
      <c r="F26652" s="14" t="s">
        <v>25</v>
      </c>
      <c r="G26652" s="16">
        <v>0</v>
      </c>
    </row>
    <row r="26653" spans="1:7" x14ac:dyDescent="0.3">
      <c r="A26653" s="13" t="s">
        <v>172</v>
      </c>
      <c r="B26653" s="14" t="s">
        <v>1</v>
      </c>
      <c r="C26653" s="14" t="s">
        <v>23</v>
      </c>
      <c r="D26653" s="14" t="s">
        <v>173</v>
      </c>
      <c r="E26653" s="15">
        <v>45384</v>
      </c>
      <c r="F26653" s="14" t="s">
        <v>25</v>
      </c>
      <c r="G26653" s="16">
        <v>0</v>
      </c>
    </row>
    <row r="26654" spans="1:7" x14ac:dyDescent="0.3">
      <c r="A26654" s="13" t="s">
        <v>172</v>
      </c>
      <c r="B26654" s="14" t="s">
        <v>1</v>
      </c>
      <c r="C26654" s="14" t="s">
        <v>23</v>
      </c>
      <c r="D26654" s="14" t="s">
        <v>173</v>
      </c>
      <c r="E26654" s="15">
        <v>45385</v>
      </c>
      <c r="F26654" s="14" t="s">
        <v>25</v>
      </c>
      <c r="G26654" s="16">
        <v>6.2606095303935072E-2</v>
      </c>
    </row>
    <row r="26655" spans="1:7" x14ac:dyDescent="0.3">
      <c r="A26655" s="13" t="s">
        <v>172</v>
      </c>
      <c r="B26655" s="14" t="s">
        <v>1</v>
      </c>
      <c r="C26655" s="14" t="s">
        <v>23</v>
      </c>
      <c r="D26655" s="14" t="s">
        <v>173</v>
      </c>
      <c r="E26655" s="15">
        <v>45386</v>
      </c>
      <c r="F26655" s="14" t="s">
        <v>25</v>
      </c>
      <c r="G26655" s="16">
        <v>7.8800268774857851E-2</v>
      </c>
    </row>
    <row r="26656" spans="1:7" x14ac:dyDescent="0.3">
      <c r="A26656" s="13" t="s">
        <v>172</v>
      </c>
      <c r="B26656" s="14" t="s">
        <v>1</v>
      </c>
      <c r="C26656" s="14" t="s">
        <v>23</v>
      </c>
      <c r="D26656" s="14" t="s">
        <v>173</v>
      </c>
      <c r="E26656" s="15">
        <v>45387</v>
      </c>
      <c r="F26656" s="14" t="s">
        <v>25</v>
      </c>
      <c r="G26656" s="16">
        <v>0.1054751966217333</v>
      </c>
    </row>
    <row r="26657" spans="1:7" x14ac:dyDescent="0.3">
      <c r="A26657" s="13" t="s">
        <v>172</v>
      </c>
      <c r="B26657" s="14" t="s">
        <v>1</v>
      </c>
      <c r="C26657" s="14" t="s">
        <v>23</v>
      </c>
      <c r="D26657" s="14" t="s">
        <v>173</v>
      </c>
      <c r="E26657" s="15">
        <v>45388</v>
      </c>
      <c r="F26657" s="14" t="s">
        <v>25</v>
      </c>
      <c r="G26657" s="16">
        <v>0.1054751966217333</v>
      </c>
    </row>
    <row r="26658" spans="1:7" x14ac:dyDescent="0.3">
      <c r="A26658" s="13" t="s">
        <v>172</v>
      </c>
      <c r="B26658" s="14" t="s">
        <v>1</v>
      </c>
      <c r="C26658" s="14" t="s">
        <v>23</v>
      </c>
      <c r="D26658" s="14" t="s">
        <v>173</v>
      </c>
      <c r="E26658" s="15">
        <v>45389</v>
      </c>
      <c r="F26658" s="14" t="s">
        <v>25</v>
      </c>
      <c r="G26658" s="16">
        <v>0.1054751966217333</v>
      </c>
    </row>
    <row r="26659" spans="1:7" x14ac:dyDescent="0.3">
      <c r="A26659" s="13" t="s">
        <v>172</v>
      </c>
      <c r="B26659" s="14" t="s">
        <v>1</v>
      </c>
      <c r="C26659" s="14" t="s">
        <v>23</v>
      </c>
      <c r="D26659" s="14" t="s">
        <v>173</v>
      </c>
      <c r="E26659" s="15">
        <v>45390</v>
      </c>
      <c r="F26659" s="14" t="s">
        <v>25</v>
      </c>
      <c r="G26659" s="16">
        <v>0.12033335365799579</v>
      </c>
    </row>
    <row r="26660" spans="1:7" x14ac:dyDescent="0.3">
      <c r="A26660" s="13" t="s">
        <v>172</v>
      </c>
      <c r="B26660" s="14" t="s">
        <v>1</v>
      </c>
      <c r="C26660" s="14" t="s">
        <v>23</v>
      </c>
      <c r="D26660" s="14" t="s">
        <v>173</v>
      </c>
      <c r="E26660" s="15">
        <v>45391</v>
      </c>
      <c r="F26660" s="14" t="s">
        <v>25</v>
      </c>
      <c r="G26660" s="16">
        <v>0.1632690012225417</v>
      </c>
    </row>
    <row r="26661" spans="1:7" x14ac:dyDescent="0.3">
      <c r="A26661" s="13" t="s">
        <v>172</v>
      </c>
      <c r="B26661" s="14" t="s">
        <v>1</v>
      </c>
      <c r="C26661" s="14" t="s">
        <v>23</v>
      </c>
      <c r="D26661" s="14" t="s">
        <v>173</v>
      </c>
      <c r="E26661" s="15">
        <v>45392</v>
      </c>
      <c r="F26661" s="14" t="s">
        <v>25</v>
      </c>
      <c r="G26661" s="16">
        <v>0.18241079550985778</v>
      </c>
    </row>
    <row r="26662" spans="1:7" x14ac:dyDescent="0.3">
      <c r="A26662" s="13" t="s">
        <v>172</v>
      </c>
      <c r="B26662" s="14" t="s">
        <v>1</v>
      </c>
      <c r="C26662" s="14" t="s">
        <v>23</v>
      </c>
      <c r="D26662" s="14" t="s">
        <v>173</v>
      </c>
      <c r="E26662" s="15">
        <v>45393</v>
      </c>
      <c r="F26662" s="14" t="s">
        <v>25</v>
      </c>
      <c r="G26662" s="16">
        <v>0.19754861141550961</v>
      </c>
    </row>
    <row r="26663" spans="1:7" x14ac:dyDescent="0.3">
      <c r="A26663" s="13" t="s">
        <v>172</v>
      </c>
      <c r="B26663" s="14" t="s">
        <v>1</v>
      </c>
      <c r="C26663" s="14" t="s">
        <v>23</v>
      </c>
      <c r="D26663" s="14" t="s">
        <v>173</v>
      </c>
      <c r="E26663" s="15">
        <v>45394</v>
      </c>
      <c r="F26663" s="14" t="s">
        <v>25</v>
      </c>
      <c r="G26663" s="16">
        <v>0.2128593074032625</v>
      </c>
    </row>
    <row r="26664" spans="1:7" x14ac:dyDescent="0.3">
      <c r="A26664" s="13" t="s">
        <v>172</v>
      </c>
      <c r="B26664" s="14" t="s">
        <v>1</v>
      </c>
      <c r="C26664" s="14" t="s">
        <v>23</v>
      </c>
      <c r="D26664" s="14" t="s">
        <v>173</v>
      </c>
      <c r="E26664" s="15">
        <v>45395</v>
      </c>
      <c r="F26664" s="14" t="s">
        <v>25</v>
      </c>
      <c r="G26664" s="16">
        <v>0.2128593074032625</v>
      </c>
    </row>
    <row r="26665" spans="1:7" x14ac:dyDescent="0.3">
      <c r="A26665" s="13" t="s">
        <v>172</v>
      </c>
      <c r="B26665" s="14" t="s">
        <v>1</v>
      </c>
      <c r="C26665" s="14" t="s">
        <v>23</v>
      </c>
      <c r="D26665" s="14" t="s">
        <v>173</v>
      </c>
      <c r="E26665" s="15">
        <v>45396</v>
      </c>
      <c r="F26665" s="14" t="s">
        <v>25</v>
      </c>
      <c r="G26665" s="16">
        <v>0.2128593074032625</v>
      </c>
    </row>
    <row r="26666" spans="1:7" x14ac:dyDescent="0.3">
      <c r="A26666" s="13" t="s">
        <v>172</v>
      </c>
      <c r="B26666" s="14" t="s">
        <v>1</v>
      </c>
      <c r="C26666" s="14" t="s">
        <v>23</v>
      </c>
      <c r="D26666" s="14" t="s">
        <v>173</v>
      </c>
      <c r="E26666" s="15">
        <v>45397</v>
      </c>
      <c r="F26666" s="14" t="s">
        <v>25</v>
      </c>
      <c r="G26666" s="16">
        <v>0.22792038298371106</v>
      </c>
    </row>
    <row r="26667" spans="1:7" x14ac:dyDescent="0.3">
      <c r="A26667" s="13" t="s">
        <v>172</v>
      </c>
      <c r="B26667" s="14" t="s">
        <v>1</v>
      </c>
      <c r="C26667" s="14" t="s">
        <v>23</v>
      </c>
      <c r="D26667" s="14" t="s">
        <v>173</v>
      </c>
      <c r="E26667" s="15">
        <v>45398</v>
      </c>
      <c r="F26667" s="14" t="s">
        <v>25</v>
      </c>
      <c r="G26667" s="16">
        <v>0.27071535632304838</v>
      </c>
    </row>
    <row r="26668" spans="1:7" x14ac:dyDescent="0.3">
      <c r="A26668" s="13" t="s">
        <v>172</v>
      </c>
      <c r="B26668" s="14" t="s">
        <v>1</v>
      </c>
      <c r="C26668" s="14" t="s">
        <v>23</v>
      </c>
      <c r="D26668" s="14" t="s">
        <v>173</v>
      </c>
      <c r="E26668" s="15">
        <v>45399</v>
      </c>
      <c r="F26668" s="14" t="s">
        <v>25</v>
      </c>
      <c r="G26668" s="16">
        <v>0.28415953188962362</v>
      </c>
    </row>
    <row r="26669" spans="1:7" x14ac:dyDescent="0.3">
      <c r="A26669" s="13" t="s">
        <v>172</v>
      </c>
      <c r="B26669" s="14" t="s">
        <v>1</v>
      </c>
      <c r="C26669" s="14" t="s">
        <v>23</v>
      </c>
      <c r="D26669" s="14" t="s">
        <v>173</v>
      </c>
      <c r="E26669" s="15">
        <v>45400</v>
      </c>
      <c r="F26669" s="14" t="s">
        <v>25</v>
      </c>
      <c r="G26669" s="16">
        <v>0.29876629306500641</v>
      </c>
    </row>
    <row r="26670" spans="1:7" x14ac:dyDescent="0.3">
      <c r="A26670" s="13" t="s">
        <v>172</v>
      </c>
      <c r="B26670" s="14" t="s">
        <v>1</v>
      </c>
      <c r="C26670" s="14" t="s">
        <v>23</v>
      </c>
      <c r="D26670" s="14" t="s">
        <v>173</v>
      </c>
      <c r="E26670" s="15">
        <v>45401</v>
      </c>
      <c r="F26670" s="14" t="s">
        <v>25</v>
      </c>
      <c r="G26670" s="16">
        <v>0.31223312482515275</v>
      </c>
    </row>
    <row r="26671" spans="1:7" x14ac:dyDescent="0.3">
      <c r="A26671" s="13" t="s">
        <v>172</v>
      </c>
      <c r="B26671" s="14" t="s">
        <v>1</v>
      </c>
      <c r="C26671" s="14" t="s">
        <v>23</v>
      </c>
      <c r="D26671" s="14" t="s">
        <v>173</v>
      </c>
      <c r="E26671" s="15">
        <v>45402</v>
      </c>
      <c r="F26671" s="14" t="s">
        <v>25</v>
      </c>
      <c r="G26671" s="16">
        <v>0.31223312482515275</v>
      </c>
    </row>
    <row r="26672" spans="1:7" x14ac:dyDescent="0.3">
      <c r="A26672" s="13" t="s">
        <v>172</v>
      </c>
      <c r="B26672" s="14" t="s">
        <v>1</v>
      </c>
      <c r="C26672" s="14" t="s">
        <v>23</v>
      </c>
      <c r="D26672" s="14" t="s">
        <v>173</v>
      </c>
      <c r="E26672" s="15">
        <v>45403</v>
      </c>
      <c r="F26672" s="14" t="s">
        <v>25</v>
      </c>
      <c r="G26672" s="16">
        <v>0.31223312482515275</v>
      </c>
    </row>
    <row r="26673" spans="1:7" x14ac:dyDescent="0.3">
      <c r="A26673" s="13" t="s">
        <v>172</v>
      </c>
      <c r="B26673" s="14" t="s">
        <v>1</v>
      </c>
      <c r="C26673" s="14" t="s">
        <v>23</v>
      </c>
      <c r="D26673" s="14" t="s">
        <v>173</v>
      </c>
      <c r="E26673" s="15">
        <v>45404</v>
      </c>
      <c r="F26673" s="14" t="s">
        <v>25</v>
      </c>
      <c r="G26673" s="16">
        <v>0.33414744896472764</v>
      </c>
    </row>
    <row r="26674" spans="1:7" x14ac:dyDescent="0.3">
      <c r="A26674" s="13" t="s">
        <v>172</v>
      </c>
      <c r="B26674" s="14" t="s">
        <v>1</v>
      </c>
      <c r="C26674" s="14" t="s">
        <v>23</v>
      </c>
      <c r="D26674" s="14" t="s">
        <v>173</v>
      </c>
      <c r="E26674" s="15">
        <v>45405</v>
      </c>
      <c r="F26674" s="14" t="s">
        <v>25</v>
      </c>
      <c r="G26674" s="16">
        <v>0.37012580594314048</v>
      </c>
    </row>
    <row r="26675" spans="1:7" x14ac:dyDescent="0.3">
      <c r="A26675" s="13" t="s">
        <v>172</v>
      </c>
      <c r="B26675" s="14" t="s">
        <v>1</v>
      </c>
      <c r="C26675" s="14" t="s">
        <v>23</v>
      </c>
      <c r="D26675" s="14" t="s">
        <v>173</v>
      </c>
      <c r="E26675" s="15">
        <v>45406</v>
      </c>
      <c r="F26675" s="14" t="s">
        <v>25</v>
      </c>
      <c r="G26675" s="16">
        <v>0.38286002285017851</v>
      </c>
    </row>
    <row r="26676" spans="1:7" x14ac:dyDescent="0.3">
      <c r="A26676" s="13" t="s">
        <v>172</v>
      </c>
      <c r="B26676" s="14" t="s">
        <v>1</v>
      </c>
      <c r="C26676" s="14" t="s">
        <v>23</v>
      </c>
      <c r="D26676" s="14" t="s">
        <v>173</v>
      </c>
      <c r="E26676" s="15">
        <v>45407</v>
      </c>
      <c r="F26676" s="14" t="s">
        <v>25</v>
      </c>
      <c r="G26676" s="16">
        <v>0.34611636031569404</v>
      </c>
    </row>
    <row r="26677" spans="1:7" x14ac:dyDescent="0.3">
      <c r="A26677" s="13" t="s">
        <v>172</v>
      </c>
      <c r="B26677" s="14" t="s">
        <v>1</v>
      </c>
      <c r="C26677" s="14" t="s">
        <v>23</v>
      </c>
      <c r="D26677" s="14" t="s">
        <v>173</v>
      </c>
      <c r="E26677" s="15">
        <v>45408</v>
      </c>
      <c r="F26677" s="14" t="s">
        <v>25</v>
      </c>
      <c r="G26677" s="16">
        <v>0.35989103678201995</v>
      </c>
    </row>
    <row r="26678" spans="1:7" x14ac:dyDescent="0.3">
      <c r="A26678" s="13" t="s">
        <v>172</v>
      </c>
      <c r="B26678" s="14" t="s">
        <v>1</v>
      </c>
      <c r="C26678" s="14" t="s">
        <v>23</v>
      </c>
      <c r="D26678" s="14" t="s">
        <v>173</v>
      </c>
      <c r="E26678" s="15">
        <v>45409</v>
      </c>
      <c r="F26678" s="14" t="s">
        <v>25</v>
      </c>
      <c r="G26678" s="16">
        <v>0.35989103678201995</v>
      </c>
    </row>
    <row r="26679" spans="1:7" x14ac:dyDescent="0.3">
      <c r="A26679" s="13" t="s">
        <v>172</v>
      </c>
      <c r="B26679" s="14" t="s">
        <v>1</v>
      </c>
      <c r="C26679" s="14" t="s">
        <v>23</v>
      </c>
      <c r="D26679" s="14" t="s">
        <v>173</v>
      </c>
      <c r="E26679" s="15">
        <v>45410</v>
      </c>
      <c r="F26679" s="14" t="s">
        <v>25</v>
      </c>
      <c r="G26679" s="16">
        <v>0.35989103678201995</v>
      </c>
    </row>
    <row r="26680" spans="1:7" x14ac:dyDescent="0.3">
      <c r="A26680" s="13" t="s">
        <v>172</v>
      </c>
      <c r="B26680" s="14" t="s">
        <v>1</v>
      </c>
      <c r="C26680" s="14" t="s">
        <v>23</v>
      </c>
      <c r="D26680" s="14" t="s">
        <v>173</v>
      </c>
      <c r="E26680" s="15">
        <v>45411</v>
      </c>
      <c r="F26680" s="14" t="s">
        <v>25</v>
      </c>
      <c r="G26680" s="16">
        <v>0.37293356392580185</v>
      </c>
    </row>
    <row r="26681" spans="1:7" x14ac:dyDescent="0.3">
      <c r="A26681" s="13" t="s">
        <v>172</v>
      </c>
      <c r="B26681" s="14" t="s">
        <v>1</v>
      </c>
      <c r="C26681" s="14" t="s">
        <v>23</v>
      </c>
      <c r="D26681" s="14" t="s">
        <v>173</v>
      </c>
      <c r="E26681" s="15">
        <v>45412</v>
      </c>
      <c r="F26681" s="14" t="s">
        <v>25</v>
      </c>
      <c r="G26681" s="16">
        <v>0.42080794862682125</v>
      </c>
    </row>
    <row r="26682" spans="1:7" x14ac:dyDescent="0.3">
      <c r="A26682" s="13" t="s">
        <v>172</v>
      </c>
      <c r="B26682" s="14" t="s">
        <v>1</v>
      </c>
      <c r="C26682" s="14" t="s">
        <v>23</v>
      </c>
      <c r="D26682" s="14" t="s">
        <v>173</v>
      </c>
      <c r="E26682" s="15">
        <v>45413</v>
      </c>
      <c r="F26682" s="14" t="s">
        <v>25</v>
      </c>
      <c r="G26682" s="16">
        <v>0.43360324073145534</v>
      </c>
    </row>
    <row r="26683" spans="1:7" x14ac:dyDescent="0.3">
      <c r="A26683" s="13" t="s">
        <v>172</v>
      </c>
      <c r="B26683" s="14" t="s">
        <v>1</v>
      </c>
      <c r="C26683" s="14" t="s">
        <v>23</v>
      </c>
      <c r="D26683" s="14" t="s">
        <v>173</v>
      </c>
      <c r="E26683" s="15">
        <v>45414</v>
      </c>
      <c r="F26683" s="14" t="s">
        <v>25</v>
      </c>
      <c r="G26683" s="16">
        <v>0.44608661229999247</v>
      </c>
    </row>
    <row r="26684" spans="1:7" x14ac:dyDescent="0.3">
      <c r="A26684" s="13" t="s">
        <v>172</v>
      </c>
      <c r="B26684" s="14" t="s">
        <v>1</v>
      </c>
      <c r="C26684" s="14" t="s">
        <v>23</v>
      </c>
      <c r="D26684" s="14" t="s">
        <v>173</v>
      </c>
      <c r="E26684" s="15">
        <v>45415</v>
      </c>
      <c r="F26684" s="14" t="s">
        <v>25</v>
      </c>
      <c r="G26684" s="16">
        <v>0.45798761810055733</v>
      </c>
    </row>
    <row r="26685" spans="1:7" x14ac:dyDescent="0.3">
      <c r="A26685" s="13" t="s">
        <v>172</v>
      </c>
      <c r="B26685" s="14" t="s">
        <v>1</v>
      </c>
      <c r="C26685" s="14" t="s">
        <v>23</v>
      </c>
      <c r="D26685" s="14" t="s">
        <v>173</v>
      </c>
      <c r="E26685" s="15">
        <v>45416</v>
      </c>
      <c r="F26685" s="14" t="s">
        <v>25</v>
      </c>
      <c r="G26685" s="16">
        <v>0.45798761810055733</v>
      </c>
    </row>
    <row r="26686" spans="1:7" x14ac:dyDescent="0.3">
      <c r="A26686" s="13" t="s">
        <v>172</v>
      </c>
      <c r="B26686" s="14" t="s">
        <v>1</v>
      </c>
      <c r="C26686" s="14" t="s">
        <v>23</v>
      </c>
      <c r="D26686" s="14" t="s">
        <v>173</v>
      </c>
      <c r="E26686" s="15">
        <v>45417</v>
      </c>
      <c r="F26686" s="14" t="s">
        <v>25</v>
      </c>
      <c r="G26686" s="16">
        <v>0.45798761810055733</v>
      </c>
    </row>
    <row r="26687" spans="1:7" x14ac:dyDescent="0.3">
      <c r="A26687" s="13" t="s">
        <v>172</v>
      </c>
      <c r="B26687" s="14" t="s">
        <v>1</v>
      </c>
      <c r="C26687" s="14" t="s">
        <v>23</v>
      </c>
      <c r="D26687" s="14" t="s">
        <v>173</v>
      </c>
      <c r="E26687" s="15">
        <v>45418</v>
      </c>
      <c r="F26687" s="14" t="s">
        <v>25</v>
      </c>
      <c r="G26687" s="16">
        <v>0.45798761810055733</v>
      </c>
    </row>
    <row r="26688" spans="1:7" x14ac:dyDescent="0.3">
      <c r="A26688" s="13" t="s">
        <v>172</v>
      </c>
      <c r="B26688" s="14" t="s">
        <v>1</v>
      </c>
      <c r="C26688" s="14" t="s">
        <v>23</v>
      </c>
      <c r="D26688" s="14" t="s">
        <v>173</v>
      </c>
      <c r="E26688" s="15">
        <v>45419</v>
      </c>
      <c r="F26688" s="14" t="s">
        <v>25</v>
      </c>
      <c r="G26688" s="16">
        <v>0.47333531503430232</v>
      </c>
    </row>
    <row r="26689" spans="1:7" x14ac:dyDescent="0.3">
      <c r="A26689" s="13" t="s">
        <v>172</v>
      </c>
      <c r="B26689" s="14" t="s">
        <v>1</v>
      </c>
      <c r="C26689" s="14" t="s">
        <v>23</v>
      </c>
      <c r="D26689" s="14" t="s">
        <v>173</v>
      </c>
      <c r="E26689" s="15">
        <v>45420</v>
      </c>
      <c r="F26689" s="14" t="s">
        <v>25</v>
      </c>
      <c r="G26689" s="16">
        <v>0.5464176093771842</v>
      </c>
    </row>
    <row r="26690" spans="1:7" x14ac:dyDescent="0.3">
      <c r="A26690" s="13" t="s">
        <v>172</v>
      </c>
      <c r="B26690" s="14" t="s">
        <v>1</v>
      </c>
      <c r="C26690" s="14" t="s">
        <v>23</v>
      </c>
      <c r="D26690" s="14" t="s">
        <v>173</v>
      </c>
      <c r="E26690" s="15">
        <v>45421</v>
      </c>
      <c r="F26690" s="14" t="s">
        <v>25</v>
      </c>
      <c r="G26690" s="16">
        <v>0.55985039058556707</v>
      </c>
    </row>
    <row r="26691" spans="1:7" x14ac:dyDescent="0.3">
      <c r="A26691" s="13" t="s">
        <v>172</v>
      </c>
      <c r="B26691" s="14" t="s">
        <v>1</v>
      </c>
      <c r="C26691" s="14" t="s">
        <v>23</v>
      </c>
      <c r="D26691" s="14" t="s">
        <v>173</v>
      </c>
      <c r="E26691" s="15">
        <v>45422</v>
      </c>
      <c r="F26691" s="14" t="s">
        <v>25</v>
      </c>
      <c r="G26691" s="16">
        <v>0.57458284210518229</v>
      </c>
    </row>
    <row r="26692" spans="1:7" x14ac:dyDescent="0.3">
      <c r="A26692" s="13" t="s">
        <v>172</v>
      </c>
      <c r="B26692" s="14" t="s">
        <v>1</v>
      </c>
      <c r="C26692" s="14" t="s">
        <v>23</v>
      </c>
      <c r="D26692" s="14" t="s">
        <v>173</v>
      </c>
      <c r="E26692" s="15">
        <v>45423</v>
      </c>
      <c r="F26692" s="14" t="s">
        <v>25</v>
      </c>
      <c r="G26692" s="16">
        <v>0.57458284210518229</v>
      </c>
    </row>
    <row r="26693" spans="1:7" x14ac:dyDescent="0.3">
      <c r="A26693" s="13" t="s">
        <v>172</v>
      </c>
      <c r="B26693" s="14" t="s">
        <v>1</v>
      </c>
      <c r="C26693" s="14" t="s">
        <v>23</v>
      </c>
      <c r="D26693" s="14" t="s">
        <v>173</v>
      </c>
      <c r="E26693" s="15">
        <v>45424</v>
      </c>
      <c r="F26693" s="14" t="s">
        <v>25</v>
      </c>
      <c r="G26693" s="16">
        <v>0.57458284210518229</v>
      </c>
    </row>
    <row r="26694" spans="1:7" x14ac:dyDescent="0.3">
      <c r="A26694" s="13" t="s">
        <v>172</v>
      </c>
      <c r="B26694" s="14" t="s">
        <v>1</v>
      </c>
      <c r="C26694" s="14" t="s">
        <v>23</v>
      </c>
      <c r="D26694" s="14" t="s">
        <v>173</v>
      </c>
      <c r="E26694" s="15">
        <v>45425</v>
      </c>
      <c r="F26694" s="14" t="s">
        <v>25</v>
      </c>
      <c r="G26694" s="16">
        <v>0.59083696904476524</v>
      </c>
    </row>
    <row r="26695" spans="1:7" x14ac:dyDescent="0.3">
      <c r="A26695" s="13" t="s">
        <v>172</v>
      </c>
      <c r="B26695" s="14" t="s">
        <v>1</v>
      </c>
      <c r="C26695" s="14" t="s">
        <v>23</v>
      </c>
      <c r="D26695" s="14" t="s">
        <v>173</v>
      </c>
      <c r="E26695" s="15">
        <v>45426</v>
      </c>
      <c r="F26695" s="14" t="s">
        <v>25</v>
      </c>
      <c r="G26695" s="16">
        <v>0.63476990583486237</v>
      </c>
    </row>
    <row r="26696" spans="1:7" x14ac:dyDescent="0.3">
      <c r="A26696" s="13" t="s">
        <v>172</v>
      </c>
      <c r="B26696" s="14" t="s">
        <v>1</v>
      </c>
      <c r="C26696" s="14" t="s">
        <v>23</v>
      </c>
      <c r="D26696" s="14" t="s">
        <v>173</v>
      </c>
      <c r="E26696" s="15">
        <v>45427</v>
      </c>
      <c r="F26696" s="14" t="s">
        <v>25</v>
      </c>
      <c r="G26696" s="16">
        <v>0.64604718255408367</v>
      </c>
    </row>
    <row r="26697" spans="1:7" x14ac:dyDescent="0.3">
      <c r="A26697" s="13" t="s">
        <v>172</v>
      </c>
      <c r="B26697" s="14" t="s">
        <v>1</v>
      </c>
      <c r="C26697" s="14" t="s">
        <v>23</v>
      </c>
      <c r="D26697" s="14" t="s">
        <v>173</v>
      </c>
      <c r="E26697" s="15">
        <v>45428</v>
      </c>
      <c r="F26697" s="14" t="s">
        <v>25</v>
      </c>
      <c r="G26697" s="16">
        <v>0.66356651102476316</v>
      </c>
    </row>
    <row r="26698" spans="1:7" x14ac:dyDescent="0.3">
      <c r="A26698" s="13" t="s">
        <v>172</v>
      </c>
      <c r="B26698" s="14" t="s">
        <v>1</v>
      </c>
      <c r="C26698" s="14" t="s">
        <v>23</v>
      </c>
      <c r="D26698" s="14" t="s">
        <v>173</v>
      </c>
      <c r="E26698" s="15">
        <v>45429</v>
      </c>
      <c r="F26698" s="14" t="s">
        <v>25</v>
      </c>
      <c r="G26698" s="16">
        <v>0.68039576972122873</v>
      </c>
    </row>
    <row r="26699" spans="1:7" x14ac:dyDescent="0.3">
      <c r="A26699" s="13" t="s">
        <v>172</v>
      </c>
      <c r="B26699" s="14" t="s">
        <v>1</v>
      </c>
      <c r="C26699" s="14" t="s">
        <v>23</v>
      </c>
      <c r="D26699" s="14" t="s">
        <v>173</v>
      </c>
      <c r="E26699" s="15">
        <v>45430</v>
      </c>
      <c r="F26699" s="14" t="s">
        <v>25</v>
      </c>
      <c r="G26699" s="16">
        <v>0.68039576972122873</v>
      </c>
    </row>
    <row r="26700" spans="1:7" x14ac:dyDescent="0.3">
      <c r="A26700" s="13" t="s">
        <v>172</v>
      </c>
      <c r="B26700" s="14" t="s">
        <v>1</v>
      </c>
      <c r="C26700" s="14" t="s">
        <v>23</v>
      </c>
      <c r="D26700" s="14" t="s">
        <v>173</v>
      </c>
      <c r="E26700" s="15">
        <v>45431</v>
      </c>
      <c r="F26700" s="14" t="s">
        <v>25</v>
      </c>
      <c r="G26700" s="16">
        <v>0.68039576972122873</v>
      </c>
    </row>
    <row r="26701" spans="1:7" x14ac:dyDescent="0.3">
      <c r="A26701" s="13" t="s">
        <v>172</v>
      </c>
      <c r="B26701" s="14" t="s">
        <v>1</v>
      </c>
      <c r="C26701" s="14" t="s">
        <v>23</v>
      </c>
      <c r="D26701" s="14" t="s">
        <v>173</v>
      </c>
      <c r="E26701" s="15">
        <v>45432</v>
      </c>
      <c r="F26701" s="14" t="s">
        <v>25</v>
      </c>
      <c r="G26701" s="16">
        <v>0.69643649433992616</v>
      </c>
    </row>
    <row r="26702" spans="1:7" x14ac:dyDescent="0.3">
      <c r="A26702" s="13" t="s">
        <v>172</v>
      </c>
      <c r="B26702" s="14" t="s">
        <v>1</v>
      </c>
      <c r="C26702" s="14" t="s">
        <v>23</v>
      </c>
      <c r="D26702" s="14" t="s">
        <v>173</v>
      </c>
      <c r="E26702" s="15">
        <v>45433</v>
      </c>
      <c r="F26702" s="14" t="s">
        <v>25</v>
      </c>
      <c r="G26702" s="16">
        <v>0.74127410239576041</v>
      </c>
    </row>
    <row r="26703" spans="1:7" x14ac:dyDescent="0.3">
      <c r="A26703" s="13" t="s">
        <v>172</v>
      </c>
      <c r="B26703" s="14" t="s">
        <v>1</v>
      </c>
      <c r="C26703" s="14" t="s">
        <v>23</v>
      </c>
      <c r="D26703" s="14" t="s">
        <v>173</v>
      </c>
      <c r="E26703" s="15">
        <v>45434</v>
      </c>
      <c r="F26703" s="14" t="s">
        <v>25</v>
      </c>
      <c r="G26703" s="16">
        <v>0.75967232349288938</v>
      </c>
    </row>
    <row r="26704" spans="1:7" x14ac:dyDescent="0.3">
      <c r="A26704" s="13" t="s">
        <v>172</v>
      </c>
      <c r="B26704" s="14" t="s">
        <v>1</v>
      </c>
      <c r="C26704" s="14" t="s">
        <v>23</v>
      </c>
      <c r="D26704" s="14" t="s">
        <v>173</v>
      </c>
      <c r="E26704" s="15">
        <v>45435</v>
      </c>
      <c r="F26704" s="14" t="s">
        <v>25</v>
      </c>
      <c r="G26704" s="16">
        <v>0.77580454710796032</v>
      </c>
    </row>
    <row r="26705" spans="1:7" x14ac:dyDescent="0.3">
      <c r="A26705" s="13" t="s">
        <v>172</v>
      </c>
      <c r="B26705" s="14" t="s">
        <v>1</v>
      </c>
      <c r="C26705" s="14" t="s">
        <v>23</v>
      </c>
      <c r="D26705" s="14" t="s">
        <v>173</v>
      </c>
      <c r="E26705" s="15">
        <v>45436</v>
      </c>
      <c r="F26705" s="14" t="s">
        <v>25</v>
      </c>
      <c r="G26705" s="16">
        <v>0.79057975946599379</v>
      </c>
    </row>
    <row r="26706" spans="1:7" x14ac:dyDescent="0.3">
      <c r="A26706" s="13" t="s">
        <v>172</v>
      </c>
      <c r="B26706" s="14" t="s">
        <v>1</v>
      </c>
      <c r="C26706" s="14" t="s">
        <v>23</v>
      </c>
      <c r="D26706" s="14" t="s">
        <v>173</v>
      </c>
      <c r="E26706" s="15">
        <v>45437</v>
      </c>
      <c r="F26706" s="14" t="s">
        <v>25</v>
      </c>
      <c r="G26706" s="16">
        <v>0.79057975946599379</v>
      </c>
    </row>
    <row r="26707" spans="1:7" x14ac:dyDescent="0.3">
      <c r="A26707" s="13" t="s">
        <v>172</v>
      </c>
      <c r="B26707" s="14" t="s">
        <v>1</v>
      </c>
      <c r="C26707" s="14" t="s">
        <v>23</v>
      </c>
      <c r="D26707" s="14" t="s">
        <v>173</v>
      </c>
      <c r="E26707" s="15">
        <v>45438</v>
      </c>
      <c r="F26707" s="14" t="s">
        <v>25</v>
      </c>
      <c r="G26707" s="16">
        <v>0.79057975946599379</v>
      </c>
    </row>
    <row r="26708" spans="1:7" x14ac:dyDescent="0.3">
      <c r="A26708" s="13" t="s">
        <v>172</v>
      </c>
      <c r="B26708" s="14" t="s">
        <v>1</v>
      </c>
      <c r="C26708" s="14" t="s">
        <v>23</v>
      </c>
      <c r="D26708" s="14" t="s">
        <v>173</v>
      </c>
      <c r="E26708" s="15">
        <v>45439</v>
      </c>
      <c r="F26708" s="14" t="s">
        <v>25</v>
      </c>
      <c r="G26708" s="16">
        <v>0.79057975946599379</v>
      </c>
    </row>
    <row r="26709" spans="1:7" x14ac:dyDescent="0.3">
      <c r="A26709" s="13" t="s">
        <v>172</v>
      </c>
      <c r="B26709" s="14" t="s">
        <v>1</v>
      </c>
      <c r="C26709" s="14" t="s">
        <v>23</v>
      </c>
      <c r="D26709" s="14" t="s">
        <v>173</v>
      </c>
      <c r="E26709" s="15">
        <v>45440</v>
      </c>
      <c r="F26709" s="14" t="s">
        <v>25</v>
      </c>
      <c r="G26709" s="16">
        <v>0.80276678228471909</v>
      </c>
    </row>
    <row r="26710" spans="1:7" x14ac:dyDescent="0.3">
      <c r="A26710" s="13" t="s">
        <v>172</v>
      </c>
      <c r="B26710" s="14" t="s">
        <v>1</v>
      </c>
      <c r="C26710" s="14" t="s">
        <v>23</v>
      </c>
      <c r="D26710" s="14" t="s">
        <v>173</v>
      </c>
      <c r="E26710" s="15">
        <v>45441</v>
      </c>
      <c r="F26710" s="14" t="s">
        <v>25</v>
      </c>
      <c r="G26710" s="16">
        <v>0.85625288346177808</v>
      </c>
    </row>
    <row r="26711" spans="1:7" x14ac:dyDescent="0.3">
      <c r="A26711" s="13" t="s">
        <v>172</v>
      </c>
      <c r="B26711" s="14" t="s">
        <v>1</v>
      </c>
      <c r="C26711" s="14" t="s">
        <v>23</v>
      </c>
      <c r="D26711" s="14" t="s">
        <v>173</v>
      </c>
      <c r="E26711" s="15">
        <v>45442</v>
      </c>
      <c r="F26711" s="14" t="s">
        <v>25</v>
      </c>
      <c r="G26711" s="16">
        <v>0.86280539720349103</v>
      </c>
    </row>
    <row r="26712" spans="1:7" x14ac:dyDescent="0.3">
      <c r="A26712" s="13" t="s">
        <v>172</v>
      </c>
      <c r="B26712" s="14" t="s">
        <v>1</v>
      </c>
      <c r="C26712" s="14" t="s">
        <v>23</v>
      </c>
      <c r="D26712" s="14" t="s">
        <v>173</v>
      </c>
      <c r="E26712" s="15">
        <v>45443</v>
      </c>
      <c r="F26712" s="14" t="s">
        <v>25</v>
      </c>
      <c r="G26712" s="16">
        <v>0.8707866699885719</v>
      </c>
    </row>
    <row r="26713" spans="1:7" x14ac:dyDescent="0.3">
      <c r="A26713" s="13" t="s">
        <v>172</v>
      </c>
      <c r="B26713" s="14" t="s">
        <v>1</v>
      </c>
      <c r="C26713" s="14" t="s">
        <v>23</v>
      </c>
      <c r="D26713" s="14" t="s">
        <v>173</v>
      </c>
      <c r="E26713" s="15">
        <v>45444</v>
      </c>
      <c r="F26713" s="14" t="s">
        <v>25</v>
      </c>
      <c r="G26713" s="16">
        <v>0.8707866699885719</v>
      </c>
    </row>
    <row r="26714" spans="1:7" x14ac:dyDescent="0.3">
      <c r="A26714" s="13" t="s">
        <v>172</v>
      </c>
      <c r="B26714" s="14" t="s">
        <v>1</v>
      </c>
      <c r="C26714" s="14" t="s">
        <v>23</v>
      </c>
      <c r="D26714" s="14" t="s">
        <v>173</v>
      </c>
      <c r="E26714" s="15">
        <v>45445</v>
      </c>
      <c r="F26714" s="14" t="s">
        <v>25</v>
      </c>
      <c r="G26714" s="16">
        <v>0.8707866699885719</v>
      </c>
    </row>
    <row r="26715" spans="1:7" x14ac:dyDescent="0.3">
      <c r="A26715" s="13" t="s">
        <v>172</v>
      </c>
      <c r="B26715" s="14" t="s">
        <v>1</v>
      </c>
      <c r="C26715" s="14" t="s">
        <v>23</v>
      </c>
      <c r="D26715" s="14" t="s">
        <v>173</v>
      </c>
      <c r="E26715" s="15">
        <v>45446</v>
      </c>
      <c r="F26715" s="14" t="s">
        <v>25</v>
      </c>
      <c r="G26715" s="16">
        <v>0.8707866699885719</v>
      </c>
    </row>
    <row r="26716" spans="1:7" x14ac:dyDescent="0.3">
      <c r="A26716" s="13" t="s">
        <v>172</v>
      </c>
      <c r="B26716" s="14" t="s">
        <v>1</v>
      </c>
      <c r="C26716" s="14" t="s">
        <v>23</v>
      </c>
      <c r="D26716" s="14" t="s">
        <v>173</v>
      </c>
      <c r="E26716" s="15">
        <v>45447</v>
      </c>
      <c r="F26716" s="14" t="s">
        <v>25</v>
      </c>
      <c r="G26716" s="16">
        <v>0.87603759573817042</v>
      </c>
    </row>
    <row r="26717" spans="1:7" x14ac:dyDescent="0.3">
      <c r="A26717" s="13" t="s">
        <v>172</v>
      </c>
      <c r="B26717" s="14" t="s">
        <v>1</v>
      </c>
      <c r="C26717" s="14" t="s">
        <v>23</v>
      </c>
      <c r="D26717" s="14" t="s">
        <v>173</v>
      </c>
      <c r="E26717" s="15">
        <v>45448</v>
      </c>
      <c r="F26717" s="14" t="s">
        <v>25</v>
      </c>
      <c r="G26717" s="16">
        <v>0.94103076372318017</v>
      </c>
    </row>
    <row r="26718" spans="1:7" x14ac:dyDescent="0.3">
      <c r="A26718" s="13" t="s">
        <v>172</v>
      </c>
      <c r="B26718" s="14" t="s">
        <v>1</v>
      </c>
      <c r="C26718" s="14" t="s">
        <v>23</v>
      </c>
      <c r="D26718" s="14" t="s">
        <v>173</v>
      </c>
      <c r="E26718" s="15">
        <v>45449</v>
      </c>
      <c r="F26718" s="14" t="s">
        <v>25</v>
      </c>
      <c r="G26718" s="16">
        <v>0.95044854695416026</v>
      </c>
    </row>
    <row r="26719" spans="1:7" x14ac:dyDescent="0.3">
      <c r="A26719" s="13" t="s">
        <v>172</v>
      </c>
      <c r="B26719" s="14" t="s">
        <v>1</v>
      </c>
      <c r="C26719" s="14" t="s">
        <v>23</v>
      </c>
      <c r="D26719" s="14" t="s">
        <v>173</v>
      </c>
      <c r="E26719" s="15">
        <v>45450</v>
      </c>
      <c r="F26719" s="14" t="s">
        <v>25</v>
      </c>
      <c r="G26719" s="16">
        <v>0.99186237944788591</v>
      </c>
    </row>
    <row r="26720" spans="1:7" x14ac:dyDescent="0.3">
      <c r="A26720" s="13" t="s">
        <v>172</v>
      </c>
      <c r="B26720" s="14" t="s">
        <v>1</v>
      </c>
      <c r="C26720" s="14" t="s">
        <v>23</v>
      </c>
      <c r="D26720" s="14" t="s">
        <v>173</v>
      </c>
      <c r="E26720" s="15">
        <v>45451</v>
      </c>
      <c r="F26720" s="14" t="s">
        <v>25</v>
      </c>
      <c r="G26720" s="16">
        <v>0.99186237944788591</v>
      </c>
    </row>
    <row r="26721" spans="1:7" x14ac:dyDescent="0.3">
      <c r="A26721" s="13" t="s">
        <v>172</v>
      </c>
      <c r="B26721" s="14" t="s">
        <v>1</v>
      </c>
      <c r="C26721" s="14" t="s">
        <v>23</v>
      </c>
      <c r="D26721" s="14" t="s">
        <v>173</v>
      </c>
      <c r="E26721" s="15">
        <v>45452</v>
      </c>
      <c r="F26721" s="14" t="s">
        <v>25</v>
      </c>
      <c r="G26721" s="16">
        <v>0.99186237944788591</v>
      </c>
    </row>
    <row r="26722" spans="1:7" x14ac:dyDescent="0.3">
      <c r="A26722" s="13" t="s">
        <v>172</v>
      </c>
      <c r="B26722" s="14" t="s">
        <v>1</v>
      </c>
      <c r="C26722" s="14" t="s">
        <v>23</v>
      </c>
      <c r="D26722" s="14" t="s">
        <v>173</v>
      </c>
      <c r="E26722" s="15">
        <v>45453</v>
      </c>
      <c r="F26722" s="14" t="s">
        <v>25</v>
      </c>
      <c r="G26722" s="16">
        <v>1.0061816103175161</v>
      </c>
    </row>
    <row r="26723" spans="1:7" x14ac:dyDescent="0.3">
      <c r="A26723" s="13" t="s">
        <v>172</v>
      </c>
      <c r="B26723" s="14" t="s">
        <v>1</v>
      </c>
      <c r="C26723" s="14" t="s">
        <v>23</v>
      </c>
      <c r="D26723" s="14" t="s">
        <v>173</v>
      </c>
      <c r="E26723" s="15">
        <v>45454</v>
      </c>
      <c r="F26723" s="14" t="s">
        <v>25</v>
      </c>
      <c r="G26723" s="16">
        <v>1.0489579224064336</v>
      </c>
    </row>
    <row r="26724" spans="1:7" x14ac:dyDescent="0.3">
      <c r="A26724" s="13" t="s">
        <v>172</v>
      </c>
      <c r="B26724" s="14" t="s">
        <v>1</v>
      </c>
      <c r="C26724" s="14" t="s">
        <v>23</v>
      </c>
      <c r="D26724" s="14" t="s">
        <v>173</v>
      </c>
      <c r="E26724" s="15">
        <v>45455</v>
      </c>
      <c r="F26724" s="14" t="s">
        <v>25</v>
      </c>
      <c r="G26724" s="16">
        <v>1.0589061649087617</v>
      </c>
    </row>
    <row r="26725" spans="1:7" x14ac:dyDescent="0.3">
      <c r="A26725" s="13" t="s">
        <v>172</v>
      </c>
      <c r="B26725" s="14" t="s">
        <v>1</v>
      </c>
      <c r="C26725" s="14" t="s">
        <v>23</v>
      </c>
      <c r="D26725" s="14" t="s">
        <v>173</v>
      </c>
      <c r="E26725" s="15">
        <v>45456</v>
      </c>
      <c r="F26725" s="14" t="s">
        <v>25</v>
      </c>
      <c r="G26725" s="16">
        <v>1.0716261587727296</v>
      </c>
    </row>
    <row r="26726" spans="1:7" x14ac:dyDescent="0.3">
      <c r="A26726" s="13" t="s">
        <v>172</v>
      </c>
      <c r="B26726" s="14" t="s">
        <v>1</v>
      </c>
      <c r="C26726" s="14" t="s">
        <v>23</v>
      </c>
      <c r="D26726" s="14" t="s">
        <v>173</v>
      </c>
      <c r="E26726" s="15">
        <v>45457</v>
      </c>
      <c r="F26726" s="14" t="s">
        <v>25</v>
      </c>
      <c r="G26726" s="16">
        <v>1.0826332648010712</v>
      </c>
    </row>
    <row r="26727" spans="1:7" x14ac:dyDescent="0.3">
      <c r="A26727" s="13" t="s">
        <v>172</v>
      </c>
      <c r="B26727" s="14" t="s">
        <v>1</v>
      </c>
      <c r="C26727" s="14" t="s">
        <v>23</v>
      </c>
      <c r="D26727" s="14" t="s">
        <v>173</v>
      </c>
      <c r="E26727" s="15">
        <v>45458</v>
      </c>
      <c r="F26727" s="14" t="s">
        <v>25</v>
      </c>
      <c r="G26727" s="16">
        <v>1.0826332648010712</v>
      </c>
    </row>
    <row r="26728" spans="1:7" x14ac:dyDescent="0.3">
      <c r="A26728" s="13" t="s">
        <v>172</v>
      </c>
      <c r="B26728" s="14" t="s">
        <v>1</v>
      </c>
      <c r="C26728" s="14" t="s">
        <v>23</v>
      </c>
      <c r="D26728" s="14" t="s">
        <v>173</v>
      </c>
      <c r="E26728" s="15">
        <v>45459</v>
      </c>
      <c r="F26728" s="14" t="s">
        <v>25</v>
      </c>
      <c r="G26728" s="16">
        <v>1.0826332648010712</v>
      </c>
    </row>
    <row r="26729" spans="1:7" x14ac:dyDescent="0.3">
      <c r="A26729" s="13" t="s">
        <v>172</v>
      </c>
      <c r="B26729" s="14" t="s">
        <v>1</v>
      </c>
      <c r="C26729" s="14" t="s">
        <v>23</v>
      </c>
      <c r="D26729" s="14" t="s">
        <v>173</v>
      </c>
      <c r="E26729" s="15">
        <v>45460</v>
      </c>
      <c r="F26729" s="14" t="s">
        <v>25</v>
      </c>
      <c r="G26729" s="16">
        <v>1.0955160836732067</v>
      </c>
    </row>
    <row r="26730" spans="1:7" x14ac:dyDescent="0.3">
      <c r="A26730" s="13" t="s">
        <v>172</v>
      </c>
      <c r="B26730" s="14" t="s">
        <v>1</v>
      </c>
      <c r="C26730" s="14" t="s">
        <v>23</v>
      </c>
      <c r="D26730" s="14" t="s">
        <v>173</v>
      </c>
      <c r="E26730" s="15">
        <v>45461</v>
      </c>
      <c r="F26730" s="14" t="s">
        <v>25</v>
      </c>
      <c r="G26730" s="16">
        <v>1.1306669388604236</v>
      </c>
    </row>
    <row r="26731" spans="1:7" x14ac:dyDescent="0.3">
      <c r="A26731" s="13" t="s">
        <v>172</v>
      </c>
      <c r="B26731" s="14" t="s">
        <v>1</v>
      </c>
      <c r="C26731" s="14" t="s">
        <v>23</v>
      </c>
      <c r="D26731" s="14" t="s">
        <v>173</v>
      </c>
      <c r="E26731" s="15">
        <v>45462</v>
      </c>
      <c r="F26731" s="14" t="s">
        <v>25</v>
      </c>
      <c r="G26731" s="16">
        <v>1.1306669388604236</v>
      </c>
    </row>
    <row r="26732" spans="1:7" x14ac:dyDescent="0.3">
      <c r="A26732" s="13" t="s">
        <v>172</v>
      </c>
      <c r="B26732" s="14" t="s">
        <v>1</v>
      </c>
      <c r="C26732" s="14" t="s">
        <v>23</v>
      </c>
      <c r="D26732" s="14" t="s">
        <v>173</v>
      </c>
      <c r="E26732" s="15">
        <v>45463</v>
      </c>
      <c r="F26732" s="14" t="s">
        <v>25</v>
      </c>
      <c r="G26732" s="16">
        <v>1.1535675021374829</v>
      </c>
    </row>
    <row r="26733" spans="1:7" x14ac:dyDescent="0.3">
      <c r="A26733" s="13" t="s">
        <v>172</v>
      </c>
      <c r="B26733" s="14" t="s">
        <v>1</v>
      </c>
      <c r="C26733" s="14" t="s">
        <v>23</v>
      </c>
      <c r="D26733" s="14" t="s">
        <v>173</v>
      </c>
      <c r="E26733" s="15">
        <v>45464</v>
      </c>
      <c r="F26733" s="14" t="s">
        <v>25</v>
      </c>
      <c r="G26733" s="16">
        <v>1.1866821903401323</v>
      </c>
    </row>
    <row r="26734" spans="1:7" x14ac:dyDescent="0.3">
      <c r="A26734" s="13" t="s">
        <v>172</v>
      </c>
      <c r="B26734" s="14" t="s">
        <v>1</v>
      </c>
      <c r="C26734" s="14" t="s">
        <v>23</v>
      </c>
      <c r="D26734" s="14" t="s">
        <v>173</v>
      </c>
      <c r="E26734" s="15">
        <v>45465</v>
      </c>
      <c r="F26734" s="14" t="s">
        <v>25</v>
      </c>
      <c r="G26734" s="16">
        <v>1.1866821903401323</v>
      </c>
    </row>
    <row r="26735" spans="1:7" x14ac:dyDescent="0.3">
      <c r="A26735" s="13" t="s">
        <v>172</v>
      </c>
      <c r="B26735" s="14" t="s">
        <v>1</v>
      </c>
      <c r="C26735" s="14" t="s">
        <v>23</v>
      </c>
      <c r="D26735" s="14" t="s">
        <v>173</v>
      </c>
      <c r="E26735" s="15">
        <v>45466</v>
      </c>
      <c r="F26735" s="14" t="s">
        <v>25</v>
      </c>
      <c r="G26735" s="16">
        <v>1.1866821903401323</v>
      </c>
    </row>
    <row r="26736" spans="1:7" x14ac:dyDescent="0.3">
      <c r="A26736" s="13" t="s">
        <v>172</v>
      </c>
      <c r="B26736" s="14" t="s">
        <v>1</v>
      </c>
      <c r="C26736" s="14" t="s">
        <v>23</v>
      </c>
      <c r="D26736" s="14" t="s">
        <v>173</v>
      </c>
      <c r="E26736" s="15">
        <v>45467</v>
      </c>
      <c r="F26736" s="14" t="s">
        <v>25</v>
      </c>
      <c r="G26736" s="16">
        <v>1.199256299731746</v>
      </c>
    </row>
    <row r="26737" spans="1:7" x14ac:dyDescent="0.3">
      <c r="A26737" s="13" t="s">
        <v>172</v>
      </c>
      <c r="B26737" s="14" t="s">
        <v>1</v>
      </c>
      <c r="C26737" s="14" t="s">
        <v>23</v>
      </c>
      <c r="D26737" s="14" t="s">
        <v>173</v>
      </c>
      <c r="E26737" s="15">
        <v>45468</v>
      </c>
      <c r="F26737" s="14" t="s">
        <v>25</v>
      </c>
      <c r="G26737" s="16">
        <v>1.2460986841186845</v>
      </c>
    </row>
    <row r="26738" spans="1:7" x14ac:dyDescent="0.3">
      <c r="A26738" s="13" t="s">
        <v>172</v>
      </c>
      <c r="B26738" s="14" t="s">
        <v>1</v>
      </c>
      <c r="C26738" s="14" t="s">
        <v>23</v>
      </c>
      <c r="D26738" s="14" t="s">
        <v>173</v>
      </c>
      <c r="E26738" s="15">
        <v>45469</v>
      </c>
      <c r="F26738" s="14" t="s">
        <v>25</v>
      </c>
      <c r="G26738" s="16">
        <v>1.2624789231490128</v>
      </c>
    </row>
    <row r="26739" spans="1:7" x14ac:dyDescent="0.3">
      <c r="A26739" s="13" t="s">
        <v>172</v>
      </c>
      <c r="B26739" s="14" t="s">
        <v>1</v>
      </c>
      <c r="C26739" s="14" t="s">
        <v>23</v>
      </c>
      <c r="D26739" s="14" t="s">
        <v>173</v>
      </c>
      <c r="E26739" s="15">
        <v>45470</v>
      </c>
      <c r="F26739" s="14" t="s">
        <v>25</v>
      </c>
      <c r="G26739" s="16">
        <v>1.2781130223245571</v>
      </c>
    </row>
    <row r="26740" spans="1:7" x14ac:dyDescent="0.3">
      <c r="A26740" s="13" t="s">
        <v>172</v>
      </c>
      <c r="B26740" s="14" t="s">
        <v>1</v>
      </c>
      <c r="C26740" s="14" t="s">
        <v>23</v>
      </c>
      <c r="D26740" s="14" t="s">
        <v>173</v>
      </c>
      <c r="E26740" s="15">
        <v>45471</v>
      </c>
      <c r="F26740" s="14" t="s">
        <v>25</v>
      </c>
      <c r="G26740" s="16">
        <v>1.2922292285306367</v>
      </c>
    </row>
    <row r="26741" spans="1:7" x14ac:dyDescent="0.3">
      <c r="A26741" s="13" t="s">
        <v>172</v>
      </c>
      <c r="B26741" s="14" t="s">
        <v>1</v>
      </c>
      <c r="C26741" s="14" t="s">
        <v>23</v>
      </c>
      <c r="D26741" s="14" t="s">
        <v>173</v>
      </c>
      <c r="E26741" s="15">
        <v>45472</v>
      </c>
      <c r="F26741" s="14" t="s">
        <v>25</v>
      </c>
      <c r="G26741" s="16">
        <v>1.2922292285306367</v>
      </c>
    </row>
    <row r="26742" spans="1:7" x14ac:dyDescent="0.3">
      <c r="A26742" s="13" t="s">
        <v>172</v>
      </c>
      <c r="B26742" s="14" t="s">
        <v>1</v>
      </c>
      <c r="C26742" s="14" t="s">
        <v>23</v>
      </c>
      <c r="D26742" s="14" t="s">
        <v>173</v>
      </c>
      <c r="E26742" s="15">
        <v>45473</v>
      </c>
      <c r="F26742" s="14" t="s">
        <v>25</v>
      </c>
      <c r="G26742" s="16">
        <v>1.2922292285306367</v>
      </c>
    </row>
    <row r="26743" spans="1:7" x14ac:dyDescent="0.3">
      <c r="A26743" s="13" t="s">
        <v>172</v>
      </c>
      <c r="B26743" s="14" t="s">
        <v>1</v>
      </c>
      <c r="C26743" s="14" t="s">
        <v>23</v>
      </c>
      <c r="D26743" s="14" t="s">
        <v>173</v>
      </c>
      <c r="E26743" s="15">
        <v>45474</v>
      </c>
      <c r="F26743" s="14" t="s">
        <v>25</v>
      </c>
      <c r="G26743" s="16">
        <v>1.3121459266757065</v>
      </c>
    </row>
    <row r="26744" spans="1:7" x14ac:dyDescent="0.3">
      <c r="A26744" s="13" t="s">
        <v>172</v>
      </c>
      <c r="B26744" s="14" t="s">
        <v>1</v>
      </c>
      <c r="C26744" s="14" t="s">
        <v>23</v>
      </c>
      <c r="D26744" s="14" t="s">
        <v>173</v>
      </c>
      <c r="E26744" s="15">
        <v>45475</v>
      </c>
      <c r="F26744" s="14" t="s">
        <v>25</v>
      </c>
      <c r="G26744" s="16">
        <v>1.3561668546013095</v>
      </c>
    </row>
    <row r="26745" spans="1:7" x14ac:dyDescent="0.3">
      <c r="A26745" s="13" t="s">
        <v>172</v>
      </c>
      <c r="B26745" s="14" t="s">
        <v>1</v>
      </c>
      <c r="C26745" s="14" t="s">
        <v>23</v>
      </c>
      <c r="D26745" s="14" t="s">
        <v>173</v>
      </c>
      <c r="E26745" s="15">
        <v>45476</v>
      </c>
      <c r="F26745" s="14" t="s">
        <v>25</v>
      </c>
      <c r="G26745" s="16">
        <v>1.3667126633302422</v>
      </c>
    </row>
    <row r="26746" spans="1:7" x14ac:dyDescent="0.3">
      <c r="A26746" s="13" t="s">
        <v>172</v>
      </c>
      <c r="B26746" s="14" t="s">
        <v>1</v>
      </c>
      <c r="C26746" s="14" t="s">
        <v>23</v>
      </c>
      <c r="D26746" s="14" t="s">
        <v>173</v>
      </c>
      <c r="E26746" s="15">
        <v>45477</v>
      </c>
      <c r="F26746" s="14" t="s">
        <v>25</v>
      </c>
      <c r="G26746" s="16">
        <v>1.3667126633302422</v>
      </c>
    </row>
    <row r="26747" spans="1:7" x14ac:dyDescent="0.3">
      <c r="A26747" s="13" t="s">
        <v>172</v>
      </c>
      <c r="B26747" s="14" t="s">
        <v>1</v>
      </c>
      <c r="C26747" s="14" t="s">
        <v>23</v>
      </c>
      <c r="D26747" s="14" t="s">
        <v>173</v>
      </c>
      <c r="E26747" s="15">
        <v>45478</v>
      </c>
      <c r="F26747" s="14" t="s">
        <v>25</v>
      </c>
      <c r="G26747" s="16">
        <v>1.3725766086362936</v>
      </c>
    </row>
    <row r="26748" spans="1:7" x14ac:dyDescent="0.3">
      <c r="A26748" s="13" t="s">
        <v>172</v>
      </c>
      <c r="B26748" s="14" t="s">
        <v>1</v>
      </c>
      <c r="C26748" s="14" t="s">
        <v>23</v>
      </c>
      <c r="D26748" s="14" t="s">
        <v>173</v>
      </c>
      <c r="E26748" s="15">
        <v>45479</v>
      </c>
      <c r="F26748" s="14" t="s">
        <v>25</v>
      </c>
      <c r="G26748" s="16">
        <v>1.3725766086362936</v>
      </c>
    </row>
    <row r="26749" spans="1:7" x14ac:dyDescent="0.3">
      <c r="A26749" s="13" t="s">
        <v>172</v>
      </c>
      <c r="B26749" s="14" t="s">
        <v>1</v>
      </c>
      <c r="C26749" s="14" t="s">
        <v>23</v>
      </c>
      <c r="D26749" s="14" t="s">
        <v>173</v>
      </c>
      <c r="E26749" s="15">
        <v>45480</v>
      </c>
      <c r="F26749" s="14" t="s">
        <v>25</v>
      </c>
      <c r="G26749" s="16">
        <v>1.3725766086362936</v>
      </c>
    </row>
    <row r="26750" spans="1:7" x14ac:dyDescent="0.3">
      <c r="A26750" s="13" t="s">
        <v>172</v>
      </c>
      <c r="B26750" s="14" t="s">
        <v>1</v>
      </c>
      <c r="C26750" s="14" t="s">
        <v>23</v>
      </c>
      <c r="D26750" s="14" t="s">
        <v>173</v>
      </c>
      <c r="E26750" s="15">
        <v>45481</v>
      </c>
      <c r="F26750" s="14" t="s">
        <v>25</v>
      </c>
      <c r="G26750" s="16">
        <v>1.4282965610843772</v>
      </c>
    </row>
    <row r="26751" spans="1:7" x14ac:dyDescent="0.3">
      <c r="A26751" s="13" t="s">
        <v>172</v>
      </c>
      <c r="B26751" s="14" t="s">
        <v>1</v>
      </c>
      <c r="C26751" s="14" t="s">
        <v>23</v>
      </c>
      <c r="D26751" s="14" t="s">
        <v>173</v>
      </c>
      <c r="E26751" s="15">
        <v>45482</v>
      </c>
      <c r="F26751" s="14" t="s">
        <v>25</v>
      </c>
      <c r="G26751" s="16">
        <v>1.4715477033687623</v>
      </c>
    </row>
    <row r="26752" spans="1:7" x14ac:dyDescent="0.3">
      <c r="A26752" s="13" t="s">
        <v>172</v>
      </c>
      <c r="B26752" s="14" t="s">
        <v>1</v>
      </c>
      <c r="C26752" s="14" t="s">
        <v>23</v>
      </c>
      <c r="D26752" s="14" t="s">
        <v>173</v>
      </c>
      <c r="E26752" s="15">
        <v>45483</v>
      </c>
      <c r="F26752" s="14" t="s">
        <v>25</v>
      </c>
      <c r="G26752" s="16">
        <v>1.4896351942278123</v>
      </c>
    </row>
    <row r="26753" spans="1:7" x14ac:dyDescent="0.3">
      <c r="A26753" s="13" t="s">
        <v>172</v>
      </c>
      <c r="B26753" s="14" t="s">
        <v>1</v>
      </c>
      <c r="C26753" s="14" t="s">
        <v>23</v>
      </c>
      <c r="D26753" s="14" t="s">
        <v>173</v>
      </c>
      <c r="E26753" s="15">
        <v>45484</v>
      </c>
      <c r="F26753" s="14" t="s">
        <v>25</v>
      </c>
      <c r="G26753" s="16">
        <v>1.4988095126753438</v>
      </c>
    </row>
    <row r="26754" spans="1:7" x14ac:dyDescent="0.3">
      <c r="A26754" s="13" t="s">
        <v>172</v>
      </c>
      <c r="B26754" s="14" t="s">
        <v>1</v>
      </c>
      <c r="C26754" s="14" t="s">
        <v>23</v>
      </c>
      <c r="D26754" s="14" t="s">
        <v>173</v>
      </c>
      <c r="E26754" s="15">
        <v>45485</v>
      </c>
      <c r="F26754" s="14" t="s">
        <v>25</v>
      </c>
      <c r="G26754" s="16">
        <v>1.5098247387429728</v>
      </c>
    </row>
    <row r="26755" spans="1:7" x14ac:dyDescent="0.3">
      <c r="A26755" s="13" t="s">
        <v>172</v>
      </c>
      <c r="B26755" s="14" t="s">
        <v>1</v>
      </c>
      <c r="C26755" s="14" t="s">
        <v>23</v>
      </c>
      <c r="D26755" s="14" t="s">
        <v>173</v>
      </c>
      <c r="E26755" s="15">
        <v>45486</v>
      </c>
      <c r="F26755" s="14" t="s">
        <v>25</v>
      </c>
      <c r="G26755" s="16">
        <v>1.5098247387429728</v>
      </c>
    </row>
    <row r="26756" spans="1:7" x14ac:dyDescent="0.3">
      <c r="A26756" s="13" t="s">
        <v>172</v>
      </c>
      <c r="B26756" s="14" t="s">
        <v>1</v>
      </c>
      <c r="C26756" s="14" t="s">
        <v>23</v>
      </c>
      <c r="D26756" s="14" t="s">
        <v>173</v>
      </c>
      <c r="E26756" s="15">
        <v>45487</v>
      </c>
      <c r="F26756" s="14" t="s">
        <v>25</v>
      </c>
      <c r="G26756" s="16">
        <v>1.5098247387429728</v>
      </c>
    </row>
    <row r="26757" spans="1:7" x14ac:dyDescent="0.3">
      <c r="A26757" s="13" t="s">
        <v>172</v>
      </c>
      <c r="B26757" s="14" t="s">
        <v>1</v>
      </c>
      <c r="C26757" s="14" t="s">
        <v>23</v>
      </c>
      <c r="D26757" s="14" t="s">
        <v>173</v>
      </c>
      <c r="E26757" s="15">
        <v>45488</v>
      </c>
      <c r="F26757" s="14" t="s">
        <v>25</v>
      </c>
      <c r="G26757" s="16">
        <v>1.5263494337061938</v>
      </c>
    </row>
    <row r="26758" spans="1:7" x14ac:dyDescent="0.3">
      <c r="A26758" s="13" t="s">
        <v>172</v>
      </c>
      <c r="B26758" s="14" t="s">
        <v>1</v>
      </c>
      <c r="C26758" s="14" t="s">
        <v>23</v>
      </c>
      <c r="D26758" s="14" t="s">
        <v>173</v>
      </c>
      <c r="E26758" s="15">
        <v>45489</v>
      </c>
      <c r="F26758" s="14" t="s">
        <v>25</v>
      </c>
      <c r="G26758" s="16">
        <v>1.5643007140836145</v>
      </c>
    </row>
    <row r="26759" spans="1:7" x14ac:dyDescent="0.3">
      <c r="A26759" s="13" t="s">
        <v>172</v>
      </c>
      <c r="B26759" s="14" t="s">
        <v>1</v>
      </c>
      <c r="C26759" s="14" t="s">
        <v>23</v>
      </c>
      <c r="D26759" s="14" t="s">
        <v>173</v>
      </c>
      <c r="E26759" s="15">
        <v>45490</v>
      </c>
      <c r="F26759" s="14" t="s">
        <v>25</v>
      </c>
      <c r="G26759" s="16">
        <v>1.5601067762081644</v>
      </c>
    </row>
    <row r="26760" spans="1:7" x14ac:dyDescent="0.3">
      <c r="A26760" s="13" t="s">
        <v>172</v>
      </c>
      <c r="B26760" s="14" t="s">
        <v>1</v>
      </c>
      <c r="C26760" s="14" t="s">
        <v>23</v>
      </c>
      <c r="D26760" s="14" t="s">
        <v>173</v>
      </c>
      <c r="E26760" s="15">
        <v>45491</v>
      </c>
      <c r="F26760" s="14" t="s">
        <v>25</v>
      </c>
      <c r="G26760" s="16">
        <v>1.5814134076633763</v>
      </c>
    </row>
    <row r="26761" spans="1:7" x14ac:dyDescent="0.3">
      <c r="A26761" s="13" t="s">
        <v>172</v>
      </c>
      <c r="B26761" s="14" t="s">
        <v>1</v>
      </c>
      <c r="C26761" s="14" t="s">
        <v>23</v>
      </c>
      <c r="D26761" s="14" t="s">
        <v>173</v>
      </c>
      <c r="E26761" s="15">
        <v>45492</v>
      </c>
      <c r="F26761" s="14" t="s">
        <v>25</v>
      </c>
      <c r="G26761" s="16">
        <v>1.597941332847242</v>
      </c>
    </row>
    <row r="26762" spans="1:7" x14ac:dyDescent="0.3">
      <c r="A26762" s="13" t="s">
        <v>172</v>
      </c>
      <c r="B26762" s="14" t="s">
        <v>1</v>
      </c>
      <c r="C26762" s="14" t="s">
        <v>23</v>
      </c>
      <c r="D26762" s="14" t="s">
        <v>173</v>
      </c>
      <c r="E26762" s="15">
        <v>45493</v>
      </c>
      <c r="F26762" s="14" t="s">
        <v>25</v>
      </c>
      <c r="G26762" s="16">
        <v>1.597941332847242</v>
      </c>
    </row>
    <row r="26763" spans="1:7" x14ac:dyDescent="0.3">
      <c r="A26763" s="13" t="s">
        <v>172</v>
      </c>
      <c r="B26763" s="14" t="s">
        <v>1</v>
      </c>
      <c r="C26763" s="14" t="s">
        <v>23</v>
      </c>
      <c r="D26763" s="14" t="s">
        <v>173</v>
      </c>
      <c r="E26763" s="15">
        <v>45494</v>
      </c>
      <c r="F26763" s="14" t="s">
        <v>25</v>
      </c>
      <c r="G26763" s="16">
        <v>1.597941332847242</v>
      </c>
    </row>
    <row r="26764" spans="1:7" x14ac:dyDescent="0.3">
      <c r="A26764" s="13" t="s">
        <v>172</v>
      </c>
      <c r="B26764" s="14" t="s">
        <v>1</v>
      </c>
      <c r="C26764" s="14" t="s">
        <v>23</v>
      </c>
      <c r="D26764" s="14" t="s">
        <v>173</v>
      </c>
      <c r="E26764" s="15">
        <v>45495</v>
      </c>
      <c r="F26764" s="14" t="s">
        <v>25</v>
      </c>
      <c r="G26764" s="16">
        <v>1.612666151770854</v>
      </c>
    </row>
    <row r="26765" spans="1:7" x14ac:dyDescent="0.3">
      <c r="A26765" s="13" t="s">
        <v>172</v>
      </c>
      <c r="B26765" s="14" t="s">
        <v>1</v>
      </c>
      <c r="C26765" s="14" t="s">
        <v>23</v>
      </c>
      <c r="D26765" s="14" t="s">
        <v>173</v>
      </c>
      <c r="E26765" s="15">
        <v>45496</v>
      </c>
      <c r="F26765" s="14" t="s">
        <v>25</v>
      </c>
      <c r="G26765" s="16">
        <v>1.6564467025602587</v>
      </c>
    </row>
    <row r="26766" spans="1:7" x14ac:dyDescent="0.3">
      <c r="A26766" s="13" t="s">
        <v>172</v>
      </c>
      <c r="B26766" s="14" t="s">
        <v>1</v>
      </c>
      <c r="C26766" s="14" t="s">
        <v>23</v>
      </c>
      <c r="D26766" s="14" t="s">
        <v>173</v>
      </c>
      <c r="E26766" s="15">
        <v>45497</v>
      </c>
      <c r="F26766" s="14" t="s">
        <v>25</v>
      </c>
      <c r="G26766" s="16">
        <v>1.6609539635683752</v>
      </c>
    </row>
    <row r="26767" spans="1:7" x14ac:dyDescent="0.3">
      <c r="A26767" s="13" t="s">
        <v>172</v>
      </c>
      <c r="B26767" s="14" t="s">
        <v>1</v>
      </c>
      <c r="C26767" s="14" t="s">
        <v>23</v>
      </c>
      <c r="D26767" s="14" t="s">
        <v>173</v>
      </c>
      <c r="E26767" s="15">
        <v>45498</v>
      </c>
      <c r="F26767" s="14" t="s">
        <v>25</v>
      </c>
      <c r="G26767" s="16">
        <v>1.6671304341455462</v>
      </c>
    </row>
    <row r="26768" spans="1:7" x14ac:dyDescent="0.3">
      <c r="A26768" s="13" t="s">
        <v>172</v>
      </c>
      <c r="B26768" s="14" t="s">
        <v>1</v>
      </c>
      <c r="C26768" s="14" t="s">
        <v>23</v>
      </c>
      <c r="D26768" s="14" t="s">
        <v>173</v>
      </c>
      <c r="E26768" s="15">
        <v>45499</v>
      </c>
      <c r="F26768" s="14" t="s">
        <v>25</v>
      </c>
      <c r="G26768" s="16">
        <v>1.6842466273244434</v>
      </c>
    </row>
    <row r="26769" spans="1:7" x14ac:dyDescent="0.3">
      <c r="A26769" s="13" t="s">
        <v>172</v>
      </c>
      <c r="B26769" s="14" t="s">
        <v>1</v>
      </c>
      <c r="C26769" s="14" t="s">
        <v>23</v>
      </c>
      <c r="D26769" s="14" t="s">
        <v>173</v>
      </c>
      <c r="E26769" s="15">
        <v>45500</v>
      </c>
      <c r="F26769" s="14" t="s">
        <v>25</v>
      </c>
      <c r="G26769" s="16">
        <v>1.6842466273244434</v>
      </c>
    </row>
    <row r="26770" spans="1:7" x14ac:dyDescent="0.3">
      <c r="A26770" s="13" t="s">
        <v>172</v>
      </c>
      <c r="B26770" s="14" t="s">
        <v>1</v>
      </c>
      <c r="C26770" s="14" t="s">
        <v>23</v>
      </c>
      <c r="D26770" s="14" t="s">
        <v>173</v>
      </c>
      <c r="E26770" s="15">
        <v>45501</v>
      </c>
      <c r="F26770" s="14" t="s">
        <v>25</v>
      </c>
      <c r="G26770" s="16">
        <v>1.6842466273244434</v>
      </c>
    </row>
    <row r="26771" spans="1:7" x14ac:dyDescent="0.3">
      <c r="A26771" s="13" t="s">
        <v>172</v>
      </c>
      <c r="B26771" s="14" t="s">
        <v>1</v>
      </c>
      <c r="C26771" s="14" t="s">
        <v>23</v>
      </c>
      <c r="D26771" s="14" t="s">
        <v>173</v>
      </c>
      <c r="E26771" s="15">
        <v>45502</v>
      </c>
      <c r="F26771" s="14" t="s">
        <v>25</v>
      </c>
      <c r="G26771" s="16">
        <v>1.701880146525145</v>
      </c>
    </row>
    <row r="26772" spans="1:7" x14ac:dyDescent="0.3">
      <c r="A26772" s="13" t="s">
        <v>172</v>
      </c>
      <c r="B26772" s="14" t="s">
        <v>1</v>
      </c>
      <c r="C26772" s="14" t="s">
        <v>23</v>
      </c>
      <c r="D26772" s="14" t="s">
        <v>173</v>
      </c>
      <c r="E26772" s="15">
        <v>45503</v>
      </c>
      <c r="F26772" s="14" t="s">
        <v>25</v>
      </c>
      <c r="G26772" s="16">
        <v>1.7348048721957197</v>
      </c>
    </row>
    <row r="26773" spans="1:7" x14ac:dyDescent="0.3">
      <c r="A26773" s="13" t="s">
        <v>172</v>
      </c>
      <c r="B26773" s="14" t="s">
        <v>1</v>
      </c>
      <c r="C26773" s="14" t="s">
        <v>23</v>
      </c>
      <c r="D26773" s="14" t="s">
        <v>173</v>
      </c>
      <c r="E26773" s="15">
        <v>45504</v>
      </c>
      <c r="F26773" s="14" t="s">
        <v>25</v>
      </c>
      <c r="G26773" s="16">
        <v>1.7401323619402995</v>
      </c>
    </row>
    <row r="26774" spans="1:7" x14ac:dyDescent="0.3">
      <c r="A26774" s="13" t="s">
        <v>172</v>
      </c>
      <c r="B26774" s="14" t="s">
        <v>1</v>
      </c>
      <c r="C26774" s="14" t="s">
        <v>23</v>
      </c>
      <c r="D26774" s="14" t="s">
        <v>173</v>
      </c>
      <c r="E26774" s="15">
        <v>45505</v>
      </c>
      <c r="F26774" s="14" t="s">
        <v>25</v>
      </c>
      <c r="G26774" s="16">
        <v>1.7350502262832983</v>
      </c>
    </row>
    <row r="26775" spans="1:7" x14ac:dyDescent="0.3">
      <c r="A26775" s="13" t="s">
        <v>172</v>
      </c>
      <c r="B26775" s="14" t="s">
        <v>1</v>
      </c>
      <c r="C26775" s="14" t="s">
        <v>23</v>
      </c>
      <c r="D26775" s="14" t="s">
        <v>173</v>
      </c>
      <c r="E26775" s="15">
        <v>45506</v>
      </c>
      <c r="F26775" s="14" t="s">
        <v>25</v>
      </c>
      <c r="G26775" s="16">
        <v>1.7096181354755156</v>
      </c>
    </row>
    <row r="26776" spans="1:7" x14ac:dyDescent="0.3">
      <c r="A26776" s="13" t="s">
        <v>172</v>
      </c>
      <c r="B26776" s="14" t="s">
        <v>1</v>
      </c>
      <c r="C26776" s="14" t="s">
        <v>23</v>
      </c>
      <c r="D26776" s="14" t="s">
        <v>173</v>
      </c>
      <c r="E26776" s="15">
        <v>45507</v>
      </c>
      <c r="F26776" s="14" t="s">
        <v>25</v>
      </c>
      <c r="G26776" s="16">
        <v>1.7096181354755156</v>
      </c>
    </row>
    <row r="26777" spans="1:7" x14ac:dyDescent="0.3">
      <c r="A26777" s="13" t="s">
        <v>172</v>
      </c>
      <c r="B26777" s="14" t="s">
        <v>1</v>
      </c>
      <c r="C26777" s="14" t="s">
        <v>23</v>
      </c>
      <c r="D26777" s="14" t="s">
        <v>173</v>
      </c>
      <c r="E26777" s="15">
        <v>45508</v>
      </c>
      <c r="F26777" s="14" t="s">
        <v>25</v>
      </c>
      <c r="G26777" s="16">
        <v>1.7096181354755156</v>
      </c>
    </row>
    <row r="26778" spans="1:7" x14ac:dyDescent="0.3">
      <c r="A26778" s="13" t="s">
        <v>172</v>
      </c>
      <c r="B26778" s="14" t="s">
        <v>1</v>
      </c>
      <c r="C26778" s="14" t="s">
        <v>23</v>
      </c>
      <c r="D26778" s="14" t="s">
        <v>173</v>
      </c>
      <c r="E26778" s="15">
        <v>45509</v>
      </c>
      <c r="F26778" s="14" t="s">
        <v>25</v>
      </c>
      <c r="G26778" s="16">
        <v>1.7096181354755156</v>
      </c>
    </row>
    <row r="26779" spans="1:7" x14ac:dyDescent="0.3">
      <c r="A26779" s="13" t="s">
        <v>172</v>
      </c>
      <c r="B26779" s="14" t="s">
        <v>1</v>
      </c>
      <c r="C26779" s="14" t="s">
        <v>23</v>
      </c>
      <c r="D26779" s="14" t="s">
        <v>173</v>
      </c>
      <c r="E26779" s="15">
        <v>45510</v>
      </c>
      <c r="F26779" s="14" t="s">
        <v>25</v>
      </c>
      <c r="G26779" s="16">
        <v>1.7093904782616047</v>
      </c>
    </row>
    <row r="26780" spans="1:7" x14ac:dyDescent="0.3">
      <c r="A26780" s="13" t="s">
        <v>172</v>
      </c>
      <c r="B26780" s="14" t="s">
        <v>1</v>
      </c>
      <c r="C26780" s="14" t="s">
        <v>23</v>
      </c>
      <c r="D26780" s="14" t="s">
        <v>173</v>
      </c>
      <c r="E26780" s="15">
        <v>45511</v>
      </c>
      <c r="F26780" s="14" t="s">
        <v>25</v>
      </c>
      <c r="G26780" s="16">
        <v>1.798861611240979</v>
      </c>
    </row>
    <row r="26781" spans="1:7" x14ac:dyDescent="0.3">
      <c r="A26781" s="13" t="s">
        <v>172</v>
      </c>
      <c r="B26781" s="14" t="s">
        <v>1</v>
      </c>
      <c r="C26781" s="14" t="s">
        <v>23</v>
      </c>
      <c r="D26781" s="14" t="s">
        <v>173</v>
      </c>
      <c r="E26781" s="15">
        <v>45512</v>
      </c>
      <c r="F26781" s="14" t="s">
        <v>25</v>
      </c>
      <c r="G26781" s="16">
        <v>1.8167601536941538</v>
      </c>
    </row>
    <row r="26782" spans="1:7" x14ac:dyDescent="0.3">
      <c r="A26782" s="13" t="s">
        <v>172</v>
      </c>
      <c r="B26782" s="14" t="s">
        <v>1</v>
      </c>
      <c r="C26782" s="14" t="s">
        <v>23</v>
      </c>
      <c r="D26782" s="14" t="s">
        <v>173</v>
      </c>
      <c r="E26782" s="15">
        <v>45513</v>
      </c>
      <c r="F26782" s="14" t="s">
        <v>25</v>
      </c>
      <c r="G26782" s="16">
        <v>1.8265114270624951</v>
      </c>
    </row>
    <row r="26783" spans="1:7" x14ac:dyDescent="0.3">
      <c r="A26783" s="13" t="s">
        <v>172</v>
      </c>
      <c r="B26783" s="14" t="s">
        <v>1</v>
      </c>
      <c r="C26783" s="14" t="s">
        <v>23</v>
      </c>
      <c r="D26783" s="14" t="s">
        <v>173</v>
      </c>
      <c r="E26783" s="15">
        <v>45514</v>
      </c>
      <c r="F26783" s="14" t="s">
        <v>25</v>
      </c>
      <c r="G26783" s="16">
        <v>1.8265114270624951</v>
      </c>
    </row>
    <row r="26784" spans="1:7" x14ac:dyDescent="0.3">
      <c r="A26784" s="13" t="s">
        <v>172</v>
      </c>
      <c r="B26784" s="14" t="s">
        <v>1</v>
      </c>
      <c r="C26784" s="14" t="s">
        <v>23</v>
      </c>
      <c r="D26784" s="14" t="s">
        <v>173</v>
      </c>
      <c r="E26784" s="15">
        <v>45515</v>
      </c>
      <c r="F26784" s="14" t="s">
        <v>25</v>
      </c>
      <c r="G26784" s="16">
        <v>1.8265114270624951</v>
      </c>
    </row>
    <row r="26785" spans="1:7" x14ac:dyDescent="0.3">
      <c r="A26785" s="13" t="s">
        <v>172</v>
      </c>
      <c r="B26785" s="14" t="s">
        <v>1</v>
      </c>
      <c r="C26785" s="14" t="s">
        <v>23</v>
      </c>
      <c r="D26785" s="14" t="s">
        <v>173</v>
      </c>
      <c r="E26785" s="15">
        <v>45516</v>
      </c>
      <c r="F26785" s="14" t="s">
        <v>25</v>
      </c>
      <c r="G26785" s="16">
        <v>1.8394353816918336</v>
      </c>
    </row>
    <row r="26786" spans="1:7" x14ac:dyDescent="0.3">
      <c r="A26786" s="13" t="s">
        <v>172</v>
      </c>
      <c r="B26786" s="14" t="s">
        <v>1</v>
      </c>
      <c r="C26786" s="14" t="s">
        <v>23</v>
      </c>
      <c r="D26786" s="14" t="s">
        <v>173</v>
      </c>
      <c r="E26786" s="15">
        <v>45517</v>
      </c>
      <c r="F26786" s="14" t="s">
        <v>25</v>
      </c>
      <c r="G26786" s="16">
        <v>1.8782628263145613</v>
      </c>
    </row>
    <row r="26787" spans="1:7" x14ac:dyDescent="0.3">
      <c r="A26787" s="13" t="s">
        <v>172</v>
      </c>
      <c r="B26787" s="14" t="s">
        <v>1</v>
      </c>
      <c r="C26787" s="14" t="s">
        <v>23</v>
      </c>
      <c r="D26787" s="14" t="s">
        <v>173</v>
      </c>
      <c r="E26787" s="15">
        <v>45518</v>
      </c>
      <c r="F26787" s="14" t="s">
        <v>25</v>
      </c>
      <c r="G26787" s="16">
        <v>1.8921027551011431</v>
      </c>
    </row>
    <row r="26788" spans="1:7" x14ac:dyDescent="0.3">
      <c r="A26788" s="13" t="s">
        <v>172</v>
      </c>
      <c r="B26788" s="14" t="s">
        <v>1</v>
      </c>
      <c r="C26788" s="14" t="s">
        <v>23</v>
      </c>
      <c r="D26788" s="14" t="s">
        <v>173</v>
      </c>
      <c r="E26788" s="15">
        <v>45519</v>
      </c>
      <c r="F26788" s="14" t="s">
        <v>25</v>
      </c>
      <c r="G26788" s="16">
        <v>1.9162791689409722</v>
      </c>
    </row>
    <row r="26789" spans="1:7" x14ac:dyDescent="0.3">
      <c r="A26789" s="13" t="s">
        <v>172</v>
      </c>
      <c r="B26789" s="14" t="s">
        <v>1</v>
      </c>
      <c r="C26789" s="14" t="s">
        <v>23</v>
      </c>
      <c r="D26789" s="14" t="s">
        <v>173</v>
      </c>
      <c r="E26789" s="15">
        <v>45520</v>
      </c>
      <c r="F26789" s="14" t="s">
        <v>25</v>
      </c>
      <c r="G26789" s="16">
        <v>1.9151246142426688</v>
      </c>
    </row>
    <row r="26790" spans="1:7" x14ac:dyDescent="0.3">
      <c r="A26790" s="13" t="s">
        <v>172</v>
      </c>
      <c r="B26790" s="14" t="s">
        <v>1</v>
      </c>
      <c r="C26790" s="14" t="s">
        <v>23</v>
      </c>
      <c r="D26790" s="14" t="s">
        <v>173</v>
      </c>
      <c r="E26790" s="15">
        <v>45521</v>
      </c>
      <c r="F26790" s="14" t="s">
        <v>25</v>
      </c>
      <c r="G26790" s="16">
        <v>1.9151246142426688</v>
      </c>
    </row>
    <row r="26791" spans="1:7" x14ac:dyDescent="0.3">
      <c r="A26791" s="13" t="s">
        <v>172</v>
      </c>
      <c r="B26791" s="14" t="s">
        <v>1</v>
      </c>
      <c r="C26791" s="14" t="s">
        <v>23</v>
      </c>
      <c r="D26791" s="14" t="s">
        <v>173</v>
      </c>
      <c r="E26791" s="15">
        <v>45522</v>
      </c>
      <c r="F26791" s="14" t="s">
        <v>25</v>
      </c>
      <c r="G26791" s="16">
        <v>1.9151246142426688</v>
      </c>
    </row>
    <row r="26792" spans="1:7" x14ac:dyDescent="0.3">
      <c r="A26792" s="13" t="s">
        <v>172</v>
      </c>
      <c r="B26792" s="14" t="s">
        <v>1</v>
      </c>
      <c r="C26792" s="14" t="s">
        <v>23</v>
      </c>
      <c r="D26792" s="14" t="s">
        <v>173</v>
      </c>
      <c r="E26792" s="15">
        <v>45523</v>
      </c>
      <c r="F26792" s="14" t="s">
        <v>25</v>
      </c>
      <c r="G26792" s="16">
        <v>1.9210213534952374</v>
      </c>
    </row>
    <row r="26793" spans="1:7" x14ac:dyDescent="0.3">
      <c r="A26793" s="13" t="s">
        <v>172</v>
      </c>
      <c r="B26793" s="14" t="s">
        <v>1</v>
      </c>
      <c r="C26793" s="14" t="s">
        <v>23</v>
      </c>
      <c r="D26793" s="14" t="s">
        <v>173</v>
      </c>
      <c r="E26793" s="15">
        <v>45524</v>
      </c>
      <c r="F26793" s="14" t="s">
        <v>25</v>
      </c>
      <c r="G26793" s="16">
        <v>1.9416172099337707</v>
      </c>
    </row>
    <row r="26794" spans="1:7" x14ac:dyDescent="0.3">
      <c r="A26794" s="13" t="s">
        <v>172</v>
      </c>
      <c r="B26794" s="14" t="s">
        <v>1</v>
      </c>
      <c r="C26794" s="14" t="s">
        <v>23</v>
      </c>
      <c r="D26794" s="14" t="s">
        <v>173</v>
      </c>
      <c r="E26794" s="15">
        <v>45525</v>
      </c>
      <c r="F26794" s="14" t="s">
        <v>25</v>
      </c>
      <c r="G26794" s="16">
        <v>1.9450834638047689</v>
      </c>
    </row>
    <row r="26795" spans="1:7" x14ac:dyDescent="0.3">
      <c r="A26795" s="13" t="s">
        <v>172</v>
      </c>
      <c r="B26795" s="14" t="s">
        <v>1</v>
      </c>
      <c r="C26795" s="14" t="s">
        <v>23</v>
      </c>
      <c r="D26795" s="14" t="s">
        <v>173</v>
      </c>
      <c r="E26795" s="15">
        <v>45526</v>
      </c>
      <c r="F26795" s="14" t="s">
        <v>25</v>
      </c>
      <c r="G26795" s="16">
        <v>1.9590030967750613</v>
      </c>
    </row>
    <row r="26796" spans="1:7" x14ac:dyDescent="0.3">
      <c r="A26796" s="13" t="s">
        <v>172</v>
      </c>
      <c r="B26796" s="14" t="s">
        <v>1</v>
      </c>
      <c r="C26796" s="14" t="s">
        <v>23</v>
      </c>
      <c r="D26796" s="14" t="s">
        <v>173</v>
      </c>
      <c r="E26796" s="15">
        <v>45527</v>
      </c>
      <c r="F26796" s="14" t="s">
        <v>25</v>
      </c>
      <c r="G26796" s="16">
        <v>1.9627493588651947</v>
      </c>
    </row>
    <row r="26797" spans="1:7" x14ac:dyDescent="0.3">
      <c r="A26797" s="13" t="s">
        <v>172</v>
      </c>
      <c r="B26797" s="14" t="s">
        <v>1</v>
      </c>
      <c r="C26797" s="14" t="s">
        <v>23</v>
      </c>
      <c r="D26797" s="14" t="s">
        <v>173</v>
      </c>
      <c r="E26797" s="15">
        <v>45528</v>
      </c>
      <c r="F26797" s="14" t="s">
        <v>25</v>
      </c>
      <c r="G26797" s="16">
        <v>1.9627493588651947</v>
      </c>
    </row>
    <row r="26798" spans="1:7" x14ac:dyDescent="0.3">
      <c r="A26798" s="13" t="s">
        <v>172</v>
      </c>
      <c r="B26798" s="14" t="s">
        <v>1</v>
      </c>
      <c r="C26798" s="14" t="s">
        <v>23</v>
      </c>
      <c r="D26798" s="14" t="s">
        <v>173</v>
      </c>
      <c r="E26798" s="15">
        <v>45529</v>
      </c>
      <c r="F26798" s="14" t="s">
        <v>25</v>
      </c>
      <c r="G26798" s="16">
        <v>1.9627493588651947</v>
      </c>
    </row>
    <row r="26799" spans="1:7" x14ac:dyDescent="0.3">
      <c r="A26799" s="13" t="s">
        <v>172</v>
      </c>
      <c r="B26799" s="14" t="s">
        <v>1</v>
      </c>
      <c r="C26799" s="14" t="s">
        <v>23</v>
      </c>
      <c r="D26799" s="14" t="s">
        <v>173</v>
      </c>
      <c r="E26799" s="15">
        <v>45530</v>
      </c>
      <c r="F26799" s="14" t="s">
        <v>25</v>
      </c>
      <c r="G26799" s="16">
        <v>1.9747090097157922</v>
      </c>
    </row>
    <row r="26800" spans="1:7" x14ac:dyDescent="0.3">
      <c r="A26800" s="13" t="s">
        <v>172</v>
      </c>
      <c r="B26800" s="14" t="s">
        <v>1</v>
      </c>
      <c r="C26800" s="14" t="s">
        <v>23</v>
      </c>
      <c r="D26800" s="14" t="s">
        <v>173</v>
      </c>
      <c r="E26800" s="15">
        <v>45531</v>
      </c>
      <c r="F26800" s="14" t="s">
        <v>25</v>
      </c>
      <c r="G26800" s="16">
        <v>2.0011336351300133</v>
      </c>
    </row>
    <row r="26801" spans="1:7" x14ac:dyDescent="0.3">
      <c r="A26801" s="13" t="s">
        <v>172</v>
      </c>
      <c r="B26801" s="14" t="s">
        <v>1</v>
      </c>
      <c r="C26801" s="14" t="s">
        <v>23</v>
      </c>
      <c r="D26801" s="14" t="s">
        <v>173</v>
      </c>
      <c r="E26801" s="15">
        <v>45532</v>
      </c>
      <c r="F26801" s="14" t="s">
        <v>25</v>
      </c>
      <c r="G26801" s="16">
        <v>2.0166282018878019</v>
      </c>
    </row>
    <row r="26802" spans="1:7" x14ac:dyDescent="0.3">
      <c r="A26802" s="13" t="s">
        <v>172</v>
      </c>
      <c r="B26802" s="14" t="s">
        <v>1</v>
      </c>
      <c r="C26802" s="14" t="s">
        <v>23</v>
      </c>
      <c r="D26802" s="14" t="s">
        <v>173</v>
      </c>
      <c r="E26802" s="15">
        <v>45533</v>
      </c>
      <c r="F26802" s="14" t="s">
        <v>25</v>
      </c>
      <c r="G26802" s="16">
        <v>2.041594738732031</v>
      </c>
    </row>
    <row r="26803" spans="1:7" x14ac:dyDescent="0.3">
      <c r="A26803" s="13" t="s">
        <v>172</v>
      </c>
      <c r="B26803" s="14" t="s">
        <v>1</v>
      </c>
      <c r="C26803" s="14" t="s">
        <v>23</v>
      </c>
      <c r="D26803" s="14" t="s">
        <v>173</v>
      </c>
      <c r="E26803" s="15">
        <v>45534</v>
      </c>
      <c r="F26803" s="14" t="s">
        <v>25</v>
      </c>
      <c r="G26803" s="16">
        <v>2.0612376416467422</v>
      </c>
    </row>
    <row r="26804" spans="1:7" x14ac:dyDescent="0.3">
      <c r="A26804" s="13" t="s">
        <v>172</v>
      </c>
      <c r="B26804" s="14" t="s">
        <v>1</v>
      </c>
      <c r="C26804" s="14" t="s">
        <v>23</v>
      </c>
      <c r="D26804" s="14" t="s">
        <v>173</v>
      </c>
      <c r="E26804" s="15">
        <v>45535</v>
      </c>
      <c r="F26804" s="14" t="s">
        <v>25</v>
      </c>
      <c r="G26804" s="16">
        <v>2.0612376416467422</v>
      </c>
    </row>
    <row r="26805" spans="1:7" x14ac:dyDescent="0.3">
      <c r="A26805" s="13" t="s">
        <v>172</v>
      </c>
      <c r="B26805" s="14" t="s">
        <v>1</v>
      </c>
      <c r="C26805" s="14" t="s">
        <v>23</v>
      </c>
      <c r="D26805" s="14" t="s">
        <v>173</v>
      </c>
      <c r="E26805" s="15">
        <v>45536</v>
      </c>
      <c r="F26805" s="14" t="s">
        <v>25</v>
      </c>
      <c r="G26805" s="16">
        <v>2.0612376416467422</v>
      </c>
    </row>
    <row r="26806" spans="1:7" x14ac:dyDescent="0.3">
      <c r="A26806" s="13" t="s">
        <v>172</v>
      </c>
      <c r="B26806" s="14" t="s">
        <v>1</v>
      </c>
      <c r="C26806" s="14" t="s">
        <v>23</v>
      </c>
      <c r="D26806" s="14" t="s">
        <v>173</v>
      </c>
      <c r="E26806" s="15">
        <v>45537</v>
      </c>
      <c r="F26806" s="14" t="s">
        <v>25</v>
      </c>
      <c r="G26806" s="16">
        <v>2.0612376416467422</v>
      </c>
    </row>
    <row r="26807" spans="1:7" x14ac:dyDescent="0.3">
      <c r="A26807" s="13" t="s">
        <v>172</v>
      </c>
      <c r="B26807" s="14" t="s">
        <v>1</v>
      </c>
      <c r="C26807" s="14" t="s">
        <v>23</v>
      </c>
      <c r="D26807" s="14" t="s">
        <v>173</v>
      </c>
      <c r="E26807" s="15">
        <v>45538</v>
      </c>
      <c r="F26807" s="14" t="s">
        <v>25</v>
      </c>
      <c r="G26807" s="16">
        <v>2.0759496150024472</v>
      </c>
    </row>
    <row r="26808" spans="1:7" x14ac:dyDescent="0.3">
      <c r="A26808" s="13" t="s">
        <v>172</v>
      </c>
      <c r="B26808" s="14" t="s">
        <v>1</v>
      </c>
      <c r="C26808" s="14" t="s">
        <v>23</v>
      </c>
      <c r="D26808" s="14" t="s">
        <v>173</v>
      </c>
      <c r="E26808" s="15">
        <v>45539</v>
      </c>
      <c r="F26808" s="14" t="s">
        <v>25</v>
      </c>
      <c r="G26808" s="16">
        <v>2.1106472051853373</v>
      </c>
    </row>
    <row r="26809" spans="1:7" x14ac:dyDescent="0.3">
      <c r="A26809" s="13" t="s">
        <v>172</v>
      </c>
      <c r="B26809" s="14" t="s">
        <v>1</v>
      </c>
      <c r="C26809" s="14" t="s">
        <v>23</v>
      </c>
      <c r="D26809" s="14" t="s">
        <v>173</v>
      </c>
      <c r="E26809" s="15">
        <v>45540</v>
      </c>
      <c r="F26809" s="14" t="s">
        <v>25</v>
      </c>
      <c r="G26809" s="16">
        <v>2.1180483627829063</v>
      </c>
    </row>
    <row r="26810" spans="1:7" x14ac:dyDescent="0.3">
      <c r="A26810" s="13" t="s">
        <v>172</v>
      </c>
      <c r="B26810" s="14" t="s">
        <v>1</v>
      </c>
      <c r="C26810" s="14" t="s">
        <v>23</v>
      </c>
      <c r="D26810" s="14" t="s">
        <v>173</v>
      </c>
      <c r="E26810" s="15">
        <v>45541</v>
      </c>
      <c r="F26810" s="14" t="s">
        <v>25</v>
      </c>
      <c r="G26810" s="16">
        <v>2.1288903686536842</v>
      </c>
    </row>
    <row r="26811" spans="1:7" x14ac:dyDescent="0.3">
      <c r="A26811" s="13" t="s">
        <v>172</v>
      </c>
      <c r="B26811" s="14" t="s">
        <v>1</v>
      </c>
      <c r="C26811" s="14" t="s">
        <v>23</v>
      </c>
      <c r="D26811" s="14" t="s">
        <v>173</v>
      </c>
      <c r="E26811" s="15">
        <v>45542</v>
      </c>
      <c r="F26811" s="14" t="s">
        <v>25</v>
      </c>
      <c r="G26811" s="16">
        <v>2.1288903686536842</v>
      </c>
    </row>
    <row r="26812" spans="1:7" x14ac:dyDescent="0.3">
      <c r="A26812" s="13" t="s">
        <v>172</v>
      </c>
      <c r="B26812" s="14" t="s">
        <v>1</v>
      </c>
      <c r="C26812" s="14" t="s">
        <v>23</v>
      </c>
      <c r="D26812" s="14" t="s">
        <v>173</v>
      </c>
      <c r="E26812" s="15">
        <v>45543</v>
      </c>
      <c r="F26812" s="14" t="s">
        <v>25</v>
      </c>
      <c r="G26812" s="16">
        <v>2.1288903686536842</v>
      </c>
    </row>
    <row r="26813" spans="1:7" x14ac:dyDescent="0.3">
      <c r="A26813" s="13" t="s">
        <v>172</v>
      </c>
      <c r="B26813" s="14" t="s">
        <v>1</v>
      </c>
      <c r="C26813" s="14" t="s">
        <v>23</v>
      </c>
      <c r="D26813" s="14" t="s">
        <v>173</v>
      </c>
      <c r="E26813" s="15">
        <v>45544</v>
      </c>
      <c r="F26813" s="14" t="s">
        <v>25</v>
      </c>
      <c r="G26813" s="16">
        <v>2.1866534020409572</v>
      </c>
    </row>
    <row r="26814" spans="1:7" x14ac:dyDescent="0.3">
      <c r="A26814" s="13" t="s">
        <v>172</v>
      </c>
      <c r="B26814" s="14" t="s">
        <v>1</v>
      </c>
      <c r="C26814" s="14" t="s">
        <v>23</v>
      </c>
      <c r="D26814" s="14" t="s">
        <v>173</v>
      </c>
      <c r="E26814" s="15">
        <v>45545</v>
      </c>
      <c r="F26814" s="14" t="s">
        <v>25</v>
      </c>
      <c r="G26814" s="16">
        <v>2.2173193730063243</v>
      </c>
    </row>
    <row r="26815" spans="1:7" x14ac:dyDescent="0.3">
      <c r="A26815" s="13" t="s">
        <v>172</v>
      </c>
      <c r="B26815" s="14" t="s">
        <v>1</v>
      </c>
      <c r="C26815" s="14" t="s">
        <v>23</v>
      </c>
      <c r="D26815" s="14" t="s">
        <v>173</v>
      </c>
      <c r="E26815" s="15">
        <v>45546</v>
      </c>
      <c r="F26815" s="14" t="s">
        <v>25</v>
      </c>
      <c r="G26815" s="16">
        <v>2.2424872797985409</v>
      </c>
    </row>
    <row r="26816" spans="1:7" x14ac:dyDescent="0.3">
      <c r="A26816" s="13" t="s">
        <v>172</v>
      </c>
      <c r="B26816" s="14" t="s">
        <v>1</v>
      </c>
      <c r="C26816" s="14" t="s">
        <v>23</v>
      </c>
      <c r="D26816" s="14" t="s">
        <v>173</v>
      </c>
      <c r="E26816" s="15">
        <v>45547</v>
      </c>
      <c r="F26816" s="14" t="s">
        <v>25</v>
      </c>
      <c r="G26816" s="16">
        <v>2.2534516015144694</v>
      </c>
    </row>
    <row r="26817" spans="1:7" x14ac:dyDescent="0.3">
      <c r="A26817" s="13" t="s">
        <v>172</v>
      </c>
      <c r="B26817" s="14" t="s">
        <v>1</v>
      </c>
      <c r="C26817" s="14" t="s">
        <v>23</v>
      </c>
      <c r="D26817" s="14" t="s">
        <v>173</v>
      </c>
      <c r="E26817" s="15">
        <v>45548</v>
      </c>
      <c r="F26817" s="14" t="s">
        <v>25</v>
      </c>
      <c r="G26817" s="16">
        <v>2.2613734836613748</v>
      </c>
    </row>
    <row r="26818" spans="1:7" x14ac:dyDescent="0.3">
      <c r="A26818" s="13" t="s">
        <v>172</v>
      </c>
      <c r="B26818" s="14" t="s">
        <v>1</v>
      </c>
      <c r="C26818" s="14" t="s">
        <v>23</v>
      </c>
      <c r="D26818" s="14" t="s">
        <v>173</v>
      </c>
      <c r="E26818" s="15">
        <v>45549</v>
      </c>
      <c r="F26818" s="14" t="s">
        <v>25</v>
      </c>
      <c r="G26818" s="16">
        <v>2.2613734836613748</v>
      </c>
    </row>
    <row r="26819" spans="1:7" x14ac:dyDescent="0.3">
      <c r="A26819" s="13" t="s">
        <v>172</v>
      </c>
      <c r="B26819" s="14" t="s">
        <v>1</v>
      </c>
      <c r="C26819" s="14" t="s">
        <v>23</v>
      </c>
      <c r="D26819" s="14" t="s">
        <v>173</v>
      </c>
      <c r="E26819" s="15">
        <v>45550</v>
      </c>
      <c r="F26819" s="14" t="s">
        <v>25</v>
      </c>
      <c r="G26819" s="16">
        <v>2.2613734836613748</v>
      </c>
    </row>
    <row r="26820" spans="1:7" x14ac:dyDescent="0.3">
      <c r="A26820" s="13" t="s">
        <v>172</v>
      </c>
      <c r="B26820" s="14" t="s">
        <v>1</v>
      </c>
      <c r="C26820" s="14" t="s">
        <v>23</v>
      </c>
      <c r="D26820" s="14" t="s">
        <v>173</v>
      </c>
      <c r="E26820" s="15">
        <v>45551</v>
      </c>
      <c r="F26820" s="14" t="s">
        <v>25</v>
      </c>
      <c r="G26820" s="16">
        <v>2.2636435038157203</v>
      </c>
    </row>
    <row r="26821" spans="1:7" x14ac:dyDescent="0.3">
      <c r="A26821" s="13" t="s">
        <v>172</v>
      </c>
      <c r="B26821" s="14" t="s">
        <v>1</v>
      </c>
      <c r="C26821" s="14" t="s">
        <v>23</v>
      </c>
      <c r="D26821" s="14" t="s">
        <v>173</v>
      </c>
      <c r="E26821" s="15">
        <v>45552</v>
      </c>
      <c r="F26821" s="14" t="s">
        <v>25</v>
      </c>
      <c r="G26821" s="16">
        <v>2.3118160094178606</v>
      </c>
    </row>
    <row r="26822" spans="1:7" x14ac:dyDescent="0.3">
      <c r="A26822" s="13" t="s">
        <v>172</v>
      </c>
      <c r="B26822" s="14" t="s">
        <v>1</v>
      </c>
      <c r="C26822" s="14" t="s">
        <v>23</v>
      </c>
      <c r="D26822" s="14" t="s">
        <v>173</v>
      </c>
      <c r="E26822" s="15">
        <v>45553</v>
      </c>
      <c r="F26822" s="14" t="s">
        <v>25</v>
      </c>
      <c r="G26822" s="16">
        <v>2.3232903782805501</v>
      </c>
    </row>
    <row r="26823" spans="1:7" x14ac:dyDescent="0.3">
      <c r="A26823" s="13" t="s">
        <v>172</v>
      </c>
      <c r="B26823" s="14" t="s">
        <v>1</v>
      </c>
      <c r="C26823" s="14" t="s">
        <v>23</v>
      </c>
      <c r="D26823" s="14" t="s">
        <v>173</v>
      </c>
      <c r="E26823" s="15">
        <v>45554</v>
      </c>
      <c r="F26823" s="14" t="s">
        <v>25</v>
      </c>
      <c r="G26823" s="16">
        <v>2.3407075597275617</v>
      </c>
    </row>
    <row r="26824" spans="1:7" x14ac:dyDescent="0.3">
      <c r="A26824" s="13" t="s">
        <v>172</v>
      </c>
      <c r="B26824" s="14" t="s">
        <v>1</v>
      </c>
      <c r="C26824" s="14" t="s">
        <v>23</v>
      </c>
      <c r="D26824" s="14" t="s">
        <v>173</v>
      </c>
      <c r="E26824" s="15">
        <v>45555</v>
      </c>
      <c r="F26824" s="14" t="s">
        <v>25</v>
      </c>
      <c r="G26824" s="16">
        <v>2.3616740215450749</v>
      </c>
    </row>
    <row r="26825" spans="1:7" x14ac:dyDescent="0.3">
      <c r="A26825" s="13" t="s">
        <v>172</v>
      </c>
      <c r="B26825" s="14" t="s">
        <v>1</v>
      </c>
      <c r="C26825" s="14" t="s">
        <v>23</v>
      </c>
      <c r="D26825" s="14" t="s">
        <v>173</v>
      </c>
      <c r="E26825" s="15">
        <v>45556</v>
      </c>
      <c r="F26825" s="14" t="s">
        <v>25</v>
      </c>
      <c r="G26825" s="16">
        <v>2.3616740215450749</v>
      </c>
    </row>
    <row r="26826" spans="1:7" x14ac:dyDescent="0.3">
      <c r="A26826" s="13" t="s">
        <v>172</v>
      </c>
      <c r="B26826" s="14" t="s">
        <v>1</v>
      </c>
      <c r="C26826" s="14" t="s">
        <v>23</v>
      </c>
      <c r="D26826" s="14" t="s">
        <v>173</v>
      </c>
      <c r="E26826" s="15">
        <v>45557</v>
      </c>
      <c r="F26826" s="14" t="s">
        <v>25</v>
      </c>
      <c r="G26826" s="16">
        <v>2.3616740215450749</v>
      </c>
    </row>
    <row r="26827" spans="1:7" x14ac:dyDescent="0.3">
      <c r="A26827" s="13" t="s">
        <v>172</v>
      </c>
      <c r="B26827" s="14" t="s">
        <v>1</v>
      </c>
      <c r="C26827" s="14" t="s">
        <v>23</v>
      </c>
      <c r="D26827" s="14" t="s">
        <v>173</v>
      </c>
      <c r="E26827" s="15">
        <v>45558</v>
      </c>
      <c r="F26827" s="14" t="s">
        <v>25</v>
      </c>
      <c r="G26827" s="16">
        <v>2.3686677119278605</v>
      </c>
    </row>
    <row r="26828" spans="1:7" x14ac:dyDescent="0.3">
      <c r="A26828" s="13" t="s">
        <v>172</v>
      </c>
      <c r="B26828" s="14" t="s">
        <v>1</v>
      </c>
      <c r="C26828" s="14" t="s">
        <v>23</v>
      </c>
      <c r="D26828" s="14" t="s">
        <v>173</v>
      </c>
      <c r="E26828" s="15">
        <v>45559</v>
      </c>
      <c r="F26828" s="14" t="s">
        <v>25</v>
      </c>
      <c r="G26828" s="16">
        <v>2.411185351414753</v>
      </c>
    </row>
    <row r="26829" spans="1:7" x14ac:dyDescent="0.3">
      <c r="A26829" s="13" t="s">
        <v>172</v>
      </c>
      <c r="B26829" s="14" t="s">
        <v>1</v>
      </c>
      <c r="C26829" s="14" t="s">
        <v>23</v>
      </c>
      <c r="D26829" s="14" t="s">
        <v>173</v>
      </c>
      <c r="E26829" s="15">
        <v>45560</v>
      </c>
      <c r="F26829" s="14" t="s">
        <v>25</v>
      </c>
      <c r="G26829" s="16">
        <v>2.4459468645952445</v>
      </c>
    </row>
    <row r="26830" spans="1:7" x14ac:dyDescent="0.3">
      <c r="A26830" s="13" t="s">
        <v>172</v>
      </c>
      <c r="B26830" s="14" t="s">
        <v>1</v>
      </c>
      <c r="C26830" s="14" t="s">
        <v>23</v>
      </c>
      <c r="D26830" s="14" t="s">
        <v>173</v>
      </c>
      <c r="E26830" s="15">
        <v>45561</v>
      </c>
      <c r="F26830" s="14" t="s">
        <v>25</v>
      </c>
      <c r="G26830" s="16">
        <v>2.4479546394109049</v>
      </c>
    </row>
    <row r="26831" spans="1:7" x14ac:dyDescent="0.3">
      <c r="A26831" s="13" t="s">
        <v>172</v>
      </c>
      <c r="B26831" s="14" t="s">
        <v>1</v>
      </c>
      <c r="C26831" s="14" t="s">
        <v>23</v>
      </c>
      <c r="D26831" s="14" t="s">
        <v>173</v>
      </c>
      <c r="E26831" s="15">
        <v>45562</v>
      </c>
      <c r="F26831" s="14" t="s">
        <v>25</v>
      </c>
      <c r="G26831" s="16">
        <v>2.4486644278435565</v>
      </c>
    </row>
    <row r="26832" spans="1:7" x14ac:dyDescent="0.3">
      <c r="A26832" s="13" t="s">
        <v>172</v>
      </c>
      <c r="B26832" s="14" t="s">
        <v>1</v>
      </c>
      <c r="C26832" s="14" t="s">
        <v>23</v>
      </c>
      <c r="D26832" s="14" t="s">
        <v>173</v>
      </c>
      <c r="E26832" s="15">
        <v>45563</v>
      </c>
      <c r="F26832" s="14" t="s">
        <v>25</v>
      </c>
      <c r="G26832" s="16">
        <v>2.4486644278435565</v>
      </c>
    </row>
    <row r="26833" spans="1:7" x14ac:dyDescent="0.3">
      <c r="A26833" s="13" t="s">
        <v>172</v>
      </c>
      <c r="B26833" s="14" t="s">
        <v>1</v>
      </c>
      <c r="C26833" s="14" t="s">
        <v>23</v>
      </c>
      <c r="D26833" s="14" t="s">
        <v>173</v>
      </c>
      <c r="E26833" s="15">
        <v>45564</v>
      </c>
      <c r="F26833" s="14" t="s">
        <v>25</v>
      </c>
      <c r="G26833" s="16">
        <v>2.4486644278435565</v>
      </c>
    </row>
    <row r="26834" spans="1:7" x14ac:dyDescent="0.3">
      <c r="A26834" s="13" t="s">
        <v>172</v>
      </c>
      <c r="B26834" s="14" t="s">
        <v>1</v>
      </c>
      <c r="C26834" s="14" t="s">
        <v>23</v>
      </c>
      <c r="D26834" s="14" t="s">
        <v>173</v>
      </c>
      <c r="E26834" s="15">
        <v>45565</v>
      </c>
      <c r="F26834" s="14" t="s">
        <v>25</v>
      </c>
      <c r="G26834" s="16">
        <v>2.4775098902475761</v>
      </c>
    </row>
    <row r="26835" spans="1:7" x14ac:dyDescent="0.3">
      <c r="A26835" s="13" t="s">
        <v>172</v>
      </c>
      <c r="B26835" s="14" t="s">
        <v>1</v>
      </c>
      <c r="C26835" s="14" t="s">
        <v>23</v>
      </c>
      <c r="D26835" s="14" t="s">
        <v>173</v>
      </c>
      <c r="E26835" s="15">
        <v>45566</v>
      </c>
      <c r="F26835" s="14" t="s">
        <v>25</v>
      </c>
      <c r="G26835" s="16">
        <v>2.5234911966466016</v>
      </c>
    </row>
    <row r="26836" spans="1:7" x14ac:dyDescent="0.3">
      <c r="A26836" s="13" t="s">
        <v>172</v>
      </c>
      <c r="B26836" s="14" t="s">
        <v>1</v>
      </c>
      <c r="C26836" s="14" t="s">
        <v>23</v>
      </c>
      <c r="D26836" s="14" t="s">
        <v>173</v>
      </c>
      <c r="E26836" s="15">
        <v>45567</v>
      </c>
      <c r="F26836" s="14" t="s">
        <v>25</v>
      </c>
      <c r="G26836" s="16">
        <v>2.5471996048031347</v>
      </c>
    </row>
    <row r="26837" spans="1:7" x14ac:dyDescent="0.3">
      <c r="A26837" s="13" t="s">
        <v>172</v>
      </c>
      <c r="B26837" s="14" t="s">
        <v>1</v>
      </c>
      <c r="C26837" s="14" t="s">
        <v>23</v>
      </c>
      <c r="D26837" s="14" t="s">
        <v>173</v>
      </c>
      <c r="E26837" s="15">
        <v>45568</v>
      </c>
      <c r="F26837" s="14" t="s">
        <v>25</v>
      </c>
      <c r="G26837" s="16">
        <v>2.5618098990099756</v>
      </c>
    </row>
    <row r="26838" spans="1:7" x14ac:dyDescent="0.3">
      <c r="A26838" s="13" t="s">
        <v>172</v>
      </c>
      <c r="B26838" s="14" t="s">
        <v>1</v>
      </c>
      <c r="C26838" s="14" t="s">
        <v>23</v>
      </c>
      <c r="D26838" s="14" t="s">
        <v>173</v>
      </c>
      <c r="E26838" s="15">
        <v>45569</v>
      </c>
      <c r="F26838" s="14" t="s">
        <v>25</v>
      </c>
      <c r="G26838" s="16">
        <v>2.5918457403245032</v>
      </c>
    </row>
    <row r="26839" spans="1:7" x14ac:dyDescent="0.3">
      <c r="A26839" s="13" t="s">
        <v>172</v>
      </c>
      <c r="B26839" s="14" t="s">
        <v>1</v>
      </c>
      <c r="C26839" s="14" t="s">
        <v>23</v>
      </c>
      <c r="D26839" s="14" t="s">
        <v>173</v>
      </c>
      <c r="E26839" s="15">
        <v>45570</v>
      </c>
      <c r="F26839" s="14" t="s">
        <v>25</v>
      </c>
      <c r="G26839" s="16">
        <v>2.5918457403245032</v>
      </c>
    </row>
    <row r="26840" spans="1:7" x14ac:dyDescent="0.3">
      <c r="A26840" s="13" t="s">
        <v>172</v>
      </c>
      <c r="B26840" s="14" t="s">
        <v>1</v>
      </c>
      <c r="C26840" s="14" t="s">
        <v>23</v>
      </c>
      <c r="D26840" s="14" t="s">
        <v>173</v>
      </c>
      <c r="E26840" s="15">
        <v>45571</v>
      </c>
      <c r="F26840" s="14" t="s">
        <v>25</v>
      </c>
      <c r="G26840" s="16">
        <v>2.5918457403245032</v>
      </c>
    </row>
    <row r="26841" spans="1:7" x14ac:dyDescent="0.3">
      <c r="A26841" s="13" t="s">
        <v>172</v>
      </c>
      <c r="B26841" s="14" t="s">
        <v>1</v>
      </c>
      <c r="C26841" s="14" t="s">
        <v>23</v>
      </c>
      <c r="D26841" s="14" t="s">
        <v>173</v>
      </c>
      <c r="E26841" s="15">
        <v>45572</v>
      </c>
      <c r="F26841" s="14" t="s">
        <v>25</v>
      </c>
      <c r="G26841" s="16">
        <v>2.6192279646640242</v>
      </c>
    </row>
    <row r="26842" spans="1:7" x14ac:dyDescent="0.3">
      <c r="A26842" s="13" t="s">
        <v>172</v>
      </c>
      <c r="B26842" s="14" t="s">
        <v>1</v>
      </c>
      <c r="C26842" s="14" t="s">
        <v>23</v>
      </c>
      <c r="D26842" s="14" t="s">
        <v>173</v>
      </c>
      <c r="E26842" s="15">
        <v>45573</v>
      </c>
      <c r="F26842" s="14" t="s">
        <v>25</v>
      </c>
      <c r="G26842" s="16">
        <v>2.672090322059566</v>
      </c>
    </row>
    <row r="26843" spans="1:7" x14ac:dyDescent="0.3">
      <c r="A26843" s="13" t="s">
        <v>172</v>
      </c>
      <c r="B26843" s="14" t="s">
        <v>1</v>
      </c>
      <c r="C26843" s="14" t="s">
        <v>23</v>
      </c>
      <c r="D26843" s="14" t="s">
        <v>173</v>
      </c>
      <c r="E26843" s="15">
        <v>45574</v>
      </c>
      <c r="F26843" s="14" t="s">
        <v>25</v>
      </c>
      <c r="G26843" s="16">
        <v>2.6984441094810245</v>
      </c>
    </row>
    <row r="26844" spans="1:7" x14ac:dyDescent="0.3">
      <c r="A26844" s="13" t="s">
        <v>172</v>
      </c>
      <c r="B26844" s="14" t="s">
        <v>1</v>
      </c>
      <c r="C26844" s="14" t="s">
        <v>23</v>
      </c>
      <c r="D26844" s="14" t="s">
        <v>173</v>
      </c>
      <c r="E26844" s="15">
        <v>45575</v>
      </c>
      <c r="F26844" s="14" t="s">
        <v>25</v>
      </c>
      <c r="G26844" s="16">
        <v>2.699343949732929</v>
      </c>
    </row>
    <row r="26845" spans="1:7" x14ac:dyDescent="0.3">
      <c r="A26845" s="13" t="s">
        <v>172</v>
      </c>
      <c r="B26845" s="14" t="s">
        <v>1</v>
      </c>
      <c r="C26845" s="14" t="s">
        <v>23</v>
      </c>
      <c r="D26845" s="14" t="s">
        <v>173</v>
      </c>
      <c r="E26845" s="15">
        <v>45576</v>
      </c>
      <c r="F26845" s="14" t="s">
        <v>25</v>
      </c>
      <c r="G26845" s="16">
        <v>2.7167246853739071</v>
      </c>
    </row>
    <row r="26846" spans="1:7" x14ac:dyDescent="0.3">
      <c r="A26846" s="13" t="s">
        <v>172</v>
      </c>
      <c r="B26846" s="14" t="s">
        <v>1</v>
      </c>
      <c r="C26846" s="14" t="s">
        <v>23</v>
      </c>
      <c r="D26846" s="14" t="s">
        <v>173</v>
      </c>
      <c r="E26846" s="15">
        <v>45577</v>
      </c>
      <c r="F26846" s="14" t="s">
        <v>25</v>
      </c>
      <c r="G26846" s="16">
        <v>2.7167246853739071</v>
      </c>
    </row>
    <row r="26847" spans="1:7" x14ac:dyDescent="0.3">
      <c r="A26847" s="13" t="s">
        <v>172</v>
      </c>
      <c r="B26847" s="14" t="s">
        <v>1</v>
      </c>
      <c r="C26847" s="14" t="s">
        <v>23</v>
      </c>
      <c r="D26847" s="14" t="s">
        <v>173</v>
      </c>
      <c r="E26847" s="15">
        <v>45578</v>
      </c>
      <c r="F26847" s="14" t="s">
        <v>25</v>
      </c>
      <c r="G26847" s="16">
        <v>2.7167246853739071</v>
      </c>
    </row>
    <row r="26848" spans="1:7" x14ac:dyDescent="0.3">
      <c r="A26848" s="13" t="s">
        <v>172</v>
      </c>
      <c r="B26848" s="14" t="s">
        <v>1</v>
      </c>
      <c r="C26848" s="14" t="s">
        <v>23</v>
      </c>
      <c r="D26848" s="14" t="s">
        <v>173</v>
      </c>
      <c r="E26848" s="15">
        <v>45579</v>
      </c>
      <c r="F26848" s="14" t="s">
        <v>25</v>
      </c>
      <c r="G26848" s="16">
        <v>2.7167246853739071</v>
      </c>
    </row>
    <row r="26849" spans="1:7" x14ac:dyDescent="0.3">
      <c r="A26849" s="13" t="s">
        <v>172</v>
      </c>
      <c r="B26849" s="14" t="s">
        <v>1</v>
      </c>
      <c r="C26849" s="14" t="s">
        <v>23</v>
      </c>
      <c r="D26849" s="14" t="s">
        <v>173</v>
      </c>
      <c r="E26849" s="15">
        <v>45580</v>
      </c>
      <c r="F26849" s="14" t="s">
        <v>25</v>
      </c>
      <c r="G26849" s="16">
        <v>2.7460233789458703</v>
      </c>
    </row>
    <row r="26850" spans="1:7" x14ac:dyDescent="0.3">
      <c r="A26850" s="13" t="s">
        <v>172</v>
      </c>
      <c r="B26850" s="14" t="s">
        <v>1</v>
      </c>
      <c r="C26850" s="14" t="s">
        <v>23</v>
      </c>
      <c r="D26850" s="14" t="s">
        <v>173</v>
      </c>
      <c r="E26850" s="15">
        <v>45581</v>
      </c>
      <c r="F26850" s="14" t="s">
        <v>25</v>
      </c>
      <c r="G26850" s="16">
        <v>2.817299612712278</v>
      </c>
    </row>
    <row r="26851" spans="1:7" x14ac:dyDescent="0.3">
      <c r="A26851" s="13" t="s">
        <v>172</v>
      </c>
      <c r="B26851" s="14" t="s">
        <v>1</v>
      </c>
      <c r="C26851" s="14" t="s">
        <v>23</v>
      </c>
      <c r="D26851" s="14" t="s">
        <v>173</v>
      </c>
      <c r="E26851" s="15">
        <v>45582</v>
      </c>
      <c r="F26851" s="14" t="s">
        <v>25</v>
      </c>
      <c r="G26851" s="16">
        <v>2.8327301155914548</v>
      </c>
    </row>
    <row r="26852" spans="1:7" x14ac:dyDescent="0.3">
      <c r="A26852" s="13" t="s">
        <v>172</v>
      </c>
      <c r="B26852" s="14" t="s">
        <v>1</v>
      </c>
      <c r="C26852" s="14" t="s">
        <v>23</v>
      </c>
      <c r="D26852" s="14" t="s">
        <v>173</v>
      </c>
      <c r="E26852" s="15">
        <v>45583</v>
      </c>
      <c r="F26852" s="14" t="s">
        <v>25</v>
      </c>
      <c r="G26852" s="16">
        <v>2.8439206755543776</v>
      </c>
    </row>
    <row r="26853" spans="1:7" x14ac:dyDescent="0.3">
      <c r="A26853" s="13" t="s">
        <v>172</v>
      </c>
      <c r="B26853" s="14" t="s">
        <v>1</v>
      </c>
      <c r="C26853" s="14" t="s">
        <v>23</v>
      </c>
      <c r="D26853" s="14" t="s">
        <v>173</v>
      </c>
      <c r="E26853" s="15">
        <v>45584</v>
      </c>
      <c r="F26853" s="14" t="s">
        <v>25</v>
      </c>
      <c r="G26853" s="16">
        <v>2.8439206755543776</v>
      </c>
    </row>
    <row r="26854" spans="1:7" x14ac:dyDescent="0.3">
      <c r="A26854" s="13" t="s">
        <v>172</v>
      </c>
      <c r="B26854" s="14" t="s">
        <v>1</v>
      </c>
      <c r="C26854" s="14" t="s">
        <v>23</v>
      </c>
      <c r="D26854" s="14" t="s">
        <v>173</v>
      </c>
      <c r="E26854" s="15">
        <v>45585</v>
      </c>
      <c r="F26854" s="14" t="s">
        <v>25</v>
      </c>
      <c r="G26854" s="16">
        <v>2.8439206755543776</v>
      </c>
    </row>
    <row r="26855" spans="1:7" x14ac:dyDescent="0.3">
      <c r="A26855" s="13" t="s">
        <v>172</v>
      </c>
      <c r="B26855" s="14" t="s">
        <v>1</v>
      </c>
      <c r="C26855" s="14" t="s">
        <v>23</v>
      </c>
      <c r="D26855" s="14" t="s">
        <v>173</v>
      </c>
      <c r="E26855" s="15">
        <v>45586</v>
      </c>
      <c r="F26855" s="14" t="s">
        <v>25</v>
      </c>
      <c r="G26855" s="16">
        <v>2.8620250754281882</v>
      </c>
    </row>
    <row r="26856" spans="1:7" x14ac:dyDescent="0.3">
      <c r="A26856" s="13" t="s">
        <v>172</v>
      </c>
      <c r="B26856" s="14" t="s">
        <v>1</v>
      </c>
      <c r="C26856" s="14" t="s">
        <v>23</v>
      </c>
      <c r="D26856" s="14" t="s">
        <v>173</v>
      </c>
      <c r="E26856" s="15">
        <v>45587</v>
      </c>
      <c r="F26856" s="14" t="s">
        <v>25</v>
      </c>
      <c r="G26856" s="16">
        <v>2.9027337392584145</v>
      </c>
    </row>
    <row r="26857" spans="1:7" x14ac:dyDescent="0.3">
      <c r="A26857" s="13" t="s">
        <v>172</v>
      </c>
      <c r="B26857" s="14" t="s">
        <v>1</v>
      </c>
      <c r="C26857" s="14" t="s">
        <v>23</v>
      </c>
      <c r="D26857" s="14" t="s">
        <v>173</v>
      </c>
      <c r="E26857" s="15">
        <v>45588</v>
      </c>
      <c r="F26857" s="14" t="s">
        <v>25</v>
      </c>
      <c r="G26857" s="16">
        <v>2.9206059406604306</v>
      </c>
    </row>
    <row r="26858" spans="1:7" x14ac:dyDescent="0.3">
      <c r="A26858" s="13" t="s">
        <v>172</v>
      </c>
      <c r="B26858" s="14" t="s">
        <v>1</v>
      </c>
      <c r="C26858" s="14" t="s">
        <v>23</v>
      </c>
      <c r="D26858" s="14" t="s">
        <v>173</v>
      </c>
      <c r="E26858" s="15">
        <v>45589</v>
      </c>
      <c r="F26858" s="14" t="s">
        <v>25</v>
      </c>
      <c r="G26858" s="16">
        <v>2.9324216196737534</v>
      </c>
    </row>
    <row r="26859" spans="1:7" x14ac:dyDescent="0.3">
      <c r="A26859" s="13" t="s">
        <v>172</v>
      </c>
      <c r="B26859" s="14" t="s">
        <v>1</v>
      </c>
      <c r="C26859" s="14" t="s">
        <v>23</v>
      </c>
      <c r="D26859" s="14" t="s">
        <v>173</v>
      </c>
      <c r="E26859" s="15">
        <v>45590</v>
      </c>
      <c r="F26859" s="14" t="s">
        <v>25</v>
      </c>
      <c r="G26859" s="16">
        <v>2.9497323536057229</v>
      </c>
    </row>
    <row r="26860" spans="1:7" x14ac:dyDescent="0.3">
      <c r="A26860" s="13" t="s">
        <v>172</v>
      </c>
      <c r="B26860" s="14" t="s">
        <v>1</v>
      </c>
      <c r="C26860" s="14" t="s">
        <v>23</v>
      </c>
      <c r="D26860" s="14" t="s">
        <v>173</v>
      </c>
      <c r="E26860" s="15">
        <v>45591</v>
      </c>
      <c r="F26860" s="14" t="s">
        <v>25</v>
      </c>
      <c r="G26860" s="16">
        <v>2.9497323536057229</v>
      </c>
    </row>
    <row r="26861" spans="1:7" x14ac:dyDescent="0.3">
      <c r="A26861" s="13" t="s">
        <v>172</v>
      </c>
      <c r="B26861" s="14" t="s">
        <v>1</v>
      </c>
      <c r="C26861" s="14" t="s">
        <v>23</v>
      </c>
      <c r="D26861" s="14" t="s">
        <v>173</v>
      </c>
      <c r="E26861" s="15">
        <v>45592</v>
      </c>
      <c r="F26861" s="14" t="s">
        <v>25</v>
      </c>
      <c r="G26861" s="16">
        <v>2.9497323536057229</v>
      </c>
    </row>
    <row r="26862" spans="1:7" x14ac:dyDescent="0.3">
      <c r="A26862" s="13" t="s">
        <v>172</v>
      </c>
      <c r="B26862" s="14" t="s">
        <v>1</v>
      </c>
      <c r="C26862" s="14" t="s">
        <v>23</v>
      </c>
      <c r="D26862" s="14" t="s">
        <v>173</v>
      </c>
      <c r="E26862" s="15">
        <v>45593</v>
      </c>
      <c r="F26862" s="14" t="s">
        <v>25</v>
      </c>
      <c r="G26862" s="16">
        <v>2.9497323536057229</v>
      </c>
    </row>
    <row r="26863" spans="1:7" x14ac:dyDescent="0.3">
      <c r="A26863" s="13" t="s">
        <v>172</v>
      </c>
      <c r="B26863" s="14" t="s">
        <v>1</v>
      </c>
      <c r="C26863" s="14" t="s">
        <v>23</v>
      </c>
      <c r="D26863" s="14" t="s">
        <v>173</v>
      </c>
      <c r="E26863" s="15">
        <v>45594</v>
      </c>
      <c r="F26863" s="14" t="s">
        <v>25</v>
      </c>
      <c r="G26863" s="16">
        <v>2.9685953355018864</v>
      </c>
    </row>
    <row r="26864" spans="1:7" x14ac:dyDescent="0.3">
      <c r="A26864" s="13" t="s">
        <v>172</v>
      </c>
      <c r="B26864" s="14" t="s">
        <v>1</v>
      </c>
      <c r="C26864" s="14" t="s">
        <v>23</v>
      </c>
      <c r="D26864" s="14" t="s">
        <v>173</v>
      </c>
      <c r="E26864" s="15">
        <v>45595</v>
      </c>
      <c r="F26864" s="14" t="s">
        <v>25</v>
      </c>
      <c r="G26864" s="16">
        <v>3.0230751410730914</v>
      </c>
    </row>
    <row r="26865" spans="1:7" x14ac:dyDescent="0.3">
      <c r="A26865" s="13" t="s">
        <v>172</v>
      </c>
      <c r="B26865" s="14" t="s">
        <v>1</v>
      </c>
      <c r="C26865" s="14" t="s">
        <v>23</v>
      </c>
      <c r="D26865" s="14" t="s">
        <v>173</v>
      </c>
      <c r="E26865" s="15">
        <v>45596</v>
      </c>
      <c r="F26865" s="14" t="s">
        <v>25</v>
      </c>
      <c r="G26865" s="16">
        <v>3.0144634334900715</v>
      </c>
    </row>
    <row r="26866" spans="1:7" x14ac:dyDescent="0.3">
      <c r="A26866" s="13" t="s">
        <v>172</v>
      </c>
      <c r="B26866" s="14" t="s">
        <v>1</v>
      </c>
      <c r="C26866" s="14" t="s">
        <v>23</v>
      </c>
      <c r="D26866" s="14" t="s">
        <v>173</v>
      </c>
      <c r="E26866" s="15">
        <v>45597</v>
      </c>
      <c r="F26866" s="14" t="s">
        <v>25</v>
      </c>
      <c r="G26866" s="16">
        <v>3.0500037704134431</v>
      </c>
    </row>
    <row r="26867" spans="1:7" x14ac:dyDescent="0.3">
      <c r="A26867" s="13" t="s">
        <v>172</v>
      </c>
      <c r="B26867" s="14" t="s">
        <v>1</v>
      </c>
      <c r="C26867" s="14" t="s">
        <v>23</v>
      </c>
      <c r="D26867" s="14" t="s">
        <v>173</v>
      </c>
      <c r="E26867" s="15">
        <v>45598</v>
      </c>
      <c r="F26867" s="14" t="s">
        <v>25</v>
      </c>
      <c r="G26867" s="16">
        <v>3.0500037704134431</v>
      </c>
    </row>
    <row r="26868" spans="1:7" x14ac:dyDescent="0.3">
      <c r="A26868" s="13" t="s">
        <v>172</v>
      </c>
      <c r="B26868" s="14" t="s">
        <v>1</v>
      </c>
      <c r="C26868" s="14" t="s">
        <v>23</v>
      </c>
      <c r="D26868" s="14" t="s">
        <v>173</v>
      </c>
      <c r="E26868" s="15">
        <v>45599</v>
      </c>
      <c r="F26868" s="14" t="s">
        <v>25</v>
      </c>
      <c r="G26868" s="16">
        <v>3.0500037704134431</v>
      </c>
    </row>
    <row r="26869" spans="1:7" x14ac:dyDescent="0.3">
      <c r="A26869" s="13" t="s">
        <v>172</v>
      </c>
      <c r="B26869" s="14" t="s">
        <v>1</v>
      </c>
      <c r="C26869" s="14" t="s">
        <v>23</v>
      </c>
      <c r="D26869" s="14" t="s">
        <v>173</v>
      </c>
      <c r="E26869" s="15">
        <v>45600</v>
      </c>
      <c r="F26869" s="14" t="s">
        <v>25</v>
      </c>
      <c r="G26869" s="16">
        <v>3.034635337656463</v>
      </c>
    </row>
    <row r="26870" spans="1:7" x14ac:dyDescent="0.3">
      <c r="A26870" s="13" t="s">
        <v>172</v>
      </c>
      <c r="B26870" s="14" t="s">
        <v>1</v>
      </c>
      <c r="C26870" s="14" t="s">
        <v>23</v>
      </c>
      <c r="D26870" s="14" t="s">
        <v>173</v>
      </c>
      <c r="E26870" s="15">
        <v>45601</v>
      </c>
      <c r="F26870" s="14" t="s">
        <v>25</v>
      </c>
      <c r="G26870" s="16">
        <v>3.0737787541955273</v>
      </c>
    </row>
    <row r="26871" spans="1:7" x14ac:dyDescent="0.3">
      <c r="A26871" s="13" t="s">
        <v>172</v>
      </c>
      <c r="B26871" s="14" t="s">
        <v>1</v>
      </c>
      <c r="C26871" s="14" t="s">
        <v>23</v>
      </c>
      <c r="D26871" s="14" t="s">
        <v>173</v>
      </c>
      <c r="E26871" s="15">
        <v>45602</v>
      </c>
      <c r="F26871" s="14" t="s">
        <v>25</v>
      </c>
      <c r="G26871" s="16">
        <v>3.1360464771951087</v>
      </c>
    </row>
    <row r="26872" spans="1:7" x14ac:dyDescent="0.3">
      <c r="A26872" s="13" t="s">
        <v>172</v>
      </c>
      <c r="B26872" s="14" t="s">
        <v>1</v>
      </c>
      <c r="C26872" s="14" t="s">
        <v>23</v>
      </c>
      <c r="D26872" s="14" t="s">
        <v>173</v>
      </c>
      <c r="E26872" s="15">
        <v>45603</v>
      </c>
      <c r="F26872" s="14" t="s">
        <v>25</v>
      </c>
      <c r="G26872" s="16">
        <v>3.1384615397952782</v>
      </c>
    </row>
    <row r="26873" spans="1:7" x14ac:dyDescent="0.3">
      <c r="A26873" s="13" t="s">
        <v>172</v>
      </c>
      <c r="B26873" s="14" t="s">
        <v>1</v>
      </c>
      <c r="C26873" s="14" t="s">
        <v>23</v>
      </c>
      <c r="D26873" s="14" t="s">
        <v>173</v>
      </c>
      <c r="E26873" s="15">
        <v>45604</v>
      </c>
      <c r="F26873" s="14" t="s">
        <v>25</v>
      </c>
      <c r="G26873" s="16">
        <v>3.1634140878180994</v>
      </c>
    </row>
    <row r="26874" spans="1:7" x14ac:dyDescent="0.3">
      <c r="A26874" s="13" t="s">
        <v>172</v>
      </c>
      <c r="B26874" s="14" t="s">
        <v>1</v>
      </c>
      <c r="C26874" s="14" t="s">
        <v>23</v>
      </c>
      <c r="D26874" s="14" t="s">
        <v>173</v>
      </c>
      <c r="E26874" s="15">
        <v>45605</v>
      </c>
      <c r="F26874" s="14" t="s">
        <v>25</v>
      </c>
      <c r="G26874" s="16">
        <v>3.1634140878180994</v>
      </c>
    </row>
    <row r="26875" spans="1:7" x14ac:dyDescent="0.3">
      <c r="A26875" s="13" t="s">
        <v>172</v>
      </c>
      <c r="B26875" s="14" t="s">
        <v>1</v>
      </c>
      <c r="C26875" s="14" t="s">
        <v>23</v>
      </c>
      <c r="D26875" s="14" t="s">
        <v>173</v>
      </c>
      <c r="E26875" s="15">
        <v>45606</v>
      </c>
      <c r="F26875" s="14" t="s">
        <v>25</v>
      </c>
      <c r="G26875" s="16">
        <v>3.1634140878180994</v>
      </c>
    </row>
    <row r="26876" spans="1:7" x14ac:dyDescent="0.3">
      <c r="A26876" s="13" t="s">
        <v>172</v>
      </c>
      <c r="B26876" s="14" t="s">
        <v>1</v>
      </c>
      <c r="C26876" s="14" t="s">
        <v>23</v>
      </c>
      <c r="D26876" s="14" t="s">
        <v>173</v>
      </c>
      <c r="E26876" s="15">
        <v>45607</v>
      </c>
      <c r="F26876" s="14" t="s">
        <v>25</v>
      </c>
      <c r="G26876" s="16">
        <v>3.1634140878180994</v>
      </c>
    </row>
    <row r="26877" spans="1:7" x14ac:dyDescent="0.3">
      <c r="A26877" s="13" t="s">
        <v>172</v>
      </c>
      <c r="B26877" s="14" t="s">
        <v>1</v>
      </c>
      <c r="C26877" s="14" t="s">
        <v>23</v>
      </c>
      <c r="D26877" s="14" t="s">
        <v>173</v>
      </c>
      <c r="E26877" s="15">
        <v>45608</v>
      </c>
      <c r="F26877" s="14" t="s">
        <v>25</v>
      </c>
      <c r="G26877" s="16">
        <v>3.1997247552361192</v>
      </c>
    </row>
    <row r="26878" spans="1:7" x14ac:dyDescent="0.3">
      <c r="A26878" s="13" t="s">
        <v>172</v>
      </c>
      <c r="B26878" s="14" t="s">
        <v>1</v>
      </c>
      <c r="C26878" s="14" t="s">
        <v>23</v>
      </c>
      <c r="D26878" s="14" t="s">
        <v>173</v>
      </c>
      <c r="E26878" s="15">
        <v>45609</v>
      </c>
      <c r="F26878" s="14" t="s">
        <v>25</v>
      </c>
      <c r="G26878" s="16">
        <v>3.2863155720868327</v>
      </c>
    </row>
    <row r="26879" spans="1:7" x14ac:dyDescent="0.3">
      <c r="A26879" s="13" t="s">
        <v>172</v>
      </c>
      <c r="B26879" s="14" t="s">
        <v>1</v>
      </c>
      <c r="C26879" s="14" t="s">
        <v>23</v>
      </c>
      <c r="D26879" s="14" t="s">
        <v>173</v>
      </c>
      <c r="E26879" s="15">
        <v>45610</v>
      </c>
      <c r="F26879" s="14" t="s">
        <v>25</v>
      </c>
      <c r="G26879" s="16">
        <v>3.3159152341320577</v>
      </c>
    </row>
    <row r="26880" spans="1:7" x14ac:dyDescent="0.3">
      <c r="A26880" s="13" t="s">
        <v>172</v>
      </c>
      <c r="B26880" s="14" t="s">
        <v>1</v>
      </c>
      <c r="C26880" s="14" t="s">
        <v>23</v>
      </c>
      <c r="D26880" s="14" t="s">
        <v>173</v>
      </c>
      <c r="E26880" s="15">
        <v>45611</v>
      </c>
      <c r="F26880" s="14" t="s">
        <v>25</v>
      </c>
      <c r="G26880" s="16">
        <v>3.3220798784478234</v>
      </c>
    </row>
    <row r="26881" spans="1:7" x14ac:dyDescent="0.3">
      <c r="A26881" s="13" t="s">
        <v>172</v>
      </c>
      <c r="B26881" s="14" t="s">
        <v>1</v>
      </c>
      <c r="C26881" s="14" t="s">
        <v>23</v>
      </c>
      <c r="D26881" s="14" t="s">
        <v>173</v>
      </c>
      <c r="E26881" s="15">
        <v>45612</v>
      </c>
      <c r="F26881" s="14" t="s">
        <v>25</v>
      </c>
      <c r="G26881" s="16">
        <v>3.3220798784478234</v>
      </c>
    </row>
    <row r="26882" spans="1:7" x14ac:dyDescent="0.3">
      <c r="A26882" s="13" t="s">
        <v>172</v>
      </c>
      <c r="B26882" s="14" t="s">
        <v>1</v>
      </c>
      <c r="C26882" s="14" t="s">
        <v>23</v>
      </c>
      <c r="D26882" s="14" t="s">
        <v>173</v>
      </c>
      <c r="E26882" s="15">
        <v>45613</v>
      </c>
      <c r="F26882" s="14" t="s">
        <v>25</v>
      </c>
      <c r="G26882" s="16">
        <v>3.3220798784478234</v>
      </c>
    </row>
    <row r="26883" spans="1:7" x14ac:dyDescent="0.3">
      <c r="A26883" s="13" t="s">
        <v>172</v>
      </c>
      <c r="B26883" s="14" t="s">
        <v>1</v>
      </c>
      <c r="C26883" s="14" t="s">
        <v>23</v>
      </c>
      <c r="D26883" s="14" t="s">
        <v>173</v>
      </c>
      <c r="E26883" s="15">
        <v>45614</v>
      </c>
      <c r="F26883" s="14" t="s">
        <v>25</v>
      </c>
      <c r="G26883" s="16">
        <v>3.3172237669999558</v>
      </c>
    </row>
    <row r="26884" spans="1:7" x14ac:dyDescent="0.3">
      <c r="A26884" s="13" t="s">
        <v>172</v>
      </c>
      <c r="B26884" s="14" t="s">
        <v>1</v>
      </c>
      <c r="C26884" s="14" t="s">
        <v>23</v>
      </c>
      <c r="D26884" s="14" t="s">
        <v>173</v>
      </c>
      <c r="E26884" s="15">
        <v>45615</v>
      </c>
      <c r="F26884" s="14" t="s">
        <v>25</v>
      </c>
      <c r="G26884" s="16">
        <v>3.3551274294478914</v>
      </c>
    </row>
    <row r="26885" spans="1:7" x14ac:dyDescent="0.3">
      <c r="A26885" s="13" t="s">
        <v>172</v>
      </c>
      <c r="B26885" s="14" t="s">
        <v>1</v>
      </c>
      <c r="C26885" s="14" t="s">
        <v>23</v>
      </c>
      <c r="D26885" s="14" t="s">
        <v>173</v>
      </c>
      <c r="E26885" s="15">
        <v>45616</v>
      </c>
      <c r="F26885" s="14" t="s">
        <v>25</v>
      </c>
      <c r="G26885" s="16">
        <v>3.3756908807821278</v>
      </c>
    </row>
    <row r="26886" spans="1:7" x14ac:dyDescent="0.3">
      <c r="A26886" s="13" t="s">
        <v>172</v>
      </c>
      <c r="B26886" s="14" t="s">
        <v>1</v>
      </c>
      <c r="C26886" s="14" t="s">
        <v>23</v>
      </c>
      <c r="D26886" s="14" t="s">
        <v>173</v>
      </c>
      <c r="E26886" s="15">
        <v>45617</v>
      </c>
      <c r="F26886" s="14" t="s">
        <v>25</v>
      </c>
      <c r="G26886" s="16">
        <v>3.4001024944309108</v>
      </c>
    </row>
    <row r="26887" spans="1:7" x14ac:dyDescent="0.3">
      <c r="A26887" s="13" t="s">
        <v>172</v>
      </c>
      <c r="B26887" s="14" t="s">
        <v>1</v>
      </c>
      <c r="C26887" s="14" t="s">
        <v>23</v>
      </c>
      <c r="D26887" s="14" t="s">
        <v>173</v>
      </c>
      <c r="E26887" s="15">
        <v>45618</v>
      </c>
      <c r="F26887" s="14" t="s">
        <v>25</v>
      </c>
      <c r="G26887" s="16">
        <v>3.44192286866206</v>
      </c>
    </row>
    <row r="26888" spans="1:7" x14ac:dyDescent="0.3">
      <c r="A26888" s="13" t="s">
        <v>172</v>
      </c>
      <c r="B26888" s="14" t="s">
        <v>1</v>
      </c>
      <c r="C26888" s="14" t="s">
        <v>23</v>
      </c>
      <c r="D26888" s="14" t="s">
        <v>173</v>
      </c>
      <c r="E26888" s="15">
        <v>45619</v>
      </c>
      <c r="F26888" s="14" t="s">
        <v>25</v>
      </c>
      <c r="G26888" s="16">
        <v>3.44192286866206</v>
      </c>
    </row>
    <row r="26889" spans="1:7" x14ac:dyDescent="0.3">
      <c r="A26889" s="13" t="s">
        <v>172</v>
      </c>
      <c r="B26889" s="14" t="s">
        <v>1</v>
      </c>
      <c r="C26889" s="14" t="s">
        <v>23</v>
      </c>
      <c r="D26889" s="14" t="s">
        <v>173</v>
      </c>
      <c r="E26889" s="15">
        <v>45620</v>
      </c>
      <c r="F26889" s="14" t="s">
        <v>25</v>
      </c>
      <c r="G26889" s="16">
        <v>3.44192286866206</v>
      </c>
    </row>
    <row r="26890" spans="1:7" x14ac:dyDescent="0.3">
      <c r="A26890" s="13" t="s">
        <v>172</v>
      </c>
      <c r="B26890" s="14" t="s">
        <v>1</v>
      </c>
      <c r="C26890" s="14" t="s">
        <v>23</v>
      </c>
      <c r="D26890" s="14" t="s">
        <v>173</v>
      </c>
      <c r="E26890" s="15">
        <v>45621</v>
      </c>
      <c r="F26890" s="14" t="s">
        <v>25</v>
      </c>
      <c r="G26890" s="16">
        <v>3.4258904391311646</v>
      </c>
    </row>
    <row r="26891" spans="1:7" x14ac:dyDescent="0.3">
      <c r="A26891" s="13" t="s">
        <v>172</v>
      </c>
      <c r="B26891" s="14" t="s">
        <v>1</v>
      </c>
      <c r="C26891" s="14" t="s">
        <v>23</v>
      </c>
      <c r="D26891" s="14" t="s">
        <v>173</v>
      </c>
      <c r="E26891" s="15">
        <v>45622</v>
      </c>
      <c r="F26891" s="14" t="s">
        <v>25</v>
      </c>
      <c r="G26891" s="16">
        <v>3.4685449621915541</v>
      </c>
    </row>
    <row r="26892" spans="1:7" x14ac:dyDescent="0.3">
      <c r="A26892" s="13" t="s">
        <v>172</v>
      </c>
      <c r="B26892" s="14" t="s">
        <v>1</v>
      </c>
      <c r="C26892" s="14" t="s">
        <v>23</v>
      </c>
      <c r="D26892" s="14" t="s">
        <v>173</v>
      </c>
      <c r="E26892" s="15">
        <v>45623</v>
      </c>
      <c r="F26892" s="14" t="s">
        <v>25</v>
      </c>
      <c r="G26892" s="16">
        <v>3.4648650522948414</v>
      </c>
    </row>
    <row r="26893" spans="1:7" x14ac:dyDescent="0.3">
      <c r="A26893" s="13" t="s">
        <v>172</v>
      </c>
      <c r="B26893" s="14" t="s">
        <v>1</v>
      </c>
      <c r="C26893" s="14" t="s">
        <v>23</v>
      </c>
      <c r="D26893" s="14" t="s">
        <v>173</v>
      </c>
      <c r="E26893" s="15">
        <v>45624</v>
      </c>
      <c r="F26893" s="14" t="s">
        <v>25</v>
      </c>
      <c r="G26893" s="16">
        <v>3.4648650522948414</v>
      </c>
    </row>
    <row r="26894" spans="1:7" x14ac:dyDescent="0.3">
      <c r="A26894" s="13" t="s">
        <v>172</v>
      </c>
      <c r="B26894" s="14" t="s">
        <v>1</v>
      </c>
      <c r="C26894" s="14" t="s">
        <v>23</v>
      </c>
      <c r="D26894" s="14" t="s">
        <v>173</v>
      </c>
      <c r="E26894" s="15">
        <v>45625</v>
      </c>
      <c r="F26894" s="14" t="s">
        <v>25</v>
      </c>
      <c r="G26894" s="16">
        <v>3.4797949617776558</v>
      </c>
    </row>
    <row r="26895" spans="1:7" x14ac:dyDescent="0.3">
      <c r="A26895" s="13" t="s">
        <v>172</v>
      </c>
      <c r="B26895" s="14" t="s">
        <v>1</v>
      </c>
      <c r="C26895" s="14" t="s">
        <v>23</v>
      </c>
      <c r="D26895" s="14" t="s">
        <v>173</v>
      </c>
      <c r="E26895" s="15">
        <v>45626</v>
      </c>
      <c r="F26895" s="14" t="s">
        <v>25</v>
      </c>
      <c r="G26895" s="16">
        <v>3.4797949617776558</v>
      </c>
    </row>
    <row r="26896" spans="1:7" x14ac:dyDescent="0.3">
      <c r="A26896" s="13" t="s">
        <v>172</v>
      </c>
      <c r="B26896" s="14" t="s">
        <v>1</v>
      </c>
      <c r="C26896" s="14" t="s">
        <v>23</v>
      </c>
      <c r="D26896" s="14" t="s">
        <v>173</v>
      </c>
      <c r="E26896" s="15">
        <v>45627</v>
      </c>
      <c r="F26896" s="14" t="s">
        <v>25</v>
      </c>
      <c r="G26896" s="16">
        <v>3.4797949617776558</v>
      </c>
    </row>
    <row r="26897" spans="1:7" x14ac:dyDescent="0.3">
      <c r="A26897" s="13" t="s">
        <v>172</v>
      </c>
      <c r="B26897" s="14" t="s">
        <v>1</v>
      </c>
      <c r="C26897" s="14" t="s">
        <v>23</v>
      </c>
      <c r="D26897" s="14" t="s">
        <v>173</v>
      </c>
      <c r="E26897" s="15">
        <v>45628</v>
      </c>
      <c r="F26897" s="14" t="s">
        <v>25</v>
      </c>
      <c r="G26897" s="16">
        <v>3.5307375908432936</v>
      </c>
    </row>
    <row r="26898" spans="1:7" x14ac:dyDescent="0.3">
      <c r="A26898" s="13" t="s">
        <v>172</v>
      </c>
      <c r="B26898" s="14" t="s">
        <v>1</v>
      </c>
      <c r="C26898" s="14" t="s">
        <v>23</v>
      </c>
      <c r="D26898" s="14" t="s">
        <v>173</v>
      </c>
      <c r="E26898" s="15">
        <v>45629</v>
      </c>
      <c r="F26898" s="14" t="s">
        <v>25</v>
      </c>
      <c r="G26898" s="16">
        <v>3.5590049446318819</v>
      </c>
    </row>
    <row r="26899" spans="1:7" x14ac:dyDescent="0.3">
      <c r="A26899" s="13" t="s">
        <v>172</v>
      </c>
      <c r="B26899" s="14" t="s">
        <v>1</v>
      </c>
      <c r="C26899" s="14" t="s">
        <v>23</v>
      </c>
      <c r="D26899" s="14" t="s">
        <v>173</v>
      </c>
      <c r="E26899" s="15">
        <v>45630</v>
      </c>
      <c r="F26899" s="14" t="s">
        <v>25</v>
      </c>
      <c r="G26899" s="16">
        <v>3.5622562675046896</v>
      </c>
    </row>
    <row r="26900" spans="1:7" x14ac:dyDescent="0.3">
      <c r="A26900" s="13" t="s">
        <v>172</v>
      </c>
      <c r="B26900" s="14" t="s">
        <v>1</v>
      </c>
      <c r="C26900" s="14" t="s">
        <v>23</v>
      </c>
      <c r="D26900" s="14" t="s">
        <v>173</v>
      </c>
      <c r="E26900" s="15">
        <v>45631</v>
      </c>
      <c r="F26900" s="14" t="s">
        <v>25</v>
      </c>
      <c r="G26900" s="16">
        <v>3.5536523157115476</v>
      </c>
    </row>
    <row r="26901" spans="1:7" x14ac:dyDescent="0.3">
      <c r="A26901" s="13" t="s">
        <v>172</v>
      </c>
      <c r="B26901" s="14" t="s">
        <v>1</v>
      </c>
      <c r="C26901" s="14" t="s">
        <v>23</v>
      </c>
      <c r="D26901" s="14" t="s">
        <v>173</v>
      </c>
      <c r="E26901" s="15">
        <v>45632</v>
      </c>
      <c r="F26901" s="14" t="s">
        <v>25</v>
      </c>
      <c r="G26901" s="16">
        <v>3.5671663102024018</v>
      </c>
    </row>
    <row r="26902" spans="1:7" x14ac:dyDescent="0.3">
      <c r="A26902" s="13" t="s">
        <v>172</v>
      </c>
      <c r="B26902" s="14" t="s">
        <v>1</v>
      </c>
      <c r="C26902" s="14" t="s">
        <v>23</v>
      </c>
      <c r="D26902" s="14" t="s">
        <v>173</v>
      </c>
      <c r="E26902" s="15">
        <v>45633</v>
      </c>
      <c r="F26902" s="14" t="s">
        <v>25</v>
      </c>
      <c r="G26902" s="16">
        <v>3.5671663102024018</v>
      </c>
    </row>
    <row r="26903" spans="1:7" x14ac:dyDescent="0.3">
      <c r="A26903" s="13" t="s">
        <v>172</v>
      </c>
      <c r="B26903" s="14" t="s">
        <v>1</v>
      </c>
      <c r="C26903" s="14" t="s">
        <v>23</v>
      </c>
      <c r="D26903" s="14" t="s">
        <v>173</v>
      </c>
      <c r="E26903" s="15">
        <v>45634</v>
      </c>
      <c r="F26903" s="14" t="s">
        <v>25</v>
      </c>
      <c r="G26903" s="16">
        <v>3.5671663102024018</v>
      </c>
    </row>
    <row r="26904" spans="1:7" x14ac:dyDescent="0.3">
      <c r="A26904" s="13" t="s">
        <v>172</v>
      </c>
      <c r="B26904" s="14" t="s">
        <v>1</v>
      </c>
      <c r="C26904" s="14" t="s">
        <v>23</v>
      </c>
      <c r="D26904" s="14" t="s">
        <v>173</v>
      </c>
      <c r="E26904" s="15">
        <v>45635</v>
      </c>
      <c r="F26904" s="14" t="s">
        <v>25</v>
      </c>
      <c r="G26904" s="16">
        <v>3.5890481944380421</v>
      </c>
    </row>
    <row r="26905" spans="1:7" x14ac:dyDescent="0.3">
      <c r="A26905" s="13" t="s">
        <v>172</v>
      </c>
      <c r="B26905" s="14" t="s">
        <v>1</v>
      </c>
      <c r="C26905" s="14" t="s">
        <v>23</v>
      </c>
      <c r="D26905" s="14" t="s">
        <v>173</v>
      </c>
      <c r="E26905" s="15">
        <v>45636</v>
      </c>
      <c r="F26905" s="14" t="s">
        <v>25</v>
      </c>
      <c r="G26905" s="16">
        <v>3.6467923810136171</v>
      </c>
    </row>
    <row r="26906" spans="1:7" x14ac:dyDescent="0.3">
      <c r="A26906" s="13" t="s">
        <v>172</v>
      </c>
      <c r="B26906" s="14" t="s">
        <v>1</v>
      </c>
      <c r="C26906" s="14" t="s">
        <v>23</v>
      </c>
      <c r="D26906" s="14" t="s">
        <v>173</v>
      </c>
      <c r="E26906" s="15">
        <v>45637</v>
      </c>
      <c r="F26906" s="14" t="s">
        <v>25</v>
      </c>
      <c r="G26906" s="16">
        <v>3.6678893543177962</v>
      </c>
    </row>
    <row r="26907" spans="1:7" x14ac:dyDescent="0.3">
      <c r="A26907" s="13" t="s">
        <v>172</v>
      </c>
      <c r="B26907" s="14" t="s">
        <v>1</v>
      </c>
      <c r="C26907" s="14" t="s">
        <v>23</v>
      </c>
      <c r="D26907" s="14" t="s">
        <v>173</v>
      </c>
      <c r="E26907" s="15">
        <v>45638</v>
      </c>
      <c r="F26907" s="14" t="s">
        <v>25</v>
      </c>
      <c r="G26907" s="16">
        <v>3.7143802626227398</v>
      </c>
    </row>
    <row r="26908" spans="1:7" x14ac:dyDescent="0.3">
      <c r="A26908" s="13" t="s">
        <v>172</v>
      </c>
      <c r="B26908" s="14" t="s">
        <v>1</v>
      </c>
      <c r="C26908" s="14" t="s">
        <v>23</v>
      </c>
      <c r="D26908" s="14" t="s">
        <v>173</v>
      </c>
      <c r="E26908" s="15">
        <v>45639</v>
      </c>
      <c r="F26908" s="14" t="s">
        <v>25</v>
      </c>
      <c r="G26908" s="16">
        <v>3.7309786462283903</v>
      </c>
    </row>
    <row r="26909" spans="1:7" x14ac:dyDescent="0.3">
      <c r="A26909" s="13" t="s">
        <v>172</v>
      </c>
      <c r="B26909" s="14" t="s">
        <v>1</v>
      </c>
      <c r="C26909" s="14" t="s">
        <v>23</v>
      </c>
      <c r="D26909" s="14" t="s">
        <v>173</v>
      </c>
      <c r="E26909" s="15">
        <v>45640</v>
      </c>
      <c r="F26909" s="14" t="s">
        <v>25</v>
      </c>
      <c r="G26909" s="16">
        <v>3.7309786462283903</v>
      </c>
    </row>
    <row r="26910" spans="1:7" x14ac:dyDescent="0.3">
      <c r="A26910" s="13" t="s">
        <v>172</v>
      </c>
      <c r="B26910" s="14" t="s">
        <v>1</v>
      </c>
      <c r="C26910" s="14" t="s">
        <v>23</v>
      </c>
      <c r="D26910" s="14" t="s">
        <v>173</v>
      </c>
      <c r="E26910" s="15">
        <v>45641</v>
      </c>
      <c r="F26910" s="14" t="s">
        <v>25</v>
      </c>
      <c r="G26910" s="16">
        <v>3.7309786462283903</v>
      </c>
    </row>
    <row r="26911" spans="1:7" x14ac:dyDescent="0.3">
      <c r="A26911" s="13" t="s">
        <v>172</v>
      </c>
      <c r="B26911" s="14" t="s">
        <v>1</v>
      </c>
      <c r="C26911" s="14" t="s">
        <v>23</v>
      </c>
      <c r="D26911" s="14" t="s">
        <v>173</v>
      </c>
      <c r="E26911" s="15">
        <v>45642</v>
      </c>
      <c r="F26911" s="14" t="s">
        <v>25</v>
      </c>
      <c r="G26911" s="16">
        <v>3.7509798290215235</v>
      </c>
    </row>
    <row r="26912" spans="1:7" x14ac:dyDescent="0.3">
      <c r="A26912" s="13" t="s">
        <v>172</v>
      </c>
      <c r="B26912" s="14" t="s">
        <v>1</v>
      </c>
      <c r="C26912" s="14" t="s">
        <v>23</v>
      </c>
      <c r="D26912" s="14" t="s">
        <v>173</v>
      </c>
      <c r="E26912" s="15">
        <v>45643</v>
      </c>
      <c r="F26912" s="14" t="s">
        <v>25</v>
      </c>
      <c r="G26912" s="16">
        <v>3.7867004877657426</v>
      </c>
    </row>
    <row r="26913" spans="1:7" x14ac:dyDescent="0.3">
      <c r="A26913" s="13" t="s">
        <v>172</v>
      </c>
      <c r="B26913" s="14" t="s">
        <v>1</v>
      </c>
      <c r="C26913" s="14" t="s">
        <v>23</v>
      </c>
      <c r="D26913" s="14" t="s">
        <v>173</v>
      </c>
      <c r="E26913" s="15">
        <v>45644</v>
      </c>
      <c r="F26913" s="14" t="s">
        <v>25</v>
      </c>
      <c r="G26913" s="16">
        <v>3.8355181283907829</v>
      </c>
    </row>
    <row r="26914" spans="1:7" x14ac:dyDescent="0.3">
      <c r="A26914" s="13" t="s">
        <v>172</v>
      </c>
      <c r="B26914" s="14" t="s">
        <v>1</v>
      </c>
      <c r="C26914" s="14" t="s">
        <v>23</v>
      </c>
      <c r="D26914" s="14" t="s">
        <v>173</v>
      </c>
      <c r="E26914" s="15">
        <v>45645</v>
      </c>
      <c r="F26914" s="14" t="s">
        <v>25</v>
      </c>
      <c r="G26914" s="16">
        <v>3.8399673860354047</v>
      </c>
    </row>
    <row r="26915" spans="1:7" x14ac:dyDescent="0.3">
      <c r="A26915" s="13" t="s">
        <v>172</v>
      </c>
      <c r="B26915" s="14" t="s">
        <v>1</v>
      </c>
      <c r="C26915" s="14" t="s">
        <v>23</v>
      </c>
      <c r="D26915" s="14" t="s">
        <v>173</v>
      </c>
      <c r="E26915" s="15">
        <v>45646</v>
      </c>
      <c r="F26915" s="14" t="s">
        <v>25</v>
      </c>
      <c r="G26915" s="16">
        <v>3.8293137025088231</v>
      </c>
    </row>
    <row r="26916" spans="1:7" x14ac:dyDescent="0.3">
      <c r="A26916" s="13" t="s">
        <v>172</v>
      </c>
      <c r="B26916" s="14" t="s">
        <v>1</v>
      </c>
      <c r="C26916" s="14" t="s">
        <v>23</v>
      </c>
      <c r="D26916" s="14" t="s">
        <v>173</v>
      </c>
      <c r="E26916" s="15">
        <v>45647</v>
      </c>
      <c r="F26916" s="14" t="s">
        <v>25</v>
      </c>
      <c r="G26916" s="16">
        <v>3.8293137025088231</v>
      </c>
    </row>
    <row r="26917" spans="1:7" x14ac:dyDescent="0.3">
      <c r="A26917" s="13" t="s">
        <v>172</v>
      </c>
      <c r="B26917" s="14" t="s">
        <v>1</v>
      </c>
      <c r="C26917" s="14" t="s">
        <v>23</v>
      </c>
      <c r="D26917" s="14" t="s">
        <v>173</v>
      </c>
      <c r="E26917" s="15">
        <v>45648</v>
      </c>
      <c r="F26917" s="14" t="s">
        <v>25</v>
      </c>
      <c r="G26917" s="16">
        <v>3.8293137025088231</v>
      </c>
    </row>
    <row r="26918" spans="1:7" x14ac:dyDescent="0.3">
      <c r="A26918" s="13" t="s">
        <v>172</v>
      </c>
      <c r="B26918" s="14" t="s">
        <v>1</v>
      </c>
      <c r="C26918" s="14" t="s">
        <v>23</v>
      </c>
      <c r="D26918" s="14" t="s">
        <v>173</v>
      </c>
      <c r="E26918" s="15">
        <v>45649</v>
      </c>
      <c r="F26918" s="14" t="s">
        <v>25</v>
      </c>
      <c r="G26918" s="16">
        <v>3.8288582531213029</v>
      </c>
    </row>
    <row r="26919" spans="1:7" x14ac:dyDescent="0.3">
      <c r="A26919" s="13" t="s">
        <v>172</v>
      </c>
      <c r="B26919" s="14" t="s">
        <v>1</v>
      </c>
      <c r="C26919" s="14" t="s">
        <v>23</v>
      </c>
      <c r="D26919" s="14" t="s">
        <v>173</v>
      </c>
      <c r="E26919" s="15">
        <v>45650</v>
      </c>
      <c r="F26919" s="14" t="s">
        <v>25</v>
      </c>
      <c r="G26919" s="16">
        <v>3.8738940633942351</v>
      </c>
    </row>
    <row r="26920" spans="1:7" x14ac:dyDescent="0.3">
      <c r="A26920" s="13" t="s">
        <v>172</v>
      </c>
      <c r="B26920" s="14" t="s">
        <v>1</v>
      </c>
      <c r="C26920" s="14" t="s">
        <v>23</v>
      </c>
      <c r="D26920" s="14" t="s">
        <v>173</v>
      </c>
      <c r="E26920" s="15">
        <v>45651</v>
      </c>
      <c r="F26920" s="14" t="s">
        <v>25</v>
      </c>
      <c r="G26920" s="16">
        <v>3.8738940633942351</v>
      </c>
    </row>
    <row r="26921" spans="1:7" x14ac:dyDescent="0.3">
      <c r="A26921" s="13" t="s">
        <v>172</v>
      </c>
      <c r="B26921" s="14" t="s">
        <v>1</v>
      </c>
      <c r="C26921" s="14" t="s">
        <v>23</v>
      </c>
      <c r="D26921" s="14" t="s">
        <v>173</v>
      </c>
      <c r="E26921" s="15">
        <v>45652</v>
      </c>
      <c r="F26921" s="14" t="s">
        <v>25</v>
      </c>
      <c r="G26921" s="16">
        <v>3.8738940633942351</v>
      </c>
    </row>
    <row r="26922" spans="1:7" x14ac:dyDescent="0.3">
      <c r="A26922" s="13" t="s">
        <v>172</v>
      </c>
      <c r="B26922" s="14" t="s">
        <v>1</v>
      </c>
      <c r="C26922" s="14" t="s">
        <v>23</v>
      </c>
      <c r="D26922" s="14" t="s">
        <v>173</v>
      </c>
      <c r="E26922" s="15">
        <v>45653</v>
      </c>
      <c r="F26922" s="14" t="s">
        <v>25</v>
      </c>
      <c r="G26922" s="16">
        <v>3.8738940633942351</v>
      </c>
    </row>
    <row r="26923" spans="1:7" x14ac:dyDescent="0.3">
      <c r="A26923" s="13" t="s">
        <v>172</v>
      </c>
      <c r="B26923" s="14" t="s">
        <v>1</v>
      </c>
      <c r="C26923" s="14" t="s">
        <v>23</v>
      </c>
      <c r="D26923" s="14" t="s">
        <v>173</v>
      </c>
      <c r="E26923" s="15">
        <v>45654</v>
      </c>
      <c r="F26923" s="14" t="s">
        <v>25</v>
      </c>
      <c r="G26923" s="16">
        <v>3.8738940633942351</v>
      </c>
    </row>
    <row r="26924" spans="1:7" x14ac:dyDescent="0.3">
      <c r="A26924" s="13" t="s">
        <v>172</v>
      </c>
      <c r="B26924" s="14" t="s">
        <v>1</v>
      </c>
      <c r="C26924" s="14" t="s">
        <v>23</v>
      </c>
      <c r="D26924" s="14" t="s">
        <v>173</v>
      </c>
      <c r="E26924" s="15">
        <v>45655</v>
      </c>
      <c r="F26924" s="14" t="s">
        <v>25</v>
      </c>
      <c r="G26924" s="16">
        <v>3.8738940633942351</v>
      </c>
    </row>
    <row r="26925" spans="1:7" x14ac:dyDescent="0.3">
      <c r="A26925" s="13" t="s">
        <v>172</v>
      </c>
      <c r="B26925" s="14" t="s">
        <v>1</v>
      </c>
      <c r="C26925" s="14" t="s">
        <v>23</v>
      </c>
      <c r="D26925" s="14" t="s">
        <v>173</v>
      </c>
      <c r="E26925" s="15">
        <v>45656</v>
      </c>
      <c r="F26925" s="14" t="s">
        <v>25</v>
      </c>
      <c r="G26925" s="16">
        <v>3.9027951479706511</v>
      </c>
    </row>
    <row r="26926" spans="1:7" x14ac:dyDescent="0.3">
      <c r="A26926" s="13" t="s">
        <v>172</v>
      </c>
      <c r="B26926" s="14" t="s">
        <v>1</v>
      </c>
      <c r="C26926" s="14" t="s">
        <v>23</v>
      </c>
      <c r="D26926" s="14" t="s">
        <v>173</v>
      </c>
      <c r="E26926" s="15">
        <v>45657</v>
      </c>
      <c r="F26926" s="14" t="s">
        <v>25</v>
      </c>
      <c r="G26926" s="16">
        <v>4.0072625562890947</v>
      </c>
    </row>
    <row r="26927" spans="1:7" x14ac:dyDescent="0.3">
      <c r="A26927" s="13" t="s">
        <v>172</v>
      </c>
      <c r="B26927" s="14" t="s">
        <v>1</v>
      </c>
      <c r="C26927" s="14" t="s">
        <v>23</v>
      </c>
      <c r="D26927" s="14" t="s">
        <v>173</v>
      </c>
      <c r="E26927" s="15">
        <v>45658</v>
      </c>
      <c r="F26927" s="14" t="s">
        <v>25</v>
      </c>
      <c r="G26927" s="16">
        <v>4.0072625562890947</v>
      </c>
    </row>
    <row r="26928" spans="1:7" x14ac:dyDescent="0.3">
      <c r="A26928" s="13" t="s">
        <v>172</v>
      </c>
      <c r="B26928" s="14" t="s">
        <v>1</v>
      </c>
      <c r="C26928" s="14" t="s">
        <v>23</v>
      </c>
      <c r="D26928" s="14" t="s">
        <v>173</v>
      </c>
      <c r="E26928" s="15">
        <v>45659</v>
      </c>
      <c r="F26928" s="14" t="s">
        <v>25</v>
      </c>
      <c r="G26928" s="16">
        <v>4.0422124958152068</v>
      </c>
    </row>
    <row r="26929" spans="1:7" x14ac:dyDescent="0.3">
      <c r="A26929" s="13" t="s">
        <v>172</v>
      </c>
      <c r="B26929" s="14" t="s">
        <v>1</v>
      </c>
      <c r="C26929" s="14" t="s">
        <v>23</v>
      </c>
      <c r="D26929" s="14" t="s">
        <v>173</v>
      </c>
      <c r="E26929" s="15">
        <v>45660</v>
      </c>
      <c r="F26929" s="14" t="s">
        <v>25</v>
      </c>
      <c r="G26929" s="16">
        <v>4.0434042108126871</v>
      </c>
    </row>
    <row r="26930" spans="1:7" x14ac:dyDescent="0.3">
      <c r="A26930" s="13" t="s">
        <v>172</v>
      </c>
      <c r="B26930" s="14" t="s">
        <v>1</v>
      </c>
      <c r="C26930" s="14" t="s">
        <v>23</v>
      </c>
      <c r="D26930" s="14" t="s">
        <v>173</v>
      </c>
      <c r="E26930" s="15">
        <v>45661</v>
      </c>
      <c r="F26930" s="14" t="s">
        <v>25</v>
      </c>
      <c r="G26930" s="16">
        <v>4.0434042108126871</v>
      </c>
    </row>
    <row r="26931" spans="1:7" x14ac:dyDescent="0.3">
      <c r="A26931" s="13" t="s">
        <v>172</v>
      </c>
      <c r="B26931" s="14" t="s">
        <v>1</v>
      </c>
      <c r="C26931" s="14" t="s">
        <v>23</v>
      </c>
      <c r="D26931" s="14" t="s">
        <v>173</v>
      </c>
      <c r="E26931" s="15">
        <v>45662</v>
      </c>
      <c r="F26931" s="14" t="s">
        <v>25</v>
      </c>
      <c r="G26931" s="16">
        <v>4.0434042108126871</v>
      </c>
    </row>
    <row r="26932" spans="1:7" x14ac:dyDescent="0.3">
      <c r="A26932" s="13" t="s">
        <v>172</v>
      </c>
      <c r="B26932" s="14" t="s">
        <v>1</v>
      </c>
      <c r="C26932" s="14" t="s">
        <v>23</v>
      </c>
      <c r="D26932" s="14" t="s">
        <v>173</v>
      </c>
      <c r="E26932" s="15">
        <v>45663</v>
      </c>
      <c r="F26932" s="14" t="s">
        <v>25</v>
      </c>
      <c r="G26932" s="16">
        <v>4.0413857364253802</v>
      </c>
    </row>
    <row r="26933" spans="1:7" x14ac:dyDescent="0.3">
      <c r="A26933" s="13" t="s">
        <v>172</v>
      </c>
      <c r="B26933" s="14" t="s">
        <v>1</v>
      </c>
      <c r="C26933" s="14" t="s">
        <v>23</v>
      </c>
      <c r="D26933" s="14" t="s">
        <v>173</v>
      </c>
      <c r="E26933" s="15">
        <v>45664</v>
      </c>
      <c r="F26933" s="14" t="s">
        <v>25</v>
      </c>
      <c r="G26933" s="16">
        <v>4.1054459381967563</v>
      </c>
    </row>
    <row r="26934" spans="1:7" x14ac:dyDescent="0.3">
      <c r="A26934" s="13" t="s">
        <v>172</v>
      </c>
      <c r="B26934" s="14" t="s">
        <v>1</v>
      </c>
      <c r="C26934" s="14" t="s">
        <v>23</v>
      </c>
      <c r="D26934" s="14" t="s">
        <v>173</v>
      </c>
      <c r="E26934" s="15">
        <v>45665</v>
      </c>
      <c r="F26934" s="14" t="s">
        <v>25</v>
      </c>
      <c r="G26934" s="16">
        <v>4.1286742125166231</v>
      </c>
    </row>
    <row r="26935" spans="1:7" x14ac:dyDescent="0.3">
      <c r="A26935" s="13" t="s">
        <v>172</v>
      </c>
      <c r="B26935" s="14" t="s">
        <v>1</v>
      </c>
      <c r="C26935" s="14" t="s">
        <v>23</v>
      </c>
      <c r="D26935" s="14" t="s">
        <v>173</v>
      </c>
      <c r="E26935" s="15">
        <v>45666</v>
      </c>
      <c r="F26935" s="14" t="s">
        <v>25</v>
      </c>
      <c r="G26935" s="16">
        <v>4.1286742125166231</v>
      </c>
    </row>
    <row r="26936" spans="1:7" x14ac:dyDescent="0.3">
      <c r="A26936" s="13" t="s">
        <v>172</v>
      </c>
      <c r="B26936" s="14" t="s">
        <v>1</v>
      </c>
      <c r="C26936" s="14" t="s">
        <v>23</v>
      </c>
      <c r="D26936" s="14" t="s">
        <v>173</v>
      </c>
      <c r="E26936" s="15">
        <v>45667</v>
      </c>
      <c r="F26936" s="14" t="s">
        <v>25</v>
      </c>
      <c r="G26936" s="16">
        <v>4.1738724445374364</v>
      </c>
    </row>
    <row r="26937" spans="1:7" x14ac:dyDescent="0.3">
      <c r="A26937" s="13" t="s">
        <v>172</v>
      </c>
      <c r="B26937" s="14" t="s">
        <v>1</v>
      </c>
      <c r="C26937" s="14" t="s">
        <v>23</v>
      </c>
      <c r="D26937" s="14" t="s">
        <v>173</v>
      </c>
      <c r="E26937" s="15">
        <v>45668</v>
      </c>
      <c r="F26937" s="14" t="s">
        <v>25</v>
      </c>
      <c r="G26937" s="16">
        <v>4.1738724445374364</v>
      </c>
    </row>
    <row r="26938" spans="1:7" x14ac:dyDescent="0.3">
      <c r="A26938" s="13" t="s">
        <v>172</v>
      </c>
      <c r="B26938" s="14" t="s">
        <v>1</v>
      </c>
      <c r="C26938" s="14" t="s">
        <v>23</v>
      </c>
      <c r="D26938" s="14" t="s">
        <v>173</v>
      </c>
      <c r="E26938" s="15">
        <v>45669</v>
      </c>
      <c r="F26938" s="14" t="s">
        <v>25</v>
      </c>
      <c r="G26938" s="16">
        <v>4.1738724445374364</v>
      </c>
    </row>
    <row r="26939" spans="1:7" x14ac:dyDescent="0.3">
      <c r="A26939" s="13" t="s">
        <v>172</v>
      </c>
      <c r="B26939" s="14" t="s">
        <v>1</v>
      </c>
      <c r="C26939" s="14" t="s">
        <v>23</v>
      </c>
      <c r="D26939" s="14" t="s">
        <v>173</v>
      </c>
      <c r="E26939" s="15">
        <v>45670</v>
      </c>
      <c r="F26939" s="14" t="s">
        <v>25</v>
      </c>
      <c r="G26939" s="16">
        <v>4.2050902787032491</v>
      </c>
    </row>
    <row r="26940" spans="1:7" x14ac:dyDescent="0.3">
      <c r="A26940" s="13" t="s">
        <v>172</v>
      </c>
      <c r="B26940" s="14" t="s">
        <v>1</v>
      </c>
      <c r="C26940" s="14" t="s">
        <v>23</v>
      </c>
      <c r="D26940" s="14" t="s">
        <v>173</v>
      </c>
      <c r="E26940" s="15">
        <v>45671</v>
      </c>
      <c r="F26940" s="14" t="s">
        <v>25</v>
      </c>
      <c r="G26940" s="16">
        <v>4.2219447859803498</v>
      </c>
    </row>
    <row r="26941" spans="1:7" x14ac:dyDescent="0.3">
      <c r="A26941" s="13" t="s">
        <v>172</v>
      </c>
      <c r="B26941" s="14" t="s">
        <v>1</v>
      </c>
      <c r="C26941" s="14" t="s">
        <v>23</v>
      </c>
      <c r="D26941" s="14" t="s">
        <v>173</v>
      </c>
      <c r="E26941" s="15">
        <v>45672</v>
      </c>
      <c r="F26941" s="14" t="s">
        <v>25</v>
      </c>
      <c r="G26941" s="16">
        <v>4.2389316055950195</v>
      </c>
    </row>
    <row r="26942" spans="1:7" x14ac:dyDescent="0.3">
      <c r="A26942" s="13" t="s">
        <v>172</v>
      </c>
      <c r="B26942" s="14" t="s">
        <v>1</v>
      </c>
      <c r="C26942" s="14" t="s">
        <v>23</v>
      </c>
      <c r="D26942" s="14" t="s">
        <v>173</v>
      </c>
      <c r="E26942" s="15">
        <v>45673</v>
      </c>
      <c r="F26942" s="14" t="s">
        <v>25</v>
      </c>
      <c r="G26942" s="16">
        <v>4.2434326747915652</v>
      </c>
    </row>
    <row r="26943" spans="1:7" x14ac:dyDescent="0.3">
      <c r="A26943" s="13" t="s">
        <v>172</v>
      </c>
      <c r="B26943" s="14" t="s">
        <v>1</v>
      </c>
      <c r="C26943" s="14" t="s">
        <v>23</v>
      </c>
      <c r="D26943" s="14" t="s">
        <v>173</v>
      </c>
      <c r="E26943" s="15">
        <v>45674</v>
      </c>
      <c r="F26943" s="14" t="s">
        <v>25</v>
      </c>
      <c r="G26943" s="16">
        <v>4.2697690395230641</v>
      </c>
    </row>
    <row r="26944" spans="1:7" x14ac:dyDescent="0.3">
      <c r="A26944" s="13" t="s">
        <v>172</v>
      </c>
      <c r="B26944" s="14" t="s">
        <v>1</v>
      </c>
      <c r="C26944" s="14" t="s">
        <v>23</v>
      </c>
      <c r="D26944" s="14" t="s">
        <v>173</v>
      </c>
      <c r="E26944" s="15">
        <v>45675</v>
      </c>
      <c r="F26944" s="14" t="s">
        <v>25</v>
      </c>
      <c r="G26944" s="16">
        <v>4.2697690395230641</v>
      </c>
    </row>
    <row r="26945" spans="1:7" x14ac:dyDescent="0.3">
      <c r="A26945" s="13" t="s">
        <v>172</v>
      </c>
      <c r="B26945" s="14" t="s">
        <v>1</v>
      </c>
      <c r="C26945" s="14" t="s">
        <v>23</v>
      </c>
      <c r="D26945" s="14" t="s">
        <v>173</v>
      </c>
      <c r="E26945" s="15">
        <v>45676</v>
      </c>
      <c r="F26945" s="14" t="s">
        <v>25</v>
      </c>
      <c r="G26945" s="16">
        <v>4.2697690395230641</v>
      </c>
    </row>
    <row r="26946" spans="1:7" x14ac:dyDescent="0.3">
      <c r="A26946" s="13" t="s">
        <v>172</v>
      </c>
      <c r="B26946" s="14" t="s">
        <v>1</v>
      </c>
      <c r="C26946" s="14" t="s">
        <v>23</v>
      </c>
      <c r="D26946" s="14" t="s">
        <v>173</v>
      </c>
      <c r="E26946" s="15">
        <v>45677</v>
      </c>
      <c r="F26946" s="14" t="s">
        <v>25</v>
      </c>
      <c r="G26946" s="16">
        <v>4.2697690395230641</v>
      </c>
    </row>
    <row r="26947" spans="1:7" x14ac:dyDescent="0.3">
      <c r="A26947" s="13" t="s">
        <v>172</v>
      </c>
      <c r="B26947" s="14" t="s">
        <v>1</v>
      </c>
      <c r="C26947" s="14" t="s">
        <v>23</v>
      </c>
      <c r="D26947" s="14" t="s">
        <v>173</v>
      </c>
      <c r="E26947" s="15">
        <v>45678</v>
      </c>
      <c r="F26947" s="14" t="s">
        <v>25</v>
      </c>
      <c r="G26947" s="16">
        <v>4.2423875920017835</v>
      </c>
    </row>
    <row r="26948" spans="1:7" x14ac:dyDescent="0.3">
      <c r="A26948" s="13" t="s">
        <v>172</v>
      </c>
      <c r="B26948" s="14" t="s">
        <v>1</v>
      </c>
      <c r="C26948" s="14" t="s">
        <v>23</v>
      </c>
      <c r="D26948" s="14" t="s">
        <v>173</v>
      </c>
      <c r="E26948" s="15">
        <v>45679</v>
      </c>
      <c r="F26948" s="14" t="s">
        <v>25</v>
      </c>
      <c r="G26948" s="16">
        <v>4.2982661000200268</v>
      </c>
    </row>
    <row r="26949" spans="1:7" x14ac:dyDescent="0.3">
      <c r="A26949" s="13" t="s">
        <v>172</v>
      </c>
      <c r="B26949" s="14" t="s">
        <v>1</v>
      </c>
      <c r="C26949" s="14" t="s">
        <v>23</v>
      </c>
      <c r="D26949" s="14" t="s">
        <v>173</v>
      </c>
      <c r="E26949" s="15">
        <v>45680</v>
      </c>
      <c r="F26949" s="14" t="s">
        <v>25</v>
      </c>
      <c r="G26949" s="16">
        <v>4.313907804854141</v>
      </c>
    </row>
    <row r="26950" spans="1:7" x14ac:dyDescent="0.3">
      <c r="A26950" s="13" t="s">
        <v>172</v>
      </c>
      <c r="B26950" s="14" t="s">
        <v>1</v>
      </c>
      <c r="C26950" s="14" t="s">
        <v>23</v>
      </c>
      <c r="D26950" s="14" t="s">
        <v>173</v>
      </c>
      <c r="E26950" s="15">
        <v>45681</v>
      </c>
      <c r="F26950" s="14" t="s">
        <v>25</v>
      </c>
      <c r="G26950" s="16">
        <v>4.3210311090850091</v>
      </c>
    </row>
    <row r="26951" spans="1:7" x14ac:dyDescent="0.3">
      <c r="A26951" s="13" t="s">
        <v>172</v>
      </c>
      <c r="B26951" s="14" t="s">
        <v>1</v>
      </c>
      <c r="C26951" s="14" t="s">
        <v>23</v>
      </c>
      <c r="D26951" s="14" t="s">
        <v>173</v>
      </c>
      <c r="E26951" s="15">
        <v>45682</v>
      </c>
      <c r="F26951" s="14" t="s">
        <v>25</v>
      </c>
      <c r="G26951" s="16">
        <v>4.3210311090850091</v>
      </c>
    </row>
    <row r="26952" spans="1:7" x14ac:dyDescent="0.3">
      <c r="A26952" s="13" t="s">
        <v>172</v>
      </c>
      <c r="B26952" s="14" t="s">
        <v>1</v>
      </c>
      <c r="C26952" s="14" t="s">
        <v>23</v>
      </c>
      <c r="D26952" s="14" t="s">
        <v>173</v>
      </c>
      <c r="E26952" s="15">
        <v>45683</v>
      </c>
      <c r="F26952" s="14" t="s">
        <v>25</v>
      </c>
      <c r="G26952" s="16">
        <v>4.3210311090850091</v>
      </c>
    </row>
    <row r="26953" spans="1:7" x14ac:dyDescent="0.3">
      <c r="A26953" s="13" t="s">
        <v>172</v>
      </c>
      <c r="B26953" s="14" t="s">
        <v>1</v>
      </c>
      <c r="C26953" s="14" t="s">
        <v>23</v>
      </c>
      <c r="D26953" s="14" t="s">
        <v>173</v>
      </c>
      <c r="E26953" s="15">
        <v>45684</v>
      </c>
      <c r="F26953" s="14" t="s">
        <v>25</v>
      </c>
      <c r="G26953" s="16">
        <v>4.3176604154601677</v>
      </c>
    </row>
    <row r="26954" spans="1:7" x14ac:dyDescent="0.3">
      <c r="A26954" s="13" t="s">
        <v>172</v>
      </c>
      <c r="B26954" s="14" t="s">
        <v>1</v>
      </c>
      <c r="C26954" s="14" t="s">
        <v>23</v>
      </c>
      <c r="D26954" s="14" t="s">
        <v>173</v>
      </c>
      <c r="E26954" s="15">
        <v>45685</v>
      </c>
      <c r="F26954" s="14" t="s">
        <v>25</v>
      </c>
      <c r="G26954" s="16">
        <v>4.3669075255952432</v>
      </c>
    </row>
    <row r="26955" spans="1:7" x14ac:dyDescent="0.3">
      <c r="A26955" s="13" t="s">
        <v>172</v>
      </c>
      <c r="B26955" s="14" t="s">
        <v>1</v>
      </c>
      <c r="C26955" s="14" t="s">
        <v>23</v>
      </c>
      <c r="D26955" s="14" t="s">
        <v>173</v>
      </c>
      <c r="E26955" s="15">
        <v>45686</v>
      </c>
      <c r="F26955" s="14" t="s">
        <v>25</v>
      </c>
      <c r="G26955" s="16">
        <v>4.3934574629051939</v>
      </c>
    </row>
    <row r="26956" spans="1:7" x14ac:dyDescent="0.3">
      <c r="A26956" s="13" t="s">
        <v>172</v>
      </c>
      <c r="B26956" s="14" t="s">
        <v>1</v>
      </c>
      <c r="C26956" s="14" t="s">
        <v>23</v>
      </c>
      <c r="D26956" s="14" t="s">
        <v>173</v>
      </c>
      <c r="E26956" s="15">
        <v>45687</v>
      </c>
      <c r="F26956" s="14" t="s">
        <v>25</v>
      </c>
      <c r="G26956" s="16">
        <v>4.4213558833144537</v>
      </c>
    </row>
    <row r="26957" spans="1:7" x14ac:dyDescent="0.3">
      <c r="A26957" s="13" t="s">
        <v>172</v>
      </c>
      <c r="B26957" s="14" t="s">
        <v>1</v>
      </c>
      <c r="C26957" s="14" t="s">
        <v>23</v>
      </c>
      <c r="D26957" s="14" t="s">
        <v>173</v>
      </c>
      <c r="E26957" s="15">
        <v>45688</v>
      </c>
      <c r="F26957" s="14" t="s">
        <v>25</v>
      </c>
      <c r="G26957" s="16">
        <v>4.4415253901096587</v>
      </c>
    </row>
    <row r="26958" spans="1:7" x14ac:dyDescent="0.3">
      <c r="A26958" s="13" t="s">
        <v>172</v>
      </c>
      <c r="B26958" s="14" t="s">
        <v>1</v>
      </c>
      <c r="C26958" s="14" t="s">
        <v>23</v>
      </c>
      <c r="D26958" s="14" t="s">
        <v>173</v>
      </c>
      <c r="E26958" s="15">
        <v>45689</v>
      </c>
      <c r="F26958" s="14" t="s">
        <v>25</v>
      </c>
      <c r="G26958" s="16">
        <v>4.4415253901096587</v>
      </c>
    </row>
    <row r="26959" spans="1:7" x14ac:dyDescent="0.3">
      <c r="A26959" s="13" t="s">
        <v>172</v>
      </c>
      <c r="B26959" s="14" t="s">
        <v>1</v>
      </c>
      <c r="C26959" s="14" t="s">
        <v>23</v>
      </c>
      <c r="D26959" s="14" t="s">
        <v>173</v>
      </c>
      <c r="E26959" s="15">
        <v>45690</v>
      </c>
      <c r="F26959" s="14" t="s">
        <v>25</v>
      </c>
      <c r="G26959" s="16">
        <v>4.4415253901096587</v>
      </c>
    </row>
    <row r="26960" spans="1:7" x14ac:dyDescent="0.3">
      <c r="A26960" s="13" t="s">
        <v>172</v>
      </c>
      <c r="B26960" s="14" t="s">
        <v>1</v>
      </c>
      <c r="C26960" s="14" t="s">
        <v>23</v>
      </c>
      <c r="D26960" s="14" t="s">
        <v>173</v>
      </c>
      <c r="E26960" s="15">
        <v>45691</v>
      </c>
      <c r="F26960" s="14" t="s">
        <v>25</v>
      </c>
      <c r="G26960" s="16">
        <v>4.4415253901096587</v>
      </c>
    </row>
    <row r="26961" spans="1:7" x14ac:dyDescent="0.3">
      <c r="A26961" s="13" t="s">
        <v>172</v>
      </c>
      <c r="B26961" s="14" t="s">
        <v>1</v>
      </c>
      <c r="C26961" s="14" t="s">
        <v>23</v>
      </c>
      <c r="D26961" s="14" t="s">
        <v>173</v>
      </c>
      <c r="E26961" s="15">
        <v>45692</v>
      </c>
      <c r="F26961" s="14" t="s">
        <v>25</v>
      </c>
      <c r="G26961" s="16">
        <v>4.4268845282411569</v>
      </c>
    </row>
    <row r="26962" spans="1:7" x14ac:dyDescent="0.3">
      <c r="A26962" s="13" t="s">
        <v>172</v>
      </c>
      <c r="B26962" s="14" t="s">
        <v>1</v>
      </c>
      <c r="C26962" s="14" t="s">
        <v>23</v>
      </c>
      <c r="D26962" s="14" t="s">
        <v>173</v>
      </c>
      <c r="E26962" s="15">
        <v>45693</v>
      </c>
      <c r="F26962" s="14" t="s">
        <v>25</v>
      </c>
      <c r="G26962" s="16">
        <v>4.4535716303167483</v>
      </c>
    </row>
    <row r="26963" spans="1:7" x14ac:dyDescent="0.3">
      <c r="A26963" s="13" t="s">
        <v>172</v>
      </c>
      <c r="B26963" s="14" t="s">
        <v>1</v>
      </c>
      <c r="C26963" s="14" t="s">
        <v>23</v>
      </c>
      <c r="D26963" s="14" t="s">
        <v>173</v>
      </c>
      <c r="E26963" s="15">
        <v>45694</v>
      </c>
      <c r="F26963" s="14" t="s">
        <v>25</v>
      </c>
      <c r="G26963" s="16">
        <v>4.4823502129000543</v>
      </c>
    </row>
    <row r="26964" spans="1:7" x14ac:dyDescent="0.3">
      <c r="A26964" s="13" t="s">
        <v>172</v>
      </c>
      <c r="B26964" s="14" t="s">
        <v>1</v>
      </c>
      <c r="C26964" s="14" t="s">
        <v>23</v>
      </c>
      <c r="D26964" s="14" t="s">
        <v>173</v>
      </c>
      <c r="E26964" s="15">
        <v>45695</v>
      </c>
      <c r="F26964" s="14" t="s">
        <v>25</v>
      </c>
      <c r="G26964" s="16">
        <v>4.5188250740663349</v>
      </c>
    </row>
    <row r="26965" spans="1:7" x14ac:dyDescent="0.3">
      <c r="A26965" s="13" t="s">
        <v>172</v>
      </c>
      <c r="B26965" s="14" t="s">
        <v>1</v>
      </c>
      <c r="C26965" s="14" t="s">
        <v>23</v>
      </c>
      <c r="D26965" s="14" t="s">
        <v>173</v>
      </c>
      <c r="E26965" s="15">
        <v>45696</v>
      </c>
      <c r="F26965" s="14" t="s">
        <v>25</v>
      </c>
      <c r="G26965" s="16">
        <v>4.5188250740663349</v>
      </c>
    </row>
    <row r="26966" spans="1:7" x14ac:dyDescent="0.3">
      <c r="A26966" s="13" t="s">
        <v>172</v>
      </c>
      <c r="B26966" s="14" t="s">
        <v>1</v>
      </c>
      <c r="C26966" s="14" t="s">
        <v>23</v>
      </c>
      <c r="D26966" s="14" t="s">
        <v>173</v>
      </c>
      <c r="E26966" s="15">
        <v>45697</v>
      </c>
      <c r="F26966" s="14" t="s">
        <v>25</v>
      </c>
      <c r="G26966" s="16">
        <v>4.5188250740663349</v>
      </c>
    </row>
    <row r="26967" spans="1:7" x14ac:dyDescent="0.3">
      <c r="A26967" s="13" t="s">
        <v>172</v>
      </c>
      <c r="B26967" s="14" t="s">
        <v>1</v>
      </c>
      <c r="C26967" s="14" t="s">
        <v>23</v>
      </c>
      <c r="D26967" s="14" t="s">
        <v>173</v>
      </c>
      <c r="E26967" s="15">
        <v>45698</v>
      </c>
      <c r="F26967" s="14" t="s">
        <v>25</v>
      </c>
      <c r="G26967" s="16">
        <v>4.5488576329416617</v>
      </c>
    </row>
    <row r="26968" spans="1:7" x14ac:dyDescent="0.3">
      <c r="A26968" s="13" t="s">
        <v>172</v>
      </c>
      <c r="B26968" s="14" t="s">
        <v>1</v>
      </c>
      <c r="C26968" s="14" t="s">
        <v>23</v>
      </c>
      <c r="D26968" s="14" t="s">
        <v>173</v>
      </c>
      <c r="E26968" s="15">
        <v>45699</v>
      </c>
      <c r="F26968" s="14" t="s">
        <v>25</v>
      </c>
      <c r="G26968" s="16">
        <v>4.5988923254270464</v>
      </c>
    </row>
    <row r="26969" spans="1:7" x14ac:dyDescent="0.3">
      <c r="A26969" s="13" t="s">
        <v>172</v>
      </c>
      <c r="B26969" s="14" t="s">
        <v>1</v>
      </c>
      <c r="C26969" s="14" t="s">
        <v>23</v>
      </c>
      <c r="D26969" s="14" t="s">
        <v>173</v>
      </c>
      <c r="E26969" s="15">
        <v>45700</v>
      </c>
      <c r="F26969" s="14" t="s">
        <v>25</v>
      </c>
      <c r="G26969" s="16">
        <v>4.6158691582718161</v>
      </c>
    </row>
    <row r="26970" spans="1:7" x14ac:dyDescent="0.3">
      <c r="A26970" s="13" t="s">
        <v>172</v>
      </c>
      <c r="B26970" s="14" t="s">
        <v>1</v>
      </c>
      <c r="C26970" s="14" t="s">
        <v>23</v>
      </c>
      <c r="D26970" s="14" t="s">
        <v>173</v>
      </c>
      <c r="E26970" s="15">
        <v>45701</v>
      </c>
      <c r="F26970" s="14" t="s">
        <v>25</v>
      </c>
      <c r="G26970" s="16">
        <v>4.5770932523978658</v>
      </c>
    </row>
    <row r="26971" spans="1:7" x14ac:dyDescent="0.3">
      <c r="A26971" s="13" t="s">
        <v>172</v>
      </c>
      <c r="B26971" s="14" t="s">
        <v>1</v>
      </c>
      <c r="C26971" s="14" t="s">
        <v>23</v>
      </c>
      <c r="D26971" s="14" t="s">
        <v>173</v>
      </c>
      <c r="E26971" s="15">
        <v>45702</v>
      </c>
      <c r="F26971" s="14" t="s">
        <v>25</v>
      </c>
      <c r="G26971" s="16">
        <v>4.5703788641307197</v>
      </c>
    </row>
    <row r="26972" spans="1:7" x14ac:dyDescent="0.3">
      <c r="A26972" s="13" t="s">
        <v>172</v>
      </c>
      <c r="B26972" s="14" t="s">
        <v>1</v>
      </c>
      <c r="C26972" s="14" t="s">
        <v>23</v>
      </c>
      <c r="D26972" s="14" t="s">
        <v>173</v>
      </c>
      <c r="E26972" s="15">
        <v>45703</v>
      </c>
      <c r="F26972" s="14" t="s">
        <v>25</v>
      </c>
      <c r="G26972" s="16">
        <v>4.5703788641307197</v>
      </c>
    </row>
    <row r="26973" spans="1:7" x14ac:dyDescent="0.3">
      <c r="A26973" s="13" t="s">
        <v>172</v>
      </c>
      <c r="B26973" s="14" t="s">
        <v>1</v>
      </c>
      <c r="C26973" s="14" t="s">
        <v>23</v>
      </c>
      <c r="D26973" s="14" t="s">
        <v>173</v>
      </c>
      <c r="E26973" s="15">
        <v>45704</v>
      </c>
      <c r="F26973" s="14" t="s">
        <v>25</v>
      </c>
      <c r="G26973" s="16">
        <v>4.5703788641307197</v>
      </c>
    </row>
    <row r="26974" spans="1:7" x14ac:dyDescent="0.3">
      <c r="A26974" s="13" t="s">
        <v>172</v>
      </c>
      <c r="B26974" s="14" t="s">
        <v>1</v>
      </c>
      <c r="C26974" s="14" t="s">
        <v>23</v>
      </c>
      <c r="D26974" s="14" t="s">
        <v>173</v>
      </c>
      <c r="E26974" s="15">
        <v>45705</v>
      </c>
      <c r="F26974" s="14" t="s">
        <v>25</v>
      </c>
      <c r="G26974" s="16">
        <v>4.5703788641307197</v>
      </c>
    </row>
    <row r="26975" spans="1:7" x14ac:dyDescent="0.3">
      <c r="A26975" s="13" t="s">
        <v>172</v>
      </c>
      <c r="B26975" s="14" t="s">
        <v>1</v>
      </c>
      <c r="C26975" s="14" t="s">
        <v>23</v>
      </c>
      <c r="D26975" s="14" t="s">
        <v>173</v>
      </c>
      <c r="E26975" s="15">
        <v>45706</v>
      </c>
      <c r="F26975" s="14" t="s">
        <v>25</v>
      </c>
      <c r="G26975" s="16">
        <v>4.6036081580182326</v>
      </c>
    </row>
    <row r="26976" spans="1:7" x14ac:dyDescent="0.3">
      <c r="A26976" s="13" t="s">
        <v>172</v>
      </c>
      <c r="B26976" s="14" t="s">
        <v>1</v>
      </c>
      <c r="C26976" s="14" t="s">
        <v>23</v>
      </c>
      <c r="D26976" s="14" t="s">
        <v>173</v>
      </c>
      <c r="E26976" s="15">
        <v>45707</v>
      </c>
      <c r="F26976" s="14" t="s">
        <v>25</v>
      </c>
      <c r="G26976" s="16">
        <v>4.6640149153854624</v>
      </c>
    </row>
    <row r="26977" spans="1:7" x14ac:dyDescent="0.3">
      <c r="A26977" s="13" t="s">
        <v>172</v>
      </c>
      <c r="B26977" s="14" t="s">
        <v>1</v>
      </c>
      <c r="C26977" s="14" t="s">
        <v>23</v>
      </c>
      <c r="D26977" s="14" t="s">
        <v>173</v>
      </c>
      <c r="E26977" s="15">
        <v>45708</v>
      </c>
      <c r="F26977" s="14" t="s">
        <v>25</v>
      </c>
      <c r="G26977" s="16">
        <v>4.6427363066157525</v>
      </c>
    </row>
    <row r="26978" spans="1:7" x14ac:dyDescent="0.3">
      <c r="A26978" s="13" t="s">
        <v>172</v>
      </c>
      <c r="B26978" s="14" t="s">
        <v>1</v>
      </c>
      <c r="C26978" s="14" t="s">
        <v>23</v>
      </c>
      <c r="D26978" s="14" t="s">
        <v>173</v>
      </c>
      <c r="E26978" s="15">
        <v>45709</v>
      </c>
      <c r="F26978" s="14" t="s">
        <v>25</v>
      </c>
      <c r="G26978" s="16">
        <v>4.6505468101301739</v>
      </c>
    </row>
    <row r="26979" spans="1:7" x14ac:dyDescent="0.3">
      <c r="A26979" s="13" t="s">
        <v>172</v>
      </c>
      <c r="B26979" s="14" t="s">
        <v>1</v>
      </c>
      <c r="C26979" s="14" t="s">
        <v>23</v>
      </c>
      <c r="D26979" s="14" t="s">
        <v>173</v>
      </c>
      <c r="E26979" s="15">
        <v>45710</v>
      </c>
      <c r="F26979" s="14" t="s">
        <v>25</v>
      </c>
      <c r="G26979" s="16">
        <v>4.6505468101301739</v>
      </c>
    </row>
    <row r="26980" spans="1:7" x14ac:dyDescent="0.3">
      <c r="A26980" s="13" t="s">
        <v>172</v>
      </c>
      <c r="B26980" s="14" t="s">
        <v>1</v>
      </c>
      <c r="C26980" s="14" t="s">
        <v>23</v>
      </c>
      <c r="D26980" s="14" t="s">
        <v>173</v>
      </c>
      <c r="E26980" s="15">
        <v>45711</v>
      </c>
      <c r="F26980" s="14" t="s">
        <v>25</v>
      </c>
      <c r="G26980" s="16">
        <v>4.6505468101301739</v>
      </c>
    </row>
    <row r="26981" spans="1:7" x14ac:dyDescent="0.3">
      <c r="A26981" s="13" t="s">
        <v>172</v>
      </c>
      <c r="B26981" s="14" t="s">
        <v>1</v>
      </c>
      <c r="C26981" s="14" t="s">
        <v>23</v>
      </c>
      <c r="D26981" s="14" t="s">
        <v>173</v>
      </c>
      <c r="E26981" s="15">
        <v>45712</v>
      </c>
      <c r="F26981" s="14" t="s">
        <v>25</v>
      </c>
      <c r="G26981" s="16">
        <v>4.6562052952043826</v>
      </c>
    </row>
    <row r="26982" spans="1:7" x14ac:dyDescent="0.3">
      <c r="A26982" s="13" t="s">
        <v>172</v>
      </c>
      <c r="B26982" s="14" t="s">
        <v>1</v>
      </c>
      <c r="C26982" s="14" t="s">
        <v>23</v>
      </c>
      <c r="D26982" s="14" t="s">
        <v>173</v>
      </c>
      <c r="E26982" s="15">
        <v>45713</v>
      </c>
      <c r="F26982" s="14" t="s">
        <v>25</v>
      </c>
      <c r="G26982" s="16">
        <v>4.6757309559722637</v>
      </c>
    </row>
    <row r="26983" spans="1:7" x14ac:dyDescent="0.3">
      <c r="A26983" s="13" t="s">
        <v>172</v>
      </c>
      <c r="B26983" s="14" t="s">
        <v>1</v>
      </c>
      <c r="C26983" s="14" t="s">
        <v>23</v>
      </c>
      <c r="D26983" s="14" t="s">
        <v>173</v>
      </c>
      <c r="E26983" s="15">
        <v>45714</v>
      </c>
      <c r="F26983" s="14" t="s">
        <v>25</v>
      </c>
      <c r="G26983" s="16">
        <v>4.6960518616134115</v>
      </c>
    </row>
    <row r="26984" spans="1:7" x14ac:dyDescent="0.3">
      <c r="A26984" s="13" t="s">
        <v>172</v>
      </c>
      <c r="B26984" s="14" t="s">
        <v>1</v>
      </c>
      <c r="C26984" s="14" t="s">
        <v>23</v>
      </c>
      <c r="D26984" s="14" t="s">
        <v>173</v>
      </c>
      <c r="E26984" s="15">
        <v>45715</v>
      </c>
      <c r="F26984" s="14" t="s">
        <v>25</v>
      </c>
      <c r="G26984" s="16">
        <v>4.7344617221472332</v>
      </c>
    </row>
    <row r="26985" spans="1:7" x14ac:dyDescent="0.3">
      <c r="A26985" s="13" t="s">
        <v>172</v>
      </c>
      <c r="B26985" s="14" t="s">
        <v>1</v>
      </c>
      <c r="C26985" s="14" t="s">
        <v>23</v>
      </c>
      <c r="D26985" s="14" t="s">
        <v>173</v>
      </c>
      <c r="E26985" s="15">
        <v>45716</v>
      </c>
      <c r="F26985" s="14" t="s">
        <v>25</v>
      </c>
      <c r="G26985" s="16">
        <v>4.768020050098845</v>
      </c>
    </row>
    <row r="26986" spans="1:7" x14ac:dyDescent="0.3">
      <c r="A26986" s="13" t="s">
        <v>172</v>
      </c>
      <c r="B26986" s="14" t="s">
        <v>1</v>
      </c>
      <c r="C26986" s="14" t="s">
        <v>23</v>
      </c>
      <c r="D26986" s="14" t="s">
        <v>173</v>
      </c>
      <c r="E26986" s="15">
        <v>45717</v>
      </c>
      <c r="F26986" s="14" t="s">
        <v>25</v>
      </c>
      <c r="G26986" s="16">
        <v>4.768020050098845</v>
      </c>
    </row>
    <row r="26987" spans="1:7" x14ac:dyDescent="0.3">
      <c r="A26987" s="13" t="s">
        <v>172</v>
      </c>
      <c r="B26987" s="14" t="s">
        <v>1</v>
      </c>
      <c r="C26987" s="14" t="s">
        <v>23</v>
      </c>
      <c r="D26987" s="14" t="s">
        <v>173</v>
      </c>
      <c r="E26987" s="15">
        <v>45718</v>
      </c>
      <c r="F26987" s="14" t="s">
        <v>25</v>
      </c>
      <c r="G26987" s="16">
        <v>4.768020050098845</v>
      </c>
    </row>
    <row r="26988" spans="1:7" x14ac:dyDescent="0.3">
      <c r="A26988" s="13" t="s">
        <v>172</v>
      </c>
      <c r="B26988" s="14" t="s">
        <v>1</v>
      </c>
      <c r="C26988" s="14" t="s">
        <v>23</v>
      </c>
      <c r="D26988" s="14" t="s">
        <v>173</v>
      </c>
      <c r="E26988" s="15">
        <v>45719</v>
      </c>
      <c r="F26988" s="14" t="s">
        <v>25</v>
      </c>
      <c r="G26988" s="16">
        <v>4.7675856358412023</v>
      </c>
    </row>
    <row r="26989" spans="1:7" x14ac:dyDescent="0.3">
      <c r="A26989" s="13" t="s">
        <v>172</v>
      </c>
      <c r="B26989" s="14" t="s">
        <v>1</v>
      </c>
      <c r="C26989" s="14" t="s">
        <v>23</v>
      </c>
      <c r="D26989" s="14" t="s">
        <v>173</v>
      </c>
      <c r="E26989" s="15">
        <v>45720</v>
      </c>
      <c r="F26989" s="14" t="s">
        <v>25</v>
      </c>
      <c r="G26989" s="16">
        <v>4.7694515978539274</v>
      </c>
    </row>
    <row r="26990" spans="1:7" x14ac:dyDescent="0.3">
      <c r="A26990" s="13" t="s">
        <v>172</v>
      </c>
      <c r="B26990" s="14" t="s">
        <v>1</v>
      </c>
      <c r="C26990" s="14" t="s">
        <v>23</v>
      </c>
      <c r="D26990" s="14" t="s">
        <v>173</v>
      </c>
      <c r="E26990" s="15">
        <v>45721</v>
      </c>
      <c r="F26990" s="14" t="s">
        <v>25</v>
      </c>
      <c r="G26990" s="16">
        <v>4.7883937986730238</v>
      </c>
    </row>
    <row r="26991" spans="1:7" x14ac:dyDescent="0.3">
      <c r="A26991" s="13" t="s">
        <v>172</v>
      </c>
      <c r="B26991" s="14" t="s">
        <v>1</v>
      </c>
      <c r="C26991" s="14" t="s">
        <v>23</v>
      </c>
      <c r="D26991" s="14" t="s">
        <v>173</v>
      </c>
      <c r="E26991" s="15">
        <v>45722</v>
      </c>
      <c r="F26991" s="14" t="s">
        <v>25</v>
      </c>
      <c r="G26991" s="16">
        <v>4.7636413910140716</v>
      </c>
    </row>
    <row r="26992" spans="1:7" x14ac:dyDescent="0.3">
      <c r="A26992" s="13" t="s">
        <v>172</v>
      </c>
      <c r="B26992" s="14" t="s">
        <v>1</v>
      </c>
      <c r="C26992" s="14" t="s">
        <v>23</v>
      </c>
      <c r="D26992" s="14" t="s">
        <v>173</v>
      </c>
      <c r="E26992" s="15">
        <v>45723</v>
      </c>
      <c r="F26992" s="14" t="s">
        <v>25</v>
      </c>
      <c r="G26992" s="16">
        <v>4.7559491878024085</v>
      </c>
    </row>
    <row r="26993" spans="1:7" x14ac:dyDescent="0.3">
      <c r="A26993" s="13" t="s">
        <v>172</v>
      </c>
      <c r="B26993" s="14" t="s">
        <v>1</v>
      </c>
      <c r="C26993" s="14" t="s">
        <v>23</v>
      </c>
      <c r="D26993" s="14" t="s">
        <v>173</v>
      </c>
      <c r="E26993" s="15">
        <v>45724</v>
      </c>
      <c r="F26993" s="14" t="s">
        <v>25</v>
      </c>
      <c r="G26993" s="16">
        <v>4.7559491878024085</v>
      </c>
    </row>
    <row r="26994" spans="1:7" x14ac:dyDescent="0.3">
      <c r="A26994" s="13" t="s">
        <v>172</v>
      </c>
      <c r="B26994" s="14" t="s">
        <v>1</v>
      </c>
      <c r="C26994" s="14" t="s">
        <v>23</v>
      </c>
      <c r="D26994" s="14" t="s">
        <v>173</v>
      </c>
      <c r="E26994" s="15">
        <v>45725</v>
      </c>
      <c r="F26994" s="14" t="s">
        <v>25</v>
      </c>
      <c r="G26994" s="16">
        <v>4.7559491878024085</v>
      </c>
    </row>
    <row r="26995" spans="1:7" x14ac:dyDescent="0.3">
      <c r="A26995" s="13" t="s">
        <v>172</v>
      </c>
      <c r="B26995" s="14" t="s">
        <v>1</v>
      </c>
      <c r="C26995" s="14" t="s">
        <v>23</v>
      </c>
      <c r="D26995" s="14" t="s">
        <v>173</v>
      </c>
      <c r="E26995" s="15">
        <v>45726</v>
      </c>
      <c r="F26995" s="14" t="s">
        <v>25</v>
      </c>
      <c r="G26995" s="16">
        <v>4.7845161121181148</v>
      </c>
    </row>
    <row r="26996" spans="1:7" x14ac:dyDescent="0.3">
      <c r="A26996" s="13" t="s">
        <v>172</v>
      </c>
      <c r="B26996" s="14" t="s">
        <v>1</v>
      </c>
      <c r="C26996" s="14" t="s">
        <v>23</v>
      </c>
      <c r="D26996" s="14" t="s">
        <v>173</v>
      </c>
      <c r="E26996" s="15">
        <v>45727</v>
      </c>
      <c r="F26996" s="14" t="s">
        <v>25</v>
      </c>
      <c r="G26996" s="16">
        <v>4.8339725036144419</v>
      </c>
    </row>
    <row r="26997" spans="1:7" x14ac:dyDescent="0.3">
      <c r="A26997" s="13" t="s">
        <v>172</v>
      </c>
      <c r="B26997" s="14" t="s">
        <v>1</v>
      </c>
      <c r="C26997" s="14" t="s">
        <v>23</v>
      </c>
      <c r="D26997" s="14" t="s">
        <v>173</v>
      </c>
      <c r="E26997" s="15">
        <v>45728</v>
      </c>
      <c r="F26997" s="14" t="s">
        <v>25</v>
      </c>
      <c r="G26997" s="16">
        <v>4.8448902559429126</v>
      </c>
    </row>
    <row r="26998" spans="1:7" x14ac:dyDescent="0.3">
      <c r="A26998" s="13" t="s">
        <v>172</v>
      </c>
      <c r="B26998" s="14" t="s">
        <v>1</v>
      </c>
      <c r="C26998" s="14" t="s">
        <v>23</v>
      </c>
      <c r="D26998" s="14" t="s">
        <v>173</v>
      </c>
      <c r="E26998" s="15">
        <v>45729</v>
      </c>
      <c r="F26998" s="14" t="s">
        <v>25</v>
      </c>
      <c r="G26998" s="16">
        <v>4.8569938191987703</v>
      </c>
    </row>
    <row r="26999" spans="1:7" x14ac:dyDescent="0.3">
      <c r="A26999" s="13" t="s">
        <v>172</v>
      </c>
      <c r="B26999" s="14" t="s">
        <v>1</v>
      </c>
      <c r="C26999" s="14" t="s">
        <v>23</v>
      </c>
      <c r="D26999" s="14" t="s">
        <v>173</v>
      </c>
      <c r="E26999" s="15">
        <v>45730</v>
      </c>
      <c r="F26999" s="14" t="s">
        <v>25</v>
      </c>
      <c r="G26999" s="16">
        <v>4.7894340865661729</v>
      </c>
    </row>
    <row r="27000" spans="1:7" x14ac:dyDescent="0.3">
      <c r="A27000" s="13" t="s">
        <v>172</v>
      </c>
      <c r="B27000" s="14" t="s">
        <v>1</v>
      </c>
      <c r="C27000" s="14" t="s">
        <v>23</v>
      </c>
      <c r="D27000" s="14" t="s">
        <v>173</v>
      </c>
      <c r="E27000" s="15">
        <v>45731</v>
      </c>
      <c r="F27000" s="14" t="s">
        <v>25</v>
      </c>
      <c r="G27000" s="16">
        <v>4.7894340865661729</v>
      </c>
    </row>
    <row r="27001" spans="1:7" x14ac:dyDescent="0.3">
      <c r="A27001" s="13" t="s">
        <v>172</v>
      </c>
      <c r="B27001" s="14" t="s">
        <v>1</v>
      </c>
      <c r="C27001" s="14" t="s">
        <v>23</v>
      </c>
      <c r="D27001" s="14" t="s">
        <v>173</v>
      </c>
      <c r="E27001" s="15">
        <v>45732</v>
      </c>
      <c r="F27001" s="14" t="s">
        <v>25</v>
      </c>
      <c r="G27001" s="16">
        <v>4.7894340865661729</v>
      </c>
    </row>
    <row r="27002" spans="1:7" x14ac:dyDescent="0.3">
      <c r="A27002" s="13" t="s">
        <v>172</v>
      </c>
      <c r="B27002" s="14" t="s">
        <v>1</v>
      </c>
      <c r="C27002" s="14" t="s">
        <v>23</v>
      </c>
      <c r="D27002" s="14" t="s">
        <v>173</v>
      </c>
      <c r="E27002" s="15">
        <v>45733</v>
      </c>
      <c r="F27002" s="14" t="s">
        <v>25</v>
      </c>
      <c r="G27002" s="16">
        <v>4.7894340865661729</v>
      </c>
    </row>
    <row r="27003" spans="1:7" x14ac:dyDescent="0.3">
      <c r="A27003" s="13" t="s">
        <v>172</v>
      </c>
      <c r="B27003" s="14" t="s">
        <v>1</v>
      </c>
      <c r="C27003" s="14" t="s">
        <v>23</v>
      </c>
      <c r="D27003" s="14" t="s">
        <v>173</v>
      </c>
      <c r="E27003" s="15">
        <v>45734</v>
      </c>
      <c r="F27003" s="14" t="s">
        <v>25</v>
      </c>
      <c r="G27003" s="16">
        <v>4.7538381704109067</v>
      </c>
    </row>
    <row r="27004" spans="1:7" x14ac:dyDescent="0.3">
      <c r="A27004" s="13" t="s">
        <v>172</v>
      </c>
      <c r="B27004" s="14" t="s">
        <v>1</v>
      </c>
      <c r="C27004" s="14" t="s">
        <v>23</v>
      </c>
      <c r="D27004" s="14" t="s">
        <v>173</v>
      </c>
      <c r="E27004" s="15">
        <v>45735</v>
      </c>
      <c r="F27004" s="14" t="s">
        <v>25</v>
      </c>
      <c r="G27004" s="16">
        <v>4.8044756644593782</v>
      </c>
    </row>
    <row r="27005" spans="1:7" x14ac:dyDescent="0.3">
      <c r="A27005" s="13" t="s">
        <v>172</v>
      </c>
      <c r="B27005" s="14" t="s">
        <v>1</v>
      </c>
      <c r="C27005" s="14" t="s">
        <v>23</v>
      </c>
      <c r="D27005" s="14" t="s">
        <v>173</v>
      </c>
      <c r="E27005" s="15">
        <v>45736</v>
      </c>
      <c r="F27005" s="14" t="s">
        <v>25</v>
      </c>
      <c r="G27005" s="16">
        <v>4.8438284189455247</v>
      </c>
    </row>
    <row r="27006" spans="1:7" x14ac:dyDescent="0.3">
      <c r="A27006" s="13" t="s">
        <v>172</v>
      </c>
      <c r="B27006" s="14" t="s">
        <v>1</v>
      </c>
      <c r="C27006" s="14" t="s">
        <v>23</v>
      </c>
      <c r="D27006" s="14" t="s">
        <v>173</v>
      </c>
      <c r="E27006" s="15">
        <v>45737</v>
      </c>
      <c r="F27006" s="14" t="s">
        <v>25</v>
      </c>
      <c r="G27006" s="16">
        <v>4.863029280596006</v>
      </c>
    </row>
    <row r="27007" spans="1:7" x14ac:dyDescent="0.3">
      <c r="A27007" s="13" t="s">
        <v>172</v>
      </c>
      <c r="B27007" s="14" t="s">
        <v>1</v>
      </c>
      <c r="C27007" s="14" t="s">
        <v>23</v>
      </c>
      <c r="D27007" s="14" t="s">
        <v>173</v>
      </c>
      <c r="E27007" s="15">
        <v>45738</v>
      </c>
      <c r="F27007" s="14" t="s">
        <v>25</v>
      </c>
      <c r="G27007" s="16">
        <v>4.863029280596006</v>
      </c>
    </row>
    <row r="27008" spans="1:7" x14ac:dyDescent="0.3">
      <c r="A27008" s="13" t="s">
        <v>172</v>
      </c>
      <c r="B27008" s="14" t="s">
        <v>1</v>
      </c>
      <c r="C27008" s="14" t="s">
        <v>23</v>
      </c>
      <c r="D27008" s="14" t="s">
        <v>173</v>
      </c>
      <c r="E27008" s="15">
        <v>45739</v>
      </c>
      <c r="F27008" s="14" t="s">
        <v>25</v>
      </c>
      <c r="G27008" s="16">
        <v>4.863029280596006</v>
      </c>
    </row>
    <row r="27009" spans="1:7" x14ac:dyDescent="0.3">
      <c r="A27009" s="13" t="s">
        <v>172</v>
      </c>
      <c r="B27009" s="14" t="s">
        <v>1</v>
      </c>
      <c r="C27009" s="14" t="s">
        <v>23</v>
      </c>
      <c r="D27009" s="14" t="s">
        <v>173</v>
      </c>
      <c r="E27009" s="15">
        <v>45740</v>
      </c>
      <c r="F27009" s="14" t="s">
        <v>25</v>
      </c>
      <c r="G27009" s="16">
        <v>4.8755143475702321</v>
      </c>
    </row>
    <row r="27010" spans="1:7" x14ac:dyDescent="0.3">
      <c r="A27010" s="13" t="s">
        <v>172</v>
      </c>
      <c r="B27010" s="14" t="s">
        <v>1</v>
      </c>
      <c r="C27010" s="14" t="s">
        <v>23</v>
      </c>
      <c r="D27010" s="14" t="s">
        <v>173</v>
      </c>
      <c r="E27010" s="15">
        <v>45741</v>
      </c>
      <c r="F27010" s="14" t="s">
        <v>25</v>
      </c>
      <c r="G27010" s="16">
        <v>4.9141299691155362</v>
      </c>
    </row>
    <row r="27011" spans="1:7" x14ac:dyDescent="0.3">
      <c r="A27011" s="13" t="s">
        <v>172</v>
      </c>
      <c r="B27011" s="14" t="s">
        <v>1</v>
      </c>
      <c r="C27011" s="14" t="s">
        <v>23</v>
      </c>
      <c r="D27011" s="14" t="s">
        <v>173</v>
      </c>
      <c r="E27011" s="15">
        <v>45742</v>
      </c>
      <c r="F27011" s="14" t="s">
        <v>25</v>
      </c>
      <c r="G27011" s="16">
        <v>4.9332373380609091</v>
      </c>
    </row>
    <row r="27012" spans="1:7" x14ac:dyDescent="0.3">
      <c r="A27012" s="13" t="s">
        <v>172</v>
      </c>
      <c r="B27012" s="14" t="s">
        <v>1</v>
      </c>
      <c r="C27012" s="14" t="s">
        <v>23</v>
      </c>
      <c r="D27012" s="14" t="s">
        <v>173</v>
      </c>
      <c r="E27012" s="15">
        <v>45743</v>
      </c>
      <c r="F27012" s="14" t="s">
        <v>25</v>
      </c>
      <c r="G27012" s="16">
        <v>4.9346952129756145</v>
      </c>
    </row>
    <row r="27013" spans="1:7" x14ac:dyDescent="0.3">
      <c r="A27013" s="13" t="s">
        <v>172</v>
      </c>
      <c r="B27013" s="14" t="s">
        <v>1</v>
      </c>
      <c r="C27013" s="14" t="s">
        <v>23</v>
      </c>
      <c r="D27013" s="14" t="s">
        <v>173</v>
      </c>
      <c r="E27013" s="15">
        <v>45744</v>
      </c>
      <c r="F27013" s="14" t="s">
        <v>25</v>
      </c>
      <c r="G27013" s="16">
        <v>4.9425633371365798</v>
      </c>
    </row>
    <row r="27014" spans="1:7" x14ac:dyDescent="0.3">
      <c r="A27014" s="13" t="s">
        <v>172</v>
      </c>
      <c r="B27014" s="14" t="s">
        <v>1</v>
      </c>
      <c r="C27014" s="14" t="s">
        <v>23</v>
      </c>
      <c r="D27014" s="14" t="s">
        <v>173</v>
      </c>
      <c r="E27014" s="15">
        <v>45745</v>
      </c>
      <c r="F27014" s="14" t="s">
        <v>25</v>
      </c>
      <c r="G27014" s="16">
        <v>4.9425633371365798</v>
      </c>
    </row>
    <row r="27015" spans="1:7" x14ac:dyDescent="0.3">
      <c r="A27015" s="13" t="s">
        <v>172</v>
      </c>
      <c r="B27015" s="14" t="s">
        <v>1</v>
      </c>
      <c r="C27015" s="14" t="s">
        <v>23</v>
      </c>
      <c r="D27015" s="14" t="s">
        <v>173</v>
      </c>
      <c r="E27015" s="15">
        <v>45746</v>
      </c>
      <c r="F27015" s="14" t="s">
        <v>25</v>
      </c>
      <c r="G27015" s="16">
        <v>4.9425633371365798</v>
      </c>
    </row>
    <row r="27016" spans="1:7" x14ac:dyDescent="0.3">
      <c r="A27016" s="13" t="s">
        <v>172</v>
      </c>
      <c r="B27016" s="14" t="s">
        <v>1</v>
      </c>
      <c r="C27016" s="14" t="s">
        <v>23</v>
      </c>
      <c r="D27016" s="14" t="s">
        <v>173</v>
      </c>
      <c r="E27016" s="15">
        <v>45747</v>
      </c>
      <c r="F27016" s="14" t="s">
        <v>25</v>
      </c>
      <c r="G27016" s="16">
        <v>4.9773380692346416</v>
      </c>
    </row>
    <row r="27017" spans="1:7" x14ac:dyDescent="0.3">
      <c r="A27017" s="13" t="s">
        <v>174</v>
      </c>
      <c r="B27017" s="14" t="s">
        <v>1</v>
      </c>
      <c r="C27017" s="14" t="s">
        <v>109</v>
      </c>
      <c r="D27017" s="14" t="s">
        <v>173</v>
      </c>
      <c r="E27017" s="15">
        <v>45383</v>
      </c>
      <c r="F27017" s="14" t="s">
        <v>25</v>
      </c>
      <c r="G27017" s="16">
        <v>0</v>
      </c>
    </row>
    <row r="27018" spans="1:7" x14ac:dyDescent="0.3">
      <c r="A27018" s="13" t="s">
        <v>174</v>
      </c>
      <c r="B27018" s="14" t="s">
        <v>1</v>
      </c>
      <c r="C27018" s="14" t="s">
        <v>109</v>
      </c>
      <c r="D27018" s="14" t="s">
        <v>173</v>
      </c>
      <c r="E27018" s="15">
        <v>45384</v>
      </c>
      <c r="F27018" s="14" t="s">
        <v>25</v>
      </c>
      <c r="G27018" s="16">
        <v>0</v>
      </c>
    </row>
    <row r="27019" spans="1:7" x14ac:dyDescent="0.3">
      <c r="A27019" s="13" t="s">
        <v>174</v>
      </c>
      <c r="B27019" s="14" t="s">
        <v>1</v>
      </c>
      <c r="C27019" s="14" t="s">
        <v>109</v>
      </c>
      <c r="D27019" s="14" t="s">
        <v>173</v>
      </c>
      <c r="E27019" s="15">
        <v>45385</v>
      </c>
      <c r="F27019" s="14" t="s">
        <v>25</v>
      </c>
      <c r="G27019" s="16">
        <v>0</v>
      </c>
    </row>
    <row r="27020" spans="1:7" x14ac:dyDescent="0.3">
      <c r="A27020" s="13" t="s">
        <v>174</v>
      </c>
      <c r="B27020" s="14" t="s">
        <v>1</v>
      </c>
      <c r="C27020" s="14" t="s">
        <v>109</v>
      </c>
      <c r="D27020" s="14" t="s">
        <v>173</v>
      </c>
      <c r="E27020" s="15">
        <v>45386</v>
      </c>
      <c r="F27020" s="14" t="s">
        <v>25</v>
      </c>
      <c r="G27020" s="16">
        <v>0</v>
      </c>
    </row>
    <row r="27021" spans="1:7" x14ac:dyDescent="0.3">
      <c r="A27021" s="13" t="s">
        <v>174</v>
      </c>
      <c r="B27021" s="14" t="s">
        <v>1</v>
      </c>
      <c r="C27021" s="14" t="s">
        <v>109</v>
      </c>
      <c r="D27021" s="14" t="s">
        <v>173</v>
      </c>
      <c r="E27021" s="15">
        <v>45387</v>
      </c>
      <c r="F27021" s="14" t="s">
        <v>25</v>
      </c>
      <c r="G27021" s="16">
        <v>0</v>
      </c>
    </row>
    <row r="27022" spans="1:7" x14ac:dyDescent="0.3">
      <c r="A27022" s="13" t="s">
        <v>174</v>
      </c>
      <c r="B27022" s="14" t="s">
        <v>1</v>
      </c>
      <c r="C27022" s="14" t="s">
        <v>109</v>
      </c>
      <c r="D27022" s="14" t="s">
        <v>173</v>
      </c>
      <c r="E27022" s="15">
        <v>45388</v>
      </c>
      <c r="F27022" s="14" t="s">
        <v>25</v>
      </c>
      <c r="G27022" s="16">
        <v>0</v>
      </c>
    </row>
    <row r="27023" spans="1:7" x14ac:dyDescent="0.3">
      <c r="A27023" s="13" t="s">
        <v>174</v>
      </c>
      <c r="B27023" s="14" t="s">
        <v>1</v>
      </c>
      <c r="C27023" s="14" t="s">
        <v>109</v>
      </c>
      <c r="D27023" s="14" t="s">
        <v>173</v>
      </c>
      <c r="E27023" s="15">
        <v>45389</v>
      </c>
      <c r="F27023" s="14" t="s">
        <v>25</v>
      </c>
      <c r="G27023" s="16">
        <v>0</v>
      </c>
    </row>
    <row r="27024" spans="1:7" x14ac:dyDescent="0.3">
      <c r="A27024" s="13" t="s">
        <v>174</v>
      </c>
      <c r="B27024" s="14" t="s">
        <v>1</v>
      </c>
      <c r="C27024" s="14" t="s">
        <v>109</v>
      </c>
      <c r="D27024" s="14" t="s">
        <v>173</v>
      </c>
      <c r="E27024" s="15">
        <v>45390</v>
      </c>
      <c r="F27024" s="14" t="s">
        <v>25</v>
      </c>
      <c r="G27024" s="16">
        <v>0</v>
      </c>
    </row>
    <row r="27025" spans="1:7" x14ac:dyDescent="0.3">
      <c r="A27025" s="13" t="s">
        <v>174</v>
      </c>
      <c r="B27025" s="14" t="s">
        <v>1</v>
      </c>
      <c r="C27025" s="14" t="s">
        <v>109</v>
      </c>
      <c r="D27025" s="14" t="s">
        <v>173</v>
      </c>
      <c r="E27025" s="15">
        <v>45391</v>
      </c>
      <c r="F27025" s="14" t="s">
        <v>25</v>
      </c>
      <c r="G27025" s="16">
        <v>0</v>
      </c>
    </row>
    <row r="27026" spans="1:7" x14ac:dyDescent="0.3">
      <c r="A27026" s="13" t="s">
        <v>174</v>
      </c>
      <c r="B27026" s="14" t="s">
        <v>1</v>
      </c>
      <c r="C27026" s="14" t="s">
        <v>109</v>
      </c>
      <c r="D27026" s="14" t="s">
        <v>173</v>
      </c>
      <c r="E27026" s="15">
        <v>45392</v>
      </c>
      <c r="F27026" s="14" t="s">
        <v>25</v>
      </c>
      <c r="G27026" s="16">
        <v>0</v>
      </c>
    </row>
    <row r="27027" spans="1:7" x14ac:dyDescent="0.3">
      <c r="A27027" s="13" t="s">
        <v>174</v>
      </c>
      <c r="B27027" s="14" t="s">
        <v>1</v>
      </c>
      <c r="C27027" s="14" t="s">
        <v>109</v>
      </c>
      <c r="D27027" s="14" t="s">
        <v>173</v>
      </c>
      <c r="E27027" s="15">
        <v>45393</v>
      </c>
      <c r="F27027" s="14" t="s">
        <v>25</v>
      </c>
      <c r="G27027" s="16">
        <v>0</v>
      </c>
    </row>
    <row r="27028" spans="1:7" x14ac:dyDescent="0.3">
      <c r="A27028" s="13" t="s">
        <v>174</v>
      </c>
      <c r="B27028" s="14" t="s">
        <v>1</v>
      </c>
      <c r="C27028" s="14" t="s">
        <v>109</v>
      </c>
      <c r="D27028" s="14" t="s">
        <v>173</v>
      </c>
      <c r="E27028" s="15">
        <v>45394</v>
      </c>
      <c r="F27028" s="14" t="s">
        <v>25</v>
      </c>
      <c r="G27028" s="16">
        <v>0</v>
      </c>
    </row>
    <row r="27029" spans="1:7" x14ac:dyDescent="0.3">
      <c r="A27029" s="13" t="s">
        <v>174</v>
      </c>
      <c r="B27029" s="14" t="s">
        <v>1</v>
      </c>
      <c r="C27029" s="14" t="s">
        <v>109</v>
      </c>
      <c r="D27029" s="14" t="s">
        <v>173</v>
      </c>
      <c r="E27029" s="15">
        <v>45395</v>
      </c>
      <c r="F27029" s="14" t="s">
        <v>25</v>
      </c>
      <c r="G27029" s="16">
        <v>0</v>
      </c>
    </row>
    <row r="27030" spans="1:7" x14ac:dyDescent="0.3">
      <c r="A27030" s="13" t="s">
        <v>174</v>
      </c>
      <c r="B27030" s="14" t="s">
        <v>1</v>
      </c>
      <c r="C27030" s="14" t="s">
        <v>109</v>
      </c>
      <c r="D27030" s="14" t="s">
        <v>173</v>
      </c>
      <c r="E27030" s="15">
        <v>45396</v>
      </c>
      <c r="F27030" s="14" t="s">
        <v>25</v>
      </c>
      <c r="G27030" s="16">
        <v>0</v>
      </c>
    </row>
    <row r="27031" spans="1:7" x14ac:dyDescent="0.3">
      <c r="A27031" s="13" t="s">
        <v>174</v>
      </c>
      <c r="B27031" s="14" t="s">
        <v>1</v>
      </c>
      <c r="C27031" s="14" t="s">
        <v>109</v>
      </c>
      <c r="D27031" s="14" t="s">
        <v>173</v>
      </c>
      <c r="E27031" s="15">
        <v>45397</v>
      </c>
      <c r="F27031" s="14" t="s">
        <v>25</v>
      </c>
      <c r="G27031" s="16">
        <v>0</v>
      </c>
    </row>
    <row r="27032" spans="1:7" x14ac:dyDescent="0.3">
      <c r="A27032" s="13" t="s">
        <v>174</v>
      </c>
      <c r="B27032" s="14" t="s">
        <v>1</v>
      </c>
      <c r="C27032" s="14" t="s">
        <v>109</v>
      </c>
      <c r="D27032" s="14" t="s">
        <v>173</v>
      </c>
      <c r="E27032" s="15">
        <v>45398</v>
      </c>
      <c r="F27032" s="14" t="s">
        <v>25</v>
      </c>
      <c r="G27032" s="16">
        <v>0</v>
      </c>
    </row>
    <row r="27033" spans="1:7" x14ac:dyDescent="0.3">
      <c r="A27033" s="13" t="s">
        <v>174</v>
      </c>
      <c r="B27033" s="14" t="s">
        <v>1</v>
      </c>
      <c r="C27033" s="14" t="s">
        <v>109</v>
      </c>
      <c r="D27033" s="14" t="s">
        <v>173</v>
      </c>
      <c r="E27033" s="15">
        <v>45399</v>
      </c>
      <c r="F27033" s="14" t="s">
        <v>25</v>
      </c>
      <c r="G27033" s="16">
        <v>0</v>
      </c>
    </row>
    <row r="27034" spans="1:7" x14ac:dyDescent="0.3">
      <c r="A27034" s="13" t="s">
        <v>174</v>
      </c>
      <c r="B27034" s="14" t="s">
        <v>1</v>
      </c>
      <c r="C27034" s="14" t="s">
        <v>109</v>
      </c>
      <c r="D27034" s="14" t="s">
        <v>173</v>
      </c>
      <c r="E27034" s="15">
        <v>45400</v>
      </c>
      <c r="F27034" s="14" t="s">
        <v>25</v>
      </c>
      <c r="G27034" s="16">
        <v>0</v>
      </c>
    </row>
    <row r="27035" spans="1:7" x14ac:dyDescent="0.3">
      <c r="A27035" s="13" t="s">
        <v>174</v>
      </c>
      <c r="B27035" s="14" t="s">
        <v>1</v>
      </c>
      <c r="C27035" s="14" t="s">
        <v>109</v>
      </c>
      <c r="D27035" s="14" t="s">
        <v>173</v>
      </c>
      <c r="E27035" s="15">
        <v>45401</v>
      </c>
      <c r="F27035" s="14" t="s">
        <v>25</v>
      </c>
      <c r="G27035" s="16">
        <v>0</v>
      </c>
    </row>
    <row r="27036" spans="1:7" x14ac:dyDescent="0.3">
      <c r="A27036" s="13" t="s">
        <v>174</v>
      </c>
      <c r="B27036" s="14" t="s">
        <v>1</v>
      </c>
      <c r="C27036" s="14" t="s">
        <v>109</v>
      </c>
      <c r="D27036" s="14" t="s">
        <v>173</v>
      </c>
      <c r="E27036" s="15">
        <v>45402</v>
      </c>
      <c r="F27036" s="14" t="s">
        <v>25</v>
      </c>
      <c r="G27036" s="16">
        <v>0</v>
      </c>
    </row>
    <row r="27037" spans="1:7" x14ac:dyDescent="0.3">
      <c r="A27037" s="13" t="s">
        <v>174</v>
      </c>
      <c r="B27037" s="14" t="s">
        <v>1</v>
      </c>
      <c r="C27037" s="14" t="s">
        <v>109</v>
      </c>
      <c r="D27037" s="14" t="s">
        <v>173</v>
      </c>
      <c r="E27037" s="15">
        <v>45403</v>
      </c>
      <c r="F27037" s="14" t="s">
        <v>25</v>
      </c>
      <c r="G27037" s="16">
        <v>0</v>
      </c>
    </row>
    <row r="27038" spans="1:7" x14ac:dyDescent="0.3">
      <c r="A27038" s="13" t="s">
        <v>174</v>
      </c>
      <c r="B27038" s="14" t="s">
        <v>1</v>
      </c>
      <c r="C27038" s="14" t="s">
        <v>109</v>
      </c>
      <c r="D27038" s="14" t="s">
        <v>173</v>
      </c>
      <c r="E27038" s="15">
        <v>45404</v>
      </c>
      <c r="F27038" s="14" t="s">
        <v>25</v>
      </c>
      <c r="G27038" s="16">
        <v>0</v>
      </c>
    </row>
    <row r="27039" spans="1:7" x14ac:dyDescent="0.3">
      <c r="A27039" s="13" t="s">
        <v>174</v>
      </c>
      <c r="B27039" s="14" t="s">
        <v>1</v>
      </c>
      <c r="C27039" s="14" t="s">
        <v>109</v>
      </c>
      <c r="D27039" s="14" t="s">
        <v>173</v>
      </c>
      <c r="E27039" s="15">
        <v>45405</v>
      </c>
      <c r="F27039" s="14" t="s">
        <v>25</v>
      </c>
      <c r="G27039" s="16">
        <v>0</v>
      </c>
    </row>
    <row r="27040" spans="1:7" x14ac:dyDescent="0.3">
      <c r="A27040" s="13" t="s">
        <v>174</v>
      </c>
      <c r="B27040" s="14" t="s">
        <v>1</v>
      </c>
      <c r="C27040" s="14" t="s">
        <v>109</v>
      </c>
      <c r="D27040" s="14" t="s">
        <v>173</v>
      </c>
      <c r="E27040" s="15">
        <v>45406</v>
      </c>
      <c r="F27040" s="14" t="s">
        <v>25</v>
      </c>
      <c r="G27040" s="16">
        <v>0</v>
      </c>
    </row>
    <row r="27041" spans="1:7" x14ac:dyDescent="0.3">
      <c r="A27041" s="13" t="s">
        <v>174</v>
      </c>
      <c r="B27041" s="14" t="s">
        <v>1</v>
      </c>
      <c r="C27041" s="14" t="s">
        <v>109</v>
      </c>
      <c r="D27041" s="14" t="s">
        <v>173</v>
      </c>
      <c r="E27041" s="15">
        <v>45407</v>
      </c>
      <c r="F27041" s="14" t="s">
        <v>25</v>
      </c>
      <c r="G27041" s="16">
        <v>0</v>
      </c>
    </row>
    <row r="27042" spans="1:7" x14ac:dyDescent="0.3">
      <c r="A27042" s="13" t="s">
        <v>174</v>
      </c>
      <c r="B27042" s="14" t="s">
        <v>1</v>
      </c>
      <c r="C27042" s="14" t="s">
        <v>109</v>
      </c>
      <c r="D27042" s="14" t="s">
        <v>173</v>
      </c>
      <c r="E27042" s="15">
        <v>45408</v>
      </c>
      <c r="F27042" s="14" t="s">
        <v>25</v>
      </c>
      <c r="G27042" s="16">
        <v>0</v>
      </c>
    </row>
    <row r="27043" spans="1:7" x14ac:dyDescent="0.3">
      <c r="A27043" s="13" t="s">
        <v>174</v>
      </c>
      <c r="B27043" s="14" t="s">
        <v>1</v>
      </c>
      <c r="C27043" s="14" t="s">
        <v>109</v>
      </c>
      <c r="D27043" s="14" t="s">
        <v>173</v>
      </c>
      <c r="E27043" s="15">
        <v>45409</v>
      </c>
      <c r="F27043" s="14" t="s">
        <v>25</v>
      </c>
      <c r="G27043" s="16">
        <v>0</v>
      </c>
    </row>
    <row r="27044" spans="1:7" x14ac:dyDescent="0.3">
      <c r="A27044" s="13" t="s">
        <v>174</v>
      </c>
      <c r="B27044" s="14" t="s">
        <v>1</v>
      </c>
      <c r="C27044" s="14" t="s">
        <v>109</v>
      </c>
      <c r="D27044" s="14" t="s">
        <v>173</v>
      </c>
      <c r="E27044" s="15">
        <v>45410</v>
      </c>
      <c r="F27044" s="14" t="s">
        <v>25</v>
      </c>
      <c r="G27044" s="16">
        <v>0</v>
      </c>
    </row>
    <row r="27045" spans="1:7" x14ac:dyDescent="0.3">
      <c r="A27045" s="13" t="s">
        <v>174</v>
      </c>
      <c r="B27045" s="14" t="s">
        <v>1</v>
      </c>
      <c r="C27045" s="14" t="s">
        <v>109</v>
      </c>
      <c r="D27045" s="14" t="s">
        <v>173</v>
      </c>
      <c r="E27045" s="15">
        <v>45411</v>
      </c>
      <c r="F27045" s="14" t="s">
        <v>25</v>
      </c>
      <c r="G27045" s="16">
        <v>0</v>
      </c>
    </row>
    <row r="27046" spans="1:7" x14ac:dyDescent="0.3">
      <c r="A27046" s="13" t="s">
        <v>174</v>
      </c>
      <c r="B27046" s="14" t="s">
        <v>1</v>
      </c>
      <c r="C27046" s="14" t="s">
        <v>109</v>
      </c>
      <c r="D27046" s="14" t="s">
        <v>173</v>
      </c>
      <c r="E27046" s="15">
        <v>45412</v>
      </c>
      <c r="F27046" s="14" t="s">
        <v>25</v>
      </c>
      <c r="G27046" s="16">
        <v>0</v>
      </c>
    </row>
    <row r="27047" spans="1:7" x14ac:dyDescent="0.3">
      <c r="A27047" s="13" t="s">
        <v>174</v>
      </c>
      <c r="B27047" s="14" t="s">
        <v>1</v>
      </c>
      <c r="C27047" s="14" t="s">
        <v>109</v>
      </c>
      <c r="D27047" s="14" t="s">
        <v>173</v>
      </c>
      <c r="E27047" s="15">
        <v>45413</v>
      </c>
      <c r="F27047" s="14" t="s">
        <v>25</v>
      </c>
      <c r="G27047" s="16">
        <v>0</v>
      </c>
    </row>
    <row r="27048" spans="1:7" x14ac:dyDescent="0.3">
      <c r="A27048" s="13" t="s">
        <v>174</v>
      </c>
      <c r="B27048" s="14" t="s">
        <v>1</v>
      </c>
      <c r="C27048" s="14" t="s">
        <v>109</v>
      </c>
      <c r="D27048" s="14" t="s">
        <v>173</v>
      </c>
      <c r="E27048" s="15">
        <v>45414</v>
      </c>
      <c r="F27048" s="14" t="s">
        <v>25</v>
      </c>
      <c r="G27048" s="16">
        <v>0</v>
      </c>
    </row>
    <row r="27049" spans="1:7" x14ac:dyDescent="0.3">
      <c r="A27049" s="13" t="s">
        <v>174</v>
      </c>
      <c r="B27049" s="14" t="s">
        <v>1</v>
      </c>
      <c r="C27049" s="14" t="s">
        <v>109</v>
      </c>
      <c r="D27049" s="14" t="s">
        <v>173</v>
      </c>
      <c r="E27049" s="15">
        <v>45415</v>
      </c>
      <c r="F27049" s="14" t="s">
        <v>25</v>
      </c>
      <c r="G27049" s="16">
        <v>0</v>
      </c>
    </row>
    <row r="27050" spans="1:7" x14ac:dyDescent="0.3">
      <c r="A27050" s="13" t="s">
        <v>174</v>
      </c>
      <c r="B27050" s="14" t="s">
        <v>1</v>
      </c>
      <c r="C27050" s="14" t="s">
        <v>109</v>
      </c>
      <c r="D27050" s="14" t="s">
        <v>173</v>
      </c>
      <c r="E27050" s="15">
        <v>45416</v>
      </c>
      <c r="F27050" s="14" t="s">
        <v>25</v>
      </c>
      <c r="G27050" s="16">
        <v>0</v>
      </c>
    </row>
    <row r="27051" spans="1:7" x14ac:dyDescent="0.3">
      <c r="A27051" s="13" t="s">
        <v>174</v>
      </c>
      <c r="B27051" s="14" t="s">
        <v>1</v>
      </c>
      <c r="C27051" s="14" t="s">
        <v>109</v>
      </c>
      <c r="D27051" s="14" t="s">
        <v>173</v>
      </c>
      <c r="E27051" s="15">
        <v>45417</v>
      </c>
      <c r="F27051" s="14" t="s">
        <v>25</v>
      </c>
      <c r="G27051" s="16">
        <v>0</v>
      </c>
    </row>
    <row r="27052" spans="1:7" x14ac:dyDescent="0.3">
      <c r="A27052" s="13" t="s">
        <v>174</v>
      </c>
      <c r="B27052" s="14" t="s">
        <v>1</v>
      </c>
      <c r="C27052" s="14" t="s">
        <v>109</v>
      </c>
      <c r="D27052" s="14" t="s">
        <v>173</v>
      </c>
      <c r="E27052" s="15">
        <v>45418</v>
      </c>
      <c r="F27052" s="14" t="s">
        <v>25</v>
      </c>
      <c r="G27052" s="16">
        <v>0</v>
      </c>
    </row>
    <row r="27053" spans="1:7" x14ac:dyDescent="0.3">
      <c r="A27053" s="13" t="s">
        <v>174</v>
      </c>
      <c r="B27053" s="14" t="s">
        <v>1</v>
      </c>
      <c r="C27053" s="14" t="s">
        <v>109</v>
      </c>
      <c r="D27053" s="14" t="s">
        <v>173</v>
      </c>
      <c r="E27053" s="15">
        <v>45419</v>
      </c>
      <c r="F27053" s="14" t="s">
        <v>25</v>
      </c>
      <c r="G27053" s="16">
        <v>0</v>
      </c>
    </row>
    <row r="27054" spans="1:7" x14ac:dyDescent="0.3">
      <c r="A27054" s="13" t="s">
        <v>174</v>
      </c>
      <c r="B27054" s="14" t="s">
        <v>1</v>
      </c>
      <c r="C27054" s="14" t="s">
        <v>109</v>
      </c>
      <c r="D27054" s="14" t="s">
        <v>173</v>
      </c>
      <c r="E27054" s="15">
        <v>45420</v>
      </c>
      <c r="F27054" s="14" t="s">
        <v>25</v>
      </c>
      <c r="G27054" s="16">
        <v>0</v>
      </c>
    </row>
    <row r="27055" spans="1:7" x14ac:dyDescent="0.3">
      <c r="A27055" s="13" t="s">
        <v>174</v>
      </c>
      <c r="B27055" s="14" t="s">
        <v>1</v>
      </c>
      <c r="C27055" s="14" t="s">
        <v>109</v>
      </c>
      <c r="D27055" s="14" t="s">
        <v>173</v>
      </c>
      <c r="E27055" s="15">
        <v>45421</v>
      </c>
      <c r="F27055" s="14" t="s">
        <v>25</v>
      </c>
      <c r="G27055" s="16">
        <v>0</v>
      </c>
    </row>
    <row r="27056" spans="1:7" x14ac:dyDescent="0.3">
      <c r="A27056" s="13" t="s">
        <v>174</v>
      </c>
      <c r="B27056" s="14" t="s">
        <v>1</v>
      </c>
      <c r="C27056" s="14" t="s">
        <v>109</v>
      </c>
      <c r="D27056" s="14" t="s">
        <v>173</v>
      </c>
      <c r="E27056" s="15">
        <v>45422</v>
      </c>
      <c r="F27056" s="14" t="s">
        <v>25</v>
      </c>
      <c r="G27056" s="16">
        <v>0</v>
      </c>
    </row>
    <row r="27057" spans="1:7" x14ac:dyDescent="0.3">
      <c r="A27057" s="13" t="s">
        <v>174</v>
      </c>
      <c r="B27057" s="14" t="s">
        <v>1</v>
      </c>
      <c r="C27057" s="14" t="s">
        <v>109</v>
      </c>
      <c r="D27057" s="14" t="s">
        <v>173</v>
      </c>
      <c r="E27057" s="15">
        <v>45423</v>
      </c>
      <c r="F27057" s="14" t="s">
        <v>25</v>
      </c>
      <c r="G27057" s="16">
        <v>0</v>
      </c>
    </row>
    <row r="27058" spans="1:7" x14ac:dyDescent="0.3">
      <c r="A27058" s="13" t="s">
        <v>174</v>
      </c>
      <c r="B27058" s="14" t="s">
        <v>1</v>
      </c>
      <c r="C27058" s="14" t="s">
        <v>109</v>
      </c>
      <c r="D27058" s="14" t="s">
        <v>173</v>
      </c>
      <c r="E27058" s="15">
        <v>45424</v>
      </c>
      <c r="F27058" s="14" t="s">
        <v>25</v>
      </c>
      <c r="G27058" s="16">
        <v>0</v>
      </c>
    </row>
    <row r="27059" spans="1:7" x14ac:dyDescent="0.3">
      <c r="A27059" s="13" t="s">
        <v>174</v>
      </c>
      <c r="B27059" s="14" t="s">
        <v>1</v>
      </c>
      <c r="C27059" s="14" t="s">
        <v>109</v>
      </c>
      <c r="D27059" s="14" t="s">
        <v>173</v>
      </c>
      <c r="E27059" s="15">
        <v>45425</v>
      </c>
      <c r="F27059" s="14" t="s">
        <v>25</v>
      </c>
      <c r="G27059" s="16">
        <v>0</v>
      </c>
    </row>
    <row r="27060" spans="1:7" x14ac:dyDescent="0.3">
      <c r="A27060" s="13" t="s">
        <v>174</v>
      </c>
      <c r="B27060" s="14" t="s">
        <v>1</v>
      </c>
      <c r="C27060" s="14" t="s">
        <v>109</v>
      </c>
      <c r="D27060" s="14" t="s">
        <v>173</v>
      </c>
      <c r="E27060" s="15">
        <v>45426</v>
      </c>
      <c r="F27060" s="14" t="s">
        <v>25</v>
      </c>
      <c r="G27060" s="16">
        <v>0</v>
      </c>
    </row>
    <row r="27061" spans="1:7" x14ac:dyDescent="0.3">
      <c r="A27061" s="13" t="s">
        <v>174</v>
      </c>
      <c r="B27061" s="14" t="s">
        <v>1</v>
      </c>
      <c r="C27061" s="14" t="s">
        <v>109</v>
      </c>
      <c r="D27061" s="14" t="s">
        <v>173</v>
      </c>
      <c r="E27061" s="15">
        <v>45427</v>
      </c>
      <c r="F27061" s="14" t="s">
        <v>25</v>
      </c>
      <c r="G27061" s="16">
        <v>0</v>
      </c>
    </row>
    <row r="27062" spans="1:7" x14ac:dyDescent="0.3">
      <c r="A27062" s="13" t="s">
        <v>174</v>
      </c>
      <c r="B27062" s="14" t="s">
        <v>1</v>
      </c>
      <c r="C27062" s="14" t="s">
        <v>109</v>
      </c>
      <c r="D27062" s="14" t="s">
        <v>173</v>
      </c>
      <c r="E27062" s="15">
        <v>45428</v>
      </c>
      <c r="F27062" s="14" t="s">
        <v>25</v>
      </c>
      <c r="G27062" s="16">
        <v>0</v>
      </c>
    </row>
    <row r="27063" spans="1:7" x14ac:dyDescent="0.3">
      <c r="A27063" s="13" t="s">
        <v>174</v>
      </c>
      <c r="B27063" s="14" t="s">
        <v>1</v>
      </c>
      <c r="C27063" s="14" t="s">
        <v>109</v>
      </c>
      <c r="D27063" s="14" t="s">
        <v>173</v>
      </c>
      <c r="E27063" s="15">
        <v>45429</v>
      </c>
      <c r="F27063" s="14" t="s">
        <v>25</v>
      </c>
      <c r="G27063" s="16">
        <v>0</v>
      </c>
    </row>
    <row r="27064" spans="1:7" x14ac:dyDescent="0.3">
      <c r="A27064" s="13" t="s">
        <v>174</v>
      </c>
      <c r="B27064" s="14" t="s">
        <v>1</v>
      </c>
      <c r="C27064" s="14" t="s">
        <v>109</v>
      </c>
      <c r="D27064" s="14" t="s">
        <v>173</v>
      </c>
      <c r="E27064" s="15">
        <v>45430</v>
      </c>
      <c r="F27064" s="14" t="s">
        <v>25</v>
      </c>
      <c r="G27064" s="16">
        <v>0</v>
      </c>
    </row>
    <row r="27065" spans="1:7" x14ac:dyDescent="0.3">
      <c r="A27065" s="13" t="s">
        <v>174</v>
      </c>
      <c r="B27065" s="14" t="s">
        <v>1</v>
      </c>
      <c r="C27065" s="14" t="s">
        <v>109</v>
      </c>
      <c r="D27065" s="14" t="s">
        <v>173</v>
      </c>
      <c r="E27065" s="15">
        <v>45431</v>
      </c>
      <c r="F27065" s="14" t="s">
        <v>25</v>
      </c>
      <c r="G27065" s="16">
        <v>0</v>
      </c>
    </row>
    <row r="27066" spans="1:7" x14ac:dyDescent="0.3">
      <c r="A27066" s="13" t="s">
        <v>174</v>
      </c>
      <c r="B27066" s="14" t="s">
        <v>1</v>
      </c>
      <c r="C27066" s="14" t="s">
        <v>109</v>
      </c>
      <c r="D27066" s="14" t="s">
        <v>173</v>
      </c>
      <c r="E27066" s="15">
        <v>45432</v>
      </c>
      <c r="F27066" s="14" t="s">
        <v>25</v>
      </c>
      <c r="G27066" s="16">
        <v>0</v>
      </c>
    </row>
    <row r="27067" spans="1:7" x14ac:dyDescent="0.3">
      <c r="A27067" s="13" t="s">
        <v>174</v>
      </c>
      <c r="B27067" s="14" t="s">
        <v>1</v>
      </c>
      <c r="C27067" s="14" t="s">
        <v>109</v>
      </c>
      <c r="D27067" s="14" t="s">
        <v>173</v>
      </c>
      <c r="E27067" s="15">
        <v>45433</v>
      </c>
      <c r="F27067" s="14" t="s">
        <v>25</v>
      </c>
      <c r="G27067" s="16">
        <v>0</v>
      </c>
    </row>
    <row r="27068" spans="1:7" x14ac:dyDescent="0.3">
      <c r="A27068" s="13" t="s">
        <v>174</v>
      </c>
      <c r="B27068" s="14" t="s">
        <v>1</v>
      </c>
      <c r="C27068" s="14" t="s">
        <v>109</v>
      </c>
      <c r="D27068" s="14" t="s">
        <v>173</v>
      </c>
      <c r="E27068" s="15">
        <v>45434</v>
      </c>
      <c r="F27068" s="14" t="s">
        <v>25</v>
      </c>
      <c r="G27068" s="16">
        <v>0</v>
      </c>
    </row>
    <row r="27069" spans="1:7" x14ac:dyDescent="0.3">
      <c r="A27069" s="13" t="s">
        <v>174</v>
      </c>
      <c r="B27069" s="14" t="s">
        <v>1</v>
      </c>
      <c r="C27069" s="14" t="s">
        <v>109</v>
      </c>
      <c r="D27069" s="14" t="s">
        <v>173</v>
      </c>
      <c r="E27069" s="15">
        <v>45435</v>
      </c>
      <c r="F27069" s="14" t="s">
        <v>25</v>
      </c>
      <c r="G27069" s="16">
        <v>0</v>
      </c>
    </row>
    <row r="27070" spans="1:7" x14ac:dyDescent="0.3">
      <c r="A27070" s="13" t="s">
        <v>174</v>
      </c>
      <c r="B27070" s="14" t="s">
        <v>1</v>
      </c>
      <c r="C27070" s="14" t="s">
        <v>109</v>
      </c>
      <c r="D27070" s="14" t="s">
        <v>173</v>
      </c>
      <c r="E27070" s="15">
        <v>45436</v>
      </c>
      <c r="F27070" s="14" t="s">
        <v>25</v>
      </c>
      <c r="G27070" s="16">
        <v>0</v>
      </c>
    </row>
    <row r="27071" spans="1:7" x14ac:dyDescent="0.3">
      <c r="A27071" s="13" t="s">
        <v>174</v>
      </c>
      <c r="B27071" s="14" t="s">
        <v>1</v>
      </c>
      <c r="C27071" s="14" t="s">
        <v>109</v>
      </c>
      <c r="D27071" s="14" t="s">
        <v>173</v>
      </c>
      <c r="E27071" s="15">
        <v>45437</v>
      </c>
      <c r="F27071" s="14" t="s">
        <v>25</v>
      </c>
      <c r="G27071" s="16">
        <v>0</v>
      </c>
    </row>
    <row r="27072" spans="1:7" x14ac:dyDescent="0.3">
      <c r="A27072" s="13" t="s">
        <v>174</v>
      </c>
      <c r="B27072" s="14" t="s">
        <v>1</v>
      </c>
      <c r="C27072" s="14" t="s">
        <v>109</v>
      </c>
      <c r="D27072" s="14" t="s">
        <v>173</v>
      </c>
      <c r="E27072" s="15">
        <v>45438</v>
      </c>
      <c r="F27072" s="14" t="s">
        <v>25</v>
      </c>
      <c r="G27072" s="16">
        <v>0</v>
      </c>
    </row>
    <row r="27073" spans="1:7" x14ac:dyDescent="0.3">
      <c r="A27073" s="13" t="s">
        <v>174</v>
      </c>
      <c r="B27073" s="14" t="s">
        <v>1</v>
      </c>
      <c r="C27073" s="14" t="s">
        <v>109</v>
      </c>
      <c r="D27073" s="14" t="s">
        <v>173</v>
      </c>
      <c r="E27073" s="15">
        <v>45439</v>
      </c>
      <c r="F27073" s="14" t="s">
        <v>25</v>
      </c>
      <c r="G27073" s="16">
        <v>0</v>
      </c>
    </row>
    <row r="27074" spans="1:7" x14ac:dyDescent="0.3">
      <c r="A27074" s="13" t="s">
        <v>174</v>
      </c>
      <c r="B27074" s="14" t="s">
        <v>1</v>
      </c>
      <c r="C27074" s="14" t="s">
        <v>109</v>
      </c>
      <c r="D27074" s="14" t="s">
        <v>173</v>
      </c>
      <c r="E27074" s="15">
        <v>45440</v>
      </c>
      <c r="F27074" s="14" t="s">
        <v>25</v>
      </c>
      <c r="G27074" s="16">
        <v>0</v>
      </c>
    </row>
    <row r="27075" spans="1:7" x14ac:dyDescent="0.3">
      <c r="A27075" s="13" t="s">
        <v>174</v>
      </c>
      <c r="B27075" s="14" t="s">
        <v>1</v>
      </c>
      <c r="C27075" s="14" t="s">
        <v>109</v>
      </c>
      <c r="D27075" s="14" t="s">
        <v>173</v>
      </c>
      <c r="E27075" s="15">
        <v>45441</v>
      </c>
      <c r="F27075" s="14" t="s">
        <v>25</v>
      </c>
      <c r="G27075" s="16">
        <v>0</v>
      </c>
    </row>
    <row r="27076" spans="1:7" x14ac:dyDescent="0.3">
      <c r="A27076" s="13" t="s">
        <v>174</v>
      </c>
      <c r="B27076" s="14" t="s">
        <v>1</v>
      </c>
      <c r="C27076" s="14" t="s">
        <v>109</v>
      </c>
      <c r="D27076" s="14" t="s">
        <v>173</v>
      </c>
      <c r="E27076" s="15">
        <v>45442</v>
      </c>
      <c r="F27076" s="14" t="s">
        <v>25</v>
      </c>
      <c r="G27076" s="16">
        <v>0</v>
      </c>
    </row>
    <row r="27077" spans="1:7" x14ac:dyDescent="0.3">
      <c r="A27077" s="13" t="s">
        <v>174</v>
      </c>
      <c r="B27077" s="14" t="s">
        <v>1</v>
      </c>
      <c r="C27077" s="14" t="s">
        <v>109</v>
      </c>
      <c r="D27077" s="14" t="s">
        <v>173</v>
      </c>
      <c r="E27077" s="15">
        <v>45443</v>
      </c>
      <c r="F27077" s="14" t="s">
        <v>25</v>
      </c>
      <c r="G27077" s="16">
        <v>0</v>
      </c>
    </row>
    <row r="27078" spans="1:7" x14ac:dyDescent="0.3">
      <c r="A27078" s="13" t="s">
        <v>174</v>
      </c>
      <c r="B27078" s="14" t="s">
        <v>1</v>
      </c>
      <c r="C27078" s="14" t="s">
        <v>109</v>
      </c>
      <c r="D27078" s="14" t="s">
        <v>173</v>
      </c>
      <c r="E27078" s="15">
        <v>45444</v>
      </c>
      <c r="F27078" s="14" t="s">
        <v>25</v>
      </c>
      <c r="G27078" s="16">
        <v>0</v>
      </c>
    </row>
    <row r="27079" spans="1:7" x14ac:dyDescent="0.3">
      <c r="A27079" s="13" t="s">
        <v>174</v>
      </c>
      <c r="B27079" s="14" t="s">
        <v>1</v>
      </c>
      <c r="C27079" s="14" t="s">
        <v>109</v>
      </c>
      <c r="D27079" s="14" t="s">
        <v>173</v>
      </c>
      <c r="E27079" s="15">
        <v>45445</v>
      </c>
      <c r="F27079" s="14" t="s">
        <v>25</v>
      </c>
      <c r="G27079" s="16">
        <v>0</v>
      </c>
    </row>
    <row r="27080" spans="1:7" x14ac:dyDescent="0.3">
      <c r="A27080" s="13" t="s">
        <v>174</v>
      </c>
      <c r="B27080" s="14" t="s">
        <v>1</v>
      </c>
      <c r="C27080" s="14" t="s">
        <v>109</v>
      </c>
      <c r="D27080" s="14" t="s">
        <v>173</v>
      </c>
      <c r="E27080" s="15">
        <v>45446</v>
      </c>
      <c r="F27080" s="14" t="s">
        <v>25</v>
      </c>
      <c r="G27080" s="16">
        <v>0</v>
      </c>
    </row>
    <row r="27081" spans="1:7" x14ac:dyDescent="0.3">
      <c r="A27081" s="13" t="s">
        <v>174</v>
      </c>
      <c r="B27081" s="14" t="s">
        <v>1</v>
      </c>
      <c r="C27081" s="14" t="s">
        <v>109</v>
      </c>
      <c r="D27081" s="14" t="s">
        <v>173</v>
      </c>
      <c r="E27081" s="15">
        <v>45447</v>
      </c>
      <c r="F27081" s="14" t="s">
        <v>25</v>
      </c>
      <c r="G27081" s="16">
        <v>0</v>
      </c>
    </row>
    <row r="27082" spans="1:7" x14ac:dyDescent="0.3">
      <c r="A27082" s="13" t="s">
        <v>174</v>
      </c>
      <c r="B27082" s="14" t="s">
        <v>1</v>
      </c>
      <c r="C27082" s="14" t="s">
        <v>109</v>
      </c>
      <c r="D27082" s="14" t="s">
        <v>173</v>
      </c>
      <c r="E27082" s="15">
        <v>45448</v>
      </c>
      <c r="F27082" s="14" t="s">
        <v>25</v>
      </c>
      <c r="G27082" s="16">
        <v>0</v>
      </c>
    </row>
    <row r="27083" spans="1:7" x14ac:dyDescent="0.3">
      <c r="A27083" s="13" t="s">
        <v>174</v>
      </c>
      <c r="B27083" s="14" t="s">
        <v>1</v>
      </c>
      <c r="C27083" s="14" t="s">
        <v>109</v>
      </c>
      <c r="D27083" s="14" t="s">
        <v>173</v>
      </c>
      <c r="E27083" s="15">
        <v>45449</v>
      </c>
      <c r="F27083" s="14" t="s">
        <v>25</v>
      </c>
      <c r="G27083" s="16">
        <v>0</v>
      </c>
    </row>
    <row r="27084" spans="1:7" x14ac:dyDescent="0.3">
      <c r="A27084" s="13" t="s">
        <v>174</v>
      </c>
      <c r="B27084" s="14" t="s">
        <v>1</v>
      </c>
      <c r="C27084" s="14" t="s">
        <v>109</v>
      </c>
      <c r="D27084" s="14" t="s">
        <v>173</v>
      </c>
      <c r="E27084" s="15">
        <v>45450</v>
      </c>
      <c r="F27084" s="14" t="s">
        <v>25</v>
      </c>
      <c r="G27084" s="16">
        <v>0</v>
      </c>
    </row>
    <row r="27085" spans="1:7" x14ac:dyDescent="0.3">
      <c r="A27085" s="13" t="s">
        <v>174</v>
      </c>
      <c r="B27085" s="14" t="s">
        <v>1</v>
      </c>
      <c r="C27085" s="14" t="s">
        <v>109</v>
      </c>
      <c r="D27085" s="14" t="s">
        <v>173</v>
      </c>
      <c r="E27085" s="15">
        <v>45451</v>
      </c>
      <c r="F27085" s="14" t="s">
        <v>25</v>
      </c>
      <c r="G27085" s="16">
        <v>0</v>
      </c>
    </row>
    <row r="27086" spans="1:7" x14ac:dyDescent="0.3">
      <c r="A27086" s="13" t="s">
        <v>174</v>
      </c>
      <c r="B27086" s="14" t="s">
        <v>1</v>
      </c>
      <c r="C27086" s="14" t="s">
        <v>109</v>
      </c>
      <c r="D27086" s="14" t="s">
        <v>173</v>
      </c>
      <c r="E27086" s="15">
        <v>45452</v>
      </c>
      <c r="F27086" s="14" t="s">
        <v>25</v>
      </c>
      <c r="G27086" s="16">
        <v>0</v>
      </c>
    </row>
    <row r="27087" spans="1:7" x14ac:dyDescent="0.3">
      <c r="A27087" s="13" t="s">
        <v>174</v>
      </c>
      <c r="B27087" s="14" t="s">
        <v>1</v>
      </c>
      <c r="C27087" s="14" t="s">
        <v>109</v>
      </c>
      <c r="D27087" s="14" t="s">
        <v>173</v>
      </c>
      <c r="E27087" s="15">
        <v>45453</v>
      </c>
      <c r="F27087" s="14" t="s">
        <v>25</v>
      </c>
      <c r="G27087" s="16">
        <v>0</v>
      </c>
    </row>
    <row r="27088" spans="1:7" x14ac:dyDescent="0.3">
      <c r="A27088" s="13" t="s">
        <v>174</v>
      </c>
      <c r="B27088" s="14" t="s">
        <v>1</v>
      </c>
      <c r="C27088" s="14" t="s">
        <v>109</v>
      </c>
      <c r="D27088" s="14" t="s">
        <v>173</v>
      </c>
      <c r="E27088" s="15">
        <v>45454</v>
      </c>
      <c r="F27088" s="14" t="s">
        <v>25</v>
      </c>
      <c r="G27088" s="16">
        <v>0</v>
      </c>
    </row>
    <row r="27089" spans="1:7" x14ac:dyDescent="0.3">
      <c r="A27089" s="13" t="s">
        <v>174</v>
      </c>
      <c r="B27089" s="14" t="s">
        <v>1</v>
      </c>
      <c r="C27089" s="14" t="s">
        <v>109</v>
      </c>
      <c r="D27089" s="14" t="s">
        <v>173</v>
      </c>
      <c r="E27089" s="15">
        <v>45455</v>
      </c>
      <c r="F27089" s="14" t="s">
        <v>25</v>
      </c>
      <c r="G27089" s="16">
        <v>0</v>
      </c>
    </row>
    <row r="27090" spans="1:7" x14ac:dyDescent="0.3">
      <c r="A27090" s="13" t="s">
        <v>174</v>
      </c>
      <c r="B27090" s="14" t="s">
        <v>1</v>
      </c>
      <c r="C27090" s="14" t="s">
        <v>109</v>
      </c>
      <c r="D27090" s="14" t="s">
        <v>173</v>
      </c>
      <c r="E27090" s="15">
        <v>45456</v>
      </c>
      <c r="F27090" s="14" t="s">
        <v>25</v>
      </c>
      <c r="G27090" s="16">
        <v>0</v>
      </c>
    </row>
    <row r="27091" spans="1:7" x14ac:dyDescent="0.3">
      <c r="A27091" s="13" t="s">
        <v>174</v>
      </c>
      <c r="B27091" s="14" t="s">
        <v>1</v>
      </c>
      <c r="C27091" s="14" t="s">
        <v>109</v>
      </c>
      <c r="D27091" s="14" t="s">
        <v>173</v>
      </c>
      <c r="E27091" s="15">
        <v>45457</v>
      </c>
      <c r="F27091" s="14" t="s">
        <v>25</v>
      </c>
      <c r="G27091" s="16">
        <v>0</v>
      </c>
    </row>
    <row r="27092" spans="1:7" x14ac:dyDescent="0.3">
      <c r="A27092" s="13" t="s">
        <v>174</v>
      </c>
      <c r="B27092" s="14" t="s">
        <v>1</v>
      </c>
      <c r="C27092" s="14" t="s">
        <v>109</v>
      </c>
      <c r="D27092" s="14" t="s">
        <v>173</v>
      </c>
      <c r="E27092" s="15">
        <v>45458</v>
      </c>
      <c r="F27092" s="14" t="s">
        <v>25</v>
      </c>
      <c r="G27092" s="16">
        <v>0</v>
      </c>
    </row>
    <row r="27093" spans="1:7" x14ac:dyDescent="0.3">
      <c r="A27093" s="13" t="s">
        <v>174</v>
      </c>
      <c r="B27093" s="14" t="s">
        <v>1</v>
      </c>
      <c r="C27093" s="14" t="s">
        <v>109</v>
      </c>
      <c r="D27093" s="14" t="s">
        <v>173</v>
      </c>
      <c r="E27093" s="15">
        <v>45459</v>
      </c>
      <c r="F27093" s="14" t="s">
        <v>25</v>
      </c>
      <c r="G27093" s="16">
        <v>0</v>
      </c>
    </row>
    <row r="27094" spans="1:7" x14ac:dyDescent="0.3">
      <c r="A27094" s="13" t="s">
        <v>174</v>
      </c>
      <c r="B27094" s="14" t="s">
        <v>1</v>
      </c>
      <c r="C27094" s="14" t="s">
        <v>109</v>
      </c>
      <c r="D27094" s="14" t="s">
        <v>173</v>
      </c>
      <c r="E27094" s="15">
        <v>45460</v>
      </c>
      <c r="F27094" s="14" t="s">
        <v>25</v>
      </c>
      <c r="G27094" s="16">
        <v>0</v>
      </c>
    </row>
    <row r="27095" spans="1:7" x14ac:dyDescent="0.3">
      <c r="A27095" s="13" t="s">
        <v>174</v>
      </c>
      <c r="B27095" s="14" t="s">
        <v>1</v>
      </c>
      <c r="C27095" s="14" t="s">
        <v>109</v>
      </c>
      <c r="D27095" s="14" t="s">
        <v>173</v>
      </c>
      <c r="E27095" s="15">
        <v>45461</v>
      </c>
      <c r="F27095" s="14" t="s">
        <v>25</v>
      </c>
      <c r="G27095" s="16">
        <v>0</v>
      </c>
    </row>
    <row r="27096" spans="1:7" x14ac:dyDescent="0.3">
      <c r="A27096" s="13" t="s">
        <v>174</v>
      </c>
      <c r="B27096" s="14" t="s">
        <v>1</v>
      </c>
      <c r="C27096" s="14" t="s">
        <v>109</v>
      </c>
      <c r="D27096" s="14" t="s">
        <v>173</v>
      </c>
      <c r="E27096" s="15">
        <v>45462</v>
      </c>
      <c r="F27096" s="14" t="s">
        <v>25</v>
      </c>
      <c r="G27096" s="16">
        <v>0</v>
      </c>
    </row>
    <row r="27097" spans="1:7" x14ac:dyDescent="0.3">
      <c r="A27097" s="13" t="s">
        <v>174</v>
      </c>
      <c r="B27097" s="14" t="s">
        <v>1</v>
      </c>
      <c r="C27097" s="14" t="s">
        <v>109</v>
      </c>
      <c r="D27097" s="14" t="s">
        <v>173</v>
      </c>
      <c r="E27097" s="15">
        <v>45463</v>
      </c>
      <c r="F27097" s="14" t="s">
        <v>25</v>
      </c>
      <c r="G27097" s="16">
        <v>0</v>
      </c>
    </row>
    <row r="27098" spans="1:7" x14ac:dyDescent="0.3">
      <c r="A27098" s="13" t="s">
        <v>174</v>
      </c>
      <c r="B27098" s="14" t="s">
        <v>1</v>
      </c>
      <c r="C27098" s="14" t="s">
        <v>109</v>
      </c>
      <c r="D27098" s="14" t="s">
        <v>173</v>
      </c>
      <c r="E27098" s="15">
        <v>45464</v>
      </c>
      <c r="F27098" s="14" t="s">
        <v>25</v>
      </c>
      <c r="G27098" s="16">
        <v>0</v>
      </c>
    </row>
    <row r="27099" spans="1:7" x14ac:dyDescent="0.3">
      <c r="A27099" s="13" t="s">
        <v>174</v>
      </c>
      <c r="B27099" s="14" t="s">
        <v>1</v>
      </c>
      <c r="C27099" s="14" t="s">
        <v>109</v>
      </c>
      <c r="D27099" s="14" t="s">
        <v>173</v>
      </c>
      <c r="E27099" s="15">
        <v>45465</v>
      </c>
      <c r="F27099" s="14" t="s">
        <v>25</v>
      </c>
      <c r="G27099" s="16">
        <v>0</v>
      </c>
    </row>
    <row r="27100" spans="1:7" x14ac:dyDescent="0.3">
      <c r="A27100" s="13" t="s">
        <v>174</v>
      </c>
      <c r="B27100" s="14" t="s">
        <v>1</v>
      </c>
      <c r="C27100" s="14" t="s">
        <v>109</v>
      </c>
      <c r="D27100" s="14" t="s">
        <v>173</v>
      </c>
      <c r="E27100" s="15">
        <v>45466</v>
      </c>
      <c r="F27100" s="14" t="s">
        <v>25</v>
      </c>
      <c r="G27100" s="16">
        <v>0</v>
      </c>
    </row>
    <row r="27101" spans="1:7" x14ac:dyDescent="0.3">
      <c r="A27101" s="13" t="s">
        <v>174</v>
      </c>
      <c r="B27101" s="14" t="s">
        <v>1</v>
      </c>
      <c r="C27101" s="14" t="s">
        <v>109</v>
      </c>
      <c r="D27101" s="14" t="s">
        <v>173</v>
      </c>
      <c r="E27101" s="15">
        <v>45467</v>
      </c>
      <c r="F27101" s="14" t="s">
        <v>25</v>
      </c>
      <c r="G27101" s="16">
        <v>0</v>
      </c>
    </row>
    <row r="27102" spans="1:7" x14ac:dyDescent="0.3">
      <c r="A27102" s="13" t="s">
        <v>174</v>
      </c>
      <c r="B27102" s="14" t="s">
        <v>1</v>
      </c>
      <c r="C27102" s="14" t="s">
        <v>109</v>
      </c>
      <c r="D27102" s="14" t="s">
        <v>173</v>
      </c>
      <c r="E27102" s="15">
        <v>45468</v>
      </c>
      <c r="F27102" s="14" t="s">
        <v>25</v>
      </c>
      <c r="G27102" s="16">
        <v>0</v>
      </c>
    </row>
    <row r="27103" spans="1:7" x14ac:dyDescent="0.3">
      <c r="A27103" s="13" t="s">
        <v>174</v>
      </c>
      <c r="B27103" s="14" t="s">
        <v>1</v>
      </c>
      <c r="C27103" s="14" t="s">
        <v>109</v>
      </c>
      <c r="D27103" s="14" t="s">
        <v>173</v>
      </c>
      <c r="E27103" s="15">
        <v>45469</v>
      </c>
      <c r="F27103" s="14" t="s">
        <v>25</v>
      </c>
      <c r="G27103" s="16">
        <v>0</v>
      </c>
    </row>
    <row r="27104" spans="1:7" x14ac:dyDescent="0.3">
      <c r="A27104" s="13" t="s">
        <v>174</v>
      </c>
      <c r="B27104" s="14" t="s">
        <v>1</v>
      </c>
      <c r="C27104" s="14" t="s">
        <v>109</v>
      </c>
      <c r="D27104" s="14" t="s">
        <v>173</v>
      </c>
      <c r="E27104" s="15">
        <v>45470</v>
      </c>
      <c r="F27104" s="14" t="s">
        <v>25</v>
      </c>
      <c r="G27104" s="16">
        <v>0</v>
      </c>
    </row>
    <row r="27105" spans="1:7" x14ac:dyDescent="0.3">
      <c r="A27105" s="13" t="s">
        <v>174</v>
      </c>
      <c r="B27105" s="14" t="s">
        <v>1</v>
      </c>
      <c r="C27105" s="14" t="s">
        <v>109</v>
      </c>
      <c r="D27105" s="14" t="s">
        <v>173</v>
      </c>
      <c r="E27105" s="15">
        <v>45471</v>
      </c>
      <c r="F27105" s="14" t="s">
        <v>25</v>
      </c>
      <c r="G27105" s="16">
        <v>0</v>
      </c>
    </row>
    <row r="27106" spans="1:7" x14ac:dyDescent="0.3">
      <c r="A27106" s="13" t="s">
        <v>174</v>
      </c>
      <c r="B27106" s="14" t="s">
        <v>1</v>
      </c>
      <c r="C27106" s="14" t="s">
        <v>109</v>
      </c>
      <c r="D27106" s="14" t="s">
        <v>173</v>
      </c>
      <c r="E27106" s="15">
        <v>45472</v>
      </c>
      <c r="F27106" s="14" t="s">
        <v>25</v>
      </c>
      <c r="G27106" s="16">
        <v>0</v>
      </c>
    </row>
    <row r="27107" spans="1:7" x14ac:dyDescent="0.3">
      <c r="A27107" s="13" t="s">
        <v>174</v>
      </c>
      <c r="B27107" s="14" t="s">
        <v>1</v>
      </c>
      <c r="C27107" s="14" t="s">
        <v>109</v>
      </c>
      <c r="D27107" s="14" t="s">
        <v>173</v>
      </c>
      <c r="E27107" s="15">
        <v>45473</v>
      </c>
      <c r="F27107" s="14" t="s">
        <v>25</v>
      </c>
      <c r="G27107" s="16">
        <v>0</v>
      </c>
    </row>
    <row r="27108" spans="1:7" x14ac:dyDescent="0.3">
      <c r="A27108" s="13" t="s">
        <v>174</v>
      </c>
      <c r="B27108" s="14" t="s">
        <v>1</v>
      </c>
      <c r="C27108" s="14" t="s">
        <v>109</v>
      </c>
      <c r="D27108" s="14" t="s">
        <v>173</v>
      </c>
      <c r="E27108" s="15">
        <v>45474</v>
      </c>
      <c r="F27108" s="14" t="s">
        <v>25</v>
      </c>
      <c r="G27108" s="16">
        <v>0</v>
      </c>
    </row>
    <row r="27109" spans="1:7" x14ac:dyDescent="0.3">
      <c r="A27109" s="13" t="s">
        <v>174</v>
      </c>
      <c r="B27109" s="14" t="s">
        <v>1</v>
      </c>
      <c r="C27109" s="14" t="s">
        <v>109</v>
      </c>
      <c r="D27109" s="14" t="s">
        <v>173</v>
      </c>
      <c r="E27109" s="15">
        <v>45475</v>
      </c>
      <c r="F27109" s="14" t="s">
        <v>25</v>
      </c>
      <c r="G27109" s="16">
        <v>0</v>
      </c>
    </row>
    <row r="27110" spans="1:7" x14ac:dyDescent="0.3">
      <c r="A27110" s="13" t="s">
        <v>174</v>
      </c>
      <c r="B27110" s="14" t="s">
        <v>1</v>
      </c>
      <c r="C27110" s="14" t="s">
        <v>109</v>
      </c>
      <c r="D27110" s="14" t="s">
        <v>173</v>
      </c>
      <c r="E27110" s="15">
        <v>45476</v>
      </c>
      <c r="F27110" s="14" t="s">
        <v>25</v>
      </c>
      <c r="G27110" s="16">
        <v>0</v>
      </c>
    </row>
    <row r="27111" spans="1:7" x14ac:dyDescent="0.3">
      <c r="A27111" s="13" t="s">
        <v>174</v>
      </c>
      <c r="B27111" s="14" t="s">
        <v>1</v>
      </c>
      <c r="C27111" s="14" t="s">
        <v>109</v>
      </c>
      <c r="D27111" s="14" t="s">
        <v>173</v>
      </c>
      <c r="E27111" s="15">
        <v>45477</v>
      </c>
      <c r="F27111" s="14" t="s">
        <v>25</v>
      </c>
      <c r="G27111" s="16">
        <v>0</v>
      </c>
    </row>
    <row r="27112" spans="1:7" x14ac:dyDescent="0.3">
      <c r="A27112" s="13" t="s">
        <v>174</v>
      </c>
      <c r="B27112" s="14" t="s">
        <v>1</v>
      </c>
      <c r="C27112" s="14" t="s">
        <v>109</v>
      </c>
      <c r="D27112" s="14" t="s">
        <v>173</v>
      </c>
      <c r="E27112" s="15">
        <v>45478</v>
      </c>
      <c r="F27112" s="14" t="s">
        <v>25</v>
      </c>
      <c r="G27112" s="16">
        <v>0</v>
      </c>
    </row>
    <row r="27113" spans="1:7" x14ac:dyDescent="0.3">
      <c r="A27113" s="13" t="s">
        <v>174</v>
      </c>
      <c r="B27113" s="14" t="s">
        <v>1</v>
      </c>
      <c r="C27113" s="14" t="s">
        <v>109</v>
      </c>
      <c r="D27113" s="14" t="s">
        <v>173</v>
      </c>
      <c r="E27113" s="15">
        <v>45479</v>
      </c>
      <c r="F27113" s="14" t="s">
        <v>25</v>
      </c>
      <c r="G27113" s="16">
        <v>0</v>
      </c>
    </row>
    <row r="27114" spans="1:7" x14ac:dyDescent="0.3">
      <c r="A27114" s="13" t="s">
        <v>174</v>
      </c>
      <c r="B27114" s="14" t="s">
        <v>1</v>
      </c>
      <c r="C27114" s="14" t="s">
        <v>109</v>
      </c>
      <c r="D27114" s="14" t="s">
        <v>173</v>
      </c>
      <c r="E27114" s="15">
        <v>45480</v>
      </c>
      <c r="F27114" s="14" t="s">
        <v>25</v>
      </c>
      <c r="G27114" s="16">
        <v>0</v>
      </c>
    </row>
    <row r="27115" spans="1:7" x14ac:dyDescent="0.3">
      <c r="A27115" s="13" t="s">
        <v>174</v>
      </c>
      <c r="B27115" s="14" t="s">
        <v>1</v>
      </c>
      <c r="C27115" s="14" t="s">
        <v>109</v>
      </c>
      <c r="D27115" s="14" t="s">
        <v>173</v>
      </c>
      <c r="E27115" s="15">
        <v>45481</v>
      </c>
      <c r="F27115" s="14" t="s">
        <v>25</v>
      </c>
      <c r="G27115" s="16">
        <v>0</v>
      </c>
    </row>
    <row r="27116" spans="1:7" x14ac:dyDescent="0.3">
      <c r="A27116" s="13" t="s">
        <v>174</v>
      </c>
      <c r="B27116" s="14" t="s">
        <v>1</v>
      </c>
      <c r="C27116" s="14" t="s">
        <v>109</v>
      </c>
      <c r="D27116" s="14" t="s">
        <v>173</v>
      </c>
      <c r="E27116" s="15">
        <v>45482</v>
      </c>
      <c r="F27116" s="14" t="s">
        <v>25</v>
      </c>
      <c r="G27116" s="16">
        <v>0</v>
      </c>
    </row>
    <row r="27117" spans="1:7" x14ac:dyDescent="0.3">
      <c r="A27117" s="13" t="s">
        <v>174</v>
      </c>
      <c r="B27117" s="14" t="s">
        <v>1</v>
      </c>
      <c r="C27117" s="14" t="s">
        <v>109</v>
      </c>
      <c r="D27117" s="14" t="s">
        <v>173</v>
      </c>
      <c r="E27117" s="15">
        <v>45483</v>
      </c>
      <c r="F27117" s="14" t="s">
        <v>25</v>
      </c>
      <c r="G27117" s="16">
        <v>0</v>
      </c>
    </row>
    <row r="27118" spans="1:7" x14ac:dyDescent="0.3">
      <c r="A27118" s="13" t="s">
        <v>174</v>
      </c>
      <c r="B27118" s="14" t="s">
        <v>1</v>
      </c>
      <c r="C27118" s="14" t="s">
        <v>109</v>
      </c>
      <c r="D27118" s="14" t="s">
        <v>173</v>
      </c>
      <c r="E27118" s="15">
        <v>45484</v>
      </c>
      <c r="F27118" s="14" t="s">
        <v>25</v>
      </c>
      <c r="G27118" s="16">
        <v>0</v>
      </c>
    </row>
    <row r="27119" spans="1:7" x14ac:dyDescent="0.3">
      <c r="A27119" s="13" t="s">
        <v>174</v>
      </c>
      <c r="B27119" s="14" t="s">
        <v>1</v>
      </c>
      <c r="C27119" s="14" t="s">
        <v>109</v>
      </c>
      <c r="D27119" s="14" t="s">
        <v>173</v>
      </c>
      <c r="E27119" s="15">
        <v>45485</v>
      </c>
      <c r="F27119" s="14" t="s">
        <v>25</v>
      </c>
      <c r="G27119" s="16">
        <v>0</v>
      </c>
    </row>
    <row r="27120" spans="1:7" x14ac:dyDescent="0.3">
      <c r="A27120" s="13" t="s">
        <v>174</v>
      </c>
      <c r="B27120" s="14" t="s">
        <v>1</v>
      </c>
      <c r="C27120" s="14" t="s">
        <v>109</v>
      </c>
      <c r="D27120" s="14" t="s">
        <v>173</v>
      </c>
      <c r="E27120" s="15">
        <v>45486</v>
      </c>
      <c r="F27120" s="14" t="s">
        <v>25</v>
      </c>
      <c r="G27120" s="16">
        <v>0</v>
      </c>
    </row>
    <row r="27121" spans="1:7" x14ac:dyDescent="0.3">
      <c r="A27121" s="13" t="s">
        <v>174</v>
      </c>
      <c r="B27121" s="14" t="s">
        <v>1</v>
      </c>
      <c r="C27121" s="14" t="s">
        <v>109</v>
      </c>
      <c r="D27121" s="14" t="s">
        <v>173</v>
      </c>
      <c r="E27121" s="15">
        <v>45487</v>
      </c>
      <c r="F27121" s="14" t="s">
        <v>25</v>
      </c>
      <c r="G27121" s="16">
        <v>0</v>
      </c>
    </row>
    <row r="27122" spans="1:7" x14ac:dyDescent="0.3">
      <c r="A27122" s="13" t="s">
        <v>174</v>
      </c>
      <c r="B27122" s="14" t="s">
        <v>1</v>
      </c>
      <c r="C27122" s="14" t="s">
        <v>109</v>
      </c>
      <c r="D27122" s="14" t="s">
        <v>173</v>
      </c>
      <c r="E27122" s="15">
        <v>45488</v>
      </c>
      <c r="F27122" s="14" t="s">
        <v>25</v>
      </c>
      <c r="G27122" s="16">
        <v>0</v>
      </c>
    </row>
    <row r="27123" spans="1:7" x14ac:dyDescent="0.3">
      <c r="A27123" s="13" t="s">
        <v>174</v>
      </c>
      <c r="B27123" s="14" t="s">
        <v>1</v>
      </c>
      <c r="C27123" s="14" t="s">
        <v>109</v>
      </c>
      <c r="D27123" s="14" t="s">
        <v>173</v>
      </c>
      <c r="E27123" s="15">
        <v>45489</v>
      </c>
      <c r="F27123" s="14" t="s">
        <v>25</v>
      </c>
      <c r="G27123" s="16">
        <v>0</v>
      </c>
    </row>
    <row r="27124" spans="1:7" x14ac:dyDescent="0.3">
      <c r="A27124" s="13" t="s">
        <v>174</v>
      </c>
      <c r="B27124" s="14" t="s">
        <v>1</v>
      </c>
      <c r="C27124" s="14" t="s">
        <v>109</v>
      </c>
      <c r="D27124" s="14" t="s">
        <v>173</v>
      </c>
      <c r="E27124" s="15">
        <v>45490</v>
      </c>
      <c r="F27124" s="14" t="s">
        <v>25</v>
      </c>
      <c r="G27124" s="16">
        <v>0</v>
      </c>
    </row>
    <row r="27125" spans="1:7" x14ac:dyDescent="0.3">
      <c r="A27125" s="13" t="s">
        <v>174</v>
      </c>
      <c r="B27125" s="14" t="s">
        <v>1</v>
      </c>
      <c r="C27125" s="14" t="s">
        <v>109</v>
      </c>
      <c r="D27125" s="14" t="s">
        <v>173</v>
      </c>
      <c r="E27125" s="15">
        <v>45491</v>
      </c>
      <c r="F27125" s="14" t="s">
        <v>25</v>
      </c>
      <c r="G27125" s="16">
        <v>0</v>
      </c>
    </row>
    <row r="27126" spans="1:7" x14ac:dyDescent="0.3">
      <c r="A27126" s="13" t="s">
        <v>174</v>
      </c>
      <c r="B27126" s="14" t="s">
        <v>1</v>
      </c>
      <c r="C27126" s="14" t="s">
        <v>109</v>
      </c>
      <c r="D27126" s="14" t="s">
        <v>173</v>
      </c>
      <c r="E27126" s="15">
        <v>45492</v>
      </c>
      <c r="F27126" s="14" t="s">
        <v>25</v>
      </c>
      <c r="G27126" s="16">
        <v>0</v>
      </c>
    </row>
    <row r="27127" spans="1:7" x14ac:dyDescent="0.3">
      <c r="A27127" s="13" t="s">
        <v>174</v>
      </c>
      <c r="B27127" s="14" t="s">
        <v>1</v>
      </c>
      <c r="C27127" s="14" t="s">
        <v>109</v>
      </c>
      <c r="D27127" s="14" t="s">
        <v>173</v>
      </c>
      <c r="E27127" s="15">
        <v>45493</v>
      </c>
      <c r="F27127" s="14" t="s">
        <v>25</v>
      </c>
      <c r="G27127" s="16">
        <v>0</v>
      </c>
    </row>
    <row r="27128" spans="1:7" x14ac:dyDescent="0.3">
      <c r="A27128" s="13" t="s">
        <v>174</v>
      </c>
      <c r="B27128" s="14" t="s">
        <v>1</v>
      </c>
      <c r="C27128" s="14" t="s">
        <v>109</v>
      </c>
      <c r="D27128" s="14" t="s">
        <v>173</v>
      </c>
      <c r="E27128" s="15">
        <v>45494</v>
      </c>
      <c r="F27128" s="14" t="s">
        <v>25</v>
      </c>
      <c r="G27128" s="16">
        <v>0</v>
      </c>
    </row>
    <row r="27129" spans="1:7" x14ac:dyDescent="0.3">
      <c r="A27129" s="13" t="s">
        <v>174</v>
      </c>
      <c r="B27129" s="14" t="s">
        <v>1</v>
      </c>
      <c r="C27129" s="14" t="s">
        <v>109</v>
      </c>
      <c r="D27129" s="14" t="s">
        <v>173</v>
      </c>
      <c r="E27129" s="15">
        <v>45495</v>
      </c>
      <c r="F27129" s="14" t="s">
        <v>25</v>
      </c>
      <c r="G27129" s="16">
        <v>0</v>
      </c>
    </row>
    <row r="27130" spans="1:7" x14ac:dyDescent="0.3">
      <c r="A27130" s="13" t="s">
        <v>174</v>
      </c>
      <c r="B27130" s="14" t="s">
        <v>1</v>
      </c>
      <c r="C27130" s="14" t="s">
        <v>109</v>
      </c>
      <c r="D27130" s="14" t="s">
        <v>173</v>
      </c>
      <c r="E27130" s="15">
        <v>45496</v>
      </c>
      <c r="F27130" s="14" t="s">
        <v>25</v>
      </c>
      <c r="G27130" s="16">
        <v>0</v>
      </c>
    </row>
    <row r="27131" spans="1:7" x14ac:dyDescent="0.3">
      <c r="A27131" s="13" t="s">
        <v>174</v>
      </c>
      <c r="B27131" s="14" t="s">
        <v>1</v>
      </c>
      <c r="C27131" s="14" t="s">
        <v>109</v>
      </c>
      <c r="D27131" s="14" t="s">
        <v>173</v>
      </c>
      <c r="E27131" s="15">
        <v>45497</v>
      </c>
      <c r="F27131" s="14" t="s">
        <v>25</v>
      </c>
      <c r="G27131" s="16">
        <v>0</v>
      </c>
    </row>
    <row r="27132" spans="1:7" x14ac:dyDescent="0.3">
      <c r="A27132" s="13" t="s">
        <v>174</v>
      </c>
      <c r="B27132" s="14" t="s">
        <v>1</v>
      </c>
      <c r="C27132" s="14" t="s">
        <v>109</v>
      </c>
      <c r="D27132" s="14" t="s">
        <v>173</v>
      </c>
      <c r="E27132" s="15">
        <v>45498</v>
      </c>
      <c r="F27132" s="14" t="s">
        <v>25</v>
      </c>
      <c r="G27132" s="16">
        <v>0</v>
      </c>
    </row>
    <row r="27133" spans="1:7" x14ac:dyDescent="0.3">
      <c r="A27133" s="13" t="s">
        <v>174</v>
      </c>
      <c r="B27133" s="14" t="s">
        <v>1</v>
      </c>
      <c r="C27133" s="14" t="s">
        <v>109</v>
      </c>
      <c r="D27133" s="14" t="s">
        <v>173</v>
      </c>
      <c r="E27133" s="15">
        <v>45499</v>
      </c>
      <c r="F27133" s="14" t="s">
        <v>25</v>
      </c>
      <c r="G27133" s="16">
        <v>0</v>
      </c>
    </row>
    <row r="27134" spans="1:7" x14ac:dyDescent="0.3">
      <c r="A27134" s="13" t="s">
        <v>174</v>
      </c>
      <c r="B27134" s="14" t="s">
        <v>1</v>
      </c>
      <c r="C27134" s="14" t="s">
        <v>109</v>
      </c>
      <c r="D27134" s="14" t="s">
        <v>173</v>
      </c>
      <c r="E27134" s="15">
        <v>45500</v>
      </c>
      <c r="F27134" s="14" t="s">
        <v>25</v>
      </c>
      <c r="G27134" s="16">
        <v>0</v>
      </c>
    </row>
    <row r="27135" spans="1:7" x14ac:dyDescent="0.3">
      <c r="A27135" s="13" t="s">
        <v>174</v>
      </c>
      <c r="B27135" s="14" t="s">
        <v>1</v>
      </c>
      <c r="C27135" s="14" t="s">
        <v>109</v>
      </c>
      <c r="D27135" s="14" t="s">
        <v>173</v>
      </c>
      <c r="E27135" s="15">
        <v>45501</v>
      </c>
      <c r="F27135" s="14" t="s">
        <v>25</v>
      </c>
      <c r="G27135" s="16">
        <v>0</v>
      </c>
    </row>
    <row r="27136" spans="1:7" x14ac:dyDescent="0.3">
      <c r="A27136" s="13" t="s">
        <v>174</v>
      </c>
      <c r="B27136" s="14" t="s">
        <v>1</v>
      </c>
      <c r="C27136" s="14" t="s">
        <v>109</v>
      </c>
      <c r="D27136" s="14" t="s">
        <v>173</v>
      </c>
      <c r="E27136" s="15">
        <v>45502</v>
      </c>
      <c r="F27136" s="14" t="s">
        <v>25</v>
      </c>
      <c r="G27136" s="16">
        <v>0</v>
      </c>
    </row>
    <row r="27137" spans="1:7" x14ac:dyDescent="0.3">
      <c r="A27137" s="13" t="s">
        <v>174</v>
      </c>
      <c r="B27137" s="14" t="s">
        <v>1</v>
      </c>
      <c r="C27137" s="14" t="s">
        <v>109</v>
      </c>
      <c r="D27137" s="14" t="s">
        <v>173</v>
      </c>
      <c r="E27137" s="15">
        <v>45503</v>
      </c>
      <c r="F27137" s="14" t="s">
        <v>25</v>
      </c>
      <c r="G27137" s="16">
        <v>0</v>
      </c>
    </row>
    <row r="27138" spans="1:7" x14ac:dyDescent="0.3">
      <c r="A27138" s="13" t="s">
        <v>174</v>
      </c>
      <c r="B27138" s="14" t="s">
        <v>1</v>
      </c>
      <c r="C27138" s="14" t="s">
        <v>109</v>
      </c>
      <c r="D27138" s="14" t="s">
        <v>173</v>
      </c>
      <c r="E27138" s="15">
        <v>45504</v>
      </c>
      <c r="F27138" s="14" t="s">
        <v>25</v>
      </c>
      <c r="G27138" s="16">
        <v>0</v>
      </c>
    </row>
    <row r="27139" spans="1:7" x14ac:dyDescent="0.3">
      <c r="A27139" s="13" t="s">
        <v>174</v>
      </c>
      <c r="B27139" s="14" t="s">
        <v>1</v>
      </c>
      <c r="C27139" s="14" t="s">
        <v>109</v>
      </c>
      <c r="D27139" s="14" t="s">
        <v>173</v>
      </c>
      <c r="E27139" s="15">
        <v>45505</v>
      </c>
      <c r="F27139" s="14" t="s">
        <v>25</v>
      </c>
      <c r="G27139" s="16">
        <v>0</v>
      </c>
    </row>
    <row r="27140" spans="1:7" x14ac:dyDescent="0.3">
      <c r="A27140" s="13" t="s">
        <v>174</v>
      </c>
      <c r="B27140" s="14" t="s">
        <v>1</v>
      </c>
      <c r="C27140" s="14" t="s">
        <v>109</v>
      </c>
      <c r="D27140" s="14" t="s">
        <v>173</v>
      </c>
      <c r="E27140" s="15">
        <v>45506</v>
      </c>
      <c r="F27140" s="14" t="s">
        <v>25</v>
      </c>
      <c r="G27140" s="16">
        <v>0</v>
      </c>
    </row>
    <row r="27141" spans="1:7" x14ac:dyDescent="0.3">
      <c r="A27141" s="13" t="s">
        <v>174</v>
      </c>
      <c r="B27141" s="14" t="s">
        <v>1</v>
      </c>
      <c r="C27141" s="14" t="s">
        <v>109</v>
      </c>
      <c r="D27141" s="14" t="s">
        <v>173</v>
      </c>
      <c r="E27141" s="15">
        <v>45507</v>
      </c>
      <c r="F27141" s="14" t="s">
        <v>25</v>
      </c>
      <c r="G27141" s="16">
        <v>0</v>
      </c>
    </row>
    <row r="27142" spans="1:7" x14ac:dyDescent="0.3">
      <c r="A27142" s="13" t="s">
        <v>174</v>
      </c>
      <c r="B27142" s="14" t="s">
        <v>1</v>
      </c>
      <c r="C27142" s="14" t="s">
        <v>109</v>
      </c>
      <c r="D27142" s="14" t="s">
        <v>173</v>
      </c>
      <c r="E27142" s="15">
        <v>45508</v>
      </c>
      <c r="F27142" s="14" t="s">
        <v>25</v>
      </c>
      <c r="G27142" s="16">
        <v>0</v>
      </c>
    </row>
    <row r="27143" spans="1:7" x14ac:dyDescent="0.3">
      <c r="A27143" s="13" t="s">
        <v>174</v>
      </c>
      <c r="B27143" s="14" t="s">
        <v>1</v>
      </c>
      <c r="C27143" s="14" t="s">
        <v>109</v>
      </c>
      <c r="D27143" s="14" t="s">
        <v>173</v>
      </c>
      <c r="E27143" s="15">
        <v>45509</v>
      </c>
      <c r="F27143" s="14" t="s">
        <v>25</v>
      </c>
      <c r="G27143" s="16">
        <v>0</v>
      </c>
    </row>
    <row r="27144" spans="1:7" x14ac:dyDescent="0.3">
      <c r="A27144" s="13" t="s">
        <v>174</v>
      </c>
      <c r="B27144" s="14" t="s">
        <v>1</v>
      </c>
      <c r="C27144" s="14" t="s">
        <v>109</v>
      </c>
      <c r="D27144" s="14" t="s">
        <v>173</v>
      </c>
      <c r="E27144" s="15">
        <v>45510</v>
      </c>
      <c r="F27144" s="14" t="s">
        <v>25</v>
      </c>
      <c r="G27144" s="16">
        <v>0</v>
      </c>
    </row>
    <row r="27145" spans="1:7" x14ac:dyDescent="0.3">
      <c r="A27145" s="13" t="s">
        <v>174</v>
      </c>
      <c r="B27145" s="14" t="s">
        <v>1</v>
      </c>
      <c r="C27145" s="14" t="s">
        <v>109</v>
      </c>
      <c r="D27145" s="14" t="s">
        <v>173</v>
      </c>
      <c r="E27145" s="15">
        <v>45511</v>
      </c>
      <c r="F27145" s="14" t="s">
        <v>25</v>
      </c>
      <c r="G27145" s="16">
        <v>0</v>
      </c>
    </row>
    <row r="27146" spans="1:7" x14ac:dyDescent="0.3">
      <c r="A27146" s="13" t="s">
        <v>174</v>
      </c>
      <c r="B27146" s="14" t="s">
        <v>1</v>
      </c>
      <c r="C27146" s="14" t="s">
        <v>109</v>
      </c>
      <c r="D27146" s="14" t="s">
        <v>173</v>
      </c>
      <c r="E27146" s="15">
        <v>45512</v>
      </c>
      <c r="F27146" s="14" t="s">
        <v>25</v>
      </c>
      <c r="G27146" s="16">
        <v>0</v>
      </c>
    </row>
    <row r="27147" spans="1:7" x14ac:dyDescent="0.3">
      <c r="A27147" s="13" t="s">
        <v>174</v>
      </c>
      <c r="B27147" s="14" t="s">
        <v>1</v>
      </c>
      <c r="C27147" s="14" t="s">
        <v>109</v>
      </c>
      <c r="D27147" s="14" t="s">
        <v>173</v>
      </c>
      <c r="E27147" s="15">
        <v>45513</v>
      </c>
      <c r="F27147" s="14" t="s">
        <v>25</v>
      </c>
      <c r="G27147" s="16">
        <v>0</v>
      </c>
    </row>
    <row r="27148" spans="1:7" x14ac:dyDescent="0.3">
      <c r="A27148" s="13" t="s">
        <v>174</v>
      </c>
      <c r="B27148" s="14" t="s">
        <v>1</v>
      </c>
      <c r="C27148" s="14" t="s">
        <v>109</v>
      </c>
      <c r="D27148" s="14" t="s">
        <v>173</v>
      </c>
      <c r="E27148" s="15">
        <v>45514</v>
      </c>
      <c r="F27148" s="14" t="s">
        <v>25</v>
      </c>
      <c r="G27148" s="16">
        <v>0</v>
      </c>
    </row>
    <row r="27149" spans="1:7" x14ac:dyDescent="0.3">
      <c r="A27149" s="13" t="s">
        <v>174</v>
      </c>
      <c r="B27149" s="14" t="s">
        <v>1</v>
      </c>
      <c r="C27149" s="14" t="s">
        <v>109</v>
      </c>
      <c r="D27149" s="14" t="s">
        <v>173</v>
      </c>
      <c r="E27149" s="15">
        <v>45515</v>
      </c>
      <c r="F27149" s="14" t="s">
        <v>25</v>
      </c>
      <c r="G27149" s="16">
        <v>0</v>
      </c>
    </row>
    <row r="27150" spans="1:7" x14ac:dyDescent="0.3">
      <c r="A27150" s="13" t="s">
        <v>174</v>
      </c>
      <c r="B27150" s="14" t="s">
        <v>1</v>
      </c>
      <c r="C27150" s="14" t="s">
        <v>109</v>
      </c>
      <c r="D27150" s="14" t="s">
        <v>173</v>
      </c>
      <c r="E27150" s="15">
        <v>45516</v>
      </c>
      <c r="F27150" s="14" t="s">
        <v>25</v>
      </c>
      <c r="G27150" s="16">
        <v>0</v>
      </c>
    </row>
    <row r="27151" spans="1:7" x14ac:dyDescent="0.3">
      <c r="A27151" s="13" t="s">
        <v>174</v>
      </c>
      <c r="B27151" s="14" t="s">
        <v>1</v>
      </c>
      <c r="C27151" s="14" t="s">
        <v>109</v>
      </c>
      <c r="D27151" s="14" t="s">
        <v>173</v>
      </c>
      <c r="E27151" s="15">
        <v>45517</v>
      </c>
      <c r="F27151" s="14" t="s">
        <v>25</v>
      </c>
      <c r="G27151" s="16">
        <v>0</v>
      </c>
    </row>
    <row r="27152" spans="1:7" x14ac:dyDescent="0.3">
      <c r="A27152" s="13" t="s">
        <v>174</v>
      </c>
      <c r="B27152" s="14" t="s">
        <v>1</v>
      </c>
      <c r="C27152" s="14" t="s">
        <v>109</v>
      </c>
      <c r="D27152" s="14" t="s">
        <v>173</v>
      </c>
      <c r="E27152" s="15">
        <v>45518</v>
      </c>
      <c r="F27152" s="14" t="s">
        <v>25</v>
      </c>
      <c r="G27152" s="16">
        <v>0</v>
      </c>
    </row>
    <row r="27153" spans="1:7" x14ac:dyDescent="0.3">
      <c r="A27153" s="13" t="s">
        <v>174</v>
      </c>
      <c r="B27153" s="14" t="s">
        <v>1</v>
      </c>
      <c r="C27153" s="14" t="s">
        <v>109</v>
      </c>
      <c r="D27153" s="14" t="s">
        <v>173</v>
      </c>
      <c r="E27153" s="15">
        <v>45519</v>
      </c>
      <c r="F27153" s="14" t="s">
        <v>25</v>
      </c>
      <c r="G27153" s="16">
        <v>0</v>
      </c>
    </row>
    <row r="27154" spans="1:7" x14ac:dyDescent="0.3">
      <c r="A27154" s="13" t="s">
        <v>174</v>
      </c>
      <c r="B27154" s="14" t="s">
        <v>1</v>
      </c>
      <c r="C27154" s="14" t="s">
        <v>109</v>
      </c>
      <c r="D27154" s="14" t="s">
        <v>173</v>
      </c>
      <c r="E27154" s="15">
        <v>45520</v>
      </c>
      <c r="F27154" s="14" t="s">
        <v>25</v>
      </c>
      <c r="G27154" s="16">
        <v>0</v>
      </c>
    </row>
    <row r="27155" spans="1:7" x14ac:dyDescent="0.3">
      <c r="A27155" s="13" t="s">
        <v>174</v>
      </c>
      <c r="B27155" s="14" t="s">
        <v>1</v>
      </c>
      <c r="C27155" s="14" t="s">
        <v>109</v>
      </c>
      <c r="D27155" s="14" t="s">
        <v>173</v>
      </c>
      <c r="E27155" s="15">
        <v>45521</v>
      </c>
      <c r="F27155" s="14" t="s">
        <v>25</v>
      </c>
      <c r="G27155" s="16">
        <v>0</v>
      </c>
    </row>
    <row r="27156" spans="1:7" x14ac:dyDescent="0.3">
      <c r="A27156" s="13" t="s">
        <v>174</v>
      </c>
      <c r="B27156" s="14" t="s">
        <v>1</v>
      </c>
      <c r="C27156" s="14" t="s">
        <v>109</v>
      </c>
      <c r="D27156" s="14" t="s">
        <v>173</v>
      </c>
      <c r="E27156" s="15">
        <v>45522</v>
      </c>
      <c r="F27156" s="14" t="s">
        <v>25</v>
      </c>
      <c r="G27156" s="16">
        <v>0</v>
      </c>
    </row>
    <row r="27157" spans="1:7" x14ac:dyDescent="0.3">
      <c r="A27157" s="13" t="s">
        <v>174</v>
      </c>
      <c r="B27157" s="14" t="s">
        <v>1</v>
      </c>
      <c r="C27157" s="14" t="s">
        <v>109</v>
      </c>
      <c r="D27157" s="14" t="s">
        <v>173</v>
      </c>
      <c r="E27157" s="15">
        <v>45523</v>
      </c>
      <c r="F27157" s="14" t="s">
        <v>25</v>
      </c>
      <c r="G27157" s="16">
        <v>0</v>
      </c>
    </row>
    <row r="27158" spans="1:7" x14ac:dyDescent="0.3">
      <c r="A27158" s="13" t="s">
        <v>174</v>
      </c>
      <c r="B27158" s="14" t="s">
        <v>1</v>
      </c>
      <c r="C27158" s="14" t="s">
        <v>109</v>
      </c>
      <c r="D27158" s="14" t="s">
        <v>173</v>
      </c>
      <c r="E27158" s="15">
        <v>45524</v>
      </c>
      <c r="F27158" s="14" t="s">
        <v>25</v>
      </c>
      <c r="G27158" s="16">
        <v>0</v>
      </c>
    </row>
    <row r="27159" spans="1:7" x14ac:dyDescent="0.3">
      <c r="A27159" s="13" t="s">
        <v>174</v>
      </c>
      <c r="B27159" s="14" t="s">
        <v>1</v>
      </c>
      <c r="C27159" s="14" t="s">
        <v>109</v>
      </c>
      <c r="D27159" s="14" t="s">
        <v>173</v>
      </c>
      <c r="E27159" s="15">
        <v>45525</v>
      </c>
      <c r="F27159" s="14" t="s">
        <v>25</v>
      </c>
      <c r="G27159" s="16">
        <v>0</v>
      </c>
    </row>
    <row r="27160" spans="1:7" x14ac:dyDescent="0.3">
      <c r="A27160" s="13" t="s">
        <v>174</v>
      </c>
      <c r="B27160" s="14" t="s">
        <v>1</v>
      </c>
      <c r="C27160" s="14" t="s">
        <v>109</v>
      </c>
      <c r="D27160" s="14" t="s">
        <v>173</v>
      </c>
      <c r="E27160" s="15">
        <v>45526</v>
      </c>
      <c r="F27160" s="14" t="s">
        <v>25</v>
      </c>
      <c r="G27160" s="16">
        <v>0</v>
      </c>
    </row>
    <row r="27161" spans="1:7" x14ac:dyDescent="0.3">
      <c r="A27161" s="13" t="s">
        <v>174</v>
      </c>
      <c r="B27161" s="14" t="s">
        <v>1</v>
      </c>
      <c r="C27161" s="14" t="s">
        <v>109</v>
      </c>
      <c r="D27161" s="14" t="s">
        <v>173</v>
      </c>
      <c r="E27161" s="15">
        <v>45527</v>
      </c>
      <c r="F27161" s="14" t="s">
        <v>25</v>
      </c>
      <c r="G27161" s="16">
        <v>0</v>
      </c>
    </row>
    <row r="27162" spans="1:7" x14ac:dyDescent="0.3">
      <c r="A27162" s="13" t="s">
        <v>174</v>
      </c>
      <c r="B27162" s="14" t="s">
        <v>1</v>
      </c>
      <c r="C27162" s="14" t="s">
        <v>109</v>
      </c>
      <c r="D27162" s="14" t="s">
        <v>173</v>
      </c>
      <c r="E27162" s="15">
        <v>45528</v>
      </c>
      <c r="F27162" s="14" t="s">
        <v>25</v>
      </c>
      <c r="G27162" s="16">
        <v>0</v>
      </c>
    </row>
    <row r="27163" spans="1:7" x14ac:dyDescent="0.3">
      <c r="A27163" s="13" t="s">
        <v>174</v>
      </c>
      <c r="B27163" s="14" t="s">
        <v>1</v>
      </c>
      <c r="C27163" s="14" t="s">
        <v>109</v>
      </c>
      <c r="D27163" s="14" t="s">
        <v>173</v>
      </c>
      <c r="E27163" s="15">
        <v>45529</v>
      </c>
      <c r="F27163" s="14" t="s">
        <v>25</v>
      </c>
      <c r="G27163" s="16">
        <v>0</v>
      </c>
    </row>
    <row r="27164" spans="1:7" x14ac:dyDescent="0.3">
      <c r="A27164" s="13" t="s">
        <v>174</v>
      </c>
      <c r="B27164" s="14" t="s">
        <v>1</v>
      </c>
      <c r="C27164" s="14" t="s">
        <v>109</v>
      </c>
      <c r="D27164" s="14" t="s">
        <v>173</v>
      </c>
      <c r="E27164" s="15">
        <v>45530</v>
      </c>
      <c r="F27164" s="14" t="s">
        <v>25</v>
      </c>
      <c r="G27164" s="16">
        <v>0</v>
      </c>
    </row>
    <row r="27165" spans="1:7" x14ac:dyDescent="0.3">
      <c r="A27165" s="13" t="s">
        <v>174</v>
      </c>
      <c r="B27165" s="14" t="s">
        <v>1</v>
      </c>
      <c r="C27165" s="14" t="s">
        <v>109</v>
      </c>
      <c r="D27165" s="14" t="s">
        <v>173</v>
      </c>
      <c r="E27165" s="15">
        <v>45531</v>
      </c>
      <c r="F27165" s="14" t="s">
        <v>25</v>
      </c>
      <c r="G27165" s="16">
        <v>0</v>
      </c>
    </row>
    <row r="27166" spans="1:7" x14ac:dyDescent="0.3">
      <c r="A27166" s="13" t="s">
        <v>174</v>
      </c>
      <c r="B27166" s="14" t="s">
        <v>1</v>
      </c>
      <c r="C27166" s="14" t="s">
        <v>109</v>
      </c>
      <c r="D27166" s="14" t="s">
        <v>173</v>
      </c>
      <c r="E27166" s="15">
        <v>45532</v>
      </c>
      <c r="F27166" s="14" t="s">
        <v>25</v>
      </c>
      <c r="G27166" s="16">
        <v>0</v>
      </c>
    </row>
    <row r="27167" spans="1:7" x14ac:dyDescent="0.3">
      <c r="A27167" s="13" t="s">
        <v>174</v>
      </c>
      <c r="B27167" s="14" t="s">
        <v>1</v>
      </c>
      <c r="C27167" s="14" t="s">
        <v>109</v>
      </c>
      <c r="D27167" s="14" t="s">
        <v>173</v>
      </c>
      <c r="E27167" s="15">
        <v>45533</v>
      </c>
      <c r="F27167" s="14" t="s">
        <v>25</v>
      </c>
      <c r="G27167" s="16">
        <v>0</v>
      </c>
    </row>
    <row r="27168" spans="1:7" x14ac:dyDescent="0.3">
      <c r="A27168" s="13" t="s">
        <v>174</v>
      </c>
      <c r="B27168" s="14" t="s">
        <v>1</v>
      </c>
      <c r="C27168" s="14" t="s">
        <v>109</v>
      </c>
      <c r="D27168" s="14" t="s">
        <v>173</v>
      </c>
      <c r="E27168" s="15">
        <v>45534</v>
      </c>
      <c r="F27168" s="14" t="s">
        <v>25</v>
      </c>
      <c r="G27168" s="16">
        <v>0</v>
      </c>
    </row>
    <row r="27169" spans="1:7" x14ac:dyDescent="0.3">
      <c r="A27169" s="13" t="s">
        <v>174</v>
      </c>
      <c r="B27169" s="14" t="s">
        <v>1</v>
      </c>
      <c r="C27169" s="14" t="s">
        <v>109</v>
      </c>
      <c r="D27169" s="14" t="s">
        <v>173</v>
      </c>
      <c r="E27169" s="15">
        <v>45535</v>
      </c>
      <c r="F27169" s="14" t="s">
        <v>25</v>
      </c>
      <c r="G27169" s="16">
        <v>0</v>
      </c>
    </row>
    <row r="27170" spans="1:7" x14ac:dyDescent="0.3">
      <c r="A27170" s="13" t="s">
        <v>174</v>
      </c>
      <c r="B27170" s="14" t="s">
        <v>1</v>
      </c>
      <c r="C27170" s="14" t="s">
        <v>109</v>
      </c>
      <c r="D27170" s="14" t="s">
        <v>173</v>
      </c>
      <c r="E27170" s="15">
        <v>45536</v>
      </c>
      <c r="F27170" s="14" t="s">
        <v>25</v>
      </c>
      <c r="G27170" s="16">
        <v>0</v>
      </c>
    </row>
    <row r="27171" spans="1:7" x14ac:dyDescent="0.3">
      <c r="A27171" s="13" t="s">
        <v>174</v>
      </c>
      <c r="B27171" s="14" t="s">
        <v>1</v>
      </c>
      <c r="C27171" s="14" t="s">
        <v>109</v>
      </c>
      <c r="D27171" s="14" t="s">
        <v>173</v>
      </c>
      <c r="E27171" s="15">
        <v>45537</v>
      </c>
      <c r="F27171" s="14" t="s">
        <v>25</v>
      </c>
      <c r="G27171" s="16">
        <v>0</v>
      </c>
    </row>
    <row r="27172" spans="1:7" x14ac:dyDescent="0.3">
      <c r="A27172" s="13" t="s">
        <v>174</v>
      </c>
      <c r="B27172" s="14" t="s">
        <v>1</v>
      </c>
      <c r="C27172" s="14" t="s">
        <v>109</v>
      </c>
      <c r="D27172" s="14" t="s">
        <v>173</v>
      </c>
      <c r="E27172" s="15">
        <v>45538</v>
      </c>
      <c r="F27172" s="14" t="s">
        <v>25</v>
      </c>
      <c r="G27172" s="16">
        <v>0</v>
      </c>
    </row>
    <row r="27173" spans="1:7" x14ac:dyDescent="0.3">
      <c r="A27173" s="13" t="s">
        <v>174</v>
      </c>
      <c r="B27173" s="14" t="s">
        <v>1</v>
      </c>
      <c r="C27173" s="14" t="s">
        <v>109</v>
      </c>
      <c r="D27173" s="14" t="s">
        <v>173</v>
      </c>
      <c r="E27173" s="15">
        <v>45539</v>
      </c>
      <c r="F27173" s="14" t="s">
        <v>25</v>
      </c>
      <c r="G27173" s="16">
        <v>0</v>
      </c>
    </row>
    <row r="27174" spans="1:7" x14ac:dyDescent="0.3">
      <c r="A27174" s="13" t="s">
        <v>174</v>
      </c>
      <c r="B27174" s="14" t="s">
        <v>1</v>
      </c>
      <c r="C27174" s="14" t="s">
        <v>109</v>
      </c>
      <c r="D27174" s="14" t="s">
        <v>173</v>
      </c>
      <c r="E27174" s="15">
        <v>45540</v>
      </c>
      <c r="F27174" s="14" t="s">
        <v>25</v>
      </c>
      <c r="G27174" s="16">
        <v>0</v>
      </c>
    </row>
    <row r="27175" spans="1:7" x14ac:dyDescent="0.3">
      <c r="A27175" s="13" t="s">
        <v>174</v>
      </c>
      <c r="B27175" s="14" t="s">
        <v>1</v>
      </c>
      <c r="C27175" s="14" t="s">
        <v>109</v>
      </c>
      <c r="D27175" s="14" t="s">
        <v>173</v>
      </c>
      <c r="E27175" s="15">
        <v>45541</v>
      </c>
      <c r="F27175" s="14" t="s">
        <v>25</v>
      </c>
      <c r="G27175" s="16">
        <v>0</v>
      </c>
    </row>
    <row r="27176" spans="1:7" x14ac:dyDescent="0.3">
      <c r="A27176" s="13" t="s">
        <v>174</v>
      </c>
      <c r="B27176" s="14" t="s">
        <v>1</v>
      </c>
      <c r="C27176" s="14" t="s">
        <v>109</v>
      </c>
      <c r="D27176" s="14" t="s">
        <v>173</v>
      </c>
      <c r="E27176" s="15">
        <v>45542</v>
      </c>
      <c r="F27176" s="14" t="s">
        <v>25</v>
      </c>
      <c r="G27176" s="16">
        <v>0</v>
      </c>
    </row>
    <row r="27177" spans="1:7" x14ac:dyDescent="0.3">
      <c r="A27177" s="13" t="s">
        <v>174</v>
      </c>
      <c r="B27177" s="14" t="s">
        <v>1</v>
      </c>
      <c r="C27177" s="14" t="s">
        <v>109</v>
      </c>
      <c r="D27177" s="14" t="s">
        <v>173</v>
      </c>
      <c r="E27177" s="15">
        <v>45543</v>
      </c>
      <c r="F27177" s="14" t="s">
        <v>25</v>
      </c>
      <c r="G27177" s="16">
        <v>0</v>
      </c>
    </row>
    <row r="27178" spans="1:7" x14ac:dyDescent="0.3">
      <c r="A27178" s="13" t="s">
        <v>174</v>
      </c>
      <c r="B27178" s="14" t="s">
        <v>1</v>
      </c>
      <c r="C27178" s="14" t="s">
        <v>109</v>
      </c>
      <c r="D27178" s="14" t="s">
        <v>173</v>
      </c>
      <c r="E27178" s="15">
        <v>45544</v>
      </c>
      <c r="F27178" s="14" t="s">
        <v>25</v>
      </c>
      <c r="G27178" s="16">
        <v>0</v>
      </c>
    </row>
    <row r="27179" spans="1:7" x14ac:dyDescent="0.3">
      <c r="A27179" s="13" t="s">
        <v>174</v>
      </c>
      <c r="B27179" s="14" t="s">
        <v>1</v>
      </c>
      <c r="C27179" s="14" t="s">
        <v>109</v>
      </c>
      <c r="D27179" s="14" t="s">
        <v>173</v>
      </c>
      <c r="E27179" s="15">
        <v>45545</v>
      </c>
      <c r="F27179" s="14" t="s">
        <v>25</v>
      </c>
      <c r="G27179" s="16">
        <v>0</v>
      </c>
    </row>
    <row r="27180" spans="1:7" x14ac:dyDescent="0.3">
      <c r="A27180" s="13" t="s">
        <v>174</v>
      </c>
      <c r="B27180" s="14" t="s">
        <v>1</v>
      </c>
      <c r="C27180" s="14" t="s">
        <v>109</v>
      </c>
      <c r="D27180" s="14" t="s">
        <v>173</v>
      </c>
      <c r="E27180" s="15">
        <v>45546</v>
      </c>
      <c r="F27180" s="14" t="s">
        <v>25</v>
      </c>
      <c r="G27180" s="16">
        <v>0</v>
      </c>
    </row>
    <row r="27181" spans="1:7" x14ac:dyDescent="0.3">
      <c r="A27181" s="13" t="s">
        <v>174</v>
      </c>
      <c r="B27181" s="14" t="s">
        <v>1</v>
      </c>
      <c r="C27181" s="14" t="s">
        <v>109</v>
      </c>
      <c r="D27181" s="14" t="s">
        <v>173</v>
      </c>
      <c r="E27181" s="15">
        <v>45547</v>
      </c>
      <c r="F27181" s="14" t="s">
        <v>25</v>
      </c>
      <c r="G27181" s="16">
        <v>0</v>
      </c>
    </row>
    <row r="27182" spans="1:7" x14ac:dyDescent="0.3">
      <c r="A27182" s="13" t="s">
        <v>174</v>
      </c>
      <c r="B27182" s="14" t="s">
        <v>1</v>
      </c>
      <c r="C27182" s="14" t="s">
        <v>109</v>
      </c>
      <c r="D27182" s="14" t="s">
        <v>173</v>
      </c>
      <c r="E27182" s="15">
        <v>45548</v>
      </c>
      <c r="F27182" s="14" t="s">
        <v>25</v>
      </c>
      <c r="G27182" s="16">
        <v>0</v>
      </c>
    </row>
    <row r="27183" spans="1:7" x14ac:dyDescent="0.3">
      <c r="A27183" s="13" t="s">
        <v>174</v>
      </c>
      <c r="B27183" s="14" t="s">
        <v>1</v>
      </c>
      <c r="C27183" s="14" t="s">
        <v>109</v>
      </c>
      <c r="D27183" s="14" t="s">
        <v>173</v>
      </c>
      <c r="E27183" s="15">
        <v>45549</v>
      </c>
      <c r="F27183" s="14" t="s">
        <v>25</v>
      </c>
      <c r="G27183" s="16">
        <v>0</v>
      </c>
    </row>
    <row r="27184" spans="1:7" x14ac:dyDescent="0.3">
      <c r="A27184" s="13" t="s">
        <v>174</v>
      </c>
      <c r="B27184" s="14" t="s">
        <v>1</v>
      </c>
      <c r="C27184" s="14" t="s">
        <v>109</v>
      </c>
      <c r="D27184" s="14" t="s">
        <v>173</v>
      </c>
      <c r="E27184" s="15">
        <v>45550</v>
      </c>
      <c r="F27184" s="14" t="s">
        <v>25</v>
      </c>
      <c r="G27184" s="16">
        <v>0</v>
      </c>
    </row>
    <row r="27185" spans="1:7" x14ac:dyDescent="0.3">
      <c r="A27185" s="13" t="s">
        <v>174</v>
      </c>
      <c r="B27185" s="14" t="s">
        <v>1</v>
      </c>
      <c r="C27185" s="14" t="s">
        <v>109</v>
      </c>
      <c r="D27185" s="14" t="s">
        <v>173</v>
      </c>
      <c r="E27185" s="15">
        <v>45551</v>
      </c>
      <c r="F27185" s="14" t="s">
        <v>25</v>
      </c>
      <c r="G27185" s="16">
        <v>0</v>
      </c>
    </row>
    <row r="27186" spans="1:7" x14ac:dyDescent="0.3">
      <c r="A27186" s="13" t="s">
        <v>174</v>
      </c>
      <c r="B27186" s="14" t="s">
        <v>1</v>
      </c>
      <c r="C27186" s="14" t="s">
        <v>109</v>
      </c>
      <c r="D27186" s="14" t="s">
        <v>173</v>
      </c>
      <c r="E27186" s="15">
        <v>45552</v>
      </c>
      <c r="F27186" s="14" t="s">
        <v>25</v>
      </c>
      <c r="G27186" s="16">
        <v>0</v>
      </c>
    </row>
    <row r="27187" spans="1:7" x14ac:dyDescent="0.3">
      <c r="A27187" s="13" t="s">
        <v>174</v>
      </c>
      <c r="B27187" s="14" t="s">
        <v>1</v>
      </c>
      <c r="C27187" s="14" t="s">
        <v>109</v>
      </c>
      <c r="D27187" s="14" t="s">
        <v>173</v>
      </c>
      <c r="E27187" s="15">
        <v>45553</v>
      </c>
      <c r="F27187" s="14" t="s">
        <v>25</v>
      </c>
      <c r="G27187" s="16">
        <v>0</v>
      </c>
    </row>
    <row r="27188" spans="1:7" x14ac:dyDescent="0.3">
      <c r="A27188" s="13" t="s">
        <v>174</v>
      </c>
      <c r="B27188" s="14" t="s">
        <v>1</v>
      </c>
      <c r="C27188" s="14" t="s">
        <v>109</v>
      </c>
      <c r="D27188" s="14" t="s">
        <v>173</v>
      </c>
      <c r="E27188" s="15">
        <v>45554</v>
      </c>
      <c r="F27188" s="14" t="s">
        <v>25</v>
      </c>
      <c r="G27188" s="16">
        <v>0</v>
      </c>
    </row>
    <row r="27189" spans="1:7" x14ac:dyDescent="0.3">
      <c r="A27189" s="13" t="s">
        <v>174</v>
      </c>
      <c r="B27189" s="14" t="s">
        <v>1</v>
      </c>
      <c r="C27189" s="14" t="s">
        <v>109</v>
      </c>
      <c r="D27189" s="14" t="s">
        <v>173</v>
      </c>
      <c r="E27189" s="15">
        <v>45555</v>
      </c>
      <c r="F27189" s="14" t="s">
        <v>25</v>
      </c>
      <c r="G27189" s="16">
        <v>0</v>
      </c>
    </row>
    <row r="27190" spans="1:7" x14ac:dyDescent="0.3">
      <c r="A27190" s="13" t="s">
        <v>174</v>
      </c>
      <c r="B27190" s="14" t="s">
        <v>1</v>
      </c>
      <c r="C27190" s="14" t="s">
        <v>109</v>
      </c>
      <c r="D27190" s="14" t="s">
        <v>173</v>
      </c>
      <c r="E27190" s="15">
        <v>45556</v>
      </c>
      <c r="F27190" s="14" t="s">
        <v>25</v>
      </c>
      <c r="G27190" s="16">
        <v>0</v>
      </c>
    </row>
    <row r="27191" spans="1:7" x14ac:dyDescent="0.3">
      <c r="A27191" s="13" t="s">
        <v>174</v>
      </c>
      <c r="B27191" s="14" t="s">
        <v>1</v>
      </c>
      <c r="C27191" s="14" t="s">
        <v>109</v>
      </c>
      <c r="D27191" s="14" t="s">
        <v>173</v>
      </c>
      <c r="E27191" s="15">
        <v>45557</v>
      </c>
      <c r="F27191" s="14" t="s">
        <v>25</v>
      </c>
      <c r="G27191" s="16">
        <v>0</v>
      </c>
    </row>
    <row r="27192" spans="1:7" x14ac:dyDescent="0.3">
      <c r="A27192" s="13" t="s">
        <v>174</v>
      </c>
      <c r="B27192" s="14" t="s">
        <v>1</v>
      </c>
      <c r="C27192" s="14" t="s">
        <v>109</v>
      </c>
      <c r="D27192" s="14" t="s">
        <v>173</v>
      </c>
      <c r="E27192" s="15">
        <v>45558</v>
      </c>
      <c r="F27192" s="14" t="s">
        <v>25</v>
      </c>
      <c r="G27192" s="16">
        <v>0</v>
      </c>
    </row>
    <row r="27193" spans="1:7" x14ac:dyDescent="0.3">
      <c r="A27193" s="13" t="s">
        <v>174</v>
      </c>
      <c r="B27193" s="14" t="s">
        <v>1</v>
      </c>
      <c r="C27193" s="14" t="s">
        <v>109</v>
      </c>
      <c r="D27193" s="14" t="s">
        <v>173</v>
      </c>
      <c r="E27193" s="15">
        <v>45559</v>
      </c>
      <c r="F27193" s="14" t="s">
        <v>25</v>
      </c>
      <c r="G27193" s="16">
        <v>0</v>
      </c>
    </row>
    <row r="27194" spans="1:7" x14ac:dyDescent="0.3">
      <c r="A27194" s="13" t="s">
        <v>174</v>
      </c>
      <c r="B27194" s="14" t="s">
        <v>1</v>
      </c>
      <c r="C27194" s="14" t="s">
        <v>109</v>
      </c>
      <c r="D27194" s="14" t="s">
        <v>173</v>
      </c>
      <c r="E27194" s="15">
        <v>45560</v>
      </c>
      <c r="F27194" s="14" t="s">
        <v>25</v>
      </c>
      <c r="G27194" s="16">
        <v>0</v>
      </c>
    </row>
    <row r="27195" spans="1:7" x14ac:dyDescent="0.3">
      <c r="A27195" s="13" t="s">
        <v>174</v>
      </c>
      <c r="B27195" s="14" t="s">
        <v>1</v>
      </c>
      <c r="C27195" s="14" t="s">
        <v>109</v>
      </c>
      <c r="D27195" s="14" t="s">
        <v>173</v>
      </c>
      <c r="E27195" s="15">
        <v>45561</v>
      </c>
      <c r="F27195" s="14" t="s">
        <v>25</v>
      </c>
      <c r="G27195" s="16">
        <v>0</v>
      </c>
    </row>
    <row r="27196" spans="1:7" x14ac:dyDescent="0.3">
      <c r="A27196" s="13" t="s">
        <v>174</v>
      </c>
      <c r="B27196" s="14" t="s">
        <v>1</v>
      </c>
      <c r="C27196" s="14" t="s">
        <v>109</v>
      </c>
      <c r="D27196" s="14" t="s">
        <v>173</v>
      </c>
      <c r="E27196" s="15">
        <v>45562</v>
      </c>
      <c r="F27196" s="14" t="s">
        <v>25</v>
      </c>
      <c r="G27196" s="16">
        <v>0</v>
      </c>
    </row>
    <row r="27197" spans="1:7" x14ac:dyDescent="0.3">
      <c r="A27197" s="13" t="s">
        <v>174</v>
      </c>
      <c r="B27197" s="14" t="s">
        <v>1</v>
      </c>
      <c r="C27197" s="14" t="s">
        <v>109</v>
      </c>
      <c r="D27197" s="14" t="s">
        <v>173</v>
      </c>
      <c r="E27197" s="15">
        <v>45563</v>
      </c>
      <c r="F27197" s="14" t="s">
        <v>25</v>
      </c>
      <c r="G27197" s="16">
        <v>0</v>
      </c>
    </row>
    <row r="27198" spans="1:7" x14ac:dyDescent="0.3">
      <c r="A27198" s="13" t="s">
        <v>174</v>
      </c>
      <c r="B27198" s="14" t="s">
        <v>1</v>
      </c>
      <c r="C27198" s="14" t="s">
        <v>109</v>
      </c>
      <c r="D27198" s="14" t="s">
        <v>173</v>
      </c>
      <c r="E27198" s="15">
        <v>45564</v>
      </c>
      <c r="F27198" s="14" t="s">
        <v>25</v>
      </c>
      <c r="G27198" s="16">
        <v>0</v>
      </c>
    </row>
    <row r="27199" spans="1:7" x14ac:dyDescent="0.3">
      <c r="A27199" s="13" t="s">
        <v>174</v>
      </c>
      <c r="B27199" s="14" t="s">
        <v>1</v>
      </c>
      <c r="C27199" s="14" t="s">
        <v>109</v>
      </c>
      <c r="D27199" s="14" t="s">
        <v>173</v>
      </c>
      <c r="E27199" s="15">
        <v>45565</v>
      </c>
      <c r="F27199" s="14" t="s">
        <v>25</v>
      </c>
      <c r="G27199" s="16">
        <v>0</v>
      </c>
    </row>
    <row r="27200" spans="1:7" x14ac:dyDescent="0.3">
      <c r="A27200" s="13" t="s">
        <v>174</v>
      </c>
      <c r="B27200" s="14" t="s">
        <v>1</v>
      </c>
      <c r="C27200" s="14" t="s">
        <v>109</v>
      </c>
      <c r="D27200" s="14" t="s">
        <v>173</v>
      </c>
      <c r="E27200" s="15">
        <v>45566</v>
      </c>
      <c r="F27200" s="14" t="s">
        <v>25</v>
      </c>
      <c r="G27200" s="16">
        <v>0</v>
      </c>
    </row>
    <row r="27201" spans="1:7" x14ac:dyDescent="0.3">
      <c r="A27201" s="13" t="s">
        <v>174</v>
      </c>
      <c r="B27201" s="14" t="s">
        <v>1</v>
      </c>
      <c r="C27201" s="14" t="s">
        <v>109</v>
      </c>
      <c r="D27201" s="14" t="s">
        <v>173</v>
      </c>
      <c r="E27201" s="15">
        <v>45567</v>
      </c>
      <c r="F27201" s="14" t="s">
        <v>25</v>
      </c>
      <c r="G27201" s="16">
        <v>0</v>
      </c>
    </row>
    <row r="27202" spans="1:7" x14ac:dyDescent="0.3">
      <c r="A27202" s="13" t="s">
        <v>174</v>
      </c>
      <c r="B27202" s="14" t="s">
        <v>1</v>
      </c>
      <c r="C27202" s="14" t="s">
        <v>109</v>
      </c>
      <c r="D27202" s="14" t="s">
        <v>173</v>
      </c>
      <c r="E27202" s="15">
        <v>45568</v>
      </c>
      <c r="F27202" s="14" t="s">
        <v>25</v>
      </c>
      <c r="G27202" s="16">
        <v>0</v>
      </c>
    </row>
    <row r="27203" spans="1:7" x14ac:dyDescent="0.3">
      <c r="A27203" s="13" t="s">
        <v>174</v>
      </c>
      <c r="B27203" s="14" t="s">
        <v>1</v>
      </c>
      <c r="C27203" s="14" t="s">
        <v>109</v>
      </c>
      <c r="D27203" s="14" t="s">
        <v>173</v>
      </c>
      <c r="E27203" s="15">
        <v>45569</v>
      </c>
      <c r="F27203" s="14" t="s">
        <v>25</v>
      </c>
      <c r="G27203" s="16">
        <v>0</v>
      </c>
    </row>
    <row r="27204" spans="1:7" x14ac:dyDescent="0.3">
      <c r="A27204" s="13" t="s">
        <v>174</v>
      </c>
      <c r="B27204" s="14" t="s">
        <v>1</v>
      </c>
      <c r="C27204" s="14" t="s">
        <v>109</v>
      </c>
      <c r="D27204" s="14" t="s">
        <v>173</v>
      </c>
      <c r="E27204" s="15">
        <v>45570</v>
      </c>
      <c r="F27204" s="14" t="s">
        <v>25</v>
      </c>
      <c r="G27204" s="16">
        <v>0</v>
      </c>
    </row>
    <row r="27205" spans="1:7" x14ac:dyDescent="0.3">
      <c r="A27205" s="13" t="s">
        <v>174</v>
      </c>
      <c r="B27205" s="14" t="s">
        <v>1</v>
      </c>
      <c r="C27205" s="14" t="s">
        <v>109</v>
      </c>
      <c r="D27205" s="14" t="s">
        <v>173</v>
      </c>
      <c r="E27205" s="15">
        <v>45571</v>
      </c>
      <c r="F27205" s="14" t="s">
        <v>25</v>
      </c>
      <c r="G27205" s="16">
        <v>0</v>
      </c>
    </row>
    <row r="27206" spans="1:7" x14ac:dyDescent="0.3">
      <c r="A27206" s="13" t="s">
        <v>174</v>
      </c>
      <c r="B27206" s="14" t="s">
        <v>1</v>
      </c>
      <c r="C27206" s="14" t="s">
        <v>109</v>
      </c>
      <c r="D27206" s="14" t="s">
        <v>173</v>
      </c>
      <c r="E27206" s="15">
        <v>45572</v>
      </c>
      <c r="F27206" s="14" t="s">
        <v>25</v>
      </c>
      <c r="G27206" s="16">
        <v>0</v>
      </c>
    </row>
    <row r="27207" spans="1:7" x14ac:dyDescent="0.3">
      <c r="A27207" s="13" t="s">
        <v>174</v>
      </c>
      <c r="B27207" s="14" t="s">
        <v>1</v>
      </c>
      <c r="C27207" s="14" t="s">
        <v>109</v>
      </c>
      <c r="D27207" s="14" t="s">
        <v>173</v>
      </c>
      <c r="E27207" s="15">
        <v>45573</v>
      </c>
      <c r="F27207" s="14" t="s">
        <v>25</v>
      </c>
      <c r="G27207" s="16">
        <v>0</v>
      </c>
    </row>
    <row r="27208" spans="1:7" x14ac:dyDescent="0.3">
      <c r="A27208" s="13" t="s">
        <v>174</v>
      </c>
      <c r="B27208" s="14" t="s">
        <v>1</v>
      </c>
      <c r="C27208" s="14" t="s">
        <v>109</v>
      </c>
      <c r="D27208" s="14" t="s">
        <v>173</v>
      </c>
      <c r="E27208" s="15">
        <v>45574</v>
      </c>
      <c r="F27208" s="14" t="s">
        <v>25</v>
      </c>
      <c r="G27208" s="16">
        <v>0</v>
      </c>
    </row>
    <row r="27209" spans="1:7" x14ac:dyDescent="0.3">
      <c r="A27209" s="13" t="s">
        <v>174</v>
      </c>
      <c r="B27209" s="14" t="s">
        <v>1</v>
      </c>
      <c r="C27209" s="14" t="s">
        <v>109</v>
      </c>
      <c r="D27209" s="14" t="s">
        <v>173</v>
      </c>
      <c r="E27209" s="15">
        <v>45575</v>
      </c>
      <c r="F27209" s="14" t="s">
        <v>25</v>
      </c>
      <c r="G27209" s="16">
        <v>0</v>
      </c>
    </row>
    <row r="27210" spans="1:7" x14ac:dyDescent="0.3">
      <c r="A27210" s="13" t="s">
        <v>174</v>
      </c>
      <c r="B27210" s="14" t="s">
        <v>1</v>
      </c>
      <c r="C27210" s="14" t="s">
        <v>109</v>
      </c>
      <c r="D27210" s="14" t="s">
        <v>173</v>
      </c>
      <c r="E27210" s="15">
        <v>45576</v>
      </c>
      <c r="F27210" s="14" t="s">
        <v>25</v>
      </c>
      <c r="G27210" s="16">
        <v>0</v>
      </c>
    </row>
    <row r="27211" spans="1:7" x14ac:dyDescent="0.3">
      <c r="A27211" s="13" t="s">
        <v>174</v>
      </c>
      <c r="B27211" s="14" t="s">
        <v>1</v>
      </c>
      <c r="C27211" s="14" t="s">
        <v>109</v>
      </c>
      <c r="D27211" s="14" t="s">
        <v>173</v>
      </c>
      <c r="E27211" s="15">
        <v>45577</v>
      </c>
      <c r="F27211" s="14" t="s">
        <v>25</v>
      </c>
      <c r="G27211" s="16">
        <v>0</v>
      </c>
    </row>
    <row r="27212" spans="1:7" x14ac:dyDescent="0.3">
      <c r="A27212" s="13" t="s">
        <v>174</v>
      </c>
      <c r="B27212" s="14" t="s">
        <v>1</v>
      </c>
      <c r="C27212" s="14" t="s">
        <v>109</v>
      </c>
      <c r="D27212" s="14" t="s">
        <v>173</v>
      </c>
      <c r="E27212" s="15">
        <v>45578</v>
      </c>
      <c r="F27212" s="14" t="s">
        <v>25</v>
      </c>
      <c r="G27212" s="16">
        <v>0</v>
      </c>
    </row>
    <row r="27213" spans="1:7" x14ac:dyDescent="0.3">
      <c r="A27213" s="13" t="s">
        <v>174</v>
      </c>
      <c r="B27213" s="14" t="s">
        <v>1</v>
      </c>
      <c r="C27213" s="14" t="s">
        <v>109</v>
      </c>
      <c r="D27213" s="14" t="s">
        <v>173</v>
      </c>
      <c r="E27213" s="15">
        <v>45579</v>
      </c>
      <c r="F27213" s="14" t="s">
        <v>25</v>
      </c>
      <c r="G27213" s="16">
        <v>0</v>
      </c>
    </row>
    <row r="27214" spans="1:7" x14ac:dyDescent="0.3">
      <c r="A27214" s="13" t="s">
        <v>174</v>
      </c>
      <c r="B27214" s="14" t="s">
        <v>1</v>
      </c>
      <c r="C27214" s="14" t="s">
        <v>109</v>
      </c>
      <c r="D27214" s="14" t="s">
        <v>173</v>
      </c>
      <c r="E27214" s="15">
        <v>45580</v>
      </c>
      <c r="F27214" s="14" t="s">
        <v>25</v>
      </c>
      <c r="G27214" s="16">
        <v>0</v>
      </c>
    </row>
    <row r="27215" spans="1:7" x14ac:dyDescent="0.3">
      <c r="A27215" s="13" t="s">
        <v>174</v>
      </c>
      <c r="B27215" s="14" t="s">
        <v>1</v>
      </c>
      <c r="C27215" s="14" t="s">
        <v>109</v>
      </c>
      <c r="D27215" s="14" t="s">
        <v>173</v>
      </c>
      <c r="E27215" s="15">
        <v>45581</v>
      </c>
      <c r="F27215" s="14" t="s">
        <v>25</v>
      </c>
      <c r="G27215" s="16">
        <v>0</v>
      </c>
    </row>
    <row r="27216" spans="1:7" x14ac:dyDescent="0.3">
      <c r="A27216" s="13" t="s">
        <v>174</v>
      </c>
      <c r="B27216" s="14" t="s">
        <v>1</v>
      </c>
      <c r="C27216" s="14" t="s">
        <v>109</v>
      </c>
      <c r="D27216" s="14" t="s">
        <v>173</v>
      </c>
      <c r="E27216" s="15">
        <v>45582</v>
      </c>
      <c r="F27216" s="14" t="s">
        <v>25</v>
      </c>
      <c r="G27216" s="16">
        <v>0</v>
      </c>
    </row>
    <row r="27217" spans="1:7" x14ac:dyDescent="0.3">
      <c r="A27217" s="13" t="s">
        <v>174</v>
      </c>
      <c r="B27217" s="14" t="s">
        <v>1</v>
      </c>
      <c r="C27217" s="14" t="s">
        <v>109</v>
      </c>
      <c r="D27217" s="14" t="s">
        <v>173</v>
      </c>
      <c r="E27217" s="15">
        <v>45583</v>
      </c>
      <c r="F27217" s="14" t="s">
        <v>25</v>
      </c>
      <c r="G27217" s="16">
        <v>0</v>
      </c>
    </row>
    <row r="27218" spans="1:7" x14ac:dyDescent="0.3">
      <c r="A27218" s="13" t="s">
        <v>174</v>
      </c>
      <c r="B27218" s="14" t="s">
        <v>1</v>
      </c>
      <c r="C27218" s="14" t="s">
        <v>109</v>
      </c>
      <c r="D27218" s="14" t="s">
        <v>173</v>
      </c>
      <c r="E27218" s="15">
        <v>45584</v>
      </c>
      <c r="F27218" s="14" t="s">
        <v>25</v>
      </c>
      <c r="G27218" s="16">
        <v>0</v>
      </c>
    </row>
    <row r="27219" spans="1:7" x14ac:dyDescent="0.3">
      <c r="A27219" s="13" t="s">
        <v>174</v>
      </c>
      <c r="B27219" s="14" t="s">
        <v>1</v>
      </c>
      <c r="C27219" s="14" t="s">
        <v>109</v>
      </c>
      <c r="D27219" s="14" t="s">
        <v>173</v>
      </c>
      <c r="E27219" s="15">
        <v>45585</v>
      </c>
      <c r="F27219" s="14" t="s">
        <v>25</v>
      </c>
      <c r="G27219" s="16">
        <v>0</v>
      </c>
    </row>
    <row r="27220" spans="1:7" x14ac:dyDescent="0.3">
      <c r="A27220" s="13" t="s">
        <v>174</v>
      </c>
      <c r="B27220" s="14" t="s">
        <v>1</v>
      </c>
      <c r="C27220" s="14" t="s">
        <v>109</v>
      </c>
      <c r="D27220" s="14" t="s">
        <v>173</v>
      </c>
      <c r="E27220" s="15">
        <v>45586</v>
      </c>
      <c r="F27220" s="14" t="s">
        <v>25</v>
      </c>
      <c r="G27220" s="16">
        <v>0</v>
      </c>
    </row>
    <row r="27221" spans="1:7" x14ac:dyDescent="0.3">
      <c r="A27221" s="13" t="s">
        <v>174</v>
      </c>
      <c r="B27221" s="14" t="s">
        <v>1</v>
      </c>
      <c r="C27221" s="14" t="s">
        <v>109</v>
      </c>
      <c r="D27221" s="14" t="s">
        <v>173</v>
      </c>
      <c r="E27221" s="15">
        <v>45587</v>
      </c>
      <c r="F27221" s="14" t="s">
        <v>25</v>
      </c>
      <c r="G27221" s="16">
        <v>0</v>
      </c>
    </row>
    <row r="27222" spans="1:7" x14ac:dyDescent="0.3">
      <c r="A27222" s="13" t="s">
        <v>174</v>
      </c>
      <c r="B27222" s="14" t="s">
        <v>1</v>
      </c>
      <c r="C27222" s="14" t="s">
        <v>109</v>
      </c>
      <c r="D27222" s="14" t="s">
        <v>173</v>
      </c>
      <c r="E27222" s="15">
        <v>45588</v>
      </c>
      <c r="F27222" s="14" t="s">
        <v>25</v>
      </c>
      <c r="G27222" s="16">
        <v>0</v>
      </c>
    </row>
    <row r="27223" spans="1:7" x14ac:dyDescent="0.3">
      <c r="A27223" s="13" t="s">
        <v>174</v>
      </c>
      <c r="B27223" s="14" t="s">
        <v>1</v>
      </c>
      <c r="C27223" s="14" t="s">
        <v>109</v>
      </c>
      <c r="D27223" s="14" t="s">
        <v>173</v>
      </c>
      <c r="E27223" s="15">
        <v>45589</v>
      </c>
      <c r="F27223" s="14" t="s">
        <v>25</v>
      </c>
      <c r="G27223" s="16">
        <v>0</v>
      </c>
    </row>
    <row r="27224" spans="1:7" x14ac:dyDescent="0.3">
      <c r="A27224" s="13" t="s">
        <v>174</v>
      </c>
      <c r="B27224" s="14" t="s">
        <v>1</v>
      </c>
      <c r="C27224" s="14" t="s">
        <v>109</v>
      </c>
      <c r="D27224" s="14" t="s">
        <v>173</v>
      </c>
      <c r="E27224" s="15">
        <v>45590</v>
      </c>
      <c r="F27224" s="14" t="s">
        <v>25</v>
      </c>
      <c r="G27224" s="16">
        <v>0</v>
      </c>
    </row>
    <row r="27225" spans="1:7" x14ac:dyDescent="0.3">
      <c r="A27225" s="13" t="s">
        <v>174</v>
      </c>
      <c r="B27225" s="14" t="s">
        <v>1</v>
      </c>
      <c r="C27225" s="14" t="s">
        <v>109</v>
      </c>
      <c r="D27225" s="14" t="s">
        <v>173</v>
      </c>
      <c r="E27225" s="15">
        <v>45591</v>
      </c>
      <c r="F27225" s="14" t="s">
        <v>25</v>
      </c>
      <c r="G27225" s="16">
        <v>0</v>
      </c>
    </row>
    <row r="27226" spans="1:7" x14ac:dyDescent="0.3">
      <c r="A27226" s="13" t="s">
        <v>174</v>
      </c>
      <c r="B27226" s="14" t="s">
        <v>1</v>
      </c>
      <c r="C27226" s="14" t="s">
        <v>109</v>
      </c>
      <c r="D27226" s="14" t="s">
        <v>173</v>
      </c>
      <c r="E27226" s="15">
        <v>45592</v>
      </c>
      <c r="F27226" s="14" t="s">
        <v>25</v>
      </c>
      <c r="G27226" s="16">
        <v>0</v>
      </c>
    </row>
    <row r="27227" spans="1:7" x14ac:dyDescent="0.3">
      <c r="A27227" s="13" t="s">
        <v>174</v>
      </c>
      <c r="B27227" s="14" t="s">
        <v>1</v>
      </c>
      <c r="C27227" s="14" t="s">
        <v>109</v>
      </c>
      <c r="D27227" s="14" t="s">
        <v>173</v>
      </c>
      <c r="E27227" s="15">
        <v>45593</v>
      </c>
      <c r="F27227" s="14" t="s">
        <v>25</v>
      </c>
      <c r="G27227" s="16">
        <v>0</v>
      </c>
    </row>
    <row r="27228" spans="1:7" x14ac:dyDescent="0.3">
      <c r="A27228" s="13" t="s">
        <v>174</v>
      </c>
      <c r="B27228" s="14" t="s">
        <v>1</v>
      </c>
      <c r="C27228" s="14" t="s">
        <v>109</v>
      </c>
      <c r="D27228" s="14" t="s">
        <v>173</v>
      </c>
      <c r="E27228" s="15">
        <v>45594</v>
      </c>
      <c r="F27228" s="14" t="s">
        <v>25</v>
      </c>
      <c r="G27228" s="16">
        <v>0</v>
      </c>
    </row>
    <row r="27229" spans="1:7" x14ac:dyDescent="0.3">
      <c r="A27229" s="13" t="s">
        <v>174</v>
      </c>
      <c r="B27229" s="14" t="s">
        <v>1</v>
      </c>
      <c r="C27229" s="14" t="s">
        <v>109</v>
      </c>
      <c r="D27229" s="14" t="s">
        <v>173</v>
      </c>
      <c r="E27229" s="15">
        <v>45595</v>
      </c>
      <c r="F27229" s="14" t="s">
        <v>25</v>
      </c>
      <c r="G27229" s="16">
        <v>0</v>
      </c>
    </row>
    <row r="27230" spans="1:7" x14ac:dyDescent="0.3">
      <c r="A27230" s="13" t="s">
        <v>174</v>
      </c>
      <c r="B27230" s="14" t="s">
        <v>1</v>
      </c>
      <c r="C27230" s="14" t="s">
        <v>109</v>
      </c>
      <c r="D27230" s="14" t="s">
        <v>173</v>
      </c>
      <c r="E27230" s="15">
        <v>45596</v>
      </c>
      <c r="F27230" s="14" t="s">
        <v>25</v>
      </c>
      <c r="G27230" s="16">
        <v>0</v>
      </c>
    </row>
    <row r="27231" spans="1:7" x14ac:dyDescent="0.3">
      <c r="A27231" s="13" t="s">
        <v>174</v>
      </c>
      <c r="B27231" s="14" t="s">
        <v>1</v>
      </c>
      <c r="C27231" s="14" t="s">
        <v>109</v>
      </c>
      <c r="D27231" s="14" t="s">
        <v>173</v>
      </c>
      <c r="E27231" s="15">
        <v>45597</v>
      </c>
      <c r="F27231" s="14" t="s">
        <v>25</v>
      </c>
      <c r="G27231" s="16">
        <v>0</v>
      </c>
    </row>
    <row r="27232" spans="1:7" x14ac:dyDescent="0.3">
      <c r="A27232" s="13" t="s">
        <v>174</v>
      </c>
      <c r="B27232" s="14" t="s">
        <v>1</v>
      </c>
      <c r="C27232" s="14" t="s">
        <v>109</v>
      </c>
      <c r="D27232" s="14" t="s">
        <v>173</v>
      </c>
      <c r="E27232" s="15">
        <v>45598</v>
      </c>
      <c r="F27232" s="14" t="s">
        <v>25</v>
      </c>
      <c r="G27232" s="16">
        <v>0</v>
      </c>
    </row>
    <row r="27233" spans="1:7" x14ac:dyDescent="0.3">
      <c r="A27233" s="13" t="s">
        <v>174</v>
      </c>
      <c r="B27233" s="14" t="s">
        <v>1</v>
      </c>
      <c r="C27233" s="14" t="s">
        <v>109</v>
      </c>
      <c r="D27233" s="14" t="s">
        <v>173</v>
      </c>
      <c r="E27233" s="15">
        <v>45599</v>
      </c>
      <c r="F27233" s="14" t="s">
        <v>25</v>
      </c>
      <c r="G27233" s="16">
        <v>0</v>
      </c>
    </row>
    <row r="27234" spans="1:7" x14ac:dyDescent="0.3">
      <c r="A27234" s="13" t="s">
        <v>174</v>
      </c>
      <c r="B27234" s="14" t="s">
        <v>1</v>
      </c>
      <c r="C27234" s="14" t="s">
        <v>109</v>
      </c>
      <c r="D27234" s="14" t="s">
        <v>173</v>
      </c>
      <c r="E27234" s="15">
        <v>45600</v>
      </c>
      <c r="F27234" s="14" t="s">
        <v>25</v>
      </c>
      <c r="G27234" s="16">
        <v>0</v>
      </c>
    </row>
    <row r="27235" spans="1:7" x14ac:dyDescent="0.3">
      <c r="A27235" s="13" t="s">
        <v>174</v>
      </c>
      <c r="B27235" s="14" t="s">
        <v>1</v>
      </c>
      <c r="C27235" s="14" t="s">
        <v>109</v>
      </c>
      <c r="D27235" s="14" t="s">
        <v>173</v>
      </c>
      <c r="E27235" s="15">
        <v>45601</v>
      </c>
      <c r="F27235" s="14" t="s">
        <v>25</v>
      </c>
      <c r="G27235" s="16">
        <v>0</v>
      </c>
    </row>
    <row r="27236" spans="1:7" x14ac:dyDescent="0.3">
      <c r="A27236" s="13" t="s">
        <v>174</v>
      </c>
      <c r="B27236" s="14" t="s">
        <v>1</v>
      </c>
      <c r="C27236" s="14" t="s">
        <v>109</v>
      </c>
      <c r="D27236" s="14" t="s">
        <v>173</v>
      </c>
      <c r="E27236" s="15">
        <v>45602</v>
      </c>
      <c r="F27236" s="14" t="s">
        <v>25</v>
      </c>
      <c r="G27236" s="16">
        <v>0</v>
      </c>
    </row>
    <row r="27237" spans="1:7" x14ac:dyDescent="0.3">
      <c r="A27237" s="13" t="s">
        <v>174</v>
      </c>
      <c r="B27237" s="14" t="s">
        <v>1</v>
      </c>
      <c r="C27237" s="14" t="s">
        <v>109</v>
      </c>
      <c r="D27237" s="14" t="s">
        <v>173</v>
      </c>
      <c r="E27237" s="15">
        <v>45603</v>
      </c>
      <c r="F27237" s="14" t="s">
        <v>25</v>
      </c>
      <c r="G27237" s="16">
        <v>0</v>
      </c>
    </row>
    <row r="27238" spans="1:7" x14ac:dyDescent="0.3">
      <c r="A27238" s="13" t="s">
        <v>174</v>
      </c>
      <c r="B27238" s="14" t="s">
        <v>1</v>
      </c>
      <c r="C27238" s="14" t="s">
        <v>109</v>
      </c>
      <c r="D27238" s="14" t="s">
        <v>173</v>
      </c>
      <c r="E27238" s="15">
        <v>45604</v>
      </c>
      <c r="F27238" s="14" t="s">
        <v>25</v>
      </c>
      <c r="G27238" s="16">
        <v>0</v>
      </c>
    </row>
    <row r="27239" spans="1:7" x14ac:dyDescent="0.3">
      <c r="A27239" s="13" t="s">
        <v>174</v>
      </c>
      <c r="B27239" s="14" t="s">
        <v>1</v>
      </c>
      <c r="C27239" s="14" t="s">
        <v>109</v>
      </c>
      <c r="D27239" s="14" t="s">
        <v>173</v>
      </c>
      <c r="E27239" s="15">
        <v>45605</v>
      </c>
      <c r="F27239" s="14" t="s">
        <v>25</v>
      </c>
      <c r="G27239" s="16">
        <v>0</v>
      </c>
    </row>
    <row r="27240" spans="1:7" x14ac:dyDescent="0.3">
      <c r="A27240" s="13" t="s">
        <v>174</v>
      </c>
      <c r="B27240" s="14" t="s">
        <v>1</v>
      </c>
      <c r="C27240" s="14" t="s">
        <v>109</v>
      </c>
      <c r="D27240" s="14" t="s">
        <v>173</v>
      </c>
      <c r="E27240" s="15">
        <v>45606</v>
      </c>
      <c r="F27240" s="14" t="s">
        <v>25</v>
      </c>
      <c r="G27240" s="16">
        <v>0</v>
      </c>
    </row>
    <row r="27241" spans="1:7" x14ac:dyDescent="0.3">
      <c r="A27241" s="13" t="s">
        <v>174</v>
      </c>
      <c r="B27241" s="14" t="s">
        <v>1</v>
      </c>
      <c r="C27241" s="14" t="s">
        <v>109</v>
      </c>
      <c r="D27241" s="14" t="s">
        <v>173</v>
      </c>
      <c r="E27241" s="15">
        <v>45607</v>
      </c>
      <c r="F27241" s="14" t="s">
        <v>25</v>
      </c>
      <c r="G27241" s="16">
        <v>0</v>
      </c>
    </row>
    <row r="27242" spans="1:7" x14ac:dyDescent="0.3">
      <c r="A27242" s="13" t="s">
        <v>174</v>
      </c>
      <c r="B27242" s="14" t="s">
        <v>1</v>
      </c>
      <c r="C27242" s="14" t="s">
        <v>109</v>
      </c>
      <c r="D27242" s="14" t="s">
        <v>173</v>
      </c>
      <c r="E27242" s="15">
        <v>45608</v>
      </c>
      <c r="F27242" s="14" t="s">
        <v>25</v>
      </c>
      <c r="G27242" s="16">
        <v>0</v>
      </c>
    </row>
    <row r="27243" spans="1:7" x14ac:dyDescent="0.3">
      <c r="A27243" s="13" t="s">
        <v>174</v>
      </c>
      <c r="B27243" s="14" t="s">
        <v>1</v>
      </c>
      <c r="C27243" s="14" t="s">
        <v>109</v>
      </c>
      <c r="D27243" s="14" t="s">
        <v>173</v>
      </c>
      <c r="E27243" s="15">
        <v>45609</v>
      </c>
      <c r="F27243" s="14" t="s">
        <v>25</v>
      </c>
      <c r="G27243" s="16">
        <v>0</v>
      </c>
    </row>
    <row r="27244" spans="1:7" x14ac:dyDescent="0.3">
      <c r="A27244" s="13" t="s">
        <v>174</v>
      </c>
      <c r="B27244" s="14" t="s">
        <v>1</v>
      </c>
      <c r="C27244" s="14" t="s">
        <v>109</v>
      </c>
      <c r="D27244" s="14" t="s">
        <v>173</v>
      </c>
      <c r="E27244" s="15">
        <v>45610</v>
      </c>
      <c r="F27244" s="14" t="s">
        <v>25</v>
      </c>
      <c r="G27244" s="16">
        <v>0</v>
      </c>
    </row>
    <row r="27245" spans="1:7" x14ac:dyDescent="0.3">
      <c r="A27245" s="13" t="s">
        <v>174</v>
      </c>
      <c r="B27245" s="14" t="s">
        <v>1</v>
      </c>
      <c r="C27245" s="14" t="s">
        <v>109</v>
      </c>
      <c r="D27245" s="14" t="s">
        <v>173</v>
      </c>
      <c r="E27245" s="15">
        <v>45611</v>
      </c>
      <c r="F27245" s="14" t="s">
        <v>25</v>
      </c>
      <c r="G27245" s="16">
        <v>0</v>
      </c>
    </row>
    <row r="27246" spans="1:7" x14ac:dyDescent="0.3">
      <c r="A27246" s="13" t="s">
        <v>174</v>
      </c>
      <c r="B27246" s="14" t="s">
        <v>1</v>
      </c>
      <c r="C27246" s="14" t="s">
        <v>109</v>
      </c>
      <c r="D27246" s="14" t="s">
        <v>173</v>
      </c>
      <c r="E27246" s="15">
        <v>45612</v>
      </c>
      <c r="F27246" s="14" t="s">
        <v>25</v>
      </c>
      <c r="G27246" s="16">
        <v>0</v>
      </c>
    </row>
    <row r="27247" spans="1:7" x14ac:dyDescent="0.3">
      <c r="A27247" s="13" t="s">
        <v>174</v>
      </c>
      <c r="B27247" s="14" t="s">
        <v>1</v>
      </c>
      <c r="C27247" s="14" t="s">
        <v>109</v>
      </c>
      <c r="D27247" s="14" t="s">
        <v>173</v>
      </c>
      <c r="E27247" s="15">
        <v>45613</v>
      </c>
      <c r="F27247" s="14" t="s">
        <v>25</v>
      </c>
      <c r="G27247" s="16">
        <v>0</v>
      </c>
    </row>
    <row r="27248" spans="1:7" x14ac:dyDescent="0.3">
      <c r="A27248" s="13" t="s">
        <v>174</v>
      </c>
      <c r="B27248" s="14" t="s">
        <v>1</v>
      </c>
      <c r="C27248" s="14" t="s">
        <v>109</v>
      </c>
      <c r="D27248" s="14" t="s">
        <v>173</v>
      </c>
      <c r="E27248" s="15">
        <v>45614</v>
      </c>
      <c r="F27248" s="14" t="s">
        <v>25</v>
      </c>
      <c r="G27248" s="16">
        <v>0</v>
      </c>
    </row>
    <row r="27249" spans="1:7" x14ac:dyDescent="0.3">
      <c r="A27249" s="13" t="s">
        <v>174</v>
      </c>
      <c r="B27249" s="14" t="s">
        <v>1</v>
      </c>
      <c r="C27249" s="14" t="s">
        <v>109</v>
      </c>
      <c r="D27249" s="14" t="s">
        <v>173</v>
      </c>
      <c r="E27249" s="15">
        <v>45615</v>
      </c>
      <c r="F27249" s="14" t="s">
        <v>25</v>
      </c>
      <c r="G27249" s="16">
        <v>0</v>
      </c>
    </row>
    <row r="27250" spans="1:7" x14ac:dyDescent="0.3">
      <c r="A27250" s="13" t="s">
        <v>174</v>
      </c>
      <c r="B27250" s="14" t="s">
        <v>1</v>
      </c>
      <c r="C27250" s="14" t="s">
        <v>109</v>
      </c>
      <c r="D27250" s="14" t="s">
        <v>173</v>
      </c>
      <c r="E27250" s="15">
        <v>45616</v>
      </c>
      <c r="F27250" s="14" t="s">
        <v>25</v>
      </c>
      <c r="G27250" s="16">
        <v>0</v>
      </c>
    </row>
    <row r="27251" spans="1:7" x14ac:dyDescent="0.3">
      <c r="A27251" s="13" t="s">
        <v>174</v>
      </c>
      <c r="B27251" s="14" t="s">
        <v>1</v>
      </c>
      <c r="C27251" s="14" t="s">
        <v>109</v>
      </c>
      <c r="D27251" s="14" t="s">
        <v>173</v>
      </c>
      <c r="E27251" s="15">
        <v>45617</v>
      </c>
      <c r="F27251" s="14" t="s">
        <v>25</v>
      </c>
      <c r="G27251" s="16">
        <v>0</v>
      </c>
    </row>
    <row r="27252" spans="1:7" x14ac:dyDescent="0.3">
      <c r="A27252" s="13" t="s">
        <v>174</v>
      </c>
      <c r="B27252" s="14" t="s">
        <v>1</v>
      </c>
      <c r="C27252" s="14" t="s">
        <v>109</v>
      </c>
      <c r="D27252" s="14" t="s">
        <v>173</v>
      </c>
      <c r="E27252" s="15">
        <v>45618</v>
      </c>
      <c r="F27252" s="14" t="s">
        <v>25</v>
      </c>
      <c r="G27252" s="16">
        <v>0</v>
      </c>
    </row>
    <row r="27253" spans="1:7" x14ac:dyDescent="0.3">
      <c r="A27253" s="13" t="s">
        <v>174</v>
      </c>
      <c r="B27253" s="14" t="s">
        <v>1</v>
      </c>
      <c r="C27253" s="14" t="s">
        <v>109</v>
      </c>
      <c r="D27253" s="14" t="s">
        <v>173</v>
      </c>
      <c r="E27253" s="15">
        <v>45619</v>
      </c>
      <c r="F27253" s="14" t="s">
        <v>25</v>
      </c>
      <c r="G27253" s="16">
        <v>0</v>
      </c>
    </row>
    <row r="27254" spans="1:7" x14ac:dyDescent="0.3">
      <c r="A27254" s="13" t="s">
        <v>174</v>
      </c>
      <c r="B27254" s="14" t="s">
        <v>1</v>
      </c>
      <c r="C27254" s="14" t="s">
        <v>109</v>
      </c>
      <c r="D27254" s="14" t="s">
        <v>173</v>
      </c>
      <c r="E27254" s="15">
        <v>45620</v>
      </c>
      <c r="F27254" s="14" t="s">
        <v>25</v>
      </c>
      <c r="G27254" s="16">
        <v>0</v>
      </c>
    </row>
    <row r="27255" spans="1:7" x14ac:dyDescent="0.3">
      <c r="A27255" s="13" t="s">
        <v>174</v>
      </c>
      <c r="B27255" s="14" t="s">
        <v>1</v>
      </c>
      <c r="C27255" s="14" t="s">
        <v>109</v>
      </c>
      <c r="D27255" s="14" t="s">
        <v>173</v>
      </c>
      <c r="E27255" s="15">
        <v>45621</v>
      </c>
      <c r="F27255" s="14" t="s">
        <v>25</v>
      </c>
      <c r="G27255" s="16">
        <v>0</v>
      </c>
    </row>
    <row r="27256" spans="1:7" x14ac:dyDescent="0.3">
      <c r="A27256" s="13" t="s">
        <v>174</v>
      </c>
      <c r="B27256" s="14" t="s">
        <v>1</v>
      </c>
      <c r="C27256" s="14" t="s">
        <v>109</v>
      </c>
      <c r="D27256" s="14" t="s">
        <v>173</v>
      </c>
      <c r="E27256" s="15">
        <v>45622</v>
      </c>
      <c r="F27256" s="14" t="s">
        <v>25</v>
      </c>
      <c r="G27256" s="16">
        <v>0</v>
      </c>
    </row>
    <row r="27257" spans="1:7" x14ac:dyDescent="0.3">
      <c r="A27257" s="13" t="s">
        <v>174</v>
      </c>
      <c r="B27257" s="14" t="s">
        <v>1</v>
      </c>
      <c r="C27257" s="14" t="s">
        <v>109</v>
      </c>
      <c r="D27257" s="14" t="s">
        <v>173</v>
      </c>
      <c r="E27257" s="15">
        <v>45623</v>
      </c>
      <c r="F27257" s="14" t="s">
        <v>25</v>
      </c>
      <c r="G27257" s="16">
        <v>0</v>
      </c>
    </row>
    <row r="27258" spans="1:7" x14ac:dyDescent="0.3">
      <c r="A27258" s="13" t="s">
        <v>174</v>
      </c>
      <c r="B27258" s="14" t="s">
        <v>1</v>
      </c>
      <c r="C27258" s="14" t="s">
        <v>109</v>
      </c>
      <c r="D27258" s="14" t="s">
        <v>173</v>
      </c>
      <c r="E27258" s="15">
        <v>45624</v>
      </c>
      <c r="F27258" s="14" t="s">
        <v>25</v>
      </c>
      <c r="G27258" s="16">
        <v>0</v>
      </c>
    </row>
    <row r="27259" spans="1:7" x14ac:dyDescent="0.3">
      <c r="A27259" s="13" t="s">
        <v>174</v>
      </c>
      <c r="B27259" s="14" t="s">
        <v>1</v>
      </c>
      <c r="C27259" s="14" t="s">
        <v>109</v>
      </c>
      <c r="D27259" s="14" t="s">
        <v>173</v>
      </c>
      <c r="E27259" s="15">
        <v>45625</v>
      </c>
      <c r="F27259" s="14" t="s">
        <v>25</v>
      </c>
      <c r="G27259" s="16">
        <v>0</v>
      </c>
    </row>
    <row r="27260" spans="1:7" x14ac:dyDescent="0.3">
      <c r="A27260" s="13" t="s">
        <v>174</v>
      </c>
      <c r="B27260" s="14" t="s">
        <v>1</v>
      </c>
      <c r="C27260" s="14" t="s">
        <v>109</v>
      </c>
      <c r="D27260" s="14" t="s">
        <v>173</v>
      </c>
      <c r="E27260" s="15">
        <v>45626</v>
      </c>
      <c r="F27260" s="14" t="s">
        <v>25</v>
      </c>
      <c r="G27260" s="16">
        <v>0</v>
      </c>
    </row>
    <row r="27261" spans="1:7" x14ac:dyDescent="0.3">
      <c r="A27261" s="13" t="s">
        <v>174</v>
      </c>
      <c r="B27261" s="14" t="s">
        <v>1</v>
      </c>
      <c r="C27261" s="14" t="s">
        <v>109</v>
      </c>
      <c r="D27261" s="14" t="s">
        <v>173</v>
      </c>
      <c r="E27261" s="15">
        <v>45627</v>
      </c>
      <c r="F27261" s="14" t="s">
        <v>25</v>
      </c>
      <c r="G27261" s="16">
        <v>0</v>
      </c>
    </row>
    <row r="27262" spans="1:7" x14ac:dyDescent="0.3">
      <c r="A27262" s="13" t="s">
        <v>174</v>
      </c>
      <c r="B27262" s="14" t="s">
        <v>1</v>
      </c>
      <c r="C27262" s="14" t="s">
        <v>109</v>
      </c>
      <c r="D27262" s="14" t="s">
        <v>173</v>
      </c>
      <c r="E27262" s="15">
        <v>45628</v>
      </c>
      <c r="F27262" s="14" t="s">
        <v>25</v>
      </c>
      <c r="G27262" s="16">
        <v>0</v>
      </c>
    </row>
    <row r="27263" spans="1:7" x14ac:dyDescent="0.3">
      <c r="A27263" s="13" t="s">
        <v>174</v>
      </c>
      <c r="B27263" s="14" t="s">
        <v>1</v>
      </c>
      <c r="C27263" s="14" t="s">
        <v>109</v>
      </c>
      <c r="D27263" s="14" t="s">
        <v>173</v>
      </c>
      <c r="E27263" s="15">
        <v>45629</v>
      </c>
      <c r="F27263" s="14" t="s">
        <v>25</v>
      </c>
      <c r="G27263" s="16">
        <v>0</v>
      </c>
    </row>
    <row r="27264" spans="1:7" x14ac:dyDescent="0.3">
      <c r="A27264" s="13" t="s">
        <v>174</v>
      </c>
      <c r="B27264" s="14" t="s">
        <v>1</v>
      </c>
      <c r="C27264" s="14" t="s">
        <v>109</v>
      </c>
      <c r="D27264" s="14" t="s">
        <v>173</v>
      </c>
      <c r="E27264" s="15">
        <v>45630</v>
      </c>
      <c r="F27264" s="14" t="s">
        <v>25</v>
      </c>
      <c r="G27264" s="16">
        <v>0</v>
      </c>
    </row>
    <row r="27265" spans="1:7" x14ac:dyDescent="0.3">
      <c r="A27265" s="13" t="s">
        <v>174</v>
      </c>
      <c r="B27265" s="14" t="s">
        <v>1</v>
      </c>
      <c r="C27265" s="14" t="s">
        <v>109</v>
      </c>
      <c r="D27265" s="14" t="s">
        <v>173</v>
      </c>
      <c r="E27265" s="15">
        <v>45631</v>
      </c>
      <c r="F27265" s="14" t="s">
        <v>25</v>
      </c>
      <c r="G27265" s="16">
        <v>0</v>
      </c>
    </row>
    <row r="27266" spans="1:7" x14ac:dyDescent="0.3">
      <c r="A27266" s="13" t="s">
        <v>174</v>
      </c>
      <c r="B27266" s="14" t="s">
        <v>1</v>
      </c>
      <c r="C27266" s="14" t="s">
        <v>109</v>
      </c>
      <c r="D27266" s="14" t="s">
        <v>173</v>
      </c>
      <c r="E27266" s="15">
        <v>45632</v>
      </c>
      <c r="F27266" s="14" t="s">
        <v>25</v>
      </c>
      <c r="G27266" s="16">
        <v>0</v>
      </c>
    </row>
    <row r="27267" spans="1:7" x14ac:dyDescent="0.3">
      <c r="A27267" s="13" t="s">
        <v>174</v>
      </c>
      <c r="B27267" s="14" t="s">
        <v>1</v>
      </c>
      <c r="C27267" s="14" t="s">
        <v>109</v>
      </c>
      <c r="D27267" s="14" t="s">
        <v>173</v>
      </c>
      <c r="E27267" s="15">
        <v>45633</v>
      </c>
      <c r="F27267" s="14" t="s">
        <v>25</v>
      </c>
      <c r="G27267" s="16">
        <v>0</v>
      </c>
    </row>
    <row r="27268" spans="1:7" x14ac:dyDescent="0.3">
      <c r="A27268" s="13" t="s">
        <v>174</v>
      </c>
      <c r="B27268" s="14" t="s">
        <v>1</v>
      </c>
      <c r="C27268" s="14" t="s">
        <v>109</v>
      </c>
      <c r="D27268" s="14" t="s">
        <v>173</v>
      </c>
      <c r="E27268" s="15">
        <v>45634</v>
      </c>
      <c r="F27268" s="14" t="s">
        <v>25</v>
      </c>
      <c r="G27268" s="16">
        <v>0</v>
      </c>
    </row>
    <row r="27269" spans="1:7" x14ac:dyDescent="0.3">
      <c r="A27269" s="13" t="s">
        <v>174</v>
      </c>
      <c r="B27269" s="14" t="s">
        <v>1</v>
      </c>
      <c r="C27269" s="14" t="s">
        <v>109</v>
      </c>
      <c r="D27269" s="14" t="s">
        <v>173</v>
      </c>
      <c r="E27269" s="15">
        <v>45635</v>
      </c>
      <c r="F27269" s="14" t="s">
        <v>25</v>
      </c>
      <c r="G27269" s="16">
        <v>0</v>
      </c>
    </row>
    <row r="27270" spans="1:7" x14ac:dyDescent="0.3">
      <c r="A27270" s="13" t="s">
        <v>174</v>
      </c>
      <c r="B27270" s="14" t="s">
        <v>1</v>
      </c>
      <c r="C27270" s="14" t="s">
        <v>109</v>
      </c>
      <c r="D27270" s="14" t="s">
        <v>173</v>
      </c>
      <c r="E27270" s="15">
        <v>45636</v>
      </c>
      <c r="F27270" s="14" t="s">
        <v>25</v>
      </c>
      <c r="G27270" s="16">
        <v>0</v>
      </c>
    </row>
    <row r="27271" spans="1:7" x14ac:dyDescent="0.3">
      <c r="A27271" s="13" t="s">
        <v>174</v>
      </c>
      <c r="B27271" s="14" t="s">
        <v>1</v>
      </c>
      <c r="C27271" s="14" t="s">
        <v>109</v>
      </c>
      <c r="D27271" s="14" t="s">
        <v>173</v>
      </c>
      <c r="E27271" s="15">
        <v>45637</v>
      </c>
      <c r="F27271" s="14" t="s">
        <v>25</v>
      </c>
      <c r="G27271" s="16">
        <v>0</v>
      </c>
    </row>
    <row r="27272" spans="1:7" x14ac:dyDescent="0.3">
      <c r="A27272" s="13" t="s">
        <v>174</v>
      </c>
      <c r="B27272" s="14" t="s">
        <v>1</v>
      </c>
      <c r="C27272" s="14" t="s">
        <v>109</v>
      </c>
      <c r="D27272" s="14" t="s">
        <v>173</v>
      </c>
      <c r="E27272" s="15">
        <v>45638</v>
      </c>
      <c r="F27272" s="14" t="s">
        <v>25</v>
      </c>
      <c r="G27272" s="16">
        <v>0</v>
      </c>
    </row>
    <row r="27273" spans="1:7" x14ac:dyDescent="0.3">
      <c r="A27273" s="13" t="s">
        <v>174</v>
      </c>
      <c r="B27273" s="14" t="s">
        <v>1</v>
      </c>
      <c r="C27273" s="14" t="s">
        <v>109</v>
      </c>
      <c r="D27273" s="14" t="s">
        <v>173</v>
      </c>
      <c r="E27273" s="15">
        <v>45639</v>
      </c>
      <c r="F27273" s="14" t="s">
        <v>25</v>
      </c>
      <c r="G27273" s="16">
        <v>0</v>
      </c>
    </row>
    <row r="27274" spans="1:7" x14ac:dyDescent="0.3">
      <c r="A27274" s="13" t="s">
        <v>174</v>
      </c>
      <c r="B27274" s="14" t="s">
        <v>1</v>
      </c>
      <c r="C27274" s="14" t="s">
        <v>109</v>
      </c>
      <c r="D27274" s="14" t="s">
        <v>173</v>
      </c>
      <c r="E27274" s="15">
        <v>45640</v>
      </c>
      <c r="F27274" s="14" t="s">
        <v>25</v>
      </c>
      <c r="G27274" s="16">
        <v>0</v>
      </c>
    </row>
    <row r="27275" spans="1:7" x14ac:dyDescent="0.3">
      <c r="A27275" s="13" t="s">
        <v>174</v>
      </c>
      <c r="B27275" s="14" t="s">
        <v>1</v>
      </c>
      <c r="C27275" s="14" t="s">
        <v>109</v>
      </c>
      <c r="D27275" s="14" t="s">
        <v>173</v>
      </c>
      <c r="E27275" s="15">
        <v>45641</v>
      </c>
      <c r="F27275" s="14" t="s">
        <v>25</v>
      </c>
      <c r="G27275" s="16">
        <v>0</v>
      </c>
    </row>
    <row r="27276" spans="1:7" x14ac:dyDescent="0.3">
      <c r="A27276" s="13" t="s">
        <v>174</v>
      </c>
      <c r="B27276" s="14" t="s">
        <v>1</v>
      </c>
      <c r="C27276" s="14" t="s">
        <v>109</v>
      </c>
      <c r="D27276" s="14" t="s">
        <v>173</v>
      </c>
      <c r="E27276" s="15">
        <v>45642</v>
      </c>
      <c r="F27276" s="14" t="s">
        <v>25</v>
      </c>
      <c r="G27276" s="16">
        <v>0</v>
      </c>
    </row>
    <row r="27277" spans="1:7" x14ac:dyDescent="0.3">
      <c r="A27277" s="13" t="s">
        <v>174</v>
      </c>
      <c r="B27277" s="14" t="s">
        <v>1</v>
      </c>
      <c r="C27277" s="14" t="s">
        <v>109</v>
      </c>
      <c r="D27277" s="14" t="s">
        <v>173</v>
      </c>
      <c r="E27277" s="15">
        <v>45643</v>
      </c>
      <c r="F27277" s="14" t="s">
        <v>25</v>
      </c>
      <c r="G27277" s="16">
        <v>0</v>
      </c>
    </row>
    <row r="27278" spans="1:7" x14ac:dyDescent="0.3">
      <c r="A27278" s="13" t="s">
        <v>174</v>
      </c>
      <c r="B27278" s="14" t="s">
        <v>1</v>
      </c>
      <c r="C27278" s="14" t="s">
        <v>109</v>
      </c>
      <c r="D27278" s="14" t="s">
        <v>173</v>
      </c>
      <c r="E27278" s="15">
        <v>45644</v>
      </c>
      <c r="F27278" s="14" t="s">
        <v>25</v>
      </c>
      <c r="G27278" s="16">
        <v>0</v>
      </c>
    </row>
    <row r="27279" spans="1:7" x14ac:dyDescent="0.3">
      <c r="A27279" s="13" t="s">
        <v>174</v>
      </c>
      <c r="B27279" s="14" t="s">
        <v>1</v>
      </c>
      <c r="C27279" s="14" t="s">
        <v>109</v>
      </c>
      <c r="D27279" s="14" t="s">
        <v>173</v>
      </c>
      <c r="E27279" s="15">
        <v>45645</v>
      </c>
      <c r="F27279" s="14" t="s">
        <v>25</v>
      </c>
      <c r="G27279" s="16">
        <v>0</v>
      </c>
    </row>
    <row r="27280" spans="1:7" x14ac:dyDescent="0.3">
      <c r="A27280" s="13" t="s">
        <v>174</v>
      </c>
      <c r="B27280" s="14" t="s">
        <v>1</v>
      </c>
      <c r="C27280" s="14" t="s">
        <v>109</v>
      </c>
      <c r="D27280" s="14" t="s">
        <v>173</v>
      </c>
      <c r="E27280" s="15">
        <v>45646</v>
      </c>
      <c r="F27280" s="14" t="s">
        <v>25</v>
      </c>
      <c r="G27280" s="16">
        <v>0</v>
      </c>
    </row>
    <row r="27281" spans="1:7" x14ac:dyDescent="0.3">
      <c r="A27281" s="13" t="s">
        <v>174</v>
      </c>
      <c r="B27281" s="14" t="s">
        <v>1</v>
      </c>
      <c r="C27281" s="14" t="s">
        <v>109</v>
      </c>
      <c r="D27281" s="14" t="s">
        <v>173</v>
      </c>
      <c r="E27281" s="15">
        <v>45647</v>
      </c>
      <c r="F27281" s="14" t="s">
        <v>25</v>
      </c>
      <c r="G27281" s="16">
        <v>0</v>
      </c>
    </row>
    <row r="27282" spans="1:7" x14ac:dyDescent="0.3">
      <c r="A27282" s="13" t="s">
        <v>174</v>
      </c>
      <c r="B27282" s="14" t="s">
        <v>1</v>
      </c>
      <c r="C27282" s="14" t="s">
        <v>109</v>
      </c>
      <c r="D27282" s="14" t="s">
        <v>173</v>
      </c>
      <c r="E27282" s="15">
        <v>45648</v>
      </c>
      <c r="F27282" s="14" t="s">
        <v>25</v>
      </c>
      <c r="G27282" s="16">
        <v>0</v>
      </c>
    </row>
    <row r="27283" spans="1:7" x14ac:dyDescent="0.3">
      <c r="A27283" s="13" t="s">
        <v>174</v>
      </c>
      <c r="B27283" s="14" t="s">
        <v>1</v>
      </c>
      <c r="C27283" s="14" t="s">
        <v>109</v>
      </c>
      <c r="D27283" s="14" t="s">
        <v>173</v>
      </c>
      <c r="E27283" s="15">
        <v>45649</v>
      </c>
      <c r="F27283" s="14" t="s">
        <v>25</v>
      </c>
      <c r="G27283" s="16">
        <v>0</v>
      </c>
    </row>
    <row r="27284" spans="1:7" x14ac:dyDescent="0.3">
      <c r="A27284" s="13" t="s">
        <v>174</v>
      </c>
      <c r="B27284" s="14" t="s">
        <v>1</v>
      </c>
      <c r="C27284" s="14" t="s">
        <v>109</v>
      </c>
      <c r="D27284" s="14" t="s">
        <v>173</v>
      </c>
      <c r="E27284" s="15">
        <v>45650</v>
      </c>
      <c r="F27284" s="14" t="s">
        <v>25</v>
      </c>
      <c r="G27284" s="16">
        <v>0</v>
      </c>
    </row>
    <row r="27285" spans="1:7" x14ac:dyDescent="0.3">
      <c r="A27285" s="13" t="s">
        <v>174</v>
      </c>
      <c r="B27285" s="14" t="s">
        <v>1</v>
      </c>
      <c r="C27285" s="14" t="s">
        <v>109</v>
      </c>
      <c r="D27285" s="14" t="s">
        <v>173</v>
      </c>
      <c r="E27285" s="15">
        <v>45651</v>
      </c>
      <c r="F27285" s="14" t="s">
        <v>25</v>
      </c>
      <c r="G27285" s="16">
        <v>0</v>
      </c>
    </row>
    <row r="27286" spans="1:7" x14ac:dyDescent="0.3">
      <c r="A27286" s="13" t="s">
        <v>174</v>
      </c>
      <c r="B27286" s="14" t="s">
        <v>1</v>
      </c>
      <c r="C27286" s="14" t="s">
        <v>109</v>
      </c>
      <c r="D27286" s="14" t="s">
        <v>173</v>
      </c>
      <c r="E27286" s="15">
        <v>45652</v>
      </c>
      <c r="F27286" s="14" t="s">
        <v>25</v>
      </c>
      <c r="G27286" s="16">
        <v>0</v>
      </c>
    </row>
    <row r="27287" spans="1:7" x14ac:dyDescent="0.3">
      <c r="A27287" s="13" t="s">
        <v>174</v>
      </c>
      <c r="B27287" s="14" t="s">
        <v>1</v>
      </c>
      <c r="C27287" s="14" t="s">
        <v>109</v>
      </c>
      <c r="D27287" s="14" t="s">
        <v>173</v>
      </c>
      <c r="E27287" s="15">
        <v>45653</v>
      </c>
      <c r="F27287" s="14" t="s">
        <v>25</v>
      </c>
      <c r="G27287" s="16">
        <v>0</v>
      </c>
    </row>
    <row r="27288" spans="1:7" x14ac:dyDescent="0.3">
      <c r="A27288" s="13" t="s">
        <v>174</v>
      </c>
      <c r="B27288" s="14" t="s">
        <v>1</v>
      </c>
      <c r="C27288" s="14" t="s">
        <v>109</v>
      </c>
      <c r="D27288" s="14" t="s">
        <v>173</v>
      </c>
      <c r="E27288" s="15">
        <v>45654</v>
      </c>
      <c r="F27288" s="14" t="s">
        <v>25</v>
      </c>
      <c r="G27288" s="16">
        <v>0</v>
      </c>
    </row>
    <row r="27289" spans="1:7" x14ac:dyDescent="0.3">
      <c r="A27289" s="13" t="s">
        <v>174</v>
      </c>
      <c r="B27289" s="14" t="s">
        <v>1</v>
      </c>
      <c r="C27289" s="14" t="s">
        <v>109</v>
      </c>
      <c r="D27289" s="14" t="s">
        <v>173</v>
      </c>
      <c r="E27289" s="15">
        <v>45655</v>
      </c>
      <c r="F27289" s="14" t="s">
        <v>25</v>
      </c>
      <c r="G27289" s="16">
        <v>0</v>
      </c>
    </row>
    <row r="27290" spans="1:7" x14ac:dyDescent="0.3">
      <c r="A27290" s="13" t="s">
        <v>174</v>
      </c>
      <c r="B27290" s="14" t="s">
        <v>1</v>
      </c>
      <c r="C27290" s="14" t="s">
        <v>109</v>
      </c>
      <c r="D27290" s="14" t="s">
        <v>173</v>
      </c>
      <c r="E27290" s="15">
        <v>45656</v>
      </c>
      <c r="F27290" s="14" t="s">
        <v>25</v>
      </c>
      <c r="G27290" s="16">
        <v>0</v>
      </c>
    </row>
    <row r="27291" spans="1:7" x14ac:dyDescent="0.3">
      <c r="A27291" s="13" t="s">
        <v>174</v>
      </c>
      <c r="B27291" s="14" t="s">
        <v>1</v>
      </c>
      <c r="C27291" s="14" t="s">
        <v>109</v>
      </c>
      <c r="D27291" s="14" t="s">
        <v>173</v>
      </c>
      <c r="E27291" s="15">
        <v>45657</v>
      </c>
      <c r="F27291" s="14" t="s">
        <v>25</v>
      </c>
      <c r="G27291" s="16">
        <v>0</v>
      </c>
    </row>
    <row r="27292" spans="1:7" x14ac:dyDescent="0.3">
      <c r="A27292" s="13" t="s">
        <v>174</v>
      </c>
      <c r="B27292" s="14" t="s">
        <v>1</v>
      </c>
      <c r="C27292" s="14" t="s">
        <v>109</v>
      </c>
      <c r="D27292" s="14" t="s">
        <v>173</v>
      </c>
      <c r="E27292" s="15">
        <v>45658</v>
      </c>
      <c r="F27292" s="14" t="s">
        <v>25</v>
      </c>
      <c r="G27292" s="16">
        <v>0</v>
      </c>
    </row>
    <row r="27293" spans="1:7" x14ac:dyDescent="0.3">
      <c r="A27293" s="13" t="s">
        <v>174</v>
      </c>
      <c r="B27293" s="14" t="s">
        <v>1</v>
      </c>
      <c r="C27293" s="14" t="s">
        <v>109</v>
      </c>
      <c r="D27293" s="14" t="s">
        <v>173</v>
      </c>
      <c r="E27293" s="15">
        <v>45659</v>
      </c>
      <c r="F27293" s="14" t="s">
        <v>25</v>
      </c>
      <c r="G27293" s="16">
        <v>0</v>
      </c>
    </row>
    <row r="27294" spans="1:7" x14ac:dyDescent="0.3">
      <c r="A27294" s="13" t="s">
        <v>174</v>
      </c>
      <c r="B27294" s="14" t="s">
        <v>1</v>
      </c>
      <c r="C27294" s="14" t="s">
        <v>109</v>
      </c>
      <c r="D27294" s="14" t="s">
        <v>173</v>
      </c>
      <c r="E27294" s="15">
        <v>45660</v>
      </c>
      <c r="F27294" s="14" t="s">
        <v>25</v>
      </c>
      <c r="G27294" s="16">
        <v>0</v>
      </c>
    </row>
    <row r="27295" spans="1:7" x14ac:dyDescent="0.3">
      <c r="A27295" s="13" t="s">
        <v>174</v>
      </c>
      <c r="B27295" s="14" t="s">
        <v>1</v>
      </c>
      <c r="C27295" s="14" t="s">
        <v>109</v>
      </c>
      <c r="D27295" s="14" t="s">
        <v>173</v>
      </c>
      <c r="E27295" s="15">
        <v>45661</v>
      </c>
      <c r="F27295" s="14" t="s">
        <v>25</v>
      </c>
      <c r="G27295" s="16">
        <v>0</v>
      </c>
    </row>
    <row r="27296" spans="1:7" x14ac:dyDescent="0.3">
      <c r="A27296" s="13" t="s">
        <v>174</v>
      </c>
      <c r="B27296" s="14" t="s">
        <v>1</v>
      </c>
      <c r="C27296" s="14" t="s">
        <v>109</v>
      </c>
      <c r="D27296" s="14" t="s">
        <v>173</v>
      </c>
      <c r="E27296" s="15">
        <v>45662</v>
      </c>
      <c r="F27296" s="14" t="s">
        <v>25</v>
      </c>
      <c r="G27296" s="16">
        <v>0</v>
      </c>
    </row>
    <row r="27297" spans="1:7" x14ac:dyDescent="0.3">
      <c r="A27297" s="13" t="s">
        <v>174</v>
      </c>
      <c r="B27297" s="14" t="s">
        <v>1</v>
      </c>
      <c r="C27297" s="14" t="s">
        <v>109</v>
      </c>
      <c r="D27297" s="14" t="s">
        <v>173</v>
      </c>
      <c r="E27297" s="15">
        <v>45663</v>
      </c>
      <c r="F27297" s="14" t="s">
        <v>25</v>
      </c>
      <c r="G27297" s="16">
        <v>0</v>
      </c>
    </row>
    <row r="27298" spans="1:7" x14ac:dyDescent="0.3">
      <c r="A27298" s="13" t="s">
        <v>174</v>
      </c>
      <c r="B27298" s="14" t="s">
        <v>1</v>
      </c>
      <c r="C27298" s="14" t="s">
        <v>109</v>
      </c>
      <c r="D27298" s="14" t="s">
        <v>173</v>
      </c>
      <c r="E27298" s="15">
        <v>45664</v>
      </c>
      <c r="F27298" s="14" t="s">
        <v>25</v>
      </c>
      <c r="G27298" s="16">
        <v>0</v>
      </c>
    </row>
    <row r="27299" spans="1:7" x14ac:dyDescent="0.3">
      <c r="A27299" s="13" t="s">
        <v>174</v>
      </c>
      <c r="B27299" s="14" t="s">
        <v>1</v>
      </c>
      <c r="C27299" s="14" t="s">
        <v>109</v>
      </c>
      <c r="D27299" s="14" t="s">
        <v>173</v>
      </c>
      <c r="E27299" s="15">
        <v>45665</v>
      </c>
      <c r="F27299" s="14" t="s">
        <v>25</v>
      </c>
      <c r="G27299" s="16">
        <v>0</v>
      </c>
    </row>
    <row r="27300" spans="1:7" x14ac:dyDescent="0.3">
      <c r="A27300" s="13" t="s">
        <v>174</v>
      </c>
      <c r="B27300" s="14" t="s">
        <v>1</v>
      </c>
      <c r="C27300" s="14" t="s">
        <v>109</v>
      </c>
      <c r="D27300" s="14" t="s">
        <v>173</v>
      </c>
      <c r="E27300" s="15">
        <v>45666</v>
      </c>
      <c r="F27300" s="14" t="s">
        <v>25</v>
      </c>
      <c r="G27300" s="16">
        <v>0</v>
      </c>
    </row>
    <row r="27301" spans="1:7" x14ac:dyDescent="0.3">
      <c r="A27301" s="13" t="s">
        <v>174</v>
      </c>
      <c r="B27301" s="14" t="s">
        <v>1</v>
      </c>
      <c r="C27301" s="14" t="s">
        <v>109</v>
      </c>
      <c r="D27301" s="14" t="s">
        <v>173</v>
      </c>
      <c r="E27301" s="15">
        <v>45667</v>
      </c>
      <c r="F27301" s="14" t="s">
        <v>25</v>
      </c>
      <c r="G27301" s="16">
        <v>0</v>
      </c>
    </row>
    <row r="27302" spans="1:7" x14ac:dyDescent="0.3">
      <c r="A27302" s="13" t="s">
        <v>174</v>
      </c>
      <c r="B27302" s="14" t="s">
        <v>1</v>
      </c>
      <c r="C27302" s="14" t="s">
        <v>109</v>
      </c>
      <c r="D27302" s="14" t="s">
        <v>173</v>
      </c>
      <c r="E27302" s="15">
        <v>45668</v>
      </c>
      <c r="F27302" s="14" t="s">
        <v>25</v>
      </c>
      <c r="G27302" s="16">
        <v>0</v>
      </c>
    </row>
    <row r="27303" spans="1:7" x14ac:dyDescent="0.3">
      <c r="A27303" s="13" t="s">
        <v>174</v>
      </c>
      <c r="B27303" s="14" t="s">
        <v>1</v>
      </c>
      <c r="C27303" s="14" t="s">
        <v>109</v>
      </c>
      <c r="D27303" s="14" t="s">
        <v>173</v>
      </c>
      <c r="E27303" s="15">
        <v>45669</v>
      </c>
      <c r="F27303" s="14" t="s">
        <v>25</v>
      </c>
      <c r="G27303" s="16">
        <v>0</v>
      </c>
    </row>
    <row r="27304" spans="1:7" x14ac:dyDescent="0.3">
      <c r="A27304" s="13" t="s">
        <v>174</v>
      </c>
      <c r="B27304" s="14" t="s">
        <v>1</v>
      </c>
      <c r="C27304" s="14" t="s">
        <v>109</v>
      </c>
      <c r="D27304" s="14" t="s">
        <v>173</v>
      </c>
      <c r="E27304" s="15">
        <v>45670</v>
      </c>
      <c r="F27304" s="14" t="s">
        <v>25</v>
      </c>
      <c r="G27304" s="16">
        <v>0</v>
      </c>
    </row>
    <row r="27305" spans="1:7" x14ac:dyDescent="0.3">
      <c r="A27305" s="13" t="s">
        <v>174</v>
      </c>
      <c r="B27305" s="14" t="s">
        <v>1</v>
      </c>
      <c r="C27305" s="14" t="s">
        <v>109</v>
      </c>
      <c r="D27305" s="14" t="s">
        <v>173</v>
      </c>
      <c r="E27305" s="15">
        <v>45671</v>
      </c>
      <c r="F27305" s="14" t="s">
        <v>25</v>
      </c>
      <c r="G27305" s="16">
        <v>0</v>
      </c>
    </row>
    <row r="27306" spans="1:7" x14ac:dyDescent="0.3">
      <c r="A27306" s="13" t="s">
        <v>174</v>
      </c>
      <c r="B27306" s="14" t="s">
        <v>1</v>
      </c>
      <c r="C27306" s="14" t="s">
        <v>109</v>
      </c>
      <c r="D27306" s="14" t="s">
        <v>173</v>
      </c>
      <c r="E27306" s="15">
        <v>45672</v>
      </c>
      <c r="F27306" s="14" t="s">
        <v>25</v>
      </c>
      <c r="G27306" s="16">
        <v>0</v>
      </c>
    </row>
    <row r="27307" spans="1:7" x14ac:dyDescent="0.3">
      <c r="A27307" s="13" t="s">
        <v>174</v>
      </c>
      <c r="B27307" s="14" t="s">
        <v>1</v>
      </c>
      <c r="C27307" s="14" t="s">
        <v>109</v>
      </c>
      <c r="D27307" s="14" t="s">
        <v>173</v>
      </c>
      <c r="E27307" s="15">
        <v>45673</v>
      </c>
      <c r="F27307" s="14" t="s">
        <v>25</v>
      </c>
      <c r="G27307" s="16">
        <v>0</v>
      </c>
    </row>
    <row r="27308" spans="1:7" x14ac:dyDescent="0.3">
      <c r="A27308" s="13" t="s">
        <v>174</v>
      </c>
      <c r="B27308" s="14" t="s">
        <v>1</v>
      </c>
      <c r="C27308" s="14" t="s">
        <v>109</v>
      </c>
      <c r="D27308" s="14" t="s">
        <v>173</v>
      </c>
      <c r="E27308" s="15">
        <v>45674</v>
      </c>
      <c r="F27308" s="14" t="s">
        <v>25</v>
      </c>
      <c r="G27308" s="16">
        <v>0</v>
      </c>
    </row>
    <row r="27309" spans="1:7" x14ac:dyDescent="0.3">
      <c r="A27309" s="13" t="s">
        <v>174</v>
      </c>
      <c r="B27309" s="14" t="s">
        <v>1</v>
      </c>
      <c r="C27309" s="14" t="s">
        <v>109</v>
      </c>
      <c r="D27309" s="14" t="s">
        <v>173</v>
      </c>
      <c r="E27309" s="15">
        <v>45675</v>
      </c>
      <c r="F27309" s="14" t="s">
        <v>25</v>
      </c>
      <c r="G27309" s="16">
        <v>0</v>
      </c>
    </row>
    <row r="27310" spans="1:7" x14ac:dyDescent="0.3">
      <c r="A27310" s="13" t="s">
        <v>174</v>
      </c>
      <c r="B27310" s="14" t="s">
        <v>1</v>
      </c>
      <c r="C27310" s="14" t="s">
        <v>109</v>
      </c>
      <c r="D27310" s="14" t="s">
        <v>173</v>
      </c>
      <c r="E27310" s="15">
        <v>45676</v>
      </c>
      <c r="F27310" s="14" t="s">
        <v>25</v>
      </c>
      <c r="G27310" s="16">
        <v>0</v>
      </c>
    </row>
    <row r="27311" spans="1:7" x14ac:dyDescent="0.3">
      <c r="A27311" s="13" t="s">
        <v>174</v>
      </c>
      <c r="B27311" s="14" t="s">
        <v>1</v>
      </c>
      <c r="C27311" s="14" t="s">
        <v>109</v>
      </c>
      <c r="D27311" s="14" t="s">
        <v>173</v>
      </c>
      <c r="E27311" s="15">
        <v>45677</v>
      </c>
      <c r="F27311" s="14" t="s">
        <v>25</v>
      </c>
      <c r="G27311" s="16">
        <v>0</v>
      </c>
    </row>
    <row r="27312" spans="1:7" x14ac:dyDescent="0.3">
      <c r="A27312" s="13" t="s">
        <v>174</v>
      </c>
      <c r="B27312" s="14" t="s">
        <v>1</v>
      </c>
      <c r="C27312" s="14" t="s">
        <v>109</v>
      </c>
      <c r="D27312" s="14" t="s">
        <v>173</v>
      </c>
      <c r="E27312" s="15">
        <v>45678</v>
      </c>
      <c r="F27312" s="14" t="s">
        <v>25</v>
      </c>
      <c r="G27312" s="16">
        <v>0</v>
      </c>
    </row>
    <row r="27313" spans="1:7" x14ac:dyDescent="0.3">
      <c r="A27313" s="13" t="s">
        <v>174</v>
      </c>
      <c r="B27313" s="14" t="s">
        <v>1</v>
      </c>
      <c r="C27313" s="14" t="s">
        <v>109</v>
      </c>
      <c r="D27313" s="14" t="s">
        <v>173</v>
      </c>
      <c r="E27313" s="15">
        <v>45679</v>
      </c>
      <c r="F27313" s="14" t="s">
        <v>25</v>
      </c>
      <c r="G27313" s="16">
        <v>0</v>
      </c>
    </row>
    <row r="27314" spans="1:7" x14ac:dyDescent="0.3">
      <c r="A27314" s="13" t="s">
        <v>174</v>
      </c>
      <c r="B27314" s="14" t="s">
        <v>1</v>
      </c>
      <c r="C27314" s="14" t="s">
        <v>109</v>
      </c>
      <c r="D27314" s="14" t="s">
        <v>173</v>
      </c>
      <c r="E27314" s="15">
        <v>45680</v>
      </c>
      <c r="F27314" s="14" t="s">
        <v>25</v>
      </c>
      <c r="G27314" s="16">
        <v>0</v>
      </c>
    </row>
    <row r="27315" spans="1:7" x14ac:dyDescent="0.3">
      <c r="A27315" s="13" t="s">
        <v>174</v>
      </c>
      <c r="B27315" s="14" t="s">
        <v>1</v>
      </c>
      <c r="C27315" s="14" t="s">
        <v>109</v>
      </c>
      <c r="D27315" s="14" t="s">
        <v>173</v>
      </c>
      <c r="E27315" s="15">
        <v>45681</v>
      </c>
      <c r="F27315" s="14" t="s">
        <v>25</v>
      </c>
      <c r="G27315" s="16">
        <v>0</v>
      </c>
    </row>
    <row r="27316" spans="1:7" x14ac:dyDescent="0.3">
      <c r="A27316" s="13" t="s">
        <v>174</v>
      </c>
      <c r="B27316" s="14" t="s">
        <v>1</v>
      </c>
      <c r="C27316" s="14" t="s">
        <v>109</v>
      </c>
      <c r="D27316" s="14" t="s">
        <v>173</v>
      </c>
      <c r="E27316" s="15">
        <v>45682</v>
      </c>
      <c r="F27316" s="14" t="s">
        <v>25</v>
      </c>
      <c r="G27316" s="16">
        <v>0</v>
      </c>
    </row>
    <row r="27317" spans="1:7" x14ac:dyDescent="0.3">
      <c r="A27317" s="13" t="s">
        <v>174</v>
      </c>
      <c r="B27317" s="14" t="s">
        <v>1</v>
      </c>
      <c r="C27317" s="14" t="s">
        <v>109</v>
      </c>
      <c r="D27317" s="14" t="s">
        <v>173</v>
      </c>
      <c r="E27317" s="15">
        <v>45683</v>
      </c>
      <c r="F27317" s="14" t="s">
        <v>25</v>
      </c>
      <c r="G27317" s="16">
        <v>0</v>
      </c>
    </row>
    <row r="27318" spans="1:7" x14ac:dyDescent="0.3">
      <c r="A27318" s="13" t="s">
        <v>174</v>
      </c>
      <c r="B27318" s="14" t="s">
        <v>1</v>
      </c>
      <c r="C27318" s="14" t="s">
        <v>109</v>
      </c>
      <c r="D27318" s="14" t="s">
        <v>173</v>
      </c>
      <c r="E27318" s="15">
        <v>45684</v>
      </c>
      <c r="F27318" s="14" t="s">
        <v>25</v>
      </c>
      <c r="G27318" s="16">
        <v>0</v>
      </c>
    </row>
    <row r="27319" spans="1:7" x14ac:dyDescent="0.3">
      <c r="A27319" s="13" t="s">
        <v>174</v>
      </c>
      <c r="B27319" s="14" t="s">
        <v>1</v>
      </c>
      <c r="C27319" s="14" t="s">
        <v>109</v>
      </c>
      <c r="D27319" s="14" t="s">
        <v>173</v>
      </c>
      <c r="E27319" s="15">
        <v>45685</v>
      </c>
      <c r="F27319" s="14" t="s">
        <v>25</v>
      </c>
      <c r="G27319" s="16">
        <v>0</v>
      </c>
    </row>
    <row r="27320" spans="1:7" x14ac:dyDescent="0.3">
      <c r="A27320" s="13" t="s">
        <v>174</v>
      </c>
      <c r="B27320" s="14" t="s">
        <v>1</v>
      </c>
      <c r="C27320" s="14" t="s">
        <v>109</v>
      </c>
      <c r="D27320" s="14" t="s">
        <v>173</v>
      </c>
      <c r="E27320" s="15">
        <v>45686</v>
      </c>
      <c r="F27320" s="14" t="s">
        <v>25</v>
      </c>
      <c r="G27320" s="16">
        <v>0</v>
      </c>
    </row>
    <row r="27321" spans="1:7" x14ac:dyDescent="0.3">
      <c r="A27321" s="13" t="s">
        <v>174</v>
      </c>
      <c r="B27321" s="14" t="s">
        <v>1</v>
      </c>
      <c r="C27321" s="14" t="s">
        <v>109</v>
      </c>
      <c r="D27321" s="14" t="s">
        <v>173</v>
      </c>
      <c r="E27321" s="15">
        <v>45687</v>
      </c>
      <c r="F27321" s="14" t="s">
        <v>25</v>
      </c>
      <c r="G27321" s="16">
        <v>0</v>
      </c>
    </row>
    <row r="27322" spans="1:7" x14ac:dyDescent="0.3">
      <c r="A27322" s="13" t="s">
        <v>174</v>
      </c>
      <c r="B27322" s="14" t="s">
        <v>1</v>
      </c>
      <c r="C27322" s="14" t="s">
        <v>109</v>
      </c>
      <c r="D27322" s="14" t="s">
        <v>173</v>
      </c>
      <c r="E27322" s="15">
        <v>45688</v>
      </c>
      <c r="F27322" s="14" t="s">
        <v>25</v>
      </c>
      <c r="G27322" s="16">
        <v>0</v>
      </c>
    </row>
    <row r="27323" spans="1:7" x14ac:dyDescent="0.3">
      <c r="A27323" s="13" t="s">
        <v>174</v>
      </c>
      <c r="B27323" s="14" t="s">
        <v>1</v>
      </c>
      <c r="C27323" s="14" t="s">
        <v>109</v>
      </c>
      <c r="D27323" s="14" t="s">
        <v>173</v>
      </c>
      <c r="E27323" s="15">
        <v>45689</v>
      </c>
      <c r="F27323" s="14" t="s">
        <v>25</v>
      </c>
      <c r="G27323" s="16">
        <v>0</v>
      </c>
    </row>
    <row r="27324" spans="1:7" x14ac:dyDescent="0.3">
      <c r="A27324" s="13" t="s">
        <v>174</v>
      </c>
      <c r="B27324" s="14" t="s">
        <v>1</v>
      </c>
      <c r="C27324" s="14" t="s">
        <v>109</v>
      </c>
      <c r="D27324" s="14" t="s">
        <v>173</v>
      </c>
      <c r="E27324" s="15">
        <v>45690</v>
      </c>
      <c r="F27324" s="14" t="s">
        <v>25</v>
      </c>
      <c r="G27324" s="16">
        <v>0</v>
      </c>
    </row>
    <row r="27325" spans="1:7" x14ac:dyDescent="0.3">
      <c r="A27325" s="13" t="s">
        <v>174</v>
      </c>
      <c r="B27325" s="14" t="s">
        <v>1</v>
      </c>
      <c r="C27325" s="14" t="s">
        <v>109</v>
      </c>
      <c r="D27325" s="14" t="s">
        <v>173</v>
      </c>
      <c r="E27325" s="15">
        <v>45691</v>
      </c>
      <c r="F27325" s="14" t="s">
        <v>25</v>
      </c>
      <c r="G27325" s="16">
        <v>0</v>
      </c>
    </row>
    <row r="27326" spans="1:7" x14ac:dyDescent="0.3">
      <c r="A27326" s="13" t="s">
        <v>174</v>
      </c>
      <c r="B27326" s="14" t="s">
        <v>1</v>
      </c>
      <c r="C27326" s="14" t="s">
        <v>109</v>
      </c>
      <c r="D27326" s="14" t="s">
        <v>173</v>
      </c>
      <c r="E27326" s="15">
        <v>45692</v>
      </c>
      <c r="F27326" s="14" t="s">
        <v>25</v>
      </c>
      <c r="G27326" s="16">
        <v>0</v>
      </c>
    </row>
    <row r="27327" spans="1:7" x14ac:dyDescent="0.3">
      <c r="A27327" s="13" t="s">
        <v>174</v>
      </c>
      <c r="B27327" s="14" t="s">
        <v>1</v>
      </c>
      <c r="C27327" s="14" t="s">
        <v>109</v>
      </c>
      <c r="D27327" s="14" t="s">
        <v>173</v>
      </c>
      <c r="E27327" s="15">
        <v>45693</v>
      </c>
      <c r="F27327" s="14" t="s">
        <v>25</v>
      </c>
      <c r="G27327" s="16">
        <v>0</v>
      </c>
    </row>
    <row r="27328" spans="1:7" x14ac:dyDescent="0.3">
      <c r="A27328" s="13" t="s">
        <v>174</v>
      </c>
      <c r="B27328" s="14" t="s">
        <v>1</v>
      </c>
      <c r="C27328" s="14" t="s">
        <v>109</v>
      </c>
      <c r="D27328" s="14" t="s">
        <v>173</v>
      </c>
      <c r="E27328" s="15">
        <v>45694</v>
      </c>
      <c r="F27328" s="14" t="s">
        <v>25</v>
      </c>
      <c r="G27328" s="16">
        <v>0</v>
      </c>
    </row>
    <row r="27329" spans="1:7" x14ac:dyDescent="0.3">
      <c r="A27329" s="13" t="s">
        <v>174</v>
      </c>
      <c r="B27329" s="14" t="s">
        <v>1</v>
      </c>
      <c r="C27329" s="14" t="s">
        <v>109</v>
      </c>
      <c r="D27329" s="14" t="s">
        <v>173</v>
      </c>
      <c r="E27329" s="15">
        <v>45695</v>
      </c>
      <c r="F27329" s="14" t="s">
        <v>25</v>
      </c>
      <c r="G27329" s="16">
        <v>0</v>
      </c>
    </row>
    <row r="27330" spans="1:7" x14ac:dyDescent="0.3">
      <c r="A27330" s="13" t="s">
        <v>174</v>
      </c>
      <c r="B27330" s="14" t="s">
        <v>1</v>
      </c>
      <c r="C27330" s="14" t="s">
        <v>109</v>
      </c>
      <c r="D27330" s="14" t="s">
        <v>173</v>
      </c>
      <c r="E27330" s="15">
        <v>45696</v>
      </c>
      <c r="F27330" s="14" t="s">
        <v>25</v>
      </c>
      <c r="G27330" s="16">
        <v>0</v>
      </c>
    </row>
    <row r="27331" spans="1:7" x14ac:dyDescent="0.3">
      <c r="A27331" s="13" t="s">
        <v>174</v>
      </c>
      <c r="B27331" s="14" t="s">
        <v>1</v>
      </c>
      <c r="C27331" s="14" t="s">
        <v>109</v>
      </c>
      <c r="D27331" s="14" t="s">
        <v>173</v>
      </c>
      <c r="E27331" s="15">
        <v>45697</v>
      </c>
      <c r="F27331" s="14" t="s">
        <v>25</v>
      </c>
      <c r="G27331" s="16">
        <v>0</v>
      </c>
    </row>
    <row r="27332" spans="1:7" x14ac:dyDescent="0.3">
      <c r="A27332" s="13" t="s">
        <v>174</v>
      </c>
      <c r="B27332" s="14" t="s">
        <v>1</v>
      </c>
      <c r="C27332" s="14" t="s">
        <v>109</v>
      </c>
      <c r="D27332" s="14" t="s">
        <v>173</v>
      </c>
      <c r="E27332" s="15">
        <v>45698</v>
      </c>
      <c r="F27332" s="14" t="s">
        <v>25</v>
      </c>
      <c r="G27332" s="16">
        <v>0</v>
      </c>
    </row>
    <row r="27333" spans="1:7" x14ac:dyDescent="0.3">
      <c r="A27333" s="13" t="s">
        <v>174</v>
      </c>
      <c r="B27333" s="14" t="s">
        <v>1</v>
      </c>
      <c r="C27333" s="14" t="s">
        <v>109</v>
      </c>
      <c r="D27333" s="14" t="s">
        <v>173</v>
      </c>
      <c r="E27333" s="15">
        <v>45699</v>
      </c>
      <c r="F27333" s="14" t="s">
        <v>25</v>
      </c>
      <c r="G27333" s="16">
        <v>0</v>
      </c>
    </row>
    <row r="27334" spans="1:7" x14ac:dyDescent="0.3">
      <c r="A27334" s="13" t="s">
        <v>174</v>
      </c>
      <c r="B27334" s="14" t="s">
        <v>1</v>
      </c>
      <c r="C27334" s="14" t="s">
        <v>109</v>
      </c>
      <c r="D27334" s="14" t="s">
        <v>173</v>
      </c>
      <c r="E27334" s="15">
        <v>45700</v>
      </c>
      <c r="F27334" s="14" t="s">
        <v>25</v>
      </c>
      <c r="G27334" s="16">
        <v>0</v>
      </c>
    </row>
    <row r="27335" spans="1:7" x14ac:dyDescent="0.3">
      <c r="A27335" s="13" t="s">
        <v>174</v>
      </c>
      <c r="B27335" s="14" t="s">
        <v>1</v>
      </c>
      <c r="C27335" s="14" t="s">
        <v>109</v>
      </c>
      <c r="D27335" s="14" t="s">
        <v>173</v>
      </c>
      <c r="E27335" s="15">
        <v>45701</v>
      </c>
      <c r="F27335" s="14" t="s">
        <v>25</v>
      </c>
      <c r="G27335" s="16">
        <v>0</v>
      </c>
    </row>
    <row r="27336" spans="1:7" x14ac:dyDescent="0.3">
      <c r="A27336" s="13" t="s">
        <v>174</v>
      </c>
      <c r="B27336" s="14" t="s">
        <v>1</v>
      </c>
      <c r="C27336" s="14" t="s">
        <v>109</v>
      </c>
      <c r="D27336" s="14" t="s">
        <v>173</v>
      </c>
      <c r="E27336" s="15">
        <v>45702</v>
      </c>
      <c r="F27336" s="14" t="s">
        <v>25</v>
      </c>
      <c r="G27336" s="16">
        <v>0</v>
      </c>
    </row>
    <row r="27337" spans="1:7" x14ac:dyDescent="0.3">
      <c r="A27337" s="13" t="s">
        <v>174</v>
      </c>
      <c r="B27337" s="14" t="s">
        <v>1</v>
      </c>
      <c r="C27337" s="14" t="s">
        <v>109</v>
      </c>
      <c r="D27337" s="14" t="s">
        <v>173</v>
      </c>
      <c r="E27337" s="15">
        <v>45703</v>
      </c>
      <c r="F27337" s="14" t="s">
        <v>25</v>
      </c>
      <c r="G27337" s="16">
        <v>0</v>
      </c>
    </row>
    <row r="27338" spans="1:7" x14ac:dyDescent="0.3">
      <c r="A27338" s="13" t="s">
        <v>174</v>
      </c>
      <c r="B27338" s="14" t="s">
        <v>1</v>
      </c>
      <c r="C27338" s="14" t="s">
        <v>109</v>
      </c>
      <c r="D27338" s="14" t="s">
        <v>173</v>
      </c>
      <c r="E27338" s="15">
        <v>45704</v>
      </c>
      <c r="F27338" s="14" t="s">
        <v>25</v>
      </c>
      <c r="G27338" s="16">
        <v>0</v>
      </c>
    </row>
    <row r="27339" spans="1:7" x14ac:dyDescent="0.3">
      <c r="A27339" s="13" t="s">
        <v>174</v>
      </c>
      <c r="B27339" s="14" t="s">
        <v>1</v>
      </c>
      <c r="C27339" s="14" t="s">
        <v>109</v>
      </c>
      <c r="D27339" s="14" t="s">
        <v>173</v>
      </c>
      <c r="E27339" s="15">
        <v>45705</v>
      </c>
      <c r="F27339" s="14" t="s">
        <v>25</v>
      </c>
      <c r="G27339" s="16">
        <v>0</v>
      </c>
    </row>
    <row r="27340" spans="1:7" x14ac:dyDescent="0.3">
      <c r="A27340" s="13" t="s">
        <v>174</v>
      </c>
      <c r="B27340" s="14" t="s">
        <v>1</v>
      </c>
      <c r="C27340" s="14" t="s">
        <v>109</v>
      </c>
      <c r="D27340" s="14" t="s">
        <v>173</v>
      </c>
      <c r="E27340" s="15">
        <v>45706</v>
      </c>
      <c r="F27340" s="14" t="s">
        <v>25</v>
      </c>
      <c r="G27340" s="16">
        <v>0</v>
      </c>
    </row>
    <row r="27341" spans="1:7" x14ac:dyDescent="0.3">
      <c r="A27341" s="13" t="s">
        <v>174</v>
      </c>
      <c r="B27341" s="14" t="s">
        <v>1</v>
      </c>
      <c r="C27341" s="14" t="s">
        <v>109</v>
      </c>
      <c r="D27341" s="14" t="s">
        <v>173</v>
      </c>
      <c r="E27341" s="15">
        <v>45707</v>
      </c>
      <c r="F27341" s="14" t="s">
        <v>25</v>
      </c>
      <c r="G27341" s="16">
        <v>0</v>
      </c>
    </row>
    <row r="27342" spans="1:7" x14ac:dyDescent="0.3">
      <c r="A27342" s="13" t="s">
        <v>174</v>
      </c>
      <c r="B27342" s="14" t="s">
        <v>1</v>
      </c>
      <c r="C27342" s="14" t="s">
        <v>109</v>
      </c>
      <c r="D27342" s="14" t="s">
        <v>173</v>
      </c>
      <c r="E27342" s="15">
        <v>45708</v>
      </c>
      <c r="F27342" s="14" t="s">
        <v>25</v>
      </c>
      <c r="G27342" s="16">
        <v>0</v>
      </c>
    </row>
    <row r="27343" spans="1:7" x14ac:dyDescent="0.3">
      <c r="A27343" s="13" t="s">
        <v>174</v>
      </c>
      <c r="B27343" s="14" t="s">
        <v>1</v>
      </c>
      <c r="C27343" s="14" t="s">
        <v>109</v>
      </c>
      <c r="D27343" s="14" t="s">
        <v>173</v>
      </c>
      <c r="E27343" s="15">
        <v>45709</v>
      </c>
      <c r="F27343" s="14" t="s">
        <v>25</v>
      </c>
      <c r="G27343" s="16">
        <v>0</v>
      </c>
    </row>
    <row r="27344" spans="1:7" x14ac:dyDescent="0.3">
      <c r="A27344" s="13" t="s">
        <v>174</v>
      </c>
      <c r="B27344" s="14" t="s">
        <v>1</v>
      </c>
      <c r="C27344" s="14" t="s">
        <v>109</v>
      </c>
      <c r="D27344" s="14" t="s">
        <v>173</v>
      </c>
      <c r="E27344" s="15">
        <v>45710</v>
      </c>
      <c r="F27344" s="14" t="s">
        <v>25</v>
      </c>
      <c r="G27344" s="16">
        <v>0</v>
      </c>
    </row>
    <row r="27345" spans="1:7" x14ac:dyDescent="0.3">
      <c r="A27345" s="13" t="s">
        <v>174</v>
      </c>
      <c r="B27345" s="14" t="s">
        <v>1</v>
      </c>
      <c r="C27345" s="14" t="s">
        <v>109</v>
      </c>
      <c r="D27345" s="14" t="s">
        <v>173</v>
      </c>
      <c r="E27345" s="15">
        <v>45711</v>
      </c>
      <c r="F27345" s="14" t="s">
        <v>25</v>
      </c>
      <c r="G27345" s="16">
        <v>0</v>
      </c>
    </row>
    <row r="27346" spans="1:7" x14ac:dyDescent="0.3">
      <c r="A27346" s="13" t="s">
        <v>174</v>
      </c>
      <c r="B27346" s="14" t="s">
        <v>1</v>
      </c>
      <c r="C27346" s="14" t="s">
        <v>109</v>
      </c>
      <c r="D27346" s="14" t="s">
        <v>173</v>
      </c>
      <c r="E27346" s="15">
        <v>45712</v>
      </c>
      <c r="F27346" s="14" t="s">
        <v>25</v>
      </c>
      <c r="G27346" s="16">
        <v>0</v>
      </c>
    </row>
    <row r="27347" spans="1:7" x14ac:dyDescent="0.3">
      <c r="A27347" s="13" t="s">
        <v>174</v>
      </c>
      <c r="B27347" s="14" t="s">
        <v>1</v>
      </c>
      <c r="C27347" s="14" t="s">
        <v>109</v>
      </c>
      <c r="D27347" s="14" t="s">
        <v>173</v>
      </c>
      <c r="E27347" s="15">
        <v>45713</v>
      </c>
      <c r="F27347" s="14" t="s">
        <v>25</v>
      </c>
      <c r="G27347" s="16">
        <v>0</v>
      </c>
    </row>
    <row r="27348" spans="1:7" x14ac:dyDescent="0.3">
      <c r="A27348" s="13" t="s">
        <v>174</v>
      </c>
      <c r="B27348" s="14" t="s">
        <v>1</v>
      </c>
      <c r="C27348" s="14" t="s">
        <v>109</v>
      </c>
      <c r="D27348" s="14" t="s">
        <v>173</v>
      </c>
      <c r="E27348" s="15">
        <v>45714</v>
      </c>
      <c r="F27348" s="14" t="s">
        <v>25</v>
      </c>
      <c r="G27348" s="16">
        <v>0</v>
      </c>
    </row>
    <row r="27349" spans="1:7" x14ac:dyDescent="0.3">
      <c r="A27349" s="13" t="s">
        <v>174</v>
      </c>
      <c r="B27349" s="14" t="s">
        <v>1</v>
      </c>
      <c r="C27349" s="14" t="s">
        <v>109</v>
      </c>
      <c r="D27349" s="14" t="s">
        <v>173</v>
      </c>
      <c r="E27349" s="15">
        <v>45715</v>
      </c>
      <c r="F27349" s="14" t="s">
        <v>25</v>
      </c>
      <c r="G27349" s="16">
        <v>0</v>
      </c>
    </row>
    <row r="27350" spans="1:7" x14ac:dyDescent="0.3">
      <c r="A27350" s="13" t="s">
        <v>174</v>
      </c>
      <c r="B27350" s="14" t="s">
        <v>1</v>
      </c>
      <c r="C27350" s="14" t="s">
        <v>109</v>
      </c>
      <c r="D27350" s="14" t="s">
        <v>173</v>
      </c>
      <c r="E27350" s="15">
        <v>45716</v>
      </c>
      <c r="F27350" s="14" t="s">
        <v>25</v>
      </c>
      <c r="G27350" s="16">
        <v>0</v>
      </c>
    </row>
    <row r="27351" spans="1:7" x14ac:dyDescent="0.3">
      <c r="A27351" s="13" t="s">
        <v>174</v>
      </c>
      <c r="B27351" s="14" t="s">
        <v>1</v>
      </c>
      <c r="C27351" s="14" t="s">
        <v>109</v>
      </c>
      <c r="D27351" s="14" t="s">
        <v>173</v>
      </c>
      <c r="E27351" s="15">
        <v>45717</v>
      </c>
      <c r="F27351" s="14" t="s">
        <v>25</v>
      </c>
      <c r="G27351" s="16">
        <v>0</v>
      </c>
    </row>
    <row r="27352" spans="1:7" x14ac:dyDescent="0.3">
      <c r="A27352" s="13" t="s">
        <v>174</v>
      </c>
      <c r="B27352" s="14" t="s">
        <v>1</v>
      </c>
      <c r="C27352" s="14" t="s">
        <v>109</v>
      </c>
      <c r="D27352" s="14" t="s">
        <v>173</v>
      </c>
      <c r="E27352" s="15">
        <v>45718</v>
      </c>
      <c r="F27352" s="14" t="s">
        <v>25</v>
      </c>
      <c r="G27352" s="16">
        <v>0</v>
      </c>
    </row>
    <row r="27353" spans="1:7" x14ac:dyDescent="0.3">
      <c r="A27353" s="13" t="s">
        <v>174</v>
      </c>
      <c r="B27353" s="14" t="s">
        <v>1</v>
      </c>
      <c r="C27353" s="14" t="s">
        <v>109</v>
      </c>
      <c r="D27353" s="14" t="s">
        <v>173</v>
      </c>
      <c r="E27353" s="15">
        <v>45719</v>
      </c>
      <c r="F27353" s="14" t="s">
        <v>25</v>
      </c>
      <c r="G27353" s="16">
        <v>0</v>
      </c>
    </row>
    <row r="27354" spans="1:7" x14ac:dyDescent="0.3">
      <c r="A27354" s="13" t="s">
        <v>174</v>
      </c>
      <c r="B27354" s="14" t="s">
        <v>1</v>
      </c>
      <c r="C27354" s="14" t="s">
        <v>109</v>
      </c>
      <c r="D27354" s="14" t="s">
        <v>173</v>
      </c>
      <c r="E27354" s="15">
        <v>45720</v>
      </c>
      <c r="F27354" s="14" t="s">
        <v>25</v>
      </c>
      <c r="G27354" s="16">
        <v>0</v>
      </c>
    </row>
    <row r="27355" spans="1:7" x14ac:dyDescent="0.3">
      <c r="A27355" s="13" t="s">
        <v>174</v>
      </c>
      <c r="B27355" s="14" t="s">
        <v>1</v>
      </c>
      <c r="C27355" s="14" t="s">
        <v>109</v>
      </c>
      <c r="D27355" s="14" t="s">
        <v>173</v>
      </c>
      <c r="E27355" s="15">
        <v>45721</v>
      </c>
      <c r="F27355" s="14" t="s">
        <v>25</v>
      </c>
      <c r="G27355" s="16">
        <v>0</v>
      </c>
    </row>
    <row r="27356" spans="1:7" x14ac:dyDescent="0.3">
      <c r="A27356" s="13" t="s">
        <v>174</v>
      </c>
      <c r="B27356" s="14" t="s">
        <v>1</v>
      </c>
      <c r="C27356" s="14" t="s">
        <v>109</v>
      </c>
      <c r="D27356" s="14" t="s">
        <v>173</v>
      </c>
      <c r="E27356" s="15">
        <v>45722</v>
      </c>
      <c r="F27356" s="14" t="s">
        <v>25</v>
      </c>
      <c r="G27356" s="16">
        <v>0</v>
      </c>
    </row>
    <row r="27357" spans="1:7" x14ac:dyDescent="0.3">
      <c r="A27357" s="13" t="s">
        <v>174</v>
      </c>
      <c r="B27357" s="14" t="s">
        <v>1</v>
      </c>
      <c r="C27357" s="14" t="s">
        <v>109</v>
      </c>
      <c r="D27357" s="14" t="s">
        <v>173</v>
      </c>
      <c r="E27357" s="15">
        <v>45723</v>
      </c>
      <c r="F27357" s="14" t="s">
        <v>25</v>
      </c>
      <c r="G27357" s="16">
        <v>0</v>
      </c>
    </row>
    <row r="27358" spans="1:7" x14ac:dyDescent="0.3">
      <c r="A27358" s="13" t="s">
        <v>174</v>
      </c>
      <c r="B27358" s="14" t="s">
        <v>1</v>
      </c>
      <c r="C27358" s="14" t="s">
        <v>109</v>
      </c>
      <c r="D27358" s="14" t="s">
        <v>173</v>
      </c>
      <c r="E27358" s="15">
        <v>45724</v>
      </c>
      <c r="F27358" s="14" t="s">
        <v>25</v>
      </c>
      <c r="G27358" s="16">
        <v>0</v>
      </c>
    </row>
    <row r="27359" spans="1:7" x14ac:dyDescent="0.3">
      <c r="A27359" s="13" t="s">
        <v>174</v>
      </c>
      <c r="B27359" s="14" t="s">
        <v>1</v>
      </c>
      <c r="C27359" s="14" t="s">
        <v>109</v>
      </c>
      <c r="D27359" s="14" t="s">
        <v>173</v>
      </c>
      <c r="E27359" s="15">
        <v>45725</v>
      </c>
      <c r="F27359" s="14" t="s">
        <v>25</v>
      </c>
      <c r="G27359" s="16">
        <v>0</v>
      </c>
    </row>
    <row r="27360" spans="1:7" x14ac:dyDescent="0.3">
      <c r="A27360" s="13" t="s">
        <v>174</v>
      </c>
      <c r="B27360" s="14" t="s">
        <v>1</v>
      </c>
      <c r="C27360" s="14" t="s">
        <v>109</v>
      </c>
      <c r="D27360" s="14" t="s">
        <v>173</v>
      </c>
      <c r="E27360" s="15">
        <v>45726</v>
      </c>
      <c r="F27360" s="14" t="s">
        <v>25</v>
      </c>
      <c r="G27360" s="16">
        <v>0</v>
      </c>
    </row>
    <row r="27361" spans="1:7" x14ac:dyDescent="0.3">
      <c r="A27361" s="13" t="s">
        <v>174</v>
      </c>
      <c r="B27361" s="14" t="s">
        <v>1</v>
      </c>
      <c r="C27361" s="14" t="s">
        <v>109</v>
      </c>
      <c r="D27361" s="14" t="s">
        <v>173</v>
      </c>
      <c r="E27361" s="15">
        <v>45727</v>
      </c>
      <c r="F27361" s="14" t="s">
        <v>25</v>
      </c>
      <c r="G27361" s="16">
        <v>0</v>
      </c>
    </row>
    <row r="27362" spans="1:7" x14ac:dyDescent="0.3">
      <c r="A27362" s="13" t="s">
        <v>174</v>
      </c>
      <c r="B27362" s="14" t="s">
        <v>1</v>
      </c>
      <c r="C27362" s="14" t="s">
        <v>109</v>
      </c>
      <c r="D27362" s="14" t="s">
        <v>173</v>
      </c>
      <c r="E27362" s="15">
        <v>45728</v>
      </c>
      <c r="F27362" s="14" t="s">
        <v>25</v>
      </c>
      <c r="G27362" s="16">
        <v>0</v>
      </c>
    </row>
    <row r="27363" spans="1:7" x14ac:dyDescent="0.3">
      <c r="A27363" s="13" t="s">
        <v>174</v>
      </c>
      <c r="B27363" s="14" t="s">
        <v>1</v>
      </c>
      <c r="C27363" s="14" t="s">
        <v>109</v>
      </c>
      <c r="D27363" s="14" t="s">
        <v>173</v>
      </c>
      <c r="E27363" s="15">
        <v>45729</v>
      </c>
      <c r="F27363" s="14" t="s">
        <v>25</v>
      </c>
      <c r="G27363" s="16">
        <v>0</v>
      </c>
    </row>
    <row r="27364" spans="1:7" x14ac:dyDescent="0.3">
      <c r="A27364" s="13" t="s">
        <v>174</v>
      </c>
      <c r="B27364" s="14" t="s">
        <v>1</v>
      </c>
      <c r="C27364" s="14" t="s">
        <v>109</v>
      </c>
      <c r="D27364" s="14" t="s">
        <v>173</v>
      </c>
      <c r="E27364" s="15">
        <v>45730</v>
      </c>
      <c r="F27364" s="14" t="s">
        <v>25</v>
      </c>
      <c r="G27364" s="16">
        <v>0</v>
      </c>
    </row>
    <row r="27365" spans="1:7" x14ac:dyDescent="0.3">
      <c r="A27365" s="13" t="s">
        <v>174</v>
      </c>
      <c r="B27365" s="14" t="s">
        <v>1</v>
      </c>
      <c r="C27365" s="14" t="s">
        <v>109</v>
      </c>
      <c r="D27365" s="14" t="s">
        <v>173</v>
      </c>
      <c r="E27365" s="15">
        <v>45731</v>
      </c>
      <c r="F27365" s="14" t="s">
        <v>25</v>
      </c>
      <c r="G27365" s="16">
        <v>0</v>
      </c>
    </row>
    <row r="27366" spans="1:7" x14ac:dyDescent="0.3">
      <c r="A27366" s="13" t="s">
        <v>174</v>
      </c>
      <c r="B27366" s="14" t="s">
        <v>1</v>
      </c>
      <c r="C27366" s="14" t="s">
        <v>109</v>
      </c>
      <c r="D27366" s="14" t="s">
        <v>173</v>
      </c>
      <c r="E27366" s="15">
        <v>45732</v>
      </c>
      <c r="F27366" s="14" t="s">
        <v>25</v>
      </c>
      <c r="G27366" s="16">
        <v>0</v>
      </c>
    </row>
    <row r="27367" spans="1:7" x14ac:dyDescent="0.3">
      <c r="A27367" s="13" t="s">
        <v>174</v>
      </c>
      <c r="B27367" s="14" t="s">
        <v>1</v>
      </c>
      <c r="C27367" s="14" t="s">
        <v>109</v>
      </c>
      <c r="D27367" s="14" t="s">
        <v>173</v>
      </c>
      <c r="E27367" s="15">
        <v>45733</v>
      </c>
      <c r="F27367" s="14" t="s">
        <v>25</v>
      </c>
      <c r="G27367" s="16">
        <v>0</v>
      </c>
    </row>
    <row r="27368" spans="1:7" x14ac:dyDescent="0.3">
      <c r="A27368" s="13" t="s">
        <v>174</v>
      </c>
      <c r="B27368" s="14" t="s">
        <v>1</v>
      </c>
      <c r="C27368" s="14" t="s">
        <v>109</v>
      </c>
      <c r="D27368" s="14" t="s">
        <v>173</v>
      </c>
      <c r="E27368" s="15">
        <v>45734</v>
      </c>
      <c r="F27368" s="14" t="s">
        <v>25</v>
      </c>
      <c r="G27368" s="16">
        <v>0</v>
      </c>
    </row>
    <row r="27369" spans="1:7" x14ac:dyDescent="0.3">
      <c r="A27369" s="13" t="s">
        <v>174</v>
      </c>
      <c r="B27369" s="14" t="s">
        <v>1</v>
      </c>
      <c r="C27369" s="14" t="s">
        <v>109</v>
      </c>
      <c r="D27369" s="14" t="s">
        <v>173</v>
      </c>
      <c r="E27369" s="15">
        <v>45735</v>
      </c>
      <c r="F27369" s="14" t="s">
        <v>25</v>
      </c>
      <c r="G27369" s="16">
        <v>0</v>
      </c>
    </row>
    <row r="27370" spans="1:7" x14ac:dyDescent="0.3">
      <c r="A27370" s="13" t="s">
        <v>174</v>
      </c>
      <c r="B27370" s="14" t="s">
        <v>1</v>
      </c>
      <c r="C27370" s="14" t="s">
        <v>109</v>
      </c>
      <c r="D27370" s="14" t="s">
        <v>173</v>
      </c>
      <c r="E27370" s="15">
        <v>45736</v>
      </c>
      <c r="F27370" s="14" t="s">
        <v>25</v>
      </c>
      <c r="G27370" s="16">
        <v>0</v>
      </c>
    </row>
    <row r="27371" spans="1:7" x14ac:dyDescent="0.3">
      <c r="A27371" s="13" t="s">
        <v>174</v>
      </c>
      <c r="B27371" s="14" t="s">
        <v>1</v>
      </c>
      <c r="C27371" s="14" t="s">
        <v>109</v>
      </c>
      <c r="D27371" s="14" t="s">
        <v>173</v>
      </c>
      <c r="E27371" s="15">
        <v>45737</v>
      </c>
      <c r="F27371" s="14" t="s">
        <v>25</v>
      </c>
      <c r="G27371" s="16">
        <v>0</v>
      </c>
    </row>
    <row r="27372" spans="1:7" x14ac:dyDescent="0.3">
      <c r="A27372" s="13" t="s">
        <v>174</v>
      </c>
      <c r="B27372" s="14" t="s">
        <v>1</v>
      </c>
      <c r="C27372" s="14" t="s">
        <v>109</v>
      </c>
      <c r="D27372" s="14" t="s">
        <v>173</v>
      </c>
      <c r="E27372" s="15">
        <v>45738</v>
      </c>
      <c r="F27372" s="14" t="s">
        <v>25</v>
      </c>
      <c r="G27372" s="16">
        <v>0</v>
      </c>
    </row>
    <row r="27373" spans="1:7" x14ac:dyDescent="0.3">
      <c r="A27373" s="13" t="s">
        <v>174</v>
      </c>
      <c r="B27373" s="14" t="s">
        <v>1</v>
      </c>
      <c r="C27373" s="14" t="s">
        <v>109</v>
      </c>
      <c r="D27373" s="14" t="s">
        <v>173</v>
      </c>
      <c r="E27373" s="15">
        <v>45739</v>
      </c>
      <c r="F27373" s="14" t="s">
        <v>25</v>
      </c>
      <c r="G27373" s="16">
        <v>0</v>
      </c>
    </row>
    <row r="27374" spans="1:7" x14ac:dyDescent="0.3">
      <c r="A27374" s="13" t="s">
        <v>174</v>
      </c>
      <c r="B27374" s="14" t="s">
        <v>1</v>
      </c>
      <c r="C27374" s="14" t="s">
        <v>109</v>
      </c>
      <c r="D27374" s="14" t="s">
        <v>173</v>
      </c>
      <c r="E27374" s="15">
        <v>45740</v>
      </c>
      <c r="F27374" s="14" t="s">
        <v>25</v>
      </c>
      <c r="G27374" s="16">
        <v>0</v>
      </c>
    </row>
    <row r="27375" spans="1:7" x14ac:dyDescent="0.3">
      <c r="A27375" s="13" t="s">
        <v>174</v>
      </c>
      <c r="B27375" s="14" t="s">
        <v>1</v>
      </c>
      <c r="C27375" s="14" t="s">
        <v>109</v>
      </c>
      <c r="D27375" s="14" t="s">
        <v>173</v>
      </c>
      <c r="E27375" s="15">
        <v>45741</v>
      </c>
      <c r="F27375" s="14" t="s">
        <v>25</v>
      </c>
      <c r="G27375" s="16">
        <v>0</v>
      </c>
    </row>
    <row r="27376" spans="1:7" x14ac:dyDescent="0.3">
      <c r="A27376" s="13" t="s">
        <v>174</v>
      </c>
      <c r="B27376" s="14" t="s">
        <v>1</v>
      </c>
      <c r="C27376" s="14" t="s">
        <v>109</v>
      </c>
      <c r="D27376" s="14" t="s">
        <v>173</v>
      </c>
      <c r="E27376" s="15">
        <v>45742</v>
      </c>
      <c r="F27376" s="14" t="s">
        <v>25</v>
      </c>
      <c r="G27376" s="16">
        <v>0</v>
      </c>
    </row>
    <row r="27377" spans="1:7" x14ac:dyDescent="0.3">
      <c r="A27377" s="13" t="s">
        <v>174</v>
      </c>
      <c r="B27377" s="14" t="s">
        <v>1</v>
      </c>
      <c r="C27377" s="14" t="s">
        <v>109</v>
      </c>
      <c r="D27377" s="14" t="s">
        <v>173</v>
      </c>
      <c r="E27377" s="15">
        <v>45743</v>
      </c>
      <c r="F27377" s="14" t="s">
        <v>25</v>
      </c>
      <c r="G27377" s="16">
        <v>0</v>
      </c>
    </row>
    <row r="27378" spans="1:7" x14ac:dyDescent="0.3">
      <c r="A27378" s="13" t="s">
        <v>174</v>
      </c>
      <c r="B27378" s="14" t="s">
        <v>1</v>
      </c>
      <c r="C27378" s="14" t="s">
        <v>109</v>
      </c>
      <c r="D27378" s="14" t="s">
        <v>173</v>
      </c>
      <c r="E27378" s="15">
        <v>45744</v>
      </c>
      <c r="F27378" s="14" t="s">
        <v>25</v>
      </c>
      <c r="G27378" s="16">
        <v>0</v>
      </c>
    </row>
    <row r="27379" spans="1:7" x14ac:dyDescent="0.3">
      <c r="A27379" s="13" t="s">
        <v>174</v>
      </c>
      <c r="B27379" s="14" t="s">
        <v>1</v>
      </c>
      <c r="C27379" s="14" t="s">
        <v>109</v>
      </c>
      <c r="D27379" s="14" t="s">
        <v>173</v>
      </c>
      <c r="E27379" s="15">
        <v>45745</v>
      </c>
      <c r="F27379" s="14" t="s">
        <v>25</v>
      </c>
      <c r="G27379" s="16">
        <v>0</v>
      </c>
    </row>
    <row r="27380" spans="1:7" x14ac:dyDescent="0.3">
      <c r="A27380" s="13" t="s">
        <v>174</v>
      </c>
      <c r="B27380" s="14" t="s">
        <v>1</v>
      </c>
      <c r="C27380" s="14" t="s">
        <v>109</v>
      </c>
      <c r="D27380" s="14" t="s">
        <v>173</v>
      </c>
      <c r="E27380" s="15">
        <v>45746</v>
      </c>
      <c r="F27380" s="14" t="s">
        <v>25</v>
      </c>
      <c r="G27380" s="16">
        <v>0</v>
      </c>
    </row>
    <row r="27381" spans="1:7" x14ac:dyDescent="0.3">
      <c r="A27381" s="13" t="s">
        <v>174</v>
      </c>
      <c r="B27381" s="14" t="s">
        <v>1</v>
      </c>
      <c r="C27381" s="14" t="s">
        <v>109</v>
      </c>
      <c r="D27381" s="14" t="s">
        <v>173</v>
      </c>
      <c r="E27381" s="15">
        <v>45747</v>
      </c>
      <c r="F27381" s="14" t="s">
        <v>25</v>
      </c>
      <c r="G27381" s="16">
        <v>0</v>
      </c>
    </row>
    <row r="27382" spans="1:7" x14ac:dyDescent="0.3">
      <c r="A27382" s="13" t="s">
        <v>175</v>
      </c>
      <c r="B27382" s="14" t="s">
        <v>1</v>
      </c>
      <c r="C27382" s="14" t="s">
        <v>59</v>
      </c>
      <c r="D27382" s="14" t="s">
        <v>176</v>
      </c>
      <c r="E27382" s="15">
        <v>45383</v>
      </c>
      <c r="F27382" s="14" t="s">
        <v>61</v>
      </c>
      <c r="G27382" s="16">
        <v>0</v>
      </c>
    </row>
    <row r="27383" spans="1:7" x14ac:dyDescent="0.3">
      <c r="A27383" s="13" t="s">
        <v>175</v>
      </c>
      <c r="B27383" s="14" t="s">
        <v>1</v>
      </c>
      <c r="C27383" s="14" t="s">
        <v>59</v>
      </c>
      <c r="D27383" s="14" t="s">
        <v>176</v>
      </c>
      <c r="E27383" s="15">
        <v>45384</v>
      </c>
      <c r="F27383" s="14" t="s">
        <v>61</v>
      </c>
      <c r="G27383" s="16">
        <v>0</v>
      </c>
    </row>
    <row r="27384" spans="1:7" x14ac:dyDescent="0.3">
      <c r="A27384" s="13" t="s">
        <v>175</v>
      </c>
      <c r="B27384" s="14" t="s">
        <v>1</v>
      </c>
      <c r="C27384" s="14" t="s">
        <v>59</v>
      </c>
      <c r="D27384" s="14" t="s">
        <v>176</v>
      </c>
      <c r="E27384" s="15">
        <v>45385</v>
      </c>
      <c r="F27384" s="14" t="s">
        <v>61</v>
      </c>
      <c r="G27384" s="16">
        <v>0</v>
      </c>
    </row>
    <row r="27385" spans="1:7" x14ac:dyDescent="0.3">
      <c r="A27385" s="13" t="s">
        <v>175</v>
      </c>
      <c r="B27385" s="14" t="s">
        <v>1</v>
      </c>
      <c r="C27385" s="14" t="s">
        <v>59</v>
      </c>
      <c r="D27385" s="14" t="s">
        <v>176</v>
      </c>
      <c r="E27385" s="15">
        <v>45386</v>
      </c>
      <c r="F27385" s="14" t="s">
        <v>61</v>
      </c>
      <c r="G27385" s="16">
        <v>0</v>
      </c>
    </row>
    <row r="27386" spans="1:7" x14ac:dyDescent="0.3">
      <c r="A27386" s="13" t="s">
        <v>175</v>
      </c>
      <c r="B27386" s="14" t="s">
        <v>1</v>
      </c>
      <c r="C27386" s="14" t="s">
        <v>59</v>
      </c>
      <c r="D27386" s="14" t="s">
        <v>176</v>
      </c>
      <c r="E27386" s="15">
        <v>45387</v>
      </c>
      <c r="F27386" s="14" t="s">
        <v>61</v>
      </c>
      <c r="G27386" s="16">
        <v>1.4784546967371525E-3</v>
      </c>
    </row>
    <row r="27387" spans="1:7" x14ac:dyDescent="0.3">
      <c r="A27387" s="13" t="s">
        <v>175</v>
      </c>
      <c r="B27387" s="14" t="s">
        <v>1</v>
      </c>
      <c r="C27387" s="14" t="s">
        <v>59</v>
      </c>
      <c r="D27387" s="14" t="s">
        <v>176</v>
      </c>
      <c r="E27387" s="15">
        <v>45388</v>
      </c>
      <c r="F27387" s="14" t="s">
        <v>61</v>
      </c>
      <c r="G27387" s="16">
        <v>1.4784546967371525E-3</v>
      </c>
    </row>
    <row r="27388" spans="1:7" x14ac:dyDescent="0.3">
      <c r="A27388" s="13" t="s">
        <v>175</v>
      </c>
      <c r="B27388" s="14" t="s">
        <v>1</v>
      </c>
      <c r="C27388" s="14" t="s">
        <v>59</v>
      </c>
      <c r="D27388" s="14" t="s">
        <v>176</v>
      </c>
      <c r="E27388" s="15">
        <v>45389</v>
      </c>
      <c r="F27388" s="14" t="s">
        <v>61</v>
      </c>
      <c r="G27388" s="16">
        <v>1.4784546967371525E-3</v>
      </c>
    </row>
    <row r="27389" spans="1:7" x14ac:dyDescent="0.3">
      <c r="A27389" s="13" t="s">
        <v>175</v>
      </c>
      <c r="B27389" s="14" t="s">
        <v>1</v>
      </c>
      <c r="C27389" s="14" t="s">
        <v>59</v>
      </c>
      <c r="D27389" s="14" t="s">
        <v>176</v>
      </c>
      <c r="E27389" s="15">
        <v>45390</v>
      </c>
      <c r="F27389" s="14" t="s">
        <v>61</v>
      </c>
      <c r="G27389" s="16">
        <v>0</v>
      </c>
    </row>
    <row r="27390" spans="1:7" x14ac:dyDescent="0.3">
      <c r="A27390" s="13" t="s">
        <v>175</v>
      </c>
      <c r="B27390" s="14" t="s">
        <v>1</v>
      </c>
      <c r="C27390" s="14" t="s">
        <v>59</v>
      </c>
      <c r="D27390" s="14" t="s">
        <v>176</v>
      </c>
      <c r="E27390" s="15">
        <v>45391</v>
      </c>
      <c r="F27390" s="14" t="s">
        <v>61</v>
      </c>
      <c r="G27390" s="16">
        <v>0</v>
      </c>
    </row>
    <row r="27391" spans="1:7" x14ac:dyDescent="0.3">
      <c r="A27391" s="13" t="s">
        <v>175</v>
      </c>
      <c r="B27391" s="14" t="s">
        <v>1</v>
      </c>
      <c r="C27391" s="14" t="s">
        <v>59</v>
      </c>
      <c r="D27391" s="14" t="s">
        <v>176</v>
      </c>
      <c r="E27391" s="15">
        <v>45392</v>
      </c>
      <c r="F27391" s="14" t="s">
        <v>61</v>
      </c>
      <c r="G27391" s="16">
        <v>0</v>
      </c>
    </row>
    <row r="27392" spans="1:7" x14ac:dyDescent="0.3">
      <c r="A27392" s="13" t="s">
        <v>175</v>
      </c>
      <c r="B27392" s="14" t="s">
        <v>1</v>
      </c>
      <c r="C27392" s="14" t="s">
        <v>59</v>
      </c>
      <c r="D27392" s="14" t="s">
        <v>176</v>
      </c>
      <c r="E27392" s="15">
        <v>45393</v>
      </c>
      <c r="F27392" s="14" t="s">
        <v>61</v>
      </c>
      <c r="G27392" s="16">
        <v>0</v>
      </c>
    </row>
    <row r="27393" spans="1:7" x14ac:dyDescent="0.3">
      <c r="A27393" s="13" t="s">
        <v>175</v>
      </c>
      <c r="B27393" s="14" t="s">
        <v>1</v>
      </c>
      <c r="C27393" s="14" t="s">
        <v>59</v>
      </c>
      <c r="D27393" s="14" t="s">
        <v>176</v>
      </c>
      <c r="E27393" s="15">
        <v>45394</v>
      </c>
      <c r="F27393" s="14" t="s">
        <v>61</v>
      </c>
      <c r="G27393" s="16">
        <v>0</v>
      </c>
    </row>
    <row r="27394" spans="1:7" x14ac:dyDescent="0.3">
      <c r="A27394" s="13" t="s">
        <v>175</v>
      </c>
      <c r="B27394" s="14" t="s">
        <v>1</v>
      </c>
      <c r="C27394" s="14" t="s">
        <v>59</v>
      </c>
      <c r="D27394" s="14" t="s">
        <v>176</v>
      </c>
      <c r="E27394" s="15">
        <v>45395</v>
      </c>
      <c r="F27394" s="14" t="s">
        <v>61</v>
      </c>
      <c r="G27394" s="16">
        <v>0</v>
      </c>
    </row>
    <row r="27395" spans="1:7" x14ac:dyDescent="0.3">
      <c r="A27395" s="13" t="s">
        <v>175</v>
      </c>
      <c r="B27395" s="14" t="s">
        <v>1</v>
      </c>
      <c r="C27395" s="14" t="s">
        <v>59</v>
      </c>
      <c r="D27395" s="14" t="s">
        <v>176</v>
      </c>
      <c r="E27395" s="15">
        <v>45396</v>
      </c>
      <c r="F27395" s="14" t="s">
        <v>61</v>
      </c>
      <c r="G27395" s="16">
        <v>0</v>
      </c>
    </row>
    <row r="27396" spans="1:7" x14ac:dyDescent="0.3">
      <c r="A27396" s="13" t="s">
        <v>175</v>
      </c>
      <c r="B27396" s="14" t="s">
        <v>1</v>
      </c>
      <c r="C27396" s="14" t="s">
        <v>59</v>
      </c>
      <c r="D27396" s="14" t="s">
        <v>176</v>
      </c>
      <c r="E27396" s="15">
        <v>45397</v>
      </c>
      <c r="F27396" s="14" t="s">
        <v>61</v>
      </c>
      <c r="G27396" s="16">
        <v>0</v>
      </c>
    </row>
    <row r="27397" spans="1:7" x14ac:dyDescent="0.3">
      <c r="A27397" s="13" t="s">
        <v>175</v>
      </c>
      <c r="B27397" s="14" t="s">
        <v>1</v>
      </c>
      <c r="C27397" s="14" t="s">
        <v>59</v>
      </c>
      <c r="D27397" s="14" t="s">
        <v>176</v>
      </c>
      <c r="E27397" s="15">
        <v>45398</v>
      </c>
      <c r="F27397" s="14" t="s">
        <v>61</v>
      </c>
      <c r="G27397" s="16">
        <v>0</v>
      </c>
    </row>
    <row r="27398" spans="1:7" x14ac:dyDescent="0.3">
      <c r="A27398" s="13" t="s">
        <v>175</v>
      </c>
      <c r="B27398" s="14" t="s">
        <v>1</v>
      </c>
      <c r="C27398" s="14" t="s">
        <v>59</v>
      </c>
      <c r="D27398" s="14" t="s">
        <v>176</v>
      </c>
      <c r="E27398" s="15">
        <v>45399</v>
      </c>
      <c r="F27398" s="14" t="s">
        <v>61</v>
      </c>
      <c r="G27398" s="16">
        <v>0</v>
      </c>
    </row>
    <row r="27399" spans="1:7" x14ac:dyDescent="0.3">
      <c r="A27399" s="13" t="s">
        <v>175</v>
      </c>
      <c r="B27399" s="14" t="s">
        <v>1</v>
      </c>
      <c r="C27399" s="14" t="s">
        <v>59</v>
      </c>
      <c r="D27399" s="14" t="s">
        <v>176</v>
      </c>
      <c r="E27399" s="15">
        <v>45400</v>
      </c>
      <c r="F27399" s="14" t="s">
        <v>61</v>
      </c>
      <c r="G27399" s="16">
        <v>0</v>
      </c>
    </row>
    <row r="27400" spans="1:7" x14ac:dyDescent="0.3">
      <c r="A27400" s="13" t="s">
        <v>175</v>
      </c>
      <c r="B27400" s="14" t="s">
        <v>1</v>
      </c>
      <c r="C27400" s="14" t="s">
        <v>59</v>
      </c>
      <c r="D27400" s="14" t="s">
        <v>176</v>
      </c>
      <c r="E27400" s="15">
        <v>45401</v>
      </c>
      <c r="F27400" s="14" t="s">
        <v>61</v>
      </c>
      <c r="G27400" s="16">
        <v>0</v>
      </c>
    </row>
    <row r="27401" spans="1:7" x14ac:dyDescent="0.3">
      <c r="A27401" s="13" t="s">
        <v>175</v>
      </c>
      <c r="B27401" s="14" t="s">
        <v>1</v>
      </c>
      <c r="C27401" s="14" t="s">
        <v>59</v>
      </c>
      <c r="D27401" s="14" t="s">
        <v>176</v>
      </c>
      <c r="E27401" s="15">
        <v>45402</v>
      </c>
      <c r="F27401" s="14" t="s">
        <v>61</v>
      </c>
      <c r="G27401" s="16">
        <v>0</v>
      </c>
    </row>
    <row r="27402" spans="1:7" x14ac:dyDescent="0.3">
      <c r="A27402" s="13" t="s">
        <v>175</v>
      </c>
      <c r="B27402" s="14" t="s">
        <v>1</v>
      </c>
      <c r="C27402" s="14" t="s">
        <v>59</v>
      </c>
      <c r="D27402" s="14" t="s">
        <v>176</v>
      </c>
      <c r="E27402" s="15">
        <v>45403</v>
      </c>
      <c r="F27402" s="14" t="s">
        <v>61</v>
      </c>
      <c r="G27402" s="16">
        <v>0</v>
      </c>
    </row>
    <row r="27403" spans="1:7" x14ac:dyDescent="0.3">
      <c r="A27403" s="13" t="s">
        <v>175</v>
      </c>
      <c r="B27403" s="14" t="s">
        <v>1</v>
      </c>
      <c r="C27403" s="14" t="s">
        <v>59</v>
      </c>
      <c r="D27403" s="14" t="s">
        <v>176</v>
      </c>
      <c r="E27403" s="15">
        <v>45404</v>
      </c>
      <c r="F27403" s="14" t="s">
        <v>61</v>
      </c>
      <c r="G27403" s="16">
        <v>0</v>
      </c>
    </row>
    <row r="27404" spans="1:7" x14ac:dyDescent="0.3">
      <c r="A27404" s="13" t="s">
        <v>175</v>
      </c>
      <c r="B27404" s="14" t="s">
        <v>1</v>
      </c>
      <c r="C27404" s="14" t="s">
        <v>59</v>
      </c>
      <c r="D27404" s="14" t="s">
        <v>176</v>
      </c>
      <c r="E27404" s="15">
        <v>45405</v>
      </c>
      <c r="F27404" s="14" t="s">
        <v>61</v>
      </c>
      <c r="G27404" s="16">
        <v>0</v>
      </c>
    </row>
    <row r="27405" spans="1:7" x14ac:dyDescent="0.3">
      <c r="A27405" s="13" t="s">
        <v>175</v>
      </c>
      <c r="B27405" s="14" t="s">
        <v>1</v>
      </c>
      <c r="C27405" s="14" t="s">
        <v>59</v>
      </c>
      <c r="D27405" s="14" t="s">
        <v>176</v>
      </c>
      <c r="E27405" s="15">
        <v>45406</v>
      </c>
      <c r="F27405" s="14" t="s">
        <v>61</v>
      </c>
      <c r="G27405" s="16">
        <v>0</v>
      </c>
    </row>
    <row r="27406" spans="1:7" x14ac:dyDescent="0.3">
      <c r="A27406" s="13" t="s">
        <v>175</v>
      </c>
      <c r="B27406" s="14" t="s">
        <v>1</v>
      </c>
      <c r="C27406" s="14" t="s">
        <v>59</v>
      </c>
      <c r="D27406" s="14" t="s">
        <v>176</v>
      </c>
      <c r="E27406" s="15">
        <v>45407</v>
      </c>
      <c r="F27406" s="14" t="s">
        <v>61</v>
      </c>
      <c r="G27406" s="16">
        <v>0</v>
      </c>
    </row>
    <row r="27407" spans="1:7" x14ac:dyDescent="0.3">
      <c r="A27407" s="13" t="s">
        <v>175</v>
      </c>
      <c r="B27407" s="14" t="s">
        <v>1</v>
      </c>
      <c r="C27407" s="14" t="s">
        <v>59</v>
      </c>
      <c r="D27407" s="14" t="s">
        <v>176</v>
      </c>
      <c r="E27407" s="15">
        <v>45408</v>
      </c>
      <c r="F27407" s="14" t="s">
        <v>61</v>
      </c>
      <c r="G27407" s="16">
        <v>0</v>
      </c>
    </row>
    <row r="27408" spans="1:7" x14ac:dyDescent="0.3">
      <c r="A27408" s="13" t="s">
        <v>175</v>
      </c>
      <c r="B27408" s="14" t="s">
        <v>1</v>
      </c>
      <c r="C27408" s="14" t="s">
        <v>59</v>
      </c>
      <c r="D27408" s="14" t="s">
        <v>176</v>
      </c>
      <c r="E27408" s="15">
        <v>45409</v>
      </c>
      <c r="F27408" s="14" t="s">
        <v>61</v>
      </c>
      <c r="G27408" s="16">
        <v>0</v>
      </c>
    </row>
    <row r="27409" spans="1:7" x14ac:dyDescent="0.3">
      <c r="A27409" s="13" t="s">
        <v>175</v>
      </c>
      <c r="B27409" s="14" t="s">
        <v>1</v>
      </c>
      <c r="C27409" s="14" t="s">
        <v>59</v>
      </c>
      <c r="D27409" s="14" t="s">
        <v>176</v>
      </c>
      <c r="E27409" s="15">
        <v>45410</v>
      </c>
      <c r="F27409" s="14" t="s">
        <v>61</v>
      </c>
      <c r="G27409" s="16">
        <v>0</v>
      </c>
    </row>
    <row r="27410" spans="1:7" x14ac:dyDescent="0.3">
      <c r="A27410" s="13" t="s">
        <v>175</v>
      </c>
      <c r="B27410" s="14" t="s">
        <v>1</v>
      </c>
      <c r="C27410" s="14" t="s">
        <v>59</v>
      </c>
      <c r="D27410" s="14" t="s">
        <v>176</v>
      </c>
      <c r="E27410" s="15">
        <v>45411</v>
      </c>
      <c r="F27410" s="14" t="s">
        <v>61</v>
      </c>
      <c r="G27410" s="16">
        <v>0</v>
      </c>
    </row>
    <row r="27411" spans="1:7" x14ac:dyDescent="0.3">
      <c r="A27411" s="13" t="s">
        <v>175</v>
      </c>
      <c r="B27411" s="14" t="s">
        <v>1</v>
      </c>
      <c r="C27411" s="14" t="s">
        <v>59</v>
      </c>
      <c r="D27411" s="14" t="s">
        <v>176</v>
      </c>
      <c r="E27411" s="15">
        <v>45412</v>
      </c>
      <c r="F27411" s="14" t="s">
        <v>61</v>
      </c>
      <c r="G27411" s="16">
        <v>0</v>
      </c>
    </row>
    <row r="27412" spans="1:7" x14ac:dyDescent="0.3">
      <c r="A27412" s="13" t="s">
        <v>175</v>
      </c>
      <c r="B27412" s="14" t="s">
        <v>1</v>
      </c>
      <c r="C27412" s="14" t="s">
        <v>59</v>
      </c>
      <c r="D27412" s="14" t="s">
        <v>176</v>
      </c>
      <c r="E27412" s="15">
        <v>45413</v>
      </c>
      <c r="F27412" s="14" t="s">
        <v>61</v>
      </c>
      <c r="G27412" s="16">
        <v>0</v>
      </c>
    </row>
    <row r="27413" spans="1:7" x14ac:dyDescent="0.3">
      <c r="A27413" s="13" t="s">
        <v>175</v>
      </c>
      <c r="B27413" s="14" t="s">
        <v>1</v>
      </c>
      <c r="C27413" s="14" t="s">
        <v>59</v>
      </c>
      <c r="D27413" s="14" t="s">
        <v>176</v>
      </c>
      <c r="E27413" s="15">
        <v>45414</v>
      </c>
      <c r="F27413" s="14" t="s">
        <v>61</v>
      </c>
      <c r="G27413" s="16">
        <v>0</v>
      </c>
    </row>
    <row r="27414" spans="1:7" x14ac:dyDescent="0.3">
      <c r="A27414" s="13" t="s">
        <v>175</v>
      </c>
      <c r="B27414" s="14" t="s">
        <v>1</v>
      </c>
      <c r="C27414" s="14" t="s">
        <v>59</v>
      </c>
      <c r="D27414" s="14" t="s">
        <v>176</v>
      </c>
      <c r="E27414" s="15">
        <v>45415</v>
      </c>
      <c r="F27414" s="14" t="s">
        <v>61</v>
      </c>
      <c r="G27414" s="16">
        <v>0</v>
      </c>
    </row>
    <row r="27415" spans="1:7" x14ac:dyDescent="0.3">
      <c r="A27415" s="13" t="s">
        <v>175</v>
      </c>
      <c r="B27415" s="14" t="s">
        <v>1</v>
      </c>
      <c r="C27415" s="14" t="s">
        <v>59</v>
      </c>
      <c r="D27415" s="14" t="s">
        <v>176</v>
      </c>
      <c r="E27415" s="15">
        <v>45416</v>
      </c>
      <c r="F27415" s="14" t="s">
        <v>61</v>
      </c>
      <c r="G27415" s="16">
        <v>0</v>
      </c>
    </row>
    <row r="27416" spans="1:7" x14ac:dyDescent="0.3">
      <c r="A27416" s="13" t="s">
        <v>175</v>
      </c>
      <c r="B27416" s="14" t="s">
        <v>1</v>
      </c>
      <c r="C27416" s="14" t="s">
        <v>59</v>
      </c>
      <c r="D27416" s="14" t="s">
        <v>176</v>
      </c>
      <c r="E27416" s="15">
        <v>45417</v>
      </c>
      <c r="F27416" s="14" t="s">
        <v>61</v>
      </c>
      <c r="G27416" s="16">
        <v>0</v>
      </c>
    </row>
    <row r="27417" spans="1:7" x14ac:dyDescent="0.3">
      <c r="A27417" s="13" t="s">
        <v>175</v>
      </c>
      <c r="B27417" s="14" t="s">
        <v>1</v>
      </c>
      <c r="C27417" s="14" t="s">
        <v>59</v>
      </c>
      <c r="D27417" s="14" t="s">
        <v>176</v>
      </c>
      <c r="E27417" s="15">
        <v>45418</v>
      </c>
      <c r="F27417" s="14" t="s">
        <v>61</v>
      </c>
      <c r="G27417" s="16">
        <v>0</v>
      </c>
    </row>
    <row r="27418" spans="1:7" x14ac:dyDescent="0.3">
      <c r="A27418" s="13" t="s">
        <v>175</v>
      </c>
      <c r="B27418" s="14" t="s">
        <v>1</v>
      </c>
      <c r="C27418" s="14" t="s">
        <v>59</v>
      </c>
      <c r="D27418" s="14" t="s">
        <v>176</v>
      </c>
      <c r="E27418" s="15">
        <v>45419</v>
      </c>
      <c r="F27418" s="14" t="s">
        <v>61</v>
      </c>
      <c r="G27418" s="16">
        <v>0</v>
      </c>
    </row>
    <row r="27419" spans="1:7" x14ac:dyDescent="0.3">
      <c r="A27419" s="13" t="s">
        <v>175</v>
      </c>
      <c r="B27419" s="14" t="s">
        <v>1</v>
      </c>
      <c r="C27419" s="14" t="s">
        <v>59</v>
      </c>
      <c r="D27419" s="14" t="s">
        <v>176</v>
      </c>
      <c r="E27419" s="15">
        <v>45420</v>
      </c>
      <c r="F27419" s="14" t="s">
        <v>61</v>
      </c>
      <c r="G27419" s="16">
        <v>0</v>
      </c>
    </row>
    <row r="27420" spans="1:7" x14ac:dyDescent="0.3">
      <c r="A27420" s="13" t="s">
        <v>175</v>
      </c>
      <c r="B27420" s="14" t="s">
        <v>1</v>
      </c>
      <c r="C27420" s="14" t="s">
        <v>59</v>
      </c>
      <c r="D27420" s="14" t="s">
        <v>176</v>
      </c>
      <c r="E27420" s="15">
        <v>45421</v>
      </c>
      <c r="F27420" s="14" t="s">
        <v>61</v>
      </c>
      <c r="G27420" s="16">
        <v>0</v>
      </c>
    </row>
    <row r="27421" spans="1:7" x14ac:dyDescent="0.3">
      <c r="A27421" s="13" t="s">
        <v>175</v>
      </c>
      <c r="B27421" s="14" t="s">
        <v>1</v>
      </c>
      <c r="C27421" s="14" t="s">
        <v>59</v>
      </c>
      <c r="D27421" s="14" t="s">
        <v>176</v>
      </c>
      <c r="E27421" s="15">
        <v>45422</v>
      </c>
      <c r="F27421" s="14" t="s">
        <v>61</v>
      </c>
      <c r="G27421" s="16">
        <v>0</v>
      </c>
    </row>
    <row r="27422" spans="1:7" x14ac:dyDescent="0.3">
      <c r="A27422" s="13" t="s">
        <v>175</v>
      </c>
      <c r="B27422" s="14" t="s">
        <v>1</v>
      </c>
      <c r="C27422" s="14" t="s">
        <v>59</v>
      </c>
      <c r="D27422" s="14" t="s">
        <v>176</v>
      </c>
      <c r="E27422" s="15">
        <v>45423</v>
      </c>
      <c r="F27422" s="14" t="s">
        <v>61</v>
      </c>
      <c r="G27422" s="16">
        <v>0</v>
      </c>
    </row>
    <row r="27423" spans="1:7" x14ac:dyDescent="0.3">
      <c r="A27423" s="13" t="s">
        <v>175</v>
      </c>
      <c r="B27423" s="14" t="s">
        <v>1</v>
      </c>
      <c r="C27423" s="14" t="s">
        <v>59</v>
      </c>
      <c r="D27423" s="14" t="s">
        <v>176</v>
      </c>
      <c r="E27423" s="15">
        <v>45424</v>
      </c>
      <c r="F27423" s="14" t="s">
        <v>61</v>
      </c>
      <c r="G27423" s="16">
        <v>0</v>
      </c>
    </row>
    <row r="27424" spans="1:7" x14ac:dyDescent="0.3">
      <c r="A27424" s="13" t="s">
        <v>175</v>
      </c>
      <c r="B27424" s="14" t="s">
        <v>1</v>
      </c>
      <c r="C27424" s="14" t="s">
        <v>59</v>
      </c>
      <c r="D27424" s="14" t="s">
        <v>176</v>
      </c>
      <c r="E27424" s="15">
        <v>45425</v>
      </c>
      <c r="F27424" s="14" t="s">
        <v>61</v>
      </c>
      <c r="G27424" s="16">
        <v>0</v>
      </c>
    </row>
    <row r="27425" spans="1:7" x14ac:dyDescent="0.3">
      <c r="A27425" s="13" t="s">
        <v>175</v>
      </c>
      <c r="B27425" s="14" t="s">
        <v>1</v>
      </c>
      <c r="C27425" s="14" t="s">
        <v>59</v>
      </c>
      <c r="D27425" s="14" t="s">
        <v>176</v>
      </c>
      <c r="E27425" s="15">
        <v>45426</v>
      </c>
      <c r="F27425" s="14" t="s">
        <v>61</v>
      </c>
      <c r="G27425" s="16">
        <v>0</v>
      </c>
    </row>
    <row r="27426" spans="1:7" x14ac:dyDescent="0.3">
      <c r="A27426" s="13" t="s">
        <v>175</v>
      </c>
      <c r="B27426" s="14" t="s">
        <v>1</v>
      </c>
      <c r="C27426" s="14" t="s">
        <v>59</v>
      </c>
      <c r="D27426" s="14" t="s">
        <v>176</v>
      </c>
      <c r="E27426" s="15">
        <v>45427</v>
      </c>
      <c r="F27426" s="14" t="s">
        <v>61</v>
      </c>
      <c r="G27426" s="16">
        <v>0</v>
      </c>
    </row>
    <row r="27427" spans="1:7" x14ac:dyDescent="0.3">
      <c r="A27427" s="13" t="s">
        <v>175</v>
      </c>
      <c r="B27427" s="14" t="s">
        <v>1</v>
      </c>
      <c r="C27427" s="14" t="s">
        <v>59</v>
      </c>
      <c r="D27427" s="14" t="s">
        <v>176</v>
      </c>
      <c r="E27427" s="15">
        <v>45428</v>
      </c>
      <c r="F27427" s="14" t="s">
        <v>61</v>
      </c>
      <c r="G27427" s="16">
        <v>0</v>
      </c>
    </row>
    <row r="27428" spans="1:7" x14ac:dyDescent="0.3">
      <c r="A27428" s="13" t="s">
        <v>175</v>
      </c>
      <c r="B27428" s="14" t="s">
        <v>1</v>
      </c>
      <c r="C27428" s="14" t="s">
        <v>59</v>
      </c>
      <c r="D27428" s="14" t="s">
        <v>176</v>
      </c>
      <c r="E27428" s="15">
        <v>45429</v>
      </c>
      <c r="F27428" s="14" t="s">
        <v>61</v>
      </c>
      <c r="G27428" s="16">
        <v>0.10540695019218427</v>
      </c>
    </row>
    <row r="27429" spans="1:7" x14ac:dyDescent="0.3">
      <c r="A27429" s="13" t="s">
        <v>175</v>
      </c>
      <c r="B27429" s="14" t="s">
        <v>1</v>
      </c>
      <c r="C27429" s="14" t="s">
        <v>59</v>
      </c>
      <c r="D27429" s="14" t="s">
        <v>176</v>
      </c>
      <c r="E27429" s="15">
        <v>45430</v>
      </c>
      <c r="F27429" s="14" t="s">
        <v>61</v>
      </c>
      <c r="G27429" s="16">
        <v>0.10540695019218427</v>
      </c>
    </row>
    <row r="27430" spans="1:7" x14ac:dyDescent="0.3">
      <c r="A27430" s="13" t="s">
        <v>175</v>
      </c>
      <c r="B27430" s="14" t="s">
        <v>1</v>
      </c>
      <c r="C27430" s="14" t="s">
        <v>59</v>
      </c>
      <c r="D27430" s="14" t="s">
        <v>176</v>
      </c>
      <c r="E27430" s="15">
        <v>45431</v>
      </c>
      <c r="F27430" s="14" t="s">
        <v>61</v>
      </c>
      <c r="G27430" s="16">
        <v>0.10540695019218427</v>
      </c>
    </row>
    <row r="27431" spans="1:7" x14ac:dyDescent="0.3">
      <c r="A27431" s="13" t="s">
        <v>175</v>
      </c>
      <c r="B27431" s="14" t="s">
        <v>1</v>
      </c>
      <c r="C27431" s="14" t="s">
        <v>59</v>
      </c>
      <c r="D27431" s="14" t="s">
        <v>176</v>
      </c>
      <c r="E27431" s="15">
        <v>45432</v>
      </c>
      <c r="F27431" s="14" t="s">
        <v>61</v>
      </c>
      <c r="G27431" s="16">
        <v>0.10540695019218427</v>
      </c>
    </row>
    <row r="27432" spans="1:7" x14ac:dyDescent="0.3">
      <c r="A27432" s="13" t="s">
        <v>175</v>
      </c>
      <c r="B27432" s="14" t="s">
        <v>1</v>
      </c>
      <c r="C27432" s="14" t="s">
        <v>59</v>
      </c>
      <c r="D27432" s="14" t="s">
        <v>176</v>
      </c>
      <c r="E27432" s="15">
        <v>45433</v>
      </c>
      <c r="F27432" s="14" t="s">
        <v>61</v>
      </c>
      <c r="G27432" s="16">
        <v>0.10248756117837517</v>
      </c>
    </row>
    <row r="27433" spans="1:7" x14ac:dyDescent="0.3">
      <c r="A27433" s="13" t="s">
        <v>175</v>
      </c>
      <c r="B27433" s="14" t="s">
        <v>1</v>
      </c>
      <c r="C27433" s="14" t="s">
        <v>59</v>
      </c>
      <c r="D27433" s="14" t="s">
        <v>176</v>
      </c>
      <c r="E27433" s="15">
        <v>45434</v>
      </c>
      <c r="F27433" s="14" t="s">
        <v>61</v>
      </c>
      <c r="G27433" s="16">
        <v>9.0296772552319493E-2</v>
      </c>
    </row>
    <row r="27434" spans="1:7" x14ac:dyDescent="0.3">
      <c r="A27434" s="13" t="s">
        <v>175</v>
      </c>
      <c r="B27434" s="14" t="s">
        <v>1</v>
      </c>
      <c r="C27434" s="14" t="s">
        <v>59</v>
      </c>
      <c r="D27434" s="14" t="s">
        <v>176</v>
      </c>
      <c r="E27434" s="15">
        <v>45435</v>
      </c>
      <c r="F27434" s="14" t="s">
        <v>61</v>
      </c>
      <c r="G27434" s="16">
        <v>8.7266881131987842E-2</v>
      </c>
    </row>
    <row r="27435" spans="1:7" x14ac:dyDescent="0.3">
      <c r="A27435" s="13" t="s">
        <v>175</v>
      </c>
      <c r="B27435" s="14" t="s">
        <v>1</v>
      </c>
      <c r="C27435" s="14" t="s">
        <v>59</v>
      </c>
      <c r="D27435" s="14" t="s">
        <v>176</v>
      </c>
      <c r="E27435" s="15">
        <v>45436</v>
      </c>
      <c r="F27435" s="14" t="s">
        <v>61</v>
      </c>
      <c r="G27435" s="16">
        <v>8.3903775882028145E-2</v>
      </c>
    </row>
    <row r="27436" spans="1:7" x14ac:dyDescent="0.3">
      <c r="A27436" s="13" t="s">
        <v>175</v>
      </c>
      <c r="B27436" s="14" t="s">
        <v>1</v>
      </c>
      <c r="C27436" s="14" t="s">
        <v>59</v>
      </c>
      <c r="D27436" s="14" t="s">
        <v>176</v>
      </c>
      <c r="E27436" s="15">
        <v>45437</v>
      </c>
      <c r="F27436" s="14" t="s">
        <v>61</v>
      </c>
      <c r="G27436" s="16">
        <v>8.3903775882028145E-2</v>
      </c>
    </row>
    <row r="27437" spans="1:7" x14ac:dyDescent="0.3">
      <c r="A27437" s="13" t="s">
        <v>175</v>
      </c>
      <c r="B27437" s="14" t="s">
        <v>1</v>
      </c>
      <c r="C27437" s="14" t="s">
        <v>59</v>
      </c>
      <c r="D27437" s="14" t="s">
        <v>176</v>
      </c>
      <c r="E27437" s="15">
        <v>45438</v>
      </c>
      <c r="F27437" s="14" t="s">
        <v>61</v>
      </c>
      <c r="G27437" s="16">
        <v>8.3903775882028145E-2</v>
      </c>
    </row>
    <row r="27438" spans="1:7" x14ac:dyDescent="0.3">
      <c r="A27438" s="13" t="s">
        <v>175</v>
      </c>
      <c r="B27438" s="14" t="s">
        <v>1</v>
      </c>
      <c r="C27438" s="14" t="s">
        <v>59</v>
      </c>
      <c r="D27438" s="14" t="s">
        <v>176</v>
      </c>
      <c r="E27438" s="15">
        <v>45439</v>
      </c>
      <c r="F27438" s="14" t="s">
        <v>61</v>
      </c>
      <c r="G27438" s="16">
        <v>8.0751542617701191E-2</v>
      </c>
    </row>
    <row r="27439" spans="1:7" x14ac:dyDescent="0.3">
      <c r="A27439" s="13" t="s">
        <v>175</v>
      </c>
      <c r="B27439" s="14" t="s">
        <v>1</v>
      </c>
      <c r="C27439" s="14" t="s">
        <v>59</v>
      </c>
      <c r="D27439" s="14" t="s">
        <v>176</v>
      </c>
      <c r="E27439" s="15">
        <v>45440</v>
      </c>
      <c r="F27439" s="14" t="s">
        <v>61</v>
      </c>
      <c r="G27439" s="16">
        <v>7.1464202532637341E-2</v>
      </c>
    </row>
    <row r="27440" spans="1:7" x14ac:dyDescent="0.3">
      <c r="A27440" s="13" t="s">
        <v>175</v>
      </c>
      <c r="B27440" s="14" t="s">
        <v>1</v>
      </c>
      <c r="C27440" s="14" t="s">
        <v>59</v>
      </c>
      <c r="D27440" s="14" t="s">
        <v>176</v>
      </c>
      <c r="E27440" s="15">
        <v>45441</v>
      </c>
      <c r="F27440" s="14" t="s">
        <v>61</v>
      </c>
      <c r="G27440" s="16">
        <v>6.8725677121530507E-2</v>
      </c>
    </row>
    <row r="27441" spans="1:7" x14ac:dyDescent="0.3">
      <c r="A27441" s="13" t="s">
        <v>175</v>
      </c>
      <c r="B27441" s="14" t="s">
        <v>1</v>
      </c>
      <c r="C27441" s="14" t="s">
        <v>59</v>
      </c>
      <c r="D27441" s="14" t="s">
        <v>176</v>
      </c>
      <c r="E27441" s="15">
        <v>45442</v>
      </c>
      <c r="F27441" s="14" t="s">
        <v>61</v>
      </c>
      <c r="G27441" s="16">
        <v>6.5435009546783163E-2</v>
      </c>
    </row>
    <row r="27442" spans="1:7" x14ac:dyDescent="0.3">
      <c r="A27442" s="13" t="s">
        <v>175</v>
      </c>
      <c r="B27442" s="14" t="s">
        <v>1</v>
      </c>
      <c r="C27442" s="14" t="s">
        <v>59</v>
      </c>
      <c r="D27442" s="14" t="s">
        <v>176</v>
      </c>
      <c r="E27442" s="15">
        <v>45443</v>
      </c>
      <c r="F27442" s="14" t="s">
        <v>61</v>
      </c>
      <c r="G27442" s="16">
        <v>6.2312876692513314E-2</v>
      </c>
    </row>
    <row r="27443" spans="1:7" x14ac:dyDescent="0.3">
      <c r="A27443" s="13" t="s">
        <v>175</v>
      </c>
      <c r="B27443" s="14" t="s">
        <v>1</v>
      </c>
      <c r="C27443" s="14" t="s">
        <v>59</v>
      </c>
      <c r="D27443" s="14" t="s">
        <v>176</v>
      </c>
      <c r="E27443" s="15">
        <v>45444</v>
      </c>
      <c r="F27443" s="14" t="s">
        <v>61</v>
      </c>
      <c r="G27443" s="16">
        <v>6.2312876692513314E-2</v>
      </c>
    </row>
    <row r="27444" spans="1:7" x14ac:dyDescent="0.3">
      <c r="A27444" s="13" t="s">
        <v>175</v>
      </c>
      <c r="B27444" s="14" t="s">
        <v>1</v>
      </c>
      <c r="C27444" s="14" t="s">
        <v>59</v>
      </c>
      <c r="D27444" s="14" t="s">
        <v>176</v>
      </c>
      <c r="E27444" s="15">
        <v>45445</v>
      </c>
      <c r="F27444" s="14" t="s">
        <v>61</v>
      </c>
      <c r="G27444" s="16">
        <v>6.2312876692513314E-2</v>
      </c>
    </row>
    <row r="27445" spans="1:7" x14ac:dyDescent="0.3">
      <c r="A27445" s="13" t="s">
        <v>175</v>
      </c>
      <c r="B27445" s="14" t="s">
        <v>1</v>
      </c>
      <c r="C27445" s="14" t="s">
        <v>59</v>
      </c>
      <c r="D27445" s="14" t="s">
        <v>176</v>
      </c>
      <c r="E27445" s="15">
        <v>45446</v>
      </c>
      <c r="F27445" s="14" t="s">
        <v>61</v>
      </c>
      <c r="G27445" s="16">
        <v>6.2312876692513314E-2</v>
      </c>
    </row>
    <row r="27446" spans="1:7" x14ac:dyDescent="0.3">
      <c r="A27446" s="13" t="s">
        <v>175</v>
      </c>
      <c r="B27446" s="14" t="s">
        <v>1</v>
      </c>
      <c r="C27446" s="14" t="s">
        <v>59</v>
      </c>
      <c r="D27446" s="14" t="s">
        <v>176</v>
      </c>
      <c r="E27446" s="15">
        <v>45447</v>
      </c>
      <c r="F27446" s="14" t="s">
        <v>61</v>
      </c>
      <c r="G27446" s="16">
        <v>5.9042595813675644E-2</v>
      </c>
    </row>
    <row r="27447" spans="1:7" x14ac:dyDescent="0.3">
      <c r="A27447" s="13" t="s">
        <v>175</v>
      </c>
      <c r="B27447" s="14" t="s">
        <v>1</v>
      </c>
      <c r="C27447" s="14" t="s">
        <v>59</v>
      </c>
      <c r="D27447" s="14" t="s">
        <v>176</v>
      </c>
      <c r="E27447" s="15">
        <v>45448</v>
      </c>
      <c r="F27447" s="14" t="s">
        <v>61</v>
      </c>
      <c r="G27447" s="16">
        <v>0.12302867251453559</v>
      </c>
    </row>
    <row r="27448" spans="1:7" x14ac:dyDescent="0.3">
      <c r="A27448" s="13" t="s">
        <v>175</v>
      </c>
      <c r="B27448" s="14" t="s">
        <v>1</v>
      </c>
      <c r="C27448" s="14" t="s">
        <v>59</v>
      </c>
      <c r="D27448" s="14" t="s">
        <v>176</v>
      </c>
      <c r="E27448" s="15">
        <v>45449</v>
      </c>
      <c r="F27448" s="14" t="s">
        <v>61</v>
      </c>
      <c r="G27448" s="16">
        <v>0.11971141964204578</v>
      </c>
    </row>
    <row r="27449" spans="1:7" x14ac:dyDescent="0.3">
      <c r="A27449" s="13" t="s">
        <v>175</v>
      </c>
      <c r="B27449" s="14" t="s">
        <v>1</v>
      </c>
      <c r="C27449" s="14" t="s">
        <v>59</v>
      </c>
      <c r="D27449" s="14" t="s">
        <v>176</v>
      </c>
      <c r="E27449" s="15">
        <v>45450</v>
      </c>
      <c r="F27449" s="14" t="s">
        <v>61</v>
      </c>
      <c r="G27449" s="16">
        <v>0.11756573269832508</v>
      </c>
    </row>
    <row r="27450" spans="1:7" x14ac:dyDescent="0.3">
      <c r="A27450" s="13" t="s">
        <v>175</v>
      </c>
      <c r="B27450" s="14" t="s">
        <v>1</v>
      </c>
      <c r="C27450" s="14" t="s">
        <v>59</v>
      </c>
      <c r="D27450" s="14" t="s">
        <v>176</v>
      </c>
      <c r="E27450" s="15">
        <v>45451</v>
      </c>
      <c r="F27450" s="14" t="s">
        <v>61</v>
      </c>
      <c r="G27450" s="16">
        <v>0.11756573269832508</v>
      </c>
    </row>
    <row r="27451" spans="1:7" x14ac:dyDescent="0.3">
      <c r="A27451" s="13" t="s">
        <v>175</v>
      </c>
      <c r="B27451" s="14" t="s">
        <v>1</v>
      </c>
      <c r="C27451" s="14" t="s">
        <v>59</v>
      </c>
      <c r="D27451" s="14" t="s">
        <v>176</v>
      </c>
      <c r="E27451" s="15">
        <v>45452</v>
      </c>
      <c r="F27451" s="14" t="s">
        <v>61</v>
      </c>
      <c r="G27451" s="16">
        <v>0.11756573269832508</v>
      </c>
    </row>
    <row r="27452" spans="1:7" x14ac:dyDescent="0.3">
      <c r="A27452" s="13" t="s">
        <v>175</v>
      </c>
      <c r="B27452" s="14" t="s">
        <v>1</v>
      </c>
      <c r="C27452" s="14" t="s">
        <v>59</v>
      </c>
      <c r="D27452" s="14" t="s">
        <v>176</v>
      </c>
      <c r="E27452" s="15">
        <v>45453</v>
      </c>
      <c r="F27452" s="14" t="s">
        <v>61</v>
      </c>
      <c r="G27452" s="16">
        <v>0.11482246335996239</v>
      </c>
    </row>
    <row r="27453" spans="1:7" x14ac:dyDescent="0.3">
      <c r="A27453" s="13" t="s">
        <v>175</v>
      </c>
      <c r="B27453" s="14" t="s">
        <v>1</v>
      </c>
      <c r="C27453" s="14" t="s">
        <v>59</v>
      </c>
      <c r="D27453" s="14" t="s">
        <v>176</v>
      </c>
      <c r="E27453" s="15">
        <v>45454</v>
      </c>
      <c r="F27453" s="14" t="s">
        <v>61</v>
      </c>
      <c r="G27453" s="16">
        <v>0.10567794082550985</v>
      </c>
    </row>
    <row r="27454" spans="1:7" x14ac:dyDescent="0.3">
      <c r="A27454" s="13" t="s">
        <v>175</v>
      </c>
      <c r="B27454" s="14" t="s">
        <v>1</v>
      </c>
      <c r="C27454" s="14" t="s">
        <v>59</v>
      </c>
      <c r="D27454" s="14" t="s">
        <v>176</v>
      </c>
      <c r="E27454" s="15">
        <v>45455</v>
      </c>
      <c r="F27454" s="14" t="s">
        <v>61</v>
      </c>
      <c r="G27454" s="16">
        <v>0.10192146472511628</v>
      </c>
    </row>
    <row r="27455" spans="1:7" x14ac:dyDescent="0.3">
      <c r="A27455" s="13" t="s">
        <v>175</v>
      </c>
      <c r="B27455" s="14" t="s">
        <v>1</v>
      </c>
      <c r="C27455" s="14" t="s">
        <v>59</v>
      </c>
      <c r="D27455" s="14" t="s">
        <v>176</v>
      </c>
      <c r="E27455" s="15">
        <v>45456</v>
      </c>
      <c r="F27455" s="14" t="s">
        <v>61</v>
      </c>
      <c r="G27455" s="16">
        <v>9.9511042614313996E-2</v>
      </c>
    </row>
    <row r="27456" spans="1:7" x14ac:dyDescent="0.3">
      <c r="A27456" s="13" t="s">
        <v>175</v>
      </c>
      <c r="B27456" s="14" t="s">
        <v>1</v>
      </c>
      <c r="C27456" s="14" t="s">
        <v>59</v>
      </c>
      <c r="D27456" s="14" t="s">
        <v>176</v>
      </c>
      <c r="E27456" s="15">
        <v>45457</v>
      </c>
      <c r="F27456" s="14" t="s">
        <v>61</v>
      </c>
      <c r="G27456" s="16">
        <v>0.15438918710221075</v>
      </c>
    </row>
    <row r="27457" spans="1:7" x14ac:dyDescent="0.3">
      <c r="A27457" s="13" t="s">
        <v>175</v>
      </c>
      <c r="B27457" s="14" t="s">
        <v>1</v>
      </c>
      <c r="C27457" s="14" t="s">
        <v>59</v>
      </c>
      <c r="D27457" s="14" t="s">
        <v>176</v>
      </c>
      <c r="E27457" s="15">
        <v>45458</v>
      </c>
      <c r="F27457" s="14" t="s">
        <v>61</v>
      </c>
      <c r="G27457" s="16">
        <v>0.15438918710221075</v>
      </c>
    </row>
    <row r="27458" spans="1:7" x14ac:dyDescent="0.3">
      <c r="A27458" s="13" t="s">
        <v>175</v>
      </c>
      <c r="B27458" s="14" t="s">
        <v>1</v>
      </c>
      <c r="C27458" s="14" t="s">
        <v>59</v>
      </c>
      <c r="D27458" s="14" t="s">
        <v>176</v>
      </c>
      <c r="E27458" s="15">
        <v>45459</v>
      </c>
      <c r="F27458" s="14" t="s">
        <v>61</v>
      </c>
      <c r="G27458" s="16">
        <v>0.15438918710221075</v>
      </c>
    </row>
    <row r="27459" spans="1:7" x14ac:dyDescent="0.3">
      <c r="A27459" s="13" t="s">
        <v>175</v>
      </c>
      <c r="B27459" s="14" t="s">
        <v>1</v>
      </c>
      <c r="C27459" s="14" t="s">
        <v>59</v>
      </c>
      <c r="D27459" s="14" t="s">
        <v>176</v>
      </c>
      <c r="E27459" s="15">
        <v>45460</v>
      </c>
      <c r="F27459" s="14" t="s">
        <v>61</v>
      </c>
      <c r="G27459" s="16">
        <v>0.15080282740119691</v>
      </c>
    </row>
    <row r="27460" spans="1:7" x14ac:dyDescent="0.3">
      <c r="A27460" s="13" t="s">
        <v>175</v>
      </c>
      <c r="B27460" s="14" t="s">
        <v>1</v>
      </c>
      <c r="C27460" s="14" t="s">
        <v>59</v>
      </c>
      <c r="D27460" s="14" t="s">
        <v>176</v>
      </c>
      <c r="E27460" s="15">
        <v>45461</v>
      </c>
      <c r="F27460" s="14" t="s">
        <v>61</v>
      </c>
      <c r="G27460" s="16">
        <v>0.14132091526126664</v>
      </c>
    </row>
    <row r="27461" spans="1:7" x14ac:dyDescent="0.3">
      <c r="A27461" s="13" t="s">
        <v>175</v>
      </c>
      <c r="B27461" s="14" t="s">
        <v>1</v>
      </c>
      <c r="C27461" s="14" t="s">
        <v>59</v>
      </c>
      <c r="D27461" s="14" t="s">
        <v>176</v>
      </c>
      <c r="E27461" s="15">
        <v>45462</v>
      </c>
      <c r="F27461" s="14" t="s">
        <v>61</v>
      </c>
      <c r="G27461" s="16">
        <v>0.13813512906182321</v>
      </c>
    </row>
    <row r="27462" spans="1:7" x14ac:dyDescent="0.3">
      <c r="A27462" s="13" t="s">
        <v>175</v>
      </c>
      <c r="B27462" s="14" t="s">
        <v>1</v>
      </c>
      <c r="C27462" s="14" t="s">
        <v>59</v>
      </c>
      <c r="D27462" s="14" t="s">
        <v>176</v>
      </c>
      <c r="E27462" s="15">
        <v>45463</v>
      </c>
      <c r="F27462" s="14" t="s">
        <v>61</v>
      </c>
      <c r="G27462" s="16">
        <v>0.13552780878506793</v>
      </c>
    </row>
    <row r="27463" spans="1:7" x14ac:dyDescent="0.3">
      <c r="A27463" s="13" t="s">
        <v>175</v>
      </c>
      <c r="B27463" s="14" t="s">
        <v>1</v>
      </c>
      <c r="C27463" s="14" t="s">
        <v>59</v>
      </c>
      <c r="D27463" s="14" t="s">
        <v>176</v>
      </c>
      <c r="E27463" s="15">
        <v>45464</v>
      </c>
      <c r="F27463" s="14" t="s">
        <v>61</v>
      </c>
      <c r="G27463" s="16">
        <v>0.13247598491509147</v>
      </c>
    </row>
    <row r="27464" spans="1:7" x14ac:dyDescent="0.3">
      <c r="A27464" s="13" t="s">
        <v>175</v>
      </c>
      <c r="B27464" s="14" t="s">
        <v>1</v>
      </c>
      <c r="C27464" s="14" t="s">
        <v>59</v>
      </c>
      <c r="D27464" s="14" t="s">
        <v>176</v>
      </c>
      <c r="E27464" s="15">
        <v>45465</v>
      </c>
      <c r="F27464" s="14" t="s">
        <v>61</v>
      </c>
      <c r="G27464" s="16">
        <v>0.13247598491509147</v>
      </c>
    </row>
    <row r="27465" spans="1:7" x14ac:dyDescent="0.3">
      <c r="A27465" s="13" t="s">
        <v>175</v>
      </c>
      <c r="B27465" s="14" t="s">
        <v>1</v>
      </c>
      <c r="C27465" s="14" t="s">
        <v>59</v>
      </c>
      <c r="D27465" s="14" t="s">
        <v>176</v>
      </c>
      <c r="E27465" s="15">
        <v>45466</v>
      </c>
      <c r="F27465" s="14" t="s">
        <v>61</v>
      </c>
      <c r="G27465" s="16">
        <v>0.13247598491509147</v>
      </c>
    </row>
    <row r="27466" spans="1:7" x14ac:dyDescent="0.3">
      <c r="A27466" s="13" t="s">
        <v>175</v>
      </c>
      <c r="B27466" s="14" t="s">
        <v>1</v>
      </c>
      <c r="C27466" s="14" t="s">
        <v>59</v>
      </c>
      <c r="D27466" s="14" t="s">
        <v>176</v>
      </c>
      <c r="E27466" s="15">
        <v>45467</v>
      </c>
      <c r="F27466" s="14" t="s">
        <v>61</v>
      </c>
      <c r="G27466" s="16">
        <v>0.12884470298725528</v>
      </c>
    </row>
    <row r="27467" spans="1:7" x14ac:dyDescent="0.3">
      <c r="A27467" s="13" t="s">
        <v>175</v>
      </c>
      <c r="B27467" s="14" t="s">
        <v>1</v>
      </c>
      <c r="C27467" s="14" t="s">
        <v>59</v>
      </c>
      <c r="D27467" s="14" t="s">
        <v>176</v>
      </c>
      <c r="E27467" s="15">
        <v>45468</v>
      </c>
      <c r="F27467" s="14" t="s">
        <v>61</v>
      </c>
      <c r="G27467" s="16">
        <v>0.11963186229102948</v>
      </c>
    </row>
    <row r="27468" spans="1:7" x14ac:dyDescent="0.3">
      <c r="A27468" s="13" t="s">
        <v>175</v>
      </c>
      <c r="B27468" s="14" t="s">
        <v>1</v>
      </c>
      <c r="C27468" s="14" t="s">
        <v>59</v>
      </c>
      <c r="D27468" s="14" t="s">
        <v>176</v>
      </c>
      <c r="E27468" s="15">
        <v>45469</v>
      </c>
      <c r="F27468" s="14" t="s">
        <v>61</v>
      </c>
      <c r="G27468" s="16">
        <v>0.11685603214777407</v>
      </c>
    </row>
    <row r="27469" spans="1:7" x14ac:dyDescent="0.3">
      <c r="A27469" s="13" t="s">
        <v>175</v>
      </c>
      <c r="B27469" s="14" t="s">
        <v>1</v>
      </c>
      <c r="C27469" s="14" t="s">
        <v>59</v>
      </c>
      <c r="D27469" s="14" t="s">
        <v>176</v>
      </c>
      <c r="E27469" s="15">
        <v>45470</v>
      </c>
      <c r="F27469" s="14" t="s">
        <v>61</v>
      </c>
      <c r="G27469" s="16">
        <v>0.11345478209258288</v>
      </c>
    </row>
    <row r="27470" spans="1:7" x14ac:dyDescent="0.3">
      <c r="A27470" s="13" t="s">
        <v>175</v>
      </c>
      <c r="B27470" s="14" t="s">
        <v>1</v>
      </c>
      <c r="C27470" s="14" t="s">
        <v>59</v>
      </c>
      <c r="D27470" s="14" t="s">
        <v>176</v>
      </c>
      <c r="E27470" s="15">
        <v>45471</v>
      </c>
      <c r="F27470" s="14" t="s">
        <v>61</v>
      </c>
      <c r="G27470" s="16">
        <v>0.1102081916702855</v>
      </c>
    </row>
    <row r="27471" spans="1:7" x14ac:dyDescent="0.3">
      <c r="A27471" s="13" t="s">
        <v>175</v>
      </c>
      <c r="B27471" s="14" t="s">
        <v>1</v>
      </c>
      <c r="C27471" s="14" t="s">
        <v>59</v>
      </c>
      <c r="D27471" s="14" t="s">
        <v>176</v>
      </c>
      <c r="E27471" s="15">
        <v>45472</v>
      </c>
      <c r="F27471" s="14" t="s">
        <v>61</v>
      </c>
      <c r="G27471" s="16">
        <v>0.1102081916702855</v>
      </c>
    </row>
    <row r="27472" spans="1:7" x14ac:dyDescent="0.3">
      <c r="A27472" s="13" t="s">
        <v>175</v>
      </c>
      <c r="B27472" s="14" t="s">
        <v>1</v>
      </c>
      <c r="C27472" s="14" t="s">
        <v>59</v>
      </c>
      <c r="D27472" s="14" t="s">
        <v>176</v>
      </c>
      <c r="E27472" s="15">
        <v>45473</v>
      </c>
      <c r="F27472" s="14" t="s">
        <v>61</v>
      </c>
      <c r="G27472" s="16">
        <v>0.1102081916702855</v>
      </c>
    </row>
    <row r="27473" spans="1:7" x14ac:dyDescent="0.3">
      <c r="A27473" s="13" t="s">
        <v>175</v>
      </c>
      <c r="B27473" s="14" t="s">
        <v>1</v>
      </c>
      <c r="C27473" s="14" t="s">
        <v>59</v>
      </c>
      <c r="D27473" s="14" t="s">
        <v>176</v>
      </c>
      <c r="E27473" s="15">
        <v>45474</v>
      </c>
      <c r="F27473" s="14" t="s">
        <v>61</v>
      </c>
      <c r="G27473" s="16">
        <v>0.10681566880561694</v>
      </c>
    </row>
    <row r="27474" spans="1:7" x14ac:dyDescent="0.3">
      <c r="A27474" s="13" t="s">
        <v>175</v>
      </c>
      <c r="B27474" s="14" t="s">
        <v>1</v>
      </c>
      <c r="C27474" s="14" t="s">
        <v>59</v>
      </c>
      <c r="D27474" s="14" t="s">
        <v>176</v>
      </c>
      <c r="E27474" s="15">
        <v>45475</v>
      </c>
      <c r="F27474" s="14" t="s">
        <v>61</v>
      </c>
      <c r="G27474" s="16">
        <v>0.10657754012394097</v>
      </c>
    </row>
    <row r="27475" spans="1:7" x14ac:dyDescent="0.3">
      <c r="A27475" s="13" t="s">
        <v>175</v>
      </c>
      <c r="B27475" s="14" t="s">
        <v>1</v>
      </c>
      <c r="C27475" s="14" t="s">
        <v>59</v>
      </c>
      <c r="D27475" s="14" t="s">
        <v>176</v>
      </c>
      <c r="E27475" s="15">
        <v>45476</v>
      </c>
      <c r="F27475" s="14" t="s">
        <v>61</v>
      </c>
      <c r="G27475" s="16">
        <v>0.10306286898097355</v>
      </c>
    </row>
    <row r="27476" spans="1:7" x14ac:dyDescent="0.3">
      <c r="A27476" s="13" t="s">
        <v>175</v>
      </c>
      <c r="B27476" s="14" t="s">
        <v>1</v>
      </c>
      <c r="C27476" s="14" t="s">
        <v>59</v>
      </c>
      <c r="D27476" s="14" t="s">
        <v>176</v>
      </c>
      <c r="E27476" s="15">
        <v>45477</v>
      </c>
      <c r="F27476" s="14" t="s">
        <v>61</v>
      </c>
      <c r="G27476" s="16">
        <v>9.9710434362477937E-2</v>
      </c>
    </row>
    <row r="27477" spans="1:7" x14ac:dyDescent="0.3">
      <c r="A27477" s="13" t="s">
        <v>175</v>
      </c>
      <c r="B27477" s="14" t="s">
        <v>1</v>
      </c>
      <c r="C27477" s="14" t="s">
        <v>59</v>
      </c>
      <c r="D27477" s="14" t="s">
        <v>176</v>
      </c>
      <c r="E27477" s="15">
        <v>45478</v>
      </c>
      <c r="F27477" s="14" t="s">
        <v>61</v>
      </c>
      <c r="G27477" s="16">
        <v>9.6304813619905907E-2</v>
      </c>
    </row>
    <row r="27478" spans="1:7" x14ac:dyDescent="0.3">
      <c r="A27478" s="13" t="s">
        <v>175</v>
      </c>
      <c r="B27478" s="14" t="s">
        <v>1</v>
      </c>
      <c r="C27478" s="14" t="s">
        <v>59</v>
      </c>
      <c r="D27478" s="14" t="s">
        <v>176</v>
      </c>
      <c r="E27478" s="15">
        <v>45479</v>
      </c>
      <c r="F27478" s="14" t="s">
        <v>61</v>
      </c>
      <c r="G27478" s="16">
        <v>9.6304813619905907E-2</v>
      </c>
    </row>
    <row r="27479" spans="1:7" x14ac:dyDescent="0.3">
      <c r="A27479" s="13" t="s">
        <v>175</v>
      </c>
      <c r="B27479" s="14" t="s">
        <v>1</v>
      </c>
      <c r="C27479" s="14" t="s">
        <v>59</v>
      </c>
      <c r="D27479" s="14" t="s">
        <v>176</v>
      </c>
      <c r="E27479" s="15">
        <v>45480</v>
      </c>
      <c r="F27479" s="14" t="s">
        <v>61</v>
      </c>
      <c r="G27479" s="16">
        <v>9.6304813619905907E-2</v>
      </c>
    </row>
    <row r="27480" spans="1:7" x14ac:dyDescent="0.3">
      <c r="A27480" s="13" t="s">
        <v>175</v>
      </c>
      <c r="B27480" s="14" t="s">
        <v>1</v>
      </c>
      <c r="C27480" s="14" t="s">
        <v>59</v>
      </c>
      <c r="D27480" s="14" t="s">
        <v>176</v>
      </c>
      <c r="E27480" s="15">
        <v>45481</v>
      </c>
      <c r="F27480" s="14" t="s">
        <v>61</v>
      </c>
      <c r="G27480" s="16">
        <v>9.3274684470794345E-2</v>
      </c>
    </row>
    <row r="27481" spans="1:7" x14ac:dyDescent="0.3">
      <c r="A27481" s="13" t="s">
        <v>175</v>
      </c>
      <c r="B27481" s="14" t="s">
        <v>1</v>
      </c>
      <c r="C27481" s="14" t="s">
        <v>59</v>
      </c>
      <c r="D27481" s="14" t="s">
        <v>176</v>
      </c>
      <c r="E27481" s="15">
        <v>45482</v>
      </c>
      <c r="F27481" s="14" t="s">
        <v>61</v>
      </c>
      <c r="G27481" s="16">
        <v>8.3796322878950377E-2</v>
      </c>
    </row>
    <row r="27482" spans="1:7" x14ac:dyDescent="0.3">
      <c r="A27482" s="13" t="s">
        <v>175</v>
      </c>
      <c r="B27482" s="14" t="s">
        <v>1</v>
      </c>
      <c r="C27482" s="14" t="s">
        <v>59</v>
      </c>
      <c r="D27482" s="14" t="s">
        <v>176</v>
      </c>
      <c r="E27482" s="15">
        <v>45483</v>
      </c>
      <c r="F27482" s="14" t="s">
        <v>61</v>
      </c>
      <c r="G27482" s="16">
        <v>8.0499533623776182E-2</v>
      </c>
    </row>
    <row r="27483" spans="1:7" x14ac:dyDescent="0.3">
      <c r="A27483" s="13" t="s">
        <v>175</v>
      </c>
      <c r="B27483" s="14" t="s">
        <v>1</v>
      </c>
      <c r="C27483" s="14" t="s">
        <v>59</v>
      </c>
      <c r="D27483" s="14" t="s">
        <v>176</v>
      </c>
      <c r="E27483" s="15">
        <v>45484</v>
      </c>
      <c r="F27483" s="14" t="s">
        <v>61</v>
      </c>
      <c r="G27483" s="16">
        <v>7.7042566880432553E-2</v>
      </c>
    </row>
    <row r="27484" spans="1:7" x14ac:dyDescent="0.3">
      <c r="A27484" s="13" t="s">
        <v>175</v>
      </c>
      <c r="B27484" s="14" t="s">
        <v>1</v>
      </c>
      <c r="C27484" s="14" t="s">
        <v>59</v>
      </c>
      <c r="D27484" s="14" t="s">
        <v>176</v>
      </c>
      <c r="E27484" s="15">
        <v>45485</v>
      </c>
      <c r="F27484" s="14" t="s">
        <v>61</v>
      </c>
      <c r="G27484" s="16">
        <v>8.4086394384645144E-2</v>
      </c>
    </row>
    <row r="27485" spans="1:7" x14ac:dyDescent="0.3">
      <c r="A27485" s="13" t="s">
        <v>175</v>
      </c>
      <c r="B27485" s="14" t="s">
        <v>1</v>
      </c>
      <c r="C27485" s="14" t="s">
        <v>59</v>
      </c>
      <c r="D27485" s="14" t="s">
        <v>176</v>
      </c>
      <c r="E27485" s="15">
        <v>45486</v>
      </c>
      <c r="F27485" s="14" t="s">
        <v>61</v>
      </c>
      <c r="G27485" s="16">
        <v>8.4086394384645144E-2</v>
      </c>
    </row>
    <row r="27486" spans="1:7" x14ac:dyDescent="0.3">
      <c r="A27486" s="13" t="s">
        <v>175</v>
      </c>
      <c r="B27486" s="14" t="s">
        <v>1</v>
      </c>
      <c r="C27486" s="14" t="s">
        <v>59</v>
      </c>
      <c r="D27486" s="14" t="s">
        <v>176</v>
      </c>
      <c r="E27486" s="15">
        <v>45487</v>
      </c>
      <c r="F27486" s="14" t="s">
        <v>61</v>
      </c>
      <c r="G27486" s="16">
        <v>8.4086394384645144E-2</v>
      </c>
    </row>
    <row r="27487" spans="1:7" x14ac:dyDescent="0.3">
      <c r="A27487" s="13" t="s">
        <v>175</v>
      </c>
      <c r="B27487" s="14" t="s">
        <v>1</v>
      </c>
      <c r="C27487" s="14" t="s">
        <v>59</v>
      </c>
      <c r="D27487" s="14" t="s">
        <v>176</v>
      </c>
      <c r="E27487" s="15">
        <v>45488</v>
      </c>
      <c r="F27487" s="14" t="s">
        <v>61</v>
      </c>
      <c r="G27487" s="16">
        <v>8.0996929249708277E-2</v>
      </c>
    </row>
    <row r="27488" spans="1:7" x14ac:dyDescent="0.3">
      <c r="A27488" s="13" t="s">
        <v>175</v>
      </c>
      <c r="B27488" s="14" t="s">
        <v>1</v>
      </c>
      <c r="C27488" s="14" t="s">
        <v>59</v>
      </c>
      <c r="D27488" s="14" t="s">
        <v>176</v>
      </c>
      <c r="E27488" s="15">
        <v>45489</v>
      </c>
      <c r="F27488" s="14" t="s">
        <v>61</v>
      </c>
      <c r="G27488" s="16">
        <v>7.1261289884109041E-2</v>
      </c>
    </row>
    <row r="27489" spans="1:7" x14ac:dyDescent="0.3">
      <c r="A27489" s="13" t="s">
        <v>175</v>
      </c>
      <c r="B27489" s="14" t="s">
        <v>1</v>
      </c>
      <c r="C27489" s="14" t="s">
        <v>59</v>
      </c>
      <c r="D27489" s="14" t="s">
        <v>176</v>
      </c>
      <c r="E27489" s="15">
        <v>45490</v>
      </c>
      <c r="F27489" s="14" t="s">
        <v>61</v>
      </c>
      <c r="G27489" s="16">
        <v>6.7795302543864427E-2</v>
      </c>
    </row>
    <row r="27490" spans="1:7" x14ac:dyDescent="0.3">
      <c r="A27490" s="13" t="s">
        <v>175</v>
      </c>
      <c r="B27490" s="14" t="s">
        <v>1</v>
      </c>
      <c r="C27490" s="14" t="s">
        <v>59</v>
      </c>
      <c r="D27490" s="14" t="s">
        <v>176</v>
      </c>
      <c r="E27490" s="15">
        <v>45491</v>
      </c>
      <c r="F27490" s="14" t="s">
        <v>61</v>
      </c>
      <c r="G27490" s="16">
        <v>6.4865270327695693E-2</v>
      </c>
    </row>
    <row r="27491" spans="1:7" x14ac:dyDescent="0.3">
      <c r="A27491" s="13" t="s">
        <v>175</v>
      </c>
      <c r="B27491" s="14" t="s">
        <v>1</v>
      </c>
      <c r="C27491" s="14" t="s">
        <v>59</v>
      </c>
      <c r="D27491" s="14" t="s">
        <v>176</v>
      </c>
      <c r="E27491" s="15">
        <v>45492</v>
      </c>
      <c r="F27491" s="14" t="s">
        <v>61</v>
      </c>
      <c r="G27491" s="16">
        <v>6.1732661722906826E-2</v>
      </c>
    </row>
    <row r="27492" spans="1:7" x14ac:dyDescent="0.3">
      <c r="A27492" s="13" t="s">
        <v>175</v>
      </c>
      <c r="B27492" s="14" t="s">
        <v>1</v>
      </c>
      <c r="C27492" s="14" t="s">
        <v>59</v>
      </c>
      <c r="D27492" s="14" t="s">
        <v>176</v>
      </c>
      <c r="E27492" s="15">
        <v>45493</v>
      </c>
      <c r="F27492" s="14" t="s">
        <v>61</v>
      </c>
      <c r="G27492" s="16">
        <v>6.1732661722906826E-2</v>
      </c>
    </row>
    <row r="27493" spans="1:7" x14ac:dyDescent="0.3">
      <c r="A27493" s="13" t="s">
        <v>175</v>
      </c>
      <c r="B27493" s="14" t="s">
        <v>1</v>
      </c>
      <c r="C27493" s="14" t="s">
        <v>59</v>
      </c>
      <c r="D27493" s="14" t="s">
        <v>176</v>
      </c>
      <c r="E27493" s="15">
        <v>45494</v>
      </c>
      <c r="F27493" s="14" t="s">
        <v>61</v>
      </c>
      <c r="G27493" s="16">
        <v>6.1732661722906826E-2</v>
      </c>
    </row>
    <row r="27494" spans="1:7" x14ac:dyDescent="0.3">
      <c r="A27494" s="13" t="s">
        <v>175</v>
      </c>
      <c r="B27494" s="14" t="s">
        <v>1</v>
      </c>
      <c r="C27494" s="14" t="s">
        <v>59</v>
      </c>
      <c r="D27494" s="14" t="s">
        <v>176</v>
      </c>
      <c r="E27494" s="15">
        <v>45495</v>
      </c>
      <c r="F27494" s="14" t="s">
        <v>61</v>
      </c>
      <c r="G27494" s="16">
        <v>5.8464938196854027E-2</v>
      </c>
    </row>
    <row r="27495" spans="1:7" x14ac:dyDescent="0.3">
      <c r="A27495" s="13" t="s">
        <v>175</v>
      </c>
      <c r="B27495" s="14" t="s">
        <v>1</v>
      </c>
      <c r="C27495" s="14" t="s">
        <v>59</v>
      </c>
      <c r="D27495" s="14" t="s">
        <v>176</v>
      </c>
      <c r="E27495" s="15">
        <v>45496</v>
      </c>
      <c r="F27495" s="14" t="s">
        <v>61</v>
      </c>
      <c r="G27495" s="16">
        <v>4.9097417882116336E-2</v>
      </c>
    </row>
    <row r="27496" spans="1:7" x14ac:dyDescent="0.3">
      <c r="A27496" s="13" t="s">
        <v>175</v>
      </c>
      <c r="B27496" s="14" t="s">
        <v>1</v>
      </c>
      <c r="C27496" s="14" t="s">
        <v>59</v>
      </c>
      <c r="D27496" s="14" t="s">
        <v>176</v>
      </c>
      <c r="E27496" s="15">
        <v>45497</v>
      </c>
      <c r="F27496" s="14" t="s">
        <v>61</v>
      </c>
      <c r="G27496" s="16">
        <v>4.5968964795423707E-2</v>
      </c>
    </row>
    <row r="27497" spans="1:7" x14ac:dyDescent="0.3">
      <c r="A27497" s="13" t="s">
        <v>175</v>
      </c>
      <c r="B27497" s="14" t="s">
        <v>1</v>
      </c>
      <c r="C27497" s="14" t="s">
        <v>59</v>
      </c>
      <c r="D27497" s="14" t="s">
        <v>176</v>
      </c>
      <c r="E27497" s="15">
        <v>45498</v>
      </c>
      <c r="F27497" s="14" t="s">
        <v>61</v>
      </c>
      <c r="G27497" s="16">
        <v>4.2755405118060759E-2</v>
      </c>
    </row>
    <row r="27498" spans="1:7" x14ac:dyDescent="0.3">
      <c r="A27498" s="13" t="s">
        <v>175</v>
      </c>
      <c r="B27498" s="14" t="s">
        <v>1</v>
      </c>
      <c r="C27498" s="14" t="s">
        <v>59</v>
      </c>
      <c r="D27498" s="14" t="s">
        <v>176</v>
      </c>
      <c r="E27498" s="15">
        <v>45499</v>
      </c>
      <c r="F27498" s="14" t="s">
        <v>61</v>
      </c>
      <c r="G27498" s="16">
        <v>3.9555061126275534E-2</v>
      </c>
    </row>
    <row r="27499" spans="1:7" x14ac:dyDescent="0.3">
      <c r="A27499" s="13" t="s">
        <v>175</v>
      </c>
      <c r="B27499" s="14" t="s">
        <v>1</v>
      </c>
      <c r="C27499" s="14" t="s">
        <v>59</v>
      </c>
      <c r="D27499" s="14" t="s">
        <v>176</v>
      </c>
      <c r="E27499" s="15">
        <v>45500</v>
      </c>
      <c r="F27499" s="14" t="s">
        <v>61</v>
      </c>
      <c r="G27499" s="16">
        <v>3.9555061126275534E-2</v>
      </c>
    </row>
    <row r="27500" spans="1:7" x14ac:dyDescent="0.3">
      <c r="A27500" s="13" t="s">
        <v>175</v>
      </c>
      <c r="B27500" s="14" t="s">
        <v>1</v>
      </c>
      <c r="C27500" s="14" t="s">
        <v>59</v>
      </c>
      <c r="D27500" s="14" t="s">
        <v>176</v>
      </c>
      <c r="E27500" s="15">
        <v>45501</v>
      </c>
      <c r="F27500" s="14" t="s">
        <v>61</v>
      </c>
      <c r="G27500" s="16">
        <v>3.9555061126275534E-2</v>
      </c>
    </row>
    <row r="27501" spans="1:7" x14ac:dyDescent="0.3">
      <c r="A27501" s="13" t="s">
        <v>175</v>
      </c>
      <c r="B27501" s="14" t="s">
        <v>1</v>
      </c>
      <c r="C27501" s="14" t="s">
        <v>59</v>
      </c>
      <c r="D27501" s="14" t="s">
        <v>176</v>
      </c>
      <c r="E27501" s="15">
        <v>45502</v>
      </c>
      <c r="F27501" s="14" t="s">
        <v>61</v>
      </c>
      <c r="G27501" s="16">
        <v>4.5242834304118733E-2</v>
      </c>
    </row>
    <row r="27502" spans="1:7" x14ac:dyDescent="0.3">
      <c r="A27502" s="13" t="s">
        <v>175</v>
      </c>
      <c r="B27502" s="14" t="s">
        <v>1</v>
      </c>
      <c r="C27502" s="14" t="s">
        <v>59</v>
      </c>
      <c r="D27502" s="14" t="s">
        <v>176</v>
      </c>
      <c r="E27502" s="15">
        <v>45503</v>
      </c>
      <c r="F27502" s="14" t="s">
        <v>61</v>
      </c>
      <c r="G27502" s="16">
        <v>3.5756841287171132E-2</v>
      </c>
    </row>
    <row r="27503" spans="1:7" x14ac:dyDescent="0.3">
      <c r="A27503" s="13" t="s">
        <v>175</v>
      </c>
      <c r="B27503" s="14" t="s">
        <v>1</v>
      </c>
      <c r="C27503" s="14" t="s">
        <v>59</v>
      </c>
      <c r="D27503" s="14" t="s">
        <v>176</v>
      </c>
      <c r="E27503" s="15">
        <v>45504</v>
      </c>
      <c r="F27503" s="14" t="s">
        <v>61</v>
      </c>
      <c r="G27503" s="16">
        <v>3.2584709508295902E-2</v>
      </c>
    </row>
    <row r="27504" spans="1:7" x14ac:dyDescent="0.3">
      <c r="A27504" s="13" t="s">
        <v>175</v>
      </c>
      <c r="B27504" s="14" t="s">
        <v>1</v>
      </c>
      <c r="C27504" s="14" t="s">
        <v>59</v>
      </c>
      <c r="D27504" s="14" t="s">
        <v>176</v>
      </c>
      <c r="E27504" s="15">
        <v>45505</v>
      </c>
      <c r="F27504" s="14" t="s">
        <v>61</v>
      </c>
      <c r="G27504" s="16">
        <v>3.2584709508295902E-2</v>
      </c>
    </row>
    <row r="27505" spans="1:7" x14ac:dyDescent="0.3">
      <c r="A27505" s="13" t="s">
        <v>175</v>
      </c>
      <c r="B27505" s="14" t="s">
        <v>1</v>
      </c>
      <c r="C27505" s="14" t="s">
        <v>59</v>
      </c>
      <c r="D27505" s="14" t="s">
        <v>176</v>
      </c>
      <c r="E27505" s="15">
        <v>45506</v>
      </c>
      <c r="F27505" s="14" t="s">
        <v>61</v>
      </c>
      <c r="G27505" s="16">
        <v>2.9211061445265321E-2</v>
      </c>
    </row>
    <row r="27506" spans="1:7" x14ac:dyDescent="0.3">
      <c r="A27506" s="13" t="s">
        <v>175</v>
      </c>
      <c r="B27506" s="14" t="s">
        <v>1</v>
      </c>
      <c r="C27506" s="14" t="s">
        <v>59</v>
      </c>
      <c r="D27506" s="14" t="s">
        <v>176</v>
      </c>
      <c r="E27506" s="15">
        <v>45507</v>
      </c>
      <c r="F27506" s="14" t="s">
        <v>61</v>
      </c>
      <c r="G27506" s="16">
        <v>2.9211061445265321E-2</v>
      </c>
    </row>
    <row r="27507" spans="1:7" x14ac:dyDescent="0.3">
      <c r="A27507" s="13" t="s">
        <v>175</v>
      </c>
      <c r="B27507" s="14" t="s">
        <v>1</v>
      </c>
      <c r="C27507" s="14" t="s">
        <v>59</v>
      </c>
      <c r="D27507" s="14" t="s">
        <v>176</v>
      </c>
      <c r="E27507" s="15">
        <v>45508</v>
      </c>
      <c r="F27507" s="14" t="s">
        <v>61</v>
      </c>
      <c r="G27507" s="16">
        <v>2.9211061445265321E-2</v>
      </c>
    </row>
    <row r="27508" spans="1:7" x14ac:dyDescent="0.3">
      <c r="A27508" s="13" t="s">
        <v>175</v>
      </c>
      <c r="B27508" s="14" t="s">
        <v>1</v>
      </c>
      <c r="C27508" s="14" t="s">
        <v>59</v>
      </c>
      <c r="D27508" s="14" t="s">
        <v>176</v>
      </c>
      <c r="E27508" s="15">
        <v>45509</v>
      </c>
      <c r="F27508" s="14" t="s">
        <v>61</v>
      </c>
      <c r="G27508" s="16">
        <v>2.9211061445265321E-2</v>
      </c>
    </row>
    <row r="27509" spans="1:7" x14ac:dyDescent="0.3">
      <c r="A27509" s="13" t="s">
        <v>175</v>
      </c>
      <c r="B27509" s="14" t="s">
        <v>1</v>
      </c>
      <c r="C27509" s="14" t="s">
        <v>59</v>
      </c>
      <c r="D27509" s="14" t="s">
        <v>176</v>
      </c>
      <c r="E27509" s="15">
        <v>45510</v>
      </c>
      <c r="F27509" s="14" t="s">
        <v>61</v>
      </c>
      <c r="G27509" s="16">
        <v>0.12892787905422862</v>
      </c>
    </row>
    <row r="27510" spans="1:7" x14ac:dyDescent="0.3">
      <c r="A27510" s="13" t="s">
        <v>175</v>
      </c>
      <c r="B27510" s="14" t="s">
        <v>1</v>
      </c>
      <c r="C27510" s="14" t="s">
        <v>59</v>
      </c>
      <c r="D27510" s="14" t="s">
        <v>176</v>
      </c>
      <c r="E27510" s="15">
        <v>45511</v>
      </c>
      <c r="F27510" s="14" t="s">
        <v>61</v>
      </c>
      <c r="G27510" s="16">
        <v>0.1164746148988013</v>
      </c>
    </row>
    <row r="27511" spans="1:7" x14ac:dyDescent="0.3">
      <c r="A27511" s="13" t="s">
        <v>175</v>
      </c>
      <c r="B27511" s="14" t="s">
        <v>1</v>
      </c>
      <c r="C27511" s="14" t="s">
        <v>59</v>
      </c>
      <c r="D27511" s="14" t="s">
        <v>176</v>
      </c>
      <c r="E27511" s="15">
        <v>45512</v>
      </c>
      <c r="F27511" s="14" t="s">
        <v>61</v>
      </c>
      <c r="G27511" s="16">
        <v>0.13738913729002042</v>
      </c>
    </row>
    <row r="27512" spans="1:7" x14ac:dyDescent="0.3">
      <c r="A27512" s="13" t="s">
        <v>175</v>
      </c>
      <c r="B27512" s="14" t="s">
        <v>1</v>
      </c>
      <c r="C27512" s="14" t="s">
        <v>59</v>
      </c>
      <c r="D27512" s="14" t="s">
        <v>176</v>
      </c>
      <c r="E27512" s="15">
        <v>45513</v>
      </c>
      <c r="F27512" s="14" t="s">
        <v>61</v>
      </c>
      <c r="G27512" s="16">
        <v>0.13430140778422126</v>
      </c>
    </row>
    <row r="27513" spans="1:7" x14ac:dyDescent="0.3">
      <c r="A27513" s="13" t="s">
        <v>175</v>
      </c>
      <c r="B27513" s="14" t="s">
        <v>1</v>
      </c>
      <c r="C27513" s="14" t="s">
        <v>59</v>
      </c>
      <c r="D27513" s="14" t="s">
        <v>176</v>
      </c>
      <c r="E27513" s="15">
        <v>45514</v>
      </c>
      <c r="F27513" s="14" t="s">
        <v>61</v>
      </c>
      <c r="G27513" s="16">
        <v>0.13430140778422126</v>
      </c>
    </row>
    <row r="27514" spans="1:7" x14ac:dyDescent="0.3">
      <c r="A27514" s="13" t="s">
        <v>175</v>
      </c>
      <c r="B27514" s="14" t="s">
        <v>1</v>
      </c>
      <c r="C27514" s="14" t="s">
        <v>59</v>
      </c>
      <c r="D27514" s="14" t="s">
        <v>176</v>
      </c>
      <c r="E27514" s="15">
        <v>45515</v>
      </c>
      <c r="F27514" s="14" t="s">
        <v>61</v>
      </c>
      <c r="G27514" s="16">
        <v>0.13430140778422126</v>
      </c>
    </row>
    <row r="27515" spans="1:7" x14ac:dyDescent="0.3">
      <c r="A27515" s="13" t="s">
        <v>175</v>
      </c>
      <c r="B27515" s="14" t="s">
        <v>1</v>
      </c>
      <c r="C27515" s="14" t="s">
        <v>59</v>
      </c>
      <c r="D27515" s="14" t="s">
        <v>176</v>
      </c>
      <c r="E27515" s="15">
        <v>45516</v>
      </c>
      <c r="F27515" s="14" t="s">
        <v>61</v>
      </c>
      <c r="G27515" s="16">
        <v>0.13101022712183091</v>
      </c>
    </row>
    <row r="27516" spans="1:7" x14ac:dyDescent="0.3">
      <c r="A27516" s="13" t="s">
        <v>175</v>
      </c>
      <c r="B27516" s="14" t="s">
        <v>1</v>
      </c>
      <c r="C27516" s="14" t="s">
        <v>59</v>
      </c>
      <c r="D27516" s="14" t="s">
        <v>176</v>
      </c>
      <c r="E27516" s="15">
        <v>45517</v>
      </c>
      <c r="F27516" s="14" t="s">
        <v>61</v>
      </c>
      <c r="G27516" s="16">
        <v>0.12094277369487201</v>
      </c>
    </row>
    <row r="27517" spans="1:7" x14ac:dyDescent="0.3">
      <c r="A27517" s="13" t="s">
        <v>175</v>
      </c>
      <c r="B27517" s="14" t="s">
        <v>1</v>
      </c>
      <c r="C27517" s="14" t="s">
        <v>59</v>
      </c>
      <c r="D27517" s="14" t="s">
        <v>176</v>
      </c>
      <c r="E27517" s="15">
        <v>45518</v>
      </c>
      <c r="F27517" s="14" t="s">
        <v>61</v>
      </c>
      <c r="G27517" s="16">
        <v>0.11762674399252093</v>
      </c>
    </row>
    <row r="27518" spans="1:7" x14ac:dyDescent="0.3">
      <c r="A27518" s="13" t="s">
        <v>175</v>
      </c>
      <c r="B27518" s="14" t="s">
        <v>1</v>
      </c>
      <c r="C27518" s="14" t="s">
        <v>59</v>
      </c>
      <c r="D27518" s="14" t="s">
        <v>176</v>
      </c>
      <c r="E27518" s="15">
        <v>45519</v>
      </c>
      <c r="F27518" s="14" t="s">
        <v>61</v>
      </c>
      <c r="G27518" s="16">
        <v>0.11506735310241713</v>
      </c>
    </row>
    <row r="27519" spans="1:7" x14ac:dyDescent="0.3">
      <c r="A27519" s="13" t="s">
        <v>175</v>
      </c>
      <c r="B27519" s="14" t="s">
        <v>1</v>
      </c>
      <c r="C27519" s="14" t="s">
        <v>59</v>
      </c>
      <c r="D27519" s="14" t="s">
        <v>176</v>
      </c>
      <c r="E27519" s="15">
        <v>45520</v>
      </c>
      <c r="F27519" s="14" t="s">
        <v>61</v>
      </c>
      <c r="G27519" s="16">
        <v>0.11131829556870843</v>
      </c>
    </row>
    <row r="27520" spans="1:7" x14ac:dyDescent="0.3">
      <c r="A27520" s="13" t="s">
        <v>175</v>
      </c>
      <c r="B27520" s="14" t="s">
        <v>1</v>
      </c>
      <c r="C27520" s="14" t="s">
        <v>59</v>
      </c>
      <c r="D27520" s="14" t="s">
        <v>176</v>
      </c>
      <c r="E27520" s="15">
        <v>45521</v>
      </c>
      <c r="F27520" s="14" t="s">
        <v>61</v>
      </c>
      <c r="G27520" s="16">
        <v>0.11131829556870843</v>
      </c>
    </row>
    <row r="27521" spans="1:7" x14ac:dyDescent="0.3">
      <c r="A27521" s="13" t="s">
        <v>175</v>
      </c>
      <c r="B27521" s="14" t="s">
        <v>1</v>
      </c>
      <c r="C27521" s="14" t="s">
        <v>59</v>
      </c>
      <c r="D27521" s="14" t="s">
        <v>176</v>
      </c>
      <c r="E27521" s="15">
        <v>45522</v>
      </c>
      <c r="F27521" s="14" t="s">
        <v>61</v>
      </c>
      <c r="G27521" s="16">
        <v>0.11131829556870843</v>
      </c>
    </row>
    <row r="27522" spans="1:7" x14ac:dyDescent="0.3">
      <c r="A27522" s="13" t="s">
        <v>175</v>
      </c>
      <c r="B27522" s="14" t="s">
        <v>1</v>
      </c>
      <c r="C27522" s="14" t="s">
        <v>59</v>
      </c>
      <c r="D27522" s="14" t="s">
        <v>176</v>
      </c>
      <c r="E27522" s="15">
        <v>45523</v>
      </c>
      <c r="F27522" s="14" t="s">
        <v>61</v>
      </c>
      <c r="G27522" s="16">
        <v>0.1075849974508712</v>
      </c>
    </row>
    <row r="27523" spans="1:7" x14ac:dyDescent="0.3">
      <c r="A27523" s="13" t="s">
        <v>175</v>
      </c>
      <c r="B27523" s="14" t="s">
        <v>1</v>
      </c>
      <c r="C27523" s="14" t="s">
        <v>59</v>
      </c>
      <c r="D27523" s="14" t="s">
        <v>176</v>
      </c>
      <c r="E27523" s="15">
        <v>45524</v>
      </c>
      <c r="F27523" s="14" t="s">
        <v>61</v>
      </c>
      <c r="G27523" s="16">
        <v>9.766686407824364E-2</v>
      </c>
    </row>
    <row r="27524" spans="1:7" x14ac:dyDescent="0.3">
      <c r="A27524" s="13" t="s">
        <v>175</v>
      </c>
      <c r="B27524" s="14" t="s">
        <v>1</v>
      </c>
      <c r="C27524" s="14" t="s">
        <v>59</v>
      </c>
      <c r="D27524" s="14" t="s">
        <v>176</v>
      </c>
      <c r="E27524" s="15">
        <v>45525</v>
      </c>
      <c r="F27524" s="14" t="s">
        <v>61</v>
      </c>
      <c r="G27524" s="16">
        <v>9.4311495192559894E-2</v>
      </c>
    </row>
    <row r="27525" spans="1:7" x14ac:dyDescent="0.3">
      <c r="A27525" s="13" t="s">
        <v>175</v>
      </c>
      <c r="B27525" s="14" t="s">
        <v>1</v>
      </c>
      <c r="C27525" s="14" t="s">
        <v>59</v>
      </c>
      <c r="D27525" s="14" t="s">
        <v>176</v>
      </c>
      <c r="E27525" s="15">
        <v>45526</v>
      </c>
      <c r="F27525" s="14" t="s">
        <v>61</v>
      </c>
      <c r="G27525" s="16">
        <v>0.12510584052773524</v>
      </c>
    </row>
    <row r="27526" spans="1:7" x14ac:dyDescent="0.3">
      <c r="A27526" s="13" t="s">
        <v>175</v>
      </c>
      <c r="B27526" s="14" t="s">
        <v>1</v>
      </c>
      <c r="C27526" s="14" t="s">
        <v>59</v>
      </c>
      <c r="D27526" s="14" t="s">
        <v>176</v>
      </c>
      <c r="E27526" s="15">
        <v>45527</v>
      </c>
      <c r="F27526" s="14" t="s">
        <v>61</v>
      </c>
      <c r="G27526" s="16">
        <v>0.1210144800774678</v>
      </c>
    </row>
    <row r="27527" spans="1:7" x14ac:dyDescent="0.3">
      <c r="A27527" s="13" t="s">
        <v>175</v>
      </c>
      <c r="B27527" s="14" t="s">
        <v>1</v>
      </c>
      <c r="C27527" s="14" t="s">
        <v>59</v>
      </c>
      <c r="D27527" s="14" t="s">
        <v>176</v>
      </c>
      <c r="E27527" s="15">
        <v>45528</v>
      </c>
      <c r="F27527" s="14" t="s">
        <v>61</v>
      </c>
      <c r="G27527" s="16">
        <v>0.1210144800774678</v>
      </c>
    </row>
    <row r="27528" spans="1:7" x14ac:dyDescent="0.3">
      <c r="A27528" s="13" t="s">
        <v>175</v>
      </c>
      <c r="B27528" s="14" t="s">
        <v>1</v>
      </c>
      <c r="C27528" s="14" t="s">
        <v>59</v>
      </c>
      <c r="D27528" s="14" t="s">
        <v>176</v>
      </c>
      <c r="E27528" s="15">
        <v>45529</v>
      </c>
      <c r="F27528" s="14" t="s">
        <v>61</v>
      </c>
      <c r="G27528" s="16">
        <v>0.1210144800774678</v>
      </c>
    </row>
    <row r="27529" spans="1:7" x14ac:dyDescent="0.3">
      <c r="A27529" s="13" t="s">
        <v>175</v>
      </c>
      <c r="B27529" s="14" t="s">
        <v>1</v>
      </c>
      <c r="C27529" s="14" t="s">
        <v>59</v>
      </c>
      <c r="D27529" s="14" t="s">
        <v>176</v>
      </c>
      <c r="E27529" s="15">
        <v>45530</v>
      </c>
      <c r="F27529" s="14" t="s">
        <v>61</v>
      </c>
      <c r="G27529" s="16">
        <v>0.12608113069534224</v>
      </c>
    </row>
    <row r="27530" spans="1:7" x14ac:dyDescent="0.3">
      <c r="A27530" s="13" t="s">
        <v>175</v>
      </c>
      <c r="B27530" s="14" t="s">
        <v>1</v>
      </c>
      <c r="C27530" s="14" t="s">
        <v>59</v>
      </c>
      <c r="D27530" s="14" t="s">
        <v>176</v>
      </c>
      <c r="E27530" s="15">
        <v>45531</v>
      </c>
      <c r="F27530" s="14" t="s">
        <v>61</v>
      </c>
      <c r="G27530" s="16">
        <v>0.11611538777030164</v>
      </c>
    </row>
    <row r="27531" spans="1:7" x14ac:dyDescent="0.3">
      <c r="A27531" s="13" t="s">
        <v>175</v>
      </c>
      <c r="B27531" s="14" t="s">
        <v>1</v>
      </c>
      <c r="C27531" s="14" t="s">
        <v>59</v>
      </c>
      <c r="D27531" s="14" t="s">
        <v>176</v>
      </c>
      <c r="E27531" s="15">
        <v>45532</v>
      </c>
      <c r="F27531" s="14" t="s">
        <v>61</v>
      </c>
      <c r="G27531" s="16">
        <v>0.11354812211097635</v>
      </c>
    </row>
    <row r="27532" spans="1:7" x14ac:dyDescent="0.3">
      <c r="A27532" s="13" t="s">
        <v>175</v>
      </c>
      <c r="B27532" s="14" t="s">
        <v>1</v>
      </c>
      <c r="C27532" s="14" t="s">
        <v>59</v>
      </c>
      <c r="D27532" s="14" t="s">
        <v>176</v>
      </c>
      <c r="E27532" s="15">
        <v>45533</v>
      </c>
      <c r="F27532" s="14" t="s">
        <v>61</v>
      </c>
      <c r="G27532" s="16">
        <v>0.11074538252500034</v>
      </c>
    </row>
    <row r="27533" spans="1:7" x14ac:dyDescent="0.3">
      <c r="A27533" s="13" t="s">
        <v>175</v>
      </c>
      <c r="B27533" s="14" t="s">
        <v>1</v>
      </c>
      <c r="C27533" s="14" t="s">
        <v>59</v>
      </c>
      <c r="D27533" s="14" t="s">
        <v>176</v>
      </c>
      <c r="E27533" s="15">
        <v>45534</v>
      </c>
      <c r="F27533" s="14" t="s">
        <v>61</v>
      </c>
      <c r="G27533" s="16">
        <v>0.10780204367915207</v>
      </c>
    </row>
    <row r="27534" spans="1:7" x14ac:dyDescent="0.3">
      <c r="A27534" s="13" t="s">
        <v>175</v>
      </c>
      <c r="B27534" s="14" t="s">
        <v>1</v>
      </c>
      <c r="C27534" s="14" t="s">
        <v>59</v>
      </c>
      <c r="D27534" s="14" t="s">
        <v>176</v>
      </c>
      <c r="E27534" s="15">
        <v>45535</v>
      </c>
      <c r="F27534" s="14" t="s">
        <v>61</v>
      </c>
      <c r="G27534" s="16">
        <v>0.10780204367915207</v>
      </c>
    </row>
    <row r="27535" spans="1:7" x14ac:dyDescent="0.3">
      <c r="A27535" s="13" t="s">
        <v>175</v>
      </c>
      <c r="B27535" s="14" t="s">
        <v>1</v>
      </c>
      <c r="C27535" s="14" t="s">
        <v>59</v>
      </c>
      <c r="D27535" s="14" t="s">
        <v>176</v>
      </c>
      <c r="E27535" s="15">
        <v>45536</v>
      </c>
      <c r="F27535" s="14" t="s">
        <v>61</v>
      </c>
      <c r="G27535" s="16">
        <v>0.10780204367915207</v>
      </c>
    </row>
    <row r="27536" spans="1:7" x14ac:dyDescent="0.3">
      <c r="A27536" s="13" t="s">
        <v>175</v>
      </c>
      <c r="B27536" s="14" t="s">
        <v>1</v>
      </c>
      <c r="C27536" s="14" t="s">
        <v>59</v>
      </c>
      <c r="D27536" s="14" t="s">
        <v>176</v>
      </c>
      <c r="E27536" s="15">
        <v>45537</v>
      </c>
      <c r="F27536" s="14" t="s">
        <v>61</v>
      </c>
      <c r="G27536" s="16">
        <v>0.10434053219051014</v>
      </c>
    </row>
    <row r="27537" spans="1:7" x14ac:dyDescent="0.3">
      <c r="A27537" s="13" t="s">
        <v>175</v>
      </c>
      <c r="B27537" s="14" t="s">
        <v>1</v>
      </c>
      <c r="C27537" s="14" t="s">
        <v>59</v>
      </c>
      <c r="D27537" s="14" t="s">
        <v>176</v>
      </c>
      <c r="E27537" s="15">
        <v>45538</v>
      </c>
      <c r="F27537" s="14" t="s">
        <v>61</v>
      </c>
      <c r="G27537" s="16">
        <v>0.1000992225739695</v>
      </c>
    </row>
    <row r="27538" spans="1:7" x14ac:dyDescent="0.3">
      <c r="A27538" s="13" t="s">
        <v>175</v>
      </c>
      <c r="B27538" s="14" t="s">
        <v>1</v>
      </c>
      <c r="C27538" s="14" t="s">
        <v>59</v>
      </c>
      <c r="D27538" s="14" t="s">
        <v>176</v>
      </c>
      <c r="E27538" s="15">
        <v>45539</v>
      </c>
      <c r="F27538" s="14" t="s">
        <v>61</v>
      </c>
      <c r="G27538" s="16">
        <v>9.6524666962311559E-2</v>
      </c>
    </row>
    <row r="27539" spans="1:7" x14ac:dyDescent="0.3">
      <c r="A27539" s="13" t="s">
        <v>175</v>
      </c>
      <c r="B27539" s="14" t="s">
        <v>1</v>
      </c>
      <c r="C27539" s="14" t="s">
        <v>59</v>
      </c>
      <c r="D27539" s="14" t="s">
        <v>176</v>
      </c>
      <c r="E27539" s="15">
        <v>45540</v>
      </c>
      <c r="F27539" s="14" t="s">
        <v>61</v>
      </c>
      <c r="G27539" s="16">
        <v>9.3093497655825738E-2</v>
      </c>
    </row>
    <row r="27540" spans="1:7" x14ac:dyDescent="0.3">
      <c r="A27540" s="13" t="s">
        <v>175</v>
      </c>
      <c r="B27540" s="14" t="s">
        <v>1</v>
      </c>
      <c r="C27540" s="14" t="s">
        <v>59</v>
      </c>
      <c r="D27540" s="14" t="s">
        <v>176</v>
      </c>
      <c r="E27540" s="15">
        <v>45541</v>
      </c>
      <c r="F27540" s="14" t="s">
        <v>61</v>
      </c>
      <c r="G27540" s="16">
        <v>9.0107243147319396E-2</v>
      </c>
    </row>
    <row r="27541" spans="1:7" x14ac:dyDescent="0.3">
      <c r="A27541" s="13" t="s">
        <v>175</v>
      </c>
      <c r="B27541" s="14" t="s">
        <v>1</v>
      </c>
      <c r="C27541" s="14" t="s">
        <v>59</v>
      </c>
      <c r="D27541" s="14" t="s">
        <v>176</v>
      </c>
      <c r="E27541" s="15">
        <v>45542</v>
      </c>
      <c r="F27541" s="14" t="s">
        <v>61</v>
      </c>
      <c r="G27541" s="16">
        <v>9.0107243147319396E-2</v>
      </c>
    </row>
    <row r="27542" spans="1:7" x14ac:dyDescent="0.3">
      <c r="A27542" s="13" t="s">
        <v>175</v>
      </c>
      <c r="B27542" s="14" t="s">
        <v>1</v>
      </c>
      <c r="C27542" s="14" t="s">
        <v>59</v>
      </c>
      <c r="D27542" s="14" t="s">
        <v>176</v>
      </c>
      <c r="E27542" s="15">
        <v>45543</v>
      </c>
      <c r="F27542" s="14" t="s">
        <v>61</v>
      </c>
      <c r="G27542" s="16">
        <v>9.0107243147319396E-2</v>
      </c>
    </row>
    <row r="27543" spans="1:7" x14ac:dyDescent="0.3">
      <c r="A27543" s="13" t="s">
        <v>175</v>
      </c>
      <c r="B27543" s="14" t="s">
        <v>1</v>
      </c>
      <c r="C27543" s="14" t="s">
        <v>59</v>
      </c>
      <c r="D27543" s="14" t="s">
        <v>176</v>
      </c>
      <c r="E27543" s="15">
        <v>45544</v>
      </c>
      <c r="F27543" s="14" t="s">
        <v>61</v>
      </c>
      <c r="G27543" s="16">
        <v>8.7331287167020349E-2</v>
      </c>
    </row>
    <row r="27544" spans="1:7" x14ac:dyDescent="0.3">
      <c r="A27544" s="13" t="s">
        <v>175</v>
      </c>
      <c r="B27544" s="14" t="s">
        <v>1</v>
      </c>
      <c r="C27544" s="14" t="s">
        <v>59</v>
      </c>
      <c r="D27544" s="14" t="s">
        <v>176</v>
      </c>
      <c r="E27544" s="15">
        <v>45545</v>
      </c>
      <c r="F27544" s="14" t="s">
        <v>61</v>
      </c>
      <c r="G27544" s="16">
        <v>7.7827826541522829E-2</v>
      </c>
    </row>
    <row r="27545" spans="1:7" x14ac:dyDescent="0.3">
      <c r="A27545" s="13" t="s">
        <v>175</v>
      </c>
      <c r="B27545" s="14" t="s">
        <v>1</v>
      </c>
      <c r="C27545" s="14" t="s">
        <v>59</v>
      </c>
      <c r="D27545" s="14" t="s">
        <v>176</v>
      </c>
      <c r="E27545" s="15">
        <v>45546</v>
      </c>
      <c r="F27545" s="14" t="s">
        <v>61</v>
      </c>
      <c r="G27545" s="16">
        <v>7.4691623800479071E-2</v>
      </c>
    </row>
    <row r="27546" spans="1:7" x14ac:dyDescent="0.3">
      <c r="A27546" s="13" t="s">
        <v>175</v>
      </c>
      <c r="B27546" s="14" t="s">
        <v>1</v>
      </c>
      <c r="C27546" s="14" t="s">
        <v>59</v>
      </c>
      <c r="D27546" s="14" t="s">
        <v>176</v>
      </c>
      <c r="E27546" s="15">
        <v>45547</v>
      </c>
      <c r="F27546" s="14" t="s">
        <v>61</v>
      </c>
      <c r="G27546" s="16">
        <v>7.111428123112E-2</v>
      </c>
    </row>
    <row r="27547" spans="1:7" x14ac:dyDescent="0.3">
      <c r="A27547" s="13" t="s">
        <v>175</v>
      </c>
      <c r="B27547" s="14" t="s">
        <v>1</v>
      </c>
      <c r="C27547" s="14" t="s">
        <v>59</v>
      </c>
      <c r="D27547" s="14" t="s">
        <v>176</v>
      </c>
      <c r="E27547" s="15">
        <v>45548</v>
      </c>
      <c r="F27547" s="14" t="s">
        <v>61</v>
      </c>
      <c r="G27547" s="16">
        <v>0.12836126196093148</v>
      </c>
    </row>
    <row r="27548" spans="1:7" x14ac:dyDescent="0.3">
      <c r="A27548" s="13" t="s">
        <v>175</v>
      </c>
      <c r="B27548" s="14" t="s">
        <v>1</v>
      </c>
      <c r="C27548" s="14" t="s">
        <v>59</v>
      </c>
      <c r="D27548" s="14" t="s">
        <v>176</v>
      </c>
      <c r="E27548" s="15">
        <v>45549</v>
      </c>
      <c r="F27548" s="14" t="s">
        <v>61</v>
      </c>
      <c r="G27548" s="16">
        <v>0.12836126196093148</v>
      </c>
    </row>
    <row r="27549" spans="1:7" x14ac:dyDescent="0.3">
      <c r="A27549" s="13" t="s">
        <v>175</v>
      </c>
      <c r="B27549" s="14" t="s">
        <v>1</v>
      </c>
      <c r="C27549" s="14" t="s">
        <v>59</v>
      </c>
      <c r="D27549" s="14" t="s">
        <v>176</v>
      </c>
      <c r="E27549" s="15">
        <v>45550</v>
      </c>
      <c r="F27549" s="14" t="s">
        <v>61</v>
      </c>
      <c r="G27549" s="16">
        <v>0.12836126196093148</v>
      </c>
    </row>
    <row r="27550" spans="1:7" x14ac:dyDescent="0.3">
      <c r="A27550" s="13" t="s">
        <v>175</v>
      </c>
      <c r="B27550" s="14" t="s">
        <v>1</v>
      </c>
      <c r="C27550" s="14" t="s">
        <v>59</v>
      </c>
      <c r="D27550" s="14" t="s">
        <v>176</v>
      </c>
      <c r="E27550" s="15">
        <v>45551</v>
      </c>
      <c r="F27550" s="14" t="s">
        <v>61</v>
      </c>
      <c r="G27550" s="16">
        <v>0.12452414090867146</v>
      </c>
    </row>
    <row r="27551" spans="1:7" x14ac:dyDescent="0.3">
      <c r="A27551" s="13" t="s">
        <v>175</v>
      </c>
      <c r="B27551" s="14" t="s">
        <v>1</v>
      </c>
      <c r="C27551" s="14" t="s">
        <v>59</v>
      </c>
      <c r="D27551" s="14" t="s">
        <v>176</v>
      </c>
      <c r="E27551" s="15">
        <v>45552</v>
      </c>
      <c r="F27551" s="14" t="s">
        <v>61</v>
      </c>
      <c r="G27551" s="16">
        <v>0.11503178051493113</v>
      </c>
    </row>
    <row r="27552" spans="1:7" x14ac:dyDescent="0.3">
      <c r="A27552" s="13" t="s">
        <v>175</v>
      </c>
      <c r="B27552" s="14" t="s">
        <v>1</v>
      </c>
      <c r="C27552" s="14" t="s">
        <v>59</v>
      </c>
      <c r="D27552" s="14" t="s">
        <v>176</v>
      </c>
      <c r="E27552" s="15">
        <v>45553</v>
      </c>
      <c r="F27552" s="14" t="s">
        <v>61</v>
      </c>
      <c r="G27552" s="16">
        <v>0.1117480961762518</v>
      </c>
    </row>
    <row r="27553" spans="1:7" x14ac:dyDescent="0.3">
      <c r="A27553" s="13" t="s">
        <v>175</v>
      </c>
      <c r="B27553" s="14" t="s">
        <v>1</v>
      </c>
      <c r="C27553" s="14" t="s">
        <v>59</v>
      </c>
      <c r="D27553" s="14" t="s">
        <v>176</v>
      </c>
      <c r="E27553" s="15">
        <v>45554</v>
      </c>
      <c r="F27553" s="14" t="s">
        <v>61</v>
      </c>
      <c r="G27553" s="16">
        <v>0.10808420383328776</v>
      </c>
    </row>
    <row r="27554" spans="1:7" x14ac:dyDescent="0.3">
      <c r="A27554" s="13" t="s">
        <v>175</v>
      </c>
      <c r="B27554" s="14" t="s">
        <v>1</v>
      </c>
      <c r="C27554" s="14" t="s">
        <v>59</v>
      </c>
      <c r="D27554" s="14" t="s">
        <v>176</v>
      </c>
      <c r="E27554" s="15">
        <v>45555</v>
      </c>
      <c r="F27554" s="14" t="s">
        <v>61</v>
      </c>
      <c r="G27554" s="16">
        <v>0.10485506659946162</v>
      </c>
    </row>
    <row r="27555" spans="1:7" x14ac:dyDescent="0.3">
      <c r="A27555" s="13" t="s">
        <v>175</v>
      </c>
      <c r="B27555" s="14" t="s">
        <v>1</v>
      </c>
      <c r="C27555" s="14" t="s">
        <v>59</v>
      </c>
      <c r="D27555" s="14" t="s">
        <v>176</v>
      </c>
      <c r="E27555" s="15">
        <v>45556</v>
      </c>
      <c r="F27555" s="14" t="s">
        <v>61</v>
      </c>
      <c r="G27555" s="16">
        <v>0.10485506659946162</v>
      </c>
    </row>
    <row r="27556" spans="1:7" x14ac:dyDescent="0.3">
      <c r="A27556" s="13" t="s">
        <v>175</v>
      </c>
      <c r="B27556" s="14" t="s">
        <v>1</v>
      </c>
      <c r="C27556" s="14" t="s">
        <v>59</v>
      </c>
      <c r="D27556" s="14" t="s">
        <v>176</v>
      </c>
      <c r="E27556" s="15">
        <v>45557</v>
      </c>
      <c r="F27556" s="14" t="s">
        <v>61</v>
      </c>
      <c r="G27556" s="16">
        <v>0.10485506659946162</v>
      </c>
    </row>
    <row r="27557" spans="1:7" x14ac:dyDescent="0.3">
      <c r="A27557" s="13" t="s">
        <v>175</v>
      </c>
      <c r="B27557" s="14" t="s">
        <v>1</v>
      </c>
      <c r="C27557" s="14" t="s">
        <v>59</v>
      </c>
      <c r="D27557" s="14" t="s">
        <v>176</v>
      </c>
      <c r="E27557" s="15">
        <v>45558</v>
      </c>
      <c r="F27557" s="14" t="s">
        <v>61</v>
      </c>
      <c r="G27557" s="16">
        <v>0.10206308761076623</v>
      </c>
    </row>
    <row r="27558" spans="1:7" x14ac:dyDescent="0.3">
      <c r="A27558" s="13" t="s">
        <v>175</v>
      </c>
      <c r="B27558" s="14" t="s">
        <v>1</v>
      </c>
      <c r="C27558" s="14" t="s">
        <v>59</v>
      </c>
      <c r="D27558" s="14" t="s">
        <v>176</v>
      </c>
      <c r="E27558" s="15">
        <v>45559</v>
      </c>
      <c r="F27558" s="14" t="s">
        <v>61</v>
      </c>
      <c r="G27558" s="16">
        <v>9.1711443423090566E-2</v>
      </c>
    </row>
    <row r="27559" spans="1:7" x14ac:dyDescent="0.3">
      <c r="A27559" s="13" t="s">
        <v>175</v>
      </c>
      <c r="B27559" s="14" t="s">
        <v>1</v>
      </c>
      <c r="C27559" s="14" t="s">
        <v>59</v>
      </c>
      <c r="D27559" s="14" t="s">
        <v>176</v>
      </c>
      <c r="E27559" s="15">
        <v>45560</v>
      </c>
      <c r="F27559" s="14" t="s">
        <v>61</v>
      </c>
      <c r="G27559" s="16">
        <v>8.8837457841037915E-2</v>
      </c>
    </row>
    <row r="27560" spans="1:7" x14ac:dyDescent="0.3">
      <c r="A27560" s="13" t="s">
        <v>175</v>
      </c>
      <c r="B27560" s="14" t="s">
        <v>1</v>
      </c>
      <c r="C27560" s="14" t="s">
        <v>59</v>
      </c>
      <c r="D27560" s="14" t="s">
        <v>176</v>
      </c>
      <c r="E27560" s="15">
        <v>45561</v>
      </c>
      <c r="F27560" s="14" t="s">
        <v>61</v>
      </c>
      <c r="G27560" s="16">
        <v>8.6822408041359364E-2</v>
      </c>
    </row>
    <row r="27561" spans="1:7" x14ac:dyDescent="0.3">
      <c r="A27561" s="13" t="s">
        <v>175</v>
      </c>
      <c r="B27561" s="14" t="s">
        <v>1</v>
      </c>
      <c r="C27561" s="14" t="s">
        <v>59</v>
      </c>
      <c r="D27561" s="14" t="s">
        <v>176</v>
      </c>
      <c r="E27561" s="15">
        <v>45562</v>
      </c>
      <c r="F27561" s="14" t="s">
        <v>61</v>
      </c>
      <c r="G27561" s="16">
        <v>8.3794077346985921E-2</v>
      </c>
    </row>
    <row r="27562" spans="1:7" x14ac:dyDescent="0.3">
      <c r="A27562" s="13" t="s">
        <v>175</v>
      </c>
      <c r="B27562" s="14" t="s">
        <v>1</v>
      </c>
      <c r="C27562" s="14" t="s">
        <v>59</v>
      </c>
      <c r="D27562" s="14" t="s">
        <v>176</v>
      </c>
      <c r="E27562" s="15">
        <v>45563</v>
      </c>
      <c r="F27562" s="14" t="s">
        <v>61</v>
      </c>
      <c r="G27562" s="16">
        <v>8.3794077346985921E-2</v>
      </c>
    </row>
    <row r="27563" spans="1:7" x14ac:dyDescent="0.3">
      <c r="A27563" s="13" t="s">
        <v>175</v>
      </c>
      <c r="B27563" s="14" t="s">
        <v>1</v>
      </c>
      <c r="C27563" s="14" t="s">
        <v>59</v>
      </c>
      <c r="D27563" s="14" t="s">
        <v>176</v>
      </c>
      <c r="E27563" s="15">
        <v>45564</v>
      </c>
      <c r="F27563" s="14" t="s">
        <v>61</v>
      </c>
      <c r="G27563" s="16">
        <v>8.3794077346985921E-2</v>
      </c>
    </row>
    <row r="27564" spans="1:7" x14ac:dyDescent="0.3">
      <c r="A27564" s="13" t="s">
        <v>175</v>
      </c>
      <c r="B27564" s="14" t="s">
        <v>1</v>
      </c>
      <c r="C27564" s="14" t="s">
        <v>59</v>
      </c>
      <c r="D27564" s="14" t="s">
        <v>176</v>
      </c>
      <c r="E27564" s="15">
        <v>45565</v>
      </c>
      <c r="F27564" s="14" t="s">
        <v>61</v>
      </c>
      <c r="G27564" s="16">
        <v>8.0745929257241111E-2</v>
      </c>
    </row>
    <row r="27565" spans="1:7" x14ac:dyDescent="0.3">
      <c r="A27565" s="13" t="s">
        <v>175</v>
      </c>
      <c r="B27565" s="14" t="s">
        <v>1</v>
      </c>
      <c r="C27565" s="14" t="s">
        <v>59</v>
      </c>
      <c r="D27565" s="14" t="s">
        <v>176</v>
      </c>
      <c r="E27565" s="15">
        <v>45566</v>
      </c>
      <c r="F27565" s="14" t="s">
        <v>61</v>
      </c>
      <c r="G27565" s="16">
        <v>7.1271351791687504E-2</v>
      </c>
    </row>
    <row r="27566" spans="1:7" x14ac:dyDescent="0.3">
      <c r="A27566" s="13" t="s">
        <v>175</v>
      </c>
      <c r="B27566" s="14" t="s">
        <v>1</v>
      </c>
      <c r="C27566" s="14" t="s">
        <v>59</v>
      </c>
      <c r="D27566" s="14" t="s">
        <v>176</v>
      </c>
      <c r="E27566" s="15">
        <v>45567</v>
      </c>
      <c r="F27566" s="14" t="s">
        <v>61</v>
      </c>
      <c r="G27566" s="16">
        <v>7.4109818323617127E-2</v>
      </c>
    </row>
    <row r="27567" spans="1:7" x14ac:dyDescent="0.3">
      <c r="A27567" s="13" t="s">
        <v>175</v>
      </c>
      <c r="B27567" s="14" t="s">
        <v>1</v>
      </c>
      <c r="C27567" s="14" t="s">
        <v>59</v>
      </c>
      <c r="D27567" s="14" t="s">
        <v>176</v>
      </c>
      <c r="E27567" s="15">
        <v>45568</v>
      </c>
      <c r="F27567" s="14" t="s">
        <v>61</v>
      </c>
      <c r="G27567" s="16">
        <v>7.0940877579014794E-2</v>
      </c>
    </row>
    <row r="27568" spans="1:7" x14ac:dyDescent="0.3">
      <c r="A27568" s="13" t="s">
        <v>175</v>
      </c>
      <c r="B27568" s="14" t="s">
        <v>1</v>
      </c>
      <c r="C27568" s="14" t="s">
        <v>59</v>
      </c>
      <c r="D27568" s="14" t="s">
        <v>176</v>
      </c>
      <c r="E27568" s="15">
        <v>45569</v>
      </c>
      <c r="F27568" s="14" t="s">
        <v>61</v>
      </c>
      <c r="G27568" s="16">
        <v>6.8011829478270197E-2</v>
      </c>
    </row>
    <row r="27569" spans="1:7" x14ac:dyDescent="0.3">
      <c r="A27569" s="13" t="s">
        <v>175</v>
      </c>
      <c r="B27569" s="14" t="s">
        <v>1</v>
      </c>
      <c r="C27569" s="14" t="s">
        <v>59</v>
      </c>
      <c r="D27569" s="14" t="s">
        <v>176</v>
      </c>
      <c r="E27569" s="15">
        <v>45570</v>
      </c>
      <c r="F27569" s="14" t="s">
        <v>61</v>
      </c>
      <c r="G27569" s="16">
        <v>6.8011829478270197E-2</v>
      </c>
    </row>
    <row r="27570" spans="1:7" x14ac:dyDescent="0.3">
      <c r="A27570" s="13" t="s">
        <v>175</v>
      </c>
      <c r="B27570" s="14" t="s">
        <v>1</v>
      </c>
      <c r="C27570" s="14" t="s">
        <v>59</v>
      </c>
      <c r="D27570" s="14" t="s">
        <v>176</v>
      </c>
      <c r="E27570" s="15">
        <v>45571</v>
      </c>
      <c r="F27570" s="14" t="s">
        <v>61</v>
      </c>
      <c r="G27570" s="16">
        <v>6.8011829478270197E-2</v>
      </c>
    </row>
    <row r="27571" spans="1:7" x14ac:dyDescent="0.3">
      <c r="A27571" s="13" t="s">
        <v>175</v>
      </c>
      <c r="B27571" s="14" t="s">
        <v>1</v>
      </c>
      <c r="C27571" s="14" t="s">
        <v>59</v>
      </c>
      <c r="D27571" s="14" t="s">
        <v>176</v>
      </c>
      <c r="E27571" s="15">
        <v>45572</v>
      </c>
      <c r="F27571" s="14" t="s">
        <v>61</v>
      </c>
      <c r="G27571" s="16">
        <v>6.4758949226006765E-2</v>
      </c>
    </row>
    <row r="27572" spans="1:7" x14ac:dyDescent="0.3">
      <c r="A27572" s="13" t="s">
        <v>175</v>
      </c>
      <c r="B27572" s="14" t="s">
        <v>1</v>
      </c>
      <c r="C27572" s="14" t="s">
        <v>59</v>
      </c>
      <c r="D27572" s="14" t="s">
        <v>176</v>
      </c>
      <c r="E27572" s="15">
        <v>45573</v>
      </c>
      <c r="F27572" s="14" t="s">
        <v>61</v>
      </c>
      <c r="G27572" s="16">
        <v>5.4969052602424448E-2</v>
      </c>
    </row>
    <row r="27573" spans="1:7" x14ac:dyDescent="0.3">
      <c r="A27573" s="13" t="s">
        <v>175</v>
      </c>
      <c r="B27573" s="14" t="s">
        <v>1</v>
      </c>
      <c r="C27573" s="14" t="s">
        <v>59</v>
      </c>
      <c r="D27573" s="14" t="s">
        <v>176</v>
      </c>
      <c r="E27573" s="15">
        <v>45574</v>
      </c>
      <c r="F27573" s="14" t="s">
        <v>61</v>
      </c>
      <c r="G27573" s="16">
        <v>7.002638199685704E-2</v>
      </c>
    </row>
    <row r="27574" spans="1:7" x14ac:dyDescent="0.3">
      <c r="A27574" s="13" t="s">
        <v>175</v>
      </c>
      <c r="B27574" s="14" t="s">
        <v>1</v>
      </c>
      <c r="C27574" s="14" t="s">
        <v>59</v>
      </c>
      <c r="D27574" s="14" t="s">
        <v>176</v>
      </c>
      <c r="E27574" s="15">
        <v>45575</v>
      </c>
      <c r="F27574" s="14" t="s">
        <v>61</v>
      </c>
      <c r="G27574" s="16">
        <v>6.6793736089683628E-2</v>
      </c>
    </row>
    <row r="27575" spans="1:7" x14ac:dyDescent="0.3">
      <c r="A27575" s="13" t="s">
        <v>175</v>
      </c>
      <c r="B27575" s="14" t="s">
        <v>1</v>
      </c>
      <c r="C27575" s="14" t="s">
        <v>59</v>
      </c>
      <c r="D27575" s="14" t="s">
        <v>176</v>
      </c>
      <c r="E27575" s="15">
        <v>45576</v>
      </c>
      <c r="F27575" s="14" t="s">
        <v>61</v>
      </c>
      <c r="G27575" s="16">
        <v>6.3517806925200537E-2</v>
      </c>
    </row>
    <row r="27576" spans="1:7" x14ac:dyDescent="0.3">
      <c r="A27576" s="13" t="s">
        <v>175</v>
      </c>
      <c r="B27576" s="14" t="s">
        <v>1</v>
      </c>
      <c r="C27576" s="14" t="s">
        <v>59</v>
      </c>
      <c r="D27576" s="14" t="s">
        <v>176</v>
      </c>
      <c r="E27576" s="15">
        <v>45577</v>
      </c>
      <c r="F27576" s="14" t="s">
        <v>61</v>
      </c>
      <c r="G27576" s="16">
        <v>6.3517806925200537E-2</v>
      </c>
    </row>
    <row r="27577" spans="1:7" x14ac:dyDescent="0.3">
      <c r="A27577" s="13" t="s">
        <v>175</v>
      </c>
      <c r="B27577" s="14" t="s">
        <v>1</v>
      </c>
      <c r="C27577" s="14" t="s">
        <v>59</v>
      </c>
      <c r="D27577" s="14" t="s">
        <v>176</v>
      </c>
      <c r="E27577" s="15">
        <v>45578</v>
      </c>
      <c r="F27577" s="14" t="s">
        <v>61</v>
      </c>
      <c r="G27577" s="16">
        <v>6.3517806925200537E-2</v>
      </c>
    </row>
    <row r="27578" spans="1:7" x14ac:dyDescent="0.3">
      <c r="A27578" s="13" t="s">
        <v>175</v>
      </c>
      <c r="B27578" s="14" t="s">
        <v>1</v>
      </c>
      <c r="C27578" s="14" t="s">
        <v>59</v>
      </c>
      <c r="D27578" s="14" t="s">
        <v>176</v>
      </c>
      <c r="E27578" s="15">
        <v>45579</v>
      </c>
      <c r="F27578" s="14" t="s">
        <v>61</v>
      </c>
      <c r="G27578" s="16">
        <v>6.0420964262314185E-2</v>
      </c>
    </row>
    <row r="27579" spans="1:7" x14ac:dyDescent="0.3">
      <c r="A27579" s="13" t="s">
        <v>175</v>
      </c>
      <c r="B27579" s="14" t="s">
        <v>1</v>
      </c>
      <c r="C27579" s="14" t="s">
        <v>59</v>
      </c>
      <c r="D27579" s="14" t="s">
        <v>176</v>
      </c>
      <c r="E27579" s="15">
        <v>45580</v>
      </c>
      <c r="F27579" s="14" t="s">
        <v>61</v>
      </c>
      <c r="G27579" s="16">
        <v>5.061727566157305E-2</v>
      </c>
    </row>
    <row r="27580" spans="1:7" x14ac:dyDescent="0.3">
      <c r="A27580" s="13" t="s">
        <v>175</v>
      </c>
      <c r="B27580" s="14" t="s">
        <v>1</v>
      </c>
      <c r="C27580" s="14" t="s">
        <v>59</v>
      </c>
      <c r="D27580" s="14" t="s">
        <v>176</v>
      </c>
      <c r="E27580" s="15">
        <v>45581</v>
      </c>
      <c r="F27580" s="14" t="s">
        <v>61</v>
      </c>
      <c r="G27580" s="16">
        <v>4.7461394064407789E-2</v>
      </c>
    </row>
    <row r="27581" spans="1:7" x14ac:dyDescent="0.3">
      <c r="A27581" s="13" t="s">
        <v>175</v>
      </c>
      <c r="B27581" s="14" t="s">
        <v>1</v>
      </c>
      <c r="C27581" s="14" t="s">
        <v>59</v>
      </c>
      <c r="D27581" s="14" t="s">
        <v>176</v>
      </c>
      <c r="E27581" s="15">
        <v>45582</v>
      </c>
      <c r="F27581" s="14" t="s">
        <v>61</v>
      </c>
      <c r="G27581" s="16">
        <v>4.4294673009181815E-2</v>
      </c>
    </row>
    <row r="27582" spans="1:7" x14ac:dyDescent="0.3">
      <c r="A27582" s="13" t="s">
        <v>175</v>
      </c>
      <c r="B27582" s="14" t="s">
        <v>1</v>
      </c>
      <c r="C27582" s="14" t="s">
        <v>59</v>
      </c>
      <c r="D27582" s="14" t="s">
        <v>176</v>
      </c>
      <c r="E27582" s="15">
        <v>45583</v>
      </c>
      <c r="F27582" s="14" t="s">
        <v>61</v>
      </c>
      <c r="G27582" s="16">
        <v>4.0870316047584648E-2</v>
      </c>
    </row>
    <row r="27583" spans="1:7" x14ac:dyDescent="0.3">
      <c r="A27583" s="13" t="s">
        <v>175</v>
      </c>
      <c r="B27583" s="14" t="s">
        <v>1</v>
      </c>
      <c r="C27583" s="14" t="s">
        <v>59</v>
      </c>
      <c r="D27583" s="14" t="s">
        <v>176</v>
      </c>
      <c r="E27583" s="15">
        <v>45584</v>
      </c>
      <c r="F27583" s="14" t="s">
        <v>61</v>
      </c>
      <c r="G27583" s="16">
        <v>4.0870316047584648E-2</v>
      </c>
    </row>
    <row r="27584" spans="1:7" x14ac:dyDescent="0.3">
      <c r="A27584" s="13" t="s">
        <v>175</v>
      </c>
      <c r="B27584" s="14" t="s">
        <v>1</v>
      </c>
      <c r="C27584" s="14" t="s">
        <v>59</v>
      </c>
      <c r="D27584" s="14" t="s">
        <v>176</v>
      </c>
      <c r="E27584" s="15">
        <v>45585</v>
      </c>
      <c r="F27584" s="14" t="s">
        <v>61</v>
      </c>
      <c r="G27584" s="16">
        <v>4.0870316047584648E-2</v>
      </c>
    </row>
    <row r="27585" spans="1:7" x14ac:dyDescent="0.3">
      <c r="A27585" s="13" t="s">
        <v>175</v>
      </c>
      <c r="B27585" s="14" t="s">
        <v>1</v>
      </c>
      <c r="C27585" s="14" t="s">
        <v>59</v>
      </c>
      <c r="D27585" s="14" t="s">
        <v>176</v>
      </c>
      <c r="E27585" s="15">
        <v>45586</v>
      </c>
      <c r="F27585" s="14" t="s">
        <v>61</v>
      </c>
      <c r="G27585" s="16">
        <v>3.7776885133553303E-2</v>
      </c>
    </row>
    <row r="27586" spans="1:7" x14ac:dyDescent="0.3">
      <c r="A27586" s="13" t="s">
        <v>175</v>
      </c>
      <c r="B27586" s="14" t="s">
        <v>1</v>
      </c>
      <c r="C27586" s="14" t="s">
        <v>59</v>
      </c>
      <c r="D27586" s="14" t="s">
        <v>176</v>
      </c>
      <c r="E27586" s="15">
        <v>45587</v>
      </c>
      <c r="F27586" s="14" t="s">
        <v>61</v>
      </c>
      <c r="G27586" s="16">
        <v>2.7871694736644515E-2</v>
      </c>
    </row>
    <row r="27587" spans="1:7" x14ac:dyDescent="0.3">
      <c r="A27587" s="13" t="s">
        <v>175</v>
      </c>
      <c r="B27587" s="14" t="s">
        <v>1</v>
      </c>
      <c r="C27587" s="14" t="s">
        <v>59</v>
      </c>
      <c r="D27587" s="14" t="s">
        <v>176</v>
      </c>
      <c r="E27587" s="15">
        <v>45588</v>
      </c>
      <c r="F27587" s="14" t="s">
        <v>61</v>
      </c>
      <c r="G27587" s="16">
        <v>2.4629702733687118E-2</v>
      </c>
    </row>
    <row r="27588" spans="1:7" x14ac:dyDescent="0.3">
      <c r="A27588" s="13" t="s">
        <v>175</v>
      </c>
      <c r="B27588" s="14" t="s">
        <v>1</v>
      </c>
      <c r="C27588" s="14" t="s">
        <v>59</v>
      </c>
      <c r="D27588" s="14" t="s">
        <v>176</v>
      </c>
      <c r="E27588" s="15">
        <v>45589</v>
      </c>
      <c r="F27588" s="14" t="s">
        <v>61</v>
      </c>
      <c r="G27588" s="16">
        <v>2.1260777652559078E-2</v>
      </c>
    </row>
    <row r="27589" spans="1:7" x14ac:dyDescent="0.3">
      <c r="A27589" s="13" t="s">
        <v>175</v>
      </c>
      <c r="B27589" s="14" t="s">
        <v>1</v>
      </c>
      <c r="C27589" s="14" t="s">
        <v>59</v>
      </c>
      <c r="D27589" s="14" t="s">
        <v>176</v>
      </c>
      <c r="E27589" s="15">
        <v>45590</v>
      </c>
      <c r="F27589" s="14" t="s">
        <v>61</v>
      </c>
      <c r="G27589" s="16">
        <v>1.8068239621419773E-2</v>
      </c>
    </row>
    <row r="27590" spans="1:7" x14ac:dyDescent="0.3">
      <c r="A27590" s="13" t="s">
        <v>175</v>
      </c>
      <c r="B27590" s="14" t="s">
        <v>1</v>
      </c>
      <c r="C27590" s="14" t="s">
        <v>59</v>
      </c>
      <c r="D27590" s="14" t="s">
        <v>176</v>
      </c>
      <c r="E27590" s="15">
        <v>45591</v>
      </c>
      <c r="F27590" s="14" t="s">
        <v>61</v>
      </c>
      <c r="G27590" s="16">
        <v>1.8068239621419773E-2</v>
      </c>
    </row>
    <row r="27591" spans="1:7" x14ac:dyDescent="0.3">
      <c r="A27591" s="13" t="s">
        <v>175</v>
      </c>
      <c r="B27591" s="14" t="s">
        <v>1</v>
      </c>
      <c r="C27591" s="14" t="s">
        <v>59</v>
      </c>
      <c r="D27591" s="14" t="s">
        <v>176</v>
      </c>
      <c r="E27591" s="15">
        <v>45592</v>
      </c>
      <c r="F27591" s="14" t="s">
        <v>61</v>
      </c>
      <c r="G27591" s="16">
        <v>1.8068239621419773E-2</v>
      </c>
    </row>
    <row r="27592" spans="1:7" x14ac:dyDescent="0.3">
      <c r="A27592" s="13" t="s">
        <v>175</v>
      </c>
      <c r="B27592" s="14" t="s">
        <v>1</v>
      </c>
      <c r="C27592" s="14" t="s">
        <v>59</v>
      </c>
      <c r="D27592" s="14" t="s">
        <v>176</v>
      </c>
      <c r="E27592" s="15">
        <v>45593</v>
      </c>
      <c r="F27592" s="14" t="s">
        <v>61</v>
      </c>
      <c r="G27592" s="16">
        <v>1.8068239621419773E-2</v>
      </c>
    </row>
    <row r="27593" spans="1:7" x14ac:dyDescent="0.3">
      <c r="A27593" s="13" t="s">
        <v>175</v>
      </c>
      <c r="B27593" s="14" t="s">
        <v>1</v>
      </c>
      <c r="C27593" s="14" t="s">
        <v>59</v>
      </c>
      <c r="D27593" s="14" t="s">
        <v>176</v>
      </c>
      <c r="E27593" s="15">
        <v>45594</v>
      </c>
      <c r="F27593" s="14" t="s">
        <v>61</v>
      </c>
      <c r="G27593" s="16">
        <v>1.4831648283259198E-2</v>
      </c>
    </row>
    <row r="27594" spans="1:7" x14ac:dyDescent="0.3">
      <c r="A27594" s="13" t="s">
        <v>175</v>
      </c>
      <c r="B27594" s="14" t="s">
        <v>1</v>
      </c>
      <c r="C27594" s="14" t="s">
        <v>59</v>
      </c>
      <c r="D27594" s="14" t="s">
        <v>176</v>
      </c>
      <c r="E27594" s="15">
        <v>45595</v>
      </c>
      <c r="F27594" s="14" t="s">
        <v>61</v>
      </c>
      <c r="G27594" s="16">
        <v>1.6458704840029419E-3</v>
      </c>
    </row>
    <row r="27595" spans="1:7" x14ac:dyDescent="0.3">
      <c r="A27595" s="13" t="s">
        <v>175</v>
      </c>
      <c r="B27595" s="14" t="s">
        <v>1</v>
      </c>
      <c r="C27595" s="14" t="s">
        <v>59</v>
      </c>
      <c r="D27595" s="14" t="s">
        <v>176</v>
      </c>
      <c r="E27595" s="15">
        <v>45596</v>
      </c>
      <c r="F27595" s="14" t="s">
        <v>61</v>
      </c>
      <c r="G27595" s="16">
        <v>0</v>
      </c>
    </row>
    <row r="27596" spans="1:7" x14ac:dyDescent="0.3">
      <c r="A27596" s="13" t="s">
        <v>175</v>
      </c>
      <c r="B27596" s="14" t="s">
        <v>1</v>
      </c>
      <c r="C27596" s="14" t="s">
        <v>59</v>
      </c>
      <c r="D27596" s="14" t="s">
        <v>176</v>
      </c>
      <c r="E27596" s="15">
        <v>45597</v>
      </c>
      <c r="F27596" s="14" t="s">
        <v>61</v>
      </c>
      <c r="G27596" s="16">
        <v>0</v>
      </c>
    </row>
    <row r="27597" spans="1:7" x14ac:dyDescent="0.3">
      <c r="A27597" s="13" t="s">
        <v>175</v>
      </c>
      <c r="B27597" s="14" t="s">
        <v>1</v>
      </c>
      <c r="C27597" s="14" t="s">
        <v>59</v>
      </c>
      <c r="D27597" s="14" t="s">
        <v>176</v>
      </c>
      <c r="E27597" s="15">
        <v>45598</v>
      </c>
      <c r="F27597" s="14" t="s">
        <v>61</v>
      </c>
      <c r="G27597" s="16">
        <v>0</v>
      </c>
    </row>
    <row r="27598" spans="1:7" x14ac:dyDescent="0.3">
      <c r="A27598" s="13" t="s">
        <v>175</v>
      </c>
      <c r="B27598" s="14" t="s">
        <v>1</v>
      </c>
      <c r="C27598" s="14" t="s">
        <v>59</v>
      </c>
      <c r="D27598" s="14" t="s">
        <v>176</v>
      </c>
      <c r="E27598" s="15">
        <v>45599</v>
      </c>
      <c r="F27598" s="14" t="s">
        <v>61</v>
      </c>
      <c r="G27598" s="16">
        <v>0</v>
      </c>
    </row>
    <row r="27599" spans="1:7" x14ac:dyDescent="0.3">
      <c r="A27599" s="13" t="s">
        <v>175</v>
      </c>
      <c r="B27599" s="14" t="s">
        <v>1</v>
      </c>
      <c r="C27599" s="14" t="s">
        <v>59</v>
      </c>
      <c r="D27599" s="14" t="s">
        <v>176</v>
      </c>
      <c r="E27599" s="15">
        <v>45600</v>
      </c>
      <c r="F27599" s="14" t="s">
        <v>61</v>
      </c>
      <c r="G27599" s="16">
        <v>0</v>
      </c>
    </row>
    <row r="27600" spans="1:7" x14ac:dyDescent="0.3">
      <c r="A27600" s="13" t="s">
        <v>175</v>
      </c>
      <c r="B27600" s="14" t="s">
        <v>1</v>
      </c>
      <c r="C27600" s="14" t="s">
        <v>59</v>
      </c>
      <c r="D27600" s="14" t="s">
        <v>176</v>
      </c>
      <c r="E27600" s="15">
        <v>45601</v>
      </c>
      <c r="F27600" s="14" t="s">
        <v>61</v>
      </c>
      <c r="G27600" s="16">
        <v>0</v>
      </c>
    </row>
    <row r="27601" spans="1:7" x14ac:dyDescent="0.3">
      <c r="A27601" s="13" t="s">
        <v>175</v>
      </c>
      <c r="B27601" s="14" t="s">
        <v>1</v>
      </c>
      <c r="C27601" s="14" t="s">
        <v>59</v>
      </c>
      <c r="D27601" s="14" t="s">
        <v>176</v>
      </c>
      <c r="E27601" s="15">
        <v>45602</v>
      </c>
      <c r="F27601" s="14" t="s">
        <v>61</v>
      </c>
      <c r="G27601" s="16">
        <v>0</v>
      </c>
    </row>
    <row r="27602" spans="1:7" x14ac:dyDescent="0.3">
      <c r="A27602" s="13" t="s">
        <v>175</v>
      </c>
      <c r="B27602" s="14" t="s">
        <v>1</v>
      </c>
      <c r="C27602" s="14" t="s">
        <v>59</v>
      </c>
      <c r="D27602" s="14" t="s">
        <v>176</v>
      </c>
      <c r="E27602" s="15">
        <v>45603</v>
      </c>
      <c r="F27602" s="14" t="s">
        <v>61</v>
      </c>
      <c r="G27602" s="16">
        <v>0</v>
      </c>
    </row>
    <row r="27603" spans="1:7" x14ac:dyDescent="0.3">
      <c r="A27603" s="13" t="s">
        <v>175</v>
      </c>
      <c r="B27603" s="14" t="s">
        <v>1</v>
      </c>
      <c r="C27603" s="14" t="s">
        <v>59</v>
      </c>
      <c r="D27603" s="14" t="s">
        <v>176</v>
      </c>
      <c r="E27603" s="15">
        <v>45604</v>
      </c>
      <c r="F27603" s="14" t="s">
        <v>61</v>
      </c>
      <c r="G27603" s="16">
        <v>0</v>
      </c>
    </row>
    <row r="27604" spans="1:7" x14ac:dyDescent="0.3">
      <c r="A27604" s="13" t="s">
        <v>175</v>
      </c>
      <c r="B27604" s="14" t="s">
        <v>1</v>
      </c>
      <c r="C27604" s="14" t="s">
        <v>59</v>
      </c>
      <c r="D27604" s="14" t="s">
        <v>176</v>
      </c>
      <c r="E27604" s="15">
        <v>45605</v>
      </c>
      <c r="F27604" s="14" t="s">
        <v>61</v>
      </c>
      <c r="G27604" s="16">
        <v>0</v>
      </c>
    </row>
    <row r="27605" spans="1:7" x14ac:dyDescent="0.3">
      <c r="A27605" s="13" t="s">
        <v>175</v>
      </c>
      <c r="B27605" s="14" t="s">
        <v>1</v>
      </c>
      <c r="C27605" s="14" t="s">
        <v>59</v>
      </c>
      <c r="D27605" s="14" t="s">
        <v>176</v>
      </c>
      <c r="E27605" s="15">
        <v>45606</v>
      </c>
      <c r="F27605" s="14" t="s">
        <v>61</v>
      </c>
      <c r="G27605" s="16">
        <v>0</v>
      </c>
    </row>
    <row r="27606" spans="1:7" x14ac:dyDescent="0.3">
      <c r="A27606" s="13" t="s">
        <v>175</v>
      </c>
      <c r="B27606" s="14" t="s">
        <v>1</v>
      </c>
      <c r="C27606" s="14" t="s">
        <v>59</v>
      </c>
      <c r="D27606" s="14" t="s">
        <v>176</v>
      </c>
      <c r="E27606" s="15">
        <v>45607</v>
      </c>
      <c r="F27606" s="14" t="s">
        <v>61</v>
      </c>
      <c r="G27606" s="16">
        <v>0</v>
      </c>
    </row>
    <row r="27607" spans="1:7" x14ac:dyDescent="0.3">
      <c r="A27607" s="13" t="s">
        <v>175</v>
      </c>
      <c r="B27607" s="14" t="s">
        <v>1</v>
      </c>
      <c r="C27607" s="14" t="s">
        <v>59</v>
      </c>
      <c r="D27607" s="14" t="s">
        <v>176</v>
      </c>
      <c r="E27607" s="15">
        <v>45608</v>
      </c>
      <c r="F27607" s="14" t="s">
        <v>61</v>
      </c>
      <c r="G27607" s="16">
        <v>0</v>
      </c>
    </row>
    <row r="27608" spans="1:7" x14ac:dyDescent="0.3">
      <c r="A27608" s="13" t="s">
        <v>175</v>
      </c>
      <c r="B27608" s="14" t="s">
        <v>1</v>
      </c>
      <c r="C27608" s="14" t="s">
        <v>59</v>
      </c>
      <c r="D27608" s="14" t="s">
        <v>176</v>
      </c>
      <c r="E27608" s="15">
        <v>45609</v>
      </c>
      <c r="F27608" s="14" t="s">
        <v>61</v>
      </c>
      <c r="G27608" s="16">
        <v>0</v>
      </c>
    </row>
    <row r="27609" spans="1:7" x14ac:dyDescent="0.3">
      <c r="A27609" s="13" t="s">
        <v>175</v>
      </c>
      <c r="B27609" s="14" t="s">
        <v>1</v>
      </c>
      <c r="C27609" s="14" t="s">
        <v>59</v>
      </c>
      <c r="D27609" s="14" t="s">
        <v>176</v>
      </c>
      <c r="E27609" s="15">
        <v>45610</v>
      </c>
      <c r="F27609" s="14" t="s">
        <v>61</v>
      </c>
      <c r="G27609" s="16">
        <v>0</v>
      </c>
    </row>
    <row r="27610" spans="1:7" x14ac:dyDescent="0.3">
      <c r="A27610" s="13" t="s">
        <v>175</v>
      </c>
      <c r="B27610" s="14" t="s">
        <v>1</v>
      </c>
      <c r="C27610" s="14" t="s">
        <v>59</v>
      </c>
      <c r="D27610" s="14" t="s">
        <v>176</v>
      </c>
      <c r="E27610" s="15">
        <v>45611</v>
      </c>
      <c r="F27610" s="14" t="s">
        <v>61</v>
      </c>
      <c r="G27610" s="16">
        <v>0.20103506450044439</v>
      </c>
    </row>
    <row r="27611" spans="1:7" x14ac:dyDescent="0.3">
      <c r="A27611" s="13" t="s">
        <v>175</v>
      </c>
      <c r="B27611" s="14" t="s">
        <v>1</v>
      </c>
      <c r="C27611" s="14" t="s">
        <v>59</v>
      </c>
      <c r="D27611" s="14" t="s">
        <v>176</v>
      </c>
      <c r="E27611" s="15">
        <v>45612</v>
      </c>
      <c r="F27611" s="14" t="s">
        <v>61</v>
      </c>
      <c r="G27611" s="16">
        <v>0.20103506450044439</v>
      </c>
    </row>
    <row r="27612" spans="1:7" x14ac:dyDescent="0.3">
      <c r="A27612" s="13" t="s">
        <v>175</v>
      </c>
      <c r="B27612" s="14" t="s">
        <v>1</v>
      </c>
      <c r="C27612" s="14" t="s">
        <v>59</v>
      </c>
      <c r="D27612" s="14" t="s">
        <v>176</v>
      </c>
      <c r="E27612" s="15">
        <v>45613</v>
      </c>
      <c r="F27612" s="14" t="s">
        <v>61</v>
      </c>
      <c r="G27612" s="16">
        <v>0.20103506450044439</v>
      </c>
    </row>
    <row r="27613" spans="1:7" x14ac:dyDescent="0.3">
      <c r="A27613" s="13" t="s">
        <v>175</v>
      </c>
      <c r="B27613" s="14" t="s">
        <v>1</v>
      </c>
      <c r="C27613" s="14" t="s">
        <v>59</v>
      </c>
      <c r="D27613" s="14" t="s">
        <v>176</v>
      </c>
      <c r="E27613" s="15">
        <v>45614</v>
      </c>
      <c r="F27613" s="14" t="s">
        <v>61</v>
      </c>
      <c r="G27613" s="16">
        <v>0.19663971701087316</v>
      </c>
    </row>
    <row r="27614" spans="1:7" x14ac:dyDescent="0.3">
      <c r="A27614" s="13" t="s">
        <v>175</v>
      </c>
      <c r="B27614" s="14" t="s">
        <v>1</v>
      </c>
      <c r="C27614" s="14" t="s">
        <v>59</v>
      </c>
      <c r="D27614" s="14" t="s">
        <v>176</v>
      </c>
      <c r="E27614" s="15">
        <v>45615</v>
      </c>
      <c r="F27614" s="14" t="s">
        <v>61</v>
      </c>
      <c r="G27614" s="16">
        <v>0.18700009081012808</v>
      </c>
    </row>
    <row r="27615" spans="1:7" x14ac:dyDescent="0.3">
      <c r="A27615" s="13" t="s">
        <v>175</v>
      </c>
      <c r="B27615" s="14" t="s">
        <v>1</v>
      </c>
      <c r="C27615" s="14" t="s">
        <v>59</v>
      </c>
      <c r="D27615" s="14" t="s">
        <v>176</v>
      </c>
      <c r="E27615" s="15">
        <v>45616</v>
      </c>
      <c r="F27615" s="14" t="s">
        <v>61</v>
      </c>
      <c r="G27615" s="16">
        <v>0.18464928476148718</v>
      </c>
    </row>
    <row r="27616" spans="1:7" x14ac:dyDescent="0.3">
      <c r="A27616" s="13" t="s">
        <v>175</v>
      </c>
      <c r="B27616" s="14" t="s">
        <v>1</v>
      </c>
      <c r="C27616" s="14" t="s">
        <v>59</v>
      </c>
      <c r="D27616" s="14" t="s">
        <v>176</v>
      </c>
      <c r="E27616" s="15">
        <v>45617</v>
      </c>
      <c r="F27616" s="14" t="s">
        <v>61</v>
      </c>
      <c r="G27616" s="16">
        <v>0.18258617819793885</v>
      </c>
    </row>
    <row r="27617" spans="1:7" x14ac:dyDescent="0.3">
      <c r="A27617" s="13" t="s">
        <v>175</v>
      </c>
      <c r="B27617" s="14" t="s">
        <v>1</v>
      </c>
      <c r="C27617" s="14" t="s">
        <v>59</v>
      </c>
      <c r="D27617" s="14" t="s">
        <v>176</v>
      </c>
      <c r="E27617" s="15">
        <v>45618</v>
      </c>
      <c r="F27617" s="14" t="s">
        <v>61</v>
      </c>
      <c r="G27617" s="16">
        <v>0.18024380704385234</v>
      </c>
    </row>
    <row r="27618" spans="1:7" x14ac:dyDescent="0.3">
      <c r="A27618" s="13" t="s">
        <v>175</v>
      </c>
      <c r="B27618" s="14" t="s">
        <v>1</v>
      </c>
      <c r="C27618" s="14" t="s">
        <v>59</v>
      </c>
      <c r="D27618" s="14" t="s">
        <v>176</v>
      </c>
      <c r="E27618" s="15">
        <v>45619</v>
      </c>
      <c r="F27618" s="14" t="s">
        <v>61</v>
      </c>
      <c r="G27618" s="16">
        <v>0.18024380704385234</v>
      </c>
    </row>
    <row r="27619" spans="1:7" x14ac:dyDescent="0.3">
      <c r="A27619" s="13" t="s">
        <v>175</v>
      </c>
      <c r="B27619" s="14" t="s">
        <v>1</v>
      </c>
      <c r="C27619" s="14" t="s">
        <v>59</v>
      </c>
      <c r="D27619" s="14" t="s">
        <v>176</v>
      </c>
      <c r="E27619" s="15">
        <v>45620</v>
      </c>
      <c r="F27619" s="14" t="s">
        <v>61</v>
      </c>
      <c r="G27619" s="16">
        <v>0.18024380704385234</v>
      </c>
    </row>
    <row r="27620" spans="1:7" x14ac:dyDescent="0.3">
      <c r="A27620" s="13" t="s">
        <v>175</v>
      </c>
      <c r="B27620" s="14" t="s">
        <v>1</v>
      </c>
      <c r="C27620" s="14" t="s">
        <v>59</v>
      </c>
      <c r="D27620" s="14" t="s">
        <v>176</v>
      </c>
      <c r="E27620" s="15">
        <v>45621</v>
      </c>
      <c r="F27620" s="14" t="s">
        <v>61</v>
      </c>
      <c r="G27620" s="16">
        <v>0.17571108058586568</v>
      </c>
    </row>
    <row r="27621" spans="1:7" x14ac:dyDescent="0.3">
      <c r="A27621" s="13" t="s">
        <v>175</v>
      </c>
      <c r="B27621" s="14" t="s">
        <v>1</v>
      </c>
      <c r="C27621" s="14" t="s">
        <v>59</v>
      </c>
      <c r="D27621" s="14" t="s">
        <v>176</v>
      </c>
      <c r="E27621" s="15">
        <v>45622</v>
      </c>
      <c r="F27621" s="14" t="s">
        <v>61</v>
      </c>
      <c r="G27621" s="16">
        <v>0.16600249321081273</v>
      </c>
    </row>
    <row r="27622" spans="1:7" x14ac:dyDescent="0.3">
      <c r="A27622" s="13" t="s">
        <v>175</v>
      </c>
      <c r="B27622" s="14" t="s">
        <v>1</v>
      </c>
      <c r="C27622" s="14" t="s">
        <v>59</v>
      </c>
      <c r="D27622" s="14" t="s">
        <v>176</v>
      </c>
      <c r="E27622" s="15">
        <v>45623</v>
      </c>
      <c r="F27622" s="14" t="s">
        <v>61</v>
      </c>
      <c r="G27622" s="16">
        <v>0.16151473728829199</v>
      </c>
    </row>
    <row r="27623" spans="1:7" x14ac:dyDescent="0.3">
      <c r="A27623" s="13" t="s">
        <v>175</v>
      </c>
      <c r="B27623" s="14" t="s">
        <v>1</v>
      </c>
      <c r="C27623" s="14" t="s">
        <v>59</v>
      </c>
      <c r="D27623" s="14" t="s">
        <v>176</v>
      </c>
      <c r="E27623" s="15">
        <v>45624</v>
      </c>
      <c r="F27623" s="14" t="s">
        <v>61</v>
      </c>
      <c r="G27623" s="16">
        <v>0.24025757173164836</v>
      </c>
    </row>
    <row r="27624" spans="1:7" x14ac:dyDescent="0.3">
      <c r="A27624" s="13" t="s">
        <v>175</v>
      </c>
      <c r="B27624" s="14" t="s">
        <v>1</v>
      </c>
      <c r="C27624" s="14" t="s">
        <v>59</v>
      </c>
      <c r="D27624" s="14" t="s">
        <v>176</v>
      </c>
      <c r="E27624" s="15">
        <v>45625</v>
      </c>
      <c r="F27624" s="14" t="s">
        <v>61</v>
      </c>
      <c r="G27624" s="16">
        <v>0.23650414938486602</v>
      </c>
    </row>
    <row r="27625" spans="1:7" x14ac:dyDescent="0.3">
      <c r="A27625" s="13" t="s">
        <v>175</v>
      </c>
      <c r="B27625" s="14" t="s">
        <v>1</v>
      </c>
      <c r="C27625" s="14" t="s">
        <v>59</v>
      </c>
      <c r="D27625" s="14" t="s">
        <v>176</v>
      </c>
      <c r="E27625" s="15">
        <v>45626</v>
      </c>
      <c r="F27625" s="14" t="s">
        <v>61</v>
      </c>
      <c r="G27625" s="16">
        <v>0.23650414938486602</v>
      </c>
    </row>
    <row r="27626" spans="1:7" x14ac:dyDescent="0.3">
      <c r="A27626" s="13" t="s">
        <v>175</v>
      </c>
      <c r="B27626" s="14" t="s">
        <v>1</v>
      </c>
      <c r="C27626" s="14" t="s">
        <v>59</v>
      </c>
      <c r="D27626" s="14" t="s">
        <v>176</v>
      </c>
      <c r="E27626" s="15">
        <v>45627</v>
      </c>
      <c r="F27626" s="14" t="s">
        <v>61</v>
      </c>
      <c r="G27626" s="16">
        <v>0.23650414938486602</v>
      </c>
    </row>
    <row r="27627" spans="1:7" x14ac:dyDescent="0.3">
      <c r="A27627" s="13" t="s">
        <v>175</v>
      </c>
      <c r="B27627" s="14" t="s">
        <v>1</v>
      </c>
      <c r="C27627" s="14" t="s">
        <v>59</v>
      </c>
      <c r="D27627" s="14" t="s">
        <v>176</v>
      </c>
      <c r="E27627" s="15">
        <v>45628</v>
      </c>
      <c r="F27627" s="14" t="s">
        <v>61</v>
      </c>
      <c r="G27627" s="16">
        <v>0.2349825256727395</v>
      </c>
    </row>
    <row r="27628" spans="1:7" x14ac:dyDescent="0.3">
      <c r="A27628" s="13" t="s">
        <v>175</v>
      </c>
      <c r="B27628" s="14" t="s">
        <v>1</v>
      </c>
      <c r="C27628" s="14" t="s">
        <v>59</v>
      </c>
      <c r="D27628" s="14" t="s">
        <v>176</v>
      </c>
      <c r="E27628" s="15">
        <v>45629</v>
      </c>
      <c r="F27628" s="14" t="s">
        <v>61</v>
      </c>
      <c r="G27628" s="16">
        <v>0.22468062173224659</v>
      </c>
    </row>
    <row r="27629" spans="1:7" x14ac:dyDescent="0.3">
      <c r="A27629" s="13" t="s">
        <v>175</v>
      </c>
      <c r="B27629" s="14" t="s">
        <v>1</v>
      </c>
      <c r="C27629" s="14" t="s">
        <v>59</v>
      </c>
      <c r="D27629" s="14" t="s">
        <v>176</v>
      </c>
      <c r="E27629" s="15">
        <v>45630</v>
      </c>
      <c r="F27629" s="14" t="s">
        <v>61</v>
      </c>
      <c r="G27629" s="16">
        <v>0.22012218022260907</v>
      </c>
    </row>
    <row r="27630" spans="1:7" x14ac:dyDescent="0.3">
      <c r="A27630" s="13" t="s">
        <v>175</v>
      </c>
      <c r="B27630" s="14" t="s">
        <v>1</v>
      </c>
      <c r="C27630" s="14" t="s">
        <v>59</v>
      </c>
      <c r="D27630" s="14" t="s">
        <v>176</v>
      </c>
      <c r="E27630" s="15">
        <v>45631</v>
      </c>
      <c r="F27630" s="14" t="s">
        <v>61</v>
      </c>
      <c r="G27630" s="16">
        <v>0.21525800144334442</v>
      </c>
    </row>
    <row r="27631" spans="1:7" x14ac:dyDescent="0.3">
      <c r="A27631" s="13" t="s">
        <v>175</v>
      </c>
      <c r="B27631" s="14" t="s">
        <v>1</v>
      </c>
      <c r="C27631" s="14" t="s">
        <v>59</v>
      </c>
      <c r="D27631" s="14" t="s">
        <v>176</v>
      </c>
      <c r="E27631" s="15">
        <v>45632</v>
      </c>
      <c r="F27631" s="14" t="s">
        <v>61</v>
      </c>
      <c r="G27631" s="16">
        <v>0.21229064317418589</v>
      </c>
    </row>
    <row r="27632" spans="1:7" x14ac:dyDescent="0.3">
      <c r="A27632" s="13" t="s">
        <v>175</v>
      </c>
      <c r="B27632" s="14" t="s">
        <v>1</v>
      </c>
      <c r="C27632" s="14" t="s">
        <v>59</v>
      </c>
      <c r="D27632" s="14" t="s">
        <v>176</v>
      </c>
      <c r="E27632" s="15">
        <v>45633</v>
      </c>
      <c r="F27632" s="14" t="s">
        <v>61</v>
      </c>
      <c r="G27632" s="16">
        <v>0.21229064317418589</v>
      </c>
    </row>
    <row r="27633" spans="1:7" x14ac:dyDescent="0.3">
      <c r="A27633" s="13" t="s">
        <v>175</v>
      </c>
      <c r="B27633" s="14" t="s">
        <v>1</v>
      </c>
      <c r="C27633" s="14" t="s">
        <v>59</v>
      </c>
      <c r="D27633" s="14" t="s">
        <v>176</v>
      </c>
      <c r="E27633" s="15">
        <v>45634</v>
      </c>
      <c r="F27633" s="14" t="s">
        <v>61</v>
      </c>
      <c r="G27633" s="16">
        <v>0.21229064317418589</v>
      </c>
    </row>
    <row r="27634" spans="1:7" x14ac:dyDescent="0.3">
      <c r="A27634" s="13" t="s">
        <v>175</v>
      </c>
      <c r="B27634" s="14" t="s">
        <v>1</v>
      </c>
      <c r="C27634" s="14" t="s">
        <v>59</v>
      </c>
      <c r="D27634" s="14" t="s">
        <v>176</v>
      </c>
      <c r="E27634" s="15">
        <v>45635</v>
      </c>
      <c r="F27634" s="14" t="s">
        <v>61</v>
      </c>
      <c r="G27634" s="16">
        <v>0.20927571053909813</v>
      </c>
    </row>
    <row r="27635" spans="1:7" x14ac:dyDescent="0.3">
      <c r="A27635" s="13" t="s">
        <v>175</v>
      </c>
      <c r="B27635" s="14" t="s">
        <v>1</v>
      </c>
      <c r="C27635" s="14" t="s">
        <v>59</v>
      </c>
      <c r="D27635" s="14" t="s">
        <v>176</v>
      </c>
      <c r="E27635" s="15">
        <v>45636</v>
      </c>
      <c r="F27635" s="14" t="s">
        <v>61</v>
      </c>
      <c r="G27635" s="16">
        <v>0.19974842211057223</v>
      </c>
    </row>
    <row r="27636" spans="1:7" x14ac:dyDescent="0.3">
      <c r="A27636" s="13" t="s">
        <v>175</v>
      </c>
      <c r="B27636" s="14" t="s">
        <v>1</v>
      </c>
      <c r="C27636" s="14" t="s">
        <v>59</v>
      </c>
      <c r="D27636" s="14" t="s">
        <v>176</v>
      </c>
      <c r="E27636" s="15">
        <v>45637</v>
      </c>
      <c r="F27636" s="14" t="s">
        <v>61</v>
      </c>
      <c r="G27636" s="16">
        <v>0.19700733512090973</v>
      </c>
    </row>
    <row r="27637" spans="1:7" x14ac:dyDescent="0.3">
      <c r="A27637" s="13" t="s">
        <v>175</v>
      </c>
      <c r="B27637" s="14" t="s">
        <v>1</v>
      </c>
      <c r="C27637" s="14" t="s">
        <v>59</v>
      </c>
      <c r="D27637" s="14" t="s">
        <v>176</v>
      </c>
      <c r="E27637" s="15">
        <v>45638</v>
      </c>
      <c r="F27637" s="14" t="s">
        <v>61</v>
      </c>
      <c r="G27637" s="16">
        <v>0.19422116378554982</v>
      </c>
    </row>
    <row r="27638" spans="1:7" x14ac:dyDescent="0.3">
      <c r="A27638" s="13" t="s">
        <v>175</v>
      </c>
      <c r="B27638" s="14" t="s">
        <v>1</v>
      </c>
      <c r="C27638" s="14" t="s">
        <v>59</v>
      </c>
      <c r="D27638" s="14" t="s">
        <v>176</v>
      </c>
      <c r="E27638" s="15">
        <v>45639</v>
      </c>
      <c r="F27638" s="14" t="s">
        <v>61</v>
      </c>
      <c r="G27638" s="16">
        <v>0.25120732619480629</v>
      </c>
    </row>
    <row r="27639" spans="1:7" x14ac:dyDescent="0.3">
      <c r="A27639" s="13" t="s">
        <v>175</v>
      </c>
      <c r="B27639" s="14" t="s">
        <v>1</v>
      </c>
      <c r="C27639" s="14" t="s">
        <v>59</v>
      </c>
      <c r="D27639" s="14" t="s">
        <v>176</v>
      </c>
      <c r="E27639" s="15">
        <v>45640</v>
      </c>
      <c r="F27639" s="14" t="s">
        <v>61</v>
      </c>
      <c r="G27639" s="16">
        <v>0.25120732619480629</v>
      </c>
    </row>
    <row r="27640" spans="1:7" x14ac:dyDescent="0.3">
      <c r="A27640" s="13" t="s">
        <v>175</v>
      </c>
      <c r="B27640" s="14" t="s">
        <v>1</v>
      </c>
      <c r="C27640" s="14" t="s">
        <v>59</v>
      </c>
      <c r="D27640" s="14" t="s">
        <v>176</v>
      </c>
      <c r="E27640" s="15">
        <v>45641</v>
      </c>
      <c r="F27640" s="14" t="s">
        <v>61</v>
      </c>
      <c r="G27640" s="16">
        <v>0.25120732619480629</v>
      </c>
    </row>
    <row r="27641" spans="1:7" x14ac:dyDescent="0.3">
      <c r="A27641" s="13" t="s">
        <v>175</v>
      </c>
      <c r="B27641" s="14" t="s">
        <v>1</v>
      </c>
      <c r="C27641" s="14" t="s">
        <v>59</v>
      </c>
      <c r="D27641" s="14" t="s">
        <v>176</v>
      </c>
      <c r="E27641" s="15">
        <v>45642</v>
      </c>
      <c r="F27641" s="14" t="s">
        <v>61</v>
      </c>
      <c r="G27641" s="16">
        <v>0.24764225990475222</v>
      </c>
    </row>
    <row r="27642" spans="1:7" x14ac:dyDescent="0.3">
      <c r="A27642" s="13" t="s">
        <v>175</v>
      </c>
      <c r="B27642" s="14" t="s">
        <v>1</v>
      </c>
      <c r="C27642" s="14" t="s">
        <v>59</v>
      </c>
      <c r="D27642" s="14" t="s">
        <v>176</v>
      </c>
      <c r="E27642" s="15">
        <v>45643</v>
      </c>
      <c r="F27642" s="14" t="s">
        <v>61</v>
      </c>
      <c r="G27642" s="16">
        <v>0.2381920586912856</v>
      </c>
    </row>
    <row r="27643" spans="1:7" x14ac:dyDescent="0.3">
      <c r="A27643" s="13" t="s">
        <v>175</v>
      </c>
      <c r="B27643" s="14" t="s">
        <v>1</v>
      </c>
      <c r="C27643" s="14" t="s">
        <v>59</v>
      </c>
      <c r="D27643" s="14" t="s">
        <v>176</v>
      </c>
      <c r="E27643" s="15">
        <v>45644</v>
      </c>
      <c r="F27643" s="14" t="s">
        <v>61</v>
      </c>
      <c r="G27643" s="16">
        <v>0.23804791432846581</v>
      </c>
    </row>
    <row r="27644" spans="1:7" x14ac:dyDescent="0.3">
      <c r="A27644" s="13" t="s">
        <v>175</v>
      </c>
      <c r="B27644" s="14" t="s">
        <v>1</v>
      </c>
      <c r="C27644" s="14" t="s">
        <v>59</v>
      </c>
      <c r="D27644" s="14" t="s">
        <v>176</v>
      </c>
      <c r="E27644" s="15">
        <v>45645</v>
      </c>
      <c r="F27644" s="14" t="s">
        <v>61</v>
      </c>
      <c r="G27644" s="16">
        <v>0.23444491939565665</v>
      </c>
    </row>
    <row r="27645" spans="1:7" x14ac:dyDescent="0.3">
      <c r="A27645" s="13" t="s">
        <v>175</v>
      </c>
      <c r="B27645" s="14" t="s">
        <v>1</v>
      </c>
      <c r="C27645" s="14" t="s">
        <v>59</v>
      </c>
      <c r="D27645" s="14" t="s">
        <v>176</v>
      </c>
      <c r="E27645" s="15">
        <v>45646</v>
      </c>
      <c r="F27645" s="14" t="s">
        <v>61</v>
      </c>
      <c r="G27645" s="16">
        <v>0.22961167327931997</v>
      </c>
    </row>
    <row r="27646" spans="1:7" x14ac:dyDescent="0.3">
      <c r="A27646" s="13" t="s">
        <v>175</v>
      </c>
      <c r="B27646" s="14" t="s">
        <v>1</v>
      </c>
      <c r="C27646" s="14" t="s">
        <v>59</v>
      </c>
      <c r="D27646" s="14" t="s">
        <v>176</v>
      </c>
      <c r="E27646" s="15">
        <v>45647</v>
      </c>
      <c r="F27646" s="14" t="s">
        <v>61</v>
      </c>
      <c r="G27646" s="16">
        <v>0.22961167327931997</v>
      </c>
    </row>
    <row r="27647" spans="1:7" x14ac:dyDescent="0.3">
      <c r="A27647" s="13" t="s">
        <v>175</v>
      </c>
      <c r="B27647" s="14" t="s">
        <v>1</v>
      </c>
      <c r="C27647" s="14" t="s">
        <v>59</v>
      </c>
      <c r="D27647" s="14" t="s">
        <v>176</v>
      </c>
      <c r="E27647" s="15">
        <v>45648</v>
      </c>
      <c r="F27647" s="14" t="s">
        <v>61</v>
      </c>
      <c r="G27647" s="16">
        <v>0.22961167327931997</v>
      </c>
    </row>
    <row r="27648" spans="1:7" x14ac:dyDescent="0.3">
      <c r="A27648" s="13" t="s">
        <v>175</v>
      </c>
      <c r="B27648" s="14" t="s">
        <v>1</v>
      </c>
      <c r="C27648" s="14" t="s">
        <v>59</v>
      </c>
      <c r="D27648" s="14" t="s">
        <v>176</v>
      </c>
      <c r="E27648" s="15">
        <v>45649</v>
      </c>
      <c r="F27648" s="14" t="s">
        <v>61</v>
      </c>
      <c r="G27648" s="16">
        <v>0.2269166581046595</v>
      </c>
    </row>
    <row r="27649" spans="1:7" x14ac:dyDescent="0.3">
      <c r="A27649" s="13" t="s">
        <v>175</v>
      </c>
      <c r="B27649" s="14" t="s">
        <v>1</v>
      </c>
      <c r="C27649" s="14" t="s">
        <v>59</v>
      </c>
      <c r="D27649" s="14" t="s">
        <v>176</v>
      </c>
      <c r="E27649" s="15">
        <v>45650</v>
      </c>
      <c r="F27649" s="14" t="s">
        <v>61</v>
      </c>
      <c r="G27649" s="16">
        <v>0.2172077770277101</v>
      </c>
    </row>
    <row r="27650" spans="1:7" x14ac:dyDescent="0.3">
      <c r="A27650" s="13" t="s">
        <v>175</v>
      </c>
      <c r="B27650" s="14" t="s">
        <v>1</v>
      </c>
      <c r="C27650" s="14" t="s">
        <v>59</v>
      </c>
      <c r="D27650" s="14" t="s">
        <v>176</v>
      </c>
      <c r="E27650" s="15">
        <v>45651</v>
      </c>
      <c r="F27650" s="14" t="s">
        <v>61</v>
      </c>
      <c r="G27650" s="16">
        <v>0.2172077770277101</v>
      </c>
    </row>
    <row r="27651" spans="1:7" x14ac:dyDescent="0.3">
      <c r="A27651" s="13" t="s">
        <v>175</v>
      </c>
      <c r="B27651" s="14" t="s">
        <v>1</v>
      </c>
      <c r="C27651" s="14" t="s">
        <v>59</v>
      </c>
      <c r="D27651" s="14" t="s">
        <v>176</v>
      </c>
      <c r="E27651" s="15">
        <v>45652</v>
      </c>
      <c r="F27651" s="14" t="s">
        <v>61</v>
      </c>
      <c r="G27651" s="16">
        <v>0.2172077770277101</v>
      </c>
    </row>
    <row r="27652" spans="1:7" x14ac:dyDescent="0.3">
      <c r="A27652" s="13" t="s">
        <v>175</v>
      </c>
      <c r="B27652" s="14" t="s">
        <v>1</v>
      </c>
      <c r="C27652" s="14" t="s">
        <v>59</v>
      </c>
      <c r="D27652" s="14" t="s">
        <v>176</v>
      </c>
      <c r="E27652" s="15">
        <v>45653</v>
      </c>
      <c r="F27652" s="14" t="s">
        <v>61</v>
      </c>
      <c r="G27652" s="16">
        <v>0.2172077770277101</v>
      </c>
    </row>
    <row r="27653" spans="1:7" x14ac:dyDescent="0.3">
      <c r="A27653" s="13" t="s">
        <v>175</v>
      </c>
      <c r="B27653" s="14" t="s">
        <v>1</v>
      </c>
      <c r="C27653" s="14" t="s">
        <v>59</v>
      </c>
      <c r="D27653" s="14" t="s">
        <v>176</v>
      </c>
      <c r="E27653" s="15">
        <v>45654</v>
      </c>
      <c r="F27653" s="14" t="s">
        <v>61</v>
      </c>
      <c r="G27653" s="16">
        <v>0.2172077770277101</v>
      </c>
    </row>
    <row r="27654" spans="1:7" x14ac:dyDescent="0.3">
      <c r="A27654" s="13" t="s">
        <v>175</v>
      </c>
      <c r="B27654" s="14" t="s">
        <v>1</v>
      </c>
      <c r="C27654" s="14" t="s">
        <v>59</v>
      </c>
      <c r="D27654" s="14" t="s">
        <v>176</v>
      </c>
      <c r="E27654" s="15">
        <v>45655</v>
      </c>
      <c r="F27654" s="14" t="s">
        <v>61</v>
      </c>
      <c r="G27654" s="16">
        <v>0.2172077770277101</v>
      </c>
    </row>
    <row r="27655" spans="1:7" x14ac:dyDescent="0.3">
      <c r="A27655" s="13" t="s">
        <v>175</v>
      </c>
      <c r="B27655" s="14" t="s">
        <v>1</v>
      </c>
      <c r="C27655" s="14" t="s">
        <v>59</v>
      </c>
      <c r="D27655" s="14" t="s">
        <v>176</v>
      </c>
      <c r="E27655" s="15">
        <v>45656</v>
      </c>
      <c r="F27655" s="14" t="s">
        <v>61</v>
      </c>
      <c r="G27655" s="16">
        <v>0.2137713130883116</v>
      </c>
    </row>
    <row r="27656" spans="1:7" x14ac:dyDescent="0.3">
      <c r="A27656" s="13" t="s">
        <v>175</v>
      </c>
      <c r="B27656" s="14" t="s">
        <v>1</v>
      </c>
      <c r="C27656" s="14" t="s">
        <v>59</v>
      </c>
      <c r="D27656" s="14" t="s">
        <v>176</v>
      </c>
      <c r="E27656" s="15">
        <v>45657</v>
      </c>
      <c r="F27656" s="14" t="s">
        <v>61</v>
      </c>
      <c r="G27656" s="16">
        <v>0.19513037140870643</v>
      </c>
    </row>
    <row r="27657" spans="1:7" x14ac:dyDescent="0.3">
      <c r="A27657" s="13" t="s">
        <v>175</v>
      </c>
      <c r="B27657" s="14" t="s">
        <v>1</v>
      </c>
      <c r="C27657" s="14" t="s">
        <v>59</v>
      </c>
      <c r="D27657" s="14" t="s">
        <v>176</v>
      </c>
      <c r="E27657" s="15">
        <v>45658</v>
      </c>
      <c r="F27657" s="14" t="s">
        <v>61</v>
      </c>
      <c r="G27657" s="16">
        <v>0.19513037140870643</v>
      </c>
    </row>
    <row r="27658" spans="1:7" x14ac:dyDescent="0.3">
      <c r="A27658" s="13" t="s">
        <v>175</v>
      </c>
      <c r="B27658" s="14" t="s">
        <v>1</v>
      </c>
      <c r="C27658" s="14" t="s">
        <v>59</v>
      </c>
      <c r="D27658" s="14" t="s">
        <v>176</v>
      </c>
      <c r="E27658" s="15">
        <v>45659</v>
      </c>
      <c r="F27658" s="14" t="s">
        <v>61</v>
      </c>
      <c r="G27658" s="16">
        <v>0.19513037140870643</v>
      </c>
    </row>
    <row r="27659" spans="1:7" x14ac:dyDescent="0.3">
      <c r="A27659" s="13" t="s">
        <v>175</v>
      </c>
      <c r="B27659" s="14" t="s">
        <v>1</v>
      </c>
      <c r="C27659" s="14" t="s">
        <v>59</v>
      </c>
      <c r="D27659" s="14" t="s">
        <v>176</v>
      </c>
      <c r="E27659" s="15">
        <v>45660</v>
      </c>
      <c r="F27659" s="14" t="s">
        <v>61</v>
      </c>
      <c r="G27659" s="16">
        <v>0.19270065978329715</v>
      </c>
    </row>
    <row r="27660" spans="1:7" x14ac:dyDescent="0.3">
      <c r="A27660" s="13" t="s">
        <v>175</v>
      </c>
      <c r="B27660" s="14" t="s">
        <v>1</v>
      </c>
      <c r="C27660" s="14" t="s">
        <v>59</v>
      </c>
      <c r="D27660" s="14" t="s">
        <v>176</v>
      </c>
      <c r="E27660" s="15">
        <v>45661</v>
      </c>
      <c r="F27660" s="14" t="s">
        <v>61</v>
      </c>
      <c r="G27660" s="16">
        <v>0.19270065978329715</v>
      </c>
    </row>
    <row r="27661" spans="1:7" x14ac:dyDescent="0.3">
      <c r="A27661" s="13" t="s">
        <v>175</v>
      </c>
      <c r="B27661" s="14" t="s">
        <v>1</v>
      </c>
      <c r="C27661" s="14" t="s">
        <v>59</v>
      </c>
      <c r="D27661" s="14" t="s">
        <v>176</v>
      </c>
      <c r="E27661" s="15">
        <v>45662</v>
      </c>
      <c r="F27661" s="14" t="s">
        <v>61</v>
      </c>
      <c r="G27661" s="16">
        <v>0.19270065978329715</v>
      </c>
    </row>
    <row r="27662" spans="1:7" x14ac:dyDescent="0.3">
      <c r="A27662" s="13" t="s">
        <v>175</v>
      </c>
      <c r="B27662" s="14" t="s">
        <v>1</v>
      </c>
      <c r="C27662" s="14" t="s">
        <v>59</v>
      </c>
      <c r="D27662" s="14" t="s">
        <v>176</v>
      </c>
      <c r="E27662" s="15">
        <v>45663</v>
      </c>
      <c r="F27662" s="14" t="s">
        <v>61</v>
      </c>
      <c r="G27662" s="16">
        <v>0.18136164270805935</v>
      </c>
    </row>
    <row r="27663" spans="1:7" x14ac:dyDescent="0.3">
      <c r="A27663" s="13" t="s">
        <v>175</v>
      </c>
      <c r="B27663" s="14" t="s">
        <v>1</v>
      </c>
      <c r="C27663" s="14" t="s">
        <v>59</v>
      </c>
      <c r="D27663" s="14" t="s">
        <v>176</v>
      </c>
      <c r="E27663" s="15">
        <v>45664</v>
      </c>
      <c r="F27663" s="14" t="s">
        <v>61</v>
      </c>
      <c r="G27663" s="16">
        <v>0.17568890465238429</v>
      </c>
    </row>
    <row r="27664" spans="1:7" x14ac:dyDescent="0.3">
      <c r="A27664" s="13" t="s">
        <v>175</v>
      </c>
      <c r="B27664" s="14" t="s">
        <v>1</v>
      </c>
      <c r="C27664" s="14" t="s">
        <v>59</v>
      </c>
      <c r="D27664" s="14" t="s">
        <v>176</v>
      </c>
      <c r="E27664" s="15">
        <v>45665</v>
      </c>
      <c r="F27664" s="14" t="s">
        <v>61</v>
      </c>
      <c r="G27664" s="16">
        <v>0.17273174602843264</v>
      </c>
    </row>
    <row r="27665" spans="1:7" x14ac:dyDescent="0.3">
      <c r="A27665" s="13" t="s">
        <v>175</v>
      </c>
      <c r="B27665" s="14" t="s">
        <v>1</v>
      </c>
      <c r="C27665" s="14" t="s">
        <v>59</v>
      </c>
      <c r="D27665" s="14" t="s">
        <v>176</v>
      </c>
      <c r="E27665" s="15">
        <v>45666</v>
      </c>
      <c r="F27665" s="14" t="s">
        <v>61</v>
      </c>
      <c r="G27665" s="16">
        <v>0.16975338714704019</v>
      </c>
    </row>
    <row r="27666" spans="1:7" x14ac:dyDescent="0.3">
      <c r="A27666" s="13" t="s">
        <v>175</v>
      </c>
      <c r="B27666" s="14" t="s">
        <v>1</v>
      </c>
      <c r="C27666" s="14" t="s">
        <v>59</v>
      </c>
      <c r="D27666" s="14" t="s">
        <v>176</v>
      </c>
      <c r="E27666" s="15">
        <v>45667</v>
      </c>
      <c r="F27666" s="14" t="s">
        <v>61</v>
      </c>
      <c r="G27666" s="16">
        <v>0.16736130555841849</v>
      </c>
    </row>
    <row r="27667" spans="1:7" x14ac:dyDescent="0.3">
      <c r="A27667" s="13" t="s">
        <v>175</v>
      </c>
      <c r="B27667" s="14" t="s">
        <v>1</v>
      </c>
      <c r="C27667" s="14" t="s">
        <v>59</v>
      </c>
      <c r="D27667" s="14" t="s">
        <v>176</v>
      </c>
      <c r="E27667" s="15">
        <v>45668</v>
      </c>
      <c r="F27667" s="14" t="s">
        <v>61</v>
      </c>
      <c r="G27667" s="16">
        <v>0.16736130555841849</v>
      </c>
    </row>
    <row r="27668" spans="1:7" x14ac:dyDescent="0.3">
      <c r="A27668" s="13" t="s">
        <v>175</v>
      </c>
      <c r="B27668" s="14" t="s">
        <v>1</v>
      </c>
      <c r="C27668" s="14" t="s">
        <v>59</v>
      </c>
      <c r="D27668" s="14" t="s">
        <v>176</v>
      </c>
      <c r="E27668" s="15">
        <v>45669</v>
      </c>
      <c r="F27668" s="14" t="s">
        <v>61</v>
      </c>
      <c r="G27668" s="16">
        <v>0.16736130555841849</v>
      </c>
    </row>
    <row r="27669" spans="1:7" x14ac:dyDescent="0.3">
      <c r="A27669" s="13" t="s">
        <v>175</v>
      </c>
      <c r="B27669" s="14" t="s">
        <v>1</v>
      </c>
      <c r="C27669" s="14" t="s">
        <v>59</v>
      </c>
      <c r="D27669" s="14" t="s">
        <v>176</v>
      </c>
      <c r="E27669" s="15">
        <v>45670</v>
      </c>
      <c r="F27669" s="14" t="s">
        <v>61</v>
      </c>
      <c r="G27669" s="16">
        <v>0.16409223334713169</v>
      </c>
    </row>
    <row r="27670" spans="1:7" x14ac:dyDescent="0.3">
      <c r="A27670" s="13" t="s">
        <v>175</v>
      </c>
      <c r="B27670" s="14" t="s">
        <v>1</v>
      </c>
      <c r="C27670" s="14" t="s">
        <v>59</v>
      </c>
      <c r="D27670" s="14" t="s">
        <v>176</v>
      </c>
      <c r="E27670" s="15">
        <v>45671</v>
      </c>
      <c r="F27670" s="14" t="s">
        <v>61</v>
      </c>
      <c r="G27670" s="16">
        <v>0.15335757946659828</v>
      </c>
    </row>
    <row r="27671" spans="1:7" x14ac:dyDescent="0.3">
      <c r="A27671" s="13" t="s">
        <v>175</v>
      </c>
      <c r="B27671" s="14" t="s">
        <v>1</v>
      </c>
      <c r="C27671" s="14" t="s">
        <v>59</v>
      </c>
      <c r="D27671" s="14" t="s">
        <v>176</v>
      </c>
      <c r="E27671" s="15">
        <v>45672</v>
      </c>
      <c r="F27671" s="14" t="s">
        <v>61</v>
      </c>
      <c r="G27671" s="16">
        <v>0.17042751695922206</v>
      </c>
    </row>
    <row r="27672" spans="1:7" x14ac:dyDescent="0.3">
      <c r="A27672" s="13" t="s">
        <v>175</v>
      </c>
      <c r="B27672" s="14" t="s">
        <v>1</v>
      </c>
      <c r="C27672" s="14" t="s">
        <v>59</v>
      </c>
      <c r="D27672" s="14" t="s">
        <v>176</v>
      </c>
      <c r="E27672" s="15">
        <v>45673</v>
      </c>
      <c r="F27672" s="14" t="s">
        <v>61</v>
      </c>
      <c r="G27672" s="16">
        <v>0.16702802344030279</v>
      </c>
    </row>
    <row r="27673" spans="1:7" x14ac:dyDescent="0.3">
      <c r="A27673" s="13" t="s">
        <v>175</v>
      </c>
      <c r="B27673" s="14" t="s">
        <v>1</v>
      </c>
      <c r="C27673" s="14" t="s">
        <v>59</v>
      </c>
      <c r="D27673" s="14" t="s">
        <v>176</v>
      </c>
      <c r="E27673" s="15">
        <v>45674</v>
      </c>
      <c r="F27673" s="14" t="s">
        <v>61</v>
      </c>
      <c r="G27673" s="16">
        <v>0.16418762081486921</v>
      </c>
    </row>
    <row r="27674" spans="1:7" x14ac:dyDescent="0.3">
      <c r="A27674" s="13" t="s">
        <v>175</v>
      </c>
      <c r="B27674" s="14" t="s">
        <v>1</v>
      </c>
      <c r="C27674" s="14" t="s">
        <v>59</v>
      </c>
      <c r="D27674" s="14" t="s">
        <v>176</v>
      </c>
      <c r="E27674" s="15">
        <v>45675</v>
      </c>
      <c r="F27674" s="14" t="s">
        <v>61</v>
      </c>
      <c r="G27674" s="16">
        <v>0.16418762081486921</v>
      </c>
    </row>
    <row r="27675" spans="1:7" x14ac:dyDescent="0.3">
      <c r="A27675" s="13" t="s">
        <v>175</v>
      </c>
      <c r="B27675" s="14" t="s">
        <v>1</v>
      </c>
      <c r="C27675" s="14" t="s">
        <v>59</v>
      </c>
      <c r="D27675" s="14" t="s">
        <v>176</v>
      </c>
      <c r="E27675" s="15">
        <v>45676</v>
      </c>
      <c r="F27675" s="14" t="s">
        <v>61</v>
      </c>
      <c r="G27675" s="16">
        <v>0.16418762081486921</v>
      </c>
    </row>
    <row r="27676" spans="1:7" x14ac:dyDescent="0.3">
      <c r="A27676" s="13" t="s">
        <v>175</v>
      </c>
      <c r="B27676" s="14" t="s">
        <v>1</v>
      </c>
      <c r="C27676" s="14" t="s">
        <v>59</v>
      </c>
      <c r="D27676" s="14" t="s">
        <v>176</v>
      </c>
      <c r="E27676" s="15">
        <v>45677</v>
      </c>
      <c r="F27676" s="14" t="s">
        <v>61</v>
      </c>
      <c r="G27676" s="16">
        <v>0.15863866801730006</v>
      </c>
    </row>
    <row r="27677" spans="1:7" x14ac:dyDescent="0.3">
      <c r="A27677" s="13" t="s">
        <v>175</v>
      </c>
      <c r="B27677" s="14" t="s">
        <v>1</v>
      </c>
      <c r="C27677" s="14" t="s">
        <v>59</v>
      </c>
      <c r="D27677" s="14" t="s">
        <v>176</v>
      </c>
      <c r="E27677" s="15">
        <v>45678</v>
      </c>
      <c r="F27677" s="14" t="s">
        <v>61</v>
      </c>
      <c r="G27677" s="16">
        <v>0.14861084504750929</v>
      </c>
    </row>
    <row r="27678" spans="1:7" x14ac:dyDescent="0.3">
      <c r="A27678" s="13" t="s">
        <v>175</v>
      </c>
      <c r="B27678" s="14" t="s">
        <v>1</v>
      </c>
      <c r="C27678" s="14" t="s">
        <v>59</v>
      </c>
      <c r="D27678" s="14" t="s">
        <v>176</v>
      </c>
      <c r="E27678" s="15">
        <v>45679</v>
      </c>
      <c r="F27678" s="14" t="s">
        <v>61</v>
      </c>
      <c r="G27678" s="16">
        <v>0.14557696124830097</v>
      </c>
    </row>
    <row r="27679" spans="1:7" x14ac:dyDescent="0.3">
      <c r="A27679" s="13" t="s">
        <v>175</v>
      </c>
      <c r="B27679" s="14" t="s">
        <v>1</v>
      </c>
      <c r="C27679" s="14" t="s">
        <v>59</v>
      </c>
      <c r="D27679" s="14" t="s">
        <v>176</v>
      </c>
      <c r="E27679" s="15">
        <v>45680</v>
      </c>
      <c r="F27679" s="14" t="s">
        <v>61</v>
      </c>
      <c r="G27679" s="16">
        <v>0.14217135045694063</v>
      </c>
    </row>
    <row r="27680" spans="1:7" x14ac:dyDescent="0.3">
      <c r="A27680" s="13" t="s">
        <v>175</v>
      </c>
      <c r="B27680" s="14" t="s">
        <v>1</v>
      </c>
      <c r="C27680" s="14" t="s">
        <v>59</v>
      </c>
      <c r="D27680" s="14" t="s">
        <v>176</v>
      </c>
      <c r="E27680" s="15">
        <v>45681</v>
      </c>
      <c r="F27680" s="14" t="s">
        <v>61</v>
      </c>
      <c r="G27680" s="16">
        <v>0.13779213744535529</v>
      </c>
    </row>
    <row r="27681" spans="1:7" x14ac:dyDescent="0.3">
      <c r="A27681" s="13" t="s">
        <v>175</v>
      </c>
      <c r="B27681" s="14" t="s">
        <v>1</v>
      </c>
      <c r="C27681" s="14" t="s">
        <v>59</v>
      </c>
      <c r="D27681" s="14" t="s">
        <v>176</v>
      </c>
      <c r="E27681" s="15">
        <v>45682</v>
      </c>
      <c r="F27681" s="14" t="s">
        <v>61</v>
      </c>
      <c r="G27681" s="16">
        <v>0.13779213744535529</v>
      </c>
    </row>
    <row r="27682" spans="1:7" x14ac:dyDescent="0.3">
      <c r="A27682" s="13" t="s">
        <v>175</v>
      </c>
      <c r="B27682" s="14" t="s">
        <v>1</v>
      </c>
      <c r="C27682" s="14" t="s">
        <v>59</v>
      </c>
      <c r="D27682" s="14" t="s">
        <v>176</v>
      </c>
      <c r="E27682" s="15">
        <v>45683</v>
      </c>
      <c r="F27682" s="14" t="s">
        <v>61</v>
      </c>
      <c r="G27682" s="16">
        <v>0.13779213744535529</v>
      </c>
    </row>
    <row r="27683" spans="1:7" x14ac:dyDescent="0.3">
      <c r="A27683" s="13" t="s">
        <v>175</v>
      </c>
      <c r="B27683" s="14" t="s">
        <v>1</v>
      </c>
      <c r="C27683" s="14" t="s">
        <v>59</v>
      </c>
      <c r="D27683" s="14" t="s">
        <v>176</v>
      </c>
      <c r="E27683" s="15">
        <v>45684</v>
      </c>
      <c r="F27683" s="14" t="s">
        <v>61</v>
      </c>
      <c r="G27683" s="16">
        <v>0.13451408474617671</v>
      </c>
    </row>
    <row r="27684" spans="1:7" x14ac:dyDescent="0.3">
      <c r="A27684" s="13" t="s">
        <v>175</v>
      </c>
      <c r="B27684" s="14" t="s">
        <v>1</v>
      </c>
      <c r="C27684" s="14" t="s">
        <v>59</v>
      </c>
      <c r="D27684" s="14" t="s">
        <v>176</v>
      </c>
      <c r="E27684" s="15">
        <v>45685</v>
      </c>
      <c r="F27684" s="14" t="s">
        <v>61</v>
      </c>
      <c r="G27684" s="16">
        <v>0.12513915440293391</v>
      </c>
    </row>
    <row r="27685" spans="1:7" x14ac:dyDescent="0.3">
      <c r="A27685" s="13" t="s">
        <v>175</v>
      </c>
      <c r="B27685" s="14" t="s">
        <v>1</v>
      </c>
      <c r="C27685" s="14" t="s">
        <v>59</v>
      </c>
      <c r="D27685" s="14" t="s">
        <v>176</v>
      </c>
      <c r="E27685" s="15">
        <v>45686</v>
      </c>
      <c r="F27685" s="14" t="s">
        <v>61</v>
      </c>
      <c r="G27685" s="16">
        <v>0.12192946514964076</v>
      </c>
    </row>
    <row r="27686" spans="1:7" x14ac:dyDescent="0.3">
      <c r="A27686" s="13" t="s">
        <v>175</v>
      </c>
      <c r="B27686" s="14" t="s">
        <v>1</v>
      </c>
      <c r="C27686" s="14" t="s">
        <v>59</v>
      </c>
      <c r="D27686" s="14" t="s">
        <v>176</v>
      </c>
      <c r="E27686" s="15">
        <v>45687</v>
      </c>
      <c r="F27686" s="14" t="s">
        <v>61</v>
      </c>
      <c r="G27686" s="16">
        <v>0.11894868674068901</v>
      </c>
    </row>
    <row r="27687" spans="1:7" x14ac:dyDescent="0.3">
      <c r="A27687" s="13" t="s">
        <v>175</v>
      </c>
      <c r="B27687" s="14" t="s">
        <v>1</v>
      </c>
      <c r="C27687" s="14" t="s">
        <v>59</v>
      </c>
      <c r="D27687" s="14" t="s">
        <v>176</v>
      </c>
      <c r="E27687" s="15">
        <v>45688</v>
      </c>
      <c r="F27687" s="14" t="s">
        <v>61</v>
      </c>
      <c r="G27687" s="16">
        <v>0.11589469052717594</v>
      </c>
    </row>
    <row r="27688" spans="1:7" x14ac:dyDescent="0.3">
      <c r="A27688" s="13" t="s">
        <v>175</v>
      </c>
      <c r="B27688" s="14" t="s">
        <v>1</v>
      </c>
      <c r="C27688" s="14" t="s">
        <v>59</v>
      </c>
      <c r="D27688" s="14" t="s">
        <v>176</v>
      </c>
      <c r="E27688" s="15">
        <v>45689</v>
      </c>
      <c r="F27688" s="14" t="s">
        <v>61</v>
      </c>
      <c r="G27688" s="16">
        <v>0.11589469052717594</v>
      </c>
    </row>
    <row r="27689" spans="1:7" x14ac:dyDescent="0.3">
      <c r="A27689" s="13" t="s">
        <v>175</v>
      </c>
      <c r="B27689" s="14" t="s">
        <v>1</v>
      </c>
      <c r="C27689" s="14" t="s">
        <v>59</v>
      </c>
      <c r="D27689" s="14" t="s">
        <v>176</v>
      </c>
      <c r="E27689" s="15">
        <v>45690</v>
      </c>
      <c r="F27689" s="14" t="s">
        <v>61</v>
      </c>
      <c r="G27689" s="16">
        <v>0.11589469052717594</v>
      </c>
    </row>
    <row r="27690" spans="1:7" x14ac:dyDescent="0.3">
      <c r="A27690" s="13" t="s">
        <v>175</v>
      </c>
      <c r="B27690" s="14" t="s">
        <v>1</v>
      </c>
      <c r="C27690" s="14" t="s">
        <v>59</v>
      </c>
      <c r="D27690" s="14" t="s">
        <v>176</v>
      </c>
      <c r="E27690" s="15">
        <v>45691</v>
      </c>
      <c r="F27690" s="14" t="s">
        <v>61</v>
      </c>
      <c r="G27690" s="16">
        <v>0.11589469052717594</v>
      </c>
    </row>
    <row r="27691" spans="1:7" x14ac:dyDescent="0.3">
      <c r="A27691" s="13" t="s">
        <v>175</v>
      </c>
      <c r="B27691" s="14" t="s">
        <v>1</v>
      </c>
      <c r="C27691" s="14" t="s">
        <v>59</v>
      </c>
      <c r="D27691" s="14" t="s">
        <v>176</v>
      </c>
      <c r="E27691" s="15">
        <v>45692</v>
      </c>
      <c r="F27691" s="14" t="s">
        <v>61</v>
      </c>
      <c r="G27691" s="16">
        <v>0.11236208300868117</v>
      </c>
    </row>
    <row r="27692" spans="1:7" x14ac:dyDescent="0.3">
      <c r="A27692" s="13" t="s">
        <v>175</v>
      </c>
      <c r="B27692" s="14" t="s">
        <v>1</v>
      </c>
      <c r="C27692" s="14" t="s">
        <v>59</v>
      </c>
      <c r="D27692" s="14" t="s">
        <v>176</v>
      </c>
      <c r="E27692" s="15">
        <v>45693</v>
      </c>
      <c r="F27692" s="14" t="s">
        <v>61</v>
      </c>
      <c r="G27692" s="16">
        <v>0.14357822245020396</v>
      </c>
    </row>
    <row r="27693" spans="1:7" x14ac:dyDescent="0.3">
      <c r="A27693" s="13" t="s">
        <v>175</v>
      </c>
      <c r="B27693" s="14" t="s">
        <v>1</v>
      </c>
      <c r="C27693" s="14" t="s">
        <v>59</v>
      </c>
      <c r="D27693" s="14" t="s">
        <v>176</v>
      </c>
      <c r="E27693" s="15">
        <v>45694</v>
      </c>
      <c r="F27693" s="14" t="s">
        <v>61</v>
      </c>
      <c r="G27693" s="16">
        <v>0.14048765386596596</v>
      </c>
    </row>
    <row r="27694" spans="1:7" x14ac:dyDescent="0.3">
      <c r="A27694" s="13" t="s">
        <v>175</v>
      </c>
      <c r="B27694" s="14" t="s">
        <v>1</v>
      </c>
      <c r="C27694" s="14" t="s">
        <v>59</v>
      </c>
      <c r="D27694" s="14" t="s">
        <v>176</v>
      </c>
      <c r="E27694" s="15">
        <v>45695</v>
      </c>
      <c r="F27694" s="14" t="s">
        <v>61</v>
      </c>
      <c r="G27694" s="16">
        <v>0.15514545480890815</v>
      </c>
    </row>
    <row r="27695" spans="1:7" x14ac:dyDescent="0.3">
      <c r="A27695" s="13" t="s">
        <v>175</v>
      </c>
      <c r="B27695" s="14" t="s">
        <v>1</v>
      </c>
      <c r="C27695" s="14" t="s">
        <v>59</v>
      </c>
      <c r="D27695" s="14" t="s">
        <v>176</v>
      </c>
      <c r="E27695" s="15">
        <v>45696</v>
      </c>
      <c r="F27695" s="14" t="s">
        <v>61</v>
      </c>
      <c r="G27695" s="16">
        <v>0.15514545480890815</v>
      </c>
    </row>
    <row r="27696" spans="1:7" x14ac:dyDescent="0.3">
      <c r="A27696" s="13" t="s">
        <v>175</v>
      </c>
      <c r="B27696" s="14" t="s">
        <v>1</v>
      </c>
      <c r="C27696" s="14" t="s">
        <v>59</v>
      </c>
      <c r="D27696" s="14" t="s">
        <v>176</v>
      </c>
      <c r="E27696" s="15">
        <v>45697</v>
      </c>
      <c r="F27696" s="14" t="s">
        <v>61</v>
      </c>
      <c r="G27696" s="16">
        <v>0.15514545480890815</v>
      </c>
    </row>
    <row r="27697" spans="1:7" x14ac:dyDescent="0.3">
      <c r="A27697" s="13" t="s">
        <v>175</v>
      </c>
      <c r="B27697" s="14" t="s">
        <v>1</v>
      </c>
      <c r="C27697" s="14" t="s">
        <v>59</v>
      </c>
      <c r="D27697" s="14" t="s">
        <v>176</v>
      </c>
      <c r="E27697" s="15">
        <v>45698</v>
      </c>
      <c r="F27697" s="14" t="s">
        <v>61</v>
      </c>
      <c r="G27697" s="16">
        <v>0.15206499329101761</v>
      </c>
    </row>
    <row r="27698" spans="1:7" x14ac:dyDescent="0.3">
      <c r="A27698" s="13" t="s">
        <v>175</v>
      </c>
      <c r="B27698" s="14" t="s">
        <v>1</v>
      </c>
      <c r="C27698" s="14" t="s">
        <v>59</v>
      </c>
      <c r="D27698" s="14" t="s">
        <v>176</v>
      </c>
      <c r="E27698" s="15">
        <v>45699</v>
      </c>
      <c r="F27698" s="14" t="s">
        <v>61</v>
      </c>
      <c r="G27698" s="16">
        <v>0.14124277467102059</v>
      </c>
    </row>
    <row r="27699" spans="1:7" x14ac:dyDescent="0.3">
      <c r="A27699" s="13" t="s">
        <v>175</v>
      </c>
      <c r="B27699" s="14" t="s">
        <v>1</v>
      </c>
      <c r="C27699" s="14" t="s">
        <v>59</v>
      </c>
      <c r="D27699" s="14" t="s">
        <v>176</v>
      </c>
      <c r="E27699" s="15">
        <v>45700</v>
      </c>
      <c r="F27699" s="14" t="s">
        <v>61</v>
      </c>
      <c r="G27699" s="16">
        <v>0.13764571997981526</v>
      </c>
    </row>
    <row r="27700" spans="1:7" x14ac:dyDescent="0.3">
      <c r="A27700" s="13" t="s">
        <v>175</v>
      </c>
      <c r="B27700" s="14" t="s">
        <v>1</v>
      </c>
      <c r="C27700" s="14" t="s">
        <v>59</v>
      </c>
      <c r="D27700" s="14" t="s">
        <v>176</v>
      </c>
      <c r="E27700" s="15">
        <v>45701</v>
      </c>
      <c r="F27700" s="14" t="s">
        <v>61</v>
      </c>
      <c r="G27700" s="16">
        <v>0.1332714059539391</v>
      </c>
    </row>
    <row r="27701" spans="1:7" x14ac:dyDescent="0.3">
      <c r="A27701" s="13" t="s">
        <v>175</v>
      </c>
      <c r="B27701" s="14" t="s">
        <v>1</v>
      </c>
      <c r="C27701" s="14" t="s">
        <v>59</v>
      </c>
      <c r="D27701" s="14" t="s">
        <v>176</v>
      </c>
      <c r="E27701" s="15">
        <v>45702</v>
      </c>
      <c r="F27701" s="14" t="s">
        <v>61</v>
      </c>
      <c r="G27701" s="16">
        <v>0.12959514973141756</v>
      </c>
    </row>
    <row r="27702" spans="1:7" x14ac:dyDescent="0.3">
      <c r="A27702" s="13" t="s">
        <v>175</v>
      </c>
      <c r="B27702" s="14" t="s">
        <v>1</v>
      </c>
      <c r="C27702" s="14" t="s">
        <v>59</v>
      </c>
      <c r="D27702" s="14" t="s">
        <v>176</v>
      </c>
      <c r="E27702" s="15">
        <v>45703</v>
      </c>
      <c r="F27702" s="14" t="s">
        <v>61</v>
      </c>
      <c r="G27702" s="16">
        <v>0.12959514973141756</v>
      </c>
    </row>
    <row r="27703" spans="1:7" x14ac:dyDescent="0.3">
      <c r="A27703" s="13" t="s">
        <v>175</v>
      </c>
      <c r="B27703" s="14" t="s">
        <v>1</v>
      </c>
      <c r="C27703" s="14" t="s">
        <v>59</v>
      </c>
      <c r="D27703" s="14" t="s">
        <v>176</v>
      </c>
      <c r="E27703" s="15">
        <v>45704</v>
      </c>
      <c r="F27703" s="14" t="s">
        <v>61</v>
      </c>
      <c r="G27703" s="16">
        <v>0.12959514973141756</v>
      </c>
    </row>
    <row r="27704" spans="1:7" x14ac:dyDescent="0.3">
      <c r="A27704" s="13" t="s">
        <v>175</v>
      </c>
      <c r="B27704" s="14" t="s">
        <v>1</v>
      </c>
      <c r="C27704" s="14" t="s">
        <v>59</v>
      </c>
      <c r="D27704" s="14" t="s">
        <v>176</v>
      </c>
      <c r="E27704" s="15">
        <v>45705</v>
      </c>
      <c r="F27704" s="14" t="s">
        <v>61</v>
      </c>
      <c r="G27704" s="16">
        <v>0.12638473426245914</v>
      </c>
    </row>
    <row r="27705" spans="1:7" x14ac:dyDescent="0.3">
      <c r="A27705" s="13" t="s">
        <v>175</v>
      </c>
      <c r="B27705" s="14" t="s">
        <v>1</v>
      </c>
      <c r="C27705" s="14" t="s">
        <v>59</v>
      </c>
      <c r="D27705" s="14" t="s">
        <v>176</v>
      </c>
      <c r="E27705" s="15">
        <v>45706</v>
      </c>
      <c r="F27705" s="14" t="s">
        <v>61</v>
      </c>
      <c r="G27705" s="16">
        <v>0.11664178947191985</v>
      </c>
    </row>
    <row r="27706" spans="1:7" x14ac:dyDescent="0.3">
      <c r="A27706" s="13" t="s">
        <v>175</v>
      </c>
      <c r="B27706" s="14" t="s">
        <v>1</v>
      </c>
      <c r="C27706" s="14" t="s">
        <v>59</v>
      </c>
      <c r="D27706" s="14" t="s">
        <v>176</v>
      </c>
      <c r="E27706" s="15">
        <v>45707</v>
      </c>
      <c r="F27706" s="14" t="s">
        <v>61</v>
      </c>
      <c r="G27706" s="16">
        <v>0.11925276004770347</v>
      </c>
    </row>
    <row r="27707" spans="1:7" x14ac:dyDescent="0.3">
      <c r="A27707" s="13" t="s">
        <v>175</v>
      </c>
      <c r="B27707" s="14" t="s">
        <v>1</v>
      </c>
      <c r="C27707" s="14" t="s">
        <v>59</v>
      </c>
      <c r="D27707" s="14" t="s">
        <v>176</v>
      </c>
      <c r="E27707" s="15">
        <v>45708</v>
      </c>
      <c r="F27707" s="14" t="s">
        <v>61</v>
      </c>
      <c r="G27707" s="16">
        <v>0.11499159391695161</v>
      </c>
    </row>
    <row r="27708" spans="1:7" x14ac:dyDescent="0.3">
      <c r="A27708" s="13" t="s">
        <v>175</v>
      </c>
      <c r="B27708" s="14" t="s">
        <v>1</v>
      </c>
      <c r="C27708" s="14" t="s">
        <v>59</v>
      </c>
      <c r="D27708" s="14" t="s">
        <v>176</v>
      </c>
      <c r="E27708" s="15">
        <v>45709</v>
      </c>
      <c r="F27708" s="14" t="s">
        <v>61</v>
      </c>
      <c r="G27708" s="16">
        <v>0.1121103580363248</v>
      </c>
    </row>
    <row r="27709" spans="1:7" x14ac:dyDescent="0.3">
      <c r="A27709" s="13" t="s">
        <v>175</v>
      </c>
      <c r="B27709" s="14" t="s">
        <v>1</v>
      </c>
      <c r="C27709" s="14" t="s">
        <v>59</v>
      </c>
      <c r="D27709" s="14" t="s">
        <v>176</v>
      </c>
      <c r="E27709" s="15">
        <v>45710</v>
      </c>
      <c r="F27709" s="14" t="s">
        <v>61</v>
      </c>
      <c r="G27709" s="16">
        <v>0.1121103580363248</v>
      </c>
    </row>
    <row r="27710" spans="1:7" x14ac:dyDescent="0.3">
      <c r="A27710" s="13" t="s">
        <v>175</v>
      </c>
      <c r="B27710" s="14" t="s">
        <v>1</v>
      </c>
      <c r="C27710" s="14" t="s">
        <v>59</v>
      </c>
      <c r="D27710" s="14" t="s">
        <v>176</v>
      </c>
      <c r="E27710" s="15">
        <v>45711</v>
      </c>
      <c r="F27710" s="14" t="s">
        <v>61</v>
      </c>
      <c r="G27710" s="16">
        <v>0.1121103580363248</v>
      </c>
    </row>
    <row r="27711" spans="1:7" x14ac:dyDescent="0.3">
      <c r="A27711" s="13" t="s">
        <v>175</v>
      </c>
      <c r="B27711" s="14" t="s">
        <v>1</v>
      </c>
      <c r="C27711" s="14" t="s">
        <v>59</v>
      </c>
      <c r="D27711" s="14" t="s">
        <v>176</v>
      </c>
      <c r="E27711" s="15">
        <v>45712</v>
      </c>
      <c r="F27711" s="14" t="s">
        <v>61</v>
      </c>
      <c r="G27711" s="16">
        <v>0.12248516596826332</v>
      </c>
    </row>
    <row r="27712" spans="1:7" x14ac:dyDescent="0.3">
      <c r="A27712" s="13" t="s">
        <v>175</v>
      </c>
      <c r="B27712" s="14" t="s">
        <v>1</v>
      </c>
      <c r="C27712" s="14" t="s">
        <v>59</v>
      </c>
      <c r="D27712" s="14" t="s">
        <v>176</v>
      </c>
      <c r="E27712" s="15">
        <v>45713</v>
      </c>
      <c r="F27712" s="14" t="s">
        <v>61</v>
      </c>
      <c r="G27712" s="16">
        <v>0.11188153182954023</v>
      </c>
    </row>
    <row r="27713" spans="1:7" x14ac:dyDescent="0.3">
      <c r="A27713" s="13" t="s">
        <v>175</v>
      </c>
      <c r="B27713" s="14" t="s">
        <v>1</v>
      </c>
      <c r="C27713" s="14" t="s">
        <v>59</v>
      </c>
      <c r="D27713" s="14" t="s">
        <v>176</v>
      </c>
      <c r="E27713" s="15">
        <v>45714</v>
      </c>
      <c r="F27713" s="14" t="s">
        <v>61</v>
      </c>
      <c r="G27713" s="16">
        <v>0.10884897632661221</v>
      </c>
    </row>
    <row r="27714" spans="1:7" x14ac:dyDescent="0.3">
      <c r="A27714" s="13" t="s">
        <v>175</v>
      </c>
      <c r="B27714" s="14" t="s">
        <v>1</v>
      </c>
      <c r="C27714" s="14" t="s">
        <v>59</v>
      </c>
      <c r="D27714" s="14" t="s">
        <v>176</v>
      </c>
      <c r="E27714" s="15">
        <v>45715</v>
      </c>
      <c r="F27714" s="14" t="s">
        <v>61</v>
      </c>
      <c r="G27714" s="16">
        <v>0.10638180611750536</v>
      </c>
    </row>
    <row r="27715" spans="1:7" x14ac:dyDescent="0.3">
      <c r="A27715" s="13" t="s">
        <v>175</v>
      </c>
      <c r="B27715" s="14" t="s">
        <v>1</v>
      </c>
      <c r="C27715" s="14" t="s">
        <v>59</v>
      </c>
      <c r="D27715" s="14" t="s">
        <v>176</v>
      </c>
      <c r="E27715" s="15">
        <v>45716</v>
      </c>
      <c r="F27715" s="14" t="s">
        <v>61</v>
      </c>
      <c r="G27715" s="16">
        <v>0.1032321964851456</v>
      </c>
    </row>
    <row r="27716" spans="1:7" x14ac:dyDescent="0.3">
      <c r="A27716" s="13" t="s">
        <v>175</v>
      </c>
      <c r="B27716" s="14" t="s">
        <v>1</v>
      </c>
      <c r="C27716" s="14" t="s">
        <v>59</v>
      </c>
      <c r="D27716" s="14" t="s">
        <v>176</v>
      </c>
      <c r="E27716" s="15">
        <v>45717</v>
      </c>
      <c r="F27716" s="14" t="s">
        <v>61</v>
      </c>
      <c r="G27716" s="16">
        <v>0.1032321964851456</v>
      </c>
    </row>
    <row r="27717" spans="1:7" x14ac:dyDescent="0.3">
      <c r="A27717" s="13" t="s">
        <v>175</v>
      </c>
      <c r="B27717" s="14" t="s">
        <v>1</v>
      </c>
      <c r="C27717" s="14" t="s">
        <v>59</v>
      </c>
      <c r="D27717" s="14" t="s">
        <v>176</v>
      </c>
      <c r="E27717" s="15">
        <v>45718</v>
      </c>
      <c r="F27717" s="14" t="s">
        <v>61</v>
      </c>
      <c r="G27717" s="16">
        <v>0.1032321964851456</v>
      </c>
    </row>
    <row r="27718" spans="1:7" x14ac:dyDescent="0.3">
      <c r="A27718" s="13" t="s">
        <v>175</v>
      </c>
      <c r="B27718" s="14" t="s">
        <v>1</v>
      </c>
      <c r="C27718" s="14" t="s">
        <v>59</v>
      </c>
      <c r="D27718" s="14" t="s">
        <v>176</v>
      </c>
      <c r="E27718" s="15">
        <v>45719</v>
      </c>
      <c r="F27718" s="14" t="s">
        <v>61</v>
      </c>
      <c r="G27718" s="16">
        <v>9.8805609413359308E-2</v>
      </c>
    </row>
    <row r="27719" spans="1:7" x14ac:dyDescent="0.3">
      <c r="A27719" s="13" t="s">
        <v>175</v>
      </c>
      <c r="B27719" s="14" t="s">
        <v>1</v>
      </c>
      <c r="C27719" s="14" t="s">
        <v>59</v>
      </c>
      <c r="D27719" s="14" t="s">
        <v>176</v>
      </c>
      <c r="E27719" s="15">
        <v>45720</v>
      </c>
      <c r="F27719" s="14" t="s">
        <v>61</v>
      </c>
      <c r="G27719" s="16">
        <v>9.0734944395148134E-2</v>
      </c>
    </row>
    <row r="27720" spans="1:7" x14ac:dyDescent="0.3">
      <c r="A27720" s="13" t="s">
        <v>175</v>
      </c>
      <c r="B27720" s="14" t="s">
        <v>1</v>
      </c>
      <c r="C27720" s="14" t="s">
        <v>59</v>
      </c>
      <c r="D27720" s="14" t="s">
        <v>176</v>
      </c>
      <c r="E27720" s="15">
        <v>45721</v>
      </c>
      <c r="F27720" s="14" t="s">
        <v>61</v>
      </c>
      <c r="G27720" s="16">
        <v>8.6122241276402778E-2</v>
      </c>
    </row>
    <row r="27721" spans="1:7" x14ac:dyDescent="0.3">
      <c r="A27721" s="13" t="s">
        <v>175</v>
      </c>
      <c r="B27721" s="14" t="s">
        <v>1</v>
      </c>
      <c r="C27721" s="14" t="s">
        <v>59</v>
      </c>
      <c r="D27721" s="14" t="s">
        <v>176</v>
      </c>
      <c r="E27721" s="15">
        <v>45722</v>
      </c>
      <c r="F27721" s="14" t="s">
        <v>61</v>
      </c>
      <c r="G27721" s="16">
        <v>8.2948136687488724E-2</v>
      </c>
    </row>
    <row r="27722" spans="1:7" x14ac:dyDescent="0.3">
      <c r="A27722" s="13" t="s">
        <v>175</v>
      </c>
      <c r="B27722" s="14" t="s">
        <v>1</v>
      </c>
      <c r="C27722" s="14" t="s">
        <v>59</v>
      </c>
      <c r="D27722" s="14" t="s">
        <v>176</v>
      </c>
      <c r="E27722" s="15">
        <v>45723</v>
      </c>
      <c r="F27722" s="14" t="s">
        <v>61</v>
      </c>
      <c r="G27722" s="16">
        <v>7.9299448620500687E-2</v>
      </c>
    </row>
    <row r="27723" spans="1:7" x14ac:dyDescent="0.3">
      <c r="A27723" s="13" t="s">
        <v>175</v>
      </c>
      <c r="B27723" s="14" t="s">
        <v>1</v>
      </c>
      <c r="C27723" s="14" t="s">
        <v>59</v>
      </c>
      <c r="D27723" s="14" t="s">
        <v>176</v>
      </c>
      <c r="E27723" s="15">
        <v>45724</v>
      </c>
      <c r="F27723" s="14" t="s">
        <v>61</v>
      </c>
      <c r="G27723" s="16">
        <v>7.9299448620500687E-2</v>
      </c>
    </row>
    <row r="27724" spans="1:7" x14ac:dyDescent="0.3">
      <c r="A27724" s="13" t="s">
        <v>175</v>
      </c>
      <c r="B27724" s="14" t="s">
        <v>1</v>
      </c>
      <c r="C27724" s="14" t="s">
        <v>59</v>
      </c>
      <c r="D27724" s="14" t="s">
        <v>176</v>
      </c>
      <c r="E27724" s="15">
        <v>45725</v>
      </c>
      <c r="F27724" s="14" t="s">
        <v>61</v>
      </c>
      <c r="G27724" s="16">
        <v>7.9299448620500687E-2</v>
      </c>
    </row>
    <row r="27725" spans="1:7" x14ac:dyDescent="0.3">
      <c r="A27725" s="13" t="s">
        <v>175</v>
      </c>
      <c r="B27725" s="14" t="s">
        <v>1</v>
      </c>
      <c r="C27725" s="14" t="s">
        <v>59</v>
      </c>
      <c r="D27725" s="14" t="s">
        <v>176</v>
      </c>
      <c r="E27725" s="15">
        <v>45726</v>
      </c>
      <c r="F27725" s="14" t="s">
        <v>61</v>
      </c>
      <c r="G27725" s="16">
        <v>7.5994710897891934E-2</v>
      </c>
    </row>
    <row r="27726" spans="1:7" x14ac:dyDescent="0.3">
      <c r="A27726" s="13" t="s">
        <v>175</v>
      </c>
      <c r="B27726" s="14" t="s">
        <v>1</v>
      </c>
      <c r="C27726" s="14" t="s">
        <v>59</v>
      </c>
      <c r="D27726" s="14" t="s">
        <v>176</v>
      </c>
      <c r="E27726" s="15">
        <v>45727</v>
      </c>
      <c r="F27726" s="14" t="s">
        <v>61</v>
      </c>
      <c r="G27726" s="16">
        <v>6.5574782883206451E-2</v>
      </c>
    </row>
    <row r="27727" spans="1:7" x14ac:dyDescent="0.3">
      <c r="A27727" s="13" t="s">
        <v>175</v>
      </c>
      <c r="B27727" s="14" t="s">
        <v>1</v>
      </c>
      <c r="C27727" s="14" t="s">
        <v>59</v>
      </c>
      <c r="D27727" s="14" t="s">
        <v>176</v>
      </c>
      <c r="E27727" s="15">
        <v>45728</v>
      </c>
      <c r="F27727" s="14" t="s">
        <v>61</v>
      </c>
      <c r="G27727" s="16">
        <v>6.2505544635787461E-2</v>
      </c>
    </row>
    <row r="27728" spans="1:7" x14ac:dyDescent="0.3">
      <c r="A27728" s="13" t="s">
        <v>175</v>
      </c>
      <c r="B27728" s="14" t="s">
        <v>1</v>
      </c>
      <c r="C27728" s="14" t="s">
        <v>59</v>
      </c>
      <c r="D27728" s="14" t="s">
        <v>176</v>
      </c>
      <c r="E27728" s="15">
        <v>45729</v>
      </c>
      <c r="F27728" s="14" t="s">
        <v>61</v>
      </c>
      <c r="G27728" s="16">
        <v>5.9469982627852927E-2</v>
      </c>
    </row>
    <row r="27729" spans="1:7" x14ac:dyDescent="0.3">
      <c r="A27729" s="13" t="s">
        <v>175</v>
      </c>
      <c r="B27729" s="14" t="s">
        <v>1</v>
      </c>
      <c r="C27729" s="14" t="s">
        <v>59</v>
      </c>
      <c r="D27729" s="14" t="s">
        <v>176</v>
      </c>
      <c r="E27729" s="15">
        <v>45730</v>
      </c>
      <c r="F27729" s="14" t="s">
        <v>61</v>
      </c>
      <c r="G27729" s="16">
        <v>7.2835657099453138E-2</v>
      </c>
    </row>
    <row r="27730" spans="1:7" x14ac:dyDescent="0.3">
      <c r="A27730" s="13" t="s">
        <v>175</v>
      </c>
      <c r="B27730" s="14" t="s">
        <v>1</v>
      </c>
      <c r="C27730" s="14" t="s">
        <v>59</v>
      </c>
      <c r="D27730" s="14" t="s">
        <v>176</v>
      </c>
      <c r="E27730" s="15">
        <v>45731</v>
      </c>
      <c r="F27730" s="14" t="s">
        <v>61</v>
      </c>
      <c r="G27730" s="16">
        <v>7.2835657099453138E-2</v>
      </c>
    </row>
    <row r="27731" spans="1:7" x14ac:dyDescent="0.3">
      <c r="A27731" s="13" t="s">
        <v>175</v>
      </c>
      <c r="B27731" s="14" t="s">
        <v>1</v>
      </c>
      <c r="C27731" s="14" t="s">
        <v>59</v>
      </c>
      <c r="D27731" s="14" t="s">
        <v>176</v>
      </c>
      <c r="E27731" s="15">
        <v>45732</v>
      </c>
      <c r="F27731" s="14" t="s">
        <v>61</v>
      </c>
      <c r="G27731" s="16">
        <v>7.2835657099453138E-2</v>
      </c>
    </row>
    <row r="27732" spans="1:7" x14ac:dyDescent="0.3">
      <c r="A27732" s="13" t="s">
        <v>175</v>
      </c>
      <c r="B27732" s="14" t="s">
        <v>1</v>
      </c>
      <c r="C27732" s="14" t="s">
        <v>59</v>
      </c>
      <c r="D27732" s="14" t="s">
        <v>176</v>
      </c>
      <c r="E27732" s="15">
        <v>45733</v>
      </c>
      <c r="F27732" s="14" t="s">
        <v>61</v>
      </c>
      <c r="G27732" s="16">
        <v>7.2835657099453138E-2</v>
      </c>
    </row>
    <row r="27733" spans="1:7" x14ac:dyDescent="0.3">
      <c r="A27733" s="13" t="s">
        <v>175</v>
      </c>
      <c r="B27733" s="14" t="s">
        <v>1</v>
      </c>
      <c r="C27733" s="14" t="s">
        <v>59</v>
      </c>
      <c r="D27733" s="14" t="s">
        <v>176</v>
      </c>
      <c r="E27733" s="15">
        <v>45734</v>
      </c>
      <c r="F27733" s="14" t="s">
        <v>61</v>
      </c>
      <c r="G27733" s="16">
        <v>6.9227687945107863E-2</v>
      </c>
    </row>
    <row r="27734" spans="1:7" x14ac:dyDescent="0.3">
      <c r="A27734" s="13" t="s">
        <v>175</v>
      </c>
      <c r="B27734" s="14" t="s">
        <v>1</v>
      </c>
      <c r="C27734" s="14" t="s">
        <v>59</v>
      </c>
      <c r="D27734" s="14" t="s">
        <v>176</v>
      </c>
      <c r="E27734" s="15">
        <v>45735</v>
      </c>
      <c r="F27734" s="14" t="s">
        <v>61</v>
      </c>
      <c r="G27734" s="16">
        <v>5.6516426262629142E-2</v>
      </c>
    </row>
    <row r="27735" spans="1:7" x14ac:dyDescent="0.3">
      <c r="A27735" s="13" t="s">
        <v>175</v>
      </c>
      <c r="B27735" s="14" t="s">
        <v>1</v>
      </c>
      <c r="C27735" s="14" t="s">
        <v>59</v>
      </c>
      <c r="D27735" s="14" t="s">
        <v>176</v>
      </c>
      <c r="E27735" s="15">
        <v>45736</v>
      </c>
      <c r="F27735" s="14" t="s">
        <v>61</v>
      </c>
      <c r="G27735" s="16">
        <v>5.3503914266057731E-2</v>
      </c>
    </row>
    <row r="27736" spans="1:7" x14ac:dyDescent="0.3">
      <c r="A27736" s="13" t="s">
        <v>175</v>
      </c>
      <c r="B27736" s="14" t="s">
        <v>1</v>
      </c>
      <c r="C27736" s="14" t="s">
        <v>59</v>
      </c>
      <c r="D27736" s="14" t="s">
        <v>176</v>
      </c>
      <c r="E27736" s="15">
        <v>45737</v>
      </c>
      <c r="F27736" s="14" t="s">
        <v>61</v>
      </c>
      <c r="G27736" s="16">
        <v>7.8389258068742071E-2</v>
      </c>
    </row>
    <row r="27737" spans="1:7" x14ac:dyDescent="0.3">
      <c r="A27737" s="13" t="s">
        <v>175</v>
      </c>
      <c r="B27737" s="14" t="s">
        <v>1</v>
      </c>
      <c r="C27737" s="14" t="s">
        <v>59</v>
      </c>
      <c r="D27737" s="14" t="s">
        <v>176</v>
      </c>
      <c r="E27737" s="15">
        <v>45738</v>
      </c>
      <c r="F27737" s="14" t="s">
        <v>61</v>
      </c>
      <c r="G27737" s="16">
        <v>7.8389258068742071E-2</v>
      </c>
    </row>
    <row r="27738" spans="1:7" x14ac:dyDescent="0.3">
      <c r="A27738" s="13" t="s">
        <v>175</v>
      </c>
      <c r="B27738" s="14" t="s">
        <v>1</v>
      </c>
      <c r="C27738" s="14" t="s">
        <v>59</v>
      </c>
      <c r="D27738" s="14" t="s">
        <v>176</v>
      </c>
      <c r="E27738" s="15">
        <v>45739</v>
      </c>
      <c r="F27738" s="14" t="s">
        <v>61</v>
      </c>
      <c r="G27738" s="16">
        <v>7.8389258068742071E-2</v>
      </c>
    </row>
    <row r="27739" spans="1:7" x14ac:dyDescent="0.3">
      <c r="A27739" s="13" t="s">
        <v>175</v>
      </c>
      <c r="B27739" s="14" t="s">
        <v>1</v>
      </c>
      <c r="C27739" s="14" t="s">
        <v>59</v>
      </c>
      <c r="D27739" s="14" t="s">
        <v>176</v>
      </c>
      <c r="E27739" s="15">
        <v>45740</v>
      </c>
      <c r="F27739" s="14" t="s">
        <v>61</v>
      </c>
      <c r="G27739" s="16">
        <v>7.5216341505166109E-2</v>
      </c>
    </row>
    <row r="27740" spans="1:7" x14ac:dyDescent="0.3">
      <c r="A27740" s="13" t="s">
        <v>175</v>
      </c>
      <c r="B27740" s="14" t="s">
        <v>1</v>
      </c>
      <c r="C27740" s="14" t="s">
        <v>59</v>
      </c>
      <c r="D27740" s="14" t="s">
        <v>176</v>
      </c>
      <c r="E27740" s="15">
        <v>45741</v>
      </c>
      <c r="F27740" s="14" t="s">
        <v>61</v>
      </c>
      <c r="G27740" s="16">
        <v>6.5473338047420587E-2</v>
      </c>
    </row>
    <row r="27741" spans="1:7" x14ac:dyDescent="0.3">
      <c r="A27741" s="13" t="s">
        <v>175</v>
      </c>
      <c r="B27741" s="14" t="s">
        <v>1</v>
      </c>
      <c r="C27741" s="14" t="s">
        <v>59</v>
      </c>
      <c r="D27741" s="14" t="s">
        <v>176</v>
      </c>
      <c r="E27741" s="15">
        <v>45742</v>
      </c>
      <c r="F27741" s="14" t="s">
        <v>61</v>
      </c>
      <c r="G27741" s="16">
        <v>6.2415043243882744E-2</v>
      </c>
    </row>
    <row r="27742" spans="1:7" x14ac:dyDescent="0.3">
      <c r="A27742" s="13" t="s">
        <v>175</v>
      </c>
      <c r="B27742" s="14" t="s">
        <v>1</v>
      </c>
      <c r="C27742" s="14" t="s">
        <v>59</v>
      </c>
      <c r="D27742" s="14" t="s">
        <v>176</v>
      </c>
      <c r="E27742" s="15">
        <v>45743</v>
      </c>
      <c r="F27742" s="14" t="s">
        <v>61</v>
      </c>
      <c r="G27742" s="16">
        <v>5.8873538321891433E-2</v>
      </c>
    </row>
    <row r="27743" spans="1:7" x14ac:dyDescent="0.3">
      <c r="A27743" s="13" t="s">
        <v>175</v>
      </c>
      <c r="B27743" s="14" t="s">
        <v>1</v>
      </c>
      <c r="C27743" s="14" t="s">
        <v>59</v>
      </c>
      <c r="D27743" s="14" t="s">
        <v>176</v>
      </c>
      <c r="E27743" s="15">
        <v>45744</v>
      </c>
      <c r="F27743" s="14" t="s">
        <v>61</v>
      </c>
      <c r="G27743" s="16">
        <v>5.5470584932262854E-2</v>
      </c>
    </row>
    <row r="27744" spans="1:7" x14ac:dyDescent="0.3">
      <c r="A27744" s="13" t="s">
        <v>175</v>
      </c>
      <c r="B27744" s="14" t="s">
        <v>1</v>
      </c>
      <c r="C27744" s="14" t="s">
        <v>59</v>
      </c>
      <c r="D27744" s="14" t="s">
        <v>176</v>
      </c>
      <c r="E27744" s="15">
        <v>45745</v>
      </c>
      <c r="F27744" s="14" t="s">
        <v>61</v>
      </c>
      <c r="G27744" s="16">
        <v>5.5470584932262854E-2</v>
      </c>
    </row>
    <row r="27745" spans="1:7" x14ac:dyDescent="0.3">
      <c r="A27745" s="13" t="s">
        <v>175</v>
      </c>
      <c r="B27745" s="14" t="s">
        <v>1</v>
      </c>
      <c r="C27745" s="14" t="s">
        <v>59</v>
      </c>
      <c r="D27745" s="14" t="s">
        <v>176</v>
      </c>
      <c r="E27745" s="15">
        <v>45746</v>
      </c>
      <c r="F27745" s="14" t="s">
        <v>61</v>
      </c>
      <c r="G27745" s="16">
        <v>5.5470584932262854E-2</v>
      </c>
    </row>
    <row r="27746" spans="1:7" x14ac:dyDescent="0.3">
      <c r="A27746" s="13" t="s">
        <v>175</v>
      </c>
      <c r="B27746" s="14" t="s">
        <v>1</v>
      </c>
      <c r="C27746" s="14" t="s">
        <v>59</v>
      </c>
      <c r="D27746" s="14" t="s">
        <v>176</v>
      </c>
      <c r="E27746" s="15">
        <v>45747</v>
      </c>
      <c r="F27746" s="14" t="s">
        <v>61</v>
      </c>
      <c r="G27746" s="16">
        <v>5.2276109159023504E-2</v>
      </c>
    </row>
    <row r="27747" spans="1:7" x14ac:dyDescent="0.3">
      <c r="A27747" s="13" t="s">
        <v>177</v>
      </c>
      <c r="B27747" s="14" t="s">
        <v>1</v>
      </c>
      <c r="C27747" s="14" t="s">
        <v>101</v>
      </c>
      <c r="D27747" s="14" t="s">
        <v>126</v>
      </c>
      <c r="E27747" s="15">
        <v>45383</v>
      </c>
      <c r="F27747" s="14" t="s">
        <v>15</v>
      </c>
      <c r="G27747" s="16">
        <v>0</v>
      </c>
    </row>
    <row r="27748" spans="1:7" x14ac:dyDescent="0.3">
      <c r="A27748" s="13" t="s">
        <v>177</v>
      </c>
      <c r="B27748" s="14" t="s">
        <v>1</v>
      </c>
      <c r="C27748" s="14" t="s">
        <v>101</v>
      </c>
      <c r="D27748" s="14" t="s">
        <v>126</v>
      </c>
      <c r="E27748" s="15">
        <v>45384</v>
      </c>
      <c r="F27748" s="14" t="s">
        <v>15</v>
      </c>
      <c r="G27748" s="16">
        <v>0</v>
      </c>
    </row>
    <row r="27749" spans="1:7" x14ac:dyDescent="0.3">
      <c r="A27749" s="13" t="s">
        <v>177</v>
      </c>
      <c r="B27749" s="14" t="s">
        <v>1</v>
      </c>
      <c r="C27749" s="14" t="s">
        <v>101</v>
      </c>
      <c r="D27749" s="14" t="s">
        <v>126</v>
      </c>
      <c r="E27749" s="15">
        <v>45385</v>
      </c>
      <c r="F27749" s="14" t="s">
        <v>15</v>
      </c>
      <c r="G27749" s="16">
        <v>0</v>
      </c>
    </row>
    <row r="27750" spans="1:7" x14ac:dyDescent="0.3">
      <c r="A27750" s="13" t="s">
        <v>177</v>
      </c>
      <c r="B27750" s="14" t="s">
        <v>1</v>
      </c>
      <c r="C27750" s="14" t="s">
        <v>101</v>
      </c>
      <c r="D27750" s="14" t="s">
        <v>126</v>
      </c>
      <c r="E27750" s="15">
        <v>45386</v>
      </c>
      <c r="F27750" s="14" t="s">
        <v>15</v>
      </c>
      <c r="G27750" s="16">
        <v>0</v>
      </c>
    </row>
    <row r="27751" spans="1:7" x14ac:dyDescent="0.3">
      <c r="A27751" s="13" t="s">
        <v>177</v>
      </c>
      <c r="B27751" s="14" t="s">
        <v>1</v>
      </c>
      <c r="C27751" s="14" t="s">
        <v>101</v>
      </c>
      <c r="D27751" s="14" t="s">
        <v>126</v>
      </c>
      <c r="E27751" s="15">
        <v>45387</v>
      </c>
      <c r="F27751" s="14" t="s">
        <v>15</v>
      </c>
      <c r="G27751" s="16">
        <v>0</v>
      </c>
    </row>
    <row r="27752" spans="1:7" x14ac:dyDescent="0.3">
      <c r="A27752" s="13" t="s">
        <v>177</v>
      </c>
      <c r="B27752" s="14" t="s">
        <v>1</v>
      </c>
      <c r="C27752" s="14" t="s">
        <v>101</v>
      </c>
      <c r="D27752" s="14" t="s">
        <v>126</v>
      </c>
      <c r="E27752" s="15">
        <v>45388</v>
      </c>
      <c r="F27752" s="14" t="s">
        <v>15</v>
      </c>
      <c r="G27752" s="16">
        <v>0</v>
      </c>
    </row>
    <row r="27753" spans="1:7" x14ac:dyDescent="0.3">
      <c r="A27753" s="13" t="s">
        <v>177</v>
      </c>
      <c r="B27753" s="14" t="s">
        <v>1</v>
      </c>
      <c r="C27753" s="14" t="s">
        <v>101</v>
      </c>
      <c r="D27753" s="14" t="s">
        <v>126</v>
      </c>
      <c r="E27753" s="15">
        <v>45389</v>
      </c>
      <c r="F27753" s="14" t="s">
        <v>15</v>
      </c>
      <c r="G27753" s="16">
        <v>0</v>
      </c>
    </row>
    <row r="27754" spans="1:7" x14ac:dyDescent="0.3">
      <c r="A27754" s="13" t="s">
        <v>177</v>
      </c>
      <c r="B27754" s="14" t="s">
        <v>1</v>
      </c>
      <c r="C27754" s="14" t="s">
        <v>101</v>
      </c>
      <c r="D27754" s="14" t="s">
        <v>126</v>
      </c>
      <c r="E27754" s="15">
        <v>45390</v>
      </c>
      <c r="F27754" s="14" t="s">
        <v>15</v>
      </c>
      <c r="G27754" s="16">
        <v>0</v>
      </c>
    </row>
    <row r="27755" spans="1:7" x14ac:dyDescent="0.3">
      <c r="A27755" s="13" t="s">
        <v>177</v>
      </c>
      <c r="B27755" s="14" t="s">
        <v>1</v>
      </c>
      <c r="C27755" s="14" t="s">
        <v>101</v>
      </c>
      <c r="D27755" s="14" t="s">
        <v>126</v>
      </c>
      <c r="E27755" s="15">
        <v>45391</v>
      </c>
      <c r="F27755" s="14" t="s">
        <v>15</v>
      </c>
      <c r="G27755" s="16">
        <v>0</v>
      </c>
    </row>
    <row r="27756" spans="1:7" x14ac:dyDescent="0.3">
      <c r="A27756" s="13" t="s">
        <v>177</v>
      </c>
      <c r="B27756" s="14" t="s">
        <v>1</v>
      </c>
      <c r="C27756" s="14" t="s">
        <v>101</v>
      </c>
      <c r="D27756" s="14" t="s">
        <v>126</v>
      </c>
      <c r="E27756" s="15">
        <v>45392</v>
      </c>
      <c r="F27756" s="14" t="s">
        <v>15</v>
      </c>
      <c r="G27756" s="16">
        <v>0</v>
      </c>
    </row>
    <row r="27757" spans="1:7" x14ac:dyDescent="0.3">
      <c r="A27757" s="13" t="s">
        <v>177</v>
      </c>
      <c r="B27757" s="14" t="s">
        <v>1</v>
      </c>
      <c r="C27757" s="14" t="s">
        <v>101</v>
      </c>
      <c r="D27757" s="14" t="s">
        <v>126</v>
      </c>
      <c r="E27757" s="15">
        <v>45393</v>
      </c>
      <c r="F27757" s="14" t="s">
        <v>15</v>
      </c>
      <c r="G27757" s="16">
        <v>0</v>
      </c>
    </row>
    <row r="27758" spans="1:7" x14ac:dyDescent="0.3">
      <c r="A27758" s="13" t="s">
        <v>177</v>
      </c>
      <c r="B27758" s="14" t="s">
        <v>1</v>
      </c>
      <c r="C27758" s="14" t="s">
        <v>101</v>
      </c>
      <c r="D27758" s="14" t="s">
        <v>126</v>
      </c>
      <c r="E27758" s="15">
        <v>45394</v>
      </c>
      <c r="F27758" s="14" t="s">
        <v>15</v>
      </c>
      <c r="G27758" s="16">
        <v>3.7099983599362833E-2</v>
      </c>
    </row>
    <row r="27759" spans="1:7" x14ac:dyDescent="0.3">
      <c r="A27759" s="13" t="s">
        <v>177</v>
      </c>
      <c r="B27759" s="14" t="s">
        <v>1</v>
      </c>
      <c r="C27759" s="14" t="s">
        <v>101</v>
      </c>
      <c r="D27759" s="14" t="s">
        <v>126</v>
      </c>
      <c r="E27759" s="15">
        <v>45395</v>
      </c>
      <c r="F27759" s="14" t="s">
        <v>15</v>
      </c>
      <c r="G27759" s="16">
        <v>3.7099983599362833E-2</v>
      </c>
    </row>
    <row r="27760" spans="1:7" x14ac:dyDescent="0.3">
      <c r="A27760" s="13" t="s">
        <v>177</v>
      </c>
      <c r="B27760" s="14" t="s">
        <v>1</v>
      </c>
      <c r="C27760" s="14" t="s">
        <v>101</v>
      </c>
      <c r="D27760" s="14" t="s">
        <v>126</v>
      </c>
      <c r="E27760" s="15">
        <v>45396</v>
      </c>
      <c r="F27760" s="14" t="s">
        <v>15</v>
      </c>
      <c r="G27760" s="16">
        <v>3.7099983599362833E-2</v>
      </c>
    </row>
    <row r="27761" spans="1:7" x14ac:dyDescent="0.3">
      <c r="A27761" s="13" t="s">
        <v>177</v>
      </c>
      <c r="B27761" s="14" t="s">
        <v>1</v>
      </c>
      <c r="C27761" s="14" t="s">
        <v>101</v>
      </c>
      <c r="D27761" s="14" t="s">
        <v>126</v>
      </c>
      <c r="E27761" s="15">
        <v>45397</v>
      </c>
      <c r="F27761" s="14" t="s">
        <v>15</v>
      </c>
      <c r="G27761" s="16">
        <v>3.2841800062402719E-2</v>
      </c>
    </row>
    <row r="27762" spans="1:7" x14ac:dyDescent="0.3">
      <c r="A27762" s="13" t="s">
        <v>177</v>
      </c>
      <c r="B27762" s="14" t="s">
        <v>1</v>
      </c>
      <c r="C27762" s="14" t="s">
        <v>101</v>
      </c>
      <c r="D27762" s="14" t="s">
        <v>126</v>
      </c>
      <c r="E27762" s="15">
        <v>45398</v>
      </c>
      <c r="F27762" s="14" t="s">
        <v>15</v>
      </c>
      <c r="G27762" s="16">
        <v>1.9623703988999461E-2</v>
      </c>
    </row>
    <row r="27763" spans="1:7" x14ac:dyDescent="0.3">
      <c r="A27763" s="13" t="s">
        <v>177</v>
      </c>
      <c r="B27763" s="14" t="s">
        <v>1</v>
      </c>
      <c r="C27763" s="14" t="s">
        <v>101</v>
      </c>
      <c r="D27763" s="14" t="s">
        <v>126</v>
      </c>
      <c r="E27763" s="15">
        <v>45399</v>
      </c>
      <c r="F27763" s="14" t="s">
        <v>15</v>
      </c>
      <c r="G27763" s="16">
        <v>1.6528785758161794E-2</v>
      </c>
    </row>
    <row r="27764" spans="1:7" x14ac:dyDescent="0.3">
      <c r="A27764" s="13" t="s">
        <v>177</v>
      </c>
      <c r="B27764" s="14" t="s">
        <v>1</v>
      </c>
      <c r="C27764" s="14" t="s">
        <v>101</v>
      </c>
      <c r="D27764" s="14" t="s">
        <v>126</v>
      </c>
      <c r="E27764" s="15">
        <v>45400</v>
      </c>
      <c r="F27764" s="14" t="s">
        <v>15</v>
      </c>
      <c r="G27764" s="16">
        <v>1.2371914174554452E-2</v>
      </c>
    </row>
    <row r="27765" spans="1:7" x14ac:dyDescent="0.3">
      <c r="A27765" s="13" t="s">
        <v>177</v>
      </c>
      <c r="B27765" s="14" t="s">
        <v>1</v>
      </c>
      <c r="C27765" s="14" t="s">
        <v>101</v>
      </c>
      <c r="D27765" s="14" t="s">
        <v>126</v>
      </c>
      <c r="E27765" s="15">
        <v>45401</v>
      </c>
      <c r="F27765" s="14" t="s">
        <v>15</v>
      </c>
      <c r="G27765" s="16">
        <v>1.4563439092404836E-2</v>
      </c>
    </row>
    <row r="27766" spans="1:7" x14ac:dyDescent="0.3">
      <c r="A27766" s="13" t="s">
        <v>177</v>
      </c>
      <c r="B27766" s="14" t="s">
        <v>1</v>
      </c>
      <c r="C27766" s="14" t="s">
        <v>101</v>
      </c>
      <c r="D27766" s="14" t="s">
        <v>126</v>
      </c>
      <c r="E27766" s="15">
        <v>45402</v>
      </c>
      <c r="F27766" s="14" t="s">
        <v>15</v>
      </c>
      <c r="G27766" s="16">
        <v>1.4563439092404836E-2</v>
      </c>
    </row>
    <row r="27767" spans="1:7" x14ac:dyDescent="0.3">
      <c r="A27767" s="13" t="s">
        <v>177</v>
      </c>
      <c r="B27767" s="14" t="s">
        <v>1</v>
      </c>
      <c r="C27767" s="14" t="s">
        <v>101</v>
      </c>
      <c r="D27767" s="14" t="s">
        <v>126</v>
      </c>
      <c r="E27767" s="15">
        <v>45403</v>
      </c>
      <c r="F27767" s="14" t="s">
        <v>15</v>
      </c>
      <c r="G27767" s="16">
        <v>1.4563439092404836E-2</v>
      </c>
    </row>
    <row r="27768" spans="1:7" x14ac:dyDescent="0.3">
      <c r="A27768" s="13" t="s">
        <v>177</v>
      </c>
      <c r="B27768" s="14" t="s">
        <v>1</v>
      </c>
      <c r="C27768" s="14" t="s">
        <v>101</v>
      </c>
      <c r="D27768" s="14" t="s">
        <v>126</v>
      </c>
      <c r="E27768" s="15">
        <v>45404</v>
      </c>
      <c r="F27768" s="14" t="s">
        <v>15</v>
      </c>
      <c r="G27768" s="16">
        <v>1.041895817935143E-2</v>
      </c>
    </row>
    <row r="27769" spans="1:7" x14ac:dyDescent="0.3">
      <c r="A27769" s="13" t="s">
        <v>177</v>
      </c>
      <c r="B27769" s="14" t="s">
        <v>1</v>
      </c>
      <c r="C27769" s="14" t="s">
        <v>101</v>
      </c>
      <c r="D27769" s="14" t="s">
        <v>126</v>
      </c>
      <c r="E27769" s="15">
        <v>45405</v>
      </c>
      <c r="F27769" s="14" t="s">
        <v>15</v>
      </c>
      <c r="G27769" s="16">
        <v>7.1925351901866538E-2</v>
      </c>
    </row>
    <row r="27770" spans="1:7" x14ac:dyDescent="0.3">
      <c r="A27770" s="13" t="s">
        <v>177</v>
      </c>
      <c r="B27770" s="14" t="s">
        <v>1</v>
      </c>
      <c r="C27770" s="14" t="s">
        <v>101</v>
      </c>
      <c r="D27770" s="14" t="s">
        <v>126</v>
      </c>
      <c r="E27770" s="15">
        <v>45406</v>
      </c>
      <c r="F27770" s="14" t="s">
        <v>15</v>
      </c>
      <c r="G27770" s="16">
        <v>7.2035973029629455E-2</v>
      </c>
    </row>
    <row r="27771" spans="1:7" x14ac:dyDescent="0.3">
      <c r="A27771" s="13" t="s">
        <v>177</v>
      </c>
      <c r="B27771" s="14" t="s">
        <v>1</v>
      </c>
      <c r="C27771" s="14" t="s">
        <v>101</v>
      </c>
      <c r="D27771" s="14" t="s">
        <v>126</v>
      </c>
      <c r="E27771" s="15">
        <v>45407</v>
      </c>
      <c r="F27771" s="14" t="s">
        <v>15</v>
      </c>
      <c r="G27771" s="16">
        <v>6.3617439638441936E-2</v>
      </c>
    </row>
    <row r="27772" spans="1:7" x14ac:dyDescent="0.3">
      <c r="A27772" s="13" t="s">
        <v>177</v>
      </c>
      <c r="B27772" s="14" t="s">
        <v>1</v>
      </c>
      <c r="C27772" s="14" t="s">
        <v>101</v>
      </c>
      <c r="D27772" s="14" t="s">
        <v>126</v>
      </c>
      <c r="E27772" s="15">
        <v>45408</v>
      </c>
      <c r="F27772" s="14" t="s">
        <v>15</v>
      </c>
      <c r="G27772" s="16">
        <v>6.1058964556292318E-2</v>
      </c>
    </row>
    <row r="27773" spans="1:7" x14ac:dyDescent="0.3">
      <c r="A27773" s="13" t="s">
        <v>177</v>
      </c>
      <c r="B27773" s="14" t="s">
        <v>1</v>
      </c>
      <c r="C27773" s="14" t="s">
        <v>101</v>
      </c>
      <c r="D27773" s="14" t="s">
        <v>126</v>
      </c>
      <c r="E27773" s="15">
        <v>45409</v>
      </c>
      <c r="F27773" s="14" t="s">
        <v>15</v>
      </c>
      <c r="G27773" s="16">
        <v>6.1058964556292318E-2</v>
      </c>
    </row>
    <row r="27774" spans="1:7" x14ac:dyDescent="0.3">
      <c r="A27774" s="13" t="s">
        <v>177</v>
      </c>
      <c r="B27774" s="14" t="s">
        <v>1</v>
      </c>
      <c r="C27774" s="14" t="s">
        <v>101</v>
      </c>
      <c r="D27774" s="14" t="s">
        <v>126</v>
      </c>
      <c r="E27774" s="15">
        <v>45410</v>
      </c>
      <c r="F27774" s="14" t="s">
        <v>15</v>
      </c>
      <c r="G27774" s="16">
        <v>6.1058964556292318E-2</v>
      </c>
    </row>
    <row r="27775" spans="1:7" x14ac:dyDescent="0.3">
      <c r="A27775" s="13" t="s">
        <v>177</v>
      </c>
      <c r="B27775" s="14" t="s">
        <v>1</v>
      </c>
      <c r="C27775" s="14" t="s">
        <v>101</v>
      </c>
      <c r="D27775" s="14" t="s">
        <v>126</v>
      </c>
      <c r="E27775" s="15">
        <v>45411</v>
      </c>
      <c r="F27775" s="14" t="s">
        <v>15</v>
      </c>
      <c r="G27775" s="16">
        <v>5.685836119425932E-2</v>
      </c>
    </row>
    <row r="27776" spans="1:7" x14ac:dyDescent="0.3">
      <c r="A27776" s="13" t="s">
        <v>177</v>
      </c>
      <c r="B27776" s="14" t="s">
        <v>1</v>
      </c>
      <c r="C27776" s="14" t="s">
        <v>101</v>
      </c>
      <c r="D27776" s="14" t="s">
        <v>126</v>
      </c>
      <c r="E27776" s="15">
        <v>45412</v>
      </c>
      <c r="F27776" s="14" t="s">
        <v>15</v>
      </c>
      <c r="G27776" s="16">
        <v>5.0231372992576177E-2</v>
      </c>
    </row>
    <row r="27777" spans="1:7" x14ac:dyDescent="0.3">
      <c r="A27777" s="13" t="s">
        <v>177</v>
      </c>
      <c r="B27777" s="14" t="s">
        <v>1</v>
      </c>
      <c r="C27777" s="14" t="s">
        <v>101</v>
      </c>
      <c r="D27777" s="14" t="s">
        <v>126</v>
      </c>
      <c r="E27777" s="15">
        <v>45413</v>
      </c>
      <c r="F27777" s="14" t="s">
        <v>15</v>
      </c>
      <c r="G27777" s="16">
        <v>0.19465321861013501</v>
      </c>
    </row>
    <row r="27778" spans="1:7" x14ac:dyDescent="0.3">
      <c r="A27778" s="13" t="s">
        <v>177</v>
      </c>
      <c r="B27778" s="14" t="s">
        <v>1</v>
      </c>
      <c r="C27778" s="14" t="s">
        <v>101</v>
      </c>
      <c r="D27778" s="14" t="s">
        <v>126</v>
      </c>
      <c r="E27778" s="15">
        <v>45414</v>
      </c>
      <c r="F27778" s="14" t="s">
        <v>15</v>
      </c>
      <c r="G27778" s="16">
        <v>0.18944532661836441</v>
      </c>
    </row>
    <row r="27779" spans="1:7" x14ac:dyDescent="0.3">
      <c r="A27779" s="13" t="s">
        <v>177</v>
      </c>
      <c r="B27779" s="14" t="s">
        <v>1</v>
      </c>
      <c r="C27779" s="14" t="s">
        <v>101</v>
      </c>
      <c r="D27779" s="14" t="s">
        <v>126</v>
      </c>
      <c r="E27779" s="15">
        <v>45415</v>
      </c>
      <c r="F27779" s="14" t="s">
        <v>15</v>
      </c>
      <c r="G27779" s="16">
        <v>0.18520172034087953</v>
      </c>
    </row>
    <row r="27780" spans="1:7" x14ac:dyDescent="0.3">
      <c r="A27780" s="13" t="s">
        <v>177</v>
      </c>
      <c r="B27780" s="14" t="s">
        <v>1</v>
      </c>
      <c r="C27780" s="14" t="s">
        <v>101</v>
      </c>
      <c r="D27780" s="14" t="s">
        <v>126</v>
      </c>
      <c r="E27780" s="15">
        <v>45416</v>
      </c>
      <c r="F27780" s="14" t="s">
        <v>15</v>
      </c>
      <c r="G27780" s="16">
        <v>0.18520172034087953</v>
      </c>
    </row>
    <row r="27781" spans="1:7" x14ac:dyDescent="0.3">
      <c r="A27781" s="13" t="s">
        <v>177</v>
      </c>
      <c r="B27781" s="14" t="s">
        <v>1</v>
      </c>
      <c r="C27781" s="14" t="s">
        <v>101</v>
      </c>
      <c r="D27781" s="14" t="s">
        <v>126</v>
      </c>
      <c r="E27781" s="15">
        <v>45417</v>
      </c>
      <c r="F27781" s="14" t="s">
        <v>15</v>
      </c>
      <c r="G27781" s="16">
        <v>0.18520172034087953</v>
      </c>
    </row>
    <row r="27782" spans="1:7" x14ac:dyDescent="0.3">
      <c r="A27782" s="13" t="s">
        <v>177</v>
      </c>
      <c r="B27782" s="14" t="s">
        <v>1</v>
      </c>
      <c r="C27782" s="14" t="s">
        <v>101</v>
      </c>
      <c r="D27782" s="14" t="s">
        <v>126</v>
      </c>
      <c r="E27782" s="15">
        <v>45418</v>
      </c>
      <c r="F27782" s="14" t="s">
        <v>15</v>
      </c>
      <c r="G27782" s="16">
        <v>0.18520172034087953</v>
      </c>
    </row>
    <row r="27783" spans="1:7" x14ac:dyDescent="0.3">
      <c r="A27783" s="13" t="s">
        <v>177</v>
      </c>
      <c r="B27783" s="14" t="s">
        <v>1</v>
      </c>
      <c r="C27783" s="14" t="s">
        <v>101</v>
      </c>
      <c r="D27783" s="14" t="s">
        <v>126</v>
      </c>
      <c r="E27783" s="15">
        <v>45419</v>
      </c>
      <c r="F27783" s="14" t="s">
        <v>15</v>
      </c>
      <c r="G27783" s="16">
        <v>0.1974551986114996</v>
      </c>
    </row>
    <row r="27784" spans="1:7" x14ac:dyDescent="0.3">
      <c r="A27784" s="13" t="s">
        <v>177</v>
      </c>
      <c r="B27784" s="14" t="s">
        <v>1</v>
      </c>
      <c r="C27784" s="14" t="s">
        <v>101</v>
      </c>
      <c r="D27784" s="14" t="s">
        <v>126</v>
      </c>
      <c r="E27784" s="15">
        <v>45420</v>
      </c>
      <c r="F27784" s="14" t="s">
        <v>15</v>
      </c>
      <c r="G27784" s="16">
        <v>0.23963870603663859</v>
      </c>
    </row>
    <row r="27785" spans="1:7" x14ac:dyDescent="0.3">
      <c r="A27785" s="13" t="s">
        <v>177</v>
      </c>
      <c r="B27785" s="14" t="s">
        <v>1</v>
      </c>
      <c r="C27785" s="14" t="s">
        <v>101</v>
      </c>
      <c r="D27785" s="14" t="s">
        <v>126</v>
      </c>
      <c r="E27785" s="15">
        <v>45421</v>
      </c>
      <c r="F27785" s="14" t="s">
        <v>15</v>
      </c>
      <c r="G27785" s="16">
        <v>0.29487469159588842</v>
      </c>
    </row>
    <row r="27786" spans="1:7" x14ac:dyDescent="0.3">
      <c r="A27786" s="13" t="s">
        <v>177</v>
      </c>
      <c r="B27786" s="14" t="s">
        <v>1</v>
      </c>
      <c r="C27786" s="14" t="s">
        <v>101</v>
      </c>
      <c r="D27786" s="14" t="s">
        <v>126</v>
      </c>
      <c r="E27786" s="15">
        <v>45422</v>
      </c>
      <c r="F27786" s="14" t="s">
        <v>15</v>
      </c>
      <c r="G27786" s="16">
        <v>0.30731913196563382</v>
      </c>
    </row>
    <row r="27787" spans="1:7" x14ac:dyDescent="0.3">
      <c r="A27787" s="13" t="s">
        <v>177</v>
      </c>
      <c r="B27787" s="14" t="s">
        <v>1</v>
      </c>
      <c r="C27787" s="14" t="s">
        <v>101</v>
      </c>
      <c r="D27787" s="14" t="s">
        <v>126</v>
      </c>
      <c r="E27787" s="15">
        <v>45423</v>
      </c>
      <c r="F27787" s="14" t="s">
        <v>15</v>
      </c>
      <c r="G27787" s="16">
        <v>0.30731913196563382</v>
      </c>
    </row>
    <row r="27788" spans="1:7" x14ac:dyDescent="0.3">
      <c r="A27788" s="13" t="s">
        <v>177</v>
      </c>
      <c r="B27788" s="14" t="s">
        <v>1</v>
      </c>
      <c r="C27788" s="14" t="s">
        <v>101</v>
      </c>
      <c r="D27788" s="14" t="s">
        <v>126</v>
      </c>
      <c r="E27788" s="15">
        <v>45424</v>
      </c>
      <c r="F27788" s="14" t="s">
        <v>15</v>
      </c>
      <c r="G27788" s="16">
        <v>0.30731913196563382</v>
      </c>
    </row>
    <row r="27789" spans="1:7" x14ac:dyDescent="0.3">
      <c r="A27789" s="13" t="s">
        <v>177</v>
      </c>
      <c r="B27789" s="14" t="s">
        <v>1</v>
      </c>
      <c r="C27789" s="14" t="s">
        <v>101</v>
      </c>
      <c r="D27789" s="14" t="s">
        <v>126</v>
      </c>
      <c r="E27789" s="15">
        <v>45425</v>
      </c>
      <c r="F27789" s="14" t="s">
        <v>15</v>
      </c>
      <c r="G27789" s="16">
        <v>0.30609301839951919</v>
      </c>
    </row>
    <row r="27790" spans="1:7" x14ac:dyDescent="0.3">
      <c r="A27790" s="13" t="s">
        <v>177</v>
      </c>
      <c r="B27790" s="14" t="s">
        <v>1</v>
      </c>
      <c r="C27790" s="14" t="s">
        <v>101</v>
      </c>
      <c r="D27790" s="14" t="s">
        <v>126</v>
      </c>
      <c r="E27790" s="15">
        <v>45426</v>
      </c>
      <c r="F27790" s="14" t="s">
        <v>15</v>
      </c>
      <c r="G27790" s="16">
        <v>0.28543396022699058</v>
      </c>
    </row>
    <row r="27791" spans="1:7" x14ac:dyDescent="0.3">
      <c r="A27791" s="13" t="s">
        <v>177</v>
      </c>
      <c r="B27791" s="14" t="s">
        <v>1</v>
      </c>
      <c r="C27791" s="14" t="s">
        <v>101</v>
      </c>
      <c r="D27791" s="14" t="s">
        <v>126</v>
      </c>
      <c r="E27791" s="15">
        <v>45427</v>
      </c>
      <c r="F27791" s="14" t="s">
        <v>15</v>
      </c>
      <c r="G27791" s="16">
        <v>0.28104166590285845</v>
      </c>
    </row>
    <row r="27792" spans="1:7" x14ac:dyDescent="0.3">
      <c r="A27792" s="13" t="s">
        <v>177</v>
      </c>
      <c r="B27792" s="14" t="s">
        <v>1</v>
      </c>
      <c r="C27792" s="14" t="s">
        <v>101</v>
      </c>
      <c r="D27792" s="14" t="s">
        <v>126</v>
      </c>
      <c r="E27792" s="15">
        <v>45428</v>
      </c>
      <c r="F27792" s="14" t="s">
        <v>15</v>
      </c>
      <c r="G27792" s="16">
        <v>0.31842488178280798</v>
      </c>
    </row>
    <row r="27793" spans="1:7" x14ac:dyDescent="0.3">
      <c r="A27793" s="13" t="s">
        <v>177</v>
      </c>
      <c r="B27793" s="14" t="s">
        <v>1</v>
      </c>
      <c r="C27793" s="14" t="s">
        <v>101</v>
      </c>
      <c r="D27793" s="14" t="s">
        <v>126</v>
      </c>
      <c r="E27793" s="15">
        <v>45429</v>
      </c>
      <c r="F27793" s="14" t="s">
        <v>15</v>
      </c>
      <c r="G27793" s="16">
        <v>0.34970459912048341</v>
      </c>
    </row>
    <row r="27794" spans="1:7" x14ac:dyDescent="0.3">
      <c r="A27794" s="13" t="s">
        <v>177</v>
      </c>
      <c r="B27794" s="14" t="s">
        <v>1</v>
      </c>
      <c r="C27794" s="14" t="s">
        <v>101</v>
      </c>
      <c r="D27794" s="14" t="s">
        <v>126</v>
      </c>
      <c r="E27794" s="15">
        <v>45430</v>
      </c>
      <c r="F27794" s="14" t="s">
        <v>15</v>
      </c>
      <c r="G27794" s="16">
        <v>0.34970459912048341</v>
      </c>
    </row>
    <row r="27795" spans="1:7" x14ac:dyDescent="0.3">
      <c r="A27795" s="13" t="s">
        <v>177</v>
      </c>
      <c r="B27795" s="14" t="s">
        <v>1</v>
      </c>
      <c r="C27795" s="14" t="s">
        <v>101</v>
      </c>
      <c r="D27795" s="14" t="s">
        <v>126</v>
      </c>
      <c r="E27795" s="15">
        <v>45431</v>
      </c>
      <c r="F27795" s="14" t="s">
        <v>15</v>
      </c>
      <c r="G27795" s="16">
        <v>0.34970459912048341</v>
      </c>
    </row>
    <row r="27796" spans="1:7" x14ac:dyDescent="0.3">
      <c r="A27796" s="13" t="s">
        <v>177</v>
      </c>
      <c r="B27796" s="14" t="s">
        <v>1</v>
      </c>
      <c r="C27796" s="14" t="s">
        <v>101</v>
      </c>
      <c r="D27796" s="14" t="s">
        <v>126</v>
      </c>
      <c r="E27796" s="15">
        <v>45432</v>
      </c>
      <c r="F27796" s="14" t="s">
        <v>15</v>
      </c>
      <c r="G27796" s="16">
        <v>0.3452634709771093</v>
      </c>
    </row>
    <row r="27797" spans="1:7" x14ac:dyDescent="0.3">
      <c r="A27797" s="13" t="s">
        <v>177</v>
      </c>
      <c r="B27797" s="14" t="s">
        <v>1</v>
      </c>
      <c r="C27797" s="14" t="s">
        <v>101</v>
      </c>
      <c r="D27797" s="14" t="s">
        <v>126</v>
      </c>
      <c r="E27797" s="15">
        <v>45433</v>
      </c>
      <c r="F27797" s="14" t="s">
        <v>15</v>
      </c>
      <c r="G27797" s="16">
        <v>0.33136170143431826</v>
      </c>
    </row>
    <row r="27798" spans="1:7" x14ac:dyDescent="0.3">
      <c r="A27798" s="13" t="s">
        <v>177</v>
      </c>
      <c r="B27798" s="14" t="s">
        <v>1</v>
      </c>
      <c r="C27798" s="14" t="s">
        <v>101</v>
      </c>
      <c r="D27798" s="14" t="s">
        <v>126</v>
      </c>
      <c r="E27798" s="15">
        <v>45434</v>
      </c>
      <c r="F27798" s="14" t="s">
        <v>15</v>
      </c>
      <c r="G27798" s="16">
        <v>0.32692348874283916</v>
      </c>
    </row>
    <row r="27799" spans="1:7" x14ac:dyDescent="0.3">
      <c r="A27799" s="13" t="s">
        <v>177</v>
      </c>
      <c r="B27799" s="14" t="s">
        <v>1</v>
      </c>
      <c r="C27799" s="14" t="s">
        <v>101</v>
      </c>
      <c r="D27799" s="14" t="s">
        <v>126</v>
      </c>
      <c r="E27799" s="15">
        <v>45435</v>
      </c>
      <c r="F27799" s="14" t="s">
        <v>15</v>
      </c>
      <c r="G27799" s="16">
        <v>0.32248892036622889</v>
      </c>
    </row>
    <row r="27800" spans="1:7" x14ac:dyDescent="0.3">
      <c r="A27800" s="13" t="s">
        <v>177</v>
      </c>
      <c r="B27800" s="14" t="s">
        <v>1</v>
      </c>
      <c r="C27800" s="14" t="s">
        <v>101</v>
      </c>
      <c r="D27800" s="14" t="s">
        <v>126</v>
      </c>
      <c r="E27800" s="15">
        <v>45436</v>
      </c>
      <c r="F27800" s="14" t="s">
        <v>15</v>
      </c>
      <c r="G27800" s="16">
        <v>0.32735245694588683</v>
      </c>
    </row>
    <row r="27801" spans="1:7" x14ac:dyDescent="0.3">
      <c r="A27801" s="13" t="s">
        <v>177</v>
      </c>
      <c r="B27801" s="14" t="s">
        <v>1</v>
      </c>
      <c r="C27801" s="14" t="s">
        <v>101</v>
      </c>
      <c r="D27801" s="14" t="s">
        <v>126</v>
      </c>
      <c r="E27801" s="15">
        <v>45437</v>
      </c>
      <c r="F27801" s="14" t="s">
        <v>15</v>
      </c>
      <c r="G27801" s="16">
        <v>0.32735245694588683</v>
      </c>
    </row>
    <row r="27802" spans="1:7" x14ac:dyDescent="0.3">
      <c r="A27802" s="13" t="s">
        <v>177</v>
      </c>
      <c r="B27802" s="14" t="s">
        <v>1</v>
      </c>
      <c r="C27802" s="14" t="s">
        <v>101</v>
      </c>
      <c r="D27802" s="14" t="s">
        <v>126</v>
      </c>
      <c r="E27802" s="15">
        <v>45438</v>
      </c>
      <c r="F27802" s="14" t="s">
        <v>15</v>
      </c>
      <c r="G27802" s="16">
        <v>0.32735245694588683</v>
      </c>
    </row>
    <row r="27803" spans="1:7" x14ac:dyDescent="0.3">
      <c r="A27803" s="13" t="s">
        <v>177</v>
      </c>
      <c r="B27803" s="14" t="s">
        <v>1</v>
      </c>
      <c r="C27803" s="14" t="s">
        <v>101</v>
      </c>
      <c r="D27803" s="14" t="s">
        <v>126</v>
      </c>
      <c r="E27803" s="15">
        <v>45439</v>
      </c>
      <c r="F27803" s="14" t="s">
        <v>15</v>
      </c>
      <c r="G27803" s="16">
        <v>0.32296672238851853</v>
      </c>
    </row>
    <row r="27804" spans="1:7" x14ac:dyDescent="0.3">
      <c r="A27804" s="13" t="s">
        <v>177</v>
      </c>
      <c r="B27804" s="14" t="s">
        <v>1</v>
      </c>
      <c r="C27804" s="14" t="s">
        <v>101</v>
      </c>
      <c r="D27804" s="14" t="s">
        <v>126</v>
      </c>
      <c r="E27804" s="15">
        <v>45440</v>
      </c>
      <c r="F27804" s="14" t="s">
        <v>15</v>
      </c>
      <c r="G27804" s="16">
        <v>0.30916553593610652</v>
      </c>
    </row>
    <row r="27805" spans="1:7" x14ac:dyDescent="0.3">
      <c r="A27805" s="13" t="s">
        <v>177</v>
      </c>
      <c r="B27805" s="14" t="s">
        <v>1</v>
      </c>
      <c r="C27805" s="14" t="s">
        <v>101</v>
      </c>
      <c r="D27805" s="14" t="s">
        <v>126</v>
      </c>
      <c r="E27805" s="15">
        <v>45441</v>
      </c>
      <c r="F27805" s="14" t="s">
        <v>15</v>
      </c>
      <c r="G27805" s="16">
        <v>0.33782280429419015</v>
      </c>
    </row>
    <row r="27806" spans="1:7" x14ac:dyDescent="0.3">
      <c r="A27806" s="13" t="s">
        <v>177</v>
      </c>
      <c r="B27806" s="14" t="s">
        <v>1</v>
      </c>
      <c r="C27806" s="14" t="s">
        <v>101</v>
      </c>
      <c r="D27806" s="14" t="s">
        <v>126</v>
      </c>
      <c r="E27806" s="15">
        <v>45442</v>
      </c>
      <c r="F27806" s="14" t="s">
        <v>15</v>
      </c>
      <c r="G27806" s="16">
        <v>0.33343706973682186</v>
      </c>
    </row>
    <row r="27807" spans="1:7" x14ac:dyDescent="0.3">
      <c r="A27807" s="13" t="s">
        <v>177</v>
      </c>
      <c r="B27807" s="14" t="s">
        <v>1</v>
      </c>
      <c r="C27807" s="14" t="s">
        <v>101</v>
      </c>
      <c r="D27807" s="14" t="s">
        <v>126</v>
      </c>
      <c r="E27807" s="15">
        <v>45443</v>
      </c>
      <c r="F27807" s="14" t="s">
        <v>15</v>
      </c>
      <c r="G27807" s="16">
        <v>0.33389171418819991</v>
      </c>
    </row>
    <row r="27808" spans="1:7" x14ac:dyDescent="0.3">
      <c r="A27808" s="13" t="s">
        <v>177</v>
      </c>
      <c r="B27808" s="14" t="s">
        <v>1</v>
      </c>
      <c r="C27808" s="14" t="s">
        <v>101</v>
      </c>
      <c r="D27808" s="14" t="s">
        <v>126</v>
      </c>
      <c r="E27808" s="15">
        <v>45444</v>
      </c>
      <c r="F27808" s="14" t="s">
        <v>15</v>
      </c>
      <c r="G27808" s="16">
        <v>0.33389171418819991</v>
      </c>
    </row>
    <row r="27809" spans="1:7" x14ac:dyDescent="0.3">
      <c r="A27809" s="13" t="s">
        <v>177</v>
      </c>
      <c r="B27809" s="14" t="s">
        <v>1</v>
      </c>
      <c r="C27809" s="14" t="s">
        <v>101</v>
      </c>
      <c r="D27809" s="14" t="s">
        <v>126</v>
      </c>
      <c r="E27809" s="15">
        <v>45445</v>
      </c>
      <c r="F27809" s="14" t="s">
        <v>15</v>
      </c>
      <c r="G27809" s="16">
        <v>0.33389171418819991</v>
      </c>
    </row>
    <row r="27810" spans="1:7" x14ac:dyDescent="0.3">
      <c r="A27810" s="13" t="s">
        <v>177</v>
      </c>
      <c r="B27810" s="14" t="s">
        <v>1</v>
      </c>
      <c r="C27810" s="14" t="s">
        <v>101</v>
      </c>
      <c r="D27810" s="14" t="s">
        <v>126</v>
      </c>
      <c r="E27810" s="15">
        <v>45446</v>
      </c>
      <c r="F27810" s="14" t="s">
        <v>15</v>
      </c>
      <c r="G27810" s="16">
        <v>0.33389171418819991</v>
      </c>
    </row>
    <row r="27811" spans="1:7" x14ac:dyDescent="0.3">
      <c r="A27811" s="13" t="s">
        <v>177</v>
      </c>
      <c r="B27811" s="14" t="s">
        <v>1</v>
      </c>
      <c r="C27811" s="14" t="s">
        <v>101</v>
      </c>
      <c r="D27811" s="14" t="s">
        <v>126</v>
      </c>
      <c r="E27811" s="15">
        <v>45447</v>
      </c>
      <c r="F27811" s="14" t="s">
        <v>15</v>
      </c>
      <c r="G27811" s="16">
        <v>0.36306501753170634</v>
      </c>
    </row>
    <row r="27812" spans="1:7" x14ac:dyDescent="0.3">
      <c r="A27812" s="13" t="s">
        <v>177</v>
      </c>
      <c r="B27812" s="14" t="s">
        <v>1</v>
      </c>
      <c r="C27812" s="14" t="s">
        <v>101</v>
      </c>
      <c r="D27812" s="14" t="s">
        <v>126</v>
      </c>
      <c r="E27812" s="15">
        <v>45448</v>
      </c>
      <c r="F27812" s="14" t="s">
        <v>15</v>
      </c>
      <c r="G27812" s="16">
        <v>0.36044823341165583</v>
      </c>
    </row>
    <row r="27813" spans="1:7" x14ac:dyDescent="0.3">
      <c r="A27813" s="13" t="s">
        <v>177</v>
      </c>
      <c r="B27813" s="14" t="s">
        <v>1</v>
      </c>
      <c r="C27813" s="14" t="s">
        <v>101</v>
      </c>
      <c r="D27813" s="14" t="s">
        <v>126</v>
      </c>
      <c r="E27813" s="15">
        <v>45449</v>
      </c>
      <c r="F27813" s="14" t="s">
        <v>15</v>
      </c>
      <c r="G27813" s="16">
        <v>0.36695972917498731</v>
      </c>
    </row>
    <row r="27814" spans="1:7" x14ac:dyDescent="0.3">
      <c r="A27814" s="13" t="s">
        <v>177</v>
      </c>
      <c r="B27814" s="14" t="s">
        <v>1</v>
      </c>
      <c r="C27814" s="14" t="s">
        <v>101</v>
      </c>
      <c r="D27814" s="14" t="s">
        <v>126</v>
      </c>
      <c r="E27814" s="15">
        <v>45450</v>
      </c>
      <c r="F27814" s="14" t="s">
        <v>15</v>
      </c>
      <c r="G27814" s="16">
        <v>0.36729702668758984</v>
      </c>
    </row>
    <row r="27815" spans="1:7" x14ac:dyDescent="0.3">
      <c r="A27815" s="13" t="s">
        <v>177</v>
      </c>
      <c r="B27815" s="14" t="s">
        <v>1</v>
      </c>
      <c r="C27815" s="14" t="s">
        <v>101</v>
      </c>
      <c r="D27815" s="14" t="s">
        <v>126</v>
      </c>
      <c r="E27815" s="15">
        <v>45451</v>
      </c>
      <c r="F27815" s="14" t="s">
        <v>15</v>
      </c>
      <c r="G27815" s="16">
        <v>0.36729702668758984</v>
      </c>
    </row>
    <row r="27816" spans="1:7" x14ac:dyDescent="0.3">
      <c r="A27816" s="13" t="s">
        <v>177</v>
      </c>
      <c r="B27816" s="14" t="s">
        <v>1</v>
      </c>
      <c r="C27816" s="14" t="s">
        <v>101</v>
      </c>
      <c r="D27816" s="14" t="s">
        <v>126</v>
      </c>
      <c r="E27816" s="15">
        <v>45452</v>
      </c>
      <c r="F27816" s="14" t="s">
        <v>15</v>
      </c>
      <c r="G27816" s="16">
        <v>0.36729702668758984</v>
      </c>
    </row>
    <row r="27817" spans="1:7" x14ac:dyDescent="0.3">
      <c r="A27817" s="13" t="s">
        <v>177</v>
      </c>
      <c r="B27817" s="14" t="s">
        <v>1</v>
      </c>
      <c r="C27817" s="14" t="s">
        <v>101</v>
      </c>
      <c r="D27817" s="14" t="s">
        <v>126</v>
      </c>
      <c r="E27817" s="15">
        <v>45453</v>
      </c>
      <c r="F27817" s="14" t="s">
        <v>15</v>
      </c>
      <c r="G27817" s="16">
        <v>0.37038359533721871</v>
      </c>
    </row>
    <row r="27818" spans="1:7" x14ac:dyDescent="0.3">
      <c r="A27818" s="13" t="s">
        <v>177</v>
      </c>
      <c r="B27818" s="14" t="s">
        <v>1</v>
      </c>
      <c r="C27818" s="14" t="s">
        <v>101</v>
      </c>
      <c r="D27818" s="14" t="s">
        <v>126</v>
      </c>
      <c r="E27818" s="15">
        <v>45454</v>
      </c>
      <c r="F27818" s="14" t="s">
        <v>15</v>
      </c>
      <c r="G27818" s="16">
        <v>0.42239144678568136</v>
      </c>
    </row>
    <row r="27819" spans="1:7" x14ac:dyDescent="0.3">
      <c r="A27819" s="13" t="s">
        <v>177</v>
      </c>
      <c r="B27819" s="14" t="s">
        <v>1</v>
      </c>
      <c r="C27819" s="14" t="s">
        <v>101</v>
      </c>
      <c r="D27819" s="14" t="s">
        <v>126</v>
      </c>
      <c r="E27819" s="15">
        <v>45455</v>
      </c>
      <c r="F27819" s="14" t="s">
        <v>15</v>
      </c>
      <c r="G27819" s="16">
        <v>0.41805600377350255</v>
      </c>
    </row>
    <row r="27820" spans="1:7" x14ac:dyDescent="0.3">
      <c r="A27820" s="13" t="s">
        <v>177</v>
      </c>
      <c r="B27820" s="14" t="s">
        <v>1</v>
      </c>
      <c r="C27820" s="14" t="s">
        <v>101</v>
      </c>
      <c r="D27820" s="14" t="s">
        <v>126</v>
      </c>
      <c r="E27820" s="15">
        <v>45456</v>
      </c>
      <c r="F27820" s="14" t="s">
        <v>15</v>
      </c>
      <c r="G27820" s="16">
        <v>0.41374607096540539</v>
      </c>
    </row>
    <row r="27821" spans="1:7" x14ac:dyDescent="0.3">
      <c r="A27821" s="13" t="s">
        <v>177</v>
      </c>
      <c r="B27821" s="14" t="s">
        <v>1</v>
      </c>
      <c r="C27821" s="14" t="s">
        <v>101</v>
      </c>
      <c r="D27821" s="14" t="s">
        <v>126</v>
      </c>
      <c r="E27821" s="15">
        <v>45457</v>
      </c>
      <c r="F27821" s="14" t="s">
        <v>15</v>
      </c>
      <c r="G27821" s="16">
        <v>0.41468249384243949</v>
      </c>
    </row>
    <row r="27822" spans="1:7" x14ac:dyDescent="0.3">
      <c r="A27822" s="13" t="s">
        <v>177</v>
      </c>
      <c r="B27822" s="14" t="s">
        <v>1</v>
      </c>
      <c r="C27822" s="14" t="s">
        <v>101</v>
      </c>
      <c r="D27822" s="14" t="s">
        <v>126</v>
      </c>
      <c r="E27822" s="15">
        <v>45458</v>
      </c>
      <c r="F27822" s="14" t="s">
        <v>15</v>
      </c>
      <c r="G27822" s="16">
        <v>0.41468249384243949</v>
      </c>
    </row>
    <row r="27823" spans="1:7" x14ac:dyDescent="0.3">
      <c r="A27823" s="13" t="s">
        <v>177</v>
      </c>
      <c r="B27823" s="14" t="s">
        <v>1</v>
      </c>
      <c r="C27823" s="14" t="s">
        <v>101</v>
      </c>
      <c r="D27823" s="14" t="s">
        <v>126</v>
      </c>
      <c r="E27823" s="15">
        <v>45459</v>
      </c>
      <c r="F27823" s="14" t="s">
        <v>15</v>
      </c>
      <c r="G27823" s="16">
        <v>0.41468249384243949</v>
      </c>
    </row>
    <row r="27824" spans="1:7" x14ac:dyDescent="0.3">
      <c r="A27824" s="13" t="s">
        <v>177</v>
      </c>
      <c r="B27824" s="14" t="s">
        <v>1</v>
      </c>
      <c r="C27824" s="14" t="s">
        <v>101</v>
      </c>
      <c r="D27824" s="14" t="s">
        <v>126</v>
      </c>
      <c r="E27824" s="15">
        <v>45460</v>
      </c>
      <c r="F27824" s="14" t="s">
        <v>15</v>
      </c>
      <c r="G27824" s="16">
        <v>0.4124629400430887</v>
      </c>
    </row>
    <row r="27825" spans="1:7" x14ac:dyDescent="0.3">
      <c r="A27825" s="13" t="s">
        <v>177</v>
      </c>
      <c r="B27825" s="14" t="s">
        <v>1</v>
      </c>
      <c r="C27825" s="14" t="s">
        <v>101</v>
      </c>
      <c r="D27825" s="14" t="s">
        <v>126</v>
      </c>
      <c r="E27825" s="15">
        <v>45461</v>
      </c>
      <c r="F27825" s="14" t="s">
        <v>15</v>
      </c>
      <c r="G27825" s="16">
        <v>0.42087749703090993</v>
      </c>
    </row>
    <row r="27826" spans="1:7" x14ac:dyDescent="0.3">
      <c r="A27826" s="13" t="s">
        <v>177</v>
      </c>
      <c r="B27826" s="14" t="s">
        <v>1</v>
      </c>
      <c r="C27826" s="14" t="s">
        <v>101</v>
      </c>
      <c r="D27826" s="14" t="s">
        <v>126</v>
      </c>
      <c r="E27826" s="15">
        <v>45462</v>
      </c>
      <c r="F27826" s="14" t="s">
        <v>15</v>
      </c>
      <c r="G27826" s="16">
        <v>0.42310838054934341</v>
      </c>
    </row>
    <row r="27827" spans="1:7" x14ac:dyDescent="0.3">
      <c r="A27827" s="13" t="s">
        <v>177</v>
      </c>
      <c r="B27827" s="14" t="s">
        <v>1</v>
      </c>
      <c r="C27827" s="14" t="s">
        <v>101</v>
      </c>
      <c r="D27827" s="14" t="s">
        <v>126</v>
      </c>
      <c r="E27827" s="15">
        <v>45463</v>
      </c>
      <c r="F27827" s="14" t="s">
        <v>15</v>
      </c>
      <c r="G27827" s="16">
        <v>0.41875544482579435</v>
      </c>
    </row>
    <row r="27828" spans="1:7" x14ac:dyDescent="0.3">
      <c r="A27828" s="13" t="s">
        <v>177</v>
      </c>
      <c r="B27828" s="14" t="s">
        <v>1</v>
      </c>
      <c r="C27828" s="14" t="s">
        <v>101</v>
      </c>
      <c r="D27828" s="14" t="s">
        <v>126</v>
      </c>
      <c r="E27828" s="15">
        <v>45464</v>
      </c>
      <c r="F27828" s="14" t="s">
        <v>15</v>
      </c>
      <c r="G27828" s="16">
        <v>0.41908982688650187</v>
      </c>
    </row>
    <row r="27829" spans="1:7" x14ac:dyDescent="0.3">
      <c r="A27829" s="13" t="s">
        <v>177</v>
      </c>
      <c r="B27829" s="14" t="s">
        <v>1</v>
      </c>
      <c r="C27829" s="14" t="s">
        <v>101</v>
      </c>
      <c r="D27829" s="14" t="s">
        <v>126</v>
      </c>
      <c r="E27829" s="15">
        <v>45465</v>
      </c>
      <c r="F27829" s="14" t="s">
        <v>15</v>
      </c>
      <c r="G27829" s="16">
        <v>0.41908982688650187</v>
      </c>
    </row>
    <row r="27830" spans="1:7" x14ac:dyDescent="0.3">
      <c r="A27830" s="13" t="s">
        <v>177</v>
      </c>
      <c r="B27830" s="14" t="s">
        <v>1</v>
      </c>
      <c r="C27830" s="14" t="s">
        <v>101</v>
      </c>
      <c r="D27830" s="14" t="s">
        <v>126</v>
      </c>
      <c r="E27830" s="15">
        <v>45466</v>
      </c>
      <c r="F27830" s="14" t="s">
        <v>15</v>
      </c>
      <c r="G27830" s="16">
        <v>0.41908982688650187</v>
      </c>
    </row>
    <row r="27831" spans="1:7" x14ac:dyDescent="0.3">
      <c r="A27831" s="13" t="s">
        <v>177</v>
      </c>
      <c r="B27831" s="14" t="s">
        <v>1</v>
      </c>
      <c r="C27831" s="14" t="s">
        <v>101</v>
      </c>
      <c r="D27831" s="14" t="s">
        <v>126</v>
      </c>
      <c r="E27831" s="15">
        <v>45467</v>
      </c>
      <c r="F27831" s="14" t="s">
        <v>15</v>
      </c>
      <c r="G27831" s="16">
        <v>0.41473324684808399</v>
      </c>
    </row>
    <row r="27832" spans="1:7" x14ac:dyDescent="0.3">
      <c r="A27832" s="13" t="s">
        <v>177</v>
      </c>
      <c r="B27832" s="14" t="s">
        <v>1</v>
      </c>
      <c r="C27832" s="14" t="s">
        <v>101</v>
      </c>
      <c r="D27832" s="14" t="s">
        <v>126</v>
      </c>
      <c r="E27832" s="15">
        <v>45468</v>
      </c>
      <c r="F27832" s="14" t="s">
        <v>15</v>
      </c>
      <c r="G27832" s="16">
        <v>0.40111427613911221</v>
      </c>
    </row>
    <row r="27833" spans="1:7" x14ac:dyDescent="0.3">
      <c r="A27833" s="13" t="s">
        <v>177</v>
      </c>
      <c r="B27833" s="14" t="s">
        <v>1</v>
      </c>
      <c r="C27833" s="14" t="s">
        <v>101</v>
      </c>
      <c r="D27833" s="14" t="s">
        <v>126</v>
      </c>
      <c r="E27833" s="15">
        <v>45469</v>
      </c>
      <c r="F27833" s="14" t="s">
        <v>15</v>
      </c>
      <c r="G27833" s="16">
        <v>0.39675040747095675</v>
      </c>
    </row>
    <row r="27834" spans="1:7" x14ac:dyDescent="0.3">
      <c r="A27834" s="13" t="s">
        <v>177</v>
      </c>
      <c r="B27834" s="14" t="s">
        <v>1</v>
      </c>
      <c r="C27834" s="14" t="s">
        <v>101</v>
      </c>
      <c r="D27834" s="14" t="s">
        <v>126</v>
      </c>
      <c r="E27834" s="15">
        <v>45470</v>
      </c>
      <c r="F27834" s="14" t="s">
        <v>15</v>
      </c>
      <c r="G27834" s="16">
        <v>0.39241496445877805</v>
      </c>
    </row>
    <row r="27835" spans="1:7" x14ac:dyDescent="0.3">
      <c r="A27835" s="13" t="s">
        <v>177</v>
      </c>
      <c r="B27835" s="14" t="s">
        <v>1</v>
      </c>
      <c r="C27835" s="14" t="s">
        <v>101</v>
      </c>
      <c r="D27835" s="14" t="s">
        <v>126</v>
      </c>
      <c r="E27835" s="15">
        <v>45471</v>
      </c>
      <c r="F27835" s="14" t="s">
        <v>15</v>
      </c>
      <c r="G27835" s="16">
        <v>0.4018768975398937</v>
      </c>
    </row>
    <row r="27836" spans="1:7" x14ac:dyDescent="0.3">
      <c r="A27836" s="13" t="s">
        <v>177</v>
      </c>
      <c r="B27836" s="14" t="s">
        <v>1</v>
      </c>
      <c r="C27836" s="14" t="s">
        <v>101</v>
      </c>
      <c r="D27836" s="14" t="s">
        <v>126</v>
      </c>
      <c r="E27836" s="15">
        <v>45472</v>
      </c>
      <c r="F27836" s="14" t="s">
        <v>15</v>
      </c>
      <c r="G27836" s="16">
        <v>0.4018768975398937</v>
      </c>
    </row>
    <row r="27837" spans="1:7" x14ac:dyDescent="0.3">
      <c r="A27837" s="13" t="s">
        <v>177</v>
      </c>
      <c r="B27837" s="14" t="s">
        <v>1</v>
      </c>
      <c r="C27837" s="14" t="s">
        <v>101</v>
      </c>
      <c r="D27837" s="14" t="s">
        <v>126</v>
      </c>
      <c r="E27837" s="15">
        <v>45473</v>
      </c>
      <c r="F27837" s="14" t="s">
        <v>15</v>
      </c>
      <c r="G27837" s="16">
        <v>0.4018768975398937</v>
      </c>
    </row>
    <row r="27838" spans="1:7" x14ac:dyDescent="0.3">
      <c r="A27838" s="13" t="s">
        <v>177</v>
      </c>
      <c r="B27838" s="14" t="s">
        <v>1</v>
      </c>
      <c r="C27838" s="14" t="s">
        <v>101</v>
      </c>
      <c r="D27838" s="14" t="s">
        <v>126</v>
      </c>
      <c r="E27838" s="15">
        <v>45474</v>
      </c>
      <c r="F27838" s="14" t="s">
        <v>15</v>
      </c>
      <c r="G27838" s="16">
        <v>0.40342483645191318</v>
      </c>
    </row>
    <row r="27839" spans="1:7" x14ac:dyDescent="0.3">
      <c r="A27839" s="13" t="s">
        <v>177</v>
      </c>
      <c r="B27839" s="14" t="s">
        <v>1</v>
      </c>
      <c r="C27839" s="14" t="s">
        <v>101</v>
      </c>
      <c r="D27839" s="14" t="s">
        <v>126</v>
      </c>
      <c r="E27839" s="15">
        <v>45475</v>
      </c>
      <c r="F27839" s="14" t="s">
        <v>15</v>
      </c>
      <c r="G27839" s="16">
        <v>0.39005513687996762</v>
      </c>
    </row>
    <row r="27840" spans="1:7" x14ac:dyDescent="0.3">
      <c r="A27840" s="13" t="s">
        <v>177</v>
      </c>
      <c r="B27840" s="14" t="s">
        <v>1</v>
      </c>
      <c r="C27840" s="14" t="s">
        <v>101</v>
      </c>
      <c r="D27840" s="14" t="s">
        <v>126</v>
      </c>
      <c r="E27840" s="15">
        <v>45476</v>
      </c>
      <c r="F27840" s="14" t="s">
        <v>15</v>
      </c>
      <c r="G27840" s="16">
        <v>0.38566794459665182</v>
      </c>
    </row>
    <row r="27841" spans="1:7" x14ac:dyDescent="0.3">
      <c r="A27841" s="13" t="s">
        <v>177</v>
      </c>
      <c r="B27841" s="14" t="s">
        <v>1</v>
      </c>
      <c r="C27841" s="14" t="s">
        <v>101</v>
      </c>
      <c r="D27841" s="14" t="s">
        <v>126</v>
      </c>
      <c r="E27841" s="15">
        <v>45477</v>
      </c>
      <c r="F27841" s="14" t="s">
        <v>15</v>
      </c>
      <c r="G27841" s="16">
        <v>0.38566048992266544</v>
      </c>
    </row>
    <row r="27842" spans="1:7" x14ac:dyDescent="0.3">
      <c r="A27842" s="13" t="s">
        <v>177</v>
      </c>
      <c r="B27842" s="14" t="s">
        <v>1</v>
      </c>
      <c r="C27842" s="14" t="s">
        <v>101</v>
      </c>
      <c r="D27842" s="14" t="s">
        <v>126</v>
      </c>
      <c r="E27842" s="15">
        <v>45478</v>
      </c>
      <c r="F27842" s="14" t="s">
        <v>15</v>
      </c>
      <c r="G27842" s="16">
        <v>0.38119312271223599</v>
      </c>
    </row>
    <row r="27843" spans="1:7" x14ac:dyDescent="0.3">
      <c r="A27843" s="13" t="s">
        <v>177</v>
      </c>
      <c r="B27843" s="14" t="s">
        <v>1</v>
      </c>
      <c r="C27843" s="14" t="s">
        <v>101</v>
      </c>
      <c r="D27843" s="14" t="s">
        <v>126</v>
      </c>
      <c r="E27843" s="15">
        <v>45479</v>
      </c>
      <c r="F27843" s="14" t="s">
        <v>15</v>
      </c>
      <c r="G27843" s="16">
        <v>0.38119312271223599</v>
      </c>
    </row>
    <row r="27844" spans="1:7" x14ac:dyDescent="0.3">
      <c r="A27844" s="13" t="s">
        <v>177</v>
      </c>
      <c r="B27844" s="14" t="s">
        <v>1</v>
      </c>
      <c r="C27844" s="14" t="s">
        <v>101</v>
      </c>
      <c r="D27844" s="14" t="s">
        <v>126</v>
      </c>
      <c r="E27844" s="15">
        <v>45480</v>
      </c>
      <c r="F27844" s="14" t="s">
        <v>15</v>
      </c>
      <c r="G27844" s="16">
        <v>0.38119312271223599</v>
      </c>
    </row>
    <row r="27845" spans="1:7" x14ac:dyDescent="0.3">
      <c r="A27845" s="13" t="s">
        <v>177</v>
      </c>
      <c r="B27845" s="14" t="s">
        <v>1</v>
      </c>
      <c r="C27845" s="14" t="s">
        <v>101</v>
      </c>
      <c r="D27845" s="14" t="s">
        <v>126</v>
      </c>
      <c r="E27845" s="15">
        <v>45481</v>
      </c>
      <c r="F27845" s="14" t="s">
        <v>15</v>
      </c>
      <c r="G27845" s="16">
        <v>0.37783727153679192</v>
      </c>
    </row>
    <row r="27846" spans="1:7" x14ac:dyDescent="0.3">
      <c r="A27846" s="13" t="s">
        <v>177</v>
      </c>
      <c r="B27846" s="14" t="s">
        <v>1</v>
      </c>
      <c r="C27846" s="14" t="s">
        <v>101</v>
      </c>
      <c r="D27846" s="14" t="s">
        <v>126</v>
      </c>
      <c r="E27846" s="15">
        <v>45482</v>
      </c>
      <c r="F27846" s="14" t="s">
        <v>15</v>
      </c>
      <c r="G27846" s="16">
        <v>0.36379045826222245</v>
      </c>
    </row>
    <row r="27847" spans="1:7" x14ac:dyDescent="0.3">
      <c r="A27847" s="13" t="s">
        <v>177</v>
      </c>
      <c r="B27847" s="14" t="s">
        <v>1</v>
      </c>
      <c r="C27847" s="14" t="s">
        <v>101</v>
      </c>
      <c r="D27847" s="14" t="s">
        <v>126</v>
      </c>
      <c r="E27847" s="15">
        <v>45483</v>
      </c>
      <c r="F27847" s="14" t="s">
        <v>15</v>
      </c>
      <c r="G27847" s="16">
        <v>0.35929830971068505</v>
      </c>
    </row>
    <row r="27848" spans="1:7" x14ac:dyDescent="0.3">
      <c r="A27848" s="13" t="s">
        <v>177</v>
      </c>
      <c r="B27848" s="14" t="s">
        <v>1</v>
      </c>
      <c r="C27848" s="14" t="s">
        <v>101</v>
      </c>
      <c r="D27848" s="14" t="s">
        <v>126</v>
      </c>
      <c r="E27848" s="15">
        <v>45484</v>
      </c>
      <c r="F27848" s="14" t="s">
        <v>15</v>
      </c>
      <c r="G27848" s="16">
        <v>0.35481928069267538</v>
      </c>
    </row>
    <row r="27849" spans="1:7" x14ac:dyDescent="0.3">
      <c r="A27849" s="13" t="s">
        <v>177</v>
      </c>
      <c r="B27849" s="14" t="s">
        <v>1</v>
      </c>
      <c r="C27849" s="14" t="s">
        <v>101</v>
      </c>
      <c r="D27849" s="14" t="s">
        <v>126</v>
      </c>
      <c r="E27849" s="15">
        <v>45485</v>
      </c>
      <c r="F27849" s="14" t="s">
        <v>15</v>
      </c>
      <c r="G27849" s="16">
        <v>0.35858223418195434</v>
      </c>
    </row>
    <row r="27850" spans="1:7" x14ac:dyDescent="0.3">
      <c r="A27850" s="13" t="s">
        <v>177</v>
      </c>
      <c r="B27850" s="14" t="s">
        <v>1</v>
      </c>
      <c r="C27850" s="14" t="s">
        <v>101</v>
      </c>
      <c r="D27850" s="14" t="s">
        <v>126</v>
      </c>
      <c r="E27850" s="15">
        <v>45486</v>
      </c>
      <c r="F27850" s="14" t="s">
        <v>15</v>
      </c>
      <c r="G27850" s="16">
        <v>0.35858223418195434</v>
      </c>
    </row>
    <row r="27851" spans="1:7" x14ac:dyDescent="0.3">
      <c r="A27851" s="13" t="s">
        <v>177</v>
      </c>
      <c r="B27851" s="14" t="s">
        <v>1</v>
      </c>
      <c r="C27851" s="14" t="s">
        <v>101</v>
      </c>
      <c r="D27851" s="14" t="s">
        <v>126</v>
      </c>
      <c r="E27851" s="15">
        <v>45487</v>
      </c>
      <c r="F27851" s="14" t="s">
        <v>15</v>
      </c>
      <c r="G27851" s="16">
        <v>0.35858223418195434</v>
      </c>
    </row>
    <row r="27852" spans="1:7" x14ac:dyDescent="0.3">
      <c r="A27852" s="13" t="s">
        <v>177</v>
      </c>
      <c r="B27852" s="14" t="s">
        <v>1</v>
      </c>
      <c r="C27852" s="14" t="s">
        <v>101</v>
      </c>
      <c r="D27852" s="14" t="s">
        <v>126</v>
      </c>
      <c r="E27852" s="15">
        <v>45488</v>
      </c>
      <c r="F27852" s="14" t="s">
        <v>15</v>
      </c>
      <c r="G27852" s="16">
        <v>0.35886996901234119</v>
      </c>
    </row>
    <row r="27853" spans="1:7" x14ac:dyDescent="0.3">
      <c r="A27853" s="13" t="s">
        <v>177</v>
      </c>
      <c r="B27853" s="14" t="s">
        <v>1</v>
      </c>
      <c r="C27853" s="14" t="s">
        <v>101</v>
      </c>
      <c r="D27853" s="14" t="s">
        <v>126</v>
      </c>
      <c r="E27853" s="15">
        <v>45489</v>
      </c>
      <c r="F27853" s="14" t="s">
        <v>15</v>
      </c>
      <c r="G27853" s="16">
        <v>0.34444050267654724</v>
      </c>
    </row>
    <row r="27854" spans="1:7" x14ac:dyDescent="0.3">
      <c r="A27854" s="13" t="s">
        <v>177</v>
      </c>
      <c r="B27854" s="14" t="s">
        <v>1</v>
      </c>
      <c r="C27854" s="14" t="s">
        <v>101</v>
      </c>
      <c r="D27854" s="14" t="s">
        <v>126</v>
      </c>
      <c r="E27854" s="15">
        <v>45490</v>
      </c>
      <c r="F27854" s="14" t="s">
        <v>15</v>
      </c>
      <c r="G27854" s="16">
        <v>0.339844126719762</v>
      </c>
    </row>
    <row r="27855" spans="1:7" x14ac:dyDescent="0.3">
      <c r="A27855" s="13" t="s">
        <v>177</v>
      </c>
      <c r="B27855" s="14" t="s">
        <v>1</v>
      </c>
      <c r="C27855" s="14" t="s">
        <v>101</v>
      </c>
      <c r="D27855" s="14" t="s">
        <v>126</v>
      </c>
      <c r="E27855" s="15">
        <v>45491</v>
      </c>
      <c r="F27855" s="14" t="s">
        <v>15</v>
      </c>
      <c r="G27855" s="16">
        <v>0.33518798399912841</v>
      </c>
    </row>
    <row r="27856" spans="1:7" x14ac:dyDescent="0.3">
      <c r="A27856" s="13" t="s">
        <v>177</v>
      </c>
      <c r="B27856" s="14" t="s">
        <v>1</v>
      </c>
      <c r="C27856" s="14" t="s">
        <v>101</v>
      </c>
      <c r="D27856" s="14" t="s">
        <v>126</v>
      </c>
      <c r="E27856" s="15">
        <v>45492</v>
      </c>
      <c r="F27856" s="14" t="s">
        <v>15</v>
      </c>
      <c r="G27856" s="16">
        <v>0.33818271591406335</v>
      </c>
    </row>
    <row r="27857" spans="1:7" x14ac:dyDescent="0.3">
      <c r="A27857" s="13" t="s">
        <v>177</v>
      </c>
      <c r="B27857" s="14" t="s">
        <v>1</v>
      </c>
      <c r="C27857" s="14" t="s">
        <v>101</v>
      </c>
      <c r="D27857" s="14" t="s">
        <v>126</v>
      </c>
      <c r="E27857" s="15">
        <v>45493</v>
      </c>
      <c r="F27857" s="14" t="s">
        <v>15</v>
      </c>
      <c r="G27857" s="16">
        <v>0.33818271591406335</v>
      </c>
    </row>
    <row r="27858" spans="1:7" x14ac:dyDescent="0.3">
      <c r="A27858" s="13" t="s">
        <v>177</v>
      </c>
      <c r="B27858" s="14" t="s">
        <v>1</v>
      </c>
      <c r="C27858" s="14" t="s">
        <v>101</v>
      </c>
      <c r="D27858" s="14" t="s">
        <v>126</v>
      </c>
      <c r="E27858" s="15">
        <v>45494</v>
      </c>
      <c r="F27858" s="14" t="s">
        <v>15</v>
      </c>
      <c r="G27858" s="16">
        <v>0.33818271591406335</v>
      </c>
    </row>
    <row r="27859" spans="1:7" x14ac:dyDescent="0.3">
      <c r="A27859" s="13" t="s">
        <v>177</v>
      </c>
      <c r="B27859" s="14" t="s">
        <v>1</v>
      </c>
      <c r="C27859" s="14" t="s">
        <v>101</v>
      </c>
      <c r="D27859" s="14" t="s">
        <v>126</v>
      </c>
      <c r="E27859" s="15">
        <v>45495</v>
      </c>
      <c r="F27859" s="14" t="s">
        <v>15</v>
      </c>
      <c r="G27859" s="16">
        <v>0.33357030497185547</v>
      </c>
    </row>
    <row r="27860" spans="1:7" x14ac:dyDescent="0.3">
      <c r="A27860" s="13" t="s">
        <v>177</v>
      </c>
      <c r="B27860" s="14" t="s">
        <v>1</v>
      </c>
      <c r="C27860" s="14" t="s">
        <v>101</v>
      </c>
      <c r="D27860" s="14" t="s">
        <v>126</v>
      </c>
      <c r="E27860" s="15">
        <v>45496</v>
      </c>
      <c r="F27860" s="14" t="s">
        <v>15</v>
      </c>
      <c r="G27860" s="16">
        <v>0.3192698473824172</v>
      </c>
    </row>
    <row r="27861" spans="1:7" x14ac:dyDescent="0.3">
      <c r="A27861" s="13" t="s">
        <v>177</v>
      </c>
      <c r="B27861" s="14" t="s">
        <v>1</v>
      </c>
      <c r="C27861" s="14" t="s">
        <v>101</v>
      </c>
      <c r="D27861" s="14" t="s">
        <v>126</v>
      </c>
      <c r="E27861" s="15">
        <v>45497</v>
      </c>
      <c r="F27861" s="14" t="s">
        <v>15</v>
      </c>
      <c r="G27861" s="16">
        <v>0.31465306326236675</v>
      </c>
    </row>
    <row r="27862" spans="1:7" x14ac:dyDescent="0.3">
      <c r="A27862" s="13" t="s">
        <v>177</v>
      </c>
      <c r="B27862" s="14" t="s">
        <v>1</v>
      </c>
      <c r="C27862" s="14" t="s">
        <v>101</v>
      </c>
      <c r="D27862" s="14" t="s">
        <v>126</v>
      </c>
      <c r="E27862" s="15">
        <v>45498</v>
      </c>
      <c r="F27862" s="14" t="s">
        <v>15</v>
      </c>
      <c r="G27862" s="16">
        <v>0.31005377185368649</v>
      </c>
    </row>
    <row r="27863" spans="1:7" x14ac:dyDescent="0.3">
      <c r="A27863" s="13" t="s">
        <v>177</v>
      </c>
      <c r="B27863" s="14" t="s">
        <v>1</v>
      </c>
      <c r="C27863" s="14" t="s">
        <v>101</v>
      </c>
      <c r="D27863" s="14" t="s">
        <v>126</v>
      </c>
      <c r="E27863" s="15">
        <v>45499</v>
      </c>
      <c r="F27863" s="14" t="s">
        <v>15</v>
      </c>
      <c r="G27863" s="16">
        <v>0.36835389735462726</v>
      </c>
    </row>
    <row r="27864" spans="1:7" x14ac:dyDescent="0.3">
      <c r="A27864" s="13" t="s">
        <v>177</v>
      </c>
      <c r="B27864" s="14" t="s">
        <v>1</v>
      </c>
      <c r="C27864" s="14" t="s">
        <v>101</v>
      </c>
      <c r="D27864" s="14" t="s">
        <v>126</v>
      </c>
      <c r="E27864" s="15">
        <v>45500</v>
      </c>
      <c r="F27864" s="14" t="s">
        <v>15</v>
      </c>
      <c r="G27864" s="16">
        <v>0.36835389735462726</v>
      </c>
    </row>
    <row r="27865" spans="1:7" x14ac:dyDescent="0.3">
      <c r="A27865" s="13" t="s">
        <v>177</v>
      </c>
      <c r="B27865" s="14" t="s">
        <v>1</v>
      </c>
      <c r="C27865" s="14" t="s">
        <v>101</v>
      </c>
      <c r="D27865" s="14" t="s">
        <v>126</v>
      </c>
      <c r="E27865" s="15">
        <v>45501</v>
      </c>
      <c r="F27865" s="14" t="s">
        <v>15</v>
      </c>
      <c r="G27865" s="16">
        <v>0.36835389735462726</v>
      </c>
    </row>
    <row r="27866" spans="1:7" x14ac:dyDescent="0.3">
      <c r="A27866" s="13" t="s">
        <v>177</v>
      </c>
      <c r="B27866" s="14" t="s">
        <v>1</v>
      </c>
      <c r="C27866" s="14" t="s">
        <v>101</v>
      </c>
      <c r="D27866" s="14" t="s">
        <v>126</v>
      </c>
      <c r="E27866" s="15">
        <v>45502</v>
      </c>
      <c r="F27866" s="14" t="s">
        <v>15</v>
      </c>
      <c r="G27866" s="16">
        <v>0.37125387708297325</v>
      </c>
    </row>
    <row r="27867" spans="1:7" x14ac:dyDescent="0.3">
      <c r="A27867" s="13" t="s">
        <v>177</v>
      </c>
      <c r="B27867" s="14" t="s">
        <v>1</v>
      </c>
      <c r="C27867" s="14" t="s">
        <v>101</v>
      </c>
      <c r="D27867" s="14" t="s">
        <v>126</v>
      </c>
      <c r="E27867" s="15">
        <v>45503</v>
      </c>
      <c r="F27867" s="14" t="s">
        <v>15</v>
      </c>
      <c r="G27867" s="16">
        <v>0.35822309879382658</v>
      </c>
    </row>
    <row r="27868" spans="1:7" x14ac:dyDescent="0.3">
      <c r="A27868" s="13" t="s">
        <v>177</v>
      </c>
      <c r="B27868" s="14" t="s">
        <v>1</v>
      </c>
      <c r="C27868" s="14" t="s">
        <v>101</v>
      </c>
      <c r="D27868" s="14" t="s">
        <v>126</v>
      </c>
      <c r="E27868" s="15">
        <v>45504</v>
      </c>
      <c r="F27868" s="14" t="s">
        <v>15</v>
      </c>
      <c r="G27868" s="16">
        <v>0.3536296382889364</v>
      </c>
    </row>
    <row r="27869" spans="1:7" x14ac:dyDescent="0.3">
      <c r="A27869" s="13" t="s">
        <v>177</v>
      </c>
      <c r="B27869" s="14" t="s">
        <v>1</v>
      </c>
      <c r="C27869" s="14" t="s">
        <v>101</v>
      </c>
      <c r="D27869" s="14" t="s">
        <v>126</v>
      </c>
      <c r="E27869" s="15">
        <v>45505</v>
      </c>
      <c r="F27869" s="14" t="s">
        <v>15</v>
      </c>
      <c r="G27869" s="16">
        <v>0.35897349556830283</v>
      </c>
    </row>
    <row r="27870" spans="1:7" x14ac:dyDescent="0.3">
      <c r="A27870" s="13" t="s">
        <v>177</v>
      </c>
      <c r="B27870" s="14" t="s">
        <v>1</v>
      </c>
      <c r="C27870" s="14" t="s">
        <v>101</v>
      </c>
      <c r="D27870" s="14" t="s">
        <v>126</v>
      </c>
      <c r="E27870" s="15">
        <v>45506</v>
      </c>
      <c r="F27870" s="14" t="s">
        <v>15</v>
      </c>
      <c r="G27870" s="16">
        <v>0.35477799424708611</v>
      </c>
    </row>
    <row r="27871" spans="1:7" x14ac:dyDescent="0.3">
      <c r="A27871" s="13" t="s">
        <v>177</v>
      </c>
      <c r="B27871" s="14" t="s">
        <v>1</v>
      </c>
      <c r="C27871" s="14" t="s">
        <v>101</v>
      </c>
      <c r="D27871" s="14" t="s">
        <v>126</v>
      </c>
      <c r="E27871" s="15">
        <v>45507</v>
      </c>
      <c r="F27871" s="14" t="s">
        <v>15</v>
      </c>
      <c r="G27871" s="16">
        <v>0.35477799424708611</v>
      </c>
    </row>
    <row r="27872" spans="1:7" x14ac:dyDescent="0.3">
      <c r="A27872" s="13" t="s">
        <v>177</v>
      </c>
      <c r="B27872" s="14" t="s">
        <v>1</v>
      </c>
      <c r="C27872" s="14" t="s">
        <v>101</v>
      </c>
      <c r="D27872" s="14" t="s">
        <v>126</v>
      </c>
      <c r="E27872" s="15">
        <v>45508</v>
      </c>
      <c r="F27872" s="14" t="s">
        <v>15</v>
      </c>
      <c r="G27872" s="16">
        <v>0.35477799424708611</v>
      </c>
    </row>
    <row r="27873" spans="1:7" x14ac:dyDescent="0.3">
      <c r="A27873" s="13" t="s">
        <v>177</v>
      </c>
      <c r="B27873" s="14" t="s">
        <v>1</v>
      </c>
      <c r="C27873" s="14" t="s">
        <v>101</v>
      </c>
      <c r="D27873" s="14" t="s">
        <v>126</v>
      </c>
      <c r="E27873" s="15">
        <v>45509</v>
      </c>
      <c r="F27873" s="14" t="s">
        <v>15</v>
      </c>
      <c r="G27873" s="16">
        <v>0.35477799424708611</v>
      </c>
    </row>
    <row r="27874" spans="1:7" x14ac:dyDescent="0.3">
      <c r="A27874" s="13" t="s">
        <v>177</v>
      </c>
      <c r="B27874" s="14" t="s">
        <v>1</v>
      </c>
      <c r="C27874" s="14" t="s">
        <v>101</v>
      </c>
      <c r="D27874" s="14" t="s">
        <v>126</v>
      </c>
      <c r="E27874" s="15">
        <v>45510</v>
      </c>
      <c r="F27874" s="14" t="s">
        <v>15</v>
      </c>
      <c r="G27874" s="16">
        <v>0.35022097689088399</v>
      </c>
    </row>
    <row r="27875" spans="1:7" x14ac:dyDescent="0.3">
      <c r="A27875" s="13" t="s">
        <v>177</v>
      </c>
      <c r="B27875" s="14" t="s">
        <v>1</v>
      </c>
      <c r="C27875" s="14" t="s">
        <v>101</v>
      </c>
      <c r="D27875" s="14" t="s">
        <v>126</v>
      </c>
      <c r="E27875" s="15">
        <v>45511</v>
      </c>
      <c r="F27875" s="14" t="s">
        <v>15</v>
      </c>
      <c r="G27875" s="16">
        <v>0.33196279335392387</v>
      </c>
    </row>
    <row r="27876" spans="1:7" x14ac:dyDescent="0.3">
      <c r="A27876" s="13" t="s">
        <v>177</v>
      </c>
      <c r="B27876" s="14" t="s">
        <v>1</v>
      </c>
      <c r="C27876" s="14" t="s">
        <v>101</v>
      </c>
      <c r="D27876" s="14" t="s">
        <v>126</v>
      </c>
      <c r="E27876" s="15">
        <v>45512</v>
      </c>
      <c r="F27876" s="14" t="s">
        <v>15</v>
      </c>
      <c r="G27876" s="16">
        <v>0.32752895384028735</v>
      </c>
    </row>
    <row r="27877" spans="1:7" x14ac:dyDescent="0.3">
      <c r="A27877" s="13" t="s">
        <v>177</v>
      </c>
      <c r="B27877" s="14" t="s">
        <v>1</v>
      </c>
      <c r="C27877" s="14" t="s">
        <v>101</v>
      </c>
      <c r="D27877" s="14" t="s">
        <v>126</v>
      </c>
      <c r="E27877" s="15">
        <v>45513</v>
      </c>
      <c r="F27877" s="14" t="s">
        <v>15</v>
      </c>
      <c r="G27877" s="16">
        <v>0.32308563910799198</v>
      </c>
    </row>
    <row r="27878" spans="1:7" x14ac:dyDescent="0.3">
      <c r="A27878" s="13" t="s">
        <v>177</v>
      </c>
      <c r="B27878" s="14" t="s">
        <v>1</v>
      </c>
      <c r="C27878" s="14" t="s">
        <v>101</v>
      </c>
      <c r="D27878" s="14" t="s">
        <v>126</v>
      </c>
      <c r="E27878" s="15">
        <v>45514</v>
      </c>
      <c r="F27878" s="14" t="s">
        <v>15</v>
      </c>
      <c r="G27878" s="16">
        <v>0.32308563910799198</v>
      </c>
    </row>
    <row r="27879" spans="1:7" x14ac:dyDescent="0.3">
      <c r="A27879" s="13" t="s">
        <v>177</v>
      </c>
      <c r="B27879" s="14" t="s">
        <v>1</v>
      </c>
      <c r="C27879" s="14" t="s">
        <v>101</v>
      </c>
      <c r="D27879" s="14" t="s">
        <v>126</v>
      </c>
      <c r="E27879" s="15">
        <v>45515</v>
      </c>
      <c r="F27879" s="14" t="s">
        <v>15</v>
      </c>
      <c r="G27879" s="16">
        <v>0.32308563910799198</v>
      </c>
    </row>
    <row r="27880" spans="1:7" x14ac:dyDescent="0.3">
      <c r="A27880" s="13" t="s">
        <v>177</v>
      </c>
      <c r="B27880" s="14" t="s">
        <v>1</v>
      </c>
      <c r="C27880" s="14" t="s">
        <v>101</v>
      </c>
      <c r="D27880" s="14" t="s">
        <v>126</v>
      </c>
      <c r="E27880" s="15">
        <v>45516</v>
      </c>
      <c r="F27880" s="14" t="s">
        <v>15</v>
      </c>
      <c r="G27880" s="16">
        <v>0.31859276169348083</v>
      </c>
    </row>
    <row r="27881" spans="1:7" x14ac:dyDescent="0.3">
      <c r="A27881" s="13" t="s">
        <v>177</v>
      </c>
      <c r="B27881" s="14" t="s">
        <v>1</v>
      </c>
      <c r="C27881" s="14" t="s">
        <v>101</v>
      </c>
      <c r="D27881" s="14" t="s">
        <v>126</v>
      </c>
      <c r="E27881" s="15">
        <v>45517</v>
      </c>
      <c r="F27881" s="14" t="s">
        <v>15</v>
      </c>
      <c r="G27881" s="16">
        <v>0.3045342866113312</v>
      </c>
    </row>
    <row r="27882" spans="1:7" x14ac:dyDescent="0.3">
      <c r="A27882" s="13" t="s">
        <v>177</v>
      </c>
      <c r="B27882" s="14" t="s">
        <v>1</v>
      </c>
      <c r="C27882" s="14" t="s">
        <v>101</v>
      </c>
      <c r="D27882" s="14" t="s">
        <v>126</v>
      </c>
      <c r="E27882" s="15">
        <v>45518</v>
      </c>
      <c r="F27882" s="14" t="s">
        <v>15</v>
      </c>
      <c r="G27882" s="16">
        <v>0.31098164243297166</v>
      </c>
    </row>
    <row r="27883" spans="1:7" x14ac:dyDescent="0.3">
      <c r="A27883" s="13" t="s">
        <v>177</v>
      </c>
      <c r="B27883" s="14" t="s">
        <v>1</v>
      </c>
      <c r="C27883" s="14" t="s">
        <v>101</v>
      </c>
      <c r="D27883" s="14" t="s">
        <v>126</v>
      </c>
      <c r="E27883" s="15">
        <v>45519</v>
      </c>
      <c r="F27883" s="14" t="s">
        <v>15</v>
      </c>
      <c r="G27883" s="16">
        <v>0.30643482915840226</v>
      </c>
    </row>
    <row r="27884" spans="1:7" x14ac:dyDescent="0.3">
      <c r="A27884" s="13" t="s">
        <v>177</v>
      </c>
      <c r="B27884" s="14" t="s">
        <v>1</v>
      </c>
      <c r="C27884" s="14" t="s">
        <v>101</v>
      </c>
      <c r="D27884" s="14" t="s">
        <v>126</v>
      </c>
      <c r="E27884" s="15">
        <v>45520</v>
      </c>
      <c r="F27884" s="14" t="s">
        <v>15</v>
      </c>
      <c r="G27884" s="16">
        <v>0.31969486719578616</v>
      </c>
    </row>
    <row r="27885" spans="1:7" x14ac:dyDescent="0.3">
      <c r="A27885" s="13" t="s">
        <v>177</v>
      </c>
      <c r="B27885" s="14" t="s">
        <v>1</v>
      </c>
      <c r="C27885" s="14" t="s">
        <v>101</v>
      </c>
      <c r="D27885" s="14" t="s">
        <v>126</v>
      </c>
      <c r="E27885" s="15">
        <v>45521</v>
      </c>
      <c r="F27885" s="14" t="s">
        <v>15</v>
      </c>
      <c r="G27885" s="16">
        <v>0.31969486719578616</v>
      </c>
    </row>
    <row r="27886" spans="1:7" x14ac:dyDescent="0.3">
      <c r="A27886" s="13" t="s">
        <v>177</v>
      </c>
      <c r="B27886" s="14" t="s">
        <v>1</v>
      </c>
      <c r="C27886" s="14" t="s">
        <v>101</v>
      </c>
      <c r="D27886" s="14" t="s">
        <v>126</v>
      </c>
      <c r="E27886" s="15">
        <v>45522</v>
      </c>
      <c r="F27886" s="14" t="s">
        <v>15</v>
      </c>
      <c r="G27886" s="16">
        <v>0.31969486719578616</v>
      </c>
    </row>
    <row r="27887" spans="1:7" x14ac:dyDescent="0.3">
      <c r="A27887" s="13" t="s">
        <v>177</v>
      </c>
      <c r="B27887" s="14" t="s">
        <v>1</v>
      </c>
      <c r="C27887" s="14" t="s">
        <v>101</v>
      </c>
      <c r="D27887" s="14" t="s">
        <v>126</v>
      </c>
      <c r="E27887" s="15">
        <v>45523</v>
      </c>
      <c r="F27887" s="14" t="s">
        <v>15</v>
      </c>
      <c r="G27887" s="16">
        <v>0.3219009693731118</v>
      </c>
    </row>
    <row r="27888" spans="1:7" x14ac:dyDescent="0.3">
      <c r="A27888" s="13" t="s">
        <v>177</v>
      </c>
      <c r="B27888" s="14" t="s">
        <v>1</v>
      </c>
      <c r="C27888" s="14" t="s">
        <v>101</v>
      </c>
      <c r="D27888" s="14" t="s">
        <v>126</v>
      </c>
      <c r="E27888" s="15">
        <v>45524</v>
      </c>
      <c r="F27888" s="14" t="s">
        <v>15</v>
      </c>
      <c r="G27888" s="16">
        <v>0.3074540103259476</v>
      </c>
    </row>
    <row r="27889" spans="1:7" x14ac:dyDescent="0.3">
      <c r="A27889" s="13" t="s">
        <v>177</v>
      </c>
      <c r="B27889" s="14" t="s">
        <v>1</v>
      </c>
      <c r="C27889" s="14" t="s">
        <v>101</v>
      </c>
      <c r="D27889" s="14" t="s">
        <v>126</v>
      </c>
      <c r="E27889" s="15">
        <v>45525</v>
      </c>
      <c r="F27889" s="14" t="s">
        <v>15</v>
      </c>
      <c r="G27889" s="16">
        <v>0.30235690550618866</v>
      </c>
    </row>
    <row r="27890" spans="1:7" x14ac:dyDescent="0.3">
      <c r="A27890" s="13" t="s">
        <v>177</v>
      </c>
      <c r="B27890" s="14" t="s">
        <v>1</v>
      </c>
      <c r="C27890" s="14" t="s">
        <v>101</v>
      </c>
      <c r="D27890" s="14" t="s">
        <v>126</v>
      </c>
      <c r="E27890" s="15">
        <v>45526</v>
      </c>
      <c r="F27890" s="14" t="s">
        <v>15</v>
      </c>
      <c r="G27890" s="16">
        <v>0.35468837211500109</v>
      </c>
    </row>
    <row r="27891" spans="1:7" x14ac:dyDescent="0.3">
      <c r="A27891" s="13" t="s">
        <v>177</v>
      </c>
      <c r="B27891" s="14" t="s">
        <v>1</v>
      </c>
      <c r="C27891" s="14" t="s">
        <v>101</v>
      </c>
      <c r="D27891" s="14" t="s">
        <v>126</v>
      </c>
      <c r="E27891" s="15">
        <v>45527</v>
      </c>
      <c r="F27891" s="14" t="s">
        <v>15</v>
      </c>
      <c r="G27891" s="16">
        <v>0.34997756467133545</v>
      </c>
    </row>
    <row r="27892" spans="1:7" x14ac:dyDescent="0.3">
      <c r="A27892" s="13" t="s">
        <v>177</v>
      </c>
      <c r="B27892" s="14" t="s">
        <v>1</v>
      </c>
      <c r="C27892" s="14" t="s">
        <v>101</v>
      </c>
      <c r="D27892" s="14" t="s">
        <v>126</v>
      </c>
      <c r="E27892" s="15">
        <v>45528</v>
      </c>
      <c r="F27892" s="14" t="s">
        <v>15</v>
      </c>
      <c r="G27892" s="16">
        <v>0.34997756467133545</v>
      </c>
    </row>
    <row r="27893" spans="1:7" x14ac:dyDescent="0.3">
      <c r="A27893" s="13" t="s">
        <v>177</v>
      </c>
      <c r="B27893" s="14" t="s">
        <v>1</v>
      </c>
      <c r="C27893" s="14" t="s">
        <v>101</v>
      </c>
      <c r="D27893" s="14" t="s">
        <v>126</v>
      </c>
      <c r="E27893" s="15">
        <v>45529</v>
      </c>
      <c r="F27893" s="14" t="s">
        <v>15</v>
      </c>
      <c r="G27893" s="16">
        <v>0.34997756467133545</v>
      </c>
    </row>
    <row r="27894" spans="1:7" x14ac:dyDescent="0.3">
      <c r="A27894" s="13" t="s">
        <v>177</v>
      </c>
      <c r="B27894" s="14" t="s">
        <v>1</v>
      </c>
      <c r="C27894" s="14" t="s">
        <v>101</v>
      </c>
      <c r="D27894" s="14" t="s">
        <v>126</v>
      </c>
      <c r="E27894" s="15">
        <v>45530</v>
      </c>
      <c r="F27894" s="14" t="s">
        <v>15</v>
      </c>
      <c r="G27894" s="16">
        <v>0.35420480387490011</v>
      </c>
    </row>
    <row r="27895" spans="1:7" x14ac:dyDescent="0.3">
      <c r="A27895" s="13" t="s">
        <v>177</v>
      </c>
      <c r="B27895" s="14" t="s">
        <v>1</v>
      </c>
      <c r="C27895" s="14" t="s">
        <v>101</v>
      </c>
      <c r="D27895" s="14" t="s">
        <v>126</v>
      </c>
      <c r="E27895" s="15">
        <v>45531</v>
      </c>
      <c r="F27895" s="14" t="s">
        <v>15</v>
      </c>
      <c r="G27895" s="16">
        <v>0.33938666131068423</v>
      </c>
    </row>
    <row r="27896" spans="1:7" x14ac:dyDescent="0.3">
      <c r="A27896" s="13" t="s">
        <v>177</v>
      </c>
      <c r="B27896" s="14" t="s">
        <v>1</v>
      </c>
      <c r="C27896" s="14" t="s">
        <v>101</v>
      </c>
      <c r="D27896" s="14" t="s">
        <v>126</v>
      </c>
      <c r="E27896" s="15">
        <v>45532</v>
      </c>
      <c r="F27896" s="14" t="s">
        <v>15</v>
      </c>
      <c r="G27896" s="16">
        <v>0.33464154408178881</v>
      </c>
    </row>
    <row r="27897" spans="1:7" x14ac:dyDescent="0.3">
      <c r="A27897" s="13" t="s">
        <v>177</v>
      </c>
      <c r="B27897" s="14" t="s">
        <v>1</v>
      </c>
      <c r="C27897" s="14" t="s">
        <v>101</v>
      </c>
      <c r="D27897" s="14" t="s">
        <v>126</v>
      </c>
      <c r="E27897" s="15">
        <v>45533</v>
      </c>
      <c r="F27897" s="14" t="s">
        <v>15</v>
      </c>
      <c r="G27897" s="16">
        <v>0.32989270107047902</v>
      </c>
    </row>
    <row r="27898" spans="1:7" x14ac:dyDescent="0.3">
      <c r="A27898" s="13" t="s">
        <v>177</v>
      </c>
      <c r="B27898" s="14" t="s">
        <v>1</v>
      </c>
      <c r="C27898" s="14" t="s">
        <v>101</v>
      </c>
      <c r="D27898" s="14" t="s">
        <v>126</v>
      </c>
      <c r="E27898" s="15">
        <v>45534</v>
      </c>
      <c r="F27898" s="14" t="s">
        <v>15</v>
      </c>
      <c r="G27898" s="16">
        <v>0.33130853764188162</v>
      </c>
    </row>
    <row r="27899" spans="1:7" x14ac:dyDescent="0.3">
      <c r="A27899" s="13" t="s">
        <v>177</v>
      </c>
      <c r="B27899" s="14" t="s">
        <v>1</v>
      </c>
      <c r="C27899" s="14" t="s">
        <v>101</v>
      </c>
      <c r="D27899" s="14" t="s">
        <v>126</v>
      </c>
      <c r="E27899" s="15">
        <v>45535</v>
      </c>
      <c r="F27899" s="14" t="s">
        <v>15</v>
      </c>
      <c r="G27899" s="16">
        <v>0.33130853764188162</v>
      </c>
    </row>
    <row r="27900" spans="1:7" x14ac:dyDescent="0.3">
      <c r="A27900" s="13" t="s">
        <v>177</v>
      </c>
      <c r="B27900" s="14" t="s">
        <v>1</v>
      </c>
      <c r="C27900" s="14" t="s">
        <v>101</v>
      </c>
      <c r="D27900" s="14" t="s">
        <v>126</v>
      </c>
      <c r="E27900" s="15">
        <v>45536</v>
      </c>
      <c r="F27900" s="14" t="s">
        <v>15</v>
      </c>
      <c r="G27900" s="16">
        <v>0.33130853764188162</v>
      </c>
    </row>
    <row r="27901" spans="1:7" x14ac:dyDescent="0.3">
      <c r="A27901" s="13" t="s">
        <v>177</v>
      </c>
      <c r="B27901" s="14" t="s">
        <v>1</v>
      </c>
      <c r="C27901" s="14" t="s">
        <v>101</v>
      </c>
      <c r="D27901" s="14" t="s">
        <v>126</v>
      </c>
      <c r="E27901" s="15">
        <v>45537</v>
      </c>
      <c r="F27901" s="14" t="s">
        <v>15</v>
      </c>
      <c r="G27901" s="16">
        <v>0.38905447853519176</v>
      </c>
    </row>
    <row r="27902" spans="1:7" x14ac:dyDescent="0.3">
      <c r="A27902" s="13" t="s">
        <v>177</v>
      </c>
      <c r="B27902" s="14" t="s">
        <v>1</v>
      </c>
      <c r="C27902" s="14" t="s">
        <v>101</v>
      </c>
      <c r="D27902" s="14" t="s">
        <v>126</v>
      </c>
      <c r="E27902" s="15">
        <v>45538</v>
      </c>
      <c r="F27902" s="14" t="s">
        <v>15</v>
      </c>
      <c r="G27902" s="16">
        <v>0.37471919737187004</v>
      </c>
    </row>
    <row r="27903" spans="1:7" x14ac:dyDescent="0.3">
      <c r="A27903" s="13" t="s">
        <v>177</v>
      </c>
      <c r="B27903" s="14" t="s">
        <v>1</v>
      </c>
      <c r="C27903" s="14" t="s">
        <v>101</v>
      </c>
      <c r="D27903" s="14" t="s">
        <v>126</v>
      </c>
      <c r="E27903" s="15">
        <v>45539</v>
      </c>
      <c r="F27903" s="14" t="s">
        <v>15</v>
      </c>
      <c r="G27903" s="16">
        <v>0.36992788044103708</v>
      </c>
    </row>
    <row r="27904" spans="1:7" x14ac:dyDescent="0.3">
      <c r="A27904" s="13" t="s">
        <v>177</v>
      </c>
      <c r="B27904" s="14" t="s">
        <v>1</v>
      </c>
      <c r="C27904" s="14" t="s">
        <v>101</v>
      </c>
      <c r="D27904" s="14" t="s">
        <v>126</v>
      </c>
      <c r="E27904" s="15">
        <v>45540</v>
      </c>
      <c r="F27904" s="14" t="s">
        <v>15</v>
      </c>
      <c r="G27904" s="16">
        <v>0.37945996142376603</v>
      </c>
    </row>
    <row r="27905" spans="1:7" x14ac:dyDescent="0.3">
      <c r="A27905" s="13" t="s">
        <v>177</v>
      </c>
      <c r="B27905" s="14" t="s">
        <v>1</v>
      </c>
      <c r="C27905" s="14" t="s">
        <v>101</v>
      </c>
      <c r="D27905" s="14" t="s">
        <v>126</v>
      </c>
      <c r="E27905" s="15">
        <v>45541</v>
      </c>
      <c r="F27905" s="14" t="s">
        <v>15</v>
      </c>
      <c r="G27905" s="16">
        <v>0.3746917443439019</v>
      </c>
    </row>
    <row r="27906" spans="1:7" x14ac:dyDescent="0.3">
      <c r="A27906" s="13" t="s">
        <v>177</v>
      </c>
      <c r="B27906" s="14" t="s">
        <v>1</v>
      </c>
      <c r="C27906" s="14" t="s">
        <v>101</v>
      </c>
      <c r="D27906" s="14" t="s">
        <v>126</v>
      </c>
      <c r="E27906" s="15">
        <v>45542</v>
      </c>
      <c r="F27906" s="14" t="s">
        <v>15</v>
      </c>
      <c r="G27906" s="16">
        <v>0.3746917443439019</v>
      </c>
    </row>
    <row r="27907" spans="1:7" x14ac:dyDescent="0.3">
      <c r="A27907" s="13" t="s">
        <v>177</v>
      </c>
      <c r="B27907" s="14" t="s">
        <v>1</v>
      </c>
      <c r="C27907" s="14" t="s">
        <v>101</v>
      </c>
      <c r="D27907" s="14" t="s">
        <v>126</v>
      </c>
      <c r="E27907" s="15">
        <v>45543</v>
      </c>
      <c r="F27907" s="14" t="s">
        <v>15</v>
      </c>
      <c r="G27907" s="16">
        <v>0.3746917443439019</v>
      </c>
    </row>
    <row r="27908" spans="1:7" x14ac:dyDescent="0.3">
      <c r="A27908" s="13" t="s">
        <v>177</v>
      </c>
      <c r="B27908" s="14" t="s">
        <v>1</v>
      </c>
      <c r="C27908" s="14" t="s">
        <v>101</v>
      </c>
      <c r="D27908" s="14" t="s">
        <v>126</v>
      </c>
      <c r="E27908" s="15">
        <v>45544</v>
      </c>
      <c r="F27908" s="14" t="s">
        <v>15</v>
      </c>
      <c r="G27908" s="16">
        <v>0.37629088941008837</v>
      </c>
    </row>
    <row r="27909" spans="1:7" x14ac:dyDescent="0.3">
      <c r="A27909" s="13" t="s">
        <v>177</v>
      </c>
      <c r="B27909" s="14" t="s">
        <v>1</v>
      </c>
      <c r="C27909" s="14" t="s">
        <v>101</v>
      </c>
      <c r="D27909" s="14" t="s">
        <v>126</v>
      </c>
      <c r="E27909" s="15">
        <v>45545</v>
      </c>
      <c r="F27909" s="14" t="s">
        <v>15</v>
      </c>
      <c r="G27909" s="16">
        <v>0.36159197188313025</v>
      </c>
    </row>
    <row r="27910" spans="1:7" x14ac:dyDescent="0.3">
      <c r="A27910" s="13" t="s">
        <v>177</v>
      </c>
      <c r="B27910" s="14" t="s">
        <v>1</v>
      </c>
      <c r="C27910" s="14" t="s">
        <v>101</v>
      </c>
      <c r="D27910" s="14" t="s">
        <v>126</v>
      </c>
      <c r="E27910" s="15">
        <v>45546</v>
      </c>
      <c r="F27910" s="14" t="s">
        <v>15</v>
      </c>
      <c r="G27910" s="16">
        <v>0.35685728684499485</v>
      </c>
    </row>
    <row r="27911" spans="1:7" x14ac:dyDescent="0.3">
      <c r="A27911" s="13" t="s">
        <v>177</v>
      </c>
      <c r="B27911" s="14" t="s">
        <v>1</v>
      </c>
      <c r="C27911" s="14" t="s">
        <v>101</v>
      </c>
      <c r="D27911" s="14" t="s">
        <v>126</v>
      </c>
      <c r="E27911" s="15">
        <v>45547</v>
      </c>
      <c r="F27911" s="14" t="s">
        <v>15</v>
      </c>
      <c r="G27911" s="16">
        <v>0.37953243787243318</v>
      </c>
    </row>
    <row r="27912" spans="1:7" x14ac:dyDescent="0.3">
      <c r="A27912" s="13" t="s">
        <v>177</v>
      </c>
      <c r="B27912" s="14" t="s">
        <v>1</v>
      </c>
      <c r="C27912" s="14" t="s">
        <v>101</v>
      </c>
      <c r="D27912" s="14" t="s">
        <v>126</v>
      </c>
      <c r="E27912" s="15">
        <v>45548</v>
      </c>
      <c r="F27912" s="14" t="s">
        <v>15</v>
      </c>
      <c r="G27912" s="16">
        <v>0.37213977965993111</v>
      </c>
    </row>
    <row r="27913" spans="1:7" x14ac:dyDescent="0.3">
      <c r="A27913" s="13" t="s">
        <v>177</v>
      </c>
      <c r="B27913" s="14" t="s">
        <v>1</v>
      </c>
      <c r="C27913" s="14" t="s">
        <v>101</v>
      </c>
      <c r="D27913" s="14" t="s">
        <v>126</v>
      </c>
      <c r="E27913" s="15">
        <v>45549</v>
      </c>
      <c r="F27913" s="14" t="s">
        <v>15</v>
      </c>
      <c r="G27913" s="16">
        <v>0.37213977965993111</v>
      </c>
    </row>
    <row r="27914" spans="1:7" x14ac:dyDescent="0.3">
      <c r="A27914" s="13" t="s">
        <v>177</v>
      </c>
      <c r="B27914" s="14" t="s">
        <v>1</v>
      </c>
      <c r="C27914" s="14" t="s">
        <v>101</v>
      </c>
      <c r="D27914" s="14" t="s">
        <v>126</v>
      </c>
      <c r="E27914" s="15">
        <v>45550</v>
      </c>
      <c r="F27914" s="14" t="s">
        <v>15</v>
      </c>
      <c r="G27914" s="16">
        <v>0.37213977965993111</v>
      </c>
    </row>
    <row r="27915" spans="1:7" x14ac:dyDescent="0.3">
      <c r="A27915" s="13" t="s">
        <v>177</v>
      </c>
      <c r="B27915" s="14" t="s">
        <v>1</v>
      </c>
      <c r="C27915" s="14" t="s">
        <v>101</v>
      </c>
      <c r="D27915" s="14" t="s">
        <v>126</v>
      </c>
      <c r="E27915" s="15">
        <v>45551</v>
      </c>
      <c r="F27915" s="14" t="s">
        <v>15</v>
      </c>
      <c r="G27915" s="16">
        <v>0.37699823918215336</v>
      </c>
    </row>
    <row r="27916" spans="1:7" x14ac:dyDescent="0.3">
      <c r="A27916" s="13" t="s">
        <v>177</v>
      </c>
      <c r="B27916" s="14" t="s">
        <v>1</v>
      </c>
      <c r="C27916" s="14" t="s">
        <v>101</v>
      </c>
      <c r="D27916" s="14" t="s">
        <v>126</v>
      </c>
      <c r="E27916" s="15">
        <v>45552</v>
      </c>
      <c r="F27916" s="14" t="s">
        <v>15</v>
      </c>
      <c r="G27916" s="16">
        <v>0.36192748857024742</v>
      </c>
    </row>
    <row r="27917" spans="1:7" x14ac:dyDescent="0.3">
      <c r="A27917" s="13" t="s">
        <v>177</v>
      </c>
      <c r="B27917" s="14" t="s">
        <v>1</v>
      </c>
      <c r="C27917" s="14" t="s">
        <v>101</v>
      </c>
      <c r="D27917" s="14" t="s">
        <v>126</v>
      </c>
      <c r="E27917" s="15">
        <v>45553</v>
      </c>
      <c r="F27917" s="14" t="s">
        <v>15</v>
      </c>
      <c r="G27917" s="16">
        <v>0.36618609712376626</v>
      </c>
    </row>
    <row r="27918" spans="1:7" x14ac:dyDescent="0.3">
      <c r="A27918" s="13" t="s">
        <v>177</v>
      </c>
      <c r="B27918" s="14" t="s">
        <v>1</v>
      </c>
      <c r="C27918" s="14" t="s">
        <v>101</v>
      </c>
      <c r="D27918" s="14" t="s">
        <v>126</v>
      </c>
      <c r="E27918" s="15">
        <v>45554</v>
      </c>
      <c r="F27918" s="14" t="s">
        <v>15</v>
      </c>
      <c r="G27918" s="16">
        <v>0.36132622579651019</v>
      </c>
    </row>
    <row r="27919" spans="1:7" x14ac:dyDescent="0.3">
      <c r="A27919" s="13" t="s">
        <v>177</v>
      </c>
      <c r="B27919" s="14" t="s">
        <v>1</v>
      </c>
      <c r="C27919" s="14" t="s">
        <v>101</v>
      </c>
      <c r="D27919" s="14" t="s">
        <v>126</v>
      </c>
      <c r="E27919" s="15">
        <v>45555</v>
      </c>
      <c r="F27919" s="14" t="s">
        <v>15</v>
      </c>
      <c r="G27919" s="16">
        <v>0.3630356540221602</v>
      </c>
    </row>
    <row r="27920" spans="1:7" x14ac:dyDescent="0.3">
      <c r="A27920" s="13" t="s">
        <v>177</v>
      </c>
      <c r="B27920" s="14" t="s">
        <v>1</v>
      </c>
      <c r="C27920" s="14" t="s">
        <v>101</v>
      </c>
      <c r="D27920" s="14" t="s">
        <v>126</v>
      </c>
      <c r="E27920" s="15">
        <v>45556</v>
      </c>
      <c r="F27920" s="14" t="s">
        <v>15</v>
      </c>
      <c r="G27920" s="16">
        <v>0.3630356540221602</v>
      </c>
    </row>
    <row r="27921" spans="1:7" x14ac:dyDescent="0.3">
      <c r="A27921" s="13" t="s">
        <v>177</v>
      </c>
      <c r="B27921" s="14" t="s">
        <v>1</v>
      </c>
      <c r="C27921" s="14" t="s">
        <v>101</v>
      </c>
      <c r="D27921" s="14" t="s">
        <v>126</v>
      </c>
      <c r="E27921" s="15">
        <v>45557</v>
      </c>
      <c r="F27921" s="14" t="s">
        <v>15</v>
      </c>
      <c r="G27921" s="16">
        <v>0.3630356540221602</v>
      </c>
    </row>
    <row r="27922" spans="1:7" x14ac:dyDescent="0.3">
      <c r="A27922" s="13" t="s">
        <v>177</v>
      </c>
      <c r="B27922" s="14" t="s">
        <v>1</v>
      </c>
      <c r="C27922" s="14" t="s">
        <v>101</v>
      </c>
      <c r="D27922" s="14" t="s">
        <v>126</v>
      </c>
      <c r="E27922" s="15">
        <v>45558</v>
      </c>
      <c r="F27922" s="14" t="s">
        <v>15</v>
      </c>
      <c r="G27922" s="16">
        <v>0.35811467986330942</v>
      </c>
    </row>
    <row r="27923" spans="1:7" x14ac:dyDescent="0.3">
      <c r="A27923" s="13" t="s">
        <v>177</v>
      </c>
      <c r="B27923" s="14" t="s">
        <v>1</v>
      </c>
      <c r="C27923" s="14" t="s">
        <v>101</v>
      </c>
      <c r="D27923" s="14" t="s">
        <v>126</v>
      </c>
      <c r="E27923" s="15">
        <v>45559</v>
      </c>
      <c r="F27923" s="14" t="s">
        <v>15</v>
      </c>
      <c r="G27923" s="16">
        <v>0.34278088901295345</v>
      </c>
    </row>
    <row r="27924" spans="1:7" x14ac:dyDescent="0.3">
      <c r="A27924" s="13" t="s">
        <v>177</v>
      </c>
      <c r="B27924" s="14" t="s">
        <v>1</v>
      </c>
      <c r="C27924" s="14" t="s">
        <v>101</v>
      </c>
      <c r="D27924" s="14" t="s">
        <v>126</v>
      </c>
      <c r="E27924" s="15">
        <v>45560</v>
      </c>
      <c r="F27924" s="14" t="s">
        <v>15</v>
      </c>
      <c r="G27924" s="16">
        <v>0.35171460933994469</v>
      </c>
    </row>
    <row r="27925" spans="1:7" x14ac:dyDescent="0.3">
      <c r="A27925" s="13" t="s">
        <v>177</v>
      </c>
      <c r="B27925" s="14" t="s">
        <v>1</v>
      </c>
      <c r="C27925" s="14" t="s">
        <v>101</v>
      </c>
      <c r="D27925" s="14" t="s">
        <v>126</v>
      </c>
      <c r="E27925" s="15">
        <v>45561</v>
      </c>
      <c r="F27925" s="14" t="s">
        <v>15</v>
      </c>
      <c r="G27925" s="16">
        <v>0.34675116126157085</v>
      </c>
    </row>
    <row r="27926" spans="1:7" x14ac:dyDescent="0.3">
      <c r="A27926" s="13" t="s">
        <v>177</v>
      </c>
      <c r="B27926" s="14" t="s">
        <v>1</v>
      </c>
      <c r="C27926" s="14" t="s">
        <v>101</v>
      </c>
      <c r="D27926" s="14" t="s">
        <v>126</v>
      </c>
      <c r="E27926" s="15">
        <v>45562</v>
      </c>
      <c r="F27926" s="14" t="s">
        <v>15</v>
      </c>
      <c r="G27926" s="16">
        <v>0.34180112599988849</v>
      </c>
    </row>
    <row r="27927" spans="1:7" x14ac:dyDescent="0.3">
      <c r="A27927" s="13" t="s">
        <v>177</v>
      </c>
      <c r="B27927" s="14" t="s">
        <v>1</v>
      </c>
      <c r="C27927" s="14" t="s">
        <v>101</v>
      </c>
      <c r="D27927" s="14" t="s">
        <v>126</v>
      </c>
      <c r="E27927" s="15">
        <v>45563</v>
      </c>
      <c r="F27927" s="14" t="s">
        <v>15</v>
      </c>
      <c r="G27927" s="16">
        <v>0.34180112599988849</v>
      </c>
    </row>
    <row r="27928" spans="1:7" x14ac:dyDescent="0.3">
      <c r="A27928" s="13" t="s">
        <v>177</v>
      </c>
      <c r="B27928" s="14" t="s">
        <v>1</v>
      </c>
      <c r="C27928" s="14" t="s">
        <v>101</v>
      </c>
      <c r="D27928" s="14" t="s">
        <v>126</v>
      </c>
      <c r="E27928" s="15">
        <v>45564</v>
      </c>
      <c r="F27928" s="14" t="s">
        <v>15</v>
      </c>
      <c r="G27928" s="16">
        <v>0.34180112599988849</v>
      </c>
    </row>
    <row r="27929" spans="1:7" x14ac:dyDescent="0.3">
      <c r="A27929" s="13" t="s">
        <v>177</v>
      </c>
      <c r="B27929" s="14" t="s">
        <v>1</v>
      </c>
      <c r="C27929" s="14" t="s">
        <v>101</v>
      </c>
      <c r="D27929" s="14" t="s">
        <v>126</v>
      </c>
      <c r="E27929" s="15">
        <v>45565</v>
      </c>
      <c r="F27929" s="14" t="s">
        <v>15</v>
      </c>
      <c r="G27929" s="16">
        <v>0.43914244692300491</v>
      </c>
    </row>
    <row r="27930" spans="1:7" x14ac:dyDescent="0.3">
      <c r="A27930" s="13" t="s">
        <v>177</v>
      </c>
      <c r="B27930" s="14" t="s">
        <v>1</v>
      </c>
      <c r="C27930" s="14" t="s">
        <v>101</v>
      </c>
      <c r="D27930" s="14" t="s">
        <v>126</v>
      </c>
      <c r="E27930" s="15">
        <v>45566</v>
      </c>
      <c r="F27930" s="14" t="s">
        <v>15</v>
      </c>
      <c r="G27930" s="16">
        <v>0.42769241166132255</v>
      </c>
    </row>
    <row r="27931" spans="1:7" x14ac:dyDescent="0.3">
      <c r="A27931" s="13" t="s">
        <v>177</v>
      </c>
      <c r="B27931" s="14" t="s">
        <v>1</v>
      </c>
      <c r="C27931" s="14" t="s">
        <v>101</v>
      </c>
      <c r="D27931" s="14" t="s">
        <v>126</v>
      </c>
      <c r="E27931" s="15">
        <v>45567</v>
      </c>
      <c r="F27931" s="14" t="s">
        <v>15</v>
      </c>
      <c r="G27931" s="16">
        <v>0.42206950009561633</v>
      </c>
    </row>
    <row r="27932" spans="1:7" x14ac:dyDescent="0.3">
      <c r="A27932" s="13" t="s">
        <v>177</v>
      </c>
      <c r="B27932" s="14" t="s">
        <v>1</v>
      </c>
      <c r="C27932" s="14" t="s">
        <v>101</v>
      </c>
      <c r="D27932" s="14" t="s">
        <v>126</v>
      </c>
      <c r="E27932" s="15">
        <v>45568</v>
      </c>
      <c r="F27932" s="14" t="s">
        <v>15</v>
      </c>
      <c r="G27932" s="16">
        <v>0.41460083592186242</v>
      </c>
    </row>
    <row r="27933" spans="1:7" x14ac:dyDescent="0.3">
      <c r="A27933" s="13" t="s">
        <v>177</v>
      </c>
      <c r="B27933" s="14" t="s">
        <v>1</v>
      </c>
      <c r="C27933" s="14" t="s">
        <v>101</v>
      </c>
      <c r="D27933" s="14" t="s">
        <v>126</v>
      </c>
      <c r="E27933" s="15">
        <v>45569</v>
      </c>
      <c r="F27933" s="14" t="s">
        <v>15</v>
      </c>
      <c r="G27933" s="16">
        <v>0.40964856519073145</v>
      </c>
    </row>
    <row r="27934" spans="1:7" x14ac:dyDescent="0.3">
      <c r="A27934" s="13" t="s">
        <v>177</v>
      </c>
      <c r="B27934" s="14" t="s">
        <v>1</v>
      </c>
      <c r="C27934" s="14" t="s">
        <v>101</v>
      </c>
      <c r="D27934" s="14" t="s">
        <v>126</v>
      </c>
      <c r="E27934" s="15">
        <v>45570</v>
      </c>
      <c r="F27934" s="14" t="s">
        <v>15</v>
      </c>
      <c r="G27934" s="16">
        <v>0.40964856519073145</v>
      </c>
    </row>
    <row r="27935" spans="1:7" x14ac:dyDescent="0.3">
      <c r="A27935" s="13" t="s">
        <v>177</v>
      </c>
      <c r="B27935" s="14" t="s">
        <v>1</v>
      </c>
      <c r="C27935" s="14" t="s">
        <v>101</v>
      </c>
      <c r="D27935" s="14" t="s">
        <v>126</v>
      </c>
      <c r="E27935" s="15">
        <v>45571</v>
      </c>
      <c r="F27935" s="14" t="s">
        <v>15</v>
      </c>
      <c r="G27935" s="16">
        <v>0.40964856519073145</v>
      </c>
    </row>
    <row r="27936" spans="1:7" x14ac:dyDescent="0.3">
      <c r="A27936" s="13" t="s">
        <v>177</v>
      </c>
      <c r="B27936" s="14" t="s">
        <v>1</v>
      </c>
      <c r="C27936" s="14" t="s">
        <v>101</v>
      </c>
      <c r="D27936" s="14" t="s">
        <v>126</v>
      </c>
      <c r="E27936" s="15">
        <v>45572</v>
      </c>
      <c r="F27936" s="14" t="s">
        <v>15</v>
      </c>
      <c r="G27936" s="16">
        <v>0.40919703961608339</v>
      </c>
    </row>
    <row r="27937" spans="1:7" x14ac:dyDescent="0.3">
      <c r="A27937" s="13" t="s">
        <v>177</v>
      </c>
      <c r="B27937" s="14" t="s">
        <v>1</v>
      </c>
      <c r="C27937" s="14" t="s">
        <v>101</v>
      </c>
      <c r="D27937" s="14" t="s">
        <v>126</v>
      </c>
      <c r="E27937" s="15">
        <v>45573</v>
      </c>
      <c r="F27937" s="14" t="s">
        <v>15</v>
      </c>
      <c r="G27937" s="16">
        <v>0.3938744261129703</v>
      </c>
    </row>
    <row r="27938" spans="1:7" x14ac:dyDescent="0.3">
      <c r="A27938" s="13" t="s">
        <v>177</v>
      </c>
      <c r="B27938" s="14" t="s">
        <v>1</v>
      </c>
      <c r="C27938" s="14" t="s">
        <v>101</v>
      </c>
      <c r="D27938" s="14" t="s">
        <v>126</v>
      </c>
      <c r="E27938" s="15">
        <v>45574</v>
      </c>
      <c r="F27938" s="14" t="s">
        <v>15</v>
      </c>
      <c r="G27938" s="16">
        <v>0.38899070977826261</v>
      </c>
    </row>
    <row r="27939" spans="1:7" x14ac:dyDescent="0.3">
      <c r="A27939" s="13" t="s">
        <v>177</v>
      </c>
      <c r="B27939" s="14" t="s">
        <v>1</v>
      </c>
      <c r="C27939" s="14" t="s">
        <v>101</v>
      </c>
      <c r="D27939" s="14" t="s">
        <v>126</v>
      </c>
      <c r="E27939" s="15">
        <v>45575</v>
      </c>
      <c r="F27939" s="14" t="s">
        <v>15</v>
      </c>
      <c r="G27939" s="16">
        <v>0.38410401281762346</v>
      </c>
    </row>
    <row r="27940" spans="1:7" x14ac:dyDescent="0.3">
      <c r="A27940" s="13" t="s">
        <v>177</v>
      </c>
      <c r="B27940" s="14" t="s">
        <v>1</v>
      </c>
      <c r="C27940" s="14" t="s">
        <v>101</v>
      </c>
      <c r="D27940" s="14" t="s">
        <v>126</v>
      </c>
      <c r="E27940" s="15">
        <v>45576</v>
      </c>
      <c r="F27940" s="14" t="s">
        <v>15</v>
      </c>
      <c r="G27940" s="16">
        <v>0.38914578083462958</v>
      </c>
    </row>
    <row r="27941" spans="1:7" x14ac:dyDescent="0.3">
      <c r="A27941" s="13" t="s">
        <v>177</v>
      </c>
      <c r="B27941" s="14" t="s">
        <v>1</v>
      </c>
      <c r="C27941" s="14" t="s">
        <v>101</v>
      </c>
      <c r="D27941" s="14" t="s">
        <v>126</v>
      </c>
      <c r="E27941" s="15">
        <v>45577</v>
      </c>
      <c r="F27941" s="14" t="s">
        <v>15</v>
      </c>
      <c r="G27941" s="16">
        <v>0.38914578083462958</v>
      </c>
    </row>
    <row r="27942" spans="1:7" x14ac:dyDescent="0.3">
      <c r="A27942" s="13" t="s">
        <v>177</v>
      </c>
      <c r="B27942" s="14" t="s">
        <v>1</v>
      </c>
      <c r="C27942" s="14" t="s">
        <v>101</v>
      </c>
      <c r="D27942" s="14" t="s">
        <v>126</v>
      </c>
      <c r="E27942" s="15">
        <v>45578</v>
      </c>
      <c r="F27942" s="14" t="s">
        <v>15</v>
      </c>
      <c r="G27942" s="16">
        <v>0.38914578083462958</v>
      </c>
    </row>
    <row r="27943" spans="1:7" x14ac:dyDescent="0.3">
      <c r="A27943" s="13" t="s">
        <v>177</v>
      </c>
      <c r="B27943" s="14" t="s">
        <v>1</v>
      </c>
      <c r="C27943" s="14" t="s">
        <v>101</v>
      </c>
      <c r="D27943" s="14" t="s">
        <v>126</v>
      </c>
      <c r="E27943" s="15">
        <v>45579</v>
      </c>
      <c r="F27943" s="14" t="s">
        <v>15</v>
      </c>
      <c r="G27943" s="16">
        <v>0.38920096166832724</v>
      </c>
    </row>
    <row r="27944" spans="1:7" x14ac:dyDescent="0.3">
      <c r="A27944" s="13" t="s">
        <v>177</v>
      </c>
      <c r="B27944" s="14" t="s">
        <v>1</v>
      </c>
      <c r="C27944" s="14" t="s">
        <v>101</v>
      </c>
      <c r="D27944" s="14" t="s">
        <v>126</v>
      </c>
      <c r="E27944" s="15">
        <v>45580</v>
      </c>
      <c r="F27944" s="14" t="s">
        <v>15</v>
      </c>
      <c r="G27944" s="16">
        <v>0.37392976396253164</v>
      </c>
    </row>
    <row r="27945" spans="1:7" x14ac:dyDescent="0.3">
      <c r="A27945" s="13" t="s">
        <v>177</v>
      </c>
      <c r="B27945" s="14" t="s">
        <v>1</v>
      </c>
      <c r="C27945" s="14" t="s">
        <v>101</v>
      </c>
      <c r="D27945" s="14" t="s">
        <v>126</v>
      </c>
      <c r="E27945" s="15">
        <v>45581</v>
      </c>
      <c r="F27945" s="14" t="s">
        <v>15</v>
      </c>
      <c r="G27945" s="16">
        <v>0.36901698652499237</v>
      </c>
    </row>
    <row r="27946" spans="1:7" x14ac:dyDescent="0.3">
      <c r="A27946" s="13" t="s">
        <v>177</v>
      </c>
      <c r="B27946" s="14" t="s">
        <v>1</v>
      </c>
      <c r="C27946" s="14" t="s">
        <v>101</v>
      </c>
      <c r="D27946" s="14" t="s">
        <v>126</v>
      </c>
      <c r="E27946" s="15">
        <v>45582</v>
      </c>
      <c r="F27946" s="14" t="s">
        <v>15</v>
      </c>
      <c r="G27946" s="16">
        <v>0.364120602530076</v>
      </c>
    </row>
    <row r="27947" spans="1:7" x14ac:dyDescent="0.3">
      <c r="A27947" s="13" t="s">
        <v>177</v>
      </c>
      <c r="B27947" s="14" t="s">
        <v>1</v>
      </c>
      <c r="C27947" s="14" t="s">
        <v>101</v>
      </c>
      <c r="D27947" s="14" t="s">
        <v>126</v>
      </c>
      <c r="E27947" s="15">
        <v>45583</v>
      </c>
      <c r="F27947" s="14" t="s">
        <v>15</v>
      </c>
      <c r="G27947" s="16">
        <v>0.35922347337867683</v>
      </c>
    </row>
    <row r="27948" spans="1:7" x14ac:dyDescent="0.3">
      <c r="A27948" s="13" t="s">
        <v>177</v>
      </c>
      <c r="B27948" s="14" t="s">
        <v>1</v>
      </c>
      <c r="C27948" s="14" t="s">
        <v>101</v>
      </c>
      <c r="D27948" s="14" t="s">
        <v>126</v>
      </c>
      <c r="E27948" s="15">
        <v>45584</v>
      </c>
      <c r="F27948" s="14" t="s">
        <v>15</v>
      </c>
      <c r="G27948" s="16">
        <v>0.35922347337867683</v>
      </c>
    </row>
    <row r="27949" spans="1:7" x14ac:dyDescent="0.3">
      <c r="A27949" s="13" t="s">
        <v>177</v>
      </c>
      <c r="B27949" s="14" t="s">
        <v>1</v>
      </c>
      <c r="C27949" s="14" t="s">
        <v>101</v>
      </c>
      <c r="D27949" s="14" t="s">
        <v>126</v>
      </c>
      <c r="E27949" s="15">
        <v>45585</v>
      </c>
      <c r="F27949" s="14" t="s">
        <v>15</v>
      </c>
      <c r="G27949" s="16">
        <v>0.35922347337867683</v>
      </c>
    </row>
    <row r="27950" spans="1:7" x14ac:dyDescent="0.3">
      <c r="A27950" s="13" t="s">
        <v>177</v>
      </c>
      <c r="B27950" s="14" t="s">
        <v>1</v>
      </c>
      <c r="C27950" s="14" t="s">
        <v>101</v>
      </c>
      <c r="D27950" s="14" t="s">
        <v>126</v>
      </c>
      <c r="E27950" s="15">
        <v>45586</v>
      </c>
      <c r="F27950" s="14" t="s">
        <v>15</v>
      </c>
      <c r="G27950" s="16">
        <v>0.35546270786364131</v>
      </c>
    </row>
    <row r="27951" spans="1:7" x14ac:dyDescent="0.3">
      <c r="A27951" s="13" t="s">
        <v>177</v>
      </c>
      <c r="B27951" s="14" t="s">
        <v>1</v>
      </c>
      <c r="C27951" s="14" t="s">
        <v>101</v>
      </c>
      <c r="D27951" s="14" t="s">
        <v>126</v>
      </c>
      <c r="E27951" s="15">
        <v>45587</v>
      </c>
      <c r="F27951" s="14" t="s">
        <v>15</v>
      </c>
      <c r="G27951" s="16">
        <v>0.34015276202073685</v>
      </c>
    </row>
    <row r="27952" spans="1:7" x14ac:dyDescent="0.3">
      <c r="A27952" s="13" t="s">
        <v>177</v>
      </c>
      <c r="B27952" s="14" t="s">
        <v>1</v>
      </c>
      <c r="C27952" s="14" t="s">
        <v>101</v>
      </c>
      <c r="D27952" s="14" t="s">
        <v>126</v>
      </c>
      <c r="E27952" s="15">
        <v>45588</v>
      </c>
      <c r="F27952" s="14" t="s">
        <v>15</v>
      </c>
      <c r="G27952" s="16">
        <v>0.33526904568602917</v>
      </c>
    </row>
    <row r="27953" spans="1:7" x14ac:dyDescent="0.3">
      <c r="A27953" s="13" t="s">
        <v>177</v>
      </c>
      <c r="B27953" s="14" t="s">
        <v>1</v>
      </c>
      <c r="C27953" s="14" t="s">
        <v>101</v>
      </c>
      <c r="D27953" s="14" t="s">
        <v>126</v>
      </c>
      <c r="E27953" s="15">
        <v>45589</v>
      </c>
      <c r="F27953" s="14" t="s">
        <v>15</v>
      </c>
      <c r="G27953" s="16">
        <v>0.33064464380735725</v>
      </c>
    </row>
    <row r="27954" spans="1:7" x14ac:dyDescent="0.3">
      <c r="A27954" s="13" t="s">
        <v>177</v>
      </c>
      <c r="B27954" s="14" t="s">
        <v>1</v>
      </c>
      <c r="C27954" s="14" t="s">
        <v>101</v>
      </c>
      <c r="D27954" s="14" t="s">
        <v>126</v>
      </c>
      <c r="E27954" s="15">
        <v>45590</v>
      </c>
      <c r="F27954" s="14" t="s">
        <v>15</v>
      </c>
      <c r="G27954" s="16">
        <v>0.32582948186907279</v>
      </c>
    </row>
    <row r="27955" spans="1:7" x14ac:dyDescent="0.3">
      <c r="A27955" s="13" t="s">
        <v>177</v>
      </c>
      <c r="B27955" s="14" t="s">
        <v>1</v>
      </c>
      <c r="C27955" s="14" t="s">
        <v>101</v>
      </c>
      <c r="D27955" s="14" t="s">
        <v>126</v>
      </c>
      <c r="E27955" s="15">
        <v>45591</v>
      </c>
      <c r="F27955" s="14" t="s">
        <v>15</v>
      </c>
      <c r="G27955" s="16">
        <v>0.32582948186907279</v>
      </c>
    </row>
    <row r="27956" spans="1:7" x14ac:dyDescent="0.3">
      <c r="A27956" s="13" t="s">
        <v>177</v>
      </c>
      <c r="B27956" s="14" t="s">
        <v>1</v>
      </c>
      <c r="C27956" s="14" t="s">
        <v>101</v>
      </c>
      <c r="D27956" s="14" t="s">
        <v>126</v>
      </c>
      <c r="E27956" s="15">
        <v>45592</v>
      </c>
      <c r="F27956" s="14" t="s">
        <v>15</v>
      </c>
      <c r="G27956" s="16">
        <v>0.32582948186907279</v>
      </c>
    </row>
    <row r="27957" spans="1:7" x14ac:dyDescent="0.3">
      <c r="A27957" s="13" t="s">
        <v>177</v>
      </c>
      <c r="B27957" s="14" t="s">
        <v>1</v>
      </c>
      <c r="C27957" s="14" t="s">
        <v>101</v>
      </c>
      <c r="D27957" s="14" t="s">
        <v>126</v>
      </c>
      <c r="E27957" s="15">
        <v>45593</v>
      </c>
      <c r="F27957" s="14" t="s">
        <v>15</v>
      </c>
      <c r="G27957" s="16">
        <v>0.32582948186907279</v>
      </c>
    </row>
    <row r="27958" spans="1:7" x14ac:dyDescent="0.3">
      <c r="A27958" s="13" t="s">
        <v>177</v>
      </c>
      <c r="B27958" s="14" t="s">
        <v>1</v>
      </c>
      <c r="C27958" s="14" t="s">
        <v>101</v>
      </c>
      <c r="D27958" s="14" t="s">
        <v>126</v>
      </c>
      <c r="E27958" s="15">
        <v>45594</v>
      </c>
      <c r="F27958" s="14" t="s">
        <v>15</v>
      </c>
      <c r="G27958" s="16">
        <v>0.32208585495314301</v>
      </c>
    </row>
    <row r="27959" spans="1:7" x14ac:dyDescent="0.3">
      <c r="A27959" s="13" t="s">
        <v>177</v>
      </c>
      <c r="B27959" s="14" t="s">
        <v>1</v>
      </c>
      <c r="C27959" s="14" t="s">
        <v>101</v>
      </c>
      <c r="D27959" s="14" t="s">
        <v>126</v>
      </c>
      <c r="E27959" s="15">
        <v>45595</v>
      </c>
      <c r="F27959" s="14" t="s">
        <v>15</v>
      </c>
      <c r="G27959" s="16">
        <v>0.30185074034009479</v>
      </c>
    </row>
    <row r="27960" spans="1:7" x14ac:dyDescent="0.3">
      <c r="A27960" s="13" t="s">
        <v>177</v>
      </c>
      <c r="B27960" s="14" t="s">
        <v>1</v>
      </c>
      <c r="C27960" s="14" t="s">
        <v>101</v>
      </c>
      <c r="D27960" s="14" t="s">
        <v>126</v>
      </c>
      <c r="E27960" s="15">
        <v>45596</v>
      </c>
      <c r="F27960" s="14" t="s">
        <v>15</v>
      </c>
      <c r="G27960" s="16">
        <v>0.29700693007487267</v>
      </c>
    </row>
    <row r="27961" spans="1:7" x14ac:dyDescent="0.3">
      <c r="A27961" s="13" t="s">
        <v>177</v>
      </c>
      <c r="B27961" s="14" t="s">
        <v>1</v>
      </c>
      <c r="C27961" s="14" t="s">
        <v>101</v>
      </c>
      <c r="D27961" s="14" t="s">
        <v>126</v>
      </c>
      <c r="E27961" s="15">
        <v>45597</v>
      </c>
      <c r="F27961" s="14" t="s">
        <v>15</v>
      </c>
      <c r="G27961" s="16">
        <v>0.30634830499483573</v>
      </c>
    </row>
    <row r="27962" spans="1:7" x14ac:dyDescent="0.3">
      <c r="A27962" s="13" t="s">
        <v>177</v>
      </c>
      <c r="B27962" s="14" t="s">
        <v>1</v>
      </c>
      <c r="C27962" s="14" t="s">
        <v>101</v>
      </c>
      <c r="D27962" s="14" t="s">
        <v>126</v>
      </c>
      <c r="E27962" s="15">
        <v>45598</v>
      </c>
      <c r="F27962" s="14" t="s">
        <v>15</v>
      </c>
      <c r="G27962" s="16">
        <v>0.30634830499483573</v>
      </c>
    </row>
    <row r="27963" spans="1:7" x14ac:dyDescent="0.3">
      <c r="A27963" s="13" t="s">
        <v>177</v>
      </c>
      <c r="B27963" s="14" t="s">
        <v>1</v>
      </c>
      <c r="C27963" s="14" t="s">
        <v>101</v>
      </c>
      <c r="D27963" s="14" t="s">
        <v>126</v>
      </c>
      <c r="E27963" s="15">
        <v>45599</v>
      </c>
      <c r="F27963" s="14" t="s">
        <v>15</v>
      </c>
      <c r="G27963" s="16">
        <v>0.30634830499483573</v>
      </c>
    </row>
    <row r="27964" spans="1:7" x14ac:dyDescent="0.3">
      <c r="A27964" s="13" t="s">
        <v>177</v>
      </c>
      <c r="B27964" s="14" t="s">
        <v>1</v>
      </c>
      <c r="C27964" s="14" t="s">
        <v>101</v>
      </c>
      <c r="D27964" s="14" t="s">
        <v>126</v>
      </c>
      <c r="E27964" s="15">
        <v>45600</v>
      </c>
      <c r="F27964" s="14" t="s">
        <v>15</v>
      </c>
      <c r="G27964" s="16">
        <v>0.30217679746713366</v>
      </c>
    </row>
    <row r="27965" spans="1:7" x14ac:dyDescent="0.3">
      <c r="A27965" s="13" t="s">
        <v>177</v>
      </c>
      <c r="B27965" s="14" t="s">
        <v>1</v>
      </c>
      <c r="C27965" s="14" t="s">
        <v>101</v>
      </c>
      <c r="D27965" s="14" t="s">
        <v>126</v>
      </c>
      <c r="E27965" s="15">
        <v>45601</v>
      </c>
      <c r="F27965" s="14" t="s">
        <v>15</v>
      </c>
      <c r="G27965" s="16">
        <v>0.28727743164635594</v>
      </c>
    </row>
    <row r="27966" spans="1:7" x14ac:dyDescent="0.3">
      <c r="A27966" s="13" t="s">
        <v>177</v>
      </c>
      <c r="B27966" s="14" t="s">
        <v>1</v>
      </c>
      <c r="C27966" s="14" t="s">
        <v>101</v>
      </c>
      <c r="D27966" s="14" t="s">
        <v>126</v>
      </c>
      <c r="E27966" s="15">
        <v>45602</v>
      </c>
      <c r="F27966" s="14" t="s">
        <v>15</v>
      </c>
      <c r="G27966" s="16">
        <v>0.28249722846648001</v>
      </c>
    </row>
    <row r="27967" spans="1:7" x14ac:dyDescent="0.3">
      <c r="A27967" s="13" t="s">
        <v>177</v>
      </c>
      <c r="B27967" s="14" t="s">
        <v>1</v>
      </c>
      <c r="C27967" s="14" t="s">
        <v>101</v>
      </c>
      <c r="D27967" s="14" t="s">
        <v>126</v>
      </c>
      <c r="E27967" s="15">
        <v>45603</v>
      </c>
      <c r="F27967" s="14" t="s">
        <v>15</v>
      </c>
      <c r="G27967" s="16">
        <v>0.27765583366019503</v>
      </c>
    </row>
    <row r="27968" spans="1:7" x14ac:dyDescent="0.3">
      <c r="A27968" s="13" t="s">
        <v>177</v>
      </c>
      <c r="B27968" s="14" t="s">
        <v>1</v>
      </c>
      <c r="C27968" s="14" t="s">
        <v>101</v>
      </c>
      <c r="D27968" s="14" t="s">
        <v>126</v>
      </c>
      <c r="E27968" s="15">
        <v>45604</v>
      </c>
      <c r="F27968" s="14" t="s">
        <v>15</v>
      </c>
      <c r="G27968" s="16">
        <v>0.27276371421622891</v>
      </c>
    </row>
    <row r="27969" spans="1:7" x14ac:dyDescent="0.3">
      <c r="A27969" s="13" t="s">
        <v>177</v>
      </c>
      <c r="B27969" s="14" t="s">
        <v>1</v>
      </c>
      <c r="C27969" s="14" t="s">
        <v>101</v>
      </c>
      <c r="D27969" s="14" t="s">
        <v>126</v>
      </c>
      <c r="E27969" s="15">
        <v>45605</v>
      </c>
      <c r="F27969" s="14" t="s">
        <v>15</v>
      </c>
      <c r="G27969" s="16">
        <v>0.27276371421622891</v>
      </c>
    </row>
    <row r="27970" spans="1:7" x14ac:dyDescent="0.3">
      <c r="A27970" s="13" t="s">
        <v>177</v>
      </c>
      <c r="B27970" s="14" t="s">
        <v>1</v>
      </c>
      <c r="C27970" s="14" t="s">
        <v>101</v>
      </c>
      <c r="D27970" s="14" t="s">
        <v>126</v>
      </c>
      <c r="E27970" s="15">
        <v>45606</v>
      </c>
      <c r="F27970" s="14" t="s">
        <v>15</v>
      </c>
      <c r="G27970" s="16">
        <v>0.27276371421622891</v>
      </c>
    </row>
    <row r="27971" spans="1:7" x14ac:dyDescent="0.3">
      <c r="A27971" s="13" t="s">
        <v>177</v>
      </c>
      <c r="B27971" s="14" t="s">
        <v>1</v>
      </c>
      <c r="C27971" s="14" t="s">
        <v>101</v>
      </c>
      <c r="D27971" s="14" t="s">
        <v>126</v>
      </c>
      <c r="E27971" s="15">
        <v>45607</v>
      </c>
      <c r="F27971" s="14" t="s">
        <v>15</v>
      </c>
      <c r="G27971" s="16">
        <v>0.26784663502991174</v>
      </c>
    </row>
    <row r="27972" spans="1:7" x14ac:dyDescent="0.3">
      <c r="A27972" s="13" t="s">
        <v>177</v>
      </c>
      <c r="B27972" s="14" t="s">
        <v>1</v>
      </c>
      <c r="C27972" s="14" t="s">
        <v>101</v>
      </c>
      <c r="D27972" s="14" t="s">
        <v>126</v>
      </c>
      <c r="E27972" s="15">
        <v>45608</v>
      </c>
      <c r="F27972" s="14" t="s">
        <v>15</v>
      </c>
      <c r="G27972" s="16">
        <v>0.25253986180172661</v>
      </c>
    </row>
    <row r="27973" spans="1:7" x14ac:dyDescent="0.3">
      <c r="A27973" s="13" t="s">
        <v>177</v>
      </c>
      <c r="B27973" s="14" t="s">
        <v>1</v>
      </c>
      <c r="C27973" s="14" t="s">
        <v>101</v>
      </c>
      <c r="D27973" s="14" t="s">
        <v>126</v>
      </c>
      <c r="E27973" s="15">
        <v>45609</v>
      </c>
      <c r="F27973" s="14" t="s">
        <v>15</v>
      </c>
      <c r="G27973" s="16">
        <v>0.26619202577160911</v>
      </c>
    </row>
    <row r="27974" spans="1:7" x14ac:dyDescent="0.3">
      <c r="A27974" s="13" t="s">
        <v>177</v>
      </c>
      <c r="B27974" s="14" t="s">
        <v>1</v>
      </c>
      <c r="C27974" s="14" t="s">
        <v>101</v>
      </c>
      <c r="D27974" s="14" t="s">
        <v>126</v>
      </c>
      <c r="E27974" s="15">
        <v>45610</v>
      </c>
      <c r="F27974" s="14" t="s">
        <v>15</v>
      </c>
      <c r="G27974" s="16">
        <v>0.26471858587675734</v>
      </c>
    </row>
    <row r="27975" spans="1:7" x14ac:dyDescent="0.3">
      <c r="A27975" s="13" t="s">
        <v>177</v>
      </c>
      <c r="B27975" s="14" t="s">
        <v>1</v>
      </c>
      <c r="C27975" s="14" t="s">
        <v>101</v>
      </c>
      <c r="D27975" s="14" t="s">
        <v>126</v>
      </c>
      <c r="E27975" s="15">
        <v>45611</v>
      </c>
      <c r="F27975" s="14" t="s">
        <v>15</v>
      </c>
      <c r="G27975" s="16">
        <v>0.25986350346982823</v>
      </c>
    </row>
    <row r="27976" spans="1:7" x14ac:dyDescent="0.3">
      <c r="A27976" s="13" t="s">
        <v>177</v>
      </c>
      <c r="B27976" s="14" t="s">
        <v>1</v>
      </c>
      <c r="C27976" s="14" t="s">
        <v>101</v>
      </c>
      <c r="D27976" s="14" t="s">
        <v>126</v>
      </c>
      <c r="E27976" s="15">
        <v>45612</v>
      </c>
      <c r="F27976" s="14" t="s">
        <v>15</v>
      </c>
      <c r="G27976" s="16">
        <v>0.25986350346982823</v>
      </c>
    </row>
    <row r="27977" spans="1:7" x14ac:dyDescent="0.3">
      <c r="A27977" s="13" t="s">
        <v>177</v>
      </c>
      <c r="B27977" s="14" t="s">
        <v>1</v>
      </c>
      <c r="C27977" s="14" t="s">
        <v>101</v>
      </c>
      <c r="D27977" s="14" t="s">
        <v>126</v>
      </c>
      <c r="E27977" s="15">
        <v>45613</v>
      </c>
      <c r="F27977" s="14" t="s">
        <v>15</v>
      </c>
      <c r="G27977" s="16">
        <v>0.25986350346982823</v>
      </c>
    </row>
    <row r="27978" spans="1:7" x14ac:dyDescent="0.3">
      <c r="A27978" s="13" t="s">
        <v>177</v>
      </c>
      <c r="B27978" s="14" t="s">
        <v>1</v>
      </c>
      <c r="C27978" s="14" t="s">
        <v>101</v>
      </c>
      <c r="D27978" s="14" t="s">
        <v>126</v>
      </c>
      <c r="E27978" s="15">
        <v>45614</v>
      </c>
      <c r="F27978" s="14" t="s">
        <v>15</v>
      </c>
      <c r="G27978" s="16">
        <v>0.29805995085355941</v>
      </c>
    </row>
    <row r="27979" spans="1:7" x14ac:dyDescent="0.3">
      <c r="A27979" s="13" t="s">
        <v>177</v>
      </c>
      <c r="B27979" s="14" t="s">
        <v>1</v>
      </c>
      <c r="C27979" s="14" t="s">
        <v>101</v>
      </c>
      <c r="D27979" s="14" t="s">
        <v>126</v>
      </c>
      <c r="E27979" s="15">
        <v>45615</v>
      </c>
      <c r="F27979" s="14" t="s">
        <v>15</v>
      </c>
      <c r="G27979" s="16">
        <v>0.28309214702956104</v>
      </c>
    </row>
    <row r="27980" spans="1:7" x14ac:dyDescent="0.3">
      <c r="A27980" s="13" t="s">
        <v>177</v>
      </c>
      <c r="B27980" s="14" t="s">
        <v>1</v>
      </c>
      <c r="C27980" s="14" t="s">
        <v>101</v>
      </c>
      <c r="D27980" s="14" t="s">
        <v>126</v>
      </c>
      <c r="E27980" s="15">
        <v>45616</v>
      </c>
      <c r="F27980" s="14" t="s">
        <v>15</v>
      </c>
      <c r="G27980" s="16">
        <v>0.27827329650668997</v>
      </c>
    </row>
    <row r="27981" spans="1:7" x14ac:dyDescent="0.3">
      <c r="A27981" s="13" t="s">
        <v>177</v>
      </c>
      <c r="B27981" s="14" t="s">
        <v>1</v>
      </c>
      <c r="C27981" s="14" t="s">
        <v>101</v>
      </c>
      <c r="D27981" s="14" t="s">
        <v>126</v>
      </c>
      <c r="E27981" s="15">
        <v>45617</v>
      </c>
      <c r="F27981" s="14" t="s">
        <v>15</v>
      </c>
      <c r="G27981" s="16">
        <v>0.27345042021892352</v>
      </c>
    </row>
    <row r="27982" spans="1:7" x14ac:dyDescent="0.3">
      <c r="A27982" s="13" t="s">
        <v>177</v>
      </c>
      <c r="B27982" s="14" t="s">
        <v>1</v>
      </c>
      <c r="C27982" s="14" t="s">
        <v>101</v>
      </c>
      <c r="D27982" s="14" t="s">
        <v>126</v>
      </c>
      <c r="E27982" s="15">
        <v>45618</v>
      </c>
      <c r="F27982" s="14" t="s">
        <v>15</v>
      </c>
      <c r="G27982" s="16">
        <v>0.26864284183775933</v>
      </c>
    </row>
    <row r="27983" spans="1:7" x14ac:dyDescent="0.3">
      <c r="A27983" s="13" t="s">
        <v>177</v>
      </c>
      <c r="B27983" s="14" t="s">
        <v>1</v>
      </c>
      <c r="C27983" s="14" t="s">
        <v>101</v>
      </c>
      <c r="D27983" s="14" t="s">
        <v>126</v>
      </c>
      <c r="E27983" s="15">
        <v>45619</v>
      </c>
      <c r="F27983" s="14" t="s">
        <v>15</v>
      </c>
      <c r="G27983" s="16">
        <v>0.26864284183775933</v>
      </c>
    </row>
    <row r="27984" spans="1:7" x14ac:dyDescent="0.3">
      <c r="A27984" s="13" t="s">
        <v>177</v>
      </c>
      <c r="B27984" s="14" t="s">
        <v>1</v>
      </c>
      <c r="C27984" s="14" t="s">
        <v>101</v>
      </c>
      <c r="D27984" s="14" t="s">
        <v>126</v>
      </c>
      <c r="E27984" s="15">
        <v>45620</v>
      </c>
      <c r="F27984" s="14" t="s">
        <v>15</v>
      </c>
      <c r="G27984" s="16">
        <v>0.26864284183775933</v>
      </c>
    </row>
    <row r="27985" spans="1:7" x14ac:dyDescent="0.3">
      <c r="A27985" s="13" t="s">
        <v>177</v>
      </c>
      <c r="B27985" s="14" t="s">
        <v>1</v>
      </c>
      <c r="C27985" s="14" t="s">
        <v>101</v>
      </c>
      <c r="D27985" s="14" t="s">
        <v>126</v>
      </c>
      <c r="E27985" s="15">
        <v>45621</v>
      </c>
      <c r="F27985" s="14" t="s">
        <v>15</v>
      </c>
      <c r="G27985" s="16">
        <v>0.27495603640345506</v>
      </c>
    </row>
    <row r="27986" spans="1:7" x14ac:dyDescent="0.3">
      <c r="A27986" s="13" t="s">
        <v>177</v>
      </c>
      <c r="B27986" s="14" t="s">
        <v>1</v>
      </c>
      <c r="C27986" s="14" t="s">
        <v>101</v>
      </c>
      <c r="D27986" s="14" t="s">
        <v>126</v>
      </c>
      <c r="E27986" s="15">
        <v>45622</v>
      </c>
      <c r="F27986" s="14" t="s">
        <v>15</v>
      </c>
      <c r="G27986" s="16">
        <v>0.2596404064925002</v>
      </c>
    </row>
    <row r="27987" spans="1:7" x14ac:dyDescent="0.3">
      <c r="A27987" s="13" t="s">
        <v>177</v>
      </c>
      <c r="B27987" s="14" t="s">
        <v>1</v>
      </c>
      <c r="C27987" s="14" t="s">
        <v>101</v>
      </c>
      <c r="D27987" s="14" t="s">
        <v>126</v>
      </c>
      <c r="E27987" s="15">
        <v>45623</v>
      </c>
      <c r="F27987" s="14" t="s">
        <v>15</v>
      </c>
      <c r="G27987" s="16">
        <v>0.26108403584080458</v>
      </c>
    </row>
    <row r="27988" spans="1:7" x14ac:dyDescent="0.3">
      <c r="A27988" s="13" t="s">
        <v>177</v>
      </c>
      <c r="B27988" s="14" t="s">
        <v>1</v>
      </c>
      <c r="C27988" s="14" t="s">
        <v>101</v>
      </c>
      <c r="D27988" s="14" t="s">
        <v>126</v>
      </c>
      <c r="E27988" s="15">
        <v>45624</v>
      </c>
      <c r="F27988" s="14" t="s">
        <v>15</v>
      </c>
      <c r="G27988" s="16">
        <v>0.25407275375593674</v>
      </c>
    </row>
    <row r="27989" spans="1:7" x14ac:dyDescent="0.3">
      <c r="A27989" s="13" t="s">
        <v>177</v>
      </c>
      <c r="B27989" s="14" t="s">
        <v>1</v>
      </c>
      <c r="C27989" s="14" t="s">
        <v>101</v>
      </c>
      <c r="D27989" s="14" t="s">
        <v>126</v>
      </c>
      <c r="E27989" s="15">
        <v>45625</v>
      </c>
      <c r="F27989" s="14" t="s">
        <v>15</v>
      </c>
      <c r="G27989" s="16">
        <v>0.24917258278217994</v>
      </c>
    </row>
    <row r="27990" spans="1:7" x14ac:dyDescent="0.3">
      <c r="A27990" s="13" t="s">
        <v>177</v>
      </c>
      <c r="B27990" s="14" t="s">
        <v>1</v>
      </c>
      <c r="C27990" s="14" t="s">
        <v>101</v>
      </c>
      <c r="D27990" s="14" t="s">
        <v>126</v>
      </c>
      <c r="E27990" s="15">
        <v>45626</v>
      </c>
      <c r="F27990" s="14" t="s">
        <v>15</v>
      </c>
      <c r="G27990" s="16">
        <v>0.24917258278217994</v>
      </c>
    </row>
    <row r="27991" spans="1:7" x14ac:dyDescent="0.3">
      <c r="A27991" s="13" t="s">
        <v>177</v>
      </c>
      <c r="B27991" s="14" t="s">
        <v>1</v>
      </c>
      <c r="C27991" s="14" t="s">
        <v>101</v>
      </c>
      <c r="D27991" s="14" t="s">
        <v>126</v>
      </c>
      <c r="E27991" s="15">
        <v>45627</v>
      </c>
      <c r="F27991" s="14" t="s">
        <v>15</v>
      </c>
      <c r="G27991" s="16">
        <v>0.24917258278217994</v>
      </c>
    </row>
    <row r="27992" spans="1:7" x14ac:dyDescent="0.3">
      <c r="A27992" s="13" t="s">
        <v>177</v>
      </c>
      <c r="B27992" s="14" t="s">
        <v>1</v>
      </c>
      <c r="C27992" s="14" t="s">
        <v>101</v>
      </c>
      <c r="D27992" s="14" t="s">
        <v>126</v>
      </c>
      <c r="E27992" s="15">
        <v>45628</v>
      </c>
      <c r="F27992" s="14" t="s">
        <v>15</v>
      </c>
      <c r="G27992" s="16">
        <v>0.2859994649485198</v>
      </c>
    </row>
    <row r="27993" spans="1:7" x14ac:dyDescent="0.3">
      <c r="A27993" s="13" t="s">
        <v>177</v>
      </c>
      <c r="B27993" s="14" t="s">
        <v>1</v>
      </c>
      <c r="C27993" s="14" t="s">
        <v>101</v>
      </c>
      <c r="D27993" s="14" t="s">
        <v>126</v>
      </c>
      <c r="E27993" s="15">
        <v>45629</v>
      </c>
      <c r="F27993" s="14" t="s">
        <v>15</v>
      </c>
      <c r="G27993" s="16">
        <v>0.27254051780729122</v>
      </c>
    </row>
    <row r="27994" spans="1:7" x14ac:dyDescent="0.3">
      <c r="A27994" s="13" t="s">
        <v>177</v>
      </c>
      <c r="B27994" s="14" t="s">
        <v>1</v>
      </c>
      <c r="C27994" s="14" t="s">
        <v>101</v>
      </c>
      <c r="D27994" s="14" t="s">
        <v>126</v>
      </c>
      <c r="E27994" s="15">
        <v>45630</v>
      </c>
      <c r="F27994" s="14" t="s">
        <v>15</v>
      </c>
      <c r="G27994" s="16">
        <v>0.28260008918458113</v>
      </c>
    </row>
    <row r="27995" spans="1:7" x14ac:dyDescent="0.3">
      <c r="A27995" s="13" t="s">
        <v>177</v>
      </c>
      <c r="B27995" s="14" t="s">
        <v>1</v>
      </c>
      <c r="C27995" s="14" t="s">
        <v>101</v>
      </c>
      <c r="D27995" s="14" t="s">
        <v>126</v>
      </c>
      <c r="E27995" s="15">
        <v>45631</v>
      </c>
      <c r="F27995" s="14" t="s">
        <v>15</v>
      </c>
      <c r="G27995" s="16">
        <v>0.27766046571485009</v>
      </c>
    </row>
    <row r="27996" spans="1:7" x14ac:dyDescent="0.3">
      <c r="A27996" s="13" t="s">
        <v>177</v>
      </c>
      <c r="B27996" s="14" t="s">
        <v>1</v>
      </c>
      <c r="C27996" s="14" t="s">
        <v>101</v>
      </c>
      <c r="D27996" s="14" t="s">
        <v>126</v>
      </c>
      <c r="E27996" s="15">
        <v>45632</v>
      </c>
      <c r="F27996" s="14" t="s">
        <v>15</v>
      </c>
      <c r="G27996" s="16">
        <v>0.27271440102128658</v>
      </c>
    </row>
    <row r="27997" spans="1:7" x14ac:dyDescent="0.3">
      <c r="A27997" s="13" t="s">
        <v>177</v>
      </c>
      <c r="B27997" s="14" t="s">
        <v>1</v>
      </c>
      <c r="C27997" s="14" t="s">
        <v>101</v>
      </c>
      <c r="D27997" s="14" t="s">
        <v>126</v>
      </c>
      <c r="E27997" s="15">
        <v>45633</v>
      </c>
      <c r="F27997" s="14" t="s">
        <v>15</v>
      </c>
      <c r="G27997" s="16">
        <v>0.27271440102128658</v>
      </c>
    </row>
    <row r="27998" spans="1:7" x14ac:dyDescent="0.3">
      <c r="A27998" s="13" t="s">
        <v>177</v>
      </c>
      <c r="B27998" s="14" t="s">
        <v>1</v>
      </c>
      <c r="C27998" s="14" t="s">
        <v>101</v>
      </c>
      <c r="D27998" s="14" t="s">
        <v>126</v>
      </c>
      <c r="E27998" s="15">
        <v>45634</v>
      </c>
      <c r="F27998" s="14" t="s">
        <v>15</v>
      </c>
      <c r="G27998" s="16">
        <v>0.27271440102128658</v>
      </c>
    </row>
    <row r="27999" spans="1:7" x14ac:dyDescent="0.3">
      <c r="A27999" s="13" t="s">
        <v>177</v>
      </c>
      <c r="B27999" s="14" t="s">
        <v>1</v>
      </c>
      <c r="C27999" s="14" t="s">
        <v>101</v>
      </c>
      <c r="D27999" s="14" t="s">
        <v>126</v>
      </c>
      <c r="E27999" s="15">
        <v>45635</v>
      </c>
      <c r="F27999" s="14" t="s">
        <v>15</v>
      </c>
      <c r="G27999" s="16">
        <v>0.28081342489455074</v>
      </c>
    </row>
    <row r="28000" spans="1:7" x14ac:dyDescent="0.3">
      <c r="A28000" s="13" t="s">
        <v>177</v>
      </c>
      <c r="B28000" s="14" t="s">
        <v>1</v>
      </c>
      <c r="C28000" s="14" t="s">
        <v>101</v>
      </c>
      <c r="D28000" s="14" t="s">
        <v>126</v>
      </c>
      <c r="E28000" s="15">
        <v>45636</v>
      </c>
      <c r="F28000" s="14" t="s">
        <v>15</v>
      </c>
      <c r="G28000" s="16">
        <v>0.26544626519293568</v>
      </c>
    </row>
    <row r="28001" spans="1:7" x14ac:dyDescent="0.3">
      <c r="A28001" s="13" t="s">
        <v>177</v>
      </c>
      <c r="B28001" s="14" t="s">
        <v>1</v>
      </c>
      <c r="C28001" s="14" t="s">
        <v>101</v>
      </c>
      <c r="D28001" s="14" t="s">
        <v>126</v>
      </c>
      <c r="E28001" s="15">
        <v>45637</v>
      </c>
      <c r="F28001" s="14" t="s">
        <v>15</v>
      </c>
      <c r="G28001" s="16">
        <v>0.2605235499357651</v>
      </c>
    </row>
    <row r="28002" spans="1:7" x14ac:dyDescent="0.3">
      <c r="A28002" s="13" t="s">
        <v>177</v>
      </c>
      <c r="B28002" s="14" t="s">
        <v>1</v>
      </c>
      <c r="C28002" s="14" t="s">
        <v>101</v>
      </c>
      <c r="D28002" s="14" t="s">
        <v>126</v>
      </c>
      <c r="E28002" s="15">
        <v>45638</v>
      </c>
      <c r="F28002" s="14" t="s">
        <v>15</v>
      </c>
      <c r="G28002" s="16">
        <v>0.2592868250167587</v>
      </c>
    </row>
    <row r="28003" spans="1:7" x14ac:dyDescent="0.3">
      <c r="A28003" s="13" t="s">
        <v>177</v>
      </c>
      <c r="B28003" s="14" t="s">
        <v>1</v>
      </c>
      <c r="C28003" s="14" t="s">
        <v>101</v>
      </c>
      <c r="D28003" s="14" t="s">
        <v>126</v>
      </c>
      <c r="E28003" s="15">
        <v>45639</v>
      </c>
      <c r="F28003" s="14" t="s">
        <v>15</v>
      </c>
      <c r="G28003" s="16">
        <v>0.25437779736023219</v>
      </c>
    </row>
    <row r="28004" spans="1:7" x14ac:dyDescent="0.3">
      <c r="A28004" s="13" t="s">
        <v>177</v>
      </c>
      <c r="B28004" s="14" t="s">
        <v>1</v>
      </c>
      <c r="C28004" s="14" t="s">
        <v>101</v>
      </c>
      <c r="D28004" s="14" t="s">
        <v>126</v>
      </c>
      <c r="E28004" s="15">
        <v>45640</v>
      </c>
      <c r="F28004" s="14" t="s">
        <v>15</v>
      </c>
      <c r="G28004" s="16">
        <v>0.25437779736023219</v>
      </c>
    </row>
    <row r="28005" spans="1:7" x14ac:dyDescent="0.3">
      <c r="A28005" s="13" t="s">
        <v>177</v>
      </c>
      <c r="B28005" s="14" t="s">
        <v>1</v>
      </c>
      <c r="C28005" s="14" t="s">
        <v>101</v>
      </c>
      <c r="D28005" s="14" t="s">
        <v>126</v>
      </c>
      <c r="E28005" s="15">
        <v>45641</v>
      </c>
      <c r="F28005" s="14" t="s">
        <v>15</v>
      </c>
      <c r="G28005" s="16">
        <v>0.25437779736023219</v>
      </c>
    </row>
    <row r="28006" spans="1:7" x14ac:dyDescent="0.3">
      <c r="A28006" s="13" t="s">
        <v>177</v>
      </c>
      <c r="B28006" s="14" t="s">
        <v>1</v>
      </c>
      <c r="C28006" s="14" t="s">
        <v>101</v>
      </c>
      <c r="D28006" s="14" t="s">
        <v>126</v>
      </c>
      <c r="E28006" s="15">
        <v>45642</v>
      </c>
      <c r="F28006" s="14" t="s">
        <v>15</v>
      </c>
      <c r="G28006" s="16">
        <v>0.25145347179710342</v>
      </c>
    </row>
    <row r="28007" spans="1:7" x14ac:dyDescent="0.3">
      <c r="A28007" s="13" t="s">
        <v>177</v>
      </c>
      <c r="B28007" s="14" t="s">
        <v>1</v>
      </c>
      <c r="C28007" s="14" t="s">
        <v>101</v>
      </c>
      <c r="D28007" s="14" t="s">
        <v>126</v>
      </c>
      <c r="E28007" s="15">
        <v>45643</v>
      </c>
      <c r="F28007" s="14" t="s">
        <v>15</v>
      </c>
      <c r="G28007" s="16">
        <v>0.23625780968002943</v>
      </c>
    </row>
    <row r="28008" spans="1:7" x14ac:dyDescent="0.3">
      <c r="A28008" s="13" t="s">
        <v>177</v>
      </c>
      <c r="B28008" s="14" t="s">
        <v>1</v>
      </c>
      <c r="C28008" s="14" t="s">
        <v>101</v>
      </c>
      <c r="D28008" s="14" t="s">
        <v>126</v>
      </c>
      <c r="E28008" s="15">
        <v>45644</v>
      </c>
      <c r="F28008" s="14" t="s">
        <v>15</v>
      </c>
      <c r="G28008" s="16">
        <v>0.23931416044540307</v>
      </c>
    </row>
    <row r="28009" spans="1:7" x14ac:dyDescent="0.3">
      <c r="A28009" s="13" t="s">
        <v>177</v>
      </c>
      <c r="B28009" s="14" t="s">
        <v>1</v>
      </c>
      <c r="C28009" s="14" t="s">
        <v>101</v>
      </c>
      <c r="D28009" s="14" t="s">
        <v>126</v>
      </c>
      <c r="E28009" s="15">
        <v>45645</v>
      </c>
      <c r="F28009" s="14" t="s">
        <v>15</v>
      </c>
      <c r="G28009" s="16">
        <v>0.23445746773251586</v>
      </c>
    </row>
    <row r="28010" spans="1:7" x14ac:dyDescent="0.3">
      <c r="A28010" s="13" t="s">
        <v>177</v>
      </c>
      <c r="B28010" s="14" t="s">
        <v>1</v>
      </c>
      <c r="C28010" s="14" t="s">
        <v>101</v>
      </c>
      <c r="D28010" s="14" t="s">
        <v>126</v>
      </c>
      <c r="E28010" s="15">
        <v>45646</v>
      </c>
      <c r="F28010" s="14" t="s">
        <v>15</v>
      </c>
      <c r="G28010" s="16">
        <v>0.23842605682317133</v>
      </c>
    </row>
    <row r="28011" spans="1:7" x14ac:dyDescent="0.3">
      <c r="A28011" s="13" t="s">
        <v>177</v>
      </c>
      <c r="B28011" s="14" t="s">
        <v>1</v>
      </c>
      <c r="C28011" s="14" t="s">
        <v>101</v>
      </c>
      <c r="D28011" s="14" t="s">
        <v>126</v>
      </c>
      <c r="E28011" s="15">
        <v>45647</v>
      </c>
      <c r="F28011" s="14" t="s">
        <v>15</v>
      </c>
      <c r="G28011" s="16">
        <v>0.23842605682317133</v>
      </c>
    </row>
    <row r="28012" spans="1:7" x14ac:dyDescent="0.3">
      <c r="A28012" s="13" t="s">
        <v>177</v>
      </c>
      <c r="B28012" s="14" t="s">
        <v>1</v>
      </c>
      <c r="C28012" s="14" t="s">
        <v>101</v>
      </c>
      <c r="D28012" s="14" t="s">
        <v>126</v>
      </c>
      <c r="E28012" s="15">
        <v>45648</v>
      </c>
      <c r="F28012" s="14" t="s">
        <v>15</v>
      </c>
      <c r="G28012" s="16">
        <v>0.23842605682317133</v>
      </c>
    </row>
    <row r="28013" spans="1:7" x14ac:dyDescent="0.3">
      <c r="A28013" s="13" t="s">
        <v>177</v>
      </c>
      <c r="B28013" s="14" t="s">
        <v>1</v>
      </c>
      <c r="C28013" s="14" t="s">
        <v>101</v>
      </c>
      <c r="D28013" s="14" t="s">
        <v>126</v>
      </c>
      <c r="E28013" s="15">
        <v>45649</v>
      </c>
      <c r="F28013" s="14" t="s">
        <v>15</v>
      </c>
      <c r="G28013" s="16">
        <v>0.23774649776567863</v>
      </c>
    </row>
    <row r="28014" spans="1:7" x14ac:dyDescent="0.3">
      <c r="A28014" s="13" t="s">
        <v>177</v>
      </c>
      <c r="B28014" s="14" t="s">
        <v>1</v>
      </c>
      <c r="C28014" s="14" t="s">
        <v>101</v>
      </c>
      <c r="D28014" s="14" t="s">
        <v>126</v>
      </c>
      <c r="E28014" s="15">
        <v>45650</v>
      </c>
      <c r="F28014" s="14" t="s">
        <v>15</v>
      </c>
      <c r="G28014" s="16">
        <v>0.22921186624441783</v>
      </c>
    </row>
    <row r="28015" spans="1:7" x14ac:dyDescent="0.3">
      <c r="A28015" s="13" t="s">
        <v>177</v>
      </c>
      <c r="B28015" s="14" t="s">
        <v>1</v>
      </c>
      <c r="C28015" s="14" t="s">
        <v>101</v>
      </c>
      <c r="D28015" s="14" t="s">
        <v>126</v>
      </c>
      <c r="E28015" s="15">
        <v>45651</v>
      </c>
      <c r="F28015" s="14" t="s">
        <v>15</v>
      </c>
      <c r="G28015" s="16">
        <v>0.22921186624441783</v>
      </c>
    </row>
    <row r="28016" spans="1:7" x14ac:dyDescent="0.3">
      <c r="A28016" s="13" t="s">
        <v>177</v>
      </c>
      <c r="B28016" s="14" t="s">
        <v>1</v>
      </c>
      <c r="C28016" s="14" t="s">
        <v>101</v>
      </c>
      <c r="D28016" s="14" t="s">
        <v>126</v>
      </c>
      <c r="E28016" s="15">
        <v>45652</v>
      </c>
      <c r="F28016" s="14" t="s">
        <v>15</v>
      </c>
      <c r="G28016" s="16">
        <v>0.22921186624441783</v>
      </c>
    </row>
    <row r="28017" spans="1:7" x14ac:dyDescent="0.3">
      <c r="A28017" s="13" t="s">
        <v>177</v>
      </c>
      <c r="B28017" s="14" t="s">
        <v>1</v>
      </c>
      <c r="C28017" s="14" t="s">
        <v>101</v>
      </c>
      <c r="D28017" s="14" t="s">
        <v>126</v>
      </c>
      <c r="E28017" s="15">
        <v>45653</v>
      </c>
      <c r="F28017" s="14" t="s">
        <v>15</v>
      </c>
      <c r="G28017" s="16">
        <v>0.22921186624441783</v>
      </c>
    </row>
    <row r="28018" spans="1:7" x14ac:dyDescent="0.3">
      <c r="A28018" s="13" t="s">
        <v>177</v>
      </c>
      <c r="B28018" s="14" t="s">
        <v>1</v>
      </c>
      <c r="C28018" s="14" t="s">
        <v>101</v>
      </c>
      <c r="D28018" s="14" t="s">
        <v>126</v>
      </c>
      <c r="E28018" s="15">
        <v>45654</v>
      </c>
      <c r="F28018" s="14" t="s">
        <v>15</v>
      </c>
      <c r="G28018" s="16">
        <v>0.22921186624441783</v>
      </c>
    </row>
    <row r="28019" spans="1:7" x14ac:dyDescent="0.3">
      <c r="A28019" s="13" t="s">
        <v>177</v>
      </c>
      <c r="B28019" s="14" t="s">
        <v>1</v>
      </c>
      <c r="C28019" s="14" t="s">
        <v>101</v>
      </c>
      <c r="D28019" s="14" t="s">
        <v>126</v>
      </c>
      <c r="E28019" s="15">
        <v>45655</v>
      </c>
      <c r="F28019" s="14" t="s">
        <v>15</v>
      </c>
      <c r="G28019" s="16">
        <v>0.22921186624441783</v>
      </c>
    </row>
    <row r="28020" spans="1:7" x14ac:dyDescent="0.3">
      <c r="A28020" s="13" t="s">
        <v>177</v>
      </c>
      <c r="B28020" s="14" t="s">
        <v>1</v>
      </c>
      <c r="C28020" s="14" t="s">
        <v>101</v>
      </c>
      <c r="D28020" s="14" t="s">
        <v>126</v>
      </c>
      <c r="E28020" s="15">
        <v>45656</v>
      </c>
      <c r="F28020" s="14" t="s">
        <v>15</v>
      </c>
      <c r="G28020" s="16">
        <v>0.22448238770222304</v>
      </c>
    </row>
    <row r="28021" spans="1:7" x14ac:dyDescent="0.3">
      <c r="A28021" s="13" t="s">
        <v>177</v>
      </c>
      <c r="B28021" s="14" t="s">
        <v>1</v>
      </c>
      <c r="C28021" s="14" t="s">
        <v>101</v>
      </c>
      <c r="D28021" s="14" t="s">
        <v>126</v>
      </c>
      <c r="E28021" s="15">
        <v>45657</v>
      </c>
      <c r="F28021" s="14" t="s">
        <v>15</v>
      </c>
      <c r="G28021" s="16">
        <v>0.21094050980415063</v>
      </c>
    </row>
    <row r="28022" spans="1:7" x14ac:dyDescent="0.3">
      <c r="A28022" s="13" t="s">
        <v>177</v>
      </c>
      <c r="B28022" s="14" t="s">
        <v>1</v>
      </c>
      <c r="C28022" s="14" t="s">
        <v>101</v>
      </c>
      <c r="D28022" s="14" t="s">
        <v>126</v>
      </c>
      <c r="E28022" s="15">
        <v>45658</v>
      </c>
      <c r="F28022" s="14" t="s">
        <v>15</v>
      </c>
      <c r="G28022" s="16">
        <v>0.21094050980415063</v>
      </c>
    </row>
    <row r="28023" spans="1:7" x14ac:dyDescent="0.3">
      <c r="A28023" s="13" t="s">
        <v>177</v>
      </c>
      <c r="B28023" s="14" t="s">
        <v>1</v>
      </c>
      <c r="C28023" s="14" t="s">
        <v>101</v>
      </c>
      <c r="D28023" s="14" t="s">
        <v>126</v>
      </c>
      <c r="E28023" s="15">
        <v>45659</v>
      </c>
      <c r="F28023" s="14" t="s">
        <v>15</v>
      </c>
      <c r="G28023" s="16">
        <v>0.21304758520720546</v>
      </c>
    </row>
    <row r="28024" spans="1:7" x14ac:dyDescent="0.3">
      <c r="A28024" s="13" t="s">
        <v>177</v>
      </c>
      <c r="B28024" s="14" t="s">
        <v>1</v>
      </c>
      <c r="C28024" s="14" t="s">
        <v>101</v>
      </c>
      <c r="D28024" s="14" t="s">
        <v>126</v>
      </c>
      <c r="E28024" s="15">
        <v>45660</v>
      </c>
      <c r="F28024" s="14" t="s">
        <v>15</v>
      </c>
      <c r="G28024" s="16">
        <v>0.20332293758288505</v>
      </c>
    </row>
    <row r="28025" spans="1:7" x14ac:dyDescent="0.3">
      <c r="A28025" s="13" t="s">
        <v>177</v>
      </c>
      <c r="B28025" s="14" t="s">
        <v>1</v>
      </c>
      <c r="C28025" s="14" t="s">
        <v>101</v>
      </c>
      <c r="D28025" s="14" t="s">
        <v>126</v>
      </c>
      <c r="E28025" s="15">
        <v>45661</v>
      </c>
      <c r="F28025" s="14" t="s">
        <v>15</v>
      </c>
      <c r="G28025" s="16">
        <v>0.20332293758288505</v>
      </c>
    </row>
    <row r="28026" spans="1:7" x14ac:dyDescent="0.3">
      <c r="A28026" s="13" t="s">
        <v>177</v>
      </c>
      <c r="B28026" s="14" t="s">
        <v>1</v>
      </c>
      <c r="C28026" s="14" t="s">
        <v>101</v>
      </c>
      <c r="D28026" s="14" t="s">
        <v>126</v>
      </c>
      <c r="E28026" s="15">
        <v>45662</v>
      </c>
      <c r="F28026" s="14" t="s">
        <v>15</v>
      </c>
      <c r="G28026" s="16">
        <v>0.20332293758288505</v>
      </c>
    </row>
    <row r="28027" spans="1:7" x14ac:dyDescent="0.3">
      <c r="A28027" s="13" t="s">
        <v>177</v>
      </c>
      <c r="B28027" s="14" t="s">
        <v>1</v>
      </c>
      <c r="C28027" s="14" t="s">
        <v>101</v>
      </c>
      <c r="D28027" s="14" t="s">
        <v>126</v>
      </c>
      <c r="E28027" s="15">
        <v>45663</v>
      </c>
      <c r="F28027" s="14" t="s">
        <v>15</v>
      </c>
      <c r="G28027" s="16">
        <v>0.19863291153666451</v>
      </c>
    </row>
    <row r="28028" spans="1:7" x14ac:dyDescent="0.3">
      <c r="A28028" s="13" t="s">
        <v>177</v>
      </c>
      <c r="B28028" s="14" t="s">
        <v>1</v>
      </c>
      <c r="C28028" s="14" t="s">
        <v>101</v>
      </c>
      <c r="D28028" s="14" t="s">
        <v>126</v>
      </c>
      <c r="E28028" s="15">
        <v>45664</v>
      </c>
      <c r="F28028" s="14" t="s">
        <v>15</v>
      </c>
      <c r="G28028" s="16">
        <v>0.1781127727690269</v>
      </c>
    </row>
    <row r="28029" spans="1:7" x14ac:dyDescent="0.3">
      <c r="A28029" s="13" t="s">
        <v>177</v>
      </c>
      <c r="B28029" s="14" t="s">
        <v>1</v>
      </c>
      <c r="C28029" s="14" t="s">
        <v>101</v>
      </c>
      <c r="D28029" s="14" t="s">
        <v>126</v>
      </c>
      <c r="E28029" s="15">
        <v>45665</v>
      </c>
      <c r="F28029" s="14" t="s">
        <v>15</v>
      </c>
      <c r="G28029" s="16">
        <v>0.17339134575662279</v>
      </c>
    </row>
    <row r="28030" spans="1:7" x14ac:dyDescent="0.3">
      <c r="A28030" s="13" t="s">
        <v>177</v>
      </c>
      <c r="B28030" s="14" t="s">
        <v>1</v>
      </c>
      <c r="C28030" s="14" t="s">
        <v>101</v>
      </c>
      <c r="D28030" s="14" t="s">
        <v>126</v>
      </c>
      <c r="E28030" s="15">
        <v>45666</v>
      </c>
      <c r="F28030" s="14" t="s">
        <v>15</v>
      </c>
      <c r="G28030" s="16">
        <v>0.16868682695677906</v>
      </c>
    </row>
    <row r="28031" spans="1:7" x14ac:dyDescent="0.3">
      <c r="A28031" s="13" t="s">
        <v>177</v>
      </c>
      <c r="B28031" s="14" t="s">
        <v>1</v>
      </c>
      <c r="C28031" s="14" t="s">
        <v>101</v>
      </c>
      <c r="D28031" s="14" t="s">
        <v>126</v>
      </c>
      <c r="E28031" s="15">
        <v>45667</v>
      </c>
      <c r="F28031" s="14" t="s">
        <v>15</v>
      </c>
      <c r="G28031" s="16">
        <v>0.17524961894598526</v>
      </c>
    </row>
    <row r="28032" spans="1:7" x14ac:dyDescent="0.3">
      <c r="A28032" s="13" t="s">
        <v>177</v>
      </c>
      <c r="B28032" s="14" t="s">
        <v>1</v>
      </c>
      <c r="C28032" s="14" t="s">
        <v>101</v>
      </c>
      <c r="D28032" s="14" t="s">
        <v>126</v>
      </c>
      <c r="E28032" s="15">
        <v>45668</v>
      </c>
      <c r="F28032" s="14" t="s">
        <v>15</v>
      </c>
      <c r="G28032" s="16">
        <v>0.17524961894598526</v>
      </c>
    </row>
    <row r="28033" spans="1:7" x14ac:dyDescent="0.3">
      <c r="A28033" s="13" t="s">
        <v>177</v>
      </c>
      <c r="B28033" s="14" t="s">
        <v>1</v>
      </c>
      <c r="C28033" s="14" t="s">
        <v>101</v>
      </c>
      <c r="D28033" s="14" t="s">
        <v>126</v>
      </c>
      <c r="E28033" s="15">
        <v>45669</v>
      </c>
      <c r="F28033" s="14" t="s">
        <v>15</v>
      </c>
      <c r="G28033" s="16">
        <v>0.17524961894598526</v>
      </c>
    </row>
    <row r="28034" spans="1:7" x14ac:dyDescent="0.3">
      <c r="A28034" s="13" t="s">
        <v>177</v>
      </c>
      <c r="B28034" s="14" t="s">
        <v>1</v>
      </c>
      <c r="C28034" s="14" t="s">
        <v>101</v>
      </c>
      <c r="D28034" s="14" t="s">
        <v>126</v>
      </c>
      <c r="E28034" s="15">
        <v>45670</v>
      </c>
      <c r="F28034" s="14" t="s">
        <v>15</v>
      </c>
      <c r="G28034" s="16">
        <v>0.17055395682891125</v>
      </c>
    </row>
    <row r="28035" spans="1:7" x14ac:dyDescent="0.3">
      <c r="A28035" s="13" t="s">
        <v>177</v>
      </c>
      <c r="B28035" s="14" t="s">
        <v>1</v>
      </c>
      <c r="C28035" s="14" t="s">
        <v>101</v>
      </c>
      <c r="D28035" s="14" t="s">
        <v>126</v>
      </c>
      <c r="E28035" s="15">
        <v>45671</v>
      </c>
      <c r="F28035" s="14" t="s">
        <v>15</v>
      </c>
      <c r="G28035" s="16">
        <v>0.15628583094372131</v>
      </c>
    </row>
    <row r="28036" spans="1:7" x14ac:dyDescent="0.3">
      <c r="A28036" s="13" t="s">
        <v>177</v>
      </c>
      <c r="B28036" s="14" t="s">
        <v>1</v>
      </c>
      <c r="C28036" s="14" t="s">
        <v>101</v>
      </c>
      <c r="D28036" s="14" t="s">
        <v>126</v>
      </c>
      <c r="E28036" s="15">
        <v>45672</v>
      </c>
      <c r="F28036" s="14" t="s">
        <v>15</v>
      </c>
      <c r="G28036" s="16">
        <v>0.15164169861730753</v>
      </c>
    </row>
    <row r="28037" spans="1:7" x14ac:dyDescent="0.3">
      <c r="A28037" s="13" t="s">
        <v>177</v>
      </c>
      <c r="B28037" s="14" t="s">
        <v>1</v>
      </c>
      <c r="C28037" s="14" t="s">
        <v>101</v>
      </c>
      <c r="D28037" s="14" t="s">
        <v>126</v>
      </c>
      <c r="E28037" s="15">
        <v>45673</v>
      </c>
      <c r="F28037" s="14" t="s">
        <v>15</v>
      </c>
      <c r="G28037" s="16">
        <v>0.14696697047768925</v>
      </c>
    </row>
    <row r="28038" spans="1:7" x14ac:dyDescent="0.3">
      <c r="A28038" s="13" t="s">
        <v>177</v>
      </c>
      <c r="B28038" s="14" t="s">
        <v>1</v>
      </c>
      <c r="C28038" s="14" t="s">
        <v>101</v>
      </c>
      <c r="D28038" s="14" t="s">
        <v>126</v>
      </c>
      <c r="E28038" s="15">
        <v>45674</v>
      </c>
      <c r="F28038" s="14" t="s">
        <v>15</v>
      </c>
      <c r="G28038" s="16">
        <v>0.14223588162953632</v>
      </c>
    </row>
    <row r="28039" spans="1:7" x14ac:dyDescent="0.3">
      <c r="A28039" s="13" t="s">
        <v>177</v>
      </c>
      <c r="B28039" s="14" t="s">
        <v>1</v>
      </c>
      <c r="C28039" s="14" t="s">
        <v>101</v>
      </c>
      <c r="D28039" s="14" t="s">
        <v>126</v>
      </c>
      <c r="E28039" s="15">
        <v>45675</v>
      </c>
      <c r="F28039" s="14" t="s">
        <v>15</v>
      </c>
      <c r="G28039" s="16">
        <v>0.14223588162953632</v>
      </c>
    </row>
    <row r="28040" spans="1:7" x14ac:dyDescent="0.3">
      <c r="A28040" s="13" t="s">
        <v>177</v>
      </c>
      <c r="B28040" s="14" t="s">
        <v>1</v>
      </c>
      <c r="C28040" s="14" t="s">
        <v>101</v>
      </c>
      <c r="D28040" s="14" t="s">
        <v>126</v>
      </c>
      <c r="E28040" s="15">
        <v>45676</v>
      </c>
      <c r="F28040" s="14" t="s">
        <v>15</v>
      </c>
      <c r="G28040" s="16">
        <v>0.14223588162953632</v>
      </c>
    </row>
    <row r="28041" spans="1:7" x14ac:dyDescent="0.3">
      <c r="A28041" s="13" t="s">
        <v>177</v>
      </c>
      <c r="B28041" s="14" t="s">
        <v>1</v>
      </c>
      <c r="C28041" s="14" t="s">
        <v>101</v>
      </c>
      <c r="D28041" s="14" t="s">
        <v>126</v>
      </c>
      <c r="E28041" s="15">
        <v>45677</v>
      </c>
      <c r="F28041" s="14" t="s">
        <v>15</v>
      </c>
      <c r="G28041" s="16">
        <v>0.14260704720972481</v>
      </c>
    </row>
    <row r="28042" spans="1:7" x14ac:dyDescent="0.3">
      <c r="A28042" s="13" t="s">
        <v>177</v>
      </c>
      <c r="B28042" s="14" t="s">
        <v>1</v>
      </c>
      <c r="C28042" s="14" t="s">
        <v>101</v>
      </c>
      <c r="D28042" s="14" t="s">
        <v>126</v>
      </c>
      <c r="E28042" s="15">
        <v>45678</v>
      </c>
      <c r="F28042" s="14" t="s">
        <v>15</v>
      </c>
      <c r="G28042" s="16">
        <v>0.12769882470617736</v>
      </c>
    </row>
    <row r="28043" spans="1:7" x14ac:dyDescent="0.3">
      <c r="A28043" s="13" t="s">
        <v>177</v>
      </c>
      <c r="B28043" s="14" t="s">
        <v>1</v>
      </c>
      <c r="C28043" s="14" t="s">
        <v>101</v>
      </c>
      <c r="D28043" s="14" t="s">
        <v>126</v>
      </c>
      <c r="E28043" s="15">
        <v>45679</v>
      </c>
      <c r="F28043" s="14" t="s">
        <v>15</v>
      </c>
      <c r="G28043" s="16">
        <v>0.13087111750053651</v>
      </c>
    </row>
    <row r="28044" spans="1:7" x14ac:dyDescent="0.3">
      <c r="A28044" s="13" t="s">
        <v>177</v>
      </c>
      <c r="B28044" s="14" t="s">
        <v>1</v>
      </c>
      <c r="C28044" s="14" t="s">
        <v>101</v>
      </c>
      <c r="D28044" s="14" t="s">
        <v>126</v>
      </c>
      <c r="E28044" s="15">
        <v>45680</v>
      </c>
      <c r="F28044" s="14" t="s">
        <v>15</v>
      </c>
      <c r="G28044" s="16">
        <v>0.12602730723531436</v>
      </c>
    </row>
    <row r="28045" spans="1:7" x14ac:dyDescent="0.3">
      <c r="A28045" s="13" t="s">
        <v>177</v>
      </c>
      <c r="B28045" s="14" t="s">
        <v>1</v>
      </c>
      <c r="C28045" s="14" t="s">
        <v>101</v>
      </c>
      <c r="D28045" s="14" t="s">
        <v>126</v>
      </c>
      <c r="E28045" s="15">
        <v>45681</v>
      </c>
      <c r="F28045" s="14" t="s">
        <v>15</v>
      </c>
      <c r="G28045" s="16">
        <v>0.12117464028732247</v>
      </c>
    </row>
    <row r="28046" spans="1:7" x14ac:dyDescent="0.3">
      <c r="A28046" s="13" t="s">
        <v>177</v>
      </c>
      <c r="B28046" s="14" t="s">
        <v>1</v>
      </c>
      <c r="C28046" s="14" t="s">
        <v>101</v>
      </c>
      <c r="D28046" s="14" t="s">
        <v>126</v>
      </c>
      <c r="E28046" s="15">
        <v>45682</v>
      </c>
      <c r="F28046" s="14" t="s">
        <v>15</v>
      </c>
      <c r="G28046" s="16">
        <v>0.12117464028732247</v>
      </c>
    </row>
    <row r="28047" spans="1:7" x14ac:dyDescent="0.3">
      <c r="A28047" s="13" t="s">
        <v>177</v>
      </c>
      <c r="B28047" s="14" t="s">
        <v>1</v>
      </c>
      <c r="C28047" s="14" t="s">
        <v>101</v>
      </c>
      <c r="D28047" s="14" t="s">
        <v>126</v>
      </c>
      <c r="E28047" s="15">
        <v>45683</v>
      </c>
      <c r="F28047" s="14" t="s">
        <v>15</v>
      </c>
      <c r="G28047" s="16">
        <v>0.12117464028732247</v>
      </c>
    </row>
    <row r="28048" spans="1:7" x14ac:dyDescent="0.3">
      <c r="A28048" s="13" t="s">
        <v>177</v>
      </c>
      <c r="B28048" s="14" t="s">
        <v>1</v>
      </c>
      <c r="C28048" s="14" t="s">
        <v>101</v>
      </c>
      <c r="D28048" s="14" t="s">
        <v>126</v>
      </c>
      <c r="E28048" s="15">
        <v>45684</v>
      </c>
      <c r="F28048" s="14" t="s">
        <v>15</v>
      </c>
      <c r="G28048" s="16">
        <v>0.1163098960446446</v>
      </c>
    </row>
    <row r="28049" spans="1:7" x14ac:dyDescent="0.3">
      <c r="A28049" s="13" t="s">
        <v>177</v>
      </c>
      <c r="B28049" s="14" t="s">
        <v>1</v>
      </c>
      <c r="C28049" s="14" t="s">
        <v>101</v>
      </c>
      <c r="D28049" s="14" t="s">
        <v>126</v>
      </c>
      <c r="E28049" s="15">
        <v>45685</v>
      </c>
      <c r="F28049" s="14" t="s">
        <v>15</v>
      </c>
      <c r="G28049" s="16">
        <v>0.10111342877459153</v>
      </c>
    </row>
    <row r="28050" spans="1:7" x14ac:dyDescent="0.3">
      <c r="A28050" s="13" t="s">
        <v>177</v>
      </c>
      <c r="B28050" s="14" t="s">
        <v>1</v>
      </c>
      <c r="C28050" s="14" t="s">
        <v>101</v>
      </c>
      <c r="D28050" s="14" t="s">
        <v>126</v>
      </c>
      <c r="E28050" s="15">
        <v>45686</v>
      </c>
      <c r="F28050" s="14" t="s">
        <v>15</v>
      </c>
      <c r="G28050" s="16">
        <v>9.6250294837871786E-2</v>
      </c>
    </row>
    <row r="28051" spans="1:7" x14ac:dyDescent="0.3">
      <c r="A28051" s="13" t="s">
        <v>177</v>
      </c>
      <c r="B28051" s="14" t="s">
        <v>1</v>
      </c>
      <c r="C28051" s="14" t="s">
        <v>101</v>
      </c>
      <c r="D28051" s="14" t="s">
        <v>126</v>
      </c>
      <c r="E28051" s="15">
        <v>45687</v>
      </c>
      <c r="F28051" s="14" t="s">
        <v>15</v>
      </c>
      <c r="G28051" s="16">
        <v>9.1393602124984583E-2</v>
      </c>
    </row>
    <row r="28052" spans="1:7" x14ac:dyDescent="0.3">
      <c r="A28052" s="13" t="s">
        <v>177</v>
      </c>
      <c r="B28052" s="14" t="s">
        <v>1</v>
      </c>
      <c r="C28052" s="14" t="s">
        <v>101</v>
      </c>
      <c r="D28052" s="14" t="s">
        <v>126</v>
      </c>
      <c r="E28052" s="15">
        <v>45688</v>
      </c>
      <c r="F28052" s="14" t="s">
        <v>15</v>
      </c>
      <c r="G28052" s="16">
        <v>8.6547376400825216E-2</v>
      </c>
    </row>
    <row r="28053" spans="1:7" x14ac:dyDescent="0.3">
      <c r="A28053" s="13" t="s">
        <v>177</v>
      </c>
      <c r="B28053" s="14" t="s">
        <v>1</v>
      </c>
      <c r="C28053" s="14" t="s">
        <v>101</v>
      </c>
      <c r="D28053" s="14" t="s">
        <v>126</v>
      </c>
      <c r="E28053" s="15">
        <v>45689</v>
      </c>
      <c r="F28053" s="14" t="s">
        <v>15</v>
      </c>
      <c r="G28053" s="16">
        <v>8.6547376400825216E-2</v>
      </c>
    </row>
    <row r="28054" spans="1:7" x14ac:dyDescent="0.3">
      <c r="A28054" s="13" t="s">
        <v>177</v>
      </c>
      <c r="B28054" s="14" t="s">
        <v>1</v>
      </c>
      <c r="C28054" s="14" t="s">
        <v>101</v>
      </c>
      <c r="D28054" s="14" t="s">
        <v>126</v>
      </c>
      <c r="E28054" s="15">
        <v>45690</v>
      </c>
      <c r="F28054" s="14" t="s">
        <v>15</v>
      </c>
      <c r="G28054" s="16">
        <v>8.6547376400825216E-2</v>
      </c>
    </row>
    <row r="28055" spans="1:7" x14ac:dyDescent="0.3">
      <c r="A28055" s="13" t="s">
        <v>177</v>
      </c>
      <c r="B28055" s="14" t="s">
        <v>1</v>
      </c>
      <c r="C28055" s="14" t="s">
        <v>101</v>
      </c>
      <c r="D28055" s="14" t="s">
        <v>126</v>
      </c>
      <c r="E28055" s="15">
        <v>45691</v>
      </c>
      <c r="F28055" s="14" t="s">
        <v>15</v>
      </c>
      <c r="G28055" s="16">
        <v>8.6547376400825216E-2</v>
      </c>
    </row>
    <row r="28056" spans="1:7" x14ac:dyDescent="0.3">
      <c r="A28056" s="13" t="s">
        <v>177</v>
      </c>
      <c r="B28056" s="14" t="s">
        <v>1</v>
      </c>
      <c r="C28056" s="14" t="s">
        <v>101</v>
      </c>
      <c r="D28056" s="14" t="s">
        <v>126</v>
      </c>
      <c r="E28056" s="15">
        <v>45692</v>
      </c>
      <c r="F28056" s="14" t="s">
        <v>15</v>
      </c>
      <c r="G28056" s="16">
        <v>8.1661698180691633E-2</v>
      </c>
    </row>
    <row r="28057" spans="1:7" x14ac:dyDescent="0.3">
      <c r="A28057" s="13" t="s">
        <v>177</v>
      </c>
      <c r="B28057" s="14" t="s">
        <v>1</v>
      </c>
      <c r="C28057" s="14" t="s">
        <v>101</v>
      </c>
      <c r="D28057" s="14" t="s">
        <v>126</v>
      </c>
      <c r="E28057" s="15">
        <v>45693</v>
      </c>
      <c r="F28057" s="14" t="s">
        <v>15</v>
      </c>
      <c r="G28057" s="16">
        <v>6.3186647979881716E-2</v>
      </c>
    </row>
    <row r="28058" spans="1:7" x14ac:dyDescent="0.3">
      <c r="A28058" s="13" t="s">
        <v>177</v>
      </c>
      <c r="B28058" s="14" t="s">
        <v>1</v>
      </c>
      <c r="C28058" s="14" t="s">
        <v>101</v>
      </c>
      <c r="D28058" s="14" t="s">
        <v>126</v>
      </c>
      <c r="E28058" s="15">
        <v>45694</v>
      </c>
      <c r="F28058" s="14" t="s">
        <v>15</v>
      </c>
      <c r="G28058" s="16">
        <v>5.8419327247670821E-2</v>
      </c>
    </row>
    <row r="28059" spans="1:7" x14ac:dyDescent="0.3">
      <c r="A28059" s="13" t="s">
        <v>177</v>
      </c>
      <c r="B28059" s="14" t="s">
        <v>1</v>
      </c>
      <c r="C28059" s="14" t="s">
        <v>101</v>
      </c>
      <c r="D28059" s="14" t="s">
        <v>126</v>
      </c>
      <c r="E28059" s="15">
        <v>45695</v>
      </c>
      <c r="F28059" s="14" t="s">
        <v>15</v>
      </c>
      <c r="G28059" s="16">
        <v>5.3649591056522741E-2</v>
      </c>
    </row>
    <row r="28060" spans="1:7" x14ac:dyDescent="0.3">
      <c r="A28060" s="13" t="s">
        <v>177</v>
      </c>
      <c r="B28060" s="14" t="s">
        <v>1</v>
      </c>
      <c r="C28060" s="14" t="s">
        <v>101</v>
      </c>
      <c r="D28060" s="14" t="s">
        <v>126</v>
      </c>
      <c r="E28060" s="15">
        <v>45696</v>
      </c>
      <c r="F28060" s="14" t="s">
        <v>15</v>
      </c>
      <c r="G28060" s="16">
        <v>5.3649591056522741E-2</v>
      </c>
    </row>
    <row r="28061" spans="1:7" x14ac:dyDescent="0.3">
      <c r="A28061" s="13" t="s">
        <v>177</v>
      </c>
      <c r="B28061" s="14" t="s">
        <v>1</v>
      </c>
      <c r="C28061" s="14" t="s">
        <v>101</v>
      </c>
      <c r="D28061" s="14" t="s">
        <v>126</v>
      </c>
      <c r="E28061" s="15">
        <v>45697</v>
      </c>
      <c r="F28061" s="14" t="s">
        <v>15</v>
      </c>
      <c r="G28061" s="16">
        <v>5.3649591056522741E-2</v>
      </c>
    </row>
    <row r="28062" spans="1:7" x14ac:dyDescent="0.3">
      <c r="A28062" s="13" t="s">
        <v>177</v>
      </c>
      <c r="B28062" s="14" t="s">
        <v>1</v>
      </c>
      <c r="C28062" s="14" t="s">
        <v>101</v>
      </c>
      <c r="D28062" s="14" t="s">
        <v>126</v>
      </c>
      <c r="E28062" s="15">
        <v>45698</v>
      </c>
      <c r="F28062" s="14" t="s">
        <v>15</v>
      </c>
      <c r="G28062" s="16">
        <v>7.2756666459577554E-2</v>
      </c>
    </row>
    <row r="28063" spans="1:7" x14ac:dyDescent="0.3">
      <c r="A28063" s="13" t="s">
        <v>177</v>
      </c>
      <c r="B28063" s="14" t="s">
        <v>1</v>
      </c>
      <c r="C28063" s="14" t="s">
        <v>101</v>
      </c>
      <c r="D28063" s="14" t="s">
        <v>126</v>
      </c>
      <c r="E28063" s="15">
        <v>45699</v>
      </c>
      <c r="F28063" s="14" t="s">
        <v>15</v>
      </c>
      <c r="G28063" s="16">
        <v>8.2952308690329629E-2</v>
      </c>
    </row>
    <row r="28064" spans="1:7" x14ac:dyDescent="0.3">
      <c r="A28064" s="13" t="s">
        <v>177</v>
      </c>
      <c r="B28064" s="14" t="s">
        <v>1</v>
      </c>
      <c r="C28064" s="14" t="s">
        <v>101</v>
      </c>
      <c r="D28064" s="14" t="s">
        <v>126</v>
      </c>
      <c r="E28064" s="15">
        <v>45700</v>
      </c>
      <c r="F28064" s="14" t="s">
        <v>15</v>
      </c>
      <c r="G28064" s="16">
        <v>7.81906240289722E-2</v>
      </c>
    </row>
    <row r="28065" spans="1:7" x14ac:dyDescent="0.3">
      <c r="A28065" s="13" t="s">
        <v>177</v>
      </c>
      <c r="B28065" s="14" t="s">
        <v>1</v>
      </c>
      <c r="C28065" s="14" t="s">
        <v>101</v>
      </c>
      <c r="D28065" s="14" t="s">
        <v>126</v>
      </c>
      <c r="E28065" s="15">
        <v>45701</v>
      </c>
      <c r="F28065" s="14" t="s">
        <v>15</v>
      </c>
      <c r="G28065" s="16">
        <v>7.6040855631704957E-2</v>
      </c>
    </row>
    <row r="28066" spans="1:7" x14ac:dyDescent="0.3">
      <c r="A28066" s="13" t="s">
        <v>177</v>
      </c>
      <c r="B28066" s="14" t="s">
        <v>1</v>
      </c>
      <c r="C28066" s="14" t="s">
        <v>101</v>
      </c>
      <c r="D28066" s="14" t="s">
        <v>126</v>
      </c>
      <c r="E28066" s="15">
        <v>45702</v>
      </c>
      <c r="F28066" s="14" t="s">
        <v>15</v>
      </c>
      <c r="G28066" s="16">
        <v>7.1310571936531106E-2</v>
      </c>
    </row>
    <row r="28067" spans="1:7" x14ac:dyDescent="0.3">
      <c r="A28067" s="13" t="s">
        <v>177</v>
      </c>
      <c r="B28067" s="14" t="s">
        <v>1</v>
      </c>
      <c r="C28067" s="14" t="s">
        <v>101</v>
      </c>
      <c r="D28067" s="14" t="s">
        <v>126</v>
      </c>
      <c r="E28067" s="15">
        <v>45703</v>
      </c>
      <c r="F28067" s="14" t="s">
        <v>15</v>
      </c>
      <c r="G28067" s="16">
        <v>7.1310571936531106E-2</v>
      </c>
    </row>
    <row r="28068" spans="1:7" x14ac:dyDescent="0.3">
      <c r="A28068" s="13" t="s">
        <v>177</v>
      </c>
      <c r="B28068" s="14" t="s">
        <v>1</v>
      </c>
      <c r="C28068" s="14" t="s">
        <v>101</v>
      </c>
      <c r="D28068" s="14" t="s">
        <v>126</v>
      </c>
      <c r="E28068" s="15">
        <v>45704</v>
      </c>
      <c r="F28068" s="14" t="s">
        <v>15</v>
      </c>
      <c r="G28068" s="16">
        <v>7.1310571936531106E-2</v>
      </c>
    </row>
    <row r="28069" spans="1:7" x14ac:dyDescent="0.3">
      <c r="A28069" s="13" t="s">
        <v>177</v>
      </c>
      <c r="B28069" s="14" t="s">
        <v>1</v>
      </c>
      <c r="C28069" s="14" t="s">
        <v>101</v>
      </c>
      <c r="D28069" s="14" t="s">
        <v>126</v>
      </c>
      <c r="E28069" s="15">
        <v>45705</v>
      </c>
      <c r="F28069" s="14" t="s">
        <v>15</v>
      </c>
      <c r="G28069" s="16">
        <v>9.6961930753434553E-2</v>
      </c>
    </row>
    <row r="28070" spans="1:7" x14ac:dyDescent="0.3">
      <c r="A28070" s="13" t="s">
        <v>177</v>
      </c>
      <c r="B28070" s="14" t="s">
        <v>1</v>
      </c>
      <c r="C28070" s="14" t="s">
        <v>101</v>
      </c>
      <c r="D28070" s="14" t="s">
        <v>126</v>
      </c>
      <c r="E28070" s="15">
        <v>45706</v>
      </c>
      <c r="F28070" s="14" t="s">
        <v>15</v>
      </c>
      <c r="G28070" s="16">
        <v>8.2007009377101286E-2</v>
      </c>
    </row>
    <row r="28071" spans="1:7" x14ac:dyDescent="0.3">
      <c r="A28071" s="13" t="s">
        <v>177</v>
      </c>
      <c r="B28071" s="14" t="s">
        <v>1</v>
      </c>
      <c r="C28071" s="14" t="s">
        <v>101</v>
      </c>
      <c r="D28071" s="14" t="s">
        <v>126</v>
      </c>
      <c r="E28071" s="15">
        <v>45707</v>
      </c>
      <c r="F28071" s="14" t="s">
        <v>15</v>
      </c>
      <c r="G28071" s="16">
        <v>8.5502973669044996E-2</v>
      </c>
    </row>
    <row r="28072" spans="1:7" x14ac:dyDescent="0.3">
      <c r="A28072" s="13" t="s">
        <v>177</v>
      </c>
      <c r="B28072" s="14" t="s">
        <v>1</v>
      </c>
      <c r="C28072" s="14" t="s">
        <v>101</v>
      </c>
      <c r="D28072" s="14" t="s">
        <v>126</v>
      </c>
      <c r="E28072" s="15">
        <v>45708</v>
      </c>
      <c r="F28072" s="14" t="s">
        <v>15</v>
      </c>
      <c r="G28072" s="16">
        <v>8.0683317993194822E-2</v>
      </c>
    </row>
    <row r="28073" spans="1:7" x14ac:dyDescent="0.3">
      <c r="A28073" s="13" t="s">
        <v>177</v>
      </c>
      <c r="B28073" s="14" t="s">
        <v>1</v>
      </c>
      <c r="C28073" s="14" t="s">
        <v>101</v>
      </c>
      <c r="D28073" s="14" t="s">
        <v>126</v>
      </c>
      <c r="E28073" s="15">
        <v>45709</v>
      </c>
      <c r="F28073" s="14" t="s">
        <v>15</v>
      </c>
      <c r="G28073" s="16">
        <v>7.5874129306072499E-2</v>
      </c>
    </row>
    <row r="28074" spans="1:7" x14ac:dyDescent="0.3">
      <c r="A28074" s="13" t="s">
        <v>177</v>
      </c>
      <c r="B28074" s="14" t="s">
        <v>1</v>
      </c>
      <c r="C28074" s="14" t="s">
        <v>101</v>
      </c>
      <c r="D28074" s="14" t="s">
        <v>126</v>
      </c>
      <c r="E28074" s="15">
        <v>45710</v>
      </c>
      <c r="F28074" s="14" t="s">
        <v>15</v>
      </c>
      <c r="G28074" s="16">
        <v>7.5874129306072499E-2</v>
      </c>
    </row>
    <row r="28075" spans="1:7" x14ac:dyDescent="0.3">
      <c r="A28075" s="13" t="s">
        <v>177</v>
      </c>
      <c r="B28075" s="14" t="s">
        <v>1</v>
      </c>
      <c r="C28075" s="14" t="s">
        <v>101</v>
      </c>
      <c r="D28075" s="14" t="s">
        <v>126</v>
      </c>
      <c r="E28075" s="15">
        <v>45711</v>
      </c>
      <c r="F28075" s="14" t="s">
        <v>15</v>
      </c>
      <c r="G28075" s="16">
        <v>7.5874129306072499E-2</v>
      </c>
    </row>
    <row r="28076" spans="1:7" x14ac:dyDescent="0.3">
      <c r="A28076" s="13" t="s">
        <v>177</v>
      </c>
      <c r="B28076" s="14" t="s">
        <v>1</v>
      </c>
      <c r="C28076" s="14" t="s">
        <v>101</v>
      </c>
      <c r="D28076" s="14" t="s">
        <v>126</v>
      </c>
      <c r="E28076" s="15">
        <v>45712</v>
      </c>
      <c r="F28076" s="14" t="s">
        <v>15</v>
      </c>
      <c r="G28076" s="16">
        <v>8.2409546093990454E-2</v>
      </c>
    </row>
    <row r="28077" spans="1:7" x14ac:dyDescent="0.3">
      <c r="A28077" s="13" t="s">
        <v>177</v>
      </c>
      <c r="B28077" s="14" t="s">
        <v>1</v>
      </c>
      <c r="C28077" s="14" t="s">
        <v>101</v>
      </c>
      <c r="D28077" s="14" t="s">
        <v>126</v>
      </c>
      <c r="E28077" s="15">
        <v>45713</v>
      </c>
      <c r="F28077" s="14" t="s">
        <v>15</v>
      </c>
      <c r="G28077" s="16">
        <v>6.7535945168542846E-2</v>
      </c>
    </row>
    <row r="28078" spans="1:7" x14ac:dyDescent="0.3">
      <c r="A28078" s="13" t="s">
        <v>177</v>
      </c>
      <c r="B28078" s="14" t="s">
        <v>1</v>
      </c>
      <c r="C28078" s="14" t="s">
        <v>101</v>
      </c>
      <c r="D28078" s="14" t="s">
        <v>126</v>
      </c>
      <c r="E28078" s="15">
        <v>45714</v>
      </c>
      <c r="F28078" s="14" t="s">
        <v>15</v>
      </c>
      <c r="G28078" s="16">
        <v>6.277909142505983E-2</v>
      </c>
    </row>
    <row r="28079" spans="1:7" x14ac:dyDescent="0.3">
      <c r="A28079" s="13" t="s">
        <v>177</v>
      </c>
      <c r="B28079" s="14" t="s">
        <v>1</v>
      </c>
      <c r="C28079" s="14" t="s">
        <v>101</v>
      </c>
      <c r="D28079" s="14" t="s">
        <v>126</v>
      </c>
      <c r="E28079" s="15">
        <v>45715</v>
      </c>
      <c r="F28079" s="14" t="s">
        <v>15</v>
      </c>
      <c r="G28079" s="16">
        <v>6.7047197423927854E-2</v>
      </c>
    </row>
    <row r="28080" spans="1:7" x14ac:dyDescent="0.3">
      <c r="A28080" s="13" t="s">
        <v>177</v>
      </c>
      <c r="B28080" s="14" t="s">
        <v>1</v>
      </c>
      <c r="C28080" s="14" t="s">
        <v>101</v>
      </c>
      <c r="D28080" s="14" t="s">
        <v>126</v>
      </c>
      <c r="E28080" s="15">
        <v>45716</v>
      </c>
      <c r="F28080" s="14" t="s">
        <v>15</v>
      </c>
      <c r="G28080" s="16">
        <v>6.2285512762570432E-2</v>
      </c>
    </row>
    <row r="28081" spans="1:7" x14ac:dyDescent="0.3">
      <c r="A28081" s="13" t="s">
        <v>177</v>
      </c>
      <c r="B28081" s="14" t="s">
        <v>1</v>
      </c>
      <c r="C28081" s="14" t="s">
        <v>101</v>
      </c>
      <c r="D28081" s="14" t="s">
        <v>126</v>
      </c>
      <c r="E28081" s="15">
        <v>45717</v>
      </c>
      <c r="F28081" s="14" t="s">
        <v>15</v>
      </c>
      <c r="G28081" s="16">
        <v>6.2285512762570432E-2</v>
      </c>
    </row>
    <row r="28082" spans="1:7" x14ac:dyDescent="0.3">
      <c r="A28082" s="13" t="s">
        <v>177</v>
      </c>
      <c r="B28082" s="14" t="s">
        <v>1</v>
      </c>
      <c r="C28082" s="14" t="s">
        <v>101</v>
      </c>
      <c r="D28082" s="14" t="s">
        <v>126</v>
      </c>
      <c r="E28082" s="15">
        <v>45718</v>
      </c>
      <c r="F28082" s="14" t="s">
        <v>15</v>
      </c>
      <c r="G28082" s="16">
        <v>6.2285512762570432E-2</v>
      </c>
    </row>
    <row r="28083" spans="1:7" x14ac:dyDescent="0.3">
      <c r="A28083" s="13" t="s">
        <v>177</v>
      </c>
      <c r="B28083" s="14" t="s">
        <v>1</v>
      </c>
      <c r="C28083" s="14" t="s">
        <v>101</v>
      </c>
      <c r="D28083" s="14" t="s">
        <v>126</v>
      </c>
      <c r="E28083" s="15">
        <v>45719</v>
      </c>
      <c r="F28083" s="14" t="s">
        <v>15</v>
      </c>
      <c r="G28083" s="16">
        <v>0.10105809075569568</v>
      </c>
    </row>
    <row r="28084" spans="1:7" x14ac:dyDescent="0.3">
      <c r="A28084" s="13" t="s">
        <v>177</v>
      </c>
      <c r="B28084" s="14" t="s">
        <v>1</v>
      </c>
      <c r="C28084" s="14" t="s">
        <v>101</v>
      </c>
      <c r="D28084" s="14" t="s">
        <v>126</v>
      </c>
      <c r="E28084" s="15">
        <v>45720</v>
      </c>
      <c r="F28084" s="14" t="s">
        <v>15</v>
      </c>
      <c r="G28084" s="16">
        <v>8.754323329271077E-2</v>
      </c>
    </row>
    <row r="28085" spans="1:7" x14ac:dyDescent="0.3">
      <c r="A28085" s="13" t="s">
        <v>177</v>
      </c>
      <c r="B28085" s="14" t="s">
        <v>1</v>
      </c>
      <c r="C28085" s="14" t="s">
        <v>101</v>
      </c>
      <c r="D28085" s="14" t="s">
        <v>126</v>
      </c>
      <c r="E28085" s="15">
        <v>45721</v>
      </c>
      <c r="F28085" s="14" t="s">
        <v>15</v>
      </c>
      <c r="G28085" s="16">
        <v>8.3082592697195742E-2</v>
      </c>
    </row>
    <row r="28086" spans="1:7" x14ac:dyDescent="0.3">
      <c r="A28086" s="13" t="s">
        <v>177</v>
      </c>
      <c r="B28086" s="14" t="s">
        <v>1</v>
      </c>
      <c r="C28086" s="14" t="s">
        <v>101</v>
      </c>
      <c r="D28086" s="14" t="s">
        <v>126</v>
      </c>
      <c r="E28086" s="15">
        <v>45722</v>
      </c>
      <c r="F28086" s="14" t="s">
        <v>15</v>
      </c>
      <c r="G28086" s="16">
        <v>7.8668423702369192E-2</v>
      </c>
    </row>
    <row r="28087" spans="1:7" x14ac:dyDescent="0.3">
      <c r="A28087" s="13" t="s">
        <v>177</v>
      </c>
      <c r="B28087" s="14" t="s">
        <v>1</v>
      </c>
      <c r="C28087" s="14" t="s">
        <v>101</v>
      </c>
      <c r="D28087" s="14" t="s">
        <v>126</v>
      </c>
      <c r="E28087" s="15">
        <v>45723</v>
      </c>
      <c r="F28087" s="14" t="s">
        <v>15</v>
      </c>
      <c r="G28087" s="16">
        <v>7.4335149716148491E-2</v>
      </c>
    </row>
    <row r="28088" spans="1:7" x14ac:dyDescent="0.3">
      <c r="A28088" s="13" t="s">
        <v>177</v>
      </c>
      <c r="B28088" s="14" t="s">
        <v>1</v>
      </c>
      <c r="C28088" s="14" t="s">
        <v>101</v>
      </c>
      <c r="D28088" s="14" t="s">
        <v>126</v>
      </c>
      <c r="E28088" s="15">
        <v>45724</v>
      </c>
      <c r="F28088" s="14" t="s">
        <v>15</v>
      </c>
      <c r="G28088" s="16">
        <v>7.4335149716148491E-2</v>
      </c>
    </row>
    <row r="28089" spans="1:7" x14ac:dyDescent="0.3">
      <c r="A28089" s="13" t="s">
        <v>177</v>
      </c>
      <c r="B28089" s="14" t="s">
        <v>1</v>
      </c>
      <c r="C28089" s="14" t="s">
        <v>101</v>
      </c>
      <c r="D28089" s="14" t="s">
        <v>126</v>
      </c>
      <c r="E28089" s="15">
        <v>45725</v>
      </c>
      <c r="F28089" s="14" t="s">
        <v>15</v>
      </c>
      <c r="G28089" s="16">
        <v>7.4335149716148491E-2</v>
      </c>
    </row>
    <row r="28090" spans="1:7" x14ac:dyDescent="0.3">
      <c r="A28090" s="13" t="s">
        <v>177</v>
      </c>
      <c r="B28090" s="14" t="s">
        <v>1</v>
      </c>
      <c r="C28090" s="14" t="s">
        <v>101</v>
      </c>
      <c r="D28090" s="14" t="s">
        <v>126</v>
      </c>
      <c r="E28090" s="15">
        <v>45726</v>
      </c>
      <c r="F28090" s="14" t="s">
        <v>15</v>
      </c>
      <c r="G28090" s="16">
        <v>8.0451101203249636E-2</v>
      </c>
    </row>
    <row r="28091" spans="1:7" x14ac:dyDescent="0.3">
      <c r="A28091" s="13" t="s">
        <v>177</v>
      </c>
      <c r="B28091" s="14" t="s">
        <v>1</v>
      </c>
      <c r="C28091" s="14" t="s">
        <v>101</v>
      </c>
      <c r="D28091" s="14" t="s">
        <v>126</v>
      </c>
      <c r="E28091" s="15">
        <v>45727</v>
      </c>
      <c r="F28091" s="14" t="s">
        <v>15</v>
      </c>
      <c r="G28091" s="16">
        <v>6.6365111065584001E-2</v>
      </c>
    </row>
    <row r="28092" spans="1:7" x14ac:dyDescent="0.3">
      <c r="A28092" s="13" t="s">
        <v>177</v>
      </c>
      <c r="B28092" s="14" t="s">
        <v>1</v>
      </c>
      <c r="C28092" s="14" t="s">
        <v>101</v>
      </c>
      <c r="D28092" s="14" t="s">
        <v>126</v>
      </c>
      <c r="E28092" s="15">
        <v>45728</v>
      </c>
      <c r="F28092" s="14" t="s">
        <v>15</v>
      </c>
      <c r="G28092" s="16">
        <v>6.1936601242879002E-2</v>
      </c>
    </row>
    <row r="28093" spans="1:7" x14ac:dyDescent="0.3">
      <c r="A28093" s="13" t="s">
        <v>177</v>
      </c>
      <c r="B28093" s="14" t="s">
        <v>1</v>
      </c>
      <c r="C28093" s="14" t="s">
        <v>101</v>
      </c>
      <c r="D28093" s="14" t="s">
        <v>126</v>
      </c>
      <c r="E28093" s="15">
        <v>45729</v>
      </c>
      <c r="F28093" s="14" t="s">
        <v>15</v>
      </c>
      <c r="G28093" s="16">
        <v>6.2305991682641185E-2</v>
      </c>
    </row>
    <row r="28094" spans="1:7" x14ac:dyDescent="0.3">
      <c r="A28094" s="13" t="s">
        <v>177</v>
      </c>
      <c r="B28094" s="14" t="s">
        <v>1</v>
      </c>
      <c r="C28094" s="14" t="s">
        <v>101</v>
      </c>
      <c r="D28094" s="14" t="s">
        <v>126</v>
      </c>
      <c r="E28094" s="15">
        <v>45730</v>
      </c>
      <c r="F28094" s="14" t="s">
        <v>15</v>
      </c>
      <c r="G28094" s="16">
        <v>7.1054647214266867E-2</v>
      </c>
    </row>
    <row r="28095" spans="1:7" x14ac:dyDescent="0.3">
      <c r="A28095" s="13" t="s">
        <v>177</v>
      </c>
      <c r="B28095" s="14" t="s">
        <v>1</v>
      </c>
      <c r="C28095" s="14" t="s">
        <v>101</v>
      </c>
      <c r="D28095" s="14" t="s">
        <v>126</v>
      </c>
      <c r="E28095" s="15">
        <v>45731</v>
      </c>
      <c r="F28095" s="14" t="s">
        <v>15</v>
      </c>
      <c r="G28095" s="16">
        <v>7.1054647214266867E-2</v>
      </c>
    </row>
    <row r="28096" spans="1:7" x14ac:dyDescent="0.3">
      <c r="A28096" s="13" t="s">
        <v>177</v>
      </c>
      <c r="B28096" s="14" t="s">
        <v>1</v>
      </c>
      <c r="C28096" s="14" t="s">
        <v>101</v>
      </c>
      <c r="D28096" s="14" t="s">
        <v>126</v>
      </c>
      <c r="E28096" s="15">
        <v>45732</v>
      </c>
      <c r="F28096" s="14" t="s">
        <v>15</v>
      </c>
      <c r="G28096" s="16">
        <v>7.1054647214266867E-2</v>
      </c>
    </row>
    <row r="28097" spans="1:7" x14ac:dyDescent="0.3">
      <c r="A28097" s="13" t="s">
        <v>177</v>
      </c>
      <c r="B28097" s="14" t="s">
        <v>1</v>
      </c>
      <c r="C28097" s="14" t="s">
        <v>101</v>
      </c>
      <c r="D28097" s="14" t="s">
        <v>126</v>
      </c>
      <c r="E28097" s="15">
        <v>45733</v>
      </c>
      <c r="F28097" s="14" t="s">
        <v>15</v>
      </c>
      <c r="G28097" s="16">
        <v>7.1054647214266867E-2</v>
      </c>
    </row>
    <row r="28098" spans="1:7" x14ac:dyDescent="0.3">
      <c r="A28098" s="13" t="s">
        <v>177</v>
      </c>
      <c r="B28098" s="14" t="s">
        <v>1</v>
      </c>
      <c r="C28098" s="14" t="s">
        <v>101</v>
      </c>
      <c r="D28098" s="14" t="s">
        <v>126</v>
      </c>
      <c r="E28098" s="15">
        <v>45734</v>
      </c>
      <c r="F28098" s="14" t="s">
        <v>15</v>
      </c>
      <c r="G28098" s="16">
        <v>7.7783617706522493E-2</v>
      </c>
    </row>
    <row r="28099" spans="1:7" x14ac:dyDescent="0.3">
      <c r="A28099" s="13" t="s">
        <v>177</v>
      </c>
      <c r="B28099" s="14" t="s">
        <v>1</v>
      </c>
      <c r="C28099" s="14" t="s">
        <v>101</v>
      </c>
      <c r="D28099" s="14" t="s">
        <v>126</v>
      </c>
      <c r="E28099" s="15">
        <v>45735</v>
      </c>
      <c r="F28099" s="14" t="s">
        <v>15</v>
      </c>
      <c r="G28099" s="16">
        <v>7.6822299484867365E-2</v>
      </c>
    </row>
    <row r="28100" spans="1:7" x14ac:dyDescent="0.3">
      <c r="A28100" s="13" t="s">
        <v>177</v>
      </c>
      <c r="B28100" s="14" t="s">
        <v>1</v>
      </c>
      <c r="C28100" s="14" t="s">
        <v>101</v>
      </c>
      <c r="D28100" s="14" t="s">
        <v>126</v>
      </c>
      <c r="E28100" s="15">
        <v>45736</v>
      </c>
      <c r="F28100" s="14" t="s">
        <v>15</v>
      </c>
      <c r="G28100" s="16">
        <v>7.5329485200220092E-2</v>
      </c>
    </row>
    <row r="28101" spans="1:7" x14ac:dyDescent="0.3">
      <c r="A28101" s="13" t="s">
        <v>177</v>
      </c>
      <c r="B28101" s="14" t="s">
        <v>1</v>
      </c>
      <c r="C28101" s="14" t="s">
        <v>101</v>
      </c>
      <c r="D28101" s="14" t="s">
        <v>126</v>
      </c>
      <c r="E28101" s="15">
        <v>45737</v>
      </c>
      <c r="F28101" s="14" t="s">
        <v>15</v>
      </c>
      <c r="G28101" s="16">
        <v>7.1088639419509853E-2</v>
      </c>
    </row>
    <row r="28102" spans="1:7" x14ac:dyDescent="0.3">
      <c r="A28102" s="13" t="s">
        <v>177</v>
      </c>
      <c r="B28102" s="14" t="s">
        <v>1</v>
      </c>
      <c r="C28102" s="14" t="s">
        <v>101</v>
      </c>
      <c r="D28102" s="14" t="s">
        <v>126</v>
      </c>
      <c r="E28102" s="15">
        <v>45738</v>
      </c>
      <c r="F28102" s="14" t="s">
        <v>15</v>
      </c>
      <c r="G28102" s="16">
        <v>7.1088639419509853E-2</v>
      </c>
    </row>
    <row r="28103" spans="1:7" x14ac:dyDescent="0.3">
      <c r="A28103" s="13" t="s">
        <v>177</v>
      </c>
      <c r="B28103" s="14" t="s">
        <v>1</v>
      </c>
      <c r="C28103" s="14" t="s">
        <v>101</v>
      </c>
      <c r="D28103" s="14" t="s">
        <v>126</v>
      </c>
      <c r="E28103" s="15">
        <v>45739</v>
      </c>
      <c r="F28103" s="14" t="s">
        <v>15</v>
      </c>
      <c r="G28103" s="16">
        <v>7.1088639419509853E-2</v>
      </c>
    </row>
    <row r="28104" spans="1:7" x14ac:dyDescent="0.3">
      <c r="A28104" s="13" t="s">
        <v>177</v>
      </c>
      <c r="B28104" s="14" t="s">
        <v>1</v>
      </c>
      <c r="C28104" s="14" t="s">
        <v>101</v>
      </c>
      <c r="D28104" s="14" t="s">
        <v>126</v>
      </c>
      <c r="E28104" s="15">
        <v>45740</v>
      </c>
      <c r="F28104" s="14" t="s">
        <v>15</v>
      </c>
      <c r="G28104" s="16">
        <v>6.6648318573182805E-2</v>
      </c>
    </row>
    <row r="28105" spans="1:7" x14ac:dyDescent="0.3">
      <c r="A28105" s="13" t="s">
        <v>177</v>
      </c>
      <c r="B28105" s="14" t="s">
        <v>1</v>
      </c>
      <c r="C28105" s="14" t="s">
        <v>101</v>
      </c>
      <c r="D28105" s="14" t="s">
        <v>126</v>
      </c>
      <c r="E28105" s="15">
        <v>45741</v>
      </c>
      <c r="F28105" s="14" t="s">
        <v>15</v>
      </c>
      <c r="G28105" s="16">
        <v>5.2814296939454178E-2</v>
      </c>
    </row>
    <row r="28106" spans="1:7" x14ac:dyDescent="0.3">
      <c r="A28106" s="13" t="s">
        <v>177</v>
      </c>
      <c r="B28106" s="14" t="s">
        <v>1</v>
      </c>
      <c r="C28106" s="14" t="s">
        <v>101</v>
      </c>
      <c r="D28106" s="14" t="s">
        <v>126</v>
      </c>
      <c r="E28106" s="15">
        <v>45742</v>
      </c>
      <c r="F28106" s="14" t="s">
        <v>15</v>
      </c>
      <c r="G28106" s="16">
        <v>5.896977661806152E-2</v>
      </c>
    </row>
    <row r="28107" spans="1:7" x14ac:dyDescent="0.3">
      <c r="A28107" s="13" t="s">
        <v>177</v>
      </c>
      <c r="B28107" s="14" t="s">
        <v>1</v>
      </c>
      <c r="C28107" s="14" t="s">
        <v>101</v>
      </c>
      <c r="D28107" s="14" t="s">
        <v>126</v>
      </c>
      <c r="E28107" s="15">
        <v>45743</v>
      </c>
      <c r="F28107" s="14" t="s">
        <v>15</v>
      </c>
      <c r="G28107" s="16">
        <v>5.5274862595881442E-2</v>
      </c>
    </row>
    <row r="28108" spans="1:7" x14ac:dyDescent="0.3">
      <c r="A28108" s="13" t="s">
        <v>177</v>
      </c>
      <c r="B28108" s="14" t="s">
        <v>1</v>
      </c>
      <c r="C28108" s="14" t="s">
        <v>101</v>
      </c>
      <c r="D28108" s="14" t="s">
        <v>126</v>
      </c>
      <c r="E28108" s="15">
        <v>45744</v>
      </c>
      <c r="F28108" s="14" t="s">
        <v>15</v>
      </c>
      <c r="G28108" s="16">
        <v>5.232273072593234E-2</v>
      </c>
    </row>
    <row r="28109" spans="1:7" x14ac:dyDescent="0.3">
      <c r="A28109" s="13" t="s">
        <v>177</v>
      </c>
      <c r="B28109" s="14" t="s">
        <v>1</v>
      </c>
      <c r="C28109" s="14" t="s">
        <v>101</v>
      </c>
      <c r="D28109" s="14" t="s">
        <v>126</v>
      </c>
      <c r="E28109" s="15">
        <v>45745</v>
      </c>
      <c r="F28109" s="14" t="s">
        <v>15</v>
      </c>
      <c r="G28109" s="16">
        <v>5.232273072593234E-2</v>
      </c>
    </row>
    <row r="28110" spans="1:7" x14ac:dyDescent="0.3">
      <c r="A28110" s="13" t="s">
        <v>177</v>
      </c>
      <c r="B28110" s="14" t="s">
        <v>1</v>
      </c>
      <c r="C28110" s="14" t="s">
        <v>101</v>
      </c>
      <c r="D28110" s="14" t="s">
        <v>126</v>
      </c>
      <c r="E28110" s="15">
        <v>45746</v>
      </c>
      <c r="F28110" s="14" t="s">
        <v>15</v>
      </c>
      <c r="G28110" s="16">
        <v>5.232273072593234E-2</v>
      </c>
    </row>
    <row r="28111" spans="1:7" x14ac:dyDescent="0.3">
      <c r="A28111" s="13" t="s">
        <v>177</v>
      </c>
      <c r="B28111" s="14" t="s">
        <v>1</v>
      </c>
      <c r="C28111" s="14" t="s">
        <v>101</v>
      </c>
      <c r="D28111" s="14" t="s">
        <v>126</v>
      </c>
      <c r="E28111" s="15">
        <v>45747</v>
      </c>
      <c r="F28111" s="14" t="s">
        <v>15</v>
      </c>
      <c r="G28111" s="16">
        <v>5.243096631005148E-2</v>
      </c>
    </row>
    <row r="28112" spans="1:7" x14ac:dyDescent="0.3">
      <c r="A28112" s="13" t="s">
        <v>178</v>
      </c>
      <c r="B28112" s="14" t="s">
        <v>1</v>
      </c>
      <c r="C28112" s="14" t="s">
        <v>109</v>
      </c>
      <c r="D28112" s="14" t="s">
        <v>179</v>
      </c>
      <c r="E28112" s="15">
        <v>45383</v>
      </c>
      <c r="F28112" s="14" t="s">
        <v>53</v>
      </c>
      <c r="G28112" s="16">
        <v>0</v>
      </c>
    </row>
    <row r="28113" spans="1:7" x14ac:dyDescent="0.3">
      <c r="A28113" s="13" t="s">
        <v>178</v>
      </c>
      <c r="B28113" s="14" t="s">
        <v>1</v>
      </c>
      <c r="C28113" s="14" t="s">
        <v>109</v>
      </c>
      <c r="D28113" s="14" t="s">
        <v>179</v>
      </c>
      <c r="E28113" s="15">
        <v>45384</v>
      </c>
      <c r="F28113" s="14" t="s">
        <v>53</v>
      </c>
      <c r="G28113" s="16">
        <v>0</v>
      </c>
    </row>
    <row r="28114" spans="1:7" x14ac:dyDescent="0.3">
      <c r="A28114" s="13" t="s">
        <v>178</v>
      </c>
      <c r="B28114" s="14" t="s">
        <v>1</v>
      </c>
      <c r="C28114" s="14" t="s">
        <v>109</v>
      </c>
      <c r="D28114" s="14" t="s">
        <v>179</v>
      </c>
      <c r="E28114" s="15">
        <v>45385</v>
      </c>
      <c r="F28114" s="14" t="s">
        <v>53</v>
      </c>
      <c r="G28114" s="16">
        <v>0</v>
      </c>
    </row>
    <row r="28115" spans="1:7" x14ac:dyDescent="0.3">
      <c r="A28115" s="13" t="s">
        <v>178</v>
      </c>
      <c r="B28115" s="14" t="s">
        <v>1</v>
      </c>
      <c r="C28115" s="14" t="s">
        <v>109</v>
      </c>
      <c r="D28115" s="14" t="s">
        <v>179</v>
      </c>
      <c r="E28115" s="15">
        <v>45386</v>
      </c>
      <c r="F28115" s="14" t="s">
        <v>53</v>
      </c>
      <c r="G28115" s="16">
        <v>0</v>
      </c>
    </row>
    <row r="28116" spans="1:7" x14ac:dyDescent="0.3">
      <c r="A28116" s="13" t="s">
        <v>178</v>
      </c>
      <c r="B28116" s="14" t="s">
        <v>1</v>
      </c>
      <c r="C28116" s="14" t="s">
        <v>109</v>
      </c>
      <c r="D28116" s="14" t="s">
        <v>179</v>
      </c>
      <c r="E28116" s="15">
        <v>45387</v>
      </c>
      <c r="F28116" s="14" t="s">
        <v>53</v>
      </c>
      <c r="G28116" s="16">
        <v>0</v>
      </c>
    </row>
    <row r="28117" spans="1:7" x14ac:dyDescent="0.3">
      <c r="A28117" s="13" t="s">
        <v>178</v>
      </c>
      <c r="B28117" s="14" t="s">
        <v>1</v>
      </c>
      <c r="C28117" s="14" t="s">
        <v>109</v>
      </c>
      <c r="D28117" s="14" t="s">
        <v>179</v>
      </c>
      <c r="E28117" s="15">
        <v>45388</v>
      </c>
      <c r="F28117" s="14" t="s">
        <v>53</v>
      </c>
      <c r="G28117" s="16">
        <v>0</v>
      </c>
    </row>
    <row r="28118" spans="1:7" x14ac:dyDescent="0.3">
      <c r="A28118" s="13" t="s">
        <v>178</v>
      </c>
      <c r="B28118" s="14" t="s">
        <v>1</v>
      </c>
      <c r="C28118" s="14" t="s">
        <v>109</v>
      </c>
      <c r="D28118" s="14" t="s">
        <v>179</v>
      </c>
      <c r="E28118" s="15">
        <v>45389</v>
      </c>
      <c r="F28118" s="14" t="s">
        <v>53</v>
      </c>
      <c r="G28118" s="16">
        <v>0</v>
      </c>
    </row>
    <row r="28119" spans="1:7" x14ac:dyDescent="0.3">
      <c r="A28119" s="13" t="s">
        <v>178</v>
      </c>
      <c r="B28119" s="14" t="s">
        <v>1</v>
      </c>
      <c r="C28119" s="14" t="s">
        <v>109</v>
      </c>
      <c r="D28119" s="14" t="s">
        <v>179</v>
      </c>
      <c r="E28119" s="15">
        <v>45390</v>
      </c>
      <c r="F28119" s="14" t="s">
        <v>53</v>
      </c>
      <c r="G28119" s="16">
        <v>0</v>
      </c>
    </row>
    <row r="28120" spans="1:7" x14ac:dyDescent="0.3">
      <c r="A28120" s="13" t="s">
        <v>178</v>
      </c>
      <c r="B28120" s="14" t="s">
        <v>1</v>
      </c>
      <c r="C28120" s="14" t="s">
        <v>109</v>
      </c>
      <c r="D28120" s="14" t="s">
        <v>179</v>
      </c>
      <c r="E28120" s="15">
        <v>45391</v>
      </c>
      <c r="F28120" s="14" t="s">
        <v>53</v>
      </c>
      <c r="G28120" s="16">
        <v>0</v>
      </c>
    </row>
    <row r="28121" spans="1:7" x14ac:dyDescent="0.3">
      <c r="A28121" s="13" t="s">
        <v>178</v>
      </c>
      <c r="B28121" s="14" t="s">
        <v>1</v>
      </c>
      <c r="C28121" s="14" t="s">
        <v>109</v>
      </c>
      <c r="D28121" s="14" t="s">
        <v>179</v>
      </c>
      <c r="E28121" s="15">
        <v>45392</v>
      </c>
      <c r="F28121" s="14" t="s">
        <v>53</v>
      </c>
      <c r="G28121" s="16">
        <v>0</v>
      </c>
    </row>
    <row r="28122" spans="1:7" x14ac:dyDescent="0.3">
      <c r="A28122" s="13" t="s">
        <v>178</v>
      </c>
      <c r="B28122" s="14" t="s">
        <v>1</v>
      </c>
      <c r="C28122" s="14" t="s">
        <v>109</v>
      </c>
      <c r="D28122" s="14" t="s">
        <v>179</v>
      </c>
      <c r="E28122" s="15">
        <v>45393</v>
      </c>
      <c r="F28122" s="14" t="s">
        <v>53</v>
      </c>
      <c r="G28122" s="16">
        <v>0</v>
      </c>
    </row>
    <row r="28123" spans="1:7" x14ac:dyDescent="0.3">
      <c r="A28123" s="13" t="s">
        <v>178</v>
      </c>
      <c r="B28123" s="14" t="s">
        <v>1</v>
      </c>
      <c r="C28123" s="14" t="s">
        <v>109</v>
      </c>
      <c r="D28123" s="14" t="s">
        <v>179</v>
      </c>
      <c r="E28123" s="15">
        <v>45394</v>
      </c>
      <c r="F28123" s="14" t="s">
        <v>53</v>
      </c>
      <c r="G28123" s="16">
        <v>0</v>
      </c>
    </row>
    <row r="28124" spans="1:7" x14ac:dyDescent="0.3">
      <c r="A28124" s="13" t="s">
        <v>178</v>
      </c>
      <c r="B28124" s="14" t="s">
        <v>1</v>
      </c>
      <c r="C28124" s="14" t="s">
        <v>109</v>
      </c>
      <c r="D28124" s="14" t="s">
        <v>179</v>
      </c>
      <c r="E28124" s="15">
        <v>45395</v>
      </c>
      <c r="F28124" s="14" t="s">
        <v>53</v>
      </c>
      <c r="G28124" s="16">
        <v>0</v>
      </c>
    </row>
    <row r="28125" spans="1:7" x14ac:dyDescent="0.3">
      <c r="A28125" s="13" t="s">
        <v>178</v>
      </c>
      <c r="B28125" s="14" t="s">
        <v>1</v>
      </c>
      <c r="C28125" s="14" t="s">
        <v>109</v>
      </c>
      <c r="D28125" s="14" t="s">
        <v>179</v>
      </c>
      <c r="E28125" s="15">
        <v>45396</v>
      </c>
      <c r="F28125" s="14" t="s">
        <v>53</v>
      </c>
      <c r="G28125" s="16">
        <v>0</v>
      </c>
    </row>
    <row r="28126" spans="1:7" x14ac:dyDescent="0.3">
      <c r="A28126" s="13" t="s">
        <v>178</v>
      </c>
      <c r="B28126" s="14" t="s">
        <v>1</v>
      </c>
      <c r="C28126" s="14" t="s">
        <v>109</v>
      </c>
      <c r="D28126" s="14" t="s">
        <v>179</v>
      </c>
      <c r="E28126" s="15">
        <v>45397</v>
      </c>
      <c r="F28126" s="14" t="s">
        <v>53</v>
      </c>
      <c r="G28126" s="16">
        <v>0</v>
      </c>
    </row>
    <row r="28127" spans="1:7" x14ac:dyDescent="0.3">
      <c r="A28127" s="13" t="s">
        <v>178</v>
      </c>
      <c r="B28127" s="14" t="s">
        <v>1</v>
      </c>
      <c r="C28127" s="14" t="s">
        <v>109</v>
      </c>
      <c r="D28127" s="14" t="s">
        <v>179</v>
      </c>
      <c r="E28127" s="15">
        <v>45398</v>
      </c>
      <c r="F28127" s="14" t="s">
        <v>53</v>
      </c>
      <c r="G28127" s="16">
        <v>0</v>
      </c>
    </row>
    <row r="28128" spans="1:7" x14ac:dyDescent="0.3">
      <c r="A28128" s="13" t="s">
        <v>178</v>
      </c>
      <c r="B28128" s="14" t="s">
        <v>1</v>
      </c>
      <c r="C28128" s="14" t="s">
        <v>109</v>
      </c>
      <c r="D28128" s="14" t="s">
        <v>179</v>
      </c>
      <c r="E28128" s="15">
        <v>45399</v>
      </c>
      <c r="F28128" s="14" t="s">
        <v>53</v>
      </c>
      <c r="G28128" s="16">
        <v>0</v>
      </c>
    </row>
    <row r="28129" spans="1:7" x14ac:dyDescent="0.3">
      <c r="A28129" s="13" t="s">
        <v>178</v>
      </c>
      <c r="B28129" s="14" t="s">
        <v>1</v>
      </c>
      <c r="C28129" s="14" t="s">
        <v>109</v>
      </c>
      <c r="D28129" s="14" t="s">
        <v>179</v>
      </c>
      <c r="E28129" s="15">
        <v>45400</v>
      </c>
      <c r="F28129" s="14" t="s">
        <v>53</v>
      </c>
      <c r="G28129" s="16">
        <v>0</v>
      </c>
    </row>
    <row r="28130" spans="1:7" x14ac:dyDescent="0.3">
      <c r="A28130" s="13" t="s">
        <v>178</v>
      </c>
      <c r="B28130" s="14" t="s">
        <v>1</v>
      </c>
      <c r="C28130" s="14" t="s">
        <v>109</v>
      </c>
      <c r="D28130" s="14" t="s">
        <v>179</v>
      </c>
      <c r="E28130" s="15">
        <v>45401</v>
      </c>
      <c r="F28130" s="14" t="s">
        <v>53</v>
      </c>
      <c r="G28130" s="16">
        <v>0</v>
      </c>
    </row>
    <row r="28131" spans="1:7" x14ac:dyDescent="0.3">
      <c r="A28131" s="13" t="s">
        <v>178</v>
      </c>
      <c r="B28131" s="14" t="s">
        <v>1</v>
      </c>
      <c r="C28131" s="14" t="s">
        <v>109</v>
      </c>
      <c r="D28131" s="14" t="s">
        <v>179</v>
      </c>
      <c r="E28131" s="15">
        <v>45402</v>
      </c>
      <c r="F28131" s="14" t="s">
        <v>53</v>
      </c>
      <c r="G28131" s="16">
        <v>0</v>
      </c>
    </row>
    <row r="28132" spans="1:7" x14ac:dyDescent="0.3">
      <c r="A28132" s="13" t="s">
        <v>178</v>
      </c>
      <c r="B28132" s="14" t="s">
        <v>1</v>
      </c>
      <c r="C28132" s="14" t="s">
        <v>109</v>
      </c>
      <c r="D28132" s="14" t="s">
        <v>179</v>
      </c>
      <c r="E28132" s="15">
        <v>45403</v>
      </c>
      <c r="F28132" s="14" t="s">
        <v>53</v>
      </c>
      <c r="G28132" s="16">
        <v>0</v>
      </c>
    </row>
    <row r="28133" spans="1:7" x14ac:dyDescent="0.3">
      <c r="A28133" s="13" t="s">
        <v>178</v>
      </c>
      <c r="B28133" s="14" t="s">
        <v>1</v>
      </c>
      <c r="C28133" s="14" t="s">
        <v>109</v>
      </c>
      <c r="D28133" s="14" t="s">
        <v>179</v>
      </c>
      <c r="E28133" s="15">
        <v>45404</v>
      </c>
      <c r="F28133" s="14" t="s">
        <v>53</v>
      </c>
      <c r="G28133" s="16">
        <v>0</v>
      </c>
    </row>
    <row r="28134" spans="1:7" x14ac:dyDescent="0.3">
      <c r="A28134" s="13" t="s">
        <v>178</v>
      </c>
      <c r="B28134" s="14" t="s">
        <v>1</v>
      </c>
      <c r="C28134" s="14" t="s">
        <v>109</v>
      </c>
      <c r="D28134" s="14" t="s">
        <v>179</v>
      </c>
      <c r="E28134" s="15">
        <v>45405</v>
      </c>
      <c r="F28134" s="14" t="s">
        <v>53</v>
      </c>
      <c r="G28134" s="16">
        <v>0</v>
      </c>
    </row>
    <row r="28135" spans="1:7" x14ac:dyDescent="0.3">
      <c r="A28135" s="13" t="s">
        <v>178</v>
      </c>
      <c r="B28135" s="14" t="s">
        <v>1</v>
      </c>
      <c r="C28135" s="14" t="s">
        <v>109</v>
      </c>
      <c r="D28135" s="14" t="s">
        <v>179</v>
      </c>
      <c r="E28135" s="15">
        <v>45406</v>
      </c>
      <c r="F28135" s="14" t="s">
        <v>53</v>
      </c>
      <c r="G28135" s="16">
        <v>0</v>
      </c>
    </row>
    <row r="28136" spans="1:7" x14ac:dyDescent="0.3">
      <c r="A28136" s="13" t="s">
        <v>178</v>
      </c>
      <c r="B28136" s="14" t="s">
        <v>1</v>
      </c>
      <c r="C28136" s="14" t="s">
        <v>109</v>
      </c>
      <c r="D28136" s="14" t="s">
        <v>179</v>
      </c>
      <c r="E28136" s="15">
        <v>45407</v>
      </c>
      <c r="F28136" s="14" t="s">
        <v>53</v>
      </c>
      <c r="G28136" s="16">
        <v>0</v>
      </c>
    </row>
    <row r="28137" spans="1:7" x14ac:dyDescent="0.3">
      <c r="A28137" s="13" t="s">
        <v>178</v>
      </c>
      <c r="B28137" s="14" t="s">
        <v>1</v>
      </c>
      <c r="C28137" s="14" t="s">
        <v>109</v>
      </c>
      <c r="D28137" s="14" t="s">
        <v>179</v>
      </c>
      <c r="E28137" s="15">
        <v>45408</v>
      </c>
      <c r="F28137" s="14" t="s">
        <v>53</v>
      </c>
      <c r="G28137" s="16">
        <v>0</v>
      </c>
    </row>
    <row r="28138" spans="1:7" x14ac:dyDescent="0.3">
      <c r="A28138" s="13" t="s">
        <v>178</v>
      </c>
      <c r="B28138" s="14" t="s">
        <v>1</v>
      </c>
      <c r="C28138" s="14" t="s">
        <v>109</v>
      </c>
      <c r="D28138" s="14" t="s">
        <v>179</v>
      </c>
      <c r="E28138" s="15">
        <v>45409</v>
      </c>
      <c r="F28138" s="14" t="s">
        <v>53</v>
      </c>
      <c r="G28138" s="16">
        <v>0</v>
      </c>
    </row>
    <row r="28139" spans="1:7" x14ac:dyDescent="0.3">
      <c r="A28139" s="13" t="s">
        <v>178</v>
      </c>
      <c r="B28139" s="14" t="s">
        <v>1</v>
      </c>
      <c r="C28139" s="14" t="s">
        <v>109</v>
      </c>
      <c r="D28139" s="14" t="s">
        <v>179</v>
      </c>
      <c r="E28139" s="15">
        <v>45410</v>
      </c>
      <c r="F28139" s="14" t="s">
        <v>53</v>
      </c>
      <c r="G28139" s="16">
        <v>0</v>
      </c>
    </row>
    <row r="28140" spans="1:7" x14ac:dyDescent="0.3">
      <c r="A28140" s="13" t="s">
        <v>178</v>
      </c>
      <c r="B28140" s="14" t="s">
        <v>1</v>
      </c>
      <c r="C28140" s="14" t="s">
        <v>109</v>
      </c>
      <c r="D28140" s="14" t="s">
        <v>179</v>
      </c>
      <c r="E28140" s="15">
        <v>45411</v>
      </c>
      <c r="F28140" s="14" t="s">
        <v>53</v>
      </c>
      <c r="G28140" s="16">
        <v>0</v>
      </c>
    </row>
    <row r="28141" spans="1:7" x14ac:dyDescent="0.3">
      <c r="A28141" s="13" t="s">
        <v>178</v>
      </c>
      <c r="B28141" s="14" t="s">
        <v>1</v>
      </c>
      <c r="C28141" s="14" t="s">
        <v>109</v>
      </c>
      <c r="D28141" s="14" t="s">
        <v>179</v>
      </c>
      <c r="E28141" s="15">
        <v>45412</v>
      </c>
      <c r="F28141" s="14" t="s">
        <v>53</v>
      </c>
      <c r="G28141" s="16">
        <v>0</v>
      </c>
    </row>
    <row r="28142" spans="1:7" x14ac:dyDescent="0.3">
      <c r="A28142" s="13" t="s">
        <v>178</v>
      </c>
      <c r="B28142" s="14" t="s">
        <v>1</v>
      </c>
      <c r="C28142" s="14" t="s">
        <v>109</v>
      </c>
      <c r="D28142" s="14" t="s">
        <v>179</v>
      </c>
      <c r="E28142" s="15">
        <v>45413</v>
      </c>
      <c r="F28142" s="14" t="s">
        <v>53</v>
      </c>
      <c r="G28142" s="16">
        <v>0</v>
      </c>
    </row>
    <row r="28143" spans="1:7" x14ac:dyDescent="0.3">
      <c r="A28143" s="13" t="s">
        <v>178</v>
      </c>
      <c r="B28143" s="14" t="s">
        <v>1</v>
      </c>
      <c r="C28143" s="14" t="s">
        <v>109</v>
      </c>
      <c r="D28143" s="14" t="s">
        <v>179</v>
      </c>
      <c r="E28143" s="15">
        <v>45414</v>
      </c>
      <c r="F28143" s="14" t="s">
        <v>53</v>
      </c>
      <c r="G28143" s="16">
        <v>0</v>
      </c>
    </row>
    <row r="28144" spans="1:7" x14ac:dyDescent="0.3">
      <c r="A28144" s="13" t="s">
        <v>178</v>
      </c>
      <c r="B28144" s="14" t="s">
        <v>1</v>
      </c>
      <c r="C28144" s="14" t="s">
        <v>109</v>
      </c>
      <c r="D28144" s="14" t="s">
        <v>179</v>
      </c>
      <c r="E28144" s="15">
        <v>45415</v>
      </c>
      <c r="F28144" s="14" t="s">
        <v>53</v>
      </c>
      <c r="G28144" s="16">
        <v>0</v>
      </c>
    </row>
    <row r="28145" spans="1:7" x14ac:dyDescent="0.3">
      <c r="A28145" s="13" t="s">
        <v>178</v>
      </c>
      <c r="B28145" s="14" t="s">
        <v>1</v>
      </c>
      <c r="C28145" s="14" t="s">
        <v>109</v>
      </c>
      <c r="D28145" s="14" t="s">
        <v>179</v>
      </c>
      <c r="E28145" s="15">
        <v>45416</v>
      </c>
      <c r="F28145" s="14" t="s">
        <v>53</v>
      </c>
      <c r="G28145" s="16">
        <v>0</v>
      </c>
    </row>
    <row r="28146" spans="1:7" x14ac:dyDescent="0.3">
      <c r="A28146" s="13" t="s">
        <v>178</v>
      </c>
      <c r="B28146" s="14" t="s">
        <v>1</v>
      </c>
      <c r="C28146" s="14" t="s">
        <v>109</v>
      </c>
      <c r="D28146" s="14" t="s">
        <v>179</v>
      </c>
      <c r="E28146" s="15">
        <v>45417</v>
      </c>
      <c r="F28146" s="14" t="s">
        <v>53</v>
      </c>
      <c r="G28146" s="16">
        <v>0</v>
      </c>
    </row>
    <row r="28147" spans="1:7" x14ac:dyDescent="0.3">
      <c r="A28147" s="13" t="s">
        <v>178</v>
      </c>
      <c r="B28147" s="14" t="s">
        <v>1</v>
      </c>
      <c r="C28147" s="14" t="s">
        <v>109</v>
      </c>
      <c r="D28147" s="14" t="s">
        <v>179</v>
      </c>
      <c r="E28147" s="15">
        <v>45418</v>
      </c>
      <c r="F28147" s="14" t="s">
        <v>53</v>
      </c>
      <c r="G28147" s="16">
        <v>0</v>
      </c>
    </row>
    <row r="28148" spans="1:7" x14ac:dyDescent="0.3">
      <c r="A28148" s="13" t="s">
        <v>178</v>
      </c>
      <c r="B28148" s="14" t="s">
        <v>1</v>
      </c>
      <c r="C28148" s="14" t="s">
        <v>109</v>
      </c>
      <c r="D28148" s="14" t="s">
        <v>179</v>
      </c>
      <c r="E28148" s="15">
        <v>45419</v>
      </c>
      <c r="F28148" s="14" t="s">
        <v>53</v>
      </c>
      <c r="G28148" s="16">
        <v>0</v>
      </c>
    </row>
    <row r="28149" spans="1:7" x14ac:dyDescent="0.3">
      <c r="A28149" s="13" t="s">
        <v>178</v>
      </c>
      <c r="B28149" s="14" t="s">
        <v>1</v>
      </c>
      <c r="C28149" s="14" t="s">
        <v>109</v>
      </c>
      <c r="D28149" s="14" t="s">
        <v>179</v>
      </c>
      <c r="E28149" s="15">
        <v>45420</v>
      </c>
      <c r="F28149" s="14" t="s">
        <v>53</v>
      </c>
      <c r="G28149" s="16">
        <v>0</v>
      </c>
    </row>
    <row r="28150" spans="1:7" x14ac:dyDescent="0.3">
      <c r="A28150" s="13" t="s">
        <v>178</v>
      </c>
      <c r="B28150" s="14" t="s">
        <v>1</v>
      </c>
      <c r="C28150" s="14" t="s">
        <v>109</v>
      </c>
      <c r="D28150" s="14" t="s">
        <v>179</v>
      </c>
      <c r="E28150" s="15">
        <v>45421</v>
      </c>
      <c r="F28150" s="14" t="s">
        <v>53</v>
      </c>
      <c r="G28150" s="16">
        <v>0</v>
      </c>
    </row>
    <row r="28151" spans="1:7" x14ac:dyDescent="0.3">
      <c r="A28151" s="13" t="s">
        <v>178</v>
      </c>
      <c r="B28151" s="14" t="s">
        <v>1</v>
      </c>
      <c r="C28151" s="14" t="s">
        <v>109</v>
      </c>
      <c r="D28151" s="14" t="s">
        <v>179</v>
      </c>
      <c r="E28151" s="15">
        <v>45422</v>
      </c>
      <c r="F28151" s="14" t="s">
        <v>53</v>
      </c>
      <c r="G28151" s="16">
        <v>0</v>
      </c>
    </row>
    <row r="28152" spans="1:7" x14ac:dyDescent="0.3">
      <c r="A28152" s="13" t="s">
        <v>178</v>
      </c>
      <c r="B28152" s="14" t="s">
        <v>1</v>
      </c>
      <c r="C28152" s="14" t="s">
        <v>109</v>
      </c>
      <c r="D28152" s="14" t="s">
        <v>179</v>
      </c>
      <c r="E28152" s="15">
        <v>45423</v>
      </c>
      <c r="F28152" s="14" t="s">
        <v>53</v>
      </c>
      <c r="G28152" s="16">
        <v>0</v>
      </c>
    </row>
    <row r="28153" spans="1:7" x14ac:dyDescent="0.3">
      <c r="A28153" s="13" t="s">
        <v>178</v>
      </c>
      <c r="B28153" s="14" t="s">
        <v>1</v>
      </c>
      <c r="C28153" s="14" t="s">
        <v>109</v>
      </c>
      <c r="D28153" s="14" t="s">
        <v>179</v>
      </c>
      <c r="E28153" s="15">
        <v>45424</v>
      </c>
      <c r="F28153" s="14" t="s">
        <v>53</v>
      </c>
      <c r="G28153" s="16">
        <v>0</v>
      </c>
    </row>
    <row r="28154" spans="1:7" x14ac:dyDescent="0.3">
      <c r="A28154" s="13" t="s">
        <v>178</v>
      </c>
      <c r="B28154" s="14" t="s">
        <v>1</v>
      </c>
      <c r="C28154" s="14" t="s">
        <v>109</v>
      </c>
      <c r="D28154" s="14" t="s">
        <v>179</v>
      </c>
      <c r="E28154" s="15">
        <v>45425</v>
      </c>
      <c r="F28154" s="14" t="s">
        <v>53</v>
      </c>
      <c r="G28154" s="16">
        <v>0</v>
      </c>
    </row>
    <row r="28155" spans="1:7" x14ac:dyDescent="0.3">
      <c r="A28155" s="13" t="s">
        <v>178</v>
      </c>
      <c r="B28155" s="14" t="s">
        <v>1</v>
      </c>
      <c r="C28155" s="14" t="s">
        <v>109</v>
      </c>
      <c r="D28155" s="14" t="s">
        <v>179</v>
      </c>
      <c r="E28155" s="15">
        <v>45426</v>
      </c>
      <c r="F28155" s="14" t="s">
        <v>53</v>
      </c>
      <c r="G28155" s="16">
        <v>0</v>
      </c>
    </row>
    <row r="28156" spans="1:7" x14ac:dyDescent="0.3">
      <c r="A28156" s="13" t="s">
        <v>178</v>
      </c>
      <c r="B28156" s="14" t="s">
        <v>1</v>
      </c>
      <c r="C28156" s="14" t="s">
        <v>109</v>
      </c>
      <c r="D28156" s="14" t="s">
        <v>179</v>
      </c>
      <c r="E28156" s="15">
        <v>45427</v>
      </c>
      <c r="F28156" s="14" t="s">
        <v>53</v>
      </c>
      <c r="G28156" s="16">
        <v>0</v>
      </c>
    </row>
    <row r="28157" spans="1:7" x14ac:dyDescent="0.3">
      <c r="A28157" s="13" t="s">
        <v>178</v>
      </c>
      <c r="B28157" s="14" t="s">
        <v>1</v>
      </c>
      <c r="C28157" s="14" t="s">
        <v>109</v>
      </c>
      <c r="D28157" s="14" t="s">
        <v>179</v>
      </c>
      <c r="E28157" s="15">
        <v>45428</v>
      </c>
      <c r="F28157" s="14" t="s">
        <v>53</v>
      </c>
      <c r="G28157" s="16">
        <v>3.7933800631656553E-3</v>
      </c>
    </row>
    <row r="28158" spans="1:7" x14ac:dyDescent="0.3">
      <c r="A28158" s="13" t="s">
        <v>178</v>
      </c>
      <c r="B28158" s="14" t="s">
        <v>1</v>
      </c>
      <c r="C28158" s="14" t="s">
        <v>109</v>
      </c>
      <c r="D28158" s="14" t="s">
        <v>179</v>
      </c>
      <c r="E28158" s="15">
        <v>45429</v>
      </c>
      <c r="F28158" s="14" t="s">
        <v>53</v>
      </c>
      <c r="G28158" s="16">
        <v>1.3923575107275389E-3</v>
      </c>
    </row>
    <row r="28159" spans="1:7" x14ac:dyDescent="0.3">
      <c r="A28159" s="13" t="s">
        <v>178</v>
      </c>
      <c r="B28159" s="14" t="s">
        <v>1</v>
      </c>
      <c r="C28159" s="14" t="s">
        <v>109</v>
      </c>
      <c r="D28159" s="14" t="s">
        <v>179</v>
      </c>
      <c r="E28159" s="15">
        <v>45430</v>
      </c>
      <c r="F28159" s="14" t="s">
        <v>53</v>
      </c>
      <c r="G28159" s="16">
        <v>1.3923575107275389E-3</v>
      </c>
    </row>
    <row r="28160" spans="1:7" x14ac:dyDescent="0.3">
      <c r="A28160" s="13" t="s">
        <v>178</v>
      </c>
      <c r="B28160" s="14" t="s">
        <v>1</v>
      </c>
      <c r="C28160" s="14" t="s">
        <v>109</v>
      </c>
      <c r="D28160" s="14" t="s">
        <v>179</v>
      </c>
      <c r="E28160" s="15">
        <v>45431</v>
      </c>
      <c r="F28160" s="14" t="s">
        <v>53</v>
      </c>
      <c r="G28160" s="16">
        <v>1.3923575107275389E-3</v>
      </c>
    </row>
    <row r="28161" spans="1:7" x14ac:dyDescent="0.3">
      <c r="A28161" s="13" t="s">
        <v>178</v>
      </c>
      <c r="B28161" s="14" t="s">
        <v>1</v>
      </c>
      <c r="C28161" s="14" t="s">
        <v>109</v>
      </c>
      <c r="D28161" s="14" t="s">
        <v>179</v>
      </c>
      <c r="E28161" s="15">
        <v>45432</v>
      </c>
      <c r="F28161" s="14" t="s">
        <v>53</v>
      </c>
      <c r="G28161" s="16">
        <v>0</v>
      </c>
    </row>
    <row r="28162" spans="1:7" x14ac:dyDescent="0.3">
      <c r="A28162" s="13" t="s">
        <v>178</v>
      </c>
      <c r="B28162" s="14" t="s">
        <v>1</v>
      </c>
      <c r="C28162" s="14" t="s">
        <v>109</v>
      </c>
      <c r="D28162" s="14" t="s">
        <v>179</v>
      </c>
      <c r="E28162" s="15">
        <v>45433</v>
      </c>
      <c r="F28162" s="14" t="s">
        <v>53</v>
      </c>
      <c r="G28162" s="16">
        <v>0</v>
      </c>
    </row>
    <row r="28163" spans="1:7" x14ac:dyDescent="0.3">
      <c r="A28163" s="13" t="s">
        <v>178</v>
      </c>
      <c r="B28163" s="14" t="s">
        <v>1</v>
      </c>
      <c r="C28163" s="14" t="s">
        <v>109</v>
      </c>
      <c r="D28163" s="14" t="s">
        <v>179</v>
      </c>
      <c r="E28163" s="15">
        <v>45434</v>
      </c>
      <c r="F28163" s="14" t="s">
        <v>53</v>
      </c>
      <c r="G28163" s="16">
        <v>0</v>
      </c>
    </row>
    <row r="28164" spans="1:7" x14ac:dyDescent="0.3">
      <c r="A28164" s="13" t="s">
        <v>178</v>
      </c>
      <c r="B28164" s="14" t="s">
        <v>1</v>
      </c>
      <c r="C28164" s="14" t="s">
        <v>109</v>
      </c>
      <c r="D28164" s="14" t="s">
        <v>179</v>
      </c>
      <c r="E28164" s="15">
        <v>45435</v>
      </c>
      <c r="F28164" s="14" t="s">
        <v>53</v>
      </c>
      <c r="G28164" s="16">
        <v>0</v>
      </c>
    </row>
    <row r="28165" spans="1:7" x14ac:dyDescent="0.3">
      <c r="A28165" s="13" t="s">
        <v>178</v>
      </c>
      <c r="B28165" s="14" t="s">
        <v>1</v>
      </c>
      <c r="C28165" s="14" t="s">
        <v>109</v>
      </c>
      <c r="D28165" s="14" t="s">
        <v>179</v>
      </c>
      <c r="E28165" s="15">
        <v>45436</v>
      </c>
      <c r="F28165" s="14" t="s">
        <v>53</v>
      </c>
      <c r="G28165" s="16">
        <v>1.14409877356569E-2</v>
      </c>
    </row>
    <row r="28166" spans="1:7" x14ac:dyDescent="0.3">
      <c r="A28166" s="13" t="s">
        <v>178</v>
      </c>
      <c r="B28166" s="14" t="s">
        <v>1</v>
      </c>
      <c r="C28166" s="14" t="s">
        <v>109</v>
      </c>
      <c r="D28166" s="14" t="s">
        <v>179</v>
      </c>
      <c r="E28166" s="15">
        <v>45437</v>
      </c>
      <c r="F28166" s="14" t="s">
        <v>53</v>
      </c>
      <c r="G28166" s="16">
        <v>1.14409877356569E-2</v>
      </c>
    </row>
    <row r="28167" spans="1:7" x14ac:dyDescent="0.3">
      <c r="A28167" s="13" t="s">
        <v>178</v>
      </c>
      <c r="B28167" s="14" t="s">
        <v>1</v>
      </c>
      <c r="C28167" s="14" t="s">
        <v>109</v>
      </c>
      <c r="D28167" s="14" t="s">
        <v>179</v>
      </c>
      <c r="E28167" s="15">
        <v>45438</v>
      </c>
      <c r="F28167" s="14" t="s">
        <v>53</v>
      </c>
      <c r="G28167" s="16">
        <v>1.14409877356569E-2</v>
      </c>
    </row>
    <row r="28168" spans="1:7" x14ac:dyDescent="0.3">
      <c r="A28168" s="13" t="s">
        <v>178</v>
      </c>
      <c r="B28168" s="14" t="s">
        <v>1</v>
      </c>
      <c r="C28168" s="14" t="s">
        <v>109</v>
      </c>
      <c r="D28168" s="14" t="s">
        <v>179</v>
      </c>
      <c r="E28168" s="15">
        <v>45439</v>
      </c>
      <c r="F28168" s="14" t="s">
        <v>53</v>
      </c>
      <c r="G28168" s="16">
        <v>1.216771920782234E-2</v>
      </c>
    </row>
    <row r="28169" spans="1:7" x14ac:dyDescent="0.3">
      <c r="A28169" s="13" t="s">
        <v>178</v>
      </c>
      <c r="B28169" s="14" t="s">
        <v>1</v>
      </c>
      <c r="C28169" s="14" t="s">
        <v>109</v>
      </c>
      <c r="D28169" s="14" t="s">
        <v>179</v>
      </c>
      <c r="E28169" s="15">
        <v>45440</v>
      </c>
      <c r="F28169" s="14" t="s">
        <v>53</v>
      </c>
      <c r="G28169" s="16">
        <v>4.3087878984274137E-3</v>
      </c>
    </row>
    <row r="28170" spans="1:7" x14ac:dyDescent="0.3">
      <c r="A28170" s="13" t="s">
        <v>178</v>
      </c>
      <c r="B28170" s="14" t="s">
        <v>1</v>
      </c>
      <c r="C28170" s="14" t="s">
        <v>109</v>
      </c>
      <c r="D28170" s="14" t="s">
        <v>179</v>
      </c>
      <c r="E28170" s="15">
        <v>45441</v>
      </c>
      <c r="F28170" s="14" t="s">
        <v>53</v>
      </c>
      <c r="G28170" s="16">
        <v>2.7244468884094195E-3</v>
      </c>
    </row>
    <row r="28171" spans="1:7" x14ac:dyDescent="0.3">
      <c r="A28171" s="13" t="s">
        <v>178</v>
      </c>
      <c r="B28171" s="14" t="s">
        <v>1</v>
      </c>
      <c r="C28171" s="14" t="s">
        <v>109</v>
      </c>
      <c r="D28171" s="14" t="s">
        <v>179</v>
      </c>
      <c r="E28171" s="15">
        <v>45442</v>
      </c>
      <c r="F28171" s="14" t="s">
        <v>53</v>
      </c>
      <c r="G28171" s="16">
        <v>6.6149976382249469E-3</v>
      </c>
    </row>
    <row r="28172" spans="1:7" x14ac:dyDescent="0.3">
      <c r="A28172" s="13" t="s">
        <v>178</v>
      </c>
      <c r="B28172" s="14" t="s">
        <v>1</v>
      </c>
      <c r="C28172" s="14" t="s">
        <v>109</v>
      </c>
      <c r="D28172" s="14" t="s">
        <v>179</v>
      </c>
      <c r="E28172" s="15">
        <v>45443</v>
      </c>
      <c r="F28172" s="14" t="s">
        <v>53</v>
      </c>
      <c r="G28172" s="16">
        <v>4.2242708842458506E-3</v>
      </c>
    </row>
    <row r="28173" spans="1:7" x14ac:dyDescent="0.3">
      <c r="A28173" s="13" t="s">
        <v>178</v>
      </c>
      <c r="B28173" s="14" t="s">
        <v>1</v>
      </c>
      <c r="C28173" s="14" t="s">
        <v>109</v>
      </c>
      <c r="D28173" s="14" t="s">
        <v>179</v>
      </c>
      <c r="E28173" s="15">
        <v>45444</v>
      </c>
      <c r="F28173" s="14" t="s">
        <v>53</v>
      </c>
      <c r="G28173" s="16">
        <v>4.2242708842458506E-3</v>
      </c>
    </row>
    <row r="28174" spans="1:7" x14ac:dyDescent="0.3">
      <c r="A28174" s="13" t="s">
        <v>178</v>
      </c>
      <c r="B28174" s="14" t="s">
        <v>1</v>
      </c>
      <c r="C28174" s="14" t="s">
        <v>109</v>
      </c>
      <c r="D28174" s="14" t="s">
        <v>179</v>
      </c>
      <c r="E28174" s="15">
        <v>45445</v>
      </c>
      <c r="F28174" s="14" t="s">
        <v>53</v>
      </c>
      <c r="G28174" s="16">
        <v>4.2242708842458506E-3</v>
      </c>
    </row>
    <row r="28175" spans="1:7" x14ac:dyDescent="0.3">
      <c r="A28175" s="13" t="s">
        <v>178</v>
      </c>
      <c r="B28175" s="14" t="s">
        <v>1</v>
      </c>
      <c r="C28175" s="14" t="s">
        <v>109</v>
      </c>
      <c r="D28175" s="14" t="s">
        <v>179</v>
      </c>
      <c r="E28175" s="15">
        <v>45446</v>
      </c>
      <c r="F28175" s="14" t="s">
        <v>53</v>
      </c>
      <c r="G28175" s="16">
        <v>4.2242708842458506E-3</v>
      </c>
    </row>
    <row r="28176" spans="1:7" x14ac:dyDescent="0.3">
      <c r="A28176" s="13" t="s">
        <v>178</v>
      </c>
      <c r="B28176" s="14" t="s">
        <v>1</v>
      </c>
      <c r="C28176" s="14" t="s">
        <v>109</v>
      </c>
      <c r="D28176" s="14" t="s">
        <v>179</v>
      </c>
      <c r="E28176" s="15">
        <v>45447</v>
      </c>
      <c r="F28176" s="14" t="s">
        <v>53</v>
      </c>
      <c r="G28176" s="16">
        <v>1.053932941143207E-3</v>
      </c>
    </row>
    <row r="28177" spans="1:7" x14ac:dyDescent="0.3">
      <c r="A28177" s="13" t="s">
        <v>178</v>
      </c>
      <c r="B28177" s="14" t="s">
        <v>1</v>
      </c>
      <c r="C28177" s="14" t="s">
        <v>109</v>
      </c>
      <c r="D28177" s="14" t="s">
        <v>179</v>
      </c>
      <c r="E28177" s="15">
        <v>45448</v>
      </c>
      <c r="F28177" s="14" t="s">
        <v>53</v>
      </c>
      <c r="G28177" s="16">
        <v>0</v>
      </c>
    </row>
    <row r="28178" spans="1:7" x14ac:dyDescent="0.3">
      <c r="A28178" s="13" t="s">
        <v>178</v>
      </c>
      <c r="B28178" s="14" t="s">
        <v>1</v>
      </c>
      <c r="C28178" s="14" t="s">
        <v>109</v>
      </c>
      <c r="D28178" s="14" t="s">
        <v>179</v>
      </c>
      <c r="E28178" s="15">
        <v>45449</v>
      </c>
      <c r="F28178" s="14" t="s">
        <v>53</v>
      </c>
      <c r="G28178" s="16">
        <v>0</v>
      </c>
    </row>
    <row r="28179" spans="1:7" x14ac:dyDescent="0.3">
      <c r="A28179" s="13" t="s">
        <v>178</v>
      </c>
      <c r="B28179" s="14" t="s">
        <v>1</v>
      </c>
      <c r="C28179" s="14" t="s">
        <v>109</v>
      </c>
      <c r="D28179" s="14" t="s">
        <v>179</v>
      </c>
      <c r="E28179" s="15">
        <v>45450</v>
      </c>
      <c r="F28179" s="14" t="s">
        <v>53</v>
      </c>
      <c r="G28179" s="16">
        <v>2.2186014826017668E-2</v>
      </c>
    </row>
    <row r="28180" spans="1:7" x14ac:dyDescent="0.3">
      <c r="A28180" s="13" t="s">
        <v>178</v>
      </c>
      <c r="B28180" s="14" t="s">
        <v>1</v>
      </c>
      <c r="C28180" s="14" t="s">
        <v>109</v>
      </c>
      <c r="D28180" s="14" t="s">
        <v>179</v>
      </c>
      <c r="E28180" s="15">
        <v>45451</v>
      </c>
      <c r="F28180" s="14" t="s">
        <v>53</v>
      </c>
      <c r="G28180" s="16">
        <v>2.2186014826017668E-2</v>
      </c>
    </row>
    <row r="28181" spans="1:7" x14ac:dyDescent="0.3">
      <c r="A28181" s="13" t="s">
        <v>178</v>
      </c>
      <c r="B28181" s="14" t="s">
        <v>1</v>
      </c>
      <c r="C28181" s="14" t="s">
        <v>109</v>
      </c>
      <c r="D28181" s="14" t="s">
        <v>179</v>
      </c>
      <c r="E28181" s="15">
        <v>45452</v>
      </c>
      <c r="F28181" s="14" t="s">
        <v>53</v>
      </c>
      <c r="G28181" s="16">
        <v>2.2186014826017668E-2</v>
      </c>
    </row>
    <row r="28182" spans="1:7" x14ac:dyDescent="0.3">
      <c r="A28182" s="13" t="s">
        <v>178</v>
      </c>
      <c r="B28182" s="14" t="s">
        <v>1</v>
      </c>
      <c r="C28182" s="14" t="s">
        <v>109</v>
      </c>
      <c r="D28182" s="14" t="s">
        <v>179</v>
      </c>
      <c r="E28182" s="15">
        <v>45453</v>
      </c>
      <c r="F28182" s="14" t="s">
        <v>53</v>
      </c>
      <c r="G28182" s="16">
        <v>1.9785480219428598E-2</v>
      </c>
    </row>
    <row r="28183" spans="1:7" x14ac:dyDescent="0.3">
      <c r="A28183" s="13" t="s">
        <v>178</v>
      </c>
      <c r="B28183" s="14" t="s">
        <v>1</v>
      </c>
      <c r="C28183" s="14" t="s">
        <v>109</v>
      </c>
      <c r="D28183" s="14" t="s">
        <v>179</v>
      </c>
      <c r="E28183" s="15">
        <v>45454</v>
      </c>
      <c r="F28183" s="14" t="s">
        <v>53</v>
      </c>
      <c r="G28183" s="16">
        <v>1.4244753465449499E-2</v>
      </c>
    </row>
    <row r="28184" spans="1:7" x14ac:dyDescent="0.3">
      <c r="A28184" s="13" t="s">
        <v>178</v>
      </c>
      <c r="B28184" s="14" t="s">
        <v>1</v>
      </c>
      <c r="C28184" s="14" t="s">
        <v>109</v>
      </c>
      <c r="D28184" s="14" t="s">
        <v>179</v>
      </c>
      <c r="E28184" s="15">
        <v>45455</v>
      </c>
      <c r="F28184" s="14" t="s">
        <v>53</v>
      </c>
      <c r="G28184" s="16">
        <v>2.8216371041088661E-2</v>
      </c>
    </row>
    <row r="28185" spans="1:7" x14ac:dyDescent="0.3">
      <c r="A28185" s="13" t="s">
        <v>178</v>
      </c>
      <c r="B28185" s="14" t="s">
        <v>1</v>
      </c>
      <c r="C28185" s="14" t="s">
        <v>109</v>
      </c>
      <c r="D28185" s="14" t="s">
        <v>179</v>
      </c>
      <c r="E28185" s="15">
        <v>45456</v>
      </c>
      <c r="F28185" s="14" t="s">
        <v>53</v>
      </c>
      <c r="G28185" s="16">
        <v>2.5915176792855668E-2</v>
      </c>
    </row>
    <row r="28186" spans="1:7" x14ac:dyDescent="0.3">
      <c r="A28186" s="13" t="s">
        <v>178</v>
      </c>
      <c r="B28186" s="14" t="s">
        <v>1</v>
      </c>
      <c r="C28186" s="14" t="s">
        <v>109</v>
      </c>
      <c r="D28186" s="14" t="s">
        <v>179</v>
      </c>
      <c r="E28186" s="15">
        <v>45457</v>
      </c>
      <c r="F28186" s="14" t="s">
        <v>53</v>
      </c>
      <c r="G28186" s="16">
        <v>2.3669699934940235E-2</v>
      </c>
    </row>
    <row r="28187" spans="1:7" x14ac:dyDescent="0.3">
      <c r="A28187" s="13" t="s">
        <v>178</v>
      </c>
      <c r="B28187" s="14" t="s">
        <v>1</v>
      </c>
      <c r="C28187" s="14" t="s">
        <v>109</v>
      </c>
      <c r="D28187" s="14" t="s">
        <v>179</v>
      </c>
      <c r="E28187" s="15">
        <v>45458</v>
      </c>
      <c r="F28187" s="14" t="s">
        <v>53</v>
      </c>
      <c r="G28187" s="16">
        <v>2.3669699934940235E-2</v>
      </c>
    </row>
    <row r="28188" spans="1:7" x14ac:dyDescent="0.3">
      <c r="A28188" s="13" t="s">
        <v>178</v>
      </c>
      <c r="B28188" s="14" t="s">
        <v>1</v>
      </c>
      <c r="C28188" s="14" t="s">
        <v>109</v>
      </c>
      <c r="D28188" s="14" t="s">
        <v>179</v>
      </c>
      <c r="E28188" s="15">
        <v>45459</v>
      </c>
      <c r="F28188" s="14" t="s">
        <v>53</v>
      </c>
      <c r="G28188" s="16">
        <v>2.3669699934940235E-2</v>
      </c>
    </row>
    <row r="28189" spans="1:7" x14ac:dyDescent="0.3">
      <c r="A28189" s="13" t="s">
        <v>178</v>
      </c>
      <c r="B28189" s="14" t="s">
        <v>1</v>
      </c>
      <c r="C28189" s="14" t="s">
        <v>109</v>
      </c>
      <c r="D28189" s="14" t="s">
        <v>179</v>
      </c>
      <c r="E28189" s="15">
        <v>45460</v>
      </c>
      <c r="F28189" s="14" t="s">
        <v>53</v>
      </c>
      <c r="G28189" s="16">
        <v>2.1248381112209967E-2</v>
      </c>
    </row>
    <row r="28190" spans="1:7" x14ac:dyDescent="0.3">
      <c r="A28190" s="13" t="s">
        <v>178</v>
      </c>
      <c r="B28190" s="14" t="s">
        <v>1</v>
      </c>
      <c r="C28190" s="14" t="s">
        <v>109</v>
      </c>
      <c r="D28190" s="14" t="s">
        <v>179</v>
      </c>
      <c r="E28190" s="15">
        <v>45461</v>
      </c>
      <c r="F28190" s="14" t="s">
        <v>53</v>
      </c>
      <c r="G28190" s="16">
        <v>1.3343011758667426E-2</v>
      </c>
    </row>
    <row r="28191" spans="1:7" x14ac:dyDescent="0.3">
      <c r="A28191" s="13" t="s">
        <v>178</v>
      </c>
      <c r="B28191" s="14" t="s">
        <v>1</v>
      </c>
      <c r="C28191" s="14" t="s">
        <v>109</v>
      </c>
      <c r="D28191" s="14" t="s">
        <v>179</v>
      </c>
      <c r="E28191" s="15">
        <v>45462</v>
      </c>
      <c r="F28191" s="14" t="s">
        <v>53</v>
      </c>
      <c r="G28191" s="16">
        <v>1.0942896587006154E-2</v>
      </c>
    </row>
    <row r="28192" spans="1:7" x14ac:dyDescent="0.3">
      <c r="A28192" s="13" t="s">
        <v>178</v>
      </c>
      <c r="B28192" s="14" t="s">
        <v>1</v>
      </c>
      <c r="C28192" s="14" t="s">
        <v>109</v>
      </c>
      <c r="D28192" s="14" t="s">
        <v>179</v>
      </c>
      <c r="E28192" s="15">
        <v>45463</v>
      </c>
      <c r="F28192" s="14" t="s">
        <v>53</v>
      </c>
      <c r="G28192" s="16">
        <v>8.598189065719946E-3</v>
      </c>
    </row>
    <row r="28193" spans="1:7" x14ac:dyDescent="0.3">
      <c r="A28193" s="13" t="s">
        <v>178</v>
      </c>
      <c r="B28193" s="14" t="s">
        <v>1</v>
      </c>
      <c r="C28193" s="14" t="s">
        <v>109</v>
      </c>
      <c r="D28193" s="14" t="s">
        <v>179</v>
      </c>
      <c r="E28193" s="15">
        <v>45464</v>
      </c>
      <c r="F28193" s="14" t="s">
        <v>53</v>
      </c>
      <c r="G28193" s="16">
        <v>6.2024996874581939E-3</v>
      </c>
    </row>
    <row r="28194" spans="1:7" x14ac:dyDescent="0.3">
      <c r="A28194" s="13" t="s">
        <v>178</v>
      </c>
      <c r="B28194" s="14" t="s">
        <v>1</v>
      </c>
      <c r="C28194" s="14" t="s">
        <v>109</v>
      </c>
      <c r="D28194" s="14" t="s">
        <v>179</v>
      </c>
      <c r="E28194" s="15">
        <v>45465</v>
      </c>
      <c r="F28194" s="14" t="s">
        <v>53</v>
      </c>
      <c r="G28194" s="16">
        <v>6.2024996874581939E-3</v>
      </c>
    </row>
    <row r="28195" spans="1:7" x14ac:dyDescent="0.3">
      <c r="A28195" s="13" t="s">
        <v>178</v>
      </c>
      <c r="B28195" s="14" t="s">
        <v>1</v>
      </c>
      <c r="C28195" s="14" t="s">
        <v>109</v>
      </c>
      <c r="D28195" s="14" t="s">
        <v>179</v>
      </c>
      <c r="E28195" s="15">
        <v>45466</v>
      </c>
      <c r="F28195" s="14" t="s">
        <v>53</v>
      </c>
      <c r="G28195" s="16">
        <v>6.2024996874581939E-3</v>
      </c>
    </row>
    <row r="28196" spans="1:7" x14ac:dyDescent="0.3">
      <c r="A28196" s="13" t="s">
        <v>178</v>
      </c>
      <c r="B28196" s="14" t="s">
        <v>1</v>
      </c>
      <c r="C28196" s="14" t="s">
        <v>109</v>
      </c>
      <c r="D28196" s="14" t="s">
        <v>179</v>
      </c>
      <c r="E28196" s="15">
        <v>45467</v>
      </c>
      <c r="F28196" s="14" t="s">
        <v>53</v>
      </c>
      <c r="G28196" s="16">
        <v>3.78778228022732E-3</v>
      </c>
    </row>
    <row r="28197" spans="1:7" x14ac:dyDescent="0.3">
      <c r="A28197" s="13" t="s">
        <v>178</v>
      </c>
      <c r="B28197" s="14" t="s">
        <v>1</v>
      </c>
      <c r="C28197" s="14" t="s">
        <v>109</v>
      </c>
      <c r="D28197" s="14" t="s">
        <v>179</v>
      </c>
      <c r="E28197" s="15">
        <v>45468</v>
      </c>
      <c r="F28197" s="14" t="s">
        <v>53</v>
      </c>
      <c r="G28197" s="16">
        <v>0</v>
      </c>
    </row>
    <row r="28198" spans="1:7" x14ac:dyDescent="0.3">
      <c r="A28198" s="13" t="s">
        <v>178</v>
      </c>
      <c r="B28198" s="14" t="s">
        <v>1</v>
      </c>
      <c r="C28198" s="14" t="s">
        <v>109</v>
      </c>
      <c r="D28198" s="14" t="s">
        <v>179</v>
      </c>
      <c r="E28198" s="15">
        <v>45469</v>
      </c>
      <c r="F28198" s="14" t="s">
        <v>53</v>
      </c>
      <c r="G28198" s="16">
        <v>0</v>
      </c>
    </row>
    <row r="28199" spans="1:7" x14ac:dyDescent="0.3">
      <c r="A28199" s="13" t="s">
        <v>178</v>
      </c>
      <c r="B28199" s="14" t="s">
        <v>1</v>
      </c>
      <c r="C28199" s="14" t="s">
        <v>109</v>
      </c>
      <c r="D28199" s="14" t="s">
        <v>179</v>
      </c>
      <c r="E28199" s="15">
        <v>45470</v>
      </c>
      <c r="F28199" s="14" t="s">
        <v>53</v>
      </c>
      <c r="G28199" s="16">
        <v>0</v>
      </c>
    </row>
    <row r="28200" spans="1:7" x14ac:dyDescent="0.3">
      <c r="A28200" s="13" t="s">
        <v>178</v>
      </c>
      <c r="B28200" s="14" t="s">
        <v>1</v>
      </c>
      <c r="C28200" s="14" t="s">
        <v>109</v>
      </c>
      <c r="D28200" s="14" t="s">
        <v>179</v>
      </c>
      <c r="E28200" s="15">
        <v>45471</v>
      </c>
      <c r="F28200" s="14" t="s">
        <v>53</v>
      </c>
      <c r="G28200" s="16">
        <v>3.0566732029998881E-2</v>
      </c>
    </row>
    <row r="28201" spans="1:7" x14ac:dyDescent="0.3">
      <c r="A28201" s="13" t="s">
        <v>178</v>
      </c>
      <c r="B28201" s="14" t="s">
        <v>1</v>
      </c>
      <c r="C28201" s="14" t="s">
        <v>109</v>
      </c>
      <c r="D28201" s="14" t="s">
        <v>179</v>
      </c>
      <c r="E28201" s="15">
        <v>45472</v>
      </c>
      <c r="F28201" s="14" t="s">
        <v>53</v>
      </c>
      <c r="G28201" s="16">
        <v>3.0566732029998881E-2</v>
      </c>
    </row>
    <row r="28202" spans="1:7" x14ac:dyDescent="0.3">
      <c r="A28202" s="13" t="s">
        <v>178</v>
      </c>
      <c r="B28202" s="14" t="s">
        <v>1</v>
      </c>
      <c r="C28202" s="14" t="s">
        <v>109</v>
      </c>
      <c r="D28202" s="14" t="s">
        <v>179</v>
      </c>
      <c r="E28202" s="15">
        <v>45473</v>
      </c>
      <c r="F28202" s="14" t="s">
        <v>53</v>
      </c>
      <c r="G28202" s="16">
        <v>3.0566732029998881E-2</v>
      </c>
    </row>
    <row r="28203" spans="1:7" x14ac:dyDescent="0.3">
      <c r="A28203" s="13" t="s">
        <v>178</v>
      </c>
      <c r="B28203" s="14" t="s">
        <v>1</v>
      </c>
      <c r="C28203" s="14" t="s">
        <v>109</v>
      </c>
      <c r="D28203" s="14" t="s">
        <v>179</v>
      </c>
      <c r="E28203" s="15">
        <v>45474</v>
      </c>
      <c r="F28203" s="14" t="s">
        <v>53</v>
      </c>
      <c r="G28203" s="16">
        <v>2.9730458907429012E-2</v>
      </c>
    </row>
    <row r="28204" spans="1:7" x14ac:dyDescent="0.3">
      <c r="A28204" s="13" t="s">
        <v>178</v>
      </c>
      <c r="B28204" s="14" t="s">
        <v>1</v>
      </c>
      <c r="C28204" s="14" t="s">
        <v>109</v>
      </c>
      <c r="D28204" s="14" t="s">
        <v>179</v>
      </c>
      <c r="E28204" s="15">
        <v>45475</v>
      </c>
      <c r="F28204" s="14" t="s">
        <v>53</v>
      </c>
      <c r="G28204" s="16">
        <v>2.4099979819581747E-2</v>
      </c>
    </row>
    <row r="28205" spans="1:7" x14ac:dyDescent="0.3">
      <c r="A28205" s="13" t="s">
        <v>178</v>
      </c>
      <c r="B28205" s="14" t="s">
        <v>1</v>
      </c>
      <c r="C28205" s="14" t="s">
        <v>109</v>
      </c>
      <c r="D28205" s="14" t="s">
        <v>179</v>
      </c>
      <c r="E28205" s="15">
        <v>45476</v>
      </c>
      <c r="F28205" s="14" t="s">
        <v>53</v>
      </c>
      <c r="G28205" s="16">
        <v>2.1608671287265967E-2</v>
      </c>
    </row>
    <row r="28206" spans="1:7" x14ac:dyDescent="0.3">
      <c r="A28206" s="13" t="s">
        <v>178</v>
      </c>
      <c r="B28206" s="14" t="s">
        <v>1</v>
      </c>
      <c r="C28206" s="14" t="s">
        <v>109</v>
      </c>
      <c r="D28206" s="14" t="s">
        <v>179</v>
      </c>
      <c r="E28206" s="15">
        <v>45477</v>
      </c>
      <c r="F28206" s="14" t="s">
        <v>53</v>
      </c>
      <c r="G28206" s="16">
        <v>1.9197429732413753E-2</v>
      </c>
    </row>
    <row r="28207" spans="1:7" x14ac:dyDescent="0.3">
      <c r="A28207" s="13" t="s">
        <v>178</v>
      </c>
      <c r="B28207" s="14" t="s">
        <v>1</v>
      </c>
      <c r="C28207" s="14" t="s">
        <v>109</v>
      </c>
      <c r="D28207" s="14" t="s">
        <v>179</v>
      </c>
      <c r="E28207" s="15">
        <v>45478</v>
      </c>
      <c r="F28207" s="14" t="s">
        <v>53</v>
      </c>
      <c r="G28207" s="16">
        <v>2.0641867529369265E-2</v>
      </c>
    </row>
    <row r="28208" spans="1:7" x14ac:dyDescent="0.3">
      <c r="A28208" s="13" t="s">
        <v>178</v>
      </c>
      <c r="B28208" s="14" t="s">
        <v>1</v>
      </c>
      <c r="C28208" s="14" t="s">
        <v>109</v>
      </c>
      <c r="D28208" s="14" t="s">
        <v>179</v>
      </c>
      <c r="E28208" s="15">
        <v>45479</v>
      </c>
      <c r="F28208" s="14" t="s">
        <v>53</v>
      </c>
      <c r="G28208" s="16">
        <v>2.0641867529369265E-2</v>
      </c>
    </row>
    <row r="28209" spans="1:7" x14ac:dyDescent="0.3">
      <c r="A28209" s="13" t="s">
        <v>178</v>
      </c>
      <c r="B28209" s="14" t="s">
        <v>1</v>
      </c>
      <c r="C28209" s="14" t="s">
        <v>109</v>
      </c>
      <c r="D28209" s="14" t="s">
        <v>179</v>
      </c>
      <c r="E28209" s="15">
        <v>45480</v>
      </c>
      <c r="F28209" s="14" t="s">
        <v>53</v>
      </c>
      <c r="G28209" s="16">
        <v>2.0641867529369265E-2</v>
      </c>
    </row>
    <row r="28210" spans="1:7" x14ac:dyDescent="0.3">
      <c r="A28210" s="13" t="s">
        <v>178</v>
      </c>
      <c r="B28210" s="14" t="s">
        <v>1</v>
      </c>
      <c r="C28210" s="14" t="s">
        <v>109</v>
      </c>
      <c r="D28210" s="14" t="s">
        <v>179</v>
      </c>
      <c r="E28210" s="15">
        <v>45481</v>
      </c>
      <c r="F28210" s="14" t="s">
        <v>53</v>
      </c>
      <c r="G28210" s="16">
        <v>2.6089262917720693E-2</v>
      </c>
    </row>
    <row r="28211" spans="1:7" x14ac:dyDescent="0.3">
      <c r="A28211" s="13" t="s">
        <v>178</v>
      </c>
      <c r="B28211" s="14" t="s">
        <v>1</v>
      </c>
      <c r="C28211" s="14" t="s">
        <v>109</v>
      </c>
      <c r="D28211" s="14" t="s">
        <v>179</v>
      </c>
      <c r="E28211" s="15">
        <v>45482</v>
      </c>
      <c r="F28211" s="14" t="s">
        <v>53</v>
      </c>
      <c r="G28211" s="16">
        <v>1.8283626699035098E-2</v>
      </c>
    </row>
    <row r="28212" spans="1:7" x14ac:dyDescent="0.3">
      <c r="A28212" s="13" t="s">
        <v>178</v>
      </c>
      <c r="B28212" s="14" t="s">
        <v>1</v>
      </c>
      <c r="C28212" s="14" t="s">
        <v>109</v>
      </c>
      <c r="D28212" s="14" t="s">
        <v>179</v>
      </c>
      <c r="E28212" s="15">
        <v>45483</v>
      </c>
      <c r="F28212" s="14" t="s">
        <v>53</v>
      </c>
      <c r="G28212" s="16">
        <v>1.5830530378147974E-2</v>
      </c>
    </row>
    <row r="28213" spans="1:7" x14ac:dyDescent="0.3">
      <c r="A28213" s="13" t="s">
        <v>178</v>
      </c>
      <c r="B28213" s="14" t="s">
        <v>1</v>
      </c>
      <c r="C28213" s="14" t="s">
        <v>109</v>
      </c>
      <c r="D28213" s="14" t="s">
        <v>179</v>
      </c>
      <c r="E28213" s="15">
        <v>45484</v>
      </c>
      <c r="F28213" s="14" t="s">
        <v>53</v>
      </c>
      <c r="G28213" s="16">
        <v>1.3398795816516103E-2</v>
      </c>
    </row>
    <row r="28214" spans="1:7" x14ac:dyDescent="0.3">
      <c r="A28214" s="13" t="s">
        <v>178</v>
      </c>
      <c r="B28214" s="14" t="s">
        <v>1</v>
      </c>
      <c r="C28214" s="14" t="s">
        <v>109</v>
      </c>
      <c r="D28214" s="14" t="s">
        <v>179</v>
      </c>
      <c r="E28214" s="15">
        <v>45485</v>
      </c>
      <c r="F28214" s="14" t="s">
        <v>53</v>
      </c>
      <c r="G28214" s="16">
        <v>1.0979346847205392E-2</v>
      </c>
    </row>
    <row r="28215" spans="1:7" x14ac:dyDescent="0.3">
      <c r="A28215" s="13" t="s">
        <v>178</v>
      </c>
      <c r="B28215" s="14" t="s">
        <v>1</v>
      </c>
      <c r="C28215" s="14" t="s">
        <v>109</v>
      </c>
      <c r="D28215" s="14" t="s">
        <v>179</v>
      </c>
      <c r="E28215" s="15">
        <v>45486</v>
      </c>
      <c r="F28215" s="14" t="s">
        <v>53</v>
      </c>
      <c r="G28215" s="16">
        <v>1.0979346847205392E-2</v>
      </c>
    </row>
    <row r="28216" spans="1:7" x14ac:dyDescent="0.3">
      <c r="A28216" s="13" t="s">
        <v>178</v>
      </c>
      <c r="B28216" s="14" t="s">
        <v>1</v>
      </c>
      <c r="C28216" s="14" t="s">
        <v>109</v>
      </c>
      <c r="D28216" s="14" t="s">
        <v>179</v>
      </c>
      <c r="E28216" s="15">
        <v>45487</v>
      </c>
      <c r="F28216" s="14" t="s">
        <v>53</v>
      </c>
      <c r="G28216" s="16">
        <v>1.0979346847205392E-2</v>
      </c>
    </row>
    <row r="28217" spans="1:7" x14ac:dyDescent="0.3">
      <c r="A28217" s="13" t="s">
        <v>178</v>
      </c>
      <c r="B28217" s="14" t="s">
        <v>1</v>
      </c>
      <c r="C28217" s="14" t="s">
        <v>109</v>
      </c>
      <c r="D28217" s="14" t="s">
        <v>179</v>
      </c>
      <c r="E28217" s="15">
        <v>45488</v>
      </c>
      <c r="F28217" s="14" t="s">
        <v>53</v>
      </c>
      <c r="G28217" s="16">
        <v>9.4290835768985858E-3</v>
      </c>
    </row>
    <row r="28218" spans="1:7" x14ac:dyDescent="0.3">
      <c r="A28218" s="13" t="s">
        <v>178</v>
      </c>
      <c r="B28218" s="14" t="s">
        <v>1</v>
      </c>
      <c r="C28218" s="14" t="s">
        <v>109</v>
      </c>
      <c r="D28218" s="14" t="s">
        <v>179</v>
      </c>
      <c r="E28218" s="15">
        <v>45489</v>
      </c>
      <c r="F28218" s="14" t="s">
        <v>53</v>
      </c>
      <c r="G28218" s="16">
        <v>1.6896371913945544E-3</v>
      </c>
    </row>
    <row r="28219" spans="1:7" x14ac:dyDescent="0.3">
      <c r="A28219" s="13" t="s">
        <v>178</v>
      </c>
      <c r="B28219" s="14" t="s">
        <v>1</v>
      </c>
      <c r="C28219" s="14" t="s">
        <v>109</v>
      </c>
      <c r="D28219" s="14" t="s">
        <v>179</v>
      </c>
      <c r="E28219" s="15">
        <v>45490</v>
      </c>
      <c r="F28219" s="14" t="s">
        <v>53</v>
      </c>
      <c r="G28219" s="16">
        <v>0</v>
      </c>
    </row>
    <row r="28220" spans="1:7" x14ac:dyDescent="0.3">
      <c r="A28220" s="13" t="s">
        <v>178</v>
      </c>
      <c r="B28220" s="14" t="s">
        <v>1</v>
      </c>
      <c r="C28220" s="14" t="s">
        <v>109</v>
      </c>
      <c r="D28220" s="14" t="s">
        <v>179</v>
      </c>
      <c r="E28220" s="15">
        <v>45491</v>
      </c>
      <c r="F28220" s="14" t="s">
        <v>53</v>
      </c>
      <c r="G28220" s="16">
        <v>0</v>
      </c>
    </row>
    <row r="28221" spans="1:7" x14ac:dyDescent="0.3">
      <c r="A28221" s="13" t="s">
        <v>178</v>
      </c>
      <c r="B28221" s="14" t="s">
        <v>1</v>
      </c>
      <c r="C28221" s="14" t="s">
        <v>109</v>
      </c>
      <c r="D28221" s="14" t="s">
        <v>179</v>
      </c>
      <c r="E28221" s="15">
        <v>45492</v>
      </c>
      <c r="F28221" s="14" t="s">
        <v>53</v>
      </c>
      <c r="G28221" s="16">
        <v>0</v>
      </c>
    </row>
    <row r="28222" spans="1:7" x14ac:dyDescent="0.3">
      <c r="A28222" s="13" t="s">
        <v>178</v>
      </c>
      <c r="B28222" s="14" t="s">
        <v>1</v>
      </c>
      <c r="C28222" s="14" t="s">
        <v>109</v>
      </c>
      <c r="D28222" s="14" t="s">
        <v>179</v>
      </c>
      <c r="E28222" s="15">
        <v>45493</v>
      </c>
      <c r="F28222" s="14" t="s">
        <v>53</v>
      </c>
      <c r="G28222" s="16">
        <v>0</v>
      </c>
    </row>
    <row r="28223" spans="1:7" x14ac:dyDescent="0.3">
      <c r="A28223" s="13" t="s">
        <v>178</v>
      </c>
      <c r="B28223" s="14" t="s">
        <v>1</v>
      </c>
      <c r="C28223" s="14" t="s">
        <v>109</v>
      </c>
      <c r="D28223" s="14" t="s">
        <v>179</v>
      </c>
      <c r="E28223" s="15">
        <v>45494</v>
      </c>
      <c r="F28223" s="14" t="s">
        <v>53</v>
      </c>
      <c r="G28223" s="16">
        <v>0</v>
      </c>
    </row>
    <row r="28224" spans="1:7" x14ac:dyDescent="0.3">
      <c r="A28224" s="13" t="s">
        <v>178</v>
      </c>
      <c r="B28224" s="14" t="s">
        <v>1</v>
      </c>
      <c r="C28224" s="14" t="s">
        <v>109</v>
      </c>
      <c r="D28224" s="14" t="s">
        <v>179</v>
      </c>
      <c r="E28224" s="15">
        <v>45495</v>
      </c>
      <c r="F28224" s="14" t="s">
        <v>53</v>
      </c>
      <c r="G28224" s="16">
        <v>0</v>
      </c>
    </row>
    <row r="28225" spans="1:7" x14ac:dyDescent="0.3">
      <c r="A28225" s="13" t="s">
        <v>178</v>
      </c>
      <c r="B28225" s="14" t="s">
        <v>1</v>
      </c>
      <c r="C28225" s="14" t="s">
        <v>109</v>
      </c>
      <c r="D28225" s="14" t="s">
        <v>179</v>
      </c>
      <c r="E28225" s="15">
        <v>45496</v>
      </c>
      <c r="F28225" s="14" t="s">
        <v>53</v>
      </c>
      <c r="G28225" s="16">
        <v>0</v>
      </c>
    </row>
    <row r="28226" spans="1:7" x14ac:dyDescent="0.3">
      <c r="A28226" s="13" t="s">
        <v>178</v>
      </c>
      <c r="B28226" s="14" t="s">
        <v>1</v>
      </c>
      <c r="C28226" s="14" t="s">
        <v>109</v>
      </c>
      <c r="D28226" s="14" t="s">
        <v>179</v>
      </c>
      <c r="E28226" s="15">
        <v>45497</v>
      </c>
      <c r="F28226" s="14" t="s">
        <v>53</v>
      </c>
      <c r="G28226" s="16">
        <v>0</v>
      </c>
    </row>
    <row r="28227" spans="1:7" x14ac:dyDescent="0.3">
      <c r="A28227" s="13" t="s">
        <v>178</v>
      </c>
      <c r="B28227" s="14" t="s">
        <v>1</v>
      </c>
      <c r="C28227" s="14" t="s">
        <v>109</v>
      </c>
      <c r="D28227" s="14" t="s">
        <v>179</v>
      </c>
      <c r="E28227" s="15">
        <v>45498</v>
      </c>
      <c r="F28227" s="14" t="s">
        <v>53</v>
      </c>
      <c r="G28227" s="16">
        <v>0</v>
      </c>
    </row>
    <row r="28228" spans="1:7" x14ac:dyDescent="0.3">
      <c r="A28228" s="13" t="s">
        <v>178</v>
      </c>
      <c r="B28228" s="14" t="s">
        <v>1</v>
      </c>
      <c r="C28228" s="14" t="s">
        <v>109</v>
      </c>
      <c r="D28228" s="14" t="s">
        <v>179</v>
      </c>
      <c r="E28228" s="15">
        <v>45499</v>
      </c>
      <c r="F28228" s="14" t="s">
        <v>53</v>
      </c>
      <c r="G28228" s="16">
        <v>0</v>
      </c>
    </row>
    <row r="28229" spans="1:7" x14ac:dyDescent="0.3">
      <c r="A28229" s="13" t="s">
        <v>178</v>
      </c>
      <c r="B28229" s="14" t="s">
        <v>1</v>
      </c>
      <c r="C28229" s="14" t="s">
        <v>109</v>
      </c>
      <c r="D28229" s="14" t="s">
        <v>179</v>
      </c>
      <c r="E28229" s="15">
        <v>45500</v>
      </c>
      <c r="F28229" s="14" t="s">
        <v>53</v>
      </c>
      <c r="G28229" s="16">
        <v>0</v>
      </c>
    </row>
    <row r="28230" spans="1:7" x14ac:dyDescent="0.3">
      <c r="A28230" s="13" t="s">
        <v>178</v>
      </c>
      <c r="B28230" s="14" t="s">
        <v>1</v>
      </c>
      <c r="C28230" s="14" t="s">
        <v>109</v>
      </c>
      <c r="D28230" s="14" t="s">
        <v>179</v>
      </c>
      <c r="E28230" s="15">
        <v>45501</v>
      </c>
      <c r="F28230" s="14" t="s">
        <v>53</v>
      </c>
      <c r="G28230" s="16">
        <v>0</v>
      </c>
    </row>
    <row r="28231" spans="1:7" x14ac:dyDescent="0.3">
      <c r="A28231" s="13" t="s">
        <v>178</v>
      </c>
      <c r="B28231" s="14" t="s">
        <v>1</v>
      </c>
      <c r="C28231" s="14" t="s">
        <v>109</v>
      </c>
      <c r="D28231" s="14" t="s">
        <v>179</v>
      </c>
      <c r="E28231" s="15">
        <v>45502</v>
      </c>
      <c r="F28231" s="14" t="s">
        <v>53</v>
      </c>
      <c r="G28231" s="16">
        <v>0</v>
      </c>
    </row>
    <row r="28232" spans="1:7" x14ac:dyDescent="0.3">
      <c r="A28232" s="13" t="s">
        <v>178</v>
      </c>
      <c r="B28232" s="14" t="s">
        <v>1</v>
      </c>
      <c r="C28232" s="14" t="s">
        <v>109</v>
      </c>
      <c r="D28232" s="14" t="s">
        <v>179</v>
      </c>
      <c r="E28232" s="15">
        <v>45503</v>
      </c>
      <c r="F28232" s="14" t="s">
        <v>53</v>
      </c>
      <c r="G28232" s="16">
        <v>0</v>
      </c>
    </row>
    <row r="28233" spans="1:7" x14ac:dyDescent="0.3">
      <c r="A28233" s="13" t="s">
        <v>178</v>
      </c>
      <c r="B28233" s="14" t="s">
        <v>1</v>
      </c>
      <c r="C28233" s="14" t="s">
        <v>109</v>
      </c>
      <c r="D28233" s="14" t="s">
        <v>179</v>
      </c>
      <c r="E28233" s="15">
        <v>45504</v>
      </c>
      <c r="F28233" s="14" t="s">
        <v>53</v>
      </c>
      <c r="G28233" s="16">
        <v>0</v>
      </c>
    </row>
    <row r="28234" spans="1:7" x14ac:dyDescent="0.3">
      <c r="A28234" s="13" t="s">
        <v>178</v>
      </c>
      <c r="B28234" s="14" t="s">
        <v>1</v>
      </c>
      <c r="C28234" s="14" t="s">
        <v>109</v>
      </c>
      <c r="D28234" s="14" t="s">
        <v>179</v>
      </c>
      <c r="E28234" s="15">
        <v>45505</v>
      </c>
      <c r="F28234" s="14" t="s">
        <v>53</v>
      </c>
      <c r="G28234" s="16">
        <v>0</v>
      </c>
    </row>
    <row r="28235" spans="1:7" x14ac:dyDescent="0.3">
      <c r="A28235" s="13" t="s">
        <v>178</v>
      </c>
      <c r="B28235" s="14" t="s">
        <v>1</v>
      </c>
      <c r="C28235" s="14" t="s">
        <v>109</v>
      </c>
      <c r="D28235" s="14" t="s">
        <v>179</v>
      </c>
      <c r="E28235" s="15">
        <v>45506</v>
      </c>
      <c r="F28235" s="14" t="s">
        <v>53</v>
      </c>
      <c r="G28235" s="16">
        <v>0</v>
      </c>
    </row>
    <row r="28236" spans="1:7" x14ac:dyDescent="0.3">
      <c r="A28236" s="13" t="s">
        <v>178</v>
      </c>
      <c r="B28236" s="14" t="s">
        <v>1</v>
      </c>
      <c r="C28236" s="14" t="s">
        <v>109</v>
      </c>
      <c r="D28236" s="14" t="s">
        <v>179</v>
      </c>
      <c r="E28236" s="15">
        <v>45507</v>
      </c>
      <c r="F28236" s="14" t="s">
        <v>53</v>
      </c>
      <c r="G28236" s="16">
        <v>0</v>
      </c>
    </row>
    <row r="28237" spans="1:7" x14ac:dyDescent="0.3">
      <c r="A28237" s="13" t="s">
        <v>178</v>
      </c>
      <c r="B28237" s="14" t="s">
        <v>1</v>
      </c>
      <c r="C28237" s="14" t="s">
        <v>109</v>
      </c>
      <c r="D28237" s="14" t="s">
        <v>179</v>
      </c>
      <c r="E28237" s="15">
        <v>45508</v>
      </c>
      <c r="F28237" s="14" t="s">
        <v>53</v>
      </c>
      <c r="G28237" s="16">
        <v>0</v>
      </c>
    </row>
    <row r="28238" spans="1:7" x14ac:dyDescent="0.3">
      <c r="A28238" s="13" t="s">
        <v>178</v>
      </c>
      <c r="B28238" s="14" t="s">
        <v>1</v>
      </c>
      <c r="C28238" s="14" t="s">
        <v>109</v>
      </c>
      <c r="D28238" s="14" t="s">
        <v>179</v>
      </c>
      <c r="E28238" s="15">
        <v>45509</v>
      </c>
      <c r="F28238" s="14" t="s">
        <v>53</v>
      </c>
      <c r="G28238" s="16">
        <v>0</v>
      </c>
    </row>
    <row r="28239" spans="1:7" x14ac:dyDescent="0.3">
      <c r="A28239" s="13" t="s">
        <v>178</v>
      </c>
      <c r="B28239" s="14" t="s">
        <v>1</v>
      </c>
      <c r="C28239" s="14" t="s">
        <v>109</v>
      </c>
      <c r="D28239" s="14" t="s">
        <v>179</v>
      </c>
      <c r="E28239" s="15">
        <v>45510</v>
      </c>
      <c r="F28239" s="14" t="s">
        <v>53</v>
      </c>
      <c r="G28239" s="16">
        <v>0</v>
      </c>
    </row>
    <row r="28240" spans="1:7" x14ac:dyDescent="0.3">
      <c r="A28240" s="13" t="s">
        <v>178</v>
      </c>
      <c r="B28240" s="14" t="s">
        <v>1</v>
      </c>
      <c r="C28240" s="14" t="s">
        <v>109</v>
      </c>
      <c r="D28240" s="14" t="s">
        <v>179</v>
      </c>
      <c r="E28240" s="15">
        <v>45511</v>
      </c>
      <c r="F28240" s="14" t="s">
        <v>53</v>
      </c>
      <c r="G28240" s="16">
        <v>0</v>
      </c>
    </row>
    <row r="28241" spans="1:7" x14ac:dyDescent="0.3">
      <c r="A28241" s="13" t="s">
        <v>178</v>
      </c>
      <c r="B28241" s="14" t="s">
        <v>1</v>
      </c>
      <c r="C28241" s="14" t="s">
        <v>109</v>
      </c>
      <c r="D28241" s="14" t="s">
        <v>179</v>
      </c>
      <c r="E28241" s="15">
        <v>45512</v>
      </c>
      <c r="F28241" s="14" t="s">
        <v>53</v>
      </c>
      <c r="G28241" s="16">
        <v>0</v>
      </c>
    </row>
    <row r="28242" spans="1:7" x14ac:dyDescent="0.3">
      <c r="A28242" s="13" t="s">
        <v>178</v>
      </c>
      <c r="B28242" s="14" t="s">
        <v>1</v>
      </c>
      <c r="C28242" s="14" t="s">
        <v>109</v>
      </c>
      <c r="D28242" s="14" t="s">
        <v>179</v>
      </c>
      <c r="E28242" s="15">
        <v>45513</v>
      </c>
      <c r="F28242" s="14" t="s">
        <v>53</v>
      </c>
      <c r="G28242" s="16">
        <v>0</v>
      </c>
    </row>
    <row r="28243" spans="1:7" x14ac:dyDescent="0.3">
      <c r="A28243" s="13" t="s">
        <v>178</v>
      </c>
      <c r="B28243" s="14" t="s">
        <v>1</v>
      </c>
      <c r="C28243" s="14" t="s">
        <v>109</v>
      </c>
      <c r="D28243" s="14" t="s">
        <v>179</v>
      </c>
      <c r="E28243" s="15">
        <v>45514</v>
      </c>
      <c r="F28243" s="14" t="s">
        <v>53</v>
      </c>
      <c r="G28243" s="16">
        <v>0</v>
      </c>
    </row>
    <row r="28244" spans="1:7" x14ac:dyDescent="0.3">
      <c r="A28244" s="13" t="s">
        <v>178</v>
      </c>
      <c r="B28244" s="14" t="s">
        <v>1</v>
      </c>
      <c r="C28244" s="14" t="s">
        <v>109</v>
      </c>
      <c r="D28244" s="14" t="s">
        <v>179</v>
      </c>
      <c r="E28244" s="15">
        <v>45515</v>
      </c>
      <c r="F28244" s="14" t="s">
        <v>53</v>
      </c>
      <c r="G28244" s="16">
        <v>0</v>
      </c>
    </row>
    <row r="28245" spans="1:7" x14ac:dyDescent="0.3">
      <c r="A28245" s="13" t="s">
        <v>178</v>
      </c>
      <c r="B28245" s="14" t="s">
        <v>1</v>
      </c>
      <c r="C28245" s="14" t="s">
        <v>109</v>
      </c>
      <c r="D28245" s="14" t="s">
        <v>179</v>
      </c>
      <c r="E28245" s="15">
        <v>45516</v>
      </c>
      <c r="F28245" s="14" t="s">
        <v>53</v>
      </c>
      <c r="G28245" s="16">
        <v>0</v>
      </c>
    </row>
    <row r="28246" spans="1:7" x14ac:dyDescent="0.3">
      <c r="A28246" s="13" t="s">
        <v>178</v>
      </c>
      <c r="B28246" s="14" t="s">
        <v>1</v>
      </c>
      <c r="C28246" s="14" t="s">
        <v>109</v>
      </c>
      <c r="D28246" s="14" t="s">
        <v>179</v>
      </c>
      <c r="E28246" s="15">
        <v>45517</v>
      </c>
      <c r="F28246" s="14" t="s">
        <v>53</v>
      </c>
      <c r="G28246" s="16">
        <v>0</v>
      </c>
    </row>
    <row r="28247" spans="1:7" x14ac:dyDescent="0.3">
      <c r="A28247" s="13" t="s">
        <v>178</v>
      </c>
      <c r="B28247" s="14" t="s">
        <v>1</v>
      </c>
      <c r="C28247" s="14" t="s">
        <v>109</v>
      </c>
      <c r="D28247" s="14" t="s">
        <v>179</v>
      </c>
      <c r="E28247" s="15">
        <v>45518</v>
      </c>
      <c r="F28247" s="14" t="s">
        <v>53</v>
      </c>
      <c r="G28247" s="16">
        <v>0</v>
      </c>
    </row>
    <row r="28248" spans="1:7" x14ac:dyDescent="0.3">
      <c r="A28248" s="13" t="s">
        <v>178</v>
      </c>
      <c r="B28248" s="14" t="s">
        <v>1</v>
      </c>
      <c r="C28248" s="14" t="s">
        <v>109</v>
      </c>
      <c r="D28248" s="14" t="s">
        <v>179</v>
      </c>
      <c r="E28248" s="15">
        <v>45519</v>
      </c>
      <c r="F28248" s="14" t="s">
        <v>53</v>
      </c>
      <c r="G28248" s="16">
        <v>0</v>
      </c>
    </row>
    <row r="28249" spans="1:7" x14ac:dyDescent="0.3">
      <c r="A28249" s="13" t="s">
        <v>178</v>
      </c>
      <c r="B28249" s="14" t="s">
        <v>1</v>
      </c>
      <c r="C28249" s="14" t="s">
        <v>109</v>
      </c>
      <c r="D28249" s="14" t="s">
        <v>179</v>
      </c>
      <c r="E28249" s="15">
        <v>45520</v>
      </c>
      <c r="F28249" s="14" t="s">
        <v>53</v>
      </c>
      <c r="G28249" s="16">
        <v>0</v>
      </c>
    </row>
    <row r="28250" spans="1:7" x14ac:dyDescent="0.3">
      <c r="A28250" s="13" t="s">
        <v>178</v>
      </c>
      <c r="B28250" s="14" t="s">
        <v>1</v>
      </c>
      <c r="C28250" s="14" t="s">
        <v>109</v>
      </c>
      <c r="D28250" s="14" t="s">
        <v>179</v>
      </c>
      <c r="E28250" s="15">
        <v>45521</v>
      </c>
      <c r="F28250" s="14" t="s">
        <v>53</v>
      </c>
      <c r="G28250" s="16">
        <v>0</v>
      </c>
    </row>
    <row r="28251" spans="1:7" x14ac:dyDescent="0.3">
      <c r="A28251" s="13" t="s">
        <v>178</v>
      </c>
      <c r="B28251" s="14" t="s">
        <v>1</v>
      </c>
      <c r="C28251" s="14" t="s">
        <v>109</v>
      </c>
      <c r="D28251" s="14" t="s">
        <v>179</v>
      </c>
      <c r="E28251" s="15">
        <v>45522</v>
      </c>
      <c r="F28251" s="14" t="s">
        <v>53</v>
      </c>
      <c r="G28251" s="16">
        <v>0</v>
      </c>
    </row>
    <row r="28252" spans="1:7" x14ac:dyDescent="0.3">
      <c r="A28252" s="13" t="s">
        <v>178</v>
      </c>
      <c r="B28252" s="14" t="s">
        <v>1</v>
      </c>
      <c r="C28252" s="14" t="s">
        <v>109</v>
      </c>
      <c r="D28252" s="14" t="s">
        <v>179</v>
      </c>
      <c r="E28252" s="15">
        <v>45523</v>
      </c>
      <c r="F28252" s="14" t="s">
        <v>53</v>
      </c>
      <c r="G28252" s="16">
        <v>0</v>
      </c>
    </row>
    <row r="28253" spans="1:7" x14ac:dyDescent="0.3">
      <c r="A28253" s="13" t="s">
        <v>178</v>
      </c>
      <c r="B28253" s="14" t="s">
        <v>1</v>
      </c>
      <c r="C28253" s="14" t="s">
        <v>109</v>
      </c>
      <c r="D28253" s="14" t="s">
        <v>179</v>
      </c>
      <c r="E28253" s="15">
        <v>45524</v>
      </c>
      <c r="F28253" s="14" t="s">
        <v>53</v>
      </c>
      <c r="G28253" s="16">
        <v>0</v>
      </c>
    </row>
    <row r="28254" spans="1:7" x14ac:dyDescent="0.3">
      <c r="A28254" s="13" t="s">
        <v>178</v>
      </c>
      <c r="B28254" s="14" t="s">
        <v>1</v>
      </c>
      <c r="C28254" s="14" t="s">
        <v>109</v>
      </c>
      <c r="D28254" s="14" t="s">
        <v>179</v>
      </c>
      <c r="E28254" s="15">
        <v>45525</v>
      </c>
      <c r="F28254" s="14" t="s">
        <v>53</v>
      </c>
      <c r="G28254" s="16">
        <v>0</v>
      </c>
    </row>
    <row r="28255" spans="1:7" x14ac:dyDescent="0.3">
      <c r="A28255" s="13" t="s">
        <v>178</v>
      </c>
      <c r="B28255" s="14" t="s">
        <v>1</v>
      </c>
      <c r="C28255" s="14" t="s">
        <v>109</v>
      </c>
      <c r="D28255" s="14" t="s">
        <v>179</v>
      </c>
      <c r="E28255" s="15">
        <v>45526</v>
      </c>
      <c r="F28255" s="14" t="s">
        <v>53</v>
      </c>
      <c r="G28255" s="16">
        <v>0</v>
      </c>
    </row>
    <row r="28256" spans="1:7" x14ac:dyDescent="0.3">
      <c r="A28256" s="13" t="s">
        <v>178</v>
      </c>
      <c r="B28256" s="14" t="s">
        <v>1</v>
      </c>
      <c r="C28256" s="14" t="s">
        <v>109</v>
      </c>
      <c r="D28256" s="14" t="s">
        <v>179</v>
      </c>
      <c r="E28256" s="15">
        <v>45527</v>
      </c>
      <c r="F28256" s="14" t="s">
        <v>53</v>
      </c>
      <c r="G28256" s="16">
        <v>6.8360163590225551E-3</v>
      </c>
    </row>
    <row r="28257" spans="1:7" x14ac:dyDescent="0.3">
      <c r="A28257" s="13" t="s">
        <v>178</v>
      </c>
      <c r="B28257" s="14" t="s">
        <v>1</v>
      </c>
      <c r="C28257" s="14" t="s">
        <v>109</v>
      </c>
      <c r="D28257" s="14" t="s">
        <v>179</v>
      </c>
      <c r="E28257" s="15">
        <v>45528</v>
      </c>
      <c r="F28257" s="14" t="s">
        <v>53</v>
      </c>
      <c r="G28257" s="16">
        <v>6.8360163590225551E-3</v>
      </c>
    </row>
    <row r="28258" spans="1:7" x14ac:dyDescent="0.3">
      <c r="A28258" s="13" t="s">
        <v>178</v>
      </c>
      <c r="B28258" s="14" t="s">
        <v>1</v>
      </c>
      <c r="C28258" s="14" t="s">
        <v>109</v>
      </c>
      <c r="D28258" s="14" t="s">
        <v>179</v>
      </c>
      <c r="E28258" s="15">
        <v>45529</v>
      </c>
      <c r="F28258" s="14" t="s">
        <v>53</v>
      </c>
      <c r="G28258" s="16">
        <v>6.8360163590225551E-3</v>
      </c>
    </row>
    <row r="28259" spans="1:7" x14ac:dyDescent="0.3">
      <c r="A28259" s="13" t="s">
        <v>178</v>
      </c>
      <c r="B28259" s="14" t="s">
        <v>1</v>
      </c>
      <c r="C28259" s="14" t="s">
        <v>109</v>
      </c>
      <c r="D28259" s="14" t="s">
        <v>179</v>
      </c>
      <c r="E28259" s="15">
        <v>45530</v>
      </c>
      <c r="F28259" s="14" t="s">
        <v>53</v>
      </c>
      <c r="G28259" s="16">
        <v>4.3599506330658138E-3</v>
      </c>
    </row>
    <row r="28260" spans="1:7" x14ac:dyDescent="0.3">
      <c r="A28260" s="13" t="s">
        <v>178</v>
      </c>
      <c r="B28260" s="14" t="s">
        <v>1</v>
      </c>
      <c r="C28260" s="14" t="s">
        <v>109</v>
      </c>
      <c r="D28260" s="14" t="s">
        <v>179</v>
      </c>
      <c r="E28260" s="15">
        <v>45531</v>
      </c>
      <c r="F28260" s="14" t="s">
        <v>53</v>
      </c>
      <c r="G28260" s="16">
        <v>0</v>
      </c>
    </row>
    <row r="28261" spans="1:7" x14ac:dyDescent="0.3">
      <c r="A28261" s="13" t="s">
        <v>178</v>
      </c>
      <c r="B28261" s="14" t="s">
        <v>1</v>
      </c>
      <c r="C28261" s="14" t="s">
        <v>109</v>
      </c>
      <c r="D28261" s="14" t="s">
        <v>179</v>
      </c>
      <c r="E28261" s="15">
        <v>45532</v>
      </c>
      <c r="F28261" s="14" t="s">
        <v>53</v>
      </c>
      <c r="G28261" s="16">
        <v>6.6046177942808461E-3</v>
      </c>
    </row>
    <row r="28262" spans="1:7" x14ac:dyDescent="0.3">
      <c r="A28262" s="13" t="s">
        <v>178</v>
      </c>
      <c r="B28262" s="14" t="s">
        <v>1</v>
      </c>
      <c r="C28262" s="14" t="s">
        <v>109</v>
      </c>
      <c r="D28262" s="14" t="s">
        <v>179</v>
      </c>
      <c r="E28262" s="15">
        <v>45533</v>
      </c>
      <c r="F28262" s="14" t="s">
        <v>53</v>
      </c>
      <c r="G28262" s="16">
        <v>1.8033174122251534E-2</v>
      </c>
    </row>
    <row r="28263" spans="1:7" x14ac:dyDescent="0.3">
      <c r="A28263" s="13" t="s">
        <v>178</v>
      </c>
      <c r="B28263" s="14" t="s">
        <v>1</v>
      </c>
      <c r="C28263" s="14" t="s">
        <v>109</v>
      </c>
      <c r="D28263" s="14" t="s">
        <v>179</v>
      </c>
      <c r="E28263" s="15">
        <v>45534</v>
      </c>
      <c r="F28263" s="14" t="s">
        <v>53</v>
      </c>
      <c r="G28263" s="16">
        <v>1.559675519191525E-2</v>
      </c>
    </row>
    <row r="28264" spans="1:7" x14ac:dyDescent="0.3">
      <c r="A28264" s="13" t="s">
        <v>178</v>
      </c>
      <c r="B28264" s="14" t="s">
        <v>1</v>
      </c>
      <c r="C28264" s="14" t="s">
        <v>109</v>
      </c>
      <c r="D28264" s="14" t="s">
        <v>179</v>
      </c>
      <c r="E28264" s="15">
        <v>45535</v>
      </c>
      <c r="F28264" s="14" t="s">
        <v>53</v>
      </c>
      <c r="G28264" s="16">
        <v>1.559675519191525E-2</v>
      </c>
    </row>
    <row r="28265" spans="1:7" x14ac:dyDescent="0.3">
      <c r="A28265" s="13" t="s">
        <v>178</v>
      </c>
      <c r="B28265" s="14" t="s">
        <v>1</v>
      </c>
      <c r="C28265" s="14" t="s">
        <v>109</v>
      </c>
      <c r="D28265" s="14" t="s">
        <v>179</v>
      </c>
      <c r="E28265" s="15">
        <v>45536</v>
      </c>
      <c r="F28265" s="14" t="s">
        <v>53</v>
      </c>
      <c r="G28265" s="16">
        <v>1.559675519191525E-2</v>
      </c>
    </row>
    <row r="28266" spans="1:7" x14ac:dyDescent="0.3">
      <c r="A28266" s="13" t="s">
        <v>178</v>
      </c>
      <c r="B28266" s="14" t="s">
        <v>1</v>
      </c>
      <c r="C28266" s="14" t="s">
        <v>109</v>
      </c>
      <c r="D28266" s="14" t="s">
        <v>179</v>
      </c>
      <c r="E28266" s="15">
        <v>45537</v>
      </c>
      <c r="F28266" s="14" t="s">
        <v>53</v>
      </c>
      <c r="G28266" s="16">
        <v>1.3109510737520071E-2</v>
      </c>
    </row>
    <row r="28267" spans="1:7" x14ac:dyDescent="0.3">
      <c r="A28267" s="13" t="s">
        <v>178</v>
      </c>
      <c r="B28267" s="14" t="s">
        <v>1</v>
      </c>
      <c r="C28267" s="14" t="s">
        <v>109</v>
      </c>
      <c r="D28267" s="14" t="s">
        <v>179</v>
      </c>
      <c r="E28267" s="15">
        <v>45538</v>
      </c>
      <c r="F28267" s="14" t="s">
        <v>53</v>
      </c>
      <c r="G28267" s="16">
        <v>5.7272109478674199E-3</v>
      </c>
    </row>
    <row r="28268" spans="1:7" x14ac:dyDescent="0.3">
      <c r="A28268" s="13" t="s">
        <v>178</v>
      </c>
      <c r="B28268" s="14" t="s">
        <v>1</v>
      </c>
      <c r="C28268" s="14" t="s">
        <v>109</v>
      </c>
      <c r="D28268" s="14" t="s">
        <v>179</v>
      </c>
      <c r="E28268" s="15">
        <v>45539</v>
      </c>
      <c r="F28268" s="14" t="s">
        <v>53</v>
      </c>
      <c r="G28268" s="16">
        <v>4.715483473573789E-3</v>
      </c>
    </row>
    <row r="28269" spans="1:7" x14ac:dyDescent="0.3">
      <c r="A28269" s="13" t="s">
        <v>178</v>
      </c>
      <c r="B28269" s="14" t="s">
        <v>1</v>
      </c>
      <c r="C28269" s="14" t="s">
        <v>109</v>
      </c>
      <c r="D28269" s="14" t="s">
        <v>179</v>
      </c>
      <c r="E28269" s="15">
        <v>45540</v>
      </c>
      <c r="F28269" s="14" t="s">
        <v>53</v>
      </c>
      <c r="G28269" s="16">
        <v>2.3382720067800706E-3</v>
      </c>
    </row>
    <row r="28270" spans="1:7" x14ac:dyDescent="0.3">
      <c r="A28270" s="13" t="s">
        <v>178</v>
      </c>
      <c r="B28270" s="14" t="s">
        <v>1</v>
      </c>
      <c r="C28270" s="14" t="s">
        <v>109</v>
      </c>
      <c r="D28270" s="14" t="s">
        <v>179</v>
      </c>
      <c r="E28270" s="15">
        <v>45541</v>
      </c>
      <c r="F28270" s="14" t="s">
        <v>53</v>
      </c>
      <c r="G28270" s="16">
        <v>3.7876869174024004E-4</v>
      </c>
    </row>
    <row r="28271" spans="1:7" x14ac:dyDescent="0.3">
      <c r="A28271" s="13" t="s">
        <v>178</v>
      </c>
      <c r="B28271" s="14" t="s">
        <v>1</v>
      </c>
      <c r="C28271" s="14" t="s">
        <v>109</v>
      </c>
      <c r="D28271" s="14" t="s">
        <v>179</v>
      </c>
      <c r="E28271" s="15">
        <v>45542</v>
      </c>
      <c r="F28271" s="14" t="s">
        <v>53</v>
      </c>
      <c r="G28271" s="16">
        <v>3.7876869174024004E-4</v>
      </c>
    </row>
    <row r="28272" spans="1:7" x14ac:dyDescent="0.3">
      <c r="A28272" s="13" t="s">
        <v>178</v>
      </c>
      <c r="B28272" s="14" t="s">
        <v>1</v>
      </c>
      <c r="C28272" s="14" t="s">
        <v>109</v>
      </c>
      <c r="D28272" s="14" t="s">
        <v>179</v>
      </c>
      <c r="E28272" s="15">
        <v>45543</v>
      </c>
      <c r="F28272" s="14" t="s">
        <v>53</v>
      </c>
      <c r="G28272" s="16">
        <v>3.7876869174024004E-4</v>
      </c>
    </row>
    <row r="28273" spans="1:7" x14ac:dyDescent="0.3">
      <c r="A28273" s="13" t="s">
        <v>178</v>
      </c>
      <c r="B28273" s="14" t="s">
        <v>1</v>
      </c>
      <c r="C28273" s="14" t="s">
        <v>109</v>
      </c>
      <c r="D28273" s="14" t="s">
        <v>179</v>
      </c>
      <c r="E28273" s="15">
        <v>45544</v>
      </c>
      <c r="F28273" s="14" t="s">
        <v>53</v>
      </c>
      <c r="G28273" s="16">
        <v>2.8478688968479188E-3</v>
      </c>
    </row>
    <row r="28274" spans="1:7" x14ac:dyDescent="0.3">
      <c r="A28274" s="13" t="s">
        <v>178</v>
      </c>
      <c r="B28274" s="14" t="s">
        <v>1</v>
      </c>
      <c r="C28274" s="14" t="s">
        <v>109</v>
      </c>
      <c r="D28274" s="14" t="s">
        <v>179</v>
      </c>
      <c r="E28274" s="15">
        <v>45545</v>
      </c>
      <c r="F28274" s="14" t="s">
        <v>53</v>
      </c>
      <c r="G28274" s="16">
        <v>0</v>
      </c>
    </row>
    <row r="28275" spans="1:7" x14ac:dyDescent="0.3">
      <c r="A28275" s="13" t="s">
        <v>178</v>
      </c>
      <c r="B28275" s="14" t="s">
        <v>1</v>
      </c>
      <c r="C28275" s="14" t="s">
        <v>109</v>
      </c>
      <c r="D28275" s="14" t="s">
        <v>179</v>
      </c>
      <c r="E28275" s="15">
        <v>45546</v>
      </c>
      <c r="F28275" s="14" t="s">
        <v>53</v>
      </c>
      <c r="G28275" s="16">
        <v>0</v>
      </c>
    </row>
    <row r="28276" spans="1:7" x14ac:dyDescent="0.3">
      <c r="A28276" s="13" t="s">
        <v>178</v>
      </c>
      <c r="B28276" s="14" t="s">
        <v>1</v>
      </c>
      <c r="C28276" s="14" t="s">
        <v>109</v>
      </c>
      <c r="D28276" s="14" t="s">
        <v>179</v>
      </c>
      <c r="E28276" s="15">
        <v>45547</v>
      </c>
      <c r="F28276" s="14" t="s">
        <v>53</v>
      </c>
      <c r="G28276" s="16">
        <v>0</v>
      </c>
    </row>
    <row r="28277" spans="1:7" x14ac:dyDescent="0.3">
      <c r="A28277" s="13" t="s">
        <v>178</v>
      </c>
      <c r="B28277" s="14" t="s">
        <v>1</v>
      </c>
      <c r="C28277" s="14" t="s">
        <v>109</v>
      </c>
      <c r="D28277" s="14" t="s">
        <v>179</v>
      </c>
      <c r="E28277" s="15">
        <v>45548</v>
      </c>
      <c r="F28277" s="14" t="s">
        <v>53</v>
      </c>
      <c r="G28277" s="16">
        <v>0</v>
      </c>
    </row>
    <row r="28278" spans="1:7" x14ac:dyDescent="0.3">
      <c r="A28278" s="13" t="s">
        <v>178</v>
      </c>
      <c r="B28278" s="14" t="s">
        <v>1</v>
      </c>
      <c r="C28278" s="14" t="s">
        <v>109</v>
      </c>
      <c r="D28278" s="14" t="s">
        <v>179</v>
      </c>
      <c r="E28278" s="15">
        <v>45549</v>
      </c>
      <c r="F28278" s="14" t="s">
        <v>53</v>
      </c>
      <c r="G28278" s="16">
        <v>0</v>
      </c>
    </row>
    <row r="28279" spans="1:7" x14ac:dyDescent="0.3">
      <c r="A28279" s="13" t="s">
        <v>178</v>
      </c>
      <c r="B28279" s="14" t="s">
        <v>1</v>
      </c>
      <c r="C28279" s="14" t="s">
        <v>109</v>
      </c>
      <c r="D28279" s="14" t="s">
        <v>179</v>
      </c>
      <c r="E28279" s="15">
        <v>45550</v>
      </c>
      <c r="F28279" s="14" t="s">
        <v>53</v>
      </c>
      <c r="G28279" s="16">
        <v>0</v>
      </c>
    </row>
    <row r="28280" spans="1:7" x14ac:dyDescent="0.3">
      <c r="A28280" s="13" t="s">
        <v>178</v>
      </c>
      <c r="B28280" s="14" t="s">
        <v>1</v>
      </c>
      <c r="C28280" s="14" t="s">
        <v>109</v>
      </c>
      <c r="D28280" s="14" t="s">
        <v>179</v>
      </c>
      <c r="E28280" s="15">
        <v>45551</v>
      </c>
      <c r="F28280" s="14" t="s">
        <v>53</v>
      </c>
      <c r="G28280" s="16">
        <v>0</v>
      </c>
    </row>
    <row r="28281" spans="1:7" x14ac:dyDescent="0.3">
      <c r="A28281" s="13" t="s">
        <v>178</v>
      </c>
      <c r="B28281" s="14" t="s">
        <v>1</v>
      </c>
      <c r="C28281" s="14" t="s">
        <v>109</v>
      </c>
      <c r="D28281" s="14" t="s">
        <v>179</v>
      </c>
      <c r="E28281" s="15">
        <v>45552</v>
      </c>
      <c r="F28281" s="14" t="s">
        <v>53</v>
      </c>
      <c r="G28281" s="16">
        <v>0</v>
      </c>
    </row>
    <row r="28282" spans="1:7" x14ac:dyDescent="0.3">
      <c r="A28282" s="13" t="s">
        <v>178</v>
      </c>
      <c r="B28282" s="14" t="s">
        <v>1</v>
      </c>
      <c r="C28282" s="14" t="s">
        <v>109</v>
      </c>
      <c r="D28282" s="14" t="s">
        <v>179</v>
      </c>
      <c r="E28282" s="15">
        <v>45553</v>
      </c>
      <c r="F28282" s="14" t="s">
        <v>53</v>
      </c>
      <c r="G28282" s="16">
        <v>0</v>
      </c>
    </row>
    <row r="28283" spans="1:7" x14ac:dyDescent="0.3">
      <c r="A28283" s="13" t="s">
        <v>178</v>
      </c>
      <c r="B28283" s="14" t="s">
        <v>1</v>
      </c>
      <c r="C28283" s="14" t="s">
        <v>109</v>
      </c>
      <c r="D28283" s="14" t="s">
        <v>179</v>
      </c>
      <c r="E28283" s="15">
        <v>45554</v>
      </c>
      <c r="F28283" s="14" t="s">
        <v>53</v>
      </c>
      <c r="G28283" s="16">
        <v>0</v>
      </c>
    </row>
    <row r="28284" spans="1:7" x14ac:dyDescent="0.3">
      <c r="A28284" s="13" t="s">
        <v>178</v>
      </c>
      <c r="B28284" s="14" t="s">
        <v>1</v>
      </c>
      <c r="C28284" s="14" t="s">
        <v>109</v>
      </c>
      <c r="D28284" s="14" t="s">
        <v>179</v>
      </c>
      <c r="E28284" s="15">
        <v>45555</v>
      </c>
      <c r="F28284" s="14" t="s">
        <v>53</v>
      </c>
      <c r="G28284" s="16">
        <v>0</v>
      </c>
    </row>
    <row r="28285" spans="1:7" x14ac:dyDescent="0.3">
      <c r="A28285" s="13" t="s">
        <v>178</v>
      </c>
      <c r="B28285" s="14" t="s">
        <v>1</v>
      </c>
      <c r="C28285" s="14" t="s">
        <v>109</v>
      </c>
      <c r="D28285" s="14" t="s">
        <v>179</v>
      </c>
      <c r="E28285" s="15">
        <v>45556</v>
      </c>
      <c r="F28285" s="14" t="s">
        <v>53</v>
      </c>
      <c r="G28285" s="16">
        <v>0</v>
      </c>
    </row>
    <row r="28286" spans="1:7" x14ac:dyDescent="0.3">
      <c r="A28286" s="13" t="s">
        <v>178</v>
      </c>
      <c r="B28286" s="14" t="s">
        <v>1</v>
      </c>
      <c r="C28286" s="14" t="s">
        <v>109</v>
      </c>
      <c r="D28286" s="14" t="s">
        <v>179</v>
      </c>
      <c r="E28286" s="15">
        <v>45557</v>
      </c>
      <c r="F28286" s="14" t="s">
        <v>53</v>
      </c>
      <c r="G28286" s="16">
        <v>0</v>
      </c>
    </row>
    <row r="28287" spans="1:7" x14ac:dyDescent="0.3">
      <c r="A28287" s="13" t="s">
        <v>178</v>
      </c>
      <c r="B28287" s="14" t="s">
        <v>1</v>
      </c>
      <c r="C28287" s="14" t="s">
        <v>109</v>
      </c>
      <c r="D28287" s="14" t="s">
        <v>179</v>
      </c>
      <c r="E28287" s="15">
        <v>45558</v>
      </c>
      <c r="F28287" s="14" t="s">
        <v>53</v>
      </c>
      <c r="G28287" s="16">
        <v>0</v>
      </c>
    </row>
    <row r="28288" spans="1:7" x14ac:dyDescent="0.3">
      <c r="A28288" s="13" t="s">
        <v>178</v>
      </c>
      <c r="B28288" s="14" t="s">
        <v>1</v>
      </c>
      <c r="C28288" s="14" t="s">
        <v>109</v>
      </c>
      <c r="D28288" s="14" t="s">
        <v>179</v>
      </c>
      <c r="E28288" s="15">
        <v>45559</v>
      </c>
      <c r="F28288" s="14" t="s">
        <v>53</v>
      </c>
      <c r="G28288" s="16">
        <v>0</v>
      </c>
    </row>
    <row r="28289" spans="1:7" x14ac:dyDescent="0.3">
      <c r="A28289" s="13" t="s">
        <v>178</v>
      </c>
      <c r="B28289" s="14" t="s">
        <v>1</v>
      </c>
      <c r="C28289" s="14" t="s">
        <v>109</v>
      </c>
      <c r="D28289" s="14" t="s">
        <v>179</v>
      </c>
      <c r="E28289" s="15">
        <v>45560</v>
      </c>
      <c r="F28289" s="14" t="s">
        <v>53</v>
      </c>
      <c r="G28289" s="16">
        <v>0</v>
      </c>
    </row>
    <row r="28290" spans="1:7" x14ac:dyDescent="0.3">
      <c r="A28290" s="13" t="s">
        <v>178</v>
      </c>
      <c r="B28290" s="14" t="s">
        <v>1</v>
      </c>
      <c r="C28290" s="14" t="s">
        <v>109</v>
      </c>
      <c r="D28290" s="14" t="s">
        <v>179</v>
      </c>
      <c r="E28290" s="15">
        <v>45561</v>
      </c>
      <c r="F28290" s="14" t="s">
        <v>53</v>
      </c>
      <c r="G28290" s="16">
        <v>0</v>
      </c>
    </row>
    <row r="28291" spans="1:7" x14ac:dyDescent="0.3">
      <c r="A28291" s="13" t="s">
        <v>178</v>
      </c>
      <c r="B28291" s="14" t="s">
        <v>1</v>
      </c>
      <c r="C28291" s="14" t="s">
        <v>109</v>
      </c>
      <c r="D28291" s="14" t="s">
        <v>179</v>
      </c>
      <c r="E28291" s="15">
        <v>45562</v>
      </c>
      <c r="F28291" s="14" t="s">
        <v>53</v>
      </c>
      <c r="G28291" s="16">
        <v>0</v>
      </c>
    </row>
    <row r="28292" spans="1:7" x14ac:dyDescent="0.3">
      <c r="A28292" s="13" t="s">
        <v>178</v>
      </c>
      <c r="B28292" s="14" t="s">
        <v>1</v>
      </c>
      <c r="C28292" s="14" t="s">
        <v>109</v>
      </c>
      <c r="D28292" s="14" t="s">
        <v>179</v>
      </c>
      <c r="E28292" s="15">
        <v>45563</v>
      </c>
      <c r="F28292" s="14" t="s">
        <v>53</v>
      </c>
      <c r="G28292" s="16">
        <v>0</v>
      </c>
    </row>
    <row r="28293" spans="1:7" x14ac:dyDescent="0.3">
      <c r="A28293" s="13" t="s">
        <v>178</v>
      </c>
      <c r="B28293" s="14" t="s">
        <v>1</v>
      </c>
      <c r="C28293" s="14" t="s">
        <v>109</v>
      </c>
      <c r="D28293" s="14" t="s">
        <v>179</v>
      </c>
      <c r="E28293" s="15">
        <v>45564</v>
      </c>
      <c r="F28293" s="14" t="s">
        <v>53</v>
      </c>
      <c r="G28293" s="16">
        <v>0</v>
      </c>
    </row>
    <row r="28294" spans="1:7" x14ac:dyDescent="0.3">
      <c r="A28294" s="13" t="s">
        <v>178</v>
      </c>
      <c r="B28294" s="14" t="s">
        <v>1</v>
      </c>
      <c r="C28294" s="14" t="s">
        <v>109</v>
      </c>
      <c r="D28294" s="14" t="s">
        <v>179</v>
      </c>
      <c r="E28294" s="15">
        <v>45565</v>
      </c>
      <c r="F28294" s="14" t="s">
        <v>53</v>
      </c>
      <c r="G28294" s="16">
        <v>0</v>
      </c>
    </row>
    <row r="28295" spans="1:7" x14ac:dyDescent="0.3">
      <c r="A28295" s="13" t="s">
        <v>178</v>
      </c>
      <c r="B28295" s="14" t="s">
        <v>1</v>
      </c>
      <c r="C28295" s="14" t="s">
        <v>109</v>
      </c>
      <c r="D28295" s="14" t="s">
        <v>179</v>
      </c>
      <c r="E28295" s="15">
        <v>45566</v>
      </c>
      <c r="F28295" s="14" t="s">
        <v>53</v>
      </c>
      <c r="G28295" s="16">
        <v>0</v>
      </c>
    </row>
    <row r="28296" spans="1:7" x14ac:dyDescent="0.3">
      <c r="A28296" s="13" t="s">
        <v>178</v>
      </c>
      <c r="B28296" s="14" t="s">
        <v>1</v>
      </c>
      <c r="C28296" s="14" t="s">
        <v>109</v>
      </c>
      <c r="D28296" s="14" t="s">
        <v>179</v>
      </c>
      <c r="E28296" s="15">
        <v>45567</v>
      </c>
      <c r="F28296" s="14" t="s">
        <v>53</v>
      </c>
      <c r="G28296" s="16">
        <v>0</v>
      </c>
    </row>
    <row r="28297" spans="1:7" x14ac:dyDescent="0.3">
      <c r="A28297" s="13" t="s">
        <v>178</v>
      </c>
      <c r="B28297" s="14" t="s">
        <v>1</v>
      </c>
      <c r="C28297" s="14" t="s">
        <v>109</v>
      </c>
      <c r="D28297" s="14" t="s">
        <v>179</v>
      </c>
      <c r="E28297" s="15">
        <v>45568</v>
      </c>
      <c r="F28297" s="14" t="s">
        <v>53</v>
      </c>
      <c r="G28297" s="16">
        <v>0</v>
      </c>
    </row>
    <row r="28298" spans="1:7" x14ac:dyDescent="0.3">
      <c r="A28298" s="13" t="s">
        <v>178</v>
      </c>
      <c r="B28298" s="14" t="s">
        <v>1</v>
      </c>
      <c r="C28298" s="14" t="s">
        <v>109</v>
      </c>
      <c r="D28298" s="14" t="s">
        <v>179</v>
      </c>
      <c r="E28298" s="15">
        <v>45569</v>
      </c>
      <c r="F28298" s="14" t="s">
        <v>53</v>
      </c>
      <c r="G28298" s="16">
        <v>0</v>
      </c>
    </row>
    <row r="28299" spans="1:7" x14ac:dyDescent="0.3">
      <c r="A28299" s="13" t="s">
        <v>178</v>
      </c>
      <c r="B28299" s="14" t="s">
        <v>1</v>
      </c>
      <c r="C28299" s="14" t="s">
        <v>109</v>
      </c>
      <c r="D28299" s="14" t="s">
        <v>179</v>
      </c>
      <c r="E28299" s="15">
        <v>45570</v>
      </c>
      <c r="F28299" s="14" t="s">
        <v>53</v>
      </c>
      <c r="G28299" s="16">
        <v>0</v>
      </c>
    </row>
    <row r="28300" spans="1:7" x14ac:dyDescent="0.3">
      <c r="A28300" s="13" t="s">
        <v>178</v>
      </c>
      <c r="B28300" s="14" t="s">
        <v>1</v>
      </c>
      <c r="C28300" s="14" t="s">
        <v>109</v>
      </c>
      <c r="D28300" s="14" t="s">
        <v>179</v>
      </c>
      <c r="E28300" s="15">
        <v>45571</v>
      </c>
      <c r="F28300" s="14" t="s">
        <v>53</v>
      </c>
      <c r="G28300" s="16">
        <v>0</v>
      </c>
    </row>
    <row r="28301" spans="1:7" x14ac:dyDescent="0.3">
      <c r="A28301" s="13" t="s">
        <v>178</v>
      </c>
      <c r="B28301" s="14" t="s">
        <v>1</v>
      </c>
      <c r="C28301" s="14" t="s">
        <v>109</v>
      </c>
      <c r="D28301" s="14" t="s">
        <v>179</v>
      </c>
      <c r="E28301" s="15">
        <v>45572</v>
      </c>
      <c r="F28301" s="14" t="s">
        <v>53</v>
      </c>
      <c r="G28301" s="16">
        <v>0</v>
      </c>
    </row>
    <row r="28302" spans="1:7" x14ac:dyDescent="0.3">
      <c r="A28302" s="13" t="s">
        <v>178</v>
      </c>
      <c r="B28302" s="14" t="s">
        <v>1</v>
      </c>
      <c r="C28302" s="14" t="s">
        <v>109</v>
      </c>
      <c r="D28302" s="14" t="s">
        <v>179</v>
      </c>
      <c r="E28302" s="15">
        <v>45573</v>
      </c>
      <c r="F28302" s="14" t="s">
        <v>53</v>
      </c>
      <c r="G28302" s="16">
        <v>0</v>
      </c>
    </row>
    <row r="28303" spans="1:7" x14ac:dyDescent="0.3">
      <c r="A28303" s="13" t="s">
        <v>178</v>
      </c>
      <c r="B28303" s="14" t="s">
        <v>1</v>
      </c>
      <c r="C28303" s="14" t="s">
        <v>109</v>
      </c>
      <c r="D28303" s="14" t="s">
        <v>179</v>
      </c>
      <c r="E28303" s="15">
        <v>45574</v>
      </c>
      <c r="F28303" s="14" t="s">
        <v>53</v>
      </c>
      <c r="G28303" s="16">
        <v>0</v>
      </c>
    </row>
    <row r="28304" spans="1:7" x14ac:dyDescent="0.3">
      <c r="A28304" s="13" t="s">
        <v>178</v>
      </c>
      <c r="B28304" s="14" t="s">
        <v>1</v>
      </c>
      <c r="C28304" s="14" t="s">
        <v>109</v>
      </c>
      <c r="D28304" s="14" t="s">
        <v>179</v>
      </c>
      <c r="E28304" s="15">
        <v>45575</v>
      </c>
      <c r="F28304" s="14" t="s">
        <v>53</v>
      </c>
      <c r="G28304" s="16">
        <v>0</v>
      </c>
    </row>
    <row r="28305" spans="1:7" x14ac:dyDescent="0.3">
      <c r="A28305" s="13" t="s">
        <v>178</v>
      </c>
      <c r="B28305" s="14" t="s">
        <v>1</v>
      </c>
      <c r="C28305" s="14" t="s">
        <v>109</v>
      </c>
      <c r="D28305" s="14" t="s">
        <v>179</v>
      </c>
      <c r="E28305" s="15">
        <v>45576</v>
      </c>
      <c r="F28305" s="14" t="s">
        <v>53</v>
      </c>
      <c r="G28305" s="16">
        <v>0</v>
      </c>
    </row>
    <row r="28306" spans="1:7" x14ac:dyDescent="0.3">
      <c r="A28306" s="13" t="s">
        <v>178</v>
      </c>
      <c r="B28306" s="14" t="s">
        <v>1</v>
      </c>
      <c r="C28306" s="14" t="s">
        <v>109</v>
      </c>
      <c r="D28306" s="14" t="s">
        <v>179</v>
      </c>
      <c r="E28306" s="15">
        <v>45577</v>
      </c>
      <c r="F28306" s="14" t="s">
        <v>53</v>
      </c>
      <c r="G28306" s="16">
        <v>0</v>
      </c>
    </row>
    <row r="28307" spans="1:7" x14ac:dyDescent="0.3">
      <c r="A28307" s="13" t="s">
        <v>178</v>
      </c>
      <c r="B28307" s="14" t="s">
        <v>1</v>
      </c>
      <c r="C28307" s="14" t="s">
        <v>109</v>
      </c>
      <c r="D28307" s="14" t="s">
        <v>179</v>
      </c>
      <c r="E28307" s="15">
        <v>45578</v>
      </c>
      <c r="F28307" s="14" t="s">
        <v>53</v>
      </c>
      <c r="G28307" s="16">
        <v>0</v>
      </c>
    </row>
    <row r="28308" spans="1:7" x14ac:dyDescent="0.3">
      <c r="A28308" s="13" t="s">
        <v>178</v>
      </c>
      <c r="B28308" s="14" t="s">
        <v>1</v>
      </c>
      <c r="C28308" s="14" t="s">
        <v>109</v>
      </c>
      <c r="D28308" s="14" t="s">
        <v>179</v>
      </c>
      <c r="E28308" s="15">
        <v>45579</v>
      </c>
      <c r="F28308" s="14" t="s">
        <v>53</v>
      </c>
      <c r="G28308" s="16">
        <v>0</v>
      </c>
    </row>
    <row r="28309" spans="1:7" x14ac:dyDescent="0.3">
      <c r="A28309" s="13" t="s">
        <v>178</v>
      </c>
      <c r="B28309" s="14" t="s">
        <v>1</v>
      </c>
      <c r="C28309" s="14" t="s">
        <v>109</v>
      </c>
      <c r="D28309" s="14" t="s">
        <v>179</v>
      </c>
      <c r="E28309" s="15">
        <v>45580</v>
      </c>
      <c r="F28309" s="14" t="s">
        <v>53</v>
      </c>
      <c r="G28309" s="16">
        <v>0</v>
      </c>
    </row>
    <row r="28310" spans="1:7" x14ac:dyDescent="0.3">
      <c r="A28310" s="13" t="s">
        <v>178</v>
      </c>
      <c r="B28310" s="14" t="s">
        <v>1</v>
      </c>
      <c r="C28310" s="14" t="s">
        <v>109</v>
      </c>
      <c r="D28310" s="14" t="s">
        <v>179</v>
      </c>
      <c r="E28310" s="15">
        <v>45581</v>
      </c>
      <c r="F28310" s="14" t="s">
        <v>53</v>
      </c>
      <c r="G28310" s="16">
        <v>0</v>
      </c>
    </row>
    <row r="28311" spans="1:7" x14ac:dyDescent="0.3">
      <c r="A28311" s="13" t="s">
        <v>178</v>
      </c>
      <c r="B28311" s="14" t="s">
        <v>1</v>
      </c>
      <c r="C28311" s="14" t="s">
        <v>109</v>
      </c>
      <c r="D28311" s="14" t="s">
        <v>179</v>
      </c>
      <c r="E28311" s="15">
        <v>45582</v>
      </c>
      <c r="F28311" s="14" t="s">
        <v>53</v>
      </c>
      <c r="G28311" s="16">
        <v>0</v>
      </c>
    </row>
    <row r="28312" spans="1:7" x14ac:dyDescent="0.3">
      <c r="A28312" s="13" t="s">
        <v>178</v>
      </c>
      <c r="B28312" s="14" t="s">
        <v>1</v>
      </c>
      <c r="C28312" s="14" t="s">
        <v>109</v>
      </c>
      <c r="D28312" s="14" t="s">
        <v>179</v>
      </c>
      <c r="E28312" s="15">
        <v>45583</v>
      </c>
      <c r="F28312" s="14" t="s">
        <v>53</v>
      </c>
      <c r="G28312" s="16">
        <v>0</v>
      </c>
    </row>
    <row r="28313" spans="1:7" x14ac:dyDescent="0.3">
      <c r="A28313" s="13" t="s">
        <v>178</v>
      </c>
      <c r="B28313" s="14" t="s">
        <v>1</v>
      </c>
      <c r="C28313" s="14" t="s">
        <v>109</v>
      </c>
      <c r="D28313" s="14" t="s">
        <v>179</v>
      </c>
      <c r="E28313" s="15">
        <v>45584</v>
      </c>
      <c r="F28313" s="14" t="s">
        <v>53</v>
      </c>
      <c r="G28313" s="16">
        <v>0</v>
      </c>
    </row>
    <row r="28314" spans="1:7" x14ac:dyDescent="0.3">
      <c r="A28314" s="13" t="s">
        <v>178</v>
      </c>
      <c r="B28314" s="14" t="s">
        <v>1</v>
      </c>
      <c r="C28314" s="14" t="s">
        <v>109</v>
      </c>
      <c r="D28314" s="14" t="s">
        <v>179</v>
      </c>
      <c r="E28314" s="15">
        <v>45585</v>
      </c>
      <c r="F28314" s="14" t="s">
        <v>53</v>
      </c>
      <c r="G28314" s="16">
        <v>0</v>
      </c>
    </row>
    <row r="28315" spans="1:7" x14ac:dyDescent="0.3">
      <c r="A28315" s="13" t="s">
        <v>178</v>
      </c>
      <c r="B28315" s="14" t="s">
        <v>1</v>
      </c>
      <c r="C28315" s="14" t="s">
        <v>109</v>
      </c>
      <c r="D28315" s="14" t="s">
        <v>179</v>
      </c>
      <c r="E28315" s="15">
        <v>45586</v>
      </c>
      <c r="F28315" s="14" t="s">
        <v>53</v>
      </c>
      <c r="G28315" s="16">
        <v>0</v>
      </c>
    </row>
    <row r="28316" spans="1:7" x14ac:dyDescent="0.3">
      <c r="A28316" s="13" t="s">
        <v>178</v>
      </c>
      <c r="B28316" s="14" t="s">
        <v>1</v>
      </c>
      <c r="C28316" s="14" t="s">
        <v>109</v>
      </c>
      <c r="D28316" s="14" t="s">
        <v>179</v>
      </c>
      <c r="E28316" s="15">
        <v>45587</v>
      </c>
      <c r="F28316" s="14" t="s">
        <v>53</v>
      </c>
      <c r="G28316" s="16">
        <v>0</v>
      </c>
    </row>
    <row r="28317" spans="1:7" x14ac:dyDescent="0.3">
      <c r="A28317" s="13" t="s">
        <v>178</v>
      </c>
      <c r="B28317" s="14" t="s">
        <v>1</v>
      </c>
      <c r="C28317" s="14" t="s">
        <v>109</v>
      </c>
      <c r="D28317" s="14" t="s">
        <v>179</v>
      </c>
      <c r="E28317" s="15">
        <v>45588</v>
      </c>
      <c r="F28317" s="14" t="s">
        <v>53</v>
      </c>
      <c r="G28317" s="16">
        <v>0</v>
      </c>
    </row>
    <row r="28318" spans="1:7" x14ac:dyDescent="0.3">
      <c r="A28318" s="13" t="s">
        <v>178</v>
      </c>
      <c r="B28318" s="14" t="s">
        <v>1</v>
      </c>
      <c r="C28318" s="14" t="s">
        <v>109</v>
      </c>
      <c r="D28318" s="14" t="s">
        <v>179</v>
      </c>
      <c r="E28318" s="15">
        <v>45589</v>
      </c>
      <c r="F28318" s="14" t="s">
        <v>53</v>
      </c>
      <c r="G28318" s="16">
        <v>0</v>
      </c>
    </row>
    <row r="28319" spans="1:7" x14ac:dyDescent="0.3">
      <c r="A28319" s="13" t="s">
        <v>178</v>
      </c>
      <c r="B28319" s="14" t="s">
        <v>1</v>
      </c>
      <c r="C28319" s="14" t="s">
        <v>109</v>
      </c>
      <c r="D28319" s="14" t="s">
        <v>179</v>
      </c>
      <c r="E28319" s="15">
        <v>45590</v>
      </c>
      <c r="F28319" s="14" t="s">
        <v>53</v>
      </c>
      <c r="G28319" s="16">
        <v>0</v>
      </c>
    </row>
    <row r="28320" spans="1:7" x14ac:dyDescent="0.3">
      <c r="A28320" s="13" t="s">
        <v>178</v>
      </c>
      <c r="B28320" s="14" t="s">
        <v>1</v>
      </c>
      <c r="C28320" s="14" t="s">
        <v>109</v>
      </c>
      <c r="D28320" s="14" t="s">
        <v>179</v>
      </c>
      <c r="E28320" s="15">
        <v>45591</v>
      </c>
      <c r="F28320" s="14" t="s">
        <v>53</v>
      </c>
      <c r="G28320" s="16">
        <v>0</v>
      </c>
    </row>
    <row r="28321" spans="1:7" x14ac:dyDescent="0.3">
      <c r="A28321" s="13" t="s">
        <v>178</v>
      </c>
      <c r="B28321" s="14" t="s">
        <v>1</v>
      </c>
      <c r="C28321" s="14" t="s">
        <v>109</v>
      </c>
      <c r="D28321" s="14" t="s">
        <v>179</v>
      </c>
      <c r="E28321" s="15">
        <v>45592</v>
      </c>
      <c r="F28321" s="14" t="s">
        <v>53</v>
      </c>
      <c r="G28321" s="16">
        <v>0</v>
      </c>
    </row>
    <row r="28322" spans="1:7" x14ac:dyDescent="0.3">
      <c r="A28322" s="13" t="s">
        <v>178</v>
      </c>
      <c r="B28322" s="14" t="s">
        <v>1</v>
      </c>
      <c r="C28322" s="14" t="s">
        <v>109</v>
      </c>
      <c r="D28322" s="14" t="s">
        <v>179</v>
      </c>
      <c r="E28322" s="15">
        <v>45593</v>
      </c>
      <c r="F28322" s="14" t="s">
        <v>53</v>
      </c>
      <c r="G28322" s="16">
        <v>0</v>
      </c>
    </row>
    <row r="28323" spans="1:7" x14ac:dyDescent="0.3">
      <c r="A28323" s="13" t="s">
        <v>178</v>
      </c>
      <c r="B28323" s="14" t="s">
        <v>1</v>
      </c>
      <c r="C28323" s="14" t="s">
        <v>109</v>
      </c>
      <c r="D28323" s="14" t="s">
        <v>179</v>
      </c>
      <c r="E28323" s="15">
        <v>45594</v>
      </c>
      <c r="F28323" s="14" t="s">
        <v>53</v>
      </c>
      <c r="G28323" s="16">
        <v>0</v>
      </c>
    </row>
    <row r="28324" spans="1:7" x14ac:dyDescent="0.3">
      <c r="A28324" s="13" t="s">
        <v>178</v>
      </c>
      <c r="B28324" s="14" t="s">
        <v>1</v>
      </c>
      <c r="C28324" s="14" t="s">
        <v>109</v>
      </c>
      <c r="D28324" s="14" t="s">
        <v>179</v>
      </c>
      <c r="E28324" s="15">
        <v>45595</v>
      </c>
      <c r="F28324" s="14" t="s">
        <v>53</v>
      </c>
      <c r="G28324" s="16">
        <v>0</v>
      </c>
    </row>
    <row r="28325" spans="1:7" x14ac:dyDescent="0.3">
      <c r="A28325" s="13" t="s">
        <v>178</v>
      </c>
      <c r="B28325" s="14" t="s">
        <v>1</v>
      </c>
      <c r="C28325" s="14" t="s">
        <v>109</v>
      </c>
      <c r="D28325" s="14" t="s">
        <v>179</v>
      </c>
      <c r="E28325" s="15">
        <v>45596</v>
      </c>
      <c r="F28325" s="14" t="s">
        <v>53</v>
      </c>
      <c r="G28325" s="16">
        <v>0</v>
      </c>
    </row>
    <row r="28326" spans="1:7" x14ac:dyDescent="0.3">
      <c r="A28326" s="13" t="s">
        <v>178</v>
      </c>
      <c r="B28326" s="14" t="s">
        <v>1</v>
      </c>
      <c r="C28326" s="14" t="s">
        <v>109</v>
      </c>
      <c r="D28326" s="14" t="s">
        <v>179</v>
      </c>
      <c r="E28326" s="15">
        <v>45597</v>
      </c>
      <c r="F28326" s="14" t="s">
        <v>53</v>
      </c>
      <c r="G28326" s="16">
        <v>0</v>
      </c>
    </row>
    <row r="28327" spans="1:7" x14ac:dyDescent="0.3">
      <c r="A28327" s="13" t="s">
        <v>178</v>
      </c>
      <c r="B28327" s="14" t="s">
        <v>1</v>
      </c>
      <c r="C28327" s="14" t="s">
        <v>109</v>
      </c>
      <c r="D28327" s="14" t="s">
        <v>179</v>
      </c>
      <c r="E28327" s="15">
        <v>45598</v>
      </c>
      <c r="F28327" s="14" t="s">
        <v>53</v>
      </c>
      <c r="G28327" s="16">
        <v>0</v>
      </c>
    </row>
    <row r="28328" spans="1:7" x14ac:dyDescent="0.3">
      <c r="A28328" s="13" t="s">
        <v>178</v>
      </c>
      <c r="B28328" s="14" t="s">
        <v>1</v>
      </c>
      <c r="C28328" s="14" t="s">
        <v>109</v>
      </c>
      <c r="D28328" s="14" t="s">
        <v>179</v>
      </c>
      <c r="E28328" s="15">
        <v>45599</v>
      </c>
      <c r="F28328" s="14" t="s">
        <v>53</v>
      </c>
      <c r="G28328" s="16">
        <v>0</v>
      </c>
    </row>
    <row r="28329" spans="1:7" x14ac:dyDescent="0.3">
      <c r="A28329" s="13" t="s">
        <v>178</v>
      </c>
      <c r="B28329" s="14" t="s">
        <v>1</v>
      </c>
      <c r="C28329" s="14" t="s">
        <v>109</v>
      </c>
      <c r="D28329" s="14" t="s">
        <v>179</v>
      </c>
      <c r="E28329" s="15">
        <v>45600</v>
      </c>
      <c r="F28329" s="14" t="s">
        <v>53</v>
      </c>
      <c r="G28329" s="16">
        <v>0</v>
      </c>
    </row>
    <row r="28330" spans="1:7" x14ac:dyDescent="0.3">
      <c r="A28330" s="13" t="s">
        <v>178</v>
      </c>
      <c r="B28330" s="14" t="s">
        <v>1</v>
      </c>
      <c r="C28330" s="14" t="s">
        <v>109</v>
      </c>
      <c r="D28330" s="14" t="s">
        <v>179</v>
      </c>
      <c r="E28330" s="15">
        <v>45601</v>
      </c>
      <c r="F28330" s="14" t="s">
        <v>53</v>
      </c>
      <c r="G28330" s="16">
        <v>0</v>
      </c>
    </row>
    <row r="28331" spans="1:7" x14ac:dyDescent="0.3">
      <c r="A28331" s="13" t="s">
        <v>178</v>
      </c>
      <c r="B28331" s="14" t="s">
        <v>1</v>
      </c>
      <c r="C28331" s="14" t="s">
        <v>109</v>
      </c>
      <c r="D28331" s="14" t="s">
        <v>179</v>
      </c>
      <c r="E28331" s="15">
        <v>45602</v>
      </c>
      <c r="F28331" s="14" t="s">
        <v>53</v>
      </c>
      <c r="G28331" s="16">
        <v>0</v>
      </c>
    </row>
    <row r="28332" spans="1:7" x14ac:dyDescent="0.3">
      <c r="A28332" s="13" t="s">
        <v>178</v>
      </c>
      <c r="B28332" s="14" t="s">
        <v>1</v>
      </c>
      <c r="C28332" s="14" t="s">
        <v>109</v>
      </c>
      <c r="D28332" s="14" t="s">
        <v>179</v>
      </c>
      <c r="E28332" s="15">
        <v>45603</v>
      </c>
      <c r="F28332" s="14" t="s">
        <v>53</v>
      </c>
      <c r="G28332" s="16">
        <v>0</v>
      </c>
    </row>
    <row r="28333" spans="1:7" x14ac:dyDescent="0.3">
      <c r="A28333" s="13" t="s">
        <v>178</v>
      </c>
      <c r="B28333" s="14" t="s">
        <v>1</v>
      </c>
      <c r="C28333" s="14" t="s">
        <v>109</v>
      </c>
      <c r="D28333" s="14" t="s">
        <v>179</v>
      </c>
      <c r="E28333" s="15">
        <v>45604</v>
      </c>
      <c r="F28333" s="14" t="s">
        <v>53</v>
      </c>
      <c r="G28333" s="16">
        <v>0</v>
      </c>
    </row>
    <row r="28334" spans="1:7" x14ac:dyDescent="0.3">
      <c r="A28334" s="13" t="s">
        <v>178</v>
      </c>
      <c r="B28334" s="14" t="s">
        <v>1</v>
      </c>
      <c r="C28334" s="14" t="s">
        <v>109</v>
      </c>
      <c r="D28334" s="14" t="s">
        <v>179</v>
      </c>
      <c r="E28334" s="15">
        <v>45605</v>
      </c>
      <c r="F28334" s="14" t="s">
        <v>53</v>
      </c>
      <c r="G28334" s="16">
        <v>0</v>
      </c>
    </row>
    <row r="28335" spans="1:7" x14ac:dyDescent="0.3">
      <c r="A28335" s="13" t="s">
        <v>178</v>
      </c>
      <c r="B28335" s="14" t="s">
        <v>1</v>
      </c>
      <c r="C28335" s="14" t="s">
        <v>109</v>
      </c>
      <c r="D28335" s="14" t="s">
        <v>179</v>
      </c>
      <c r="E28335" s="15">
        <v>45606</v>
      </c>
      <c r="F28335" s="14" t="s">
        <v>53</v>
      </c>
      <c r="G28335" s="16">
        <v>0</v>
      </c>
    </row>
    <row r="28336" spans="1:7" x14ac:dyDescent="0.3">
      <c r="A28336" s="13" t="s">
        <v>178</v>
      </c>
      <c r="B28336" s="14" t="s">
        <v>1</v>
      </c>
      <c r="C28336" s="14" t="s">
        <v>109</v>
      </c>
      <c r="D28336" s="14" t="s">
        <v>179</v>
      </c>
      <c r="E28336" s="15">
        <v>45607</v>
      </c>
      <c r="F28336" s="14" t="s">
        <v>53</v>
      </c>
      <c r="G28336" s="16">
        <v>0</v>
      </c>
    </row>
    <row r="28337" spans="1:7" x14ac:dyDescent="0.3">
      <c r="A28337" s="13" t="s">
        <v>178</v>
      </c>
      <c r="B28337" s="14" t="s">
        <v>1</v>
      </c>
      <c r="C28337" s="14" t="s">
        <v>109</v>
      </c>
      <c r="D28337" s="14" t="s">
        <v>179</v>
      </c>
      <c r="E28337" s="15">
        <v>45608</v>
      </c>
      <c r="F28337" s="14" t="s">
        <v>53</v>
      </c>
      <c r="G28337" s="16">
        <v>0</v>
      </c>
    </row>
    <row r="28338" spans="1:7" x14ac:dyDescent="0.3">
      <c r="A28338" s="13" t="s">
        <v>178</v>
      </c>
      <c r="B28338" s="14" t="s">
        <v>1</v>
      </c>
      <c r="C28338" s="14" t="s">
        <v>109</v>
      </c>
      <c r="D28338" s="14" t="s">
        <v>179</v>
      </c>
      <c r="E28338" s="15">
        <v>45609</v>
      </c>
      <c r="F28338" s="14" t="s">
        <v>53</v>
      </c>
      <c r="G28338" s="16">
        <v>0</v>
      </c>
    </row>
    <row r="28339" spans="1:7" x14ac:dyDescent="0.3">
      <c r="A28339" s="13" t="s">
        <v>178</v>
      </c>
      <c r="B28339" s="14" t="s">
        <v>1</v>
      </c>
      <c r="C28339" s="14" t="s">
        <v>109</v>
      </c>
      <c r="D28339" s="14" t="s">
        <v>179</v>
      </c>
      <c r="E28339" s="15">
        <v>45610</v>
      </c>
      <c r="F28339" s="14" t="s">
        <v>53</v>
      </c>
      <c r="G28339" s="16">
        <v>0</v>
      </c>
    </row>
    <row r="28340" spans="1:7" x14ac:dyDescent="0.3">
      <c r="A28340" s="13" t="s">
        <v>178</v>
      </c>
      <c r="B28340" s="14" t="s">
        <v>1</v>
      </c>
      <c r="C28340" s="14" t="s">
        <v>109</v>
      </c>
      <c r="D28340" s="14" t="s">
        <v>179</v>
      </c>
      <c r="E28340" s="15">
        <v>45611</v>
      </c>
      <c r="F28340" s="14" t="s">
        <v>53</v>
      </c>
      <c r="G28340" s="16">
        <v>0</v>
      </c>
    </row>
    <row r="28341" spans="1:7" x14ac:dyDescent="0.3">
      <c r="A28341" s="13" t="s">
        <v>178</v>
      </c>
      <c r="B28341" s="14" t="s">
        <v>1</v>
      </c>
      <c r="C28341" s="14" t="s">
        <v>109</v>
      </c>
      <c r="D28341" s="14" t="s">
        <v>179</v>
      </c>
      <c r="E28341" s="15">
        <v>45612</v>
      </c>
      <c r="F28341" s="14" t="s">
        <v>53</v>
      </c>
      <c r="G28341" s="16">
        <v>0</v>
      </c>
    </row>
    <row r="28342" spans="1:7" x14ac:dyDescent="0.3">
      <c r="A28342" s="13" t="s">
        <v>178</v>
      </c>
      <c r="B28342" s="14" t="s">
        <v>1</v>
      </c>
      <c r="C28342" s="14" t="s">
        <v>109</v>
      </c>
      <c r="D28342" s="14" t="s">
        <v>179</v>
      </c>
      <c r="E28342" s="15">
        <v>45613</v>
      </c>
      <c r="F28342" s="14" t="s">
        <v>53</v>
      </c>
      <c r="G28342" s="16">
        <v>0</v>
      </c>
    </row>
    <row r="28343" spans="1:7" x14ac:dyDescent="0.3">
      <c r="A28343" s="13" t="s">
        <v>178</v>
      </c>
      <c r="B28343" s="14" t="s">
        <v>1</v>
      </c>
      <c r="C28343" s="14" t="s">
        <v>109</v>
      </c>
      <c r="D28343" s="14" t="s">
        <v>179</v>
      </c>
      <c r="E28343" s="15">
        <v>45614</v>
      </c>
      <c r="F28343" s="14" t="s">
        <v>53</v>
      </c>
      <c r="G28343" s="16">
        <v>0</v>
      </c>
    </row>
    <row r="28344" spans="1:7" x14ac:dyDescent="0.3">
      <c r="A28344" s="13" t="s">
        <v>178</v>
      </c>
      <c r="B28344" s="14" t="s">
        <v>1</v>
      </c>
      <c r="C28344" s="14" t="s">
        <v>109</v>
      </c>
      <c r="D28344" s="14" t="s">
        <v>179</v>
      </c>
      <c r="E28344" s="15">
        <v>45615</v>
      </c>
      <c r="F28344" s="14" t="s">
        <v>53</v>
      </c>
      <c r="G28344" s="16">
        <v>0</v>
      </c>
    </row>
    <row r="28345" spans="1:7" x14ac:dyDescent="0.3">
      <c r="A28345" s="13" t="s">
        <v>178</v>
      </c>
      <c r="B28345" s="14" t="s">
        <v>1</v>
      </c>
      <c r="C28345" s="14" t="s">
        <v>109</v>
      </c>
      <c r="D28345" s="14" t="s">
        <v>179</v>
      </c>
      <c r="E28345" s="15">
        <v>45616</v>
      </c>
      <c r="F28345" s="14" t="s">
        <v>53</v>
      </c>
      <c r="G28345" s="16">
        <v>0</v>
      </c>
    </row>
    <row r="28346" spans="1:7" x14ac:dyDescent="0.3">
      <c r="A28346" s="13" t="s">
        <v>178</v>
      </c>
      <c r="B28346" s="14" t="s">
        <v>1</v>
      </c>
      <c r="C28346" s="14" t="s">
        <v>109</v>
      </c>
      <c r="D28346" s="14" t="s">
        <v>179</v>
      </c>
      <c r="E28346" s="15">
        <v>45617</v>
      </c>
      <c r="F28346" s="14" t="s">
        <v>53</v>
      </c>
      <c r="G28346" s="16">
        <v>0</v>
      </c>
    </row>
    <row r="28347" spans="1:7" x14ac:dyDescent="0.3">
      <c r="A28347" s="13" t="s">
        <v>178</v>
      </c>
      <c r="B28347" s="14" t="s">
        <v>1</v>
      </c>
      <c r="C28347" s="14" t="s">
        <v>109</v>
      </c>
      <c r="D28347" s="14" t="s">
        <v>179</v>
      </c>
      <c r="E28347" s="15">
        <v>45618</v>
      </c>
      <c r="F28347" s="14" t="s">
        <v>53</v>
      </c>
      <c r="G28347" s="16">
        <v>0</v>
      </c>
    </row>
    <row r="28348" spans="1:7" x14ac:dyDescent="0.3">
      <c r="A28348" s="13" t="s">
        <v>178</v>
      </c>
      <c r="B28348" s="14" t="s">
        <v>1</v>
      </c>
      <c r="C28348" s="14" t="s">
        <v>109</v>
      </c>
      <c r="D28348" s="14" t="s">
        <v>179</v>
      </c>
      <c r="E28348" s="15">
        <v>45619</v>
      </c>
      <c r="F28348" s="14" t="s">
        <v>53</v>
      </c>
      <c r="G28348" s="16">
        <v>0</v>
      </c>
    </row>
    <row r="28349" spans="1:7" x14ac:dyDescent="0.3">
      <c r="A28349" s="13" t="s">
        <v>178</v>
      </c>
      <c r="B28349" s="14" t="s">
        <v>1</v>
      </c>
      <c r="C28349" s="14" t="s">
        <v>109</v>
      </c>
      <c r="D28349" s="14" t="s">
        <v>179</v>
      </c>
      <c r="E28349" s="15">
        <v>45620</v>
      </c>
      <c r="F28349" s="14" t="s">
        <v>53</v>
      </c>
      <c r="G28349" s="16">
        <v>0</v>
      </c>
    </row>
    <row r="28350" spans="1:7" x14ac:dyDescent="0.3">
      <c r="A28350" s="13" t="s">
        <v>178</v>
      </c>
      <c r="B28350" s="14" t="s">
        <v>1</v>
      </c>
      <c r="C28350" s="14" t="s">
        <v>109</v>
      </c>
      <c r="D28350" s="14" t="s">
        <v>179</v>
      </c>
      <c r="E28350" s="15">
        <v>45621</v>
      </c>
      <c r="F28350" s="14" t="s">
        <v>53</v>
      </c>
      <c r="G28350" s="16">
        <v>0</v>
      </c>
    </row>
    <row r="28351" spans="1:7" x14ac:dyDescent="0.3">
      <c r="A28351" s="13" t="s">
        <v>178</v>
      </c>
      <c r="B28351" s="14" t="s">
        <v>1</v>
      </c>
      <c r="C28351" s="14" t="s">
        <v>109</v>
      </c>
      <c r="D28351" s="14" t="s">
        <v>179</v>
      </c>
      <c r="E28351" s="15">
        <v>45622</v>
      </c>
      <c r="F28351" s="14" t="s">
        <v>53</v>
      </c>
      <c r="G28351" s="16">
        <v>0</v>
      </c>
    </row>
    <row r="28352" spans="1:7" x14ac:dyDescent="0.3">
      <c r="A28352" s="13" t="s">
        <v>178</v>
      </c>
      <c r="B28352" s="14" t="s">
        <v>1</v>
      </c>
      <c r="C28352" s="14" t="s">
        <v>109</v>
      </c>
      <c r="D28352" s="14" t="s">
        <v>179</v>
      </c>
      <c r="E28352" s="15">
        <v>45623</v>
      </c>
      <c r="F28352" s="14" t="s">
        <v>53</v>
      </c>
      <c r="G28352" s="16">
        <v>0</v>
      </c>
    </row>
    <row r="28353" spans="1:7" x14ac:dyDescent="0.3">
      <c r="A28353" s="13" t="s">
        <v>178</v>
      </c>
      <c r="B28353" s="14" t="s">
        <v>1</v>
      </c>
      <c r="C28353" s="14" t="s">
        <v>109</v>
      </c>
      <c r="D28353" s="14" t="s">
        <v>179</v>
      </c>
      <c r="E28353" s="15">
        <v>45624</v>
      </c>
      <c r="F28353" s="14" t="s">
        <v>53</v>
      </c>
      <c r="G28353" s="16">
        <v>0</v>
      </c>
    </row>
    <row r="28354" spans="1:7" x14ac:dyDescent="0.3">
      <c r="A28354" s="13" t="s">
        <v>178</v>
      </c>
      <c r="B28354" s="14" t="s">
        <v>1</v>
      </c>
      <c r="C28354" s="14" t="s">
        <v>109</v>
      </c>
      <c r="D28354" s="14" t="s">
        <v>179</v>
      </c>
      <c r="E28354" s="15">
        <v>45625</v>
      </c>
      <c r="F28354" s="14" t="s">
        <v>53</v>
      </c>
      <c r="G28354" s="16">
        <v>0</v>
      </c>
    </row>
    <row r="28355" spans="1:7" x14ac:dyDescent="0.3">
      <c r="A28355" s="13" t="s">
        <v>178</v>
      </c>
      <c r="B28355" s="14" t="s">
        <v>1</v>
      </c>
      <c r="C28355" s="14" t="s">
        <v>109</v>
      </c>
      <c r="D28355" s="14" t="s">
        <v>179</v>
      </c>
      <c r="E28355" s="15">
        <v>45626</v>
      </c>
      <c r="F28355" s="14" t="s">
        <v>53</v>
      </c>
      <c r="G28355" s="16">
        <v>0</v>
      </c>
    </row>
    <row r="28356" spans="1:7" x14ac:dyDescent="0.3">
      <c r="A28356" s="13" t="s">
        <v>178</v>
      </c>
      <c r="B28356" s="14" t="s">
        <v>1</v>
      </c>
      <c r="C28356" s="14" t="s">
        <v>109</v>
      </c>
      <c r="D28356" s="14" t="s">
        <v>179</v>
      </c>
      <c r="E28356" s="15">
        <v>45627</v>
      </c>
      <c r="F28356" s="14" t="s">
        <v>53</v>
      </c>
      <c r="G28356" s="16">
        <v>0</v>
      </c>
    </row>
    <row r="28357" spans="1:7" x14ac:dyDescent="0.3">
      <c r="A28357" s="13" t="s">
        <v>178</v>
      </c>
      <c r="B28357" s="14" t="s">
        <v>1</v>
      </c>
      <c r="C28357" s="14" t="s">
        <v>109</v>
      </c>
      <c r="D28357" s="14" t="s">
        <v>179</v>
      </c>
      <c r="E28357" s="15">
        <v>45628</v>
      </c>
      <c r="F28357" s="14" t="s">
        <v>53</v>
      </c>
      <c r="G28357" s="16">
        <v>0</v>
      </c>
    </row>
    <row r="28358" spans="1:7" x14ac:dyDescent="0.3">
      <c r="A28358" s="13" t="s">
        <v>178</v>
      </c>
      <c r="B28358" s="14" t="s">
        <v>1</v>
      </c>
      <c r="C28358" s="14" t="s">
        <v>109</v>
      </c>
      <c r="D28358" s="14" t="s">
        <v>179</v>
      </c>
      <c r="E28358" s="15">
        <v>45629</v>
      </c>
      <c r="F28358" s="14" t="s">
        <v>53</v>
      </c>
      <c r="G28358" s="16">
        <v>0</v>
      </c>
    </row>
    <row r="28359" spans="1:7" x14ac:dyDescent="0.3">
      <c r="A28359" s="13" t="s">
        <v>178</v>
      </c>
      <c r="B28359" s="14" t="s">
        <v>1</v>
      </c>
      <c r="C28359" s="14" t="s">
        <v>109</v>
      </c>
      <c r="D28359" s="14" t="s">
        <v>179</v>
      </c>
      <c r="E28359" s="15">
        <v>45630</v>
      </c>
      <c r="F28359" s="14" t="s">
        <v>53</v>
      </c>
      <c r="G28359" s="16">
        <v>0</v>
      </c>
    </row>
    <row r="28360" spans="1:7" x14ac:dyDescent="0.3">
      <c r="A28360" s="13" t="s">
        <v>178</v>
      </c>
      <c r="B28360" s="14" t="s">
        <v>1</v>
      </c>
      <c r="C28360" s="14" t="s">
        <v>109</v>
      </c>
      <c r="D28360" s="14" t="s">
        <v>179</v>
      </c>
      <c r="E28360" s="15">
        <v>45631</v>
      </c>
      <c r="F28360" s="14" t="s">
        <v>53</v>
      </c>
      <c r="G28360" s="16">
        <v>0</v>
      </c>
    </row>
    <row r="28361" spans="1:7" x14ac:dyDescent="0.3">
      <c r="A28361" s="13" t="s">
        <v>178</v>
      </c>
      <c r="B28361" s="14" t="s">
        <v>1</v>
      </c>
      <c r="C28361" s="14" t="s">
        <v>109</v>
      </c>
      <c r="D28361" s="14" t="s">
        <v>179</v>
      </c>
      <c r="E28361" s="15">
        <v>45632</v>
      </c>
      <c r="F28361" s="14" t="s">
        <v>53</v>
      </c>
      <c r="G28361" s="16">
        <v>0</v>
      </c>
    </row>
    <row r="28362" spans="1:7" x14ac:dyDescent="0.3">
      <c r="A28362" s="13" t="s">
        <v>178</v>
      </c>
      <c r="B28362" s="14" t="s">
        <v>1</v>
      </c>
      <c r="C28362" s="14" t="s">
        <v>109</v>
      </c>
      <c r="D28362" s="14" t="s">
        <v>179</v>
      </c>
      <c r="E28362" s="15">
        <v>45633</v>
      </c>
      <c r="F28362" s="14" t="s">
        <v>53</v>
      </c>
      <c r="G28362" s="16">
        <v>0</v>
      </c>
    </row>
    <row r="28363" spans="1:7" x14ac:dyDescent="0.3">
      <c r="A28363" s="13" t="s">
        <v>178</v>
      </c>
      <c r="B28363" s="14" t="s">
        <v>1</v>
      </c>
      <c r="C28363" s="14" t="s">
        <v>109</v>
      </c>
      <c r="D28363" s="14" t="s">
        <v>179</v>
      </c>
      <c r="E28363" s="15">
        <v>45634</v>
      </c>
      <c r="F28363" s="14" t="s">
        <v>53</v>
      </c>
      <c r="G28363" s="16">
        <v>0</v>
      </c>
    </row>
    <row r="28364" spans="1:7" x14ac:dyDescent="0.3">
      <c r="A28364" s="13" t="s">
        <v>178</v>
      </c>
      <c r="B28364" s="14" t="s">
        <v>1</v>
      </c>
      <c r="C28364" s="14" t="s">
        <v>109</v>
      </c>
      <c r="D28364" s="14" t="s">
        <v>179</v>
      </c>
      <c r="E28364" s="15">
        <v>45635</v>
      </c>
      <c r="F28364" s="14" t="s">
        <v>53</v>
      </c>
      <c r="G28364" s="16">
        <v>0</v>
      </c>
    </row>
    <row r="28365" spans="1:7" x14ac:dyDescent="0.3">
      <c r="A28365" s="13" t="s">
        <v>178</v>
      </c>
      <c r="B28365" s="14" t="s">
        <v>1</v>
      </c>
      <c r="C28365" s="14" t="s">
        <v>109</v>
      </c>
      <c r="D28365" s="14" t="s">
        <v>179</v>
      </c>
      <c r="E28365" s="15">
        <v>45636</v>
      </c>
      <c r="F28365" s="14" t="s">
        <v>53</v>
      </c>
      <c r="G28365" s="16">
        <v>0</v>
      </c>
    </row>
    <row r="28366" spans="1:7" x14ac:dyDescent="0.3">
      <c r="A28366" s="13" t="s">
        <v>178</v>
      </c>
      <c r="B28366" s="14" t="s">
        <v>1</v>
      </c>
      <c r="C28366" s="14" t="s">
        <v>109</v>
      </c>
      <c r="D28366" s="14" t="s">
        <v>179</v>
      </c>
      <c r="E28366" s="15">
        <v>45637</v>
      </c>
      <c r="F28366" s="14" t="s">
        <v>53</v>
      </c>
      <c r="G28366" s="16">
        <v>0</v>
      </c>
    </row>
    <row r="28367" spans="1:7" x14ac:dyDescent="0.3">
      <c r="A28367" s="13" t="s">
        <v>178</v>
      </c>
      <c r="B28367" s="14" t="s">
        <v>1</v>
      </c>
      <c r="C28367" s="14" t="s">
        <v>109</v>
      </c>
      <c r="D28367" s="14" t="s">
        <v>179</v>
      </c>
      <c r="E28367" s="15">
        <v>45638</v>
      </c>
      <c r="F28367" s="14" t="s">
        <v>53</v>
      </c>
      <c r="G28367" s="16">
        <v>0</v>
      </c>
    </row>
    <row r="28368" spans="1:7" x14ac:dyDescent="0.3">
      <c r="A28368" s="13" t="s">
        <v>178</v>
      </c>
      <c r="B28368" s="14" t="s">
        <v>1</v>
      </c>
      <c r="C28368" s="14" t="s">
        <v>109</v>
      </c>
      <c r="D28368" s="14" t="s">
        <v>179</v>
      </c>
      <c r="E28368" s="15">
        <v>45639</v>
      </c>
      <c r="F28368" s="14" t="s">
        <v>53</v>
      </c>
      <c r="G28368" s="16">
        <v>0</v>
      </c>
    </row>
    <row r="28369" spans="1:7" x14ac:dyDescent="0.3">
      <c r="A28369" s="13" t="s">
        <v>178</v>
      </c>
      <c r="B28369" s="14" t="s">
        <v>1</v>
      </c>
      <c r="C28369" s="14" t="s">
        <v>109</v>
      </c>
      <c r="D28369" s="14" t="s">
        <v>179</v>
      </c>
      <c r="E28369" s="15">
        <v>45640</v>
      </c>
      <c r="F28369" s="14" t="s">
        <v>53</v>
      </c>
      <c r="G28369" s="16">
        <v>0</v>
      </c>
    </row>
    <row r="28370" spans="1:7" x14ac:dyDescent="0.3">
      <c r="A28370" s="13" t="s">
        <v>178</v>
      </c>
      <c r="B28370" s="14" t="s">
        <v>1</v>
      </c>
      <c r="C28370" s="14" t="s">
        <v>109</v>
      </c>
      <c r="D28370" s="14" t="s">
        <v>179</v>
      </c>
      <c r="E28370" s="15">
        <v>45641</v>
      </c>
      <c r="F28370" s="14" t="s">
        <v>53</v>
      </c>
      <c r="G28370" s="16">
        <v>0</v>
      </c>
    </row>
    <row r="28371" spans="1:7" x14ac:dyDescent="0.3">
      <c r="A28371" s="13" t="s">
        <v>178</v>
      </c>
      <c r="B28371" s="14" t="s">
        <v>1</v>
      </c>
      <c r="C28371" s="14" t="s">
        <v>109</v>
      </c>
      <c r="D28371" s="14" t="s">
        <v>179</v>
      </c>
      <c r="E28371" s="15">
        <v>45642</v>
      </c>
      <c r="F28371" s="14" t="s">
        <v>53</v>
      </c>
      <c r="G28371" s="16">
        <v>0</v>
      </c>
    </row>
    <row r="28372" spans="1:7" x14ac:dyDescent="0.3">
      <c r="A28372" s="13" t="s">
        <v>178</v>
      </c>
      <c r="B28372" s="14" t="s">
        <v>1</v>
      </c>
      <c r="C28372" s="14" t="s">
        <v>109</v>
      </c>
      <c r="D28372" s="14" t="s">
        <v>179</v>
      </c>
      <c r="E28372" s="15">
        <v>45643</v>
      </c>
      <c r="F28372" s="14" t="s">
        <v>53</v>
      </c>
      <c r="G28372" s="16">
        <v>0</v>
      </c>
    </row>
    <row r="28373" spans="1:7" x14ac:dyDescent="0.3">
      <c r="A28373" s="13" t="s">
        <v>178</v>
      </c>
      <c r="B28373" s="14" t="s">
        <v>1</v>
      </c>
      <c r="C28373" s="14" t="s">
        <v>109</v>
      </c>
      <c r="D28373" s="14" t="s">
        <v>179</v>
      </c>
      <c r="E28373" s="15">
        <v>45644</v>
      </c>
      <c r="F28373" s="14" t="s">
        <v>53</v>
      </c>
      <c r="G28373" s="16">
        <v>0</v>
      </c>
    </row>
    <row r="28374" spans="1:7" x14ac:dyDescent="0.3">
      <c r="A28374" s="13" t="s">
        <v>178</v>
      </c>
      <c r="B28374" s="14" t="s">
        <v>1</v>
      </c>
      <c r="C28374" s="14" t="s">
        <v>109</v>
      </c>
      <c r="D28374" s="14" t="s">
        <v>179</v>
      </c>
      <c r="E28374" s="15">
        <v>45645</v>
      </c>
      <c r="F28374" s="14" t="s">
        <v>53</v>
      </c>
      <c r="G28374" s="16">
        <v>0</v>
      </c>
    </row>
    <row r="28375" spans="1:7" x14ac:dyDescent="0.3">
      <c r="A28375" s="13" t="s">
        <v>178</v>
      </c>
      <c r="B28375" s="14" t="s">
        <v>1</v>
      </c>
      <c r="C28375" s="14" t="s">
        <v>109</v>
      </c>
      <c r="D28375" s="14" t="s">
        <v>179</v>
      </c>
      <c r="E28375" s="15">
        <v>45646</v>
      </c>
      <c r="F28375" s="14" t="s">
        <v>53</v>
      </c>
      <c r="G28375" s="16">
        <v>0</v>
      </c>
    </row>
    <row r="28376" spans="1:7" x14ac:dyDescent="0.3">
      <c r="A28376" s="13" t="s">
        <v>178</v>
      </c>
      <c r="B28376" s="14" t="s">
        <v>1</v>
      </c>
      <c r="C28376" s="14" t="s">
        <v>109</v>
      </c>
      <c r="D28376" s="14" t="s">
        <v>179</v>
      </c>
      <c r="E28376" s="15">
        <v>45647</v>
      </c>
      <c r="F28376" s="14" t="s">
        <v>53</v>
      </c>
      <c r="G28376" s="16">
        <v>0</v>
      </c>
    </row>
    <row r="28377" spans="1:7" x14ac:dyDescent="0.3">
      <c r="A28377" s="13" t="s">
        <v>178</v>
      </c>
      <c r="B28377" s="14" t="s">
        <v>1</v>
      </c>
      <c r="C28377" s="14" t="s">
        <v>109</v>
      </c>
      <c r="D28377" s="14" t="s">
        <v>179</v>
      </c>
      <c r="E28377" s="15">
        <v>45648</v>
      </c>
      <c r="F28377" s="14" t="s">
        <v>53</v>
      </c>
      <c r="G28377" s="16">
        <v>0</v>
      </c>
    </row>
    <row r="28378" spans="1:7" x14ac:dyDescent="0.3">
      <c r="A28378" s="13" t="s">
        <v>178</v>
      </c>
      <c r="B28378" s="14" t="s">
        <v>1</v>
      </c>
      <c r="C28378" s="14" t="s">
        <v>109</v>
      </c>
      <c r="D28378" s="14" t="s">
        <v>179</v>
      </c>
      <c r="E28378" s="15">
        <v>45649</v>
      </c>
      <c r="F28378" s="14" t="s">
        <v>53</v>
      </c>
      <c r="G28378" s="16">
        <v>0</v>
      </c>
    </row>
    <row r="28379" spans="1:7" x14ac:dyDescent="0.3">
      <c r="A28379" s="13" t="s">
        <v>178</v>
      </c>
      <c r="B28379" s="14" t="s">
        <v>1</v>
      </c>
      <c r="C28379" s="14" t="s">
        <v>109</v>
      </c>
      <c r="D28379" s="14" t="s">
        <v>179</v>
      </c>
      <c r="E28379" s="15">
        <v>45650</v>
      </c>
      <c r="F28379" s="14" t="s">
        <v>53</v>
      </c>
      <c r="G28379" s="16">
        <v>0</v>
      </c>
    </row>
    <row r="28380" spans="1:7" x14ac:dyDescent="0.3">
      <c r="A28380" s="13" t="s">
        <v>178</v>
      </c>
      <c r="B28380" s="14" t="s">
        <v>1</v>
      </c>
      <c r="C28380" s="14" t="s">
        <v>109</v>
      </c>
      <c r="D28380" s="14" t="s">
        <v>179</v>
      </c>
      <c r="E28380" s="15">
        <v>45651</v>
      </c>
      <c r="F28380" s="14" t="s">
        <v>53</v>
      </c>
      <c r="G28380" s="16">
        <v>0</v>
      </c>
    </row>
    <row r="28381" spans="1:7" x14ac:dyDescent="0.3">
      <c r="A28381" s="13" t="s">
        <v>178</v>
      </c>
      <c r="B28381" s="14" t="s">
        <v>1</v>
      </c>
      <c r="C28381" s="14" t="s">
        <v>109</v>
      </c>
      <c r="D28381" s="14" t="s">
        <v>179</v>
      </c>
      <c r="E28381" s="15">
        <v>45652</v>
      </c>
      <c r="F28381" s="14" t="s">
        <v>53</v>
      </c>
      <c r="G28381" s="16">
        <v>0</v>
      </c>
    </row>
    <row r="28382" spans="1:7" x14ac:dyDescent="0.3">
      <c r="A28382" s="13" t="s">
        <v>178</v>
      </c>
      <c r="B28382" s="14" t="s">
        <v>1</v>
      </c>
      <c r="C28382" s="14" t="s">
        <v>109</v>
      </c>
      <c r="D28382" s="14" t="s">
        <v>179</v>
      </c>
      <c r="E28382" s="15">
        <v>45653</v>
      </c>
      <c r="F28382" s="14" t="s">
        <v>53</v>
      </c>
      <c r="G28382" s="16">
        <v>0</v>
      </c>
    </row>
    <row r="28383" spans="1:7" x14ac:dyDescent="0.3">
      <c r="A28383" s="13" t="s">
        <v>178</v>
      </c>
      <c r="B28383" s="14" t="s">
        <v>1</v>
      </c>
      <c r="C28383" s="14" t="s">
        <v>109</v>
      </c>
      <c r="D28383" s="14" t="s">
        <v>179</v>
      </c>
      <c r="E28383" s="15">
        <v>45654</v>
      </c>
      <c r="F28383" s="14" t="s">
        <v>53</v>
      </c>
      <c r="G28383" s="16">
        <v>0</v>
      </c>
    </row>
    <row r="28384" spans="1:7" x14ac:dyDescent="0.3">
      <c r="A28384" s="13" t="s">
        <v>178</v>
      </c>
      <c r="B28384" s="14" t="s">
        <v>1</v>
      </c>
      <c r="C28384" s="14" t="s">
        <v>109</v>
      </c>
      <c r="D28384" s="14" t="s">
        <v>179</v>
      </c>
      <c r="E28384" s="15">
        <v>45655</v>
      </c>
      <c r="F28384" s="14" t="s">
        <v>53</v>
      </c>
      <c r="G28384" s="16">
        <v>0</v>
      </c>
    </row>
    <row r="28385" spans="1:7" x14ac:dyDescent="0.3">
      <c r="A28385" s="13" t="s">
        <v>178</v>
      </c>
      <c r="B28385" s="14" t="s">
        <v>1</v>
      </c>
      <c r="C28385" s="14" t="s">
        <v>109</v>
      </c>
      <c r="D28385" s="14" t="s">
        <v>179</v>
      </c>
      <c r="E28385" s="15">
        <v>45656</v>
      </c>
      <c r="F28385" s="14" t="s">
        <v>53</v>
      </c>
      <c r="G28385" s="16">
        <v>0</v>
      </c>
    </row>
    <row r="28386" spans="1:7" x14ac:dyDescent="0.3">
      <c r="A28386" s="13" t="s">
        <v>178</v>
      </c>
      <c r="B28386" s="14" t="s">
        <v>1</v>
      </c>
      <c r="C28386" s="14" t="s">
        <v>109</v>
      </c>
      <c r="D28386" s="14" t="s">
        <v>179</v>
      </c>
      <c r="E28386" s="15">
        <v>45657</v>
      </c>
      <c r="F28386" s="14" t="s">
        <v>53</v>
      </c>
      <c r="G28386" s="16">
        <v>0</v>
      </c>
    </row>
    <row r="28387" spans="1:7" x14ac:dyDescent="0.3">
      <c r="A28387" s="13" t="s">
        <v>178</v>
      </c>
      <c r="B28387" s="14" t="s">
        <v>1</v>
      </c>
      <c r="C28387" s="14" t="s">
        <v>109</v>
      </c>
      <c r="D28387" s="14" t="s">
        <v>179</v>
      </c>
      <c r="E28387" s="15">
        <v>45658</v>
      </c>
      <c r="F28387" s="14" t="s">
        <v>53</v>
      </c>
      <c r="G28387" s="16">
        <v>0</v>
      </c>
    </row>
    <row r="28388" spans="1:7" x14ac:dyDescent="0.3">
      <c r="A28388" s="13" t="s">
        <v>178</v>
      </c>
      <c r="B28388" s="14" t="s">
        <v>1</v>
      </c>
      <c r="C28388" s="14" t="s">
        <v>109</v>
      </c>
      <c r="D28388" s="14" t="s">
        <v>179</v>
      </c>
      <c r="E28388" s="15">
        <v>45659</v>
      </c>
      <c r="F28388" s="14" t="s">
        <v>53</v>
      </c>
      <c r="G28388" s="16">
        <v>0</v>
      </c>
    </row>
    <row r="28389" spans="1:7" x14ac:dyDescent="0.3">
      <c r="A28389" s="13" t="s">
        <v>178</v>
      </c>
      <c r="B28389" s="14" t="s">
        <v>1</v>
      </c>
      <c r="C28389" s="14" t="s">
        <v>109</v>
      </c>
      <c r="D28389" s="14" t="s">
        <v>179</v>
      </c>
      <c r="E28389" s="15">
        <v>45660</v>
      </c>
      <c r="F28389" s="14" t="s">
        <v>53</v>
      </c>
      <c r="G28389" s="16">
        <v>0</v>
      </c>
    </row>
    <row r="28390" spans="1:7" x14ac:dyDescent="0.3">
      <c r="A28390" s="13" t="s">
        <v>178</v>
      </c>
      <c r="B28390" s="14" t="s">
        <v>1</v>
      </c>
      <c r="C28390" s="14" t="s">
        <v>109</v>
      </c>
      <c r="D28390" s="14" t="s">
        <v>179</v>
      </c>
      <c r="E28390" s="15">
        <v>45661</v>
      </c>
      <c r="F28390" s="14" t="s">
        <v>53</v>
      </c>
      <c r="G28390" s="16">
        <v>0</v>
      </c>
    </row>
    <row r="28391" spans="1:7" x14ac:dyDescent="0.3">
      <c r="A28391" s="13" t="s">
        <v>178</v>
      </c>
      <c r="B28391" s="14" t="s">
        <v>1</v>
      </c>
      <c r="C28391" s="14" t="s">
        <v>109</v>
      </c>
      <c r="D28391" s="14" t="s">
        <v>179</v>
      </c>
      <c r="E28391" s="15">
        <v>45662</v>
      </c>
      <c r="F28391" s="14" t="s">
        <v>53</v>
      </c>
      <c r="G28391" s="16">
        <v>0</v>
      </c>
    </row>
    <row r="28392" spans="1:7" x14ac:dyDescent="0.3">
      <c r="A28392" s="13" t="s">
        <v>178</v>
      </c>
      <c r="B28392" s="14" t="s">
        <v>1</v>
      </c>
      <c r="C28392" s="14" t="s">
        <v>109</v>
      </c>
      <c r="D28392" s="14" t="s">
        <v>179</v>
      </c>
      <c r="E28392" s="15">
        <v>45663</v>
      </c>
      <c r="F28392" s="14" t="s">
        <v>53</v>
      </c>
      <c r="G28392" s="16">
        <v>0</v>
      </c>
    </row>
    <row r="28393" spans="1:7" x14ac:dyDescent="0.3">
      <c r="A28393" s="13" t="s">
        <v>178</v>
      </c>
      <c r="B28393" s="14" t="s">
        <v>1</v>
      </c>
      <c r="C28393" s="14" t="s">
        <v>109</v>
      </c>
      <c r="D28393" s="14" t="s">
        <v>179</v>
      </c>
      <c r="E28393" s="15">
        <v>45664</v>
      </c>
      <c r="F28393" s="14" t="s">
        <v>53</v>
      </c>
      <c r="G28393" s="16">
        <v>0</v>
      </c>
    </row>
    <row r="28394" spans="1:7" x14ac:dyDescent="0.3">
      <c r="A28394" s="13" t="s">
        <v>178</v>
      </c>
      <c r="B28394" s="14" t="s">
        <v>1</v>
      </c>
      <c r="C28394" s="14" t="s">
        <v>109</v>
      </c>
      <c r="D28394" s="14" t="s">
        <v>179</v>
      </c>
      <c r="E28394" s="15">
        <v>45665</v>
      </c>
      <c r="F28394" s="14" t="s">
        <v>53</v>
      </c>
      <c r="G28394" s="16">
        <v>0</v>
      </c>
    </row>
    <row r="28395" spans="1:7" x14ac:dyDescent="0.3">
      <c r="A28395" s="13" t="s">
        <v>178</v>
      </c>
      <c r="B28395" s="14" t="s">
        <v>1</v>
      </c>
      <c r="C28395" s="14" t="s">
        <v>109</v>
      </c>
      <c r="D28395" s="14" t="s">
        <v>179</v>
      </c>
      <c r="E28395" s="15">
        <v>45666</v>
      </c>
      <c r="F28395" s="14" t="s">
        <v>53</v>
      </c>
      <c r="G28395" s="16">
        <v>0</v>
      </c>
    </row>
    <row r="28396" spans="1:7" x14ac:dyDescent="0.3">
      <c r="A28396" s="13" t="s">
        <v>178</v>
      </c>
      <c r="B28396" s="14" t="s">
        <v>1</v>
      </c>
      <c r="C28396" s="14" t="s">
        <v>109</v>
      </c>
      <c r="D28396" s="14" t="s">
        <v>179</v>
      </c>
      <c r="E28396" s="15">
        <v>45667</v>
      </c>
      <c r="F28396" s="14" t="s">
        <v>53</v>
      </c>
      <c r="G28396" s="16">
        <v>0</v>
      </c>
    </row>
    <row r="28397" spans="1:7" x14ac:dyDescent="0.3">
      <c r="A28397" s="13" t="s">
        <v>178</v>
      </c>
      <c r="B28397" s="14" t="s">
        <v>1</v>
      </c>
      <c r="C28397" s="14" t="s">
        <v>109</v>
      </c>
      <c r="D28397" s="14" t="s">
        <v>179</v>
      </c>
      <c r="E28397" s="15">
        <v>45668</v>
      </c>
      <c r="F28397" s="14" t="s">
        <v>53</v>
      </c>
      <c r="G28397" s="16">
        <v>0</v>
      </c>
    </row>
    <row r="28398" spans="1:7" x14ac:dyDescent="0.3">
      <c r="A28398" s="13" t="s">
        <v>178</v>
      </c>
      <c r="B28398" s="14" t="s">
        <v>1</v>
      </c>
      <c r="C28398" s="14" t="s">
        <v>109</v>
      </c>
      <c r="D28398" s="14" t="s">
        <v>179</v>
      </c>
      <c r="E28398" s="15">
        <v>45669</v>
      </c>
      <c r="F28398" s="14" t="s">
        <v>53</v>
      </c>
      <c r="G28398" s="16">
        <v>0</v>
      </c>
    </row>
    <row r="28399" spans="1:7" x14ac:dyDescent="0.3">
      <c r="A28399" s="13" t="s">
        <v>178</v>
      </c>
      <c r="B28399" s="14" t="s">
        <v>1</v>
      </c>
      <c r="C28399" s="14" t="s">
        <v>109</v>
      </c>
      <c r="D28399" s="14" t="s">
        <v>179</v>
      </c>
      <c r="E28399" s="15">
        <v>45670</v>
      </c>
      <c r="F28399" s="14" t="s">
        <v>53</v>
      </c>
      <c r="G28399" s="16">
        <v>0</v>
      </c>
    </row>
    <row r="28400" spans="1:7" x14ac:dyDescent="0.3">
      <c r="A28400" s="13" t="s">
        <v>178</v>
      </c>
      <c r="B28400" s="14" t="s">
        <v>1</v>
      </c>
      <c r="C28400" s="14" t="s">
        <v>109</v>
      </c>
      <c r="D28400" s="14" t="s">
        <v>179</v>
      </c>
      <c r="E28400" s="15">
        <v>45671</v>
      </c>
      <c r="F28400" s="14" t="s">
        <v>53</v>
      </c>
      <c r="G28400" s="16">
        <v>0</v>
      </c>
    </row>
    <row r="28401" spans="1:7" x14ac:dyDescent="0.3">
      <c r="A28401" s="13" t="s">
        <v>178</v>
      </c>
      <c r="B28401" s="14" t="s">
        <v>1</v>
      </c>
      <c r="C28401" s="14" t="s">
        <v>109</v>
      </c>
      <c r="D28401" s="14" t="s">
        <v>179</v>
      </c>
      <c r="E28401" s="15">
        <v>45672</v>
      </c>
      <c r="F28401" s="14" t="s">
        <v>53</v>
      </c>
      <c r="G28401" s="16">
        <v>0</v>
      </c>
    </row>
    <row r="28402" spans="1:7" x14ac:dyDescent="0.3">
      <c r="A28402" s="13" t="s">
        <v>178</v>
      </c>
      <c r="B28402" s="14" t="s">
        <v>1</v>
      </c>
      <c r="C28402" s="14" t="s">
        <v>109</v>
      </c>
      <c r="D28402" s="14" t="s">
        <v>179</v>
      </c>
      <c r="E28402" s="15">
        <v>45673</v>
      </c>
      <c r="F28402" s="14" t="s">
        <v>53</v>
      </c>
      <c r="G28402" s="16">
        <v>0</v>
      </c>
    </row>
    <row r="28403" spans="1:7" x14ac:dyDescent="0.3">
      <c r="A28403" s="13" t="s">
        <v>178</v>
      </c>
      <c r="B28403" s="14" t="s">
        <v>1</v>
      </c>
      <c r="C28403" s="14" t="s">
        <v>109</v>
      </c>
      <c r="D28403" s="14" t="s">
        <v>179</v>
      </c>
      <c r="E28403" s="15">
        <v>45674</v>
      </c>
      <c r="F28403" s="14" t="s">
        <v>53</v>
      </c>
      <c r="G28403" s="16">
        <v>0</v>
      </c>
    </row>
    <row r="28404" spans="1:7" x14ac:dyDescent="0.3">
      <c r="A28404" s="13" t="s">
        <v>178</v>
      </c>
      <c r="B28404" s="14" t="s">
        <v>1</v>
      </c>
      <c r="C28404" s="14" t="s">
        <v>109</v>
      </c>
      <c r="D28404" s="14" t="s">
        <v>179</v>
      </c>
      <c r="E28404" s="15">
        <v>45675</v>
      </c>
      <c r="F28404" s="14" t="s">
        <v>53</v>
      </c>
      <c r="G28404" s="16">
        <v>0</v>
      </c>
    </row>
    <row r="28405" spans="1:7" x14ac:dyDescent="0.3">
      <c r="A28405" s="13" t="s">
        <v>178</v>
      </c>
      <c r="B28405" s="14" t="s">
        <v>1</v>
      </c>
      <c r="C28405" s="14" t="s">
        <v>109</v>
      </c>
      <c r="D28405" s="14" t="s">
        <v>179</v>
      </c>
      <c r="E28405" s="15">
        <v>45676</v>
      </c>
      <c r="F28405" s="14" t="s">
        <v>53</v>
      </c>
      <c r="G28405" s="16">
        <v>0</v>
      </c>
    </row>
    <row r="28406" spans="1:7" x14ac:dyDescent="0.3">
      <c r="A28406" s="13" t="s">
        <v>178</v>
      </c>
      <c r="B28406" s="14" t="s">
        <v>1</v>
      </c>
      <c r="C28406" s="14" t="s">
        <v>109</v>
      </c>
      <c r="D28406" s="14" t="s">
        <v>179</v>
      </c>
      <c r="E28406" s="15">
        <v>45677</v>
      </c>
      <c r="F28406" s="14" t="s">
        <v>53</v>
      </c>
      <c r="G28406" s="16">
        <v>0</v>
      </c>
    </row>
    <row r="28407" spans="1:7" x14ac:dyDescent="0.3">
      <c r="A28407" s="13" t="s">
        <v>178</v>
      </c>
      <c r="B28407" s="14" t="s">
        <v>1</v>
      </c>
      <c r="C28407" s="14" t="s">
        <v>109</v>
      </c>
      <c r="D28407" s="14" t="s">
        <v>179</v>
      </c>
      <c r="E28407" s="15">
        <v>45678</v>
      </c>
      <c r="F28407" s="14" t="s">
        <v>53</v>
      </c>
      <c r="G28407" s="16">
        <v>0</v>
      </c>
    </row>
    <row r="28408" spans="1:7" x14ac:dyDescent="0.3">
      <c r="A28408" s="13" t="s">
        <v>178</v>
      </c>
      <c r="B28408" s="14" t="s">
        <v>1</v>
      </c>
      <c r="C28408" s="14" t="s">
        <v>109</v>
      </c>
      <c r="D28408" s="14" t="s">
        <v>179</v>
      </c>
      <c r="E28408" s="15">
        <v>45679</v>
      </c>
      <c r="F28408" s="14" t="s">
        <v>53</v>
      </c>
      <c r="G28408" s="16">
        <v>0</v>
      </c>
    </row>
    <row r="28409" spans="1:7" x14ac:dyDescent="0.3">
      <c r="A28409" s="13" t="s">
        <v>178</v>
      </c>
      <c r="B28409" s="14" t="s">
        <v>1</v>
      </c>
      <c r="C28409" s="14" t="s">
        <v>109</v>
      </c>
      <c r="D28409" s="14" t="s">
        <v>179</v>
      </c>
      <c r="E28409" s="15">
        <v>45680</v>
      </c>
      <c r="F28409" s="14" t="s">
        <v>53</v>
      </c>
      <c r="G28409" s="16">
        <v>0</v>
      </c>
    </row>
    <row r="28410" spans="1:7" x14ac:dyDescent="0.3">
      <c r="A28410" s="13" t="s">
        <v>178</v>
      </c>
      <c r="B28410" s="14" t="s">
        <v>1</v>
      </c>
      <c r="C28410" s="14" t="s">
        <v>109</v>
      </c>
      <c r="D28410" s="14" t="s">
        <v>179</v>
      </c>
      <c r="E28410" s="15">
        <v>45681</v>
      </c>
      <c r="F28410" s="14" t="s">
        <v>53</v>
      </c>
      <c r="G28410" s="16">
        <v>0</v>
      </c>
    </row>
    <row r="28411" spans="1:7" x14ac:dyDescent="0.3">
      <c r="A28411" s="13" t="s">
        <v>178</v>
      </c>
      <c r="B28411" s="14" t="s">
        <v>1</v>
      </c>
      <c r="C28411" s="14" t="s">
        <v>109</v>
      </c>
      <c r="D28411" s="14" t="s">
        <v>179</v>
      </c>
      <c r="E28411" s="15">
        <v>45682</v>
      </c>
      <c r="F28411" s="14" t="s">
        <v>53</v>
      </c>
      <c r="G28411" s="16">
        <v>0</v>
      </c>
    </row>
    <row r="28412" spans="1:7" x14ac:dyDescent="0.3">
      <c r="A28412" s="13" t="s">
        <v>178</v>
      </c>
      <c r="B28412" s="14" t="s">
        <v>1</v>
      </c>
      <c r="C28412" s="14" t="s">
        <v>109</v>
      </c>
      <c r="D28412" s="14" t="s">
        <v>179</v>
      </c>
      <c r="E28412" s="15">
        <v>45683</v>
      </c>
      <c r="F28412" s="14" t="s">
        <v>53</v>
      </c>
      <c r="G28412" s="16">
        <v>0</v>
      </c>
    </row>
    <row r="28413" spans="1:7" x14ac:dyDescent="0.3">
      <c r="A28413" s="13" t="s">
        <v>178</v>
      </c>
      <c r="B28413" s="14" t="s">
        <v>1</v>
      </c>
      <c r="C28413" s="14" t="s">
        <v>109</v>
      </c>
      <c r="D28413" s="14" t="s">
        <v>179</v>
      </c>
      <c r="E28413" s="15">
        <v>45684</v>
      </c>
      <c r="F28413" s="14" t="s">
        <v>53</v>
      </c>
      <c r="G28413" s="16">
        <v>0</v>
      </c>
    </row>
    <row r="28414" spans="1:7" x14ac:dyDescent="0.3">
      <c r="A28414" s="13" t="s">
        <v>178</v>
      </c>
      <c r="B28414" s="14" t="s">
        <v>1</v>
      </c>
      <c r="C28414" s="14" t="s">
        <v>109</v>
      </c>
      <c r="D28414" s="14" t="s">
        <v>179</v>
      </c>
      <c r="E28414" s="15">
        <v>45685</v>
      </c>
      <c r="F28414" s="14" t="s">
        <v>53</v>
      </c>
      <c r="G28414" s="16">
        <v>0</v>
      </c>
    </row>
    <row r="28415" spans="1:7" x14ac:dyDescent="0.3">
      <c r="A28415" s="13" t="s">
        <v>178</v>
      </c>
      <c r="B28415" s="14" t="s">
        <v>1</v>
      </c>
      <c r="C28415" s="14" t="s">
        <v>109</v>
      </c>
      <c r="D28415" s="14" t="s">
        <v>179</v>
      </c>
      <c r="E28415" s="15">
        <v>45686</v>
      </c>
      <c r="F28415" s="14" t="s">
        <v>53</v>
      </c>
      <c r="G28415" s="16">
        <v>0</v>
      </c>
    </row>
    <row r="28416" spans="1:7" x14ac:dyDescent="0.3">
      <c r="A28416" s="13" t="s">
        <v>178</v>
      </c>
      <c r="B28416" s="14" t="s">
        <v>1</v>
      </c>
      <c r="C28416" s="14" t="s">
        <v>109</v>
      </c>
      <c r="D28416" s="14" t="s">
        <v>179</v>
      </c>
      <c r="E28416" s="15">
        <v>45687</v>
      </c>
      <c r="F28416" s="14" t="s">
        <v>53</v>
      </c>
      <c r="G28416" s="16">
        <v>0</v>
      </c>
    </row>
    <row r="28417" spans="1:7" x14ac:dyDescent="0.3">
      <c r="A28417" s="13" t="s">
        <v>178</v>
      </c>
      <c r="B28417" s="14" t="s">
        <v>1</v>
      </c>
      <c r="C28417" s="14" t="s">
        <v>109</v>
      </c>
      <c r="D28417" s="14" t="s">
        <v>179</v>
      </c>
      <c r="E28417" s="15">
        <v>45688</v>
      </c>
      <c r="F28417" s="14" t="s">
        <v>53</v>
      </c>
      <c r="G28417" s="16">
        <v>0</v>
      </c>
    </row>
    <row r="28418" spans="1:7" x14ac:dyDescent="0.3">
      <c r="A28418" s="13" t="s">
        <v>178</v>
      </c>
      <c r="B28418" s="14" t="s">
        <v>1</v>
      </c>
      <c r="C28418" s="14" t="s">
        <v>109</v>
      </c>
      <c r="D28418" s="14" t="s">
        <v>179</v>
      </c>
      <c r="E28418" s="15">
        <v>45689</v>
      </c>
      <c r="F28418" s="14" t="s">
        <v>53</v>
      </c>
      <c r="G28418" s="16">
        <v>0</v>
      </c>
    </row>
    <row r="28419" spans="1:7" x14ac:dyDescent="0.3">
      <c r="A28419" s="13" t="s">
        <v>178</v>
      </c>
      <c r="B28419" s="14" t="s">
        <v>1</v>
      </c>
      <c r="C28419" s="14" t="s">
        <v>109</v>
      </c>
      <c r="D28419" s="14" t="s">
        <v>179</v>
      </c>
      <c r="E28419" s="15">
        <v>45690</v>
      </c>
      <c r="F28419" s="14" t="s">
        <v>53</v>
      </c>
      <c r="G28419" s="16">
        <v>0</v>
      </c>
    </row>
    <row r="28420" spans="1:7" x14ac:dyDescent="0.3">
      <c r="A28420" s="13" t="s">
        <v>178</v>
      </c>
      <c r="B28420" s="14" t="s">
        <v>1</v>
      </c>
      <c r="C28420" s="14" t="s">
        <v>109</v>
      </c>
      <c r="D28420" s="14" t="s">
        <v>179</v>
      </c>
      <c r="E28420" s="15">
        <v>45691</v>
      </c>
      <c r="F28420" s="14" t="s">
        <v>53</v>
      </c>
      <c r="G28420" s="16">
        <v>0</v>
      </c>
    </row>
    <row r="28421" spans="1:7" x14ac:dyDescent="0.3">
      <c r="A28421" s="13" t="s">
        <v>178</v>
      </c>
      <c r="B28421" s="14" t="s">
        <v>1</v>
      </c>
      <c r="C28421" s="14" t="s">
        <v>109</v>
      </c>
      <c r="D28421" s="14" t="s">
        <v>179</v>
      </c>
      <c r="E28421" s="15">
        <v>45692</v>
      </c>
      <c r="F28421" s="14" t="s">
        <v>53</v>
      </c>
      <c r="G28421" s="16">
        <v>0</v>
      </c>
    </row>
    <row r="28422" spans="1:7" x14ac:dyDescent="0.3">
      <c r="A28422" s="13" t="s">
        <v>178</v>
      </c>
      <c r="B28422" s="14" t="s">
        <v>1</v>
      </c>
      <c r="C28422" s="14" t="s">
        <v>109</v>
      </c>
      <c r="D28422" s="14" t="s">
        <v>179</v>
      </c>
      <c r="E28422" s="15">
        <v>45693</v>
      </c>
      <c r="F28422" s="14" t="s">
        <v>53</v>
      </c>
      <c r="G28422" s="16">
        <v>0</v>
      </c>
    </row>
    <row r="28423" spans="1:7" x14ac:dyDescent="0.3">
      <c r="A28423" s="13" t="s">
        <v>178</v>
      </c>
      <c r="B28423" s="14" t="s">
        <v>1</v>
      </c>
      <c r="C28423" s="14" t="s">
        <v>109</v>
      </c>
      <c r="D28423" s="14" t="s">
        <v>179</v>
      </c>
      <c r="E28423" s="15">
        <v>45694</v>
      </c>
      <c r="F28423" s="14" t="s">
        <v>53</v>
      </c>
      <c r="G28423" s="16">
        <v>0</v>
      </c>
    </row>
    <row r="28424" spans="1:7" x14ac:dyDescent="0.3">
      <c r="A28424" s="13" t="s">
        <v>178</v>
      </c>
      <c r="B28424" s="14" t="s">
        <v>1</v>
      </c>
      <c r="C28424" s="14" t="s">
        <v>109</v>
      </c>
      <c r="D28424" s="14" t="s">
        <v>179</v>
      </c>
      <c r="E28424" s="15">
        <v>45695</v>
      </c>
      <c r="F28424" s="14" t="s">
        <v>53</v>
      </c>
      <c r="G28424" s="16">
        <v>0</v>
      </c>
    </row>
    <row r="28425" spans="1:7" x14ac:dyDescent="0.3">
      <c r="A28425" s="13" t="s">
        <v>178</v>
      </c>
      <c r="B28425" s="14" t="s">
        <v>1</v>
      </c>
      <c r="C28425" s="14" t="s">
        <v>109</v>
      </c>
      <c r="D28425" s="14" t="s">
        <v>179</v>
      </c>
      <c r="E28425" s="15">
        <v>45696</v>
      </c>
      <c r="F28425" s="14" t="s">
        <v>53</v>
      </c>
      <c r="G28425" s="16">
        <v>0</v>
      </c>
    </row>
    <row r="28426" spans="1:7" x14ac:dyDescent="0.3">
      <c r="A28426" s="13" t="s">
        <v>178</v>
      </c>
      <c r="B28426" s="14" t="s">
        <v>1</v>
      </c>
      <c r="C28426" s="14" t="s">
        <v>109</v>
      </c>
      <c r="D28426" s="14" t="s">
        <v>179</v>
      </c>
      <c r="E28426" s="15">
        <v>45697</v>
      </c>
      <c r="F28426" s="14" t="s">
        <v>53</v>
      </c>
      <c r="G28426" s="16">
        <v>0</v>
      </c>
    </row>
    <row r="28427" spans="1:7" x14ac:dyDescent="0.3">
      <c r="A28427" s="13" t="s">
        <v>178</v>
      </c>
      <c r="B28427" s="14" t="s">
        <v>1</v>
      </c>
      <c r="C28427" s="14" t="s">
        <v>109</v>
      </c>
      <c r="D28427" s="14" t="s">
        <v>179</v>
      </c>
      <c r="E28427" s="15">
        <v>45698</v>
      </c>
      <c r="F28427" s="14" t="s">
        <v>53</v>
      </c>
      <c r="G28427" s="16">
        <v>0</v>
      </c>
    </row>
    <row r="28428" spans="1:7" x14ac:dyDescent="0.3">
      <c r="A28428" s="13" t="s">
        <v>178</v>
      </c>
      <c r="B28428" s="14" t="s">
        <v>1</v>
      </c>
      <c r="C28428" s="14" t="s">
        <v>109</v>
      </c>
      <c r="D28428" s="14" t="s">
        <v>179</v>
      </c>
      <c r="E28428" s="15">
        <v>45699</v>
      </c>
      <c r="F28428" s="14" t="s">
        <v>53</v>
      </c>
      <c r="G28428" s="16">
        <v>0</v>
      </c>
    </row>
    <row r="28429" spans="1:7" x14ac:dyDescent="0.3">
      <c r="A28429" s="13" t="s">
        <v>178</v>
      </c>
      <c r="B28429" s="14" t="s">
        <v>1</v>
      </c>
      <c r="C28429" s="14" t="s">
        <v>109</v>
      </c>
      <c r="D28429" s="14" t="s">
        <v>179</v>
      </c>
      <c r="E28429" s="15">
        <v>45700</v>
      </c>
      <c r="F28429" s="14" t="s">
        <v>53</v>
      </c>
      <c r="G28429" s="16">
        <v>0</v>
      </c>
    </row>
    <row r="28430" spans="1:7" x14ac:dyDescent="0.3">
      <c r="A28430" s="13" t="s">
        <v>178</v>
      </c>
      <c r="B28430" s="14" t="s">
        <v>1</v>
      </c>
      <c r="C28430" s="14" t="s">
        <v>109</v>
      </c>
      <c r="D28430" s="14" t="s">
        <v>179</v>
      </c>
      <c r="E28430" s="15">
        <v>45701</v>
      </c>
      <c r="F28430" s="14" t="s">
        <v>53</v>
      </c>
      <c r="G28430" s="16">
        <v>0</v>
      </c>
    </row>
    <row r="28431" spans="1:7" x14ac:dyDescent="0.3">
      <c r="A28431" s="13" t="s">
        <v>178</v>
      </c>
      <c r="B28431" s="14" t="s">
        <v>1</v>
      </c>
      <c r="C28431" s="14" t="s">
        <v>109</v>
      </c>
      <c r="D28431" s="14" t="s">
        <v>179</v>
      </c>
      <c r="E28431" s="15">
        <v>45702</v>
      </c>
      <c r="F28431" s="14" t="s">
        <v>53</v>
      </c>
      <c r="G28431" s="16">
        <v>0</v>
      </c>
    </row>
    <row r="28432" spans="1:7" x14ac:dyDescent="0.3">
      <c r="A28432" s="13" t="s">
        <v>178</v>
      </c>
      <c r="B28432" s="14" t="s">
        <v>1</v>
      </c>
      <c r="C28432" s="14" t="s">
        <v>109</v>
      </c>
      <c r="D28432" s="14" t="s">
        <v>179</v>
      </c>
      <c r="E28432" s="15">
        <v>45703</v>
      </c>
      <c r="F28432" s="14" t="s">
        <v>53</v>
      </c>
      <c r="G28432" s="16">
        <v>0</v>
      </c>
    </row>
    <row r="28433" spans="1:7" x14ac:dyDescent="0.3">
      <c r="A28433" s="13" t="s">
        <v>178</v>
      </c>
      <c r="B28433" s="14" t="s">
        <v>1</v>
      </c>
      <c r="C28433" s="14" t="s">
        <v>109</v>
      </c>
      <c r="D28433" s="14" t="s">
        <v>179</v>
      </c>
      <c r="E28433" s="15">
        <v>45704</v>
      </c>
      <c r="F28433" s="14" t="s">
        <v>53</v>
      </c>
      <c r="G28433" s="16">
        <v>0</v>
      </c>
    </row>
    <row r="28434" spans="1:7" x14ac:dyDescent="0.3">
      <c r="A28434" s="13" t="s">
        <v>178</v>
      </c>
      <c r="B28434" s="14" t="s">
        <v>1</v>
      </c>
      <c r="C28434" s="14" t="s">
        <v>109</v>
      </c>
      <c r="D28434" s="14" t="s">
        <v>179</v>
      </c>
      <c r="E28434" s="15">
        <v>45705</v>
      </c>
      <c r="F28434" s="14" t="s">
        <v>53</v>
      </c>
      <c r="G28434" s="16">
        <v>0</v>
      </c>
    </row>
    <row r="28435" spans="1:7" x14ac:dyDescent="0.3">
      <c r="A28435" s="13" t="s">
        <v>178</v>
      </c>
      <c r="B28435" s="14" t="s">
        <v>1</v>
      </c>
      <c r="C28435" s="14" t="s">
        <v>109</v>
      </c>
      <c r="D28435" s="14" t="s">
        <v>179</v>
      </c>
      <c r="E28435" s="15">
        <v>45706</v>
      </c>
      <c r="F28435" s="14" t="s">
        <v>53</v>
      </c>
      <c r="G28435" s="16">
        <v>0</v>
      </c>
    </row>
    <row r="28436" spans="1:7" x14ac:dyDescent="0.3">
      <c r="A28436" s="13" t="s">
        <v>178</v>
      </c>
      <c r="B28436" s="14" t="s">
        <v>1</v>
      </c>
      <c r="C28436" s="14" t="s">
        <v>109</v>
      </c>
      <c r="D28436" s="14" t="s">
        <v>179</v>
      </c>
      <c r="E28436" s="15">
        <v>45707</v>
      </c>
      <c r="F28436" s="14" t="s">
        <v>53</v>
      </c>
      <c r="G28436" s="16">
        <v>0</v>
      </c>
    </row>
    <row r="28437" spans="1:7" x14ac:dyDescent="0.3">
      <c r="A28437" s="13" t="s">
        <v>178</v>
      </c>
      <c r="B28437" s="14" t="s">
        <v>1</v>
      </c>
      <c r="C28437" s="14" t="s">
        <v>109</v>
      </c>
      <c r="D28437" s="14" t="s">
        <v>179</v>
      </c>
      <c r="E28437" s="15">
        <v>45708</v>
      </c>
      <c r="F28437" s="14" t="s">
        <v>53</v>
      </c>
      <c r="G28437" s="16">
        <v>0</v>
      </c>
    </row>
    <row r="28438" spans="1:7" x14ac:dyDescent="0.3">
      <c r="A28438" s="13" t="s">
        <v>178</v>
      </c>
      <c r="B28438" s="14" t="s">
        <v>1</v>
      </c>
      <c r="C28438" s="14" t="s">
        <v>109</v>
      </c>
      <c r="D28438" s="14" t="s">
        <v>179</v>
      </c>
      <c r="E28438" s="15">
        <v>45709</v>
      </c>
      <c r="F28438" s="14" t="s">
        <v>53</v>
      </c>
      <c r="G28438" s="16">
        <v>0</v>
      </c>
    </row>
    <row r="28439" spans="1:7" x14ac:dyDescent="0.3">
      <c r="A28439" s="13" t="s">
        <v>178</v>
      </c>
      <c r="B28439" s="14" t="s">
        <v>1</v>
      </c>
      <c r="C28439" s="14" t="s">
        <v>109</v>
      </c>
      <c r="D28439" s="14" t="s">
        <v>179</v>
      </c>
      <c r="E28439" s="15">
        <v>45710</v>
      </c>
      <c r="F28439" s="14" t="s">
        <v>53</v>
      </c>
      <c r="G28439" s="16">
        <v>0</v>
      </c>
    </row>
    <row r="28440" spans="1:7" x14ac:dyDescent="0.3">
      <c r="A28440" s="13" t="s">
        <v>178</v>
      </c>
      <c r="B28440" s="14" t="s">
        <v>1</v>
      </c>
      <c r="C28440" s="14" t="s">
        <v>109</v>
      </c>
      <c r="D28440" s="14" t="s">
        <v>179</v>
      </c>
      <c r="E28440" s="15">
        <v>45711</v>
      </c>
      <c r="F28440" s="14" t="s">
        <v>53</v>
      </c>
      <c r="G28440" s="16">
        <v>0</v>
      </c>
    </row>
    <row r="28441" spans="1:7" x14ac:dyDescent="0.3">
      <c r="A28441" s="13" t="s">
        <v>178</v>
      </c>
      <c r="B28441" s="14" t="s">
        <v>1</v>
      </c>
      <c r="C28441" s="14" t="s">
        <v>109</v>
      </c>
      <c r="D28441" s="14" t="s">
        <v>179</v>
      </c>
      <c r="E28441" s="15">
        <v>45712</v>
      </c>
      <c r="F28441" s="14" t="s">
        <v>53</v>
      </c>
      <c r="G28441" s="16">
        <v>0</v>
      </c>
    </row>
    <row r="28442" spans="1:7" x14ac:dyDescent="0.3">
      <c r="A28442" s="13" t="s">
        <v>178</v>
      </c>
      <c r="B28442" s="14" t="s">
        <v>1</v>
      </c>
      <c r="C28442" s="14" t="s">
        <v>109</v>
      </c>
      <c r="D28442" s="14" t="s">
        <v>179</v>
      </c>
      <c r="E28442" s="15">
        <v>45713</v>
      </c>
      <c r="F28442" s="14" t="s">
        <v>53</v>
      </c>
      <c r="G28442" s="16">
        <v>0</v>
      </c>
    </row>
    <row r="28443" spans="1:7" x14ac:dyDescent="0.3">
      <c r="A28443" s="13" t="s">
        <v>178</v>
      </c>
      <c r="B28443" s="14" t="s">
        <v>1</v>
      </c>
      <c r="C28443" s="14" t="s">
        <v>109</v>
      </c>
      <c r="D28443" s="14" t="s">
        <v>179</v>
      </c>
      <c r="E28443" s="15">
        <v>45714</v>
      </c>
      <c r="F28443" s="14" t="s">
        <v>53</v>
      </c>
      <c r="G28443" s="16">
        <v>0</v>
      </c>
    </row>
    <row r="28444" spans="1:7" x14ac:dyDescent="0.3">
      <c r="A28444" s="13" t="s">
        <v>178</v>
      </c>
      <c r="B28444" s="14" t="s">
        <v>1</v>
      </c>
      <c r="C28444" s="14" t="s">
        <v>109</v>
      </c>
      <c r="D28444" s="14" t="s">
        <v>179</v>
      </c>
      <c r="E28444" s="15">
        <v>45715</v>
      </c>
      <c r="F28444" s="14" t="s">
        <v>53</v>
      </c>
      <c r="G28444" s="16">
        <v>0</v>
      </c>
    </row>
    <row r="28445" spans="1:7" x14ac:dyDescent="0.3">
      <c r="A28445" s="13" t="s">
        <v>178</v>
      </c>
      <c r="B28445" s="14" t="s">
        <v>1</v>
      </c>
      <c r="C28445" s="14" t="s">
        <v>109</v>
      </c>
      <c r="D28445" s="14" t="s">
        <v>179</v>
      </c>
      <c r="E28445" s="15">
        <v>45716</v>
      </c>
      <c r="F28445" s="14" t="s">
        <v>53</v>
      </c>
      <c r="G28445" s="16">
        <v>0</v>
      </c>
    </row>
    <row r="28446" spans="1:7" x14ac:dyDescent="0.3">
      <c r="A28446" s="13" t="s">
        <v>178</v>
      </c>
      <c r="B28446" s="14" t="s">
        <v>1</v>
      </c>
      <c r="C28446" s="14" t="s">
        <v>109</v>
      </c>
      <c r="D28446" s="14" t="s">
        <v>179</v>
      </c>
      <c r="E28446" s="15">
        <v>45717</v>
      </c>
      <c r="F28446" s="14" t="s">
        <v>53</v>
      </c>
      <c r="G28446" s="16">
        <v>0</v>
      </c>
    </row>
    <row r="28447" spans="1:7" x14ac:dyDescent="0.3">
      <c r="A28447" s="13" t="s">
        <v>178</v>
      </c>
      <c r="B28447" s="14" t="s">
        <v>1</v>
      </c>
      <c r="C28447" s="14" t="s">
        <v>109</v>
      </c>
      <c r="D28447" s="14" t="s">
        <v>179</v>
      </c>
      <c r="E28447" s="15">
        <v>45718</v>
      </c>
      <c r="F28447" s="14" t="s">
        <v>53</v>
      </c>
      <c r="G28447" s="16">
        <v>0</v>
      </c>
    </row>
    <row r="28448" spans="1:7" x14ac:dyDescent="0.3">
      <c r="A28448" s="13" t="s">
        <v>178</v>
      </c>
      <c r="B28448" s="14" t="s">
        <v>1</v>
      </c>
      <c r="C28448" s="14" t="s">
        <v>109</v>
      </c>
      <c r="D28448" s="14" t="s">
        <v>179</v>
      </c>
      <c r="E28448" s="15">
        <v>45719</v>
      </c>
      <c r="F28448" s="14" t="s">
        <v>53</v>
      </c>
      <c r="G28448" s="16">
        <v>0</v>
      </c>
    </row>
    <row r="28449" spans="1:7" x14ac:dyDescent="0.3">
      <c r="A28449" s="13" t="s">
        <v>178</v>
      </c>
      <c r="B28449" s="14" t="s">
        <v>1</v>
      </c>
      <c r="C28449" s="14" t="s">
        <v>109</v>
      </c>
      <c r="D28449" s="14" t="s">
        <v>179</v>
      </c>
      <c r="E28449" s="15">
        <v>45720</v>
      </c>
      <c r="F28449" s="14" t="s">
        <v>53</v>
      </c>
      <c r="G28449" s="16">
        <v>0</v>
      </c>
    </row>
    <row r="28450" spans="1:7" x14ac:dyDescent="0.3">
      <c r="A28450" s="13" t="s">
        <v>178</v>
      </c>
      <c r="B28450" s="14" t="s">
        <v>1</v>
      </c>
      <c r="C28450" s="14" t="s">
        <v>109</v>
      </c>
      <c r="D28450" s="14" t="s">
        <v>179</v>
      </c>
      <c r="E28450" s="15">
        <v>45721</v>
      </c>
      <c r="F28450" s="14" t="s">
        <v>53</v>
      </c>
      <c r="G28450" s="16">
        <v>0</v>
      </c>
    </row>
    <row r="28451" spans="1:7" x14ac:dyDescent="0.3">
      <c r="A28451" s="13" t="s">
        <v>178</v>
      </c>
      <c r="B28451" s="14" t="s">
        <v>1</v>
      </c>
      <c r="C28451" s="14" t="s">
        <v>109</v>
      </c>
      <c r="D28451" s="14" t="s">
        <v>179</v>
      </c>
      <c r="E28451" s="15">
        <v>45722</v>
      </c>
      <c r="F28451" s="14" t="s">
        <v>53</v>
      </c>
      <c r="G28451" s="16">
        <v>0</v>
      </c>
    </row>
    <row r="28452" spans="1:7" x14ac:dyDescent="0.3">
      <c r="A28452" s="13" t="s">
        <v>178</v>
      </c>
      <c r="B28452" s="14" t="s">
        <v>1</v>
      </c>
      <c r="C28452" s="14" t="s">
        <v>109</v>
      </c>
      <c r="D28452" s="14" t="s">
        <v>179</v>
      </c>
      <c r="E28452" s="15">
        <v>45723</v>
      </c>
      <c r="F28452" s="14" t="s">
        <v>53</v>
      </c>
      <c r="G28452" s="16">
        <v>0</v>
      </c>
    </row>
    <row r="28453" spans="1:7" x14ac:dyDescent="0.3">
      <c r="A28453" s="13" t="s">
        <v>178</v>
      </c>
      <c r="B28453" s="14" t="s">
        <v>1</v>
      </c>
      <c r="C28453" s="14" t="s">
        <v>109</v>
      </c>
      <c r="D28453" s="14" t="s">
        <v>179</v>
      </c>
      <c r="E28453" s="15">
        <v>45724</v>
      </c>
      <c r="F28453" s="14" t="s">
        <v>53</v>
      </c>
      <c r="G28453" s="16">
        <v>0</v>
      </c>
    </row>
    <row r="28454" spans="1:7" x14ac:dyDescent="0.3">
      <c r="A28454" s="13" t="s">
        <v>178</v>
      </c>
      <c r="B28454" s="14" t="s">
        <v>1</v>
      </c>
      <c r="C28454" s="14" t="s">
        <v>109</v>
      </c>
      <c r="D28454" s="14" t="s">
        <v>179</v>
      </c>
      <c r="E28454" s="15">
        <v>45725</v>
      </c>
      <c r="F28454" s="14" t="s">
        <v>53</v>
      </c>
      <c r="G28454" s="16">
        <v>0</v>
      </c>
    </row>
    <row r="28455" spans="1:7" x14ac:dyDescent="0.3">
      <c r="A28455" s="13" t="s">
        <v>178</v>
      </c>
      <c r="B28455" s="14" t="s">
        <v>1</v>
      </c>
      <c r="C28455" s="14" t="s">
        <v>109</v>
      </c>
      <c r="D28455" s="14" t="s">
        <v>179</v>
      </c>
      <c r="E28455" s="15">
        <v>45726</v>
      </c>
      <c r="F28455" s="14" t="s">
        <v>53</v>
      </c>
      <c r="G28455" s="16">
        <v>0</v>
      </c>
    </row>
    <row r="28456" spans="1:7" x14ac:dyDescent="0.3">
      <c r="A28456" s="13" t="s">
        <v>178</v>
      </c>
      <c r="B28456" s="14" t="s">
        <v>1</v>
      </c>
      <c r="C28456" s="14" t="s">
        <v>109</v>
      </c>
      <c r="D28456" s="14" t="s">
        <v>179</v>
      </c>
      <c r="E28456" s="15">
        <v>45727</v>
      </c>
      <c r="F28456" s="14" t="s">
        <v>53</v>
      </c>
      <c r="G28456" s="16">
        <v>0</v>
      </c>
    </row>
    <row r="28457" spans="1:7" x14ac:dyDescent="0.3">
      <c r="A28457" s="13" t="s">
        <v>178</v>
      </c>
      <c r="B28457" s="14" t="s">
        <v>1</v>
      </c>
      <c r="C28457" s="14" t="s">
        <v>109</v>
      </c>
      <c r="D28457" s="14" t="s">
        <v>179</v>
      </c>
      <c r="E28457" s="15">
        <v>45728</v>
      </c>
      <c r="F28457" s="14" t="s">
        <v>53</v>
      </c>
      <c r="G28457" s="16">
        <v>0</v>
      </c>
    </row>
    <row r="28458" spans="1:7" x14ac:dyDescent="0.3">
      <c r="A28458" s="13" t="s">
        <v>178</v>
      </c>
      <c r="B28458" s="14" t="s">
        <v>1</v>
      </c>
      <c r="C28458" s="14" t="s">
        <v>109</v>
      </c>
      <c r="D28458" s="14" t="s">
        <v>179</v>
      </c>
      <c r="E28458" s="15">
        <v>45729</v>
      </c>
      <c r="F28458" s="14" t="s">
        <v>53</v>
      </c>
      <c r="G28458" s="16">
        <v>0</v>
      </c>
    </row>
    <row r="28459" spans="1:7" x14ac:dyDescent="0.3">
      <c r="A28459" s="13" t="s">
        <v>178</v>
      </c>
      <c r="B28459" s="14" t="s">
        <v>1</v>
      </c>
      <c r="C28459" s="14" t="s">
        <v>109</v>
      </c>
      <c r="D28459" s="14" t="s">
        <v>179</v>
      </c>
      <c r="E28459" s="15">
        <v>45730</v>
      </c>
      <c r="F28459" s="14" t="s">
        <v>53</v>
      </c>
      <c r="G28459" s="16">
        <v>0</v>
      </c>
    </row>
    <row r="28460" spans="1:7" x14ac:dyDescent="0.3">
      <c r="A28460" s="13" t="s">
        <v>178</v>
      </c>
      <c r="B28460" s="14" t="s">
        <v>1</v>
      </c>
      <c r="C28460" s="14" t="s">
        <v>109</v>
      </c>
      <c r="D28460" s="14" t="s">
        <v>179</v>
      </c>
      <c r="E28460" s="15">
        <v>45731</v>
      </c>
      <c r="F28460" s="14" t="s">
        <v>53</v>
      </c>
      <c r="G28460" s="16">
        <v>0</v>
      </c>
    </row>
    <row r="28461" spans="1:7" x14ac:dyDescent="0.3">
      <c r="A28461" s="13" t="s">
        <v>178</v>
      </c>
      <c r="B28461" s="14" t="s">
        <v>1</v>
      </c>
      <c r="C28461" s="14" t="s">
        <v>109</v>
      </c>
      <c r="D28461" s="14" t="s">
        <v>179</v>
      </c>
      <c r="E28461" s="15">
        <v>45732</v>
      </c>
      <c r="F28461" s="14" t="s">
        <v>53</v>
      </c>
      <c r="G28461" s="16">
        <v>0</v>
      </c>
    </row>
    <row r="28462" spans="1:7" x14ac:dyDescent="0.3">
      <c r="A28462" s="13" t="s">
        <v>178</v>
      </c>
      <c r="B28462" s="14" t="s">
        <v>1</v>
      </c>
      <c r="C28462" s="14" t="s">
        <v>109</v>
      </c>
      <c r="D28462" s="14" t="s">
        <v>179</v>
      </c>
      <c r="E28462" s="15">
        <v>45733</v>
      </c>
      <c r="F28462" s="14" t="s">
        <v>53</v>
      </c>
      <c r="G28462" s="16">
        <v>0</v>
      </c>
    </row>
    <row r="28463" spans="1:7" x14ac:dyDescent="0.3">
      <c r="A28463" s="13" t="s">
        <v>178</v>
      </c>
      <c r="B28463" s="14" t="s">
        <v>1</v>
      </c>
      <c r="C28463" s="14" t="s">
        <v>109</v>
      </c>
      <c r="D28463" s="14" t="s">
        <v>179</v>
      </c>
      <c r="E28463" s="15">
        <v>45734</v>
      </c>
      <c r="F28463" s="14" t="s">
        <v>53</v>
      </c>
      <c r="G28463" s="16">
        <v>0</v>
      </c>
    </row>
    <row r="28464" spans="1:7" x14ac:dyDescent="0.3">
      <c r="A28464" s="13" t="s">
        <v>178</v>
      </c>
      <c r="B28464" s="14" t="s">
        <v>1</v>
      </c>
      <c r="C28464" s="14" t="s">
        <v>109</v>
      </c>
      <c r="D28464" s="14" t="s">
        <v>179</v>
      </c>
      <c r="E28464" s="15">
        <v>45735</v>
      </c>
      <c r="F28464" s="14" t="s">
        <v>53</v>
      </c>
      <c r="G28464" s="16">
        <v>0</v>
      </c>
    </row>
    <row r="28465" spans="1:7" x14ac:dyDescent="0.3">
      <c r="A28465" s="13" t="s">
        <v>178</v>
      </c>
      <c r="B28465" s="14" t="s">
        <v>1</v>
      </c>
      <c r="C28465" s="14" t="s">
        <v>109</v>
      </c>
      <c r="D28465" s="14" t="s">
        <v>179</v>
      </c>
      <c r="E28465" s="15">
        <v>45736</v>
      </c>
      <c r="F28465" s="14" t="s">
        <v>53</v>
      </c>
      <c r="G28465" s="16">
        <v>0</v>
      </c>
    </row>
    <row r="28466" spans="1:7" x14ac:dyDescent="0.3">
      <c r="A28466" s="13" t="s">
        <v>178</v>
      </c>
      <c r="B28466" s="14" t="s">
        <v>1</v>
      </c>
      <c r="C28466" s="14" t="s">
        <v>109</v>
      </c>
      <c r="D28466" s="14" t="s">
        <v>179</v>
      </c>
      <c r="E28466" s="15">
        <v>45737</v>
      </c>
      <c r="F28466" s="14" t="s">
        <v>53</v>
      </c>
      <c r="G28466" s="16">
        <v>0</v>
      </c>
    </row>
    <row r="28467" spans="1:7" x14ac:dyDescent="0.3">
      <c r="A28467" s="13" t="s">
        <v>178</v>
      </c>
      <c r="B28467" s="14" t="s">
        <v>1</v>
      </c>
      <c r="C28467" s="14" t="s">
        <v>109</v>
      </c>
      <c r="D28467" s="14" t="s">
        <v>179</v>
      </c>
      <c r="E28467" s="15">
        <v>45738</v>
      </c>
      <c r="F28467" s="14" t="s">
        <v>53</v>
      </c>
      <c r="G28467" s="16">
        <v>0</v>
      </c>
    </row>
    <row r="28468" spans="1:7" x14ac:dyDescent="0.3">
      <c r="A28468" s="13" t="s">
        <v>178</v>
      </c>
      <c r="B28468" s="14" t="s">
        <v>1</v>
      </c>
      <c r="C28468" s="14" t="s">
        <v>109</v>
      </c>
      <c r="D28468" s="14" t="s">
        <v>179</v>
      </c>
      <c r="E28468" s="15">
        <v>45739</v>
      </c>
      <c r="F28468" s="14" t="s">
        <v>53</v>
      </c>
      <c r="G28468" s="16">
        <v>0</v>
      </c>
    </row>
    <row r="28469" spans="1:7" x14ac:dyDescent="0.3">
      <c r="A28469" s="13" t="s">
        <v>178</v>
      </c>
      <c r="B28469" s="14" t="s">
        <v>1</v>
      </c>
      <c r="C28469" s="14" t="s">
        <v>109</v>
      </c>
      <c r="D28469" s="14" t="s">
        <v>179</v>
      </c>
      <c r="E28469" s="15">
        <v>45740</v>
      </c>
      <c r="F28469" s="14" t="s">
        <v>53</v>
      </c>
      <c r="G28469" s="16">
        <v>0</v>
      </c>
    </row>
    <row r="28470" spans="1:7" x14ac:dyDescent="0.3">
      <c r="A28470" s="13" t="s">
        <v>178</v>
      </c>
      <c r="B28470" s="14" t="s">
        <v>1</v>
      </c>
      <c r="C28470" s="14" t="s">
        <v>109</v>
      </c>
      <c r="D28470" s="14" t="s">
        <v>179</v>
      </c>
      <c r="E28470" s="15">
        <v>45741</v>
      </c>
      <c r="F28470" s="14" t="s">
        <v>53</v>
      </c>
      <c r="G28470" s="16">
        <v>0</v>
      </c>
    </row>
    <row r="28471" spans="1:7" x14ac:dyDescent="0.3">
      <c r="A28471" s="13" t="s">
        <v>178</v>
      </c>
      <c r="B28471" s="14" t="s">
        <v>1</v>
      </c>
      <c r="C28471" s="14" t="s">
        <v>109</v>
      </c>
      <c r="D28471" s="14" t="s">
        <v>179</v>
      </c>
      <c r="E28471" s="15">
        <v>45742</v>
      </c>
      <c r="F28471" s="14" t="s">
        <v>53</v>
      </c>
      <c r="G28471" s="16">
        <v>0</v>
      </c>
    </row>
    <row r="28472" spans="1:7" x14ac:dyDescent="0.3">
      <c r="A28472" s="13" t="s">
        <v>178</v>
      </c>
      <c r="B28472" s="14" t="s">
        <v>1</v>
      </c>
      <c r="C28472" s="14" t="s">
        <v>109</v>
      </c>
      <c r="D28472" s="14" t="s">
        <v>179</v>
      </c>
      <c r="E28472" s="15">
        <v>45743</v>
      </c>
      <c r="F28472" s="14" t="s">
        <v>53</v>
      </c>
      <c r="G28472" s="16">
        <v>0</v>
      </c>
    </row>
    <row r="28473" spans="1:7" x14ac:dyDescent="0.3">
      <c r="A28473" s="13" t="s">
        <v>178</v>
      </c>
      <c r="B28473" s="14" t="s">
        <v>1</v>
      </c>
      <c r="C28473" s="14" t="s">
        <v>109</v>
      </c>
      <c r="D28473" s="14" t="s">
        <v>179</v>
      </c>
      <c r="E28473" s="15">
        <v>45744</v>
      </c>
      <c r="F28473" s="14" t="s">
        <v>53</v>
      </c>
      <c r="G28473" s="16">
        <v>0</v>
      </c>
    </row>
    <row r="28474" spans="1:7" x14ac:dyDescent="0.3">
      <c r="A28474" s="13" t="s">
        <v>178</v>
      </c>
      <c r="B28474" s="14" t="s">
        <v>1</v>
      </c>
      <c r="C28474" s="14" t="s">
        <v>109</v>
      </c>
      <c r="D28474" s="14" t="s">
        <v>179</v>
      </c>
      <c r="E28474" s="15">
        <v>45745</v>
      </c>
      <c r="F28474" s="14" t="s">
        <v>53</v>
      </c>
      <c r="G28474" s="16">
        <v>0</v>
      </c>
    </row>
    <row r="28475" spans="1:7" x14ac:dyDescent="0.3">
      <c r="A28475" s="13" t="s">
        <v>178</v>
      </c>
      <c r="B28475" s="14" t="s">
        <v>1</v>
      </c>
      <c r="C28475" s="14" t="s">
        <v>109</v>
      </c>
      <c r="D28475" s="14" t="s">
        <v>179</v>
      </c>
      <c r="E28475" s="15">
        <v>45746</v>
      </c>
      <c r="F28475" s="14" t="s">
        <v>53</v>
      </c>
      <c r="G28475" s="16">
        <v>0</v>
      </c>
    </row>
    <row r="28476" spans="1:7" x14ac:dyDescent="0.3">
      <c r="A28476" s="13" t="s">
        <v>178</v>
      </c>
      <c r="B28476" s="14" t="s">
        <v>1</v>
      </c>
      <c r="C28476" s="14" t="s">
        <v>109</v>
      </c>
      <c r="D28476" s="14" t="s">
        <v>179</v>
      </c>
      <c r="E28476" s="15">
        <v>45747</v>
      </c>
      <c r="F28476" s="14" t="s">
        <v>53</v>
      </c>
      <c r="G28476" s="16">
        <v>0</v>
      </c>
    </row>
    <row r="28477" spans="1:7" x14ac:dyDescent="0.3">
      <c r="A28477" s="13" t="s">
        <v>180</v>
      </c>
      <c r="B28477" s="14" t="s">
        <v>1</v>
      </c>
      <c r="C28477" s="14" t="s">
        <v>70</v>
      </c>
      <c r="D28477" s="14" t="s">
        <v>181</v>
      </c>
      <c r="E28477" s="15">
        <v>45383</v>
      </c>
      <c r="F28477" s="14" t="s">
        <v>15</v>
      </c>
      <c r="G28477" s="16">
        <v>0</v>
      </c>
    </row>
    <row r="28478" spans="1:7" x14ac:dyDescent="0.3">
      <c r="A28478" s="13" t="s">
        <v>180</v>
      </c>
      <c r="B28478" s="14" t="s">
        <v>1</v>
      </c>
      <c r="C28478" s="14" t="s">
        <v>70</v>
      </c>
      <c r="D28478" s="14" t="s">
        <v>181</v>
      </c>
      <c r="E28478" s="15">
        <v>45384</v>
      </c>
      <c r="F28478" s="14" t="s">
        <v>15</v>
      </c>
      <c r="G28478" s="16">
        <v>0</v>
      </c>
    </row>
    <row r="28479" spans="1:7" x14ac:dyDescent="0.3">
      <c r="A28479" s="13" t="s">
        <v>180</v>
      </c>
      <c r="B28479" s="14" t="s">
        <v>1</v>
      </c>
      <c r="C28479" s="14" t="s">
        <v>70</v>
      </c>
      <c r="D28479" s="14" t="s">
        <v>181</v>
      </c>
      <c r="E28479" s="15">
        <v>45385</v>
      </c>
      <c r="F28479" s="14" t="s">
        <v>15</v>
      </c>
      <c r="G28479" s="16">
        <v>5.0023395374965432E-2</v>
      </c>
    </row>
    <row r="28480" spans="1:7" x14ac:dyDescent="0.3">
      <c r="A28480" s="13" t="s">
        <v>180</v>
      </c>
      <c r="B28480" s="14" t="s">
        <v>1</v>
      </c>
      <c r="C28480" s="14" t="s">
        <v>70</v>
      </c>
      <c r="D28480" s="14" t="s">
        <v>181</v>
      </c>
      <c r="E28480" s="15">
        <v>45386</v>
      </c>
      <c r="F28480" s="14" t="s">
        <v>15</v>
      </c>
      <c r="G28480" s="16">
        <v>6.3046790749930859E-2</v>
      </c>
    </row>
    <row r="28481" spans="1:7" x14ac:dyDescent="0.3">
      <c r="A28481" s="13" t="s">
        <v>180</v>
      </c>
      <c r="B28481" s="14" t="s">
        <v>1</v>
      </c>
      <c r="C28481" s="14" t="s">
        <v>70</v>
      </c>
      <c r="D28481" s="14" t="s">
        <v>181</v>
      </c>
      <c r="E28481" s="15">
        <v>45387</v>
      </c>
      <c r="F28481" s="14" t="s">
        <v>15</v>
      </c>
      <c r="G28481" s="16">
        <v>8.5070186124896294E-2</v>
      </c>
    </row>
    <row r="28482" spans="1:7" x14ac:dyDescent="0.3">
      <c r="A28482" s="13" t="s">
        <v>180</v>
      </c>
      <c r="B28482" s="14" t="s">
        <v>1</v>
      </c>
      <c r="C28482" s="14" t="s">
        <v>70</v>
      </c>
      <c r="D28482" s="14" t="s">
        <v>181</v>
      </c>
      <c r="E28482" s="15">
        <v>45388</v>
      </c>
      <c r="F28482" s="14" t="s">
        <v>15</v>
      </c>
      <c r="G28482" s="16">
        <v>8.5070186124896294E-2</v>
      </c>
    </row>
    <row r="28483" spans="1:7" x14ac:dyDescent="0.3">
      <c r="A28483" s="13" t="s">
        <v>180</v>
      </c>
      <c r="B28483" s="14" t="s">
        <v>1</v>
      </c>
      <c r="C28483" s="14" t="s">
        <v>70</v>
      </c>
      <c r="D28483" s="14" t="s">
        <v>181</v>
      </c>
      <c r="E28483" s="15">
        <v>45389</v>
      </c>
      <c r="F28483" s="14" t="s">
        <v>15</v>
      </c>
      <c r="G28483" s="16">
        <v>8.5070186124896294E-2</v>
      </c>
    </row>
    <row r="28484" spans="1:7" x14ac:dyDescent="0.3">
      <c r="A28484" s="13" t="s">
        <v>180</v>
      </c>
      <c r="B28484" s="14" t="s">
        <v>1</v>
      </c>
      <c r="C28484" s="14" t="s">
        <v>70</v>
      </c>
      <c r="D28484" s="14" t="s">
        <v>181</v>
      </c>
      <c r="E28484" s="15">
        <v>45390</v>
      </c>
      <c r="F28484" s="14" t="s">
        <v>15</v>
      </c>
      <c r="G28484" s="16">
        <v>0.11009358149986173</v>
      </c>
    </row>
    <row r="28485" spans="1:7" x14ac:dyDescent="0.3">
      <c r="A28485" s="13" t="s">
        <v>180</v>
      </c>
      <c r="B28485" s="14" t="s">
        <v>1</v>
      </c>
      <c r="C28485" s="14" t="s">
        <v>70</v>
      </c>
      <c r="D28485" s="14" t="s">
        <v>181</v>
      </c>
      <c r="E28485" s="15">
        <v>45391</v>
      </c>
      <c r="F28485" s="14" t="s">
        <v>15</v>
      </c>
      <c r="G28485" s="16">
        <v>0.13611697687482716</v>
      </c>
    </row>
    <row r="28486" spans="1:7" x14ac:dyDescent="0.3">
      <c r="A28486" s="13" t="s">
        <v>180</v>
      </c>
      <c r="B28486" s="14" t="s">
        <v>1</v>
      </c>
      <c r="C28486" s="14" t="s">
        <v>70</v>
      </c>
      <c r="D28486" s="14" t="s">
        <v>181</v>
      </c>
      <c r="E28486" s="15">
        <v>45392</v>
      </c>
      <c r="F28486" s="14" t="s">
        <v>15</v>
      </c>
      <c r="G28486" s="16">
        <v>0.15814037224979258</v>
      </c>
    </row>
    <row r="28487" spans="1:7" x14ac:dyDescent="0.3">
      <c r="A28487" s="13" t="s">
        <v>180</v>
      </c>
      <c r="B28487" s="14" t="s">
        <v>1</v>
      </c>
      <c r="C28487" s="14" t="s">
        <v>70</v>
      </c>
      <c r="D28487" s="14" t="s">
        <v>181</v>
      </c>
      <c r="E28487" s="15">
        <v>45393</v>
      </c>
      <c r="F28487" s="14" t="s">
        <v>15</v>
      </c>
      <c r="G28487" s="16">
        <v>0.16616376762475801</v>
      </c>
    </row>
    <row r="28488" spans="1:7" x14ac:dyDescent="0.3">
      <c r="A28488" s="13" t="s">
        <v>180</v>
      </c>
      <c r="B28488" s="14" t="s">
        <v>1</v>
      </c>
      <c r="C28488" s="14" t="s">
        <v>70</v>
      </c>
      <c r="D28488" s="14" t="s">
        <v>181</v>
      </c>
      <c r="E28488" s="15">
        <v>45394</v>
      </c>
      <c r="F28488" s="14" t="s">
        <v>15</v>
      </c>
      <c r="G28488" s="16">
        <v>0.17418716299972345</v>
      </c>
    </row>
    <row r="28489" spans="1:7" x14ac:dyDescent="0.3">
      <c r="A28489" s="13" t="s">
        <v>180</v>
      </c>
      <c r="B28489" s="14" t="s">
        <v>1</v>
      </c>
      <c r="C28489" s="14" t="s">
        <v>70</v>
      </c>
      <c r="D28489" s="14" t="s">
        <v>181</v>
      </c>
      <c r="E28489" s="15">
        <v>45395</v>
      </c>
      <c r="F28489" s="14" t="s">
        <v>15</v>
      </c>
      <c r="G28489" s="16">
        <v>0.17418716299972345</v>
      </c>
    </row>
    <row r="28490" spans="1:7" x14ac:dyDescent="0.3">
      <c r="A28490" s="13" t="s">
        <v>180</v>
      </c>
      <c r="B28490" s="14" t="s">
        <v>1</v>
      </c>
      <c r="C28490" s="14" t="s">
        <v>70</v>
      </c>
      <c r="D28490" s="14" t="s">
        <v>181</v>
      </c>
      <c r="E28490" s="15">
        <v>45396</v>
      </c>
      <c r="F28490" s="14" t="s">
        <v>15</v>
      </c>
      <c r="G28490" s="16">
        <v>0.17418716299972345</v>
      </c>
    </row>
    <row r="28491" spans="1:7" x14ac:dyDescent="0.3">
      <c r="A28491" s="13" t="s">
        <v>180</v>
      </c>
      <c r="B28491" s="14" t="s">
        <v>1</v>
      </c>
      <c r="C28491" s="14" t="s">
        <v>70</v>
      </c>
      <c r="D28491" s="14" t="s">
        <v>181</v>
      </c>
      <c r="E28491" s="15">
        <v>45397</v>
      </c>
      <c r="F28491" s="14" t="s">
        <v>15</v>
      </c>
      <c r="G28491" s="16">
        <v>0.20421055837468888</v>
      </c>
    </row>
    <row r="28492" spans="1:7" x14ac:dyDescent="0.3">
      <c r="A28492" s="13" t="s">
        <v>180</v>
      </c>
      <c r="B28492" s="14" t="s">
        <v>1</v>
      </c>
      <c r="C28492" s="14" t="s">
        <v>70</v>
      </c>
      <c r="D28492" s="14" t="s">
        <v>181</v>
      </c>
      <c r="E28492" s="15">
        <v>45398</v>
      </c>
      <c r="F28492" s="14" t="s">
        <v>15</v>
      </c>
      <c r="G28492" s="16">
        <v>0.23023395374965433</v>
      </c>
    </row>
    <row r="28493" spans="1:7" x14ac:dyDescent="0.3">
      <c r="A28493" s="13" t="s">
        <v>180</v>
      </c>
      <c r="B28493" s="14" t="s">
        <v>1</v>
      </c>
      <c r="C28493" s="14" t="s">
        <v>70</v>
      </c>
      <c r="D28493" s="14" t="s">
        <v>181</v>
      </c>
      <c r="E28493" s="15">
        <v>45399</v>
      </c>
      <c r="F28493" s="14" t="s">
        <v>15</v>
      </c>
      <c r="G28493" s="16">
        <v>0.27825734912461975</v>
      </c>
    </row>
    <row r="28494" spans="1:7" x14ac:dyDescent="0.3">
      <c r="A28494" s="13" t="s">
        <v>180</v>
      </c>
      <c r="B28494" s="14" t="s">
        <v>1</v>
      </c>
      <c r="C28494" s="14" t="s">
        <v>70</v>
      </c>
      <c r="D28494" s="14" t="s">
        <v>181</v>
      </c>
      <c r="E28494" s="15">
        <v>45400</v>
      </c>
      <c r="F28494" s="14" t="s">
        <v>15</v>
      </c>
      <c r="G28494" s="16">
        <v>0.28628074449958518</v>
      </c>
    </row>
    <row r="28495" spans="1:7" x14ac:dyDescent="0.3">
      <c r="A28495" s="13" t="s">
        <v>180</v>
      </c>
      <c r="B28495" s="14" t="s">
        <v>1</v>
      </c>
      <c r="C28495" s="14" t="s">
        <v>70</v>
      </c>
      <c r="D28495" s="14" t="s">
        <v>181</v>
      </c>
      <c r="E28495" s="15">
        <v>45401</v>
      </c>
      <c r="F28495" s="14" t="s">
        <v>15</v>
      </c>
      <c r="G28495" s="16">
        <v>0.29930413987455062</v>
      </c>
    </row>
    <row r="28496" spans="1:7" x14ac:dyDescent="0.3">
      <c r="A28496" s="13" t="s">
        <v>180</v>
      </c>
      <c r="B28496" s="14" t="s">
        <v>1</v>
      </c>
      <c r="C28496" s="14" t="s">
        <v>70</v>
      </c>
      <c r="D28496" s="14" t="s">
        <v>181</v>
      </c>
      <c r="E28496" s="15">
        <v>45402</v>
      </c>
      <c r="F28496" s="14" t="s">
        <v>15</v>
      </c>
      <c r="G28496" s="16">
        <v>0.29930413987455062</v>
      </c>
    </row>
    <row r="28497" spans="1:7" x14ac:dyDescent="0.3">
      <c r="A28497" s="13" t="s">
        <v>180</v>
      </c>
      <c r="B28497" s="14" t="s">
        <v>1</v>
      </c>
      <c r="C28497" s="14" t="s">
        <v>70</v>
      </c>
      <c r="D28497" s="14" t="s">
        <v>181</v>
      </c>
      <c r="E28497" s="15">
        <v>45403</v>
      </c>
      <c r="F28497" s="14" t="s">
        <v>15</v>
      </c>
      <c r="G28497" s="16">
        <v>0.29930413987455062</v>
      </c>
    </row>
    <row r="28498" spans="1:7" x14ac:dyDescent="0.3">
      <c r="A28498" s="13" t="s">
        <v>180</v>
      </c>
      <c r="B28498" s="14" t="s">
        <v>1</v>
      </c>
      <c r="C28498" s="14" t="s">
        <v>70</v>
      </c>
      <c r="D28498" s="14" t="s">
        <v>181</v>
      </c>
      <c r="E28498" s="15">
        <v>45404</v>
      </c>
      <c r="F28498" s="14" t="s">
        <v>15</v>
      </c>
      <c r="G28498" s="16">
        <v>0.31232753524951606</v>
      </c>
    </row>
    <row r="28499" spans="1:7" x14ac:dyDescent="0.3">
      <c r="A28499" s="13" t="s">
        <v>180</v>
      </c>
      <c r="B28499" s="14" t="s">
        <v>1</v>
      </c>
      <c r="C28499" s="14" t="s">
        <v>70</v>
      </c>
      <c r="D28499" s="14" t="s">
        <v>181</v>
      </c>
      <c r="E28499" s="15">
        <v>45405</v>
      </c>
      <c r="F28499" s="14" t="s">
        <v>15</v>
      </c>
      <c r="G28499" s="16">
        <v>0.35435093062448153</v>
      </c>
    </row>
    <row r="28500" spans="1:7" x14ac:dyDescent="0.3">
      <c r="A28500" s="13" t="s">
        <v>180</v>
      </c>
      <c r="B28500" s="14" t="s">
        <v>1</v>
      </c>
      <c r="C28500" s="14" t="s">
        <v>70</v>
      </c>
      <c r="D28500" s="14" t="s">
        <v>181</v>
      </c>
      <c r="E28500" s="15">
        <v>45406</v>
      </c>
      <c r="F28500" s="14" t="s">
        <v>15</v>
      </c>
      <c r="G28500" s="16">
        <v>0.36637432599944691</v>
      </c>
    </row>
    <row r="28501" spans="1:7" x14ac:dyDescent="0.3">
      <c r="A28501" s="13" t="s">
        <v>180</v>
      </c>
      <c r="B28501" s="14" t="s">
        <v>1</v>
      </c>
      <c r="C28501" s="14" t="s">
        <v>70</v>
      </c>
      <c r="D28501" s="14" t="s">
        <v>181</v>
      </c>
      <c r="E28501" s="15">
        <v>45407</v>
      </c>
      <c r="F28501" s="14" t="s">
        <v>15</v>
      </c>
      <c r="G28501" s="16">
        <v>0.41839772137441233</v>
      </c>
    </row>
    <row r="28502" spans="1:7" x14ac:dyDescent="0.3">
      <c r="A28502" s="13" t="s">
        <v>180</v>
      </c>
      <c r="B28502" s="14" t="s">
        <v>1</v>
      </c>
      <c r="C28502" s="14" t="s">
        <v>70</v>
      </c>
      <c r="D28502" s="14" t="s">
        <v>181</v>
      </c>
      <c r="E28502" s="15">
        <v>45408</v>
      </c>
      <c r="F28502" s="14" t="s">
        <v>15</v>
      </c>
      <c r="G28502" s="16">
        <v>0.42742111674937772</v>
      </c>
    </row>
    <row r="28503" spans="1:7" x14ac:dyDescent="0.3">
      <c r="A28503" s="13" t="s">
        <v>180</v>
      </c>
      <c r="B28503" s="14" t="s">
        <v>1</v>
      </c>
      <c r="C28503" s="14" t="s">
        <v>70</v>
      </c>
      <c r="D28503" s="14" t="s">
        <v>181</v>
      </c>
      <c r="E28503" s="15">
        <v>45409</v>
      </c>
      <c r="F28503" s="14" t="s">
        <v>15</v>
      </c>
      <c r="G28503" s="16">
        <v>0.42742111674937772</v>
      </c>
    </row>
    <row r="28504" spans="1:7" x14ac:dyDescent="0.3">
      <c r="A28504" s="13" t="s">
        <v>180</v>
      </c>
      <c r="B28504" s="14" t="s">
        <v>1</v>
      </c>
      <c r="C28504" s="14" t="s">
        <v>70</v>
      </c>
      <c r="D28504" s="14" t="s">
        <v>181</v>
      </c>
      <c r="E28504" s="15">
        <v>45410</v>
      </c>
      <c r="F28504" s="14" t="s">
        <v>15</v>
      </c>
      <c r="G28504" s="16">
        <v>0.42742111674937772</v>
      </c>
    </row>
    <row r="28505" spans="1:7" x14ac:dyDescent="0.3">
      <c r="A28505" s="13" t="s">
        <v>180</v>
      </c>
      <c r="B28505" s="14" t="s">
        <v>1</v>
      </c>
      <c r="C28505" s="14" t="s">
        <v>70</v>
      </c>
      <c r="D28505" s="14" t="s">
        <v>181</v>
      </c>
      <c r="E28505" s="15">
        <v>45411</v>
      </c>
      <c r="F28505" s="14" t="s">
        <v>15</v>
      </c>
      <c r="G28505" s="16">
        <v>0.43544451212434315</v>
      </c>
    </row>
    <row r="28506" spans="1:7" x14ac:dyDescent="0.3">
      <c r="A28506" s="13" t="s">
        <v>180</v>
      </c>
      <c r="B28506" s="14" t="s">
        <v>1</v>
      </c>
      <c r="C28506" s="14" t="s">
        <v>70</v>
      </c>
      <c r="D28506" s="14" t="s">
        <v>181</v>
      </c>
      <c r="E28506" s="15">
        <v>45412</v>
      </c>
      <c r="F28506" s="14" t="s">
        <v>15</v>
      </c>
      <c r="G28506" s="16">
        <v>0.45946790749930855</v>
      </c>
    </row>
    <row r="28507" spans="1:7" x14ac:dyDescent="0.3">
      <c r="A28507" s="13" t="s">
        <v>180</v>
      </c>
      <c r="B28507" s="14" t="s">
        <v>1</v>
      </c>
      <c r="C28507" s="14" t="s">
        <v>70</v>
      </c>
      <c r="D28507" s="14" t="s">
        <v>181</v>
      </c>
      <c r="E28507" s="15">
        <v>45413</v>
      </c>
      <c r="F28507" s="14" t="s">
        <v>15</v>
      </c>
      <c r="G28507" s="16">
        <v>0.45946790749930855</v>
      </c>
    </row>
    <row r="28508" spans="1:7" x14ac:dyDescent="0.3">
      <c r="A28508" s="13" t="s">
        <v>180</v>
      </c>
      <c r="B28508" s="14" t="s">
        <v>1</v>
      </c>
      <c r="C28508" s="14" t="s">
        <v>70</v>
      </c>
      <c r="D28508" s="14" t="s">
        <v>181</v>
      </c>
      <c r="E28508" s="15">
        <v>45414</v>
      </c>
      <c r="F28508" s="14" t="s">
        <v>15</v>
      </c>
      <c r="G28508" s="16">
        <v>0.50449130287427402</v>
      </c>
    </row>
    <row r="28509" spans="1:7" x14ac:dyDescent="0.3">
      <c r="A28509" s="13" t="s">
        <v>180</v>
      </c>
      <c r="B28509" s="14" t="s">
        <v>1</v>
      </c>
      <c r="C28509" s="14" t="s">
        <v>70</v>
      </c>
      <c r="D28509" s="14" t="s">
        <v>181</v>
      </c>
      <c r="E28509" s="15">
        <v>45415</v>
      </c>
      <c r="F28509" s="14" t="s">
        <v>15</v>
      </c>
      <c r="G28509" s="16">
        <v>0.52051469824923946</v>
      </c>
    </row>
    <row r="28510" spans="1:7" x14ac:dyDescent="0.3">
      <c r="A28510" s="13" t="s">
        <v>180</v>
      </c>
      <c r="B28510" s="14" t="s">
        <v>1</v>
      </c>
      <c r="C28510" s="14" t="s">
        <v>70</v>
      </c>
      <c r="D28510" s="14" t="s">
        <v>181</v>
      </c>
      <c r="E28510" s="15">
        <v>45416</v>
      </c>
      <c r="F28510" s="14" t="s">
        <v>15</v>
      </c>
      <c r="G28510" s="16">
        <v>0.52051469824923946</v>
      </c>
    </row>
    <row r="28511" spans="1:7" x14ac:dyDescent="0.3">
      <c r="A28511" s="13" t="s">
        <v>180</v>
      </c>
      <c r="B28511" s="14" t="s">
        <v>1</v>
      </c>
      <c r="C28511" s="14" t="s">
        <v>70</v>
      </c>
      <c r="D28511" s="14" t="s">
        <v>181</v>
      </c>
      <c r="E28511" s="15">
        <v>45417</v>
      </c>
      <c r="F28511" s="14" t="s">
        <v>15</v>
      </c>
      <c r="G28511" s="16">
        <v>0.52051469824923946</v>
      </c>
    </row>
    <row r="28512" spans="1:7" x14ac:dyDescent="0.3">
      <c r="A28512" s="13" t="s">
        <v>180</v>
      </c>
      <c r="B28512" s="14" t="s">
        <v>1</v>
      </c>
      <c r="C28512" s="14" t="s">
        <v>70</v>
      </c>
      <c r="D28512" s="14" t="s">
        <v>181</v>
      </c>
      <c r="E28512" s="15">
        <v>45418</v>
      </c>
      <c r="F28512" s="14" t="s">
        <v>15</v>
      </c>
      <c r="G28512" s="16">
        <v>0.52051469824923946</v>
      </c>
    </row>
    <row r="28513" spans="1:7" x14ac:dyDescent="0.3">
      <c r="A28513" s="13" t="s">
        <v>180</v>
      </c>
      <c r="B28513" s="14" t="s">
        <v>1</v>
      </c>
      <c r="C28513" s="14" t="s">
        <v>70</v>
      </c>
      <c r="D28513" s="14" t="s">
        <v>181</v>
      </c>
      <c r="E28513" s="15">
        <v>45419</v>
      </c>
      <c r="F28513" s="14" t="s">
        <v>15</v>
      </c>
      <c r="G28513" s="16">
        <v>0.55253809362420481</v>
      </c>
    </row>
    <row r="28514" spans="1:7" x14ac:dyDescent="0.3">
      <c r="A28514" s="13" t="s">
        <v>180</v>
      </c>
      <c r="B28514" s="14" t="s">
        <v>1</v>
      </c>
      <c r="C28514" s="14" t="s">
        <v>70</v>
      </c>
      <c r="D28514" s="14" t="s">
        <v>181</v>
      </c>
      <c r="E28514" s="15">
        <v>45420</v>
      </c>
      <c r="F28514" s="14" t="s">
        <v>15</v>
      </c>
      <c r="G28514" s="16">
        <v>0.58856148899917027</v>
      </c>
    </row>
    <row r="28515" spans="1:7" x14ac:dyDescent="0.3">
      <c r="A28515" s="13" t="s">
        <v>180</v>
      </c>
      <c r="B28515" s="14" t="s">
        <v>1</v>
      </c>
      <c r="C28515" s="14" t="s">
        <v>70</v>
      </c>
      <c r="D28515" s="14" t="s">
        <v>181</v>
      </c>
      <c r="E28515" s="15">
        <v>45421</v>
      </c>
      <c r="F28515" s="14" t="s">
        <v>15</v>
      </c>
      <c r="G28515" s="16">
        <v>0.58856148899917027</v>
      </c>
    </row>
    <row r="28516" spans="1:7" x14ac:dyDescent="0.3">
      <c r="A28516" s="13" t="s">
        <v>180</v>
      </c>
      <c r="B28516" s="14" t="s">
        <v>1</v>
      </c>
      <c r="C28516" s="14" t="s">
        <v>70</v>
      </c>
      <c r="D28516" s="14" t="s">
        <v>181</v>
      </c>
      <c r="E28516" s="15">
        <v>45422</v>
      </c>
      <c r="F28516" s="14" t="s">
        <v>15</v>
      </c>
      <c r="G28516" s="16">
        <v>0.5965848843741357</v>
      </c>
    </row>
    <row r="28517" spans="1:7" x14ac:dyDescent="0.3">
      <c r="A28517" s="13" t="s">
        <v>180</v>
      </c>
      <c r="B28517" s="14" t="s">
        <v>1</v>
      </c>
      <c r="C28517" s="14" t="s">
        <v>70</v>
      </c>
      <c r="D28517" s="14" t="s">
        <v>181</v>
      </c>
      <c r="E28517" s="15">
        <v>45423</v>
      </c>
      <c r="F28517" s="14" t="s">
        <v>15</v>
      </c>
      <c r="G28517" s="16">
        <v>0.5965848843741357</v>
      </c>
    </row>
    <row r="28518" spans="1:7" x14ac:dyDescent="0.3">
      <c r="A28518" s="13" t="s">
        <v>180</v>
      </c>
      <c r="B28518" s="14" t="s">
        <v>1</v>
      </c>
      <c r="C28518" s="14" t="s">
        <v>70</v>
      </c>
      <c r="D28518" s="14" t="s">
        <v>181</v>
      </c>
      <c r="E28518" s="15">
        <v>45424</v>
      </c>
      <c r="F28518" s="14" t="s">
        <v>15</v>
      </c>
      <c r="G28518" s="16">
        <v>0.5965848843741357</v>
      </c>
    </row>
    <row r="28519" spans="1:7" x14ac:dyDescent="0.3">
      <c r="A28519" s="13" t="s">
        <v>180</v>
      </c>
      <c r="B28519" s="14" t="s">
        <v>1</v>
      </c>
      <c r="C28519" s="14" t="s">
        <v>70</v>
      </c>
      <c r="D28519" s="14" t="s">
        <v>181</v>
      </c>
      <c r="E28519" s="15">
        <v>45425</v>
      </c>
      <c r="F28519" s="14" t="s">
        <v>15</v>
      </c>
      <c r="G28519" s="16">
        <v>0.71960827974910113</v>
      </c>
    </row>
    <row r="28520" spans="1:7" x14ac:dyDescent="0.3">
      <c r="A28520" s="13" t="s">
        <v>180</v>
      </c>
      <c r="B28520" s="14" t="s">
        <v>1</v>
      </c>
      <c r="C28520" s="14" t="s">
        <v>70</v>
      </c>
      <c r="D28520" s="14" t="s">
        <v>181</v>
      </c>
      <c r="E28520" s="15">
        <v>45426</v>
      </c>
      <c r="F28520" s="14" t="s">
        <v>15</v>
      </c>
      <c r="G28520" s="16">
        <v>0.7676316751240666</v>
      </c>
    </row>
    <row r="28521" spans="1:7" x14ac:dyDescent="0.3">
      <c r="A28521" s="13" t="s">
        <v>180</v>
      </c>
      <c r="B28521" s="14" t="s">
        <v>1</v>
      </c>
      <c r="C28521" s="14" t="s">
        <v>70</v>
      </c>
      <c r="D28521" s="14" t="s">
        <v>181</v>
      </c>
      <c r="E28521" s="15">
        <v>45427</v>
      </c>
      <c r="F28521" s="14" t="s">
        <v>15</v>
      </c>
      <c r="G28521" s="16">
        <v>0.78165507049903205</v>
      </c>
    </row>
    <row r="28522" spans="1:7" x14ac:dyDescent="0.3">
      <c r="A28522" s="13" t="s">
        <v>180</v>
      </c>
      <c r="B28522" s="14" t="s">
        <v>1</v>
      </c>
      <c r="C28522" s="14" t="s">
        <v>70</v>
      </c>
      <c r="D28522" s="14" t="s">
        <v>181</v>
      </c>
      <c r="E28522" s="15">
        <v>45428</v>
      </c>
      <c r="F28522" s="14" t="s">
        <v>15</v>
      </c>
      <c r="G28522" s="16">
        <v>0.79167846587399748</v>
      </c>
    </row>
    <row r="28523" spans="1:7" x14ac:dyDescent="0.3">
      <c r="A28523" s="13" t="s">
        <v>180</v>
      </c>
      <c r="B28523" s="14" t="s">
        <v>1</v>
      </c>
      <c r="C28523" s="14" t="s">
        <v>70</v>
      </c>
      <c r="D28523" s="14" t="s">
        <v>181</v>
      </c>
      <c r="E28523" s="15">
        <v>45429</v>
      </c>
      <c r="F28523" s="14" t="s">
        <v>15</v>
      </c>
      <c r="G28523" s="16">
        <v>0.887701861248963</v>
      </c>
    </row>
    <row r="28524" spans="1:7" x14ac:dyDescent="0.3">
      <c r="A28524" s="13" t="s">
        <v>180</v>
      </c>
      <c r="B28524" s="14" t="s">
        <v>1</v>
      </c>
      <c r="C28524" s="14" t="s">
        <v>70</v>
      </c>
      <c r="D28524" s="14" t="s">
        <v>181</v>
      </c>
      <c r="E28524" s="15">
        <v>45430</v>
      </c>
      <c r="F28524" s="14" t="s">
        <v>15</v>
      </c>
      <c r="G28524" s="16">
        <v>0.887701861248963</v>
      </c>
    </row>
    <row r="28525" spans="1:7" x14ac:dyDescent="0.3">
      <c r="A28525" s="13" t="s">
        <v>180</v>
      </c>
      <c r="B28525" s="14" t="s">
        <v>1</v>
      </c>
      <c r="C28525" s="14" t="s">
        <v>70</v>
      </c>
      <c r="D28525" s="14" t="s">
        <v>181</v>
      </c>
      <c r="E28525" s="15">
        <v>45431</v>
      </c>
      <c r="F28525" s="14" t="s">
        <v>15</v>
      </c>
      <c r="G28525" s="16">
        <v>0.887701861248963</v>
      </c>
    </row>
    <row r="28526" spans="1:7" x14ac:dyDescent="0.3">
      <c r="A28526" s="13" t="s">
        <v>180</v>
      </c>
      <c r="B28526" s="14" t="s">
        <v>1</v>
      </c>
      <c r="C28526" s="14" t="s">
        <v>70</v>
      </c>
      <c r="D28526" s="14" t="s">
        <v>181</v>
      </c>
      <c r="E28526" s="15">
        <v>45432</v>
      </c>
      <c r="F28526" s="14" t="s">
        <v>15</v>
      </c>
      <c r="G28526" s="16">
        <v>0.887701861248963</v>
      </c>
    </row>
    <row r="28527" spans="1:7" x14ac:dyDescent="0.3">
      <c r="A28527" s="13" t="s">
        <v>180</v>
      </c>
      <c r="B28527" s="14" t="s">
        <v>1</v>
      </c>
      <c r="C28527" s="14" t="s">
        <v>70</v>
      </c>
      <c r="D28527" s="14" t="s">
        <v>181</v>
      </c>
      <c r="E28527" s="15">
        <v>45433</v>
      </c>
      <c r="F28527" s="14" t="s">
        <v>15</v>
      </c>
      <c r="G28527" s="16">
        <v>0.89572525662392855</v>
      </c>
    </row>
    <row r="28528" spans="1:7" x14ac:dyDescent="0.3">
      <c r="A28528" s="13" t="s">
        <v>180</v>
      </c>
      <c r="B28528" s="14" t="s">
        <v>1</v>
      </c>
      <c r="C28528" s="14" t="s">
        <v>70</v>
      </c>
      <c r="D28528" s="14" t="s">
        <v>181</v>
      </c>
      <c r="E28528" s="15">
        <v>45434</v>
      </c>
      <c r="F28528" s="14" t="s">
        <v>15</v>
      </c>
      <c r="G28528" s="16">
        <v>0.94574865199889402</v>
      </c>
    </row>
    <row r="28529" spans="1:7" x14ac:dyDescent="0.3">
      <c r="A28529" s="13" t="s">
        <v>180</v>
      </c>
      <c r="B28529" s="14" t="s">
        <v>1</v>
      </c>
      <c r="C28529" s="14" t="s">
        <v>70</v>
      </c>
      <c r="D28529" s="14" t="s">
        <v>181</v>
      </c>
      <c r="E28529" s="15">
        <v>45435</v>
      </c>
      <c r="F28529" s="14" t="s">
        <v>15</v>
      </c>
      <c r="G28529" s="16">
        <v>0.95377204737385957</v>
      </c>
    </row>
    <row r="28530" spans="1:7" x14ac:dyDescent="0.3">
      <c r="A28530" s="13" t="s">
        <v>180</v>
      </c>
      <c r="B28530" s="14" t="s">
        <v>1</v>
      </c>
      <c r="C28530" s="14" t="s">
        <v>70</v>
      </c>
      <c r="D28530" s="14" t="s">
        <v>181</v>
      </c>
      <c r="E28530" s="15">
        <v>45436</v>
      </c>
      <c r="F28530" s="14" t="s">
        <v>15</v>
      </c>
      <c r="G28530" s="16">
        <v>0.961795442748825</v>
      </c>
    </row>
    <row r="28531" spans="1:7" x14ac:dyDescent="0.3">
      <c r="A28531" s="13" t="s">
        <v>180</v>
      </c>
      <c r="B28531" s="14" t="s">
        <v>1</v>
      </c>
      <c r="C28531" s="14" t="s">
        <v>70</v>
      </c>
      <c r="D28531" s="14" t="s">
        <v>181</v>
      </c>
      <c r="E28531" s="15">
        <v>45437</v>
      </c>
      <c r="F28531" s="14" t="s">
        <v>15</v>
      </c>
      <c r="G28531" s="16">
        <v>0.961795442748825</v>
      </c>
    </row>
    <row r="28532" spans="1:7" x14ac:dyDescent="0.3">
      <c r="A28532" s="13" t="s">
        <v>180</v>
      </c>
      <c r="B28532" s="14" t="s">
        <v>1</v>
      </c>
      <c r="C28532" s="14" t="s">
        <v>70</v>
      </c>
      <c r="D28532" s="14" t="s">
        <v>181</v>
      </c>
      <c r="E28532" s="15">
        <v>45438</v>
      </c>
      <c r="F28532" s="14" t="s">
        <v>15</v>
      </c>
      <c r="G28532" s="16">
        <v>0.961795442748825</v>
      </c>
    </row>
    <row r="28533" spans="1:7" x14ac:dyDescent="0.3">
      <c r="A28533" s="13" t="s">
        <v>180</v>
      </c>
      <c r="B28533" s="14" t="s">
        <v>1</v>
      </c>
      <c r="C28533" s="14" t="s">
        <v>70</v>
      </c>
      <c r="D28533" s="14" t="s">
        <v>181</v>
      </c>
      <c r="E28533" s="15">
        <v>45439</v>
      </c>
      <c r="F28533" s="14" t="s">
        <v>15</v>
      </c>
      <c r="G28533" s="16">
        <v>0.96181883812379054</v>
      </c>
    </row>
    <row r="28534" spans="1:7" x14ac:dyDescent="0.3">
      <c r="A28534" s="13" t="s">
        <v>180</v>
      </c>
      <c r="B28534" s="14" t="s">
        <v>1</v>
      </c>
      <c r="C28534" s="14" t="s">
        <v>70</v>
      </c>
      <c r="D28534" s="14" t="s">
        <v>181</v>
      </c>
      <c r="E28534" s="15">
        <v>45440</v>
      </c>
      <c r="F28534" s="14" t="s">
        <v>15</v>
      </c>
      <c r="G28534" s="16">
        <v>0.98484223349875588</v>
      </c>
    </row>
    <row r="28535" spans="1:7" x14ac:dyDescent="0.3">
      <c r="A28535" s="13" t="s">
        <v>180</v>
      </c>
      <c r="B28535" s="14" t="s">
        <v>1</v>
      </c>
      <c r="C28535" s="14" t="s">
        <v>70</v>
      </c>
      <c r="D28535" s="14" t="s">
        <v>181</v>
      </c>
      <c r="E28535" s="15">
        <v>45441</v>
      </c>
      <c r="F28535" s="14" t="s">
        <v>15</v>
      </c>
      <c r="G28535" s="16">
        <v>0.99486562887372132</v>
      </c>
    </row>
    <row r="28536" spans="1:7" x14ac:dyDescent="0.3">
      <c r="A28536" s="13" t="s">
        <v>180</v>
      </c>
      <c r="B28536" s="14" t="s">
        <v>1</v>
      </c>
      <c r="C28536" s="14" t="s">
        <v>70</v>
      </c>
      <c r="D28536" s="14" t="s">
        <v>181</v>
      </c>
      <c r="E28536" s="15">
        <v>45442</v>
      </c>
      <c r="F28536" s="14" t="s">
        <v>15</v>
      </c>
      <c r="G28536" s="16">
        <v>0.99988902424868675</v>
      </c>
    </row>
    <row r="28537" spans="1:7" x14ac:dyDescent="0.3">
      <c r="A28537" s="13" t="s">
        <v>180</v>
      </c>
      <c r="B28537" s="14" t="s">
        <v>1</v>
      </c>
      <c r="C28537" s="14" t="s">
        <v>70</v>
      </c>
      <c r="D28537" s="14" t="s">
        <v>181</v>
      </c>
      <c r="E28537" s="15">
        <v>45443</v>
      </c>
      <c r="F28537" s="14" t="s">
        <v>15</v>
      </c>
      <c r="G28537" s="16">
        <v>1.0119124196236522</v>
      </c>
    </row>
    <row r="28538" spans="1:7" x14ac:dyDescent="0.3">
      <c r="A28538" s="13" t="s">
        <v>180</v>
      </c>
      <c r="B28538" s="14" t="s">
        <v>1</v>
      </c>
      <c r="C28538" s="14" t="s">
        <v>70</v>
      </c>
      <c r="D28538" s="14" t="s">
        <v>181</v>
      </c>
      <c r="E28538" s="15">
        <v>45444</v>
      </c>
      <c r="F28538" s="14" t="s">
        <v>15</v>
      </c>
      <c r="G28538" s="16">
        <v>1.0119124196236522</v>
      </c>
    </row>
    <row r="28539" spans="1:7" x14ac:dyDescent="0.3">
      <c r="A28539" s="13" t="s">
        <v>180</v>
      </c>
      <c r="B28539" s="14" t="s">
        <v>1</v>
      </c>
      <c r="C28539" s="14" t="s">
        <v>70</v>
      </c>
      <c r="D28539" s="14" t="s">
        <v>181</v>
      </c>
      <c r="E28539" s="15">
        <v>45445</v>
      </c>
      <c r="F28539" s="14" t="s">
        <v>15</v>
      </c>
      <c r="G28539" s="16">
        <v>1.0119124196236522</v>
      </c>
    </row>
    <row r="28540" spans="1:7" x14ac:dyDescent="0.3">
      <c r="A28540" s="13" t="s">
        <v>180</v>
      </c>
      <c r="B28540" s="14" t="s">
        <v>1</v>
      </c>
      <c r="C28540" s="14" t="s">
        <v>70</v>
      </c>
      <c r="D28540" s="14" t="s">
        <v>181</v>
      </c>
      <c r="E28540" s="15">
        <v>45446</v>
      </c>
      <c r="F28540" s="14" t="s">
        <v>15</v>
      </c>
      <c r="G28540" s="16">
        <v>1.0119124196236522</v>
      </c>
    </row>
    <row r="28541" spans="1:7" x14ac:dyDescent="0.3">
      <c r="A28541" s="13" t="s">
        <v>180</v>
      </c>
      <c r="B28541" s="14" t="s">
        <v>1</v>
      </c>
      <c r="C28541" s="14" t="s">
        <v>70</v>
      </c>
      <c r="D28541" s="14" t="s">
        <v>181</v>
      </c>
      <c r="E28541" s="15">
        <v>45447</v>
      </c>
      <c r="F28541" s="14" t="s">
        <v>15</v>
      </c>
      <c r="G28541" s="16">
        <v>1.0319358149986175</v>
      </c>
    </row>
    <row r="28542" spans="1:7" x14ac:dyDescent="0.3">
      <c r="A28542" s="13" t="s">
        <v>180</v>
      </c>
      <c r="B28542" s="14" t="s">
        <v>1</v>
      </c>
      <c r="C28542" s="14" t="s">
        <v>70</v>
      </c>
      <c r="D28542" s="14" t="s">
        <v>181</v>
      </c>
      <c r="E28542" s="15">
        <v>45448</v>
      </c>
      <c r="F28542" s="14" t="s">
        <v>15</v>
      </c>
      <c r="G28542" s="16">
        <v>1.080959210373583</v>
      </c>
    </row>
    <row r="28543" spans="1:7" x14ac:dyDescent="0.3">
      <c r="A28543" s="13" t="s">
        <v>180</v>
      </c>
      <c r="B28543" s="14" t="s">
        <v>1</v>
      </c>
      <c r="C28543" s="14" t="s">
        <v>70</v>
      </c>
      <c r="D28543" s="14" t="s">
        <v>181</v>
      </c>
      <c r="E28543" s="15">
        <v>45449</v>
      </c>
      <c r="F28543" s="14" t="s">
        <v>15</v>
      </c>
      <c r="G28543" s="16">
        <v>1.0889826057485485</v>
      </c>
    </row>
    <row r="28544" spans="1:7" x14ac:dyDescent="0.3">
      <c r="A28544" s="13" t="s">
        <v>180</v>
      </c>
      <c r="B28544" s="14" t="s">
        <v>1</v>
      </c>
      <c r="C28544" s="14" t="s">
        <v>70</v>
      </c>
      <c r="D28544" s="14" t="s">
        <v>181</v>
      </c>
      <c r="E28544" s="15">
        <v>45450</v>
      </c>
      <c r="F28544" s="14" t="s">
        <v>15</v>
      </c>
      <c r="G28544" s="16">
        <v>1.0970060011235141</v>
      </c>
    </row>
    <row r="28545" spans="1:7" x14ac:dyDescent="0.3">
      <c r="A28545" s="13" t="s">
        <v>180</v>
      </c>
      <c r="B28545" s="14" t="s">
        <v>1</v>
      </c>
      <c r="C28545" s="14" t="s">
        <v>70</v>
      </c>
      <c r="D28545" s="14" t="s">
        <v>181</v>
      </c>
      <c r="E28545" s="15">
        <v>45451</v>
      </c>
      <c r="F28545" s="14" t="s">
        <v>15</v>
      </c>
      <c r="G28545" s="16">
        <v>1.0970060011235141</v>
      </c>
    </row>
    <row r="28546" spans="1:7" x14ac:dyDescent="0.3">
      <c r="A28546" s="13" t="s">
        <v>180</v>
      </c>
      <c r="B28546" s="14" t="s">
        <v>1</v>
      </c>
      <c r="C28546" s="14" t="s">
        <v>70</v>
      </c>
      <c r="D28546" s="14" t="s">
        <v>181</v>
      </c>
      <c r="E28546" s="15">
        <v>45452</v>
      </c>
      <c r="F28546" s="14" t="s">
        <v>15</v>
      </c>
      <c r="G28546" s="16">
        <v>1.0970060011235141</v>
      </c>
    </row>
    <row r="28547" spans="1:7" x14ac:dyDescent="0.3">
      <c r="A28547" s="13" t="s">
        <v>180</v>
      </c>
      <c r="B28547" s="14" t="s">
        <v>1</v>
      </c>
      <c r="C28547" s="14" t="s">
        <v>70</v>
      </c>
      <c r="D28547" s="14" t="s">
        <v>181</v>
      </c>
      <c r="E28547" s="15">
        <v>45453</v>
      </c>
      <c r="F28547" s="14" t="s">
        <v>15</v>
      </c>
      <c r="G28547" s="16">
        <v>1.1130293964984797</v>
      </c>
    </row>
    <row r="28548" spans="1:7" x14ac:dyDescent="0.3">
      <c r="A28548" s="13" t="s">
        <v>180</v>
      </c>
      <c r="B28548" s="14" t="s">
        <v>1</v>
      </c>
      <c r="C28548" s="14" t="s">
        <v>70</v>
      </c>
      <c r="D28548" s="14" t="s">
        <v>181</v>
      </c>
      <c r="E28548" s="15">
        <v>45454</v>
      </c>
      <c r="F28548" s="14" t="s">
        <v>15</v>
      </c>
      <c r="G28548" s="16">
        <v>1.135052791873445</v>
      </c>
    </row>
    <row r="28549" spans="1:7" x14ac:dyDescent="0.3">
      <c r="A28549" s="13" t="s">
        <v>180</v>
      </c>
      <c r="B28549" s="14" t="s">
        <v>1</v>
      </c>
      <c r="C28549" s="14" t="s">
        <v>70</v>
      </c>
      <c r="D28549" s="14" t="s">
        <v>181</v>
      </c>
      <c r="E28549" s="15">
        <v>45455</v>
      </c>
      <c r="F28549" s="14" t="s">
        <v>15</v>
      </c>
      <c r="G28549" s="16">
        <v>1.1510761872484105</v>
      </c>
    </row>
    <row r="28550" spans="1:7" x14ac:dyDescent="0.3">
      <c r="A28550" s="13" t="s">
        <v>180</v>
      </c>
      <c r="B28550" s="14" t="s">
        <v>1</v>
      </c>
      <c r="C28550" s="14" t="s">
        <v>70</v>
      </c>
      <c r="D28550" s="14" t="s">
        <v>181</v>
      </c>
      <c r="E28550" s="15">
        <v>45456</v>
      </c>
      <c r="F28550" s="14" t="s">
        <v>15</v>
      </c>
      <c r="G28550" s="16">
        <v>1.162099582623376</v>
      </c>
    </row>
    <row r="28551" spans="1:7" x14ac:dyDescent="0.3">
      <c r="A28551" s="13" t="s">
        <v>180</v>
      </c>
      <c r="B28551" s="14" t="s">
        <v>1</v>
      </c>
      <c r="C28551" s="14" t="s">
        <v>70</v>
      </c>
      <c r="D28551" s="14" t="s">
        <v>181</v>
      </c>
      <c r="E28551" s="15">
        <v>45457</v>
      </c>
      <c r="F28551" s="14" t="s">
        <v>15</v>
      </c>
      <c r="G28551" s="16">
        <v>1.1741229779983413</v>
      </c>
    </row>
    <row r="28552" spans="1:7" x14ac:dyDescent="0.3">
      <c r="A28552" s="13" t="s">
        <v>180</v>
      </c>
      <c r="B28552" s="14" t="s">
        <v>1</v>
      </c>
      <c r="C28552" s="14" t="s">
        <v>70</v>
      </c>
      <c r="D28552" s="14" t="s">
        <v>181</v>
      </c>
      <c r="E28552" s="15">
        <v>45458</v>
      </c>
      <c r="F28552" s="14" t="s">
        <v>15</v>
      </c>
      <c r="G28552" s="16">
        <v>1.1741229779983413</v>
      </c>
    </row>
    <row r="28553" spans="1:7" x14ac:dyDescent="0.3">
      <c r="A28553" s="13" t="s">
        <v>180</v>
      </c>
      <c r="B28553" s="14" t="s">
        <v>1</v>
      </c>
      <c r="C28553" s="14" t="s">
        <v>70</v>
      </c>
      <c r="D28553" s="14" t="s">
        <v>181</v>
      </c>
      <c r="E28553" s="15">
        <v>45459</v>
      </c>
      <c r="F28553" s="14" t="s">
        <v>15</v>
      </c>
      <c r="G28553" s="16">
        <v>1.1741229779983413</v>
      </c>
    </row>
    <row r="28554" spans="1:7" x14ac:dyDescent="0.3">
      <c r="A28554" s="13" t="s">
        <v>180</v>
      </c>
      <c r="B28554" s="14" t="s">
        <v>1</v>
      </c>
      <c r="C28554" s="14" t="s">
        <v>70</v>
      </c>
      <c r="D28554" s="14" t="s">
        <v>181</v>
      </c>
      <c r="E28554" s="15">
        <v>45460</v>
      </c>
      <c r="F28554" s="14" t="s">
        <v>15</v>
      </c>
      <c r="G28554" s="16">
        <v>1.1981463733733069</v>
      </c>
    </row>
    <row r="28555" spans="1:7" x14ac:dyDescent="0.3">
      <c r="A28555" s="13" t="s">
        <v>180</v>
      </c>
      <c r="B28555" s="14" t="s">
        <v>1</v>
      </c>
      <c r="C28555" s="14" t="s">
        <v>70</v>
      </c>
      <c r="D28555" s="14" t="s">
        <v>181</v>
      </c>
      <c r="E28555" s="15">
        <v>45461</v>
      </c>
      <c r="F28555" s="14" t="s">
        <v>15</v>
      </c>
      <c r="G28555" s="16">
        <v>1.2191697687482723</v>
      </c>
    </row>
    <row r="28556" spans="1:7" x14ac:dyDescent="0.3">
      <c r="A28556" s="13" t="s">
        <v>180</v>
      </c>
      <c r="B28556" s="14" t="s">
        <v>1</v>
      </c>
      <c r="C28556" s="14" t="s">
        <v>70</v>
      </c>
      <c r="D28556" s="14" t="s">
        <v>181</v>
      </c>
      <c r="E28556" s="15">
        <v>45462</v>
      </c>
      <c r="F28556" s="14" t="s">
        <v>15</v>
      </c>
      <c r="G28556" s="16">
        <v>1.2271931641232379</v>
      </c>
    </row>
    <row r="28557" spans="1:7" x14ac:dyDescent="0.3">
      <c r="A28557" s="13" t="s">
        <v>180</v>
      </c>
      <c r="B28557" s="14" t="s">
        <v>1</v>
      </c>
      <c r="C28557" s="14" t="s">
        <v>70</v>
      </c>
      <c r="D28557" s="14" t="s">
        <v>181</v>
      </c>
      <c r="E28557" s="15">
        <v>45463</v>
      </c>
      <c r="F28557" s="14" t="s">
        <v>15</v>
      </c>
      <c r="G28557" s="16">
        <v>1.2422165594982031</v>
      </c>
    </row>
    <row r="28558" spans="1:7" x14ac:dyDescent="0.3">
      <c r="A28558" s="13" t="s">
        <v>180</v>
      </c>
      <c r="B28558" s="14" t="s">
        <v>1</v>
      </c>
      <c r="C28558" s="14" t="s">
        <v>70</v>
      </c>
      <c r="D28558" s="14" t="s">
        <v>181</v>
      </c>
      <c r="E28558" s="15">
        <v>45464</v>
      </c>
      <c r="F28558" s="14" t="s">
        <v>15</v>
      </c>
      <c r="G28558" s="16">
        <v>1.2502399548731686</v>
      </c>
    </row>
    <row r="28559" spans="1:7" x14ac:dyDescent="0.3">
      <c r="A28559" s="13" t="s">
        <v>180</v>
      </c>
      <c r="B28559" s="14" t="s">
        <v>1</v>
      </c>
      <c r="C28559" s="14" t="s">
        <v>70</v>
      </c>
      <c r="D28559" s="14" t="s">
        <v>181</v>
      </c>
      <c r="E28559" s="15">
        <v>45465</v>
      </c>
      <c r="F28559" s="14" t="s">
        <v>15</v>
      </c>
      <c r="G28559" s="16">
        <v>1.2502399548731686</v>
      </c>
    </row>
    <row r="28560" spans="1:7" x14ac:dyDescent="0.3">
      <c r="A28560" s="13" t="s">
        <v>180</v>
      </c>
      <c r="B28560" s="14" t="s">
        <v>1</v>
      </c>
      <c r="C28560" s="14" t="s">
        <v>70</v>
      </c>
      <c r="D28560" s="14" t="s">
        <v>181</v>
      </c>
      <c r="E28560" s="15">
        <v>45466</v>
      </c>
      <c r="F28560" s="14" t="s">
        <v>15</v>
      </c>
      <c r="G28560" s="16">
        <v>1.2502399548731686</v>
      </c>
    </row>
    <row r="28561" spans="1:7" x14ac:dyDescent="0.3">
      <c r="A28561" s="13" t="s">
        <v>180</v>
      </c>
      <c r="B28561" s="14" t="s">
        <v>1</v>
      </c>
      <c r="C28561" s="14" t="s">
        <v>70</v>
      </c>
      <c r="D28561" s="14" t="s">
        <v>181</v>
      </c>
      <c r="E28561" s="15">
        <v>45467</v>
      </c>
      <c r="F28561" s="14" t="s">
        <v>15</v>
      </c>
      <c r="G28561" s="16">
        <v>1.2582633502481342</v>
      </c>
    </row>
    <row r="28562" spans="1:7" x14ac:dyDescent="0.3">
      <c r="A28562" s="13" t="s">
        <v>180</v>
      </c>
      <c r="B28562" s="14" t="s">
        <v>1</v>
      </c>
      <c r="C28562" s="14" t="s">
        <v>70</v>
      </c>
      <c r="D28562" s="14" t="s">
        <v>181</v>
      </c>
      <c r="E28562" s="15">
        <v>45468</v>
      </c>
      <c r="F28562" s="14" t="s">
        <v>15</v>
      </c>
      <c r="G28562" s="16">
        <v>1.2852867456230996</v>
      </c>
    </row>
    <row r="28563" spans="1:7" x14ac:dyDescent="0.3">
      <c r="A28563" s="13" t="s">
        <v>180</v>
      </c>
      <c r="B28563" s="14" t="s">
        <v>1</v>
      </c>
      <c r="C28563" s="14" t="s">
        <v>70</v>
      </c>
      <c r="D28563" s="14" t="s">
        <v>181</v>
      </c>
      <c r="E28563" s="15">
        <v>45469</v>
      </c>
      <c r="F28563" s="14" t="s">
        <v>15</v>
      </c>
      <c r="G28563" s="16">
        <v>1.2933101409980652</v>
      </c>
    </row>
    <row r="28564" spans="1:7" x14ac:dyDescent="0.3">
      <c r="A28564" s="13" t="s">
        <v>180</v>
      </c>
      <c r="B28564" s="14" t="s">
        <v>1</v>
      </c>
      <c r="C28564" s="14" t="s">
        <v>70</v>
      </c>
      <c r="D28564" s="14" t="s">
        <v>181</v>
      </c>
      <c r="E28564" s="15">
        <v>45470</v>
      </c>
      <c r="F28564" s="14" t="s">
        <v>15</v>
      </c>
      <c r="G28564" s="16">
        <v>1.3013335363730305</v>
      </c>
    </row>
    <row r="28565" spans="1:7" x14ac:dyDescent="0.3">
      <c r="A28565" s="13" t="s">
        <v>180</v>
      </c>
      <c r="B28565" s="14" t="s">
        <v>1</v>
      </c>
      <c r="C28565" s="14" t="s">
        <v>70</v>
      </c>
      <c r="D28565" s="14" t="s">
        <v>181</v>
      </c>
      <c r="E28565" s="15">
        <v>45471</v>
      </c>
      <c r="F28565" s="14" t="s">
        <v>15</v>
      </c>
      <c r="G28565" s="16">
        <v>1.3333569317479959</v>
      </c>
    </row>
    <row r="28566" spans="1:7" x14ac:dyDescent="0.3">
      <c r="A28566" s="13" t="s">
        <v>180</v>
      </c>
      <c r="B28566" s="14" t="s">
        <v>1</v>
      </c>
      <c r="C28566" s="14" t="s">
        <v>70</v>
      </c>
      <c r="D28566" s="14" t="s">
        <v>181</v>
      </c>
      <c r="E28566" s="15">
        <v>45472</v>
      </c>
      <c r="F28566" s="14" t="s">
        <v>15</v>
      </c>
      <c r="G28566" s="16">
        <v>1.3333569317479959</v>
      </c>
    </row>
    <row r="28567" spans="1:7" x14ac:dyDescent="0.3">
      <c r="A28567" s="13" t="s">
        <v>180</v>
      </c>
      <c r="B28567" s="14" t="s">
        <v>1</v>
      </c>
      <c r="C28567" s="14" t="s">
        <v>70</v>
      </c>
      <c r="D28567" s="14" t="s">
        <v>181</v>
      </c>
      <c r="E28567" s="15">
        <v>45473</v>
      </c>
      <c r="F28567" s="14" t="s">
        <v>15</v>
      </c>
      <c r="G28567" s="16">
        <v>1.3333569317479959</v>
      </c>
    </row>
    <row r="28568" spans="1:7" x14ac:dyDescent="0.3">
      <c r="A28568" s="13" t="s">
        <v>180</v>
      </c>
      <c r="B28568" s="14" t="s">
        <v>1</v>
      </c>
      <c r="C28568" s="14" t="s">
        <v>70</v>
      </c>
      <c r="D28568" s="14" t="s">
        <v>181</v>
      </c>
      <c r="E28568" s="15">
        <v>45474</v>
      </c>
      <c r="F28568" s="14" t="s">
        <v>15</v>
      </c>
      <c r="G28568" s="16">
        <v>1.3463803271229613</v>
      </c>
    </row>
    <row r="28569" spans="1:7" x14ac:dyDescent="0.3">
      <c r="A28569" s="13" t="s">
        <v>180</v>
      </c>
      <c r="B28569" s="14" t="s">
        <v>1</v>
      </c>
      <c r="C28569" s="14" t="s">
        <v>70</v>
      </c>
      <c r="D28569" s="14" t="s">
        <v>181</v>
      </c>
      <c r="E28569" s="15">
        <v>45475</v>
      </c>
      <c r="F28569" s="14" t="s">
        <v>15</v>
      </c>
      <c r="G28569" s="16">
        <v>1.3694037224979267</v>
      </c>
    </row>
    <row r="28570" spans="1:7" x14ac:dyDescent="0.3">
      <c r="A28570" s="13" t="s">
        <v>180</v>
      </c>
      <c r="B28570" s="14" t="s">
        <v>1</v>
      </c>
      <c r="C28570" s="14" t="s">
        <v>70</v>
      </c>
      <c r="D28570" s="14" t="s">
        <v>181</v>
      </c>
      <c r="E28570" s="15">
        <v>45476</v>
      </c>
      <c r="F28570" s="14" t="s">
        <v>15</v>
      </c>
      <c r="G28570" s="16">
        <v>1.4094271178728921</v>
      </c>
    </row>
    <row r="28571" spans="1:7" x14ac:dyDescent="0.3">
      <c r="A28571" s="13" t="s">
        <v>180</v>
      </c>
      <c r="B28571" s="14" t="s">
        <v>1</v>
      </c>
      <c r="C28571" s="14" t="s">
        <v>70</v>
      </c>
      <c r="D28571" s="14" t="s">
        <v>181</v>
      </c>
      <c r="E28571" s="15">
        <v>45477</v>
      </c>
      <c r="F28571" s="14" t="s">
        <v>15</v>
      </c>
      <c r="G28571" s="16">
        <v>1.4174505132478576</v>
      </c>
    </row>
    <row r="28572" spans="1:7" x14ac:dyDescent="0.3">
      <c r="A28572" s="13" t="s">
        <v>180</v>
      </c>
      <c r="B28572" s="14" t="s">
        <v>1</v>
      </c>
      <c r="C28572" s="14" t="s">
        <v>70</v>
      </c>
      <c r="D28572" s="14" t="s">
        <v>181</v>
      </c>
      <c r="E28572" s="15">
        <v>45478</v>
      </c>
      <c r="F28572" s="14" t="s">
        <v>15</v>
      </c>
      <c r="G28572" s="16">
        <v>1.425473908622823</v>
      </c>
    </row>
    <row r="28573" spans="1:7" x14ac:dyDescent="0.3">
      <c r="A28573" s="13" t="s">
        <v>180</v>
      </c>
      <c r="B28573" s="14" t="s">
        <v>1</v>
      </c>
      <c r="C28573" s="14" t="s">
        <v>70</v>
      </c>
      <c r="D28573" s="14" t="s">
        <v>181</v>
      </c>
      <c r="E28573" s="15">
        <v>45479</v>
      </c>
      <c r="F28573" s="14" t="s">
        <v>15</v>
      </c>
      <c r="G28573" s="16">
        <v>1.425473908622823</v>
      </c>
    </row>
    <row r="28574" spans="1:7" x14ac:dyDescent="0.3">
      <c r="A28574" s="13" t="s">
        <v>180</v>
      </c>
      <c r="B28574" s="14" t="s">
        <v>1</v>
      </c>
      <c r="C28574" s="14" t="s">
        <v>70</v>
      </c>
      <c r="D28574" s="14" t="s">
        <v>181</v>
      </c>
      <c r="E28574" s="15">
        <v>45480</v>
      </c>
      <c r="F28574" s="14" t="s">
        <v>15</v>
      </c>
      <c r="G28574" s="16">
        <v>1.425473908622823</v>
      </c>
    </row>
    <row r="28575" spans="1:7" x14ac:dyDescent="0.3">
      <c r="A28575" s="13" t="s">
        <v>180</v>
      </c>
      <c r="B28575" s="14" t="s">
        <v>1</v>
      </c>
      <c r="C28575" s="14" t="s">
        <v>70</v>
      </c>
      <c r="D28575" s="14" t="s">
        <v>181</v>
      </c>
      <c r="E28575" s="15">
        <v>45481</v>
      </c>
      <c r="F28575" s="14" t="s">
        <v>15</v>
      </c>
      <c r="G28575" s="16">
        <v>1.4514973039977885</v>
      </c>
    </row>
    <row r="28576" spans="1:7" x14ac:dyDescent="0.3">
      <c r="A28576" s="13" t="s">
        <v>180</v>
      </c>
      <c r="B28576" s="14" t="s">
        <v>1</v>
      </c>
      <c r="C28576" s="14" t="s">
        <v>70</v>
      </c>
      <c r="D28576" s="14" t="s">
        <v>181</v>
      </c>
      <c r="E28576" s="15">
        <v>45482</v>
      </c>
      <c r="F28576" s="14" t="s">
        <v>15</v>
      </c>
      <c r="G28576" s="16">
        <v>1.472520699372754</v>
      </c>
    </row>
    <row r="28577" spans="1:7" x14ac:dyDescent="0.3">
      <c r="A28577" s="13" t="s">
        <v>180</v>
      </c>
      <c r="B28577" s="14" t="s">
        <v>1</v>
      </c>
      <c r="C28577" s="14" t="s">
        <v>70</v>
      </c>
      <c r="D28577" s="14" t="s">
        <v>181</v>
      </c>
      <c r="E28577" s="15">
        <v>45483</v>
      </c>
      <c r="F28577" s="14" t="s">
        <v>15</v>
      </c>
      <c r="G28577" s="16">
        <v>1.4825440947477193</v>
      </c>
    </row>
    <row r="28578" spans="1:7" x14ac:dyDescent="0.3">
      <c r="A28578" s="13" t="s">
        <v>180</v>
      </c>
      <c r="B28578" s="14" t="s">
        <v>1</v>
      </c>
      <c r="C28578" s="14" t="s">
        <v>70</v>
      </c>
      <c r="D28578" s="14" t="s">
        <v>181</v>
      </c>
      <c r="E28578" s="15">
        <v>45484</v>
      </c>
      <c r="F28578" s="14" t="s">
        <v>15</v>
      </c>
      <c r="G28578" s="16">
        <v>1.5025674901226849</v>
      </c>
    </row>
    <row r="28579" spans="1:7" x14ac:dyDescent="0.3">
      <c r="A28579" s="13" t="s">
        <v>180</v>
      </c>
      <c r="B28579" s="14" t="s">
        <v>1</v>
      </c>
      <c r="C28579" s="14" t="s">
        <v>70</v>
      </c>
      <c r="D28579" s="14" t="s">
        <v>181</v>
      </c>
      <c r="E28579" s="15">
        <v>45485</v>
      </c>
      <c r="F28579" s="14" t="s">
        <v>15</v>
      </c>
      <c r="G28579" s="16">
        <v>1.5125908854976502</v>
      </c>
    </row>
    <row r="28580" spans="1:7" x14ac:dyDescent="0.3">
      <c r="A28580" s="13" t="s">
        <v>180</v>
      </c>
      <c r="B28580" s="14" t="s">
        <v>1</v>
      </c>
      <c r="C28580" s="14" t="s">
        <v>70</v>
      </c>
      <c r="D28580" s="14" t="s">
        <v>181</v>
      </c>
      <c r="E28580" s="15">
        <v>45486</v>
      </c>
      <c r="F28580" s="14" t="s">
        <v>15</v>
      </c>
      <c r="G28580" s="16">
        <v>1.5125908854976502</v>
      </c>
    </row>
    <row r="28581" spans="1:7" x14ac:dyDescent="0.3">
      <c r="A28581" s="13" t="s">
        <v>180</v>
      </c>
      <c r="B28581" s="14" t="s">
        <v>1</v>
      </c>
      <c r="C28581" s="14" t="s">
        <v>70</v>
      </c>
      <c r="D28581" s="14" t="s">
        <v>181</v>
      </c>
      <c r="E28581" s="15">
        <v>45487</v>
      </c>
      <c r="F28581" s="14" t="s">
        <v>15</v>
      </c>
      <c r="G28581" s="16">
        <v>1.5125908854976502</v>
      </c>
    </row>
    <row r="28582" spans="1:7" x14ac:dyDescent="0.3">
      <c r="A28582" s="13" t="s">
        <v>180</v>
      </c>
      <c r="B28582" s="14" t="s">
        <v>1</v>
      </c>
      <c r="C28582" s="14" t="s">
        <v>70</v>
      </c>
      <c r="D28582" s="14" t="s">
        <v>181</v>
      </c>
      <c r="E28582" s="15">
        <v>45488</v>
      </c>
      <c r="F28582" s="14" t="s">
        <v>15</v>
      </c>
      <c r="G28582" s="16">
        <v>1.5186142808726157</v>
      </c>
    </row>
    <row r="28583" spans="1:7" x14ac:dyDescent="0.3">
      <c r="A28583" s="13" t="s">
        <v>180</v>
      </c>
      <c r="B28583" s="14" t="s">
        <v>1</v>
      </c>
      <c r="C28583" s="14" t="s">
        <v>70</v>
      </c>
      <c r="D28583" s="14" t="s">
        <v>181</v>
      </c>
      <c r="E28583" s="15">
        <v>45489</v>
      </c>
      <c r="F28583" s="14" t="s">
        <v>15</v>
      </c>
      <c r="G28583" s="16">
        <v>1.5386376762475811</v>
      </c>
    </row>
    <row r="28584" spans="1:7" x14ac:dyDescent="0.3">
      <c r="A28584" s="13" t="s">
        <v>180</v>
      </c>
      <c r="B28584" s="14" t="s">
        <v>1</v>
      </c>
      <c r="C28584" s="14" t="s">
        <v>70</v>
      </c>
      <c r="D28584" s="14" t="s">
        <v>181</v>
      </c>
      <c r="E28584" s="15">
        <v>45490</v>
      </c>
      <c r="F28584" s="14" t="s">
        <v>15</v>
      </c>
      <c r="G28584" s="16">
        <v>1.5466610716225466</v>
      </c>
    </row>
    <row r="28585" spans="1:7" x14ac:dyDescent="0.3">
      <c r="A28585" s="13" t="s">
        <v>180</v>
      </c>
      <c r="B28585" s="14" t="s">
        <v>1</v>
      </c>
      <c r="C28585" s="14" t="s">
        <v>70</v>
      </c>
      <c r="D28585" s="14" t="s">
        <v>181</v>
      </c>
      <c r="E28585" s="15">
        <v>45491</v>
      </c>
      <c r="F28585" s="14" t="s">
        <v>15</v>
      </c>
      <c r="G28585" s="16">
        <v>1.5676844669975121</v>
      </c>
    </row>
    <row r="28586" spans="1:7" x14ac:dyDescent="0.3">
      <c r="A28586" s="13" t="s">
        <v>180</v>
      </c>
      <c r="B28586" s="14" t="s">
        <v>1</v>
      </c>
      <c r="C28586" s="14" t="s">
        <v>70</v>
      </c>
      <c r="D28586" s="14" t="s">
        <v>181</v>
      </c>
      <c r="E28586" s="15">
        <v>45492</v>
      </c>
      <c r="F28586" s="14" t="s">
        <v>15</v>
      </c>
      <c r="G28586" s="16">
        <v>1.5757078623724774</v>
      </c>
    </row>
    <row r="28587" spans="1:7" x14ac:dyDescent="0.3">
      <c r="A28587" s="13" t="s">
        <v>180</v>
      </c>
      <c r="B28587" s="14" t="s">
        <v>1</v>
      </c>
      <c r="C28587" s="14" t="s">
        <v>70</v>
      </c>
      <c r="D28587" s="14" t="s">
        <v>181</v>
      </c>
      <c r="E28587" s="15">
        <v>45493</v>
      </c>
      <c r="F28587" s="14" t="s">
        <v>15</v>
      </c>
      <c r="G28587" s="16">
        <v>1.5757078623724774</v>
      </c>
    </row>
    <row r="28588" spans="1:7" x14ac:dyDescent="0.3">
      <c r="A28588" s="13" t="s">
        <v>180</v>
      </c>
      <c r="B28588" s="14" t="s">
        <v>1</v>
      </c>
      <c r="C28588" s="14" t="s">
        <v>70</v>
      </c>
      <c r="D28588" s="14" t="s">
        <v>181</v>
      </c>
      <c r="E28588" s="15">
        <v>45494</v>
      </c>
      <c r="F28588" s="14" t="s">
        <v>15</v>
      </c>
      <c r="G28588" s="16">
        <v>1.5757078623724774</v>
      </c>
    </row>
    <row r="28589" spans="1:7" x14ac:dyDescent="0.3">
      <c r="A28589" s="13" t="s">
        <v>180</v>
      </c>
      <c r="B28589" s="14" t="s">
        <v>1</v>
      </c>
      <c r="C28589" s="14" t="s">
        <v>70</v>
      </c>
      <c r="D28589" s="14" t="s">
        <v>181</v>
      </c>
      <c r="E28589" s="15">
        <v>45495</v>
      </c>
      <c r="F28589" s="14" t="s">
        <v>15</v>
      </c>
      <c r="G28589" s="16">
        <v>1.5867312577474428</v>
      </c>
    </row>
    <row r="28590" spans="1:7" x14ac:dyDescent="0.3">
      <c r="A28590" s="13" t="s">
        <v>180</v>
      </c>
      <c r="B28590" s="14" t="s">
        <v>1</v>
      </c>
      <c r="C28590" s="14" t="s">
        <v>70</v>
      </c>
      <c r="D28590" s="14" t="s">
        <v>181</v>
      </c>
      <c r="E28590" s="15">
        <v>45496</v>
      </c>
      <c r="F28590" s="14" t="s">
        <v>15</v>
      </c>
      <c r="G28590" s="16">
        <v>1.6277546531224083</v>
      </c>
    </row>
    <row r="28591" spans="1:7" x14ac:dyDescent="0.3">
      <c r="A28591" s="13" t="s">
        <v>180</v>
      </c>
      <c r="B28591" s="14" t="s">
        <v>1</v>
      </c>
      <c r="C28591" s="14" t="s">
        <v>70</v>
      </c>
      <c r="D28591" s="14" t="s">
        <v>181</v>
      </c>
      <c r="E28591" s="15">
        <v>45497</v>
      </c>
      <c r="F28591" s="14" t="s">
        <v>15</v>
      </c>
      <c r="G28591" s="16">
        <v>1.6357780484973738</v>
      </c>
    </row>
    <row r="28592" spans="1:7" x14ac:dyDescent="0.3">
      <c r="A28592" s="13" t="s">
        <v>180</v>
      </c>
      <c r="B28592" s="14" t="s">
        <v>1</v>
      </c>
      <c r="C28592" s="14" t="s">
        <v>70</v>
      </c>
      <c r="D28592" s="14" t="s">
        <v>181</v>
      </c>
      <c r="E28592" s="15">
        <v>45498</v>
      </c>
      <c r="F28592" s="14" t="s">
        <v>15</v>
      </c>
      <c r="G28592" s="16">
        <v>1.6438014438723392</v>
      </c>
    </row>
    <row r="28593" spans="1:7" x14ac:dyDescent="0.3">
      <c r="A28593" s="13" t="s">
        <v>180</v>
      </c>
      <c r="B28593" s="14" t="s">
        <v>1</v>
      </c>
      <c r="C28593" s="14" t="s">
        <v>70</v>
      </c>
      <c r="D28593" s="14" t="s">
        <v>181</v>
      </c>
      <c r="E28593" s="15">
        <v>45499</v>
      </c>
      <c r="F28593" s="14" t="s">
        <v>15</v>
      </c>
      <c r="G28593" s="16">
        <v>1.6518248392473047</v>
      </c>
    </row>
    <row r="28594" spans="1:7" x14ac:dyDescent="0.3">
      <c r="A28594" s="13" t="s">
        <v>180</v>
      </c>
      <c r="B28594" s="14" t="s">
        <v>1</v>
      </c>
      <c r="C28594" s="14" t="s">
        <v>70</v>
      </c>
      <c r="D28594" s="14" t="s">
        <v>181</v>
      </c>
      <c r="E28594" s="15">
        <v>45500</v>
      </c>
      <c r="F28594" s="14" t="s">
        <v>15</v>
      </c>
      <c r="G28594" s="16">
        <v>1.6518248392473047</v>
      </c>
    </row>
    <row r="28595" spans="1:7" x14ac:dyDescent="0.3">
      <c r="A28595" s="13" t="s">
        <v>180</v>
      </c>
      <c r="B28595" s="14" t="s">
        <v>1</v>
      </c>
      <c r="C28595" s="14" t="s">
        <v>70</v>
      </c>
      <c r="D28595" s="14" t="s">
        <v>181</v>
      </c>
      <c r="E28595" s="15">
        <v>45501</v>
      </c>
      <c r="F28595" s="14" t="s">
        <v>15</v>
      </c>
      <c r="G28595" s="16">
        <v>1.6518248392473047</v>
      </c>
    </row>
    <row r="28596" spans="1:7" x14ac:dyDescent="0.3">
      <c r="A28596" s="13" t="s">
        <v>180</v>
      </c>
      <c r="B28596" s="14" t="s">
        <v>1</v>
      </c>
      <c r="C28596" s="14" t="s">
        <v>70</v>
      </c>
      <c r="D28596" s="14" t="s">
        <v>181</v>
      </c>
      <c r="E28596" s="15">
        <v>45502</v>
      </c>
      <c r="F28596" s="14" t="s">
        <v>15</v>
      </c>
      <c r="G28596" s="16">
        <v>1.6608482346222702</v>
      </c>
    </row>
    <row r="28597" spans="1:7" x14ac:dyDescent="0.3">
      <c r="A28597" s="13" t="s">
        <v>180</v>
      </c>
      <c r="B28597" s="14" t="s">
        <v>1</v>
      </c>
      <c r="C28597" s="14" t="s">
        <v>70</v>
      </c>
      <c r="D28597" s="14" t="s">
        <v>181</v>
      </c>
      <c r="E28597" s="15">
        <v>45503</v>
      </c>
      <c r="F28597" s="14" t="s">
        <v>15</v>
      </c>
      <c r="G28597" s="16">
        <v>1.6818716299972354</v>
      </c>
    </row>
    <row r="28598" spans="1:7" x14ac:dyDescent="0.3">
      <c r="A28598" s="13" t="s">
        <v>180</v>
      </c>
      <c r="B28598" s="14" t="s">
        <v>1</v>
      </c>
      <c r="C28598" s="14" t="s">
        <v>70</v>
      </c>
      <c r="D28598" s="14" t="s">
        <v>181</v>
      </c>
      <c r="E28598" s="15">
        <v>45504</v>
      </c>
      <c r="F28598" s="14" t="s">
        <v>15</v>
      </c>
      <c r="G28598" s="16">
        <v>1.6898950253722009</v>
      </c>
    </row>
    <row r="28599" spans="1:7" x14ac:dyDescent="0.3">
      <c r="A28599" s="13" t="s">
        <v>180</v>
      </c>
      <c r="B28599" s="14" t="s">
        <v>1</v>
      </c>
      <c r="C28599" s="14" t="s">
        <v>70</v>
      </c>
      <c r="D28599" s="14" t="s">
        <v>181</v>
      </c>
      <c r="E28599" s="15">
        <v>45505</v>
      </c>
      <c r="F28599" s="14" t="s">
        <v>15</v>
      </c>
      <c r="G28599" s="16">
        <v>1.6898950253722009</v>
      </c>
    </row>
    <row r="28600" spans="1:7" x14ac:dyDescent="0.3">
      <c r="A28600" s="13" t="s">
        <v>180</v>
      </c>
      <c r="B28600" s="14" t="s">
        <v>1</v>
      </c>
      <c r="C28600" s="14" t="s">
        <v>70</v>
      </c>
      <c r="D28600" s="14" t="s">
        <v>181</v>
      </c>
      <c r="E28600" s="15">
        <v>45506</v>
      </c>
      <c r="F28600" s="14" t="s">
        <v>15</v>
      </c>
      <c r="G28600" s="16">
        <v>1.7089184207471664</v>
      </c>
    </row>
    <row r="28601" spans="1:7" x14ac:dyDescent="0.3">
      <c r="A28601" s="13" t="s">
        <v>180</v>
      </c>
      <c r="B28601" s="14" t="s">
        <v>1</v>
      </c>
      <c r="C28601" s="14" t="s">
        <v>70</v>
      </c>
      <c r="D28601" s="14" t="s">
        <v>181</v>
      </c>
      <c r="E28601" s="15">
        <v>45507</v>
      </c>
      <c r="F28601" s="14" t="s">
        <v>15</v>
      </c>
      <c r="G28601" s="16">
        <v>1.7089184207471664</v>
      </c>
    </row>
    <row r="28602" spans="1:7" x14ac:dyDescent="0.3">
      <c r="A28602" s="13" t="s">
        <v>180</v>
      </c>
      <c r="B28602" s="14" t="s">
        <v>1</v>
      </c>
      <c r="C28602" s="14" t="s">
        <v>70</v>
      </c>
      <c r="D28602" s="14" t="s">
        <v>181</v>
      </c>
      <c r="E28602" s="15">
        <v>45508</v>
      </c>
      <c r="F28602" s="14" t="s">
        <v>15</v>
      </c>
      <c r="G28602" s="16">
        <v>1.7089184207471664</v>
      </c>
    </row>
    <row r="28603" spans="1:7" x14ac:dyDescent="0.3">
      <c r="A28603" s="13" t="s">
        <v>180</v>
      </c>
      <c r="B28603" s="14" t="s">
        <v>1</v>
      </c>
      <c r="C28603" s="14" t="s">
        <v>70</v>
      </c>
      <c r="D28603" s="14" t="s">
        <v>181</v>
      </c>
      <c r="E28603" s="15">
        <v>45509</v>
      </c>
      <c r="F28603" s="14" t="s">
        <v>15</v>
      </c>
      <c r="G28603" s="16">
        <v>1.7089184207471664</v>
      </c>
    </row>
    <row r="28604" spans="1:7" x14ac:dyDescent="0.3">
      <c r="A28604" s="13" t="s">
        <v>180</v>
      </c>
      <c r="B28604" s="14" t="s">
        <v>1</v>
      </c>
      <c r="C28604" s="14" t="s">
        <v>70</v>
      </c>
      <c r="D28604" s="14" t="s">
        <v>181</v>
      </c>
      <c r="E28604" s="15">
        <v>45510</v>
      </c>
      <c r="F28604" s="14" t="s">
        <v>15</v>
      </c>
      <c r="G28604" s="16">
        <v>1.7209418161221319</v>
      </c>
    </row>
    <row r="28605" spans="1:7" x14ac:dyDescent="0.3">
      <c r="A28605" s="13" t="s">
        <v>180</v>
      </c>
      <c r="B28605" s="14" t="s">
        <v>1</v>
      </c>
      <c r="C28605" s="14" t="s">
        <v>70</v>
      </c>
      <c r="D28605" s="14" t="s">
        <v>181</v>
      </c>
      <c r="E28605" s="15">
        <v>45511</v>
      </c>
      <c r="F28605" s="14" t="s">
        <v>15</v>
      </c>
      <c r="G28605" s="16">
        <v>1.7779652114970972</v>
      </c>
    </row>
    <row r="28606" spans="1:7" x14ac:dyDescent="0.3">
      <c r="A28606" s="13" t="s">
        <v>180</v>
      </c>
      <c r="B28606" s="14" t="s">
        <v>1</v>
      </c>
      <c r="C28606" s="14" t="s">
        <v>70</v>
      </c>
      <c r="D28606" s="14" t="s">
        <v>181</v>
      </c>
      <c r="E28606" s="15">
        <v>45512</v>
      </c>
      <c r="F28606" s="14" t="s">
        <v>15</v>
      </c>
      <c r="G28606" s="16">
        <v>1.7859886068720627</v>
      </c>
    </row>
    <row r="28607" spans="1:7" x14ac:dyDescent="0.3">
      <c r="A28607" s="13" t="s">
        <v>180</v>
      </c>
      <c r="B28607" s="14" t="s">
        <v>1</v>
      </c>
      <c r="C28607" s="14" t="s">
        <v>70</v>
      </c>
      <c r="D28607" s="14" t="s">
        <v>181</v>
      </c>
      <c r="E28607" s="15">
        <v>45513</v>
      </c>
      <c r="F28607" s="14" t="s">
        <v>15</v>
      </c>
      <c r="G28607" s="16">
        <v>1.8080120022470283</v>
      </c>
    </row>
    <row r="28608" spans="1:7" x14ac:dyDescent="0.3">
      <c r="A28608" s="13" t="s">
        <v>180</v>
      </c>
      <c r="B28608" s="14" t="s">
        <v>1</v>
      </c>
      <c r="C28608" s="14" t="s">
        <v>70</v>
      </c>
      <c r="D28608" s="14" t="s">
        <v>181</v>
      </c>
      <c r="E28608" s="15">
        <v>45514</v>
      </c>
      <c r="F28608" s="14" t="s">
        <v>15</v>
      </c>
      <c r="G28608" s="16">
        <v>1.8080120022470283</v>
      </c>
    </row>
    <row r="28609" spans="1:7" x14ac:dyDescent="0.3">
      <c r="A28609" s="13" t="s">
        <v>180</v>
      </c>
      <c r="B28609" s="14" t="s">
        <v>1</v>
      </c>
      <c r="C28609" s="14" t="s">
        <v>70</v>
      </c>
      <c r="D28609" s="14" t="s">
        <v>181</v>
      </c>
      <c r="E28609" s="15">
        <v>45515</v>
      </c>
      <c r="F28609" s="14" t="s">
        <v>15</v>
      </c>
      <c r="G28609" s="16">
        <v>1.8080120022470283</v>
      </c>
    </row>
    <row r="28610" spans="1:7" x14ac:dyDescent="0.3">
      <c r="A28610" s="13" t="s">
        <v>180</v>
      </c>
      <c r="B28610" s="14" t="s">
        <v>1</v>
      </c>
      <c r="C28610" s="14" t="s">
        <v>70</v>
      </c>
      <c r="D28610" s="14" t="s">
        <v>181</v>
      </c>
      <c r="E28610" s="15">
        <v>45516</v>
      </c>
      <c r="F28610" s="14" t="s">
        <v>15</v>
      </c>
      <c r="G28610" s="16">
        <v>1.8290353976219937</v>
      </c>
    </row>
    <row r="28611" spans="1:7" x14ac:dyDescent="0.3">
      <c r="A28611" s="13" t="s">
        <v>180</v>
      </c>
      <c r="B28611" s="14" t="s">
        <v>1</v>
      </c>
      <c r="C28611" s="14" t="s">
        <v>70</v>
      </c>
      <c r="D28611" s="14" t="s">
        <v>181</v>
      </c>
      <c r="E28611" s="15">
        <v>45517</v>
      </c>
      <c r="F28611" s="14" t="s">
        <v>15</v>
      </c>
      <c r="G28611" s="16">
        <v>1.8530587929969591</v>
      </c>
    </row>
    <row r="28612" spans="1:7" x14ac:dyDescent="0.3">
      <c r="A28612" s="13" t="s">
        <v>180</v>
      </c>
      <c r="B28612" s="14" t="s">
        <v>1</v>
      </c>
      <c r="C28612" s="14" t="s">
        <v>70</v>
      </c>
      <c r="D28612" s="14" t="s">
        <v>181</v>
      </c>
      <c r="E28612" s="15">
        <v>45518</v>
      </c>
      <c r="F28612" s="14" t="s">
        <v>15</v>
      </c>
      <c r="G28612" s="16">
        <v>1.8600821883719245</v>
      </c>
    </row>
    <row r="28613" spans="1:7" x14ac:dyDescent="0.3">
      <c r="A28613" s="13" t="s">
        <v>180</v>
      </c>
      <c r="B28613" s="14" t="s">
        <v>1</v>
      </c>
      <c r="C28613" s="14" t="s">
        <v>70</v>
      </c>
      <c r="D28613" s="14" t="s">
        <v>181</v>
      </c>
      <c r="E28613" s="15">
        <v>45519</v>
      </c>
      <c r="F28613" s="14" t="s">
        <v>15</v>
      </c>
      <c r="G28613" s="16">
        <v>1.8681055837468901</v>
      </c>
    </row>
    <row r="28614" spans="1:7" x14ac:dyDescent="0.3">
      <c r="A28614" s="13" t="s">
        <v>180</v>
      </c>
      <c r="B28614" s="14" t="s">
        <v>1</v>
      </c>
      <c r="C28614" s="14" t="s">
        <v>70</v>
      </c>
      <c r="D28614" s="14" t="s">
        <v>181</v>
      </c>
      <c r="E28614" s="15">
        <v>45520</v>
      </c>
      <c r="F28614" s="14" t="s">
        <v>15</v>
      </c>
      <c r="G28614" s="16">
        <v>1.9291289791218553</v>
      </c>
    </row>
    <row r="28615" spans="1:7" x14ac:dyDescent="0.3">
      <c r="A28615" s="13" t="s">
        <v>180</v>
      </c>
      <c r="B28615" s="14" t="s">
        <v>1</v>
      </c>
      <c r="C28615" s="14" t="s">
        <v>70</v>
      </c>
      <c r="D28615" s="14" t="s">
        <v>181</v>
      </c>
      <c r="E28615" s="15">
        <v>45521</v>
      </c>
      <c r="F28615" s="14" t="s">
        <v>15</v>
      </c>
      <c r="G28615" s="16">
        <v>1.9291289791218553</v>
      </c>
    </row>
    <row r="28616" spans="1:7" x14ac:dyDescent="0.3">
      <c r="A28616" s="13" t="s">
        <v>180</v>
      </c>
      <c r="B28616" s="14" t="s">
        <v>1</v>
      </c>
      <c r="C28616" s="14" t="s">
        <v>70</v>
      </c>
      <c r="D28616" s="14" t="s">
        <v>181</v>
      </c>
      <c r="E28616" s="15">
        <v>45522</v>
      </c>
      <c r="F28616" s="14" t="s">
        <v>15</v>
      </c>
      <c r="G28616" s="16">
        <v>1.9291289791218553</v>
      </c>
    </row>
    <row r="28617" spans="1:7" x14ac:dyDescent="0.3">
      <c r="A28617" s="13" t="s">
        <v>180</v>
      </c>
      <c r="B28617" s="14" t="s">
        <v>1</v>
      </c>
      <c r="C28617" s="14" t="s">
        <v>70</v>
      </c>
      <c r="D28617" s="14" t="s">
        <v>181</v>
      </c>
      <c r="E28617" s="15">
        <v>45523</v>
      </c>
      <c r="F28617" s="14" t="s">
        <v>15</v>
      </c>
      <c r="G28617" s="16">
        <v>1.9491523744968209</v>
      </c>
    </row>
    <row r="28618" spans="1:7" x14ac:dyDescent="0.3">
      <c r="A28618" s="13" t="s">
        <v>180</v>
      </c>
      <c r="B28618" s="14" t="s">
        <v>1</v>
      </c>
      <c r="C28618" s="14" t="s">
        <v>70</v>
      </c>
      <c r="D28618" s="14" t="s">
        <v>181</v>
      </c>
      <c r="E28618" s="15">
        <v>45524</v>
      </c>
      <c r="F28618" s="14" t="s">
        <v>15</v>
      </c>
      <c r="G28618" s="16">
        <v>1.9821757698717863</v>
      </c>
    </row>
    <row r="28619" spans="1:7" x14ac:dyDescent="0.3">
      <c r="A28619" s="13" t="s">
        <v>180</v>
      </c>
      <c r="B28619" s="14" t="s">
        <v>1</v>
      </c>
      <c r="C28619" s="14" t="s">
        <v>70</v>
      </c>
      <c r="D28619" s="14" t="s">
        <v>181</v>
      </c>
      <c r="E28619" s="15">
        <v>45525</v>
      </c>
      <c r="F28619" s="14" t="s">
        <v>15</v>
      </c>
      <c r="G28619" s="16">
        <v>1.997199165246752</v>
      </c>
    </row>
    <row r="28620" spans="1:7" x14ac:dyDescent="0.3">
      <c r="A28620" s="13" t="s">
        <v>180</v>
      </c>
      <c r="B28620" s="14" t="s">
        <v>1</v>
      </c>
      <c r="C28620" s="14" t="s">
        <v>70</v>
      </c>
      <c r="D28620" s="14" t="s">
        <v>181</v>
      </c>
      <c r="E28620" s="15">
        <v>45526</v>
      </c>
      <c r="F28620" s="14" t="s">
        <v>15</v>
      </c>
      <c r="G28620" s="16">
        <v>2.0062225606217172</v>
      </c>
    </row>
    <row r="28621" spans="1:7" x14ac:dyDescent="0.3">
      <c r="A28621" s="13" t="s">
        <v>180</v>
      </c>
      <c r="B28621" s="14" t="s">
        <v>1</v>
      </c>
      <c r="C28621" s="14" t="s">
        <v>70</v>
      </c>
      <c r="D28621" s="14" t="s">
        <v>181</v>
      </c>
      <c r="E28621" s="15">
        <v>45527</v>
      </c>
      <c r="F28621" s="14" t="s">
        <v>15</v>
      </c>
      <c r="G28621" s="16">
        <v>2.0152459559966824</v>
      </c>
    </row>
    <row r="28622" spans="1:7" x14ac:dyDescent="0.3">
      <c r="A28622" s="13" t="s">
        <v>180</v>
      </c>
      <c r="B28622" s="14" t="s">
        <v>1</v>
      </c>
      <c r="C28622" s="14" t="s">
        <v>70</v>
      </c>
      <c r="D28622" s="14" t="s">
        <v>181</v>
      </c>
      <c r="E28622" s="15">
        <v>45528</v>
      </c>
      <c r="F28622" s="14" t="s">
        <v>15</v>
      </c>
      <c r="G28622" s="16">
        <v>2.0152459559966824</v>
      </c>
    </row>
    <row r="28623" spans="1:7" x14ac:dyDescent="0.3">
      <c r="A28623" s="13" t="s">
        <v>180</v>
      </c>
      <c r="B28623" s="14" t="s">
        <v>1</v>
      </c>
      <c r="C28623" s="14" t="s">
        <v>70</v>
      </c>
      <c r="D28623" s="14" t="s">
        <v>181</v>
      </c>
      <c r="E28623" s="15">
        <v>45529</v>
      </c>
      <c r="F28623" s="14" t="s">
        <v>15</v>
      </c>
      <c r="G28623" s="16">
        <v>2.0152459559966824</v>
      </c>
    </row>
    <row r="28624" spans="1:7" x14ac:dyDescent="0.3">
      <c r="A28624" s="13" t="s">
        <v>180</v>
      </c>
      <c r="B28624" s="14" t="s">
        <v>1</v>
      </c>
      <c r="C28624" s="14" t="s">
        <v>70</v>
      </c>
      <c r="D28624" s="14" t="s">
        <v>181</v>
      </c>
      <c r="E28624" s="15">
        <v>45530</v>
      </c>
      <c r="F28624" s="14" t="s">
        <v>15</v>
      </c>
      <c r="G28624" s="16">
        <v>2.0222693513716479</v>
      </c>
    </row>
    <row r="28625" spans="1:7" x14ac:dyDescent="0.3">
      <c r="A28625" s="13" t="s">
        <v>180</v>
      </c>
      <c r="B28625" s="14" t="s">
        <v>1</v>
      </c>
      <c r="C28625" s="14" t="s">
        <v>70</v>
      </c>
      <c r="D28625" s="14" t="s">
        <v>181</v>
      </c>
      <c r="E28625" s="15">
        <v>45531</v>
      </c>
      <c r="F28625" s="14" t="s">
        <v>15</v>
      </c>
      <c r="G28625" s="16">
        <v>2.0432927467466131</v>
      </c>
    </row>
    <row r="28626" spans="1:7" x14ac:dyDescent="0.3">
      <c r="A28626" s="13" t="s">
        <v>180</v>
      </c>
      <c r="B28626" s="14" t="s">
        <v>1</v>
      </c>
      <c r="C28626" s="14" t="s">
        <v>70</v>
      </c>
      <c r="D28626" s="14" t="s">
        <v>181</v>
      </c>
      <c r="E28626" s="15">
        <v>45532</v>
      </c>
      <c r="F28626" s="14" t="s">
        <v>15</v>
      </c>
      <c r="G28626" s="16">
        <v>2.0593161421215784</v>
      </c>
    </row>
    <row r="28627" spans="1:7" x14ac:dyDescent="0.3">
      <c r="A28627" s="13" t="s">
        <v>180</v>
      </c>
      <c r="B28627" s="14" t="s">
        <v>1</v>
      </c>
      <c r="C28627" s="14" t="s">
        <v>70</v>
      </c>
      <c r="D28627" s="14" t="s">
        <v>181</v>
      </c>
      <c r="E28627" s="15">
        <v>45533</v>
      </c>
      <c r="F28627" s="14" t="s">
        <v>15</v>
      </c>
      <c r="G28627" s="16">
        <v>2.0683395374965441</v>
      </c>
    </row>
    <row r="28628" spans="1:7" x14ac:dyDescent="0.3">
      <c r="A28628" s="13" t="s">
        <v>180</v>
      </c>
      <c r="B28628" s="14" t="s">
        <v>1</v>
      </c>
      <c r="C28628" s="14" t="s">
        <v>70</v>
      </c>
      <c r="D28628" s="14" t="s">
        <v>181</v>
      </c>
      <c r="E28628" s="15">
        <v>45534</v>
      </c>
      <c r="F28628" s="14" t="s">
        <v>15</v>
      </c>
      <c r="G28628" s="16">
        <v>2.0793629328715091</v>
      </c>
    </row>
    <row r="28629" spans="1:7" x14ac:dyDescent="0.3">
      <c r="A28629" s="13" t="s">
        <v>180</v>
      </c>
      <c r="B28629" s="14" t="s">
        <v>1</v>
      </c>
      <c r="C28629" s="14" t="s">
        <v>70</v>
      </c>
      <c r="D28629" s="14" t="s">
        <v>181</v>
      </c>
      <c r="E28629" s="15">
        <v>45535</v>
      </c>
      <c r="F28629" s="14" t="s">
        <v>15</v>
      </c>
      <c r="G28629" s="16">
        <v>2.0793629328715091</v>
      </c>
    </row>
    <row r="28630" spans="1:7" x14ac:dyDescent="0.3">
      <c r="A28630" s="13" t="s">
        <v>180</v>
      </c>
      <c r="B28630" s="14" t="s">
        <v>1</v>
      </c>
      <c r="C28630" s="14" t="s">
        <v>70</v>
      </c>
      <c r="D28630" s="14" t="s">
        <v>181</v>
      </c>
      <c r="E28630" s="15">
        <v>45536</v>
      </c>
      <c r="F28630" s="14" t="s">
        <v>15</v>
      </c>
      <c r="G28630" s="16">
        <v>2.0793629328715091</v>
      </c>
    </row>
    <row r="28631" spans="1:7" x14ac:dyDescent="0.3">
      <c r="A28631" s="13" t="s">
        <v>180</v>
      </c>
      <c r="B28631" s="14" t="s">
        <v>1</v>
      </c>
      <c r="C28631" s="14" t="s">
        <v>70</v>
      </c>
      <c r="D28631" s="14" t="s">
        <v>181</v>
      </c>
      <c r="E28631" s="15">
        <v>45537</v>
      </c>
      <c r="F28631" s="14" t="s">
        <v>15</v>
      </c>
      <c r="G28631" s="16">
        <v>2.0923863282464747</v>
      </c>
    </row>
    <row r="28632" spans="1:7" x14ac:dyDescent="0.3">
      <c r="A28632" s="13" t="s">
        <v>180</v>
      </c>
      <c r="B28632" s="14" t="s">
        <v>1</v>
      </c>
      <c r="C28632" s="14" t="s">
        <v>70</v>
      </c>
      <c r="D28632" s="14" t="s">
        <v>181</v>
      </c>
      <c r="E28632" s="15">
        <v>45538</v>
      </c>
      <c r="F28632" s="14" t="s">
        <v>15</v>
      </c>
      <c r="G28632" s="16">
        <v>2.1094097236214404</v>
      </c>
    </row>
    <row r="28633" spans="1:7" x14ac:dyDescent="0.3">
      <c r="A28633" s="13" t="s">
        <v>180</v>
      </c>
      <c r="B28633" s="14" t="s">
        <v>1</v>
      </c>
      <c r="C28633" s="14" t="s">
        <v>70</v>
      </c>
      <c r="D28633" s="14" t="s">
        <v>181</v>
      </c>
      <c r="E28633" s="15">
        <v>45539</v>
      </c>
      <c r="F28633" s="14" t="s">
        <v>15</v>
      </c>
      <c r="G28633" s="16">
        <v>2.1174331189964057</v>
      </c>
    </row>
    <row r="28634" spans="1:7" x14ac:dyDescent="0.3">
      <c r="A28634" s="13" t="s">
        <v>180</v>
      </c>
      <c r="B28634" s="14" t="s">
        <v>1</v>
      </c>
      <c r="C28634" s="14" t="s">
        <v>70</v>
      </c>
      <c r="D28634" s="14" t="s">
        <v>181</v>
      </c>
      <c r="E28634" s="15">
        <v>45540</v>
      </c>
      <c r="F28634" s="14" t="s">
        <v>15</v>
      </c>
      <c r="G28634" s="16">
        <v>2.1344565143713714</v>
      </c>
    </row>
    <row r="28635" spans="1:7" x14ac:dyDescent="0.3">
      <c r="A28635" s="13" t="s">
        <v>180</v>
      </c>
      <c r="B28635" s="14" t="s">
        <v>1</v>
      </c>
      <c r="C28635" s="14" t="s">
        <v>70</v>
      </c>
      <c r="D28635" s="14" t="s">
        <v>181</v>
      </c>
      <c r="E28635" s="15">
        <v>45541</v>
      </c>
      <c r="F28635" s="14" t="s">
        <v>15</v>
      </c>
      <c r="G28635" s="16">
        <v>2.1424799097463367</v>
      </c>
    </row>
    <row r="28636" spans="1:7" x14ac:dyDescent="0.3">
      <c r="A28636" s="13" t="s">
        <v>180</v>
      </c>
      <c r="B28636" s="14" t="s">
        <v>1</v>
      </c>
      <c r="C28636" s="14" t="s">
        <v>70</v>
      </c>
      <c r="D28636" s="14" t="s">
        <v>181</v>
      </c>
      <c r="E28636" s="15">
        <v>45542</v>
      </c>
      <c r="F28636" s="14" t="s">
        <v>15</v>
      </c>
      <c r="G28636" s="16">
        <v>2.1424799097463367</v>
      </c>
    </row>
    <row r="28637" spans="1:7" x14ac:dyDescent="0.3">
      <c r="A28637" s="13" t="s">
        <v>180</v>
      </c>
      <c r="B28637" s="14" t="s">
        <v>1</v>
      </c>
      <c r="C28637" s="14" t="s">
        <v>70</v>
      </c>
      <c r="D28637" s="14" t="s">
        <v>181</v>
      </c>
      <c r="E28637" s="15">
        <v>45543</v>
      </c>
      <c r="F28637" s="14" t="s">
        <v>15</v>
      </c>
      <c r="G28637" s="16">
        <v>2.1424799097463367</v>
      </c>
    </row>
    <row r="28638" spans="1:7" x14ac:dyDescent="0.3">
      <c r="A28638" s="13" t="s">
        <v>180</v>
      </c>
      <c r="B28638" s="14" t="s">
        <v>1</v>
      </c>
      <c r="C28638" s="14" t="s">
        <v>70</v>
      </c>
      <c r="D28638" s="14" t="s">
        <v>181</v>
      </c>
      <c r="E28638" s="15">
        <v>45544</v>
      </c>
      <c r="F28638" s="14" t="s">
        <v>15</v>
      </c>
      <c r="G28638" s="16">
        <v>2.1505033051213021</v>
      </c>
    </row>
    <row r="28639" spans="1:7" x14ac:dyDescent="0.3">
      <c r="A28639" s="13" t="s">
        <v>180</v>
      </c>
      <c r="B28639" s="14" t="s">
        <v>1</v>
      </c>
      <c r="C28639" s="14" t="s">
        <v>70</v>
      </c>
      <c r="D28639" s="14" t="s">
        <v>181</v>
      </c>
      <c r="E28639" s="15">
        <v>45545</v>
      </c>
      <c r="F28639" s="14" t="s">
        <v>15</v>
      </c>
      <c r="G28639" s="16">
        <v>2.1725267004962676</v>
      </c>
    </row>
    <row r="28640" spans="1:7" x14ac:dyDescent="0.3">
      <c r="A28640" s="13" t="s">
        <v>180</v>
      </c>
      <c r="B28640" s="14" t="s">
        <v>1</v>
      </c>
      <c r="C28640" s="14" t="s">
        <v>70</v>
      </c>
      <c r="D28640" s="14" t="s">
        <v>181</v>
      </c>
      <c r="E28640" s="15">
        <v>45546</v>
      </c>
      <c r="F28640" s="14" t="s">
        <v>15</v>
      </c>
      <c r="G28640" s="16">
        <v>2.1835500958712331</v>
      </c>
    </row>
    <row r="28641" spans="1:7" x14ac:dyDescent="0.3">
      <c r="A28641" s="13" t="s">
        <v>180</v>
      </c>
      <c r="B28641" s="14" t="s">
        <v>1</v>
      </c>
      <c r="C28641" s="14" t="s">
        <v>70</v>
      </c>
      <c r="D28641" s="14" t="s">
        <v>181</v>
      </c>
      <c r="E28641" s="15">
        <v>45547</v>
      </c>
      <c r="F28641" s="14" t="s">
        <v>15</v>
      </c>
      <c r="G28641" s="16">
        <v>2.1915734912461984</v>
      </c>
    </row>
    <row r="28642" spans="1:7" x14ac:dyDescent="0.3">
      <c r="A28642" s="13" t="s">
        <v>180</v>
      </c>
      <c r="B28642" s="14" t="s">
        <v>1</v>
      </c>
      <c r="C28642" s="14" t="s">
        <v>70</v>
      </c>
      <c r="D28642" s="14" t="s">
        <v>181</v>
      </c>
      <c r="E28642" s="15">
        <v>45548</v>
      </c>
      <c r="F28642" s="14" t="s">
        <v>15</v>
      </c>
      <c r="G28642" s="16">
        <v>2.2215968866211639</v>
      </c>
    </row>
    <row r="28643" spans="1:7" x14ac:dyDescent="0.3">
      <c r="A28643" s="13" t="s">
        <v>180</v>
      </c>
      <c r="B28643" s="14" t="s">
        <v>1</v>
      </c>
      <c r="C28643" s="14" t="s">
        <v>70</v>
      </c>
      <c r="D28643" s="14" t="s">
        <v>181</v>
      </c>
      <c r="E28643" s="15">
        <v>45549</v>
      </c>
      <c r="F28643" s="14" t="s">
        <v>15</v>
      </c>
      <c r="G28643" s="16">
        <v>2.2215968866211639</v>
      </c>
    </row>
    <row r="28644" spans="1:7" x14ac:dyDescent="0.3">
      <c r="A28644" s="13" t="s">
        <v>180</v>
      </c>
      <c r="B28644" s="14" t="s">
        <v>1</v>
      </c>
      <c r="C28644" s="14" t="s">
        <v>70</v>
      </c>
      <c r="D28644" s="14" t="s">
        <v>181</v>
      </c>
      <c r="E28644" s="15">
        <v>45550</v>
      </c>
      <c r="F28644" s="14" t="s">
        <v>15</v>
      </c>
      <c r="G28644" s="16">
        <v>2.2215968866211639</v>
      </c>
    </row>
    <row r="28645" spans="1:7" x14ac:dyDescent="0.3">
      <c r="A28645" s="13" t="s">
        <v>180</v>
      </c>
      <c r="B28645" s="14" t="s">
        <v>1</v>
      </c>
      <c r="C28645" s="14" t="s">
        <v>70</v>
      </c>
      <c r="D28645" s="14" t="s">
        <v>181</v>
      </c>
      <c r="E28645" s="15">
        <v>45551</v>
      </c>
      <c r="F28645" s="14" t="s">
        <v>15</v>
      </c>
      <c r="G28645" s="16">
        <v>2.2416202819961297</v>
      </c>
    </row>
    <row r="28646" spans="1:7" x14ac:dyDescent="0.3">
      <c r="A28646" s="13" t="s">
        <v>180</v>
      </c>
      <c r="B28646" s="14" t="s">
        <v>1</v>
      </c>
      <c r="C28646" s="14" t="s">
        <v>70</v>
      </c>
      <c r="D28646" s="14" t="s">
        <v>181</v>
      </c>
      <c r="E28646" s="15">
        <v>45552</v>
      </c>
      <c r="F28646" s="14" t="s">
        <v>15</v>
      </c>
      <c r="G28646" s="16">
        <v>2.2646436773710947</v>
      </c>
    </row>
    <row r="28647" spans="1:7" x14ac:dyDescent="0.3">
      <c r="A28647" s="13" t="s">
        <v>180</v>
      </c>
      <c r="B28647" s="14" t="s">
        <v>1</v>
      </c>
      <c r="C28647" s="14" t="s">
        <v>70</v>
      </c>
      <c r="D28647" s="14" t="s">
        <v>181</v>
      </c>
      <c r="E28647" s="15">
        <v>45553</v>
      </c>
      <c r="F28647" s="14" t="s">
        <v>15</v>
      </c>
      <c r="G28647" s="16">
        <v>2.2726670727460605</v>
      </c>
    </row>
    <row r="28648" spans="1:7" x14ac:dyDescent="0.3">
      <c r="A28648" s="13" t="s">
        <v>180</v>
      </c>
      <c r="B28648" s="14" t="s">
        <v>1</v>
      </c>
      <c r="C28648" s="14" t="s">
        <v>70</v>
      </c>
      <c r="D28648" s="14" t="s">
        <v>181</v>
      </c>
      <c r="E28648" s="15">
        <v>45554</v>
      </c>
      <c r="F28648" s="14" t="s">
        <v>15</v>
      </c>
      <c r="G28648" s="16">
        <v>2.2806904681210258</v>
      </c>
    </row>
    <row r="28649" spans="1:7" x14ac:dyDescent="0.3">
      <c r="A28649" s="13" t="s">
        <v>180</v>
      </c>
      <c r="B28649" s="14" t="s">
        <v>1</v>
      </c>
      <c r="C28649" s="14" t="s">
        <v>70</v>
      </c>
      <c r="D28649" s="14" t="s">
        <v>181</v>
      </c>
      <c r="E28649" s="15">
        <v>45555</v>
      </c>
      <c r="F28649" s="14" t="s">
        <v>15</v>
      </c>
      <c r="G28649" s="16">
        <v>2.2887138634959916</v>
      </c>
    </row>
    <row r="28650" spans="1:7" x14ac:dyDescent="0.3">
      <c r="A28650" s="13" t="s">
        <v>180</v>
      </c>
      <c r="B28650" s="14" t="s">
        <v>1</v>
      </c>
      <c r="C28650" s="14" t="s">
        <v>70</v>
      </c>
      <c r="D28650" s="14" t="s">
        <v>181</v>
      </c>
      <c r="E28650" s="15">
        <v>45556</v>
      </c>
      <c r="F28650" s="14" t="s">
        <v>15</v>
      </c>
      <c r="G28650" s="16">
        <v>2.2887138634959916</v>
      </c>
    </row>
    <row r="28651" spans="1:7" x14ac:dyDescent="0.3">
      <c r="A28651" s="13" t="s">
        <v>180</v>
      </c>
      <c r="B28651" s="14" t="s">
        <v>1</v>
      </c>
      <c r="C28651" s="14" t="s">
        <v>70</v>
      </c>
      <c r="D28651" s="14" t="s">
        <v>181</v>
      </c>
      <c r="E28651" s="15">
        <v>45557</v>
      </c>
      <c r="F28651" s="14" t="s">
        <v>15</v>
      </c>
      <c r="G28651" s="16">
        <v>2.2887138634959916</v>
      </c>
    </row>
    <row r="28652" spans="1:7" x14ac:dyDescent="0.3">
      <c r="A28652" s="13" t="s">
        <v>180</v>
      </c>
      <c r="B28652" s="14" t="s">
        <v>1</v>
      </c>
      <c r="C28652" s="14" t="s">
        <v>70</v>
      </c>
      <c r="D28652" s="14" t="s">
        <v>181</v>
      </c>
      <c r="E28652" s="15">
        <v>45558</v>
      </c>
      <c r="F28652" s="14" t="s">
        <v>15</v>
      </c>
      <c r="G28652" s="16">
        <v>2.2967372588709569</v>
      </c>
    </row>
    <row r="28653" spans="1:7" x14ac:dyDescent="0.3">
      <c r="A28653" s="13" t="s">
        <v>180</v>
      </c>
      <c r="B28653" s="14" t="s">
        <v>1</v>
      </c>
      <c r="C28653" s="14" t="s">
        <v>70</v>
      </c>
      <c r="D28653" s="14" t="s">
        <v>181</v>
      </c>
      <c r="E28653" s="15">
        <v>45559</v>
      </c>
      <c r="F28653" s="14" t="s">
        <v>15</v>
      </c>
      <c r="G28653" s="16">
        <v>2.3187606542459225</v>
      </c>
    </row>
    <row r="28654" spans="1:7" x14ac:dyDescent="0.3">
      <c r="A28654" s="13" t="s">
        <v>180</v>
      </c>
      <c r="B28654" s="14" t="s">
        <v>1</v>
      </c>
      <c r="C28654" s="14" t="s">
        <v>70</v>
      </c>
      <c r="D28654" s="14" t="s">
        <v>181</v>
      </c>
      <c r="E28654" s="15">
        <v>45560</v>
      </c>
      <c r="F28654" s="14" t="s">
        <v>15</v>
      </c>
      <c r="G28654" s="16">
        <v>2.3267840496208878</v>
      </c>
    </row>
    <row r="28655" spans="1:7" x14ac:dyDescent="0.3">
      <c r="A28655" s="13" t="s">
        <v>180</v>
      </c>
      <c r="B28655" s="14" t="s">
        <v>1</v>
      </c>
      <c r="C28655" s="14" t="s">
        <v>70</v>
      </c>
      <c r="D28655" s="14" t="s">
        <v>181</v>
      </c>
      <c r="E28655" s="15">
        <v>45561</v>
      </c>
      <c r="F28655" s="14" t="s">
        <v>15</v>
      </c>
      <c r="G28655" s="16">
        <v>2.3408074449958534</v>
      </c>
    </row>
    <row r="28656" spans="1:7" x14ac:dyDescent="0.3">
      <c r="A28656" s="13" t="s">
        <v>180</v>
      </c>
      <c r="B28656" s="14" t="s">
        <v>1</v>
      </c>
      <c r="C28656" s="14" t="s">
        <v>70</v>
      </c>
      <c r="D28656" s="14" t="s">
        <v>181</v>
      </c>
      <c r="E28656" s="15">
        <v>45562</v>
      </c>
      <c r="F28656" s="14" t="s">
        <v>15</v>
      </c>
      <c r="G28656" s="16">
        <v>2.3518308403708188</v>
      </c>
    </row>
    <row r="28657" spans="1:7" x14ac:dyDescent="0.3">
      <c r="A28657" s="13" t="s">
        <v>180</v>
      </c>
      <c r="B28657" s="14" t="s">
        <v>1</v>
      </c>
      <c r="C28657" s="14" t="s">
        <v>70</v>
      </c>
      <c r="D28657" s="14" t="s">
        <v>181</v>
      </c>
      <c r="E28657" s="15">
        <v>45563</v>
      </c>
      <c r="F28657" s="14" t="s">
        <v>15</v>
      </c>
      <c r="G28657" s="16">
        <v>2.3518308403708188</v>
      </c>
    </row>
    <row r="28658" spans="1:7" x14ac:dyDescent="0.3">
      <c r="A28658" s="13" t="s">
        <v>180</v>
      </c>
      <c r="B28658" s="14" t="s">
        <v>1</v>
      </c>
      <c r="C28658" s="14" t="s">
        <v>70</v>
      </c>
      <c r="D28658" s="14" t="s">
        <v>181</v>
      </c>
      <c r="E28658" s="15">
        <v>45564</v>
      </c>
      <c r="F28658" s="14" t="s">
        <v>15</v>
      </c>
      <c r="G28658" s="16">
        <v>2.3518308403708188</v>
      </c>
    </row>
    <row r="28659" spans="1:7" x14ac:dyDescent="0.3">
      <c r="A28659" s="13" t="s">
        <v>180</v>
      </c>
      <c r="B28659" s="14" t="s">
        <v>1</v>
      </c>
      <c r="C28659" s="14" t="s">
        <v>70</v>
      </c>
      <c r="D28659" s="14" t="s">
        <v>181</v>
      </c>
      <c r="E28659" s="15">
        <v>45565</v>
      </c>
      <c r="F28659" s="14" t="s">
        <v>15</v>
      </c>
      <c r="G28659" s="16">
        <v>2.3738542357457844</v>
      </c>
    </row>
    <row r="28660" spans="1:7" x14ac:dyDescent="0.3">
      <c r="A28660" s="13" t="s">
        <v>180</v>
      </c>
      <c r="B28660" s="14" t="s">
        <v>1</v>
      </c>
      <c r="C28660" s="14" t="s">
        <v>70</v>
      </c>
      <c r="D28660" s="14" t="s">
        <v>181</v>
      </c>
      <c r="E28660" s="15">
        <v>45566</v>
      </c>
      <c r="F28660" s="14" t="s">
        <v>15</v>
      </c>
      <c r="G28660" s="16">
        <v>2.3988776311207496</v>
      </c>
    </row>
    <row r="28661" spans="1:7" x14ac:dyDescent="0.3">
      <c r="A28661" s="13" t="s">
        <v>180</v>
      </c>
      <c r="B28661" s="14" t="s">
        <v>1</v>
      </c>
      <c r="C28661" s="14" t="s">
        <v>70</v>
      </c>
      <c r="D28661" s="14" t="s">
        <v>181</v>
      </c>
      <c r="E28661" s="15">
        <v>45567</v>
      </c>
      <c r="F28661" s="14" t="s">
        <v>15</v>
      </c>
      <c r="G28661" s="16">
        <v>2.4069010264957149</v>
      </c>
    </row>
    <row r="28662" spans="1:7" x14ac:dyDescent="0.3">
      <c r="A28662" s="13" t="s">
        <v>180</v>
      </c>
      <c r="B28662" s="14" t="s">
        <v>1</v>
      </c>
      <c r="C28662" s="14" t="s">
        <v>70</v>
      </c>
      <c r="D28662" s="14" t="s">
        <v>181</v>
      </c>
      <c r="E28662" s="15">
        <v>45568</v>
      </c>
      <c r="F28662" s="14" t="s">
        <v>15</v>
      </c>
      <c r="G28662" s="16">
        <v>2.4129244218706805</v>
      </c>
    </row>
    <row r="28663" spans="1:7" x14ac:dyDescent="0.3">
      <c r="A28663" s="13" t="s">
        <v>180</v>
      </c>
      <c r="B28663" s="14" t="s">
        <v>1</v>
      </c>
      <c r="C28663" s="14" t="s">
        <v>70</v>
      </c>
      <c r="D28663" s="14" t="s">
        <v>181</v>
      </c>
      <c r="E28663" s="15">
        <v>45569</v>
      </c>
      <c r="F28663" s="14" t="s">
        <v>15</v>
      </c>
      <c r="G28663" s="16">
        <v>2.4219478172456457</v>
      </c>
    </row>
    <row r="28664" spans="1:7" x14ac:dyDescent="0.3">
      <c r="A28664" s="13" t="s">
        <v>180</v>
      </c>
      <c r="B28664" s="14" t="s">
        <v>1</v>
      </c>
      <c r="C28664" s="14" t="s">
        <v>70</v>
      </c>
      <c r="D28664" s="14" t="s">
        <v>181</v>
      </c>
      <c r="E28664" s="15">
        <v>45570</v>
      </c>
      <c r="F28664" s="14" t="s">
        <v>15</v>
      </c>
      <c r="G28664" s="16">
        <v>2.4219478172456457</v>
      </c>
    </row>
    <row r="28665" spans="1:7" x14ac:dyDescent="0.3">
      <c r="A28665" s="13" t="s">
        <v>180</v>
      </c>
      <c r="B28665" s="14" t="s">
        <v>1</v>
      </c>
      <c r="C28665" s="14" t="s">
        <v>70</v>
      </c>
      <c r="D28665" s="14" t="s">
        <v>181</v>
      </c>
      <c r="E28665" s="15">
        <v>45571</v>
      </c>
      <c r="F28665" s="14" t="s">
        <v>15</v>
      </c>
      <c r="G28665" s="16">
        <v>2.4219478172456457</v>
      </c>
    </row>
    <row r="28666" spans="1:7" x14ac:dyDescent="0.3">
      <c r="A28666" s="13" t="s">
        <v>180</v>
      </c>
      <c r="B28666" s="14" t="s">
        <v>1</v>
      </c>
      <c r="C28666" s="14" t="s">
        <v>70</v>
      </c>
      <c r="D28666" s="14" t="s">
        <v>181</v>
      </c>
      <c r="E28666" s="15">
        <v>45572</v>
      </c>
      <c r="F28666" s="14" t="s">
        <v>15</v>
      </c>
      <c r="G28666" s="16">
        <v>2.4439712126206112</v>
      </c>
    </row>
    <row r="28667" spans="1:7" x14ac:dyDescent="0.3">
      <c r="A28667" s="13" t="s">
        <v>180</v>
      </c>
      <c r="B28667" s="14" t="s">
        <v>1</v>
      </c>
      <c r="C28667" s="14" t="s">
        <v>70</v>
      </c>
      <c r="D28667" s="14" t="s">
        <v>181</v>
      </c>
      <c r="E28667" s="15">
        <v>45573</v>
      </c>
      <c r="F28667" s="14" t="s">
        <v>15</v>
      </c>
      <c r="G28667" s="16">
        <v>2.4649946079955769</v>
      </c>
    </row>
    <row r="28668" spans="1:7" x14ac:dyDescent="0.3">
      <c r="A28668" s="13" t="s">
        <v>180</v>
      </c>
      <c r="B28668" s="14" t="s">
        <v>1</v>
      </c>
      <c r="C28668" s="14" t="s">
        <v>70</v>
      </c>
      <c r="D28668" s="14" t="s">
        <v>181</v>
      </c>
      <c r="E28668" s="15">
        <v>45574</v>
      </c>
      <c r="F28668" s="14" t="s">
        <v>15</v>
      </c>
      <c r="G28668" s="16">
        <v>2.4720180033705423</v>
      </c>
    </row>
    <row r="28669" spans="1:7" x14ac:dyDescent="0.3">
      <c r="A28669" s="13" t="s">
        <v>180</v>
      </c>
      <c r="B28669" s="14" t="s">
        <v>1</v>
      </c>
      <c r="C28669" s="14" t="s">
        <v>70</v>
      </c>
      <c r="D28669" s="14" t="s">
        <v>181</v>
      </c>
      <c r="E28669" s="15">
        <v>45575</v>
      </c>
      <c r="F28669" s="14" t="s">
        <v>15</v>
      </c>
      <c r="G28669" s="16">
        <v>2.4790413987455073</v>
      </c>
    </row>
    <row r="28670" spans="1:7" x14ac:dyDescent="0.3">
      <c r="A28670" s="13" t="s">
        <v>180</v>
      </c>
      <c r="B28670" s="14" t="s">
        <v>1</v>
      </c>
      <c r="C28670" s="14" t="s">
        <v>70</v>
      </c>
      <c r="D28670" s="14" t="s">
        <v>181</v>
      </c>
      <c r="E28670" s="15">
        <v>45576</v>
      </c>
      <c r="F28670" s="14" t="s">
        <v>15</v>
      </c>
      <c r="G28670" s="16">
        <v>2.4990647941204731</v>
      </c>
    </row>
    <row r="28671" spans="1:7" x14ac:dyDescent="0.3">
      <c r="A28671" s="13" t="s">
        <v>180</v>
      </c>
      <c r="B28671" s="14" t="s">
        <v>1</v>
      </c>
      <c r="C28671" s="14" t="s">
        <v>70</v>
      </c>
      <c r="D28671" s="14" t="s">
        <v>181</v>
      </c>
      <c r="E28671" s="15">
        <v>45577</v>
      </c>
      <c r="F28671" s="14" t="s">
        <v>15</v>
      </c>
      <c r="G28671" s="16">
        <v>2.4990647941204731</v>
      </c>
    </row>
    <row r="28672" spans="1:7" x14ac:dyDescent="0.3">
      <c r="A28672" s="13" t="s">
        <v>180</v>
      </c>
      <c r="B28672" s="14" t="s">
        <v>1</v>
      </c>
      <c r="C28672" s="14" t="s">
        <v>70</v>
      </c>
      <c r="D28672" s="14" t="s">
        <v>181</v>
      </c>
      <c r="E28672" s="15">
        <v>45578</v>
      </c>
      <c r="F28672" s="14" t="s">
        <v>15</v>
      </c>
      <c r="G28672" s="16">
        <v>2.4990647941204731</v>
      </c>
    </row>
    <row r="28673" spans="1:7" x14ac:dyDescent="0.3">
      <c r="A28673" s="13" t="s">
        <v>180</v>
      </c>
      <c r="B28673" s="14" t="s">
        <v>1</v>
      </c>
      <c r="C28673" s="14" t="s">
        <v>70</v>
      </c>
      <c r="D28673" s="14" t="s">
        <v>181</v>
      </c>
      <c r="E28673" s="15">
        <v>45579</v>
      </c>
      <c r="F28673" s="14" t="s">
        <v>15</v>
      </c>
      <c r="G28673" s="16">
        <v>2.5060881894954385</v>
      </c>
    </row>
    <row r="28674" spans="1:7" x14ac:dyDescent="0.3">
      <c r="A28674" s="13" t="s">
        <v>180</v>
      </c>
      <c r="B28674" s="14" t="s">
        <v>1</v>
      </c>
      <c r="C28674" s="14" t="s">
        <v>70</v>
      </c>
      <c r="D28674" s="14" t="s">
        <v>181</v>
      </c>
      <c r="E28674" s="15">
        <v>45580</v>
      </c>
      <c r="F28674" s="14" t="s">
        <v>15</v>
      </c>
      <c r="G28674" s="16">
        <v>2.5271115848704038</v>
      </c>
    </row>
    <row r="28675" spans="1:7" x14ac:dyDescent="0.3">
      <c r="A28675" s="13" t="s">
        <v>180</v>
      </c>
      <c r="B28675" s="14" t="s">
        <v>1</v>
      </c>
      <c r="C28675" s="14" t="s">
        <v>70</v>
      </c>
      <c r="D28675" s="14" t="s">
        <v>181</v>
      </c>
      <c r="E28675" s="15">
        <v>45581</v>
      </c>
      <c r="F28675" s="14" t="s">
        <v>15</v>
      </c>
      <c r="G28675" s="16">
        <v>2.5371349802453693</v>
      </c>
    </row>
    <row r="28676" spans="1:7" x14ac:dyDescent="0.3">
      <c r="A28676" s="13" t="s">
        <v>180</v>
      </c>
      <c r="B28676" s="14" t="s">
        <v>1</v>
      </c>
      <c r="C28676" s="14" t="s">
        <v>70</v>
      </c>
      <c r="D28676" s="14" t="s">
        <v>181</v>
      </c>
      <c r="E28676" s="15">
        <v>45582</v>
      </c>
      <c r="F28676" s="14" t="s">
        <v>15</v>
      </c>
      <c r="G28676" s="16">
        <v>2.5451583756203346</v>
      </c>
    </row>
    <row r="28677" spans="1:7" x14ac:dyDescent="0.3">
      <c r="A28677" s="13" t="s">
        <v>180</v>
      </c>
      <c r="B28677" s="14" t="s">
        <v>1</v>
      </c>
      <c r="C28677" s="14" t="s">
        <v>70</v>
      </c>
      <c r="D28677" s="14" t="s">
        <v>181</v>
      </c>
      <c r="E28677" s="15">
        <v>45583</v>
      </c>
      <c r="F28677" s="14" t="s">
        <v>15</v>
      </c>
      <c r="G28677" s="16">
        <v>2.5581817709953003</v>
      </c>
    </row>
    <row r="28678" spans="1:7" x14ac:dyDescent="0.3">
      <c r="A28678" s="13" t="s">
        <v>180</v>
      </c>
      <c r="B28678" s="14" t="s">
        <v>1</v>
      </c>
      <c r="C28678" s="14" t="s">
        <v>70</v>
      </c>
      <c r="D28678" s="14" t="s">
        <v>181</v>
      </c>
      <c r="E28678" s="15">
        <v>45584</v>
      </c>
      <c r="F28678" s="14" t="s">
        <v>15</v>
      </c>
      <c r="G28678" s="16">
        <v>2.5581817709953003</v>
      </c>
    </row>
    <row r="28679" spans="1:7" x14ac:dyDescent="0.3">
      <c r="A28679" s="13" t="s">
        <v>180</v>
      </c>
      <c r="B28679" s="14" t="s">
        <v>1</v>
      </c>
      <c r="C28679" s="14" t="s">
        <v>70</v>
      </c>
      <c r="D28679" s="14" t="s">
        <v>181</v>
      </c>
      <c r="E28679" s="15">
        <v>45585</v>
      </c>
      <c r="F28679" s="14" t="s">
        <v>15</v>
      </c>
      <c r="G28679" s="16">
        <v>2.5581817709953003</v>
      </c>
    </row>
    <row r="28680" spans="1:7" x14ac:dyDescent="0.3">
      <c r="A28680" s="13" t="s">
        <v>180</v>
      </c>
      <c r="B28680" s="14" t="s">
        <v>1</v>
      </c>
      <c r="C28680" s="14" t="s">
        <v>70</v>
      </c>
      <c r="D28680" s="14" t="s">
        <v>181</v>
      </c>
      <c r="E28680" s="15">
        <v>45586</v>
      </c>
      <c r="F28680" s="14" t="s">
        <v>15</v>
      </c>
      <c r="G28680" s="16">
        <v>2.5702051663702656</v>
      </c>
    </row>
    <row r="28681" spans="1:7" x14ac:dyDescent="0.3">
      <c r="A28681" s="13" t="s">
        <v>180</v>
      </c>
      <c r="B28681" s="14" t="s">
        <v>1</v>
      </c>
      <c r="C28681" s="14" t="s">
        <v>70</v>
      </c>
      <c r="D28681" s="14" t="s">
        <v>181</v>
      </c>
      <c r="E28681" s="15">
        <v>45587</v>
      </c>
      <c r="F28681" s="14" t="s">
        <v>15</v>
      </c>
      <c r="G28681" s="16">
        <v>2.5912285617452313</v>
      </c>
    </row>
    <row r="28682" spans="1:7" x14ac:dyDescent="0.3">
      <c r="A28682" s="13" t="s">
        <v>180</v>
      </c>
      <c r="B28682" s="14" t="s">
        <v>1</v>
      </c>
      <c r="C28682" s="14" t="s">
        <v>70</v>
      </c>
      <c r="D28682" s="14" t="s">
        <v>181</v>
      </c>
      <c r="E28682" s="15">
        <v>45588</v>
      </c>
      <c r="F28682" s="14" t="s">
        <v>15</v>
      </c>
      <c r="G28682" s="16">
        <v>2.5982519571201967</v>
      </c>
    </row>
    <row r="28683" spans="1:7" x14ac:dyDescent="0.3">
      <c r="A28683" s="13" t="s">
        <v>180</v>
      </c>
      <c r="B28683" s="14" t="s">
        <v>1</v>
      </c>
      <c r="C28683" s="14" t="s">
        <v>70</v>
      </c>
      <c r="D28683" s="14" t="s">
        <v>181</v>
      </c>
      <c r="E28683" s="15">
        <v>45589</v>
      </c>
      <c r="F28683" s="14" t="s">
        <v>15</v>
      </c>
      <c r="G28683" s="16">
        <v>2.607275352495162</v>
      </c>
    </row>
    <row r="28684" spans="1:7" x14ac:dyDescent="0.3">
      <c r="A28684" s="13" t="s">
        <v>180</v>
      </c>
      <c r="B28684" s="14" t="s">
        <v>1</v>
      </c>
      <c r="C28684" s="14" t="s">
        <v>70</v>
      </c>
      <c r="D28684" s="14" t="s">
        <v>181</v>
      </c>
      <c r="E28684" s="15">
        <v>45590</v>
      </c>
      <c r="F28684" s="14" t="s">
        <v>15</v>
      </c>
      <c r="G28684" s="16">
        <v>2.6142987478701274</v>
      </c>
    </row>
    <row r="28685" spans="1:7" x14ac:dyDescent="0.3">
      <c r="A28685" s="13" t="s">
        <v>180</v>
      </c>
      <c r="B28685" s="14" t="s">
        <v>1</v>
      </c>
      <c r="C28685" s="14" t="s">
        <v>70</v>
      </c>
      <c r="D28685" s="14" t="s">
        <v>181</v>
      </c>
      <c r="E28685" s="15">
        <v>45591</v>
      </c>
      <c r="F28685" s="14" t="s">
        <v>15</v>
      </c>
      <c r="G28685" s="16">
        <v>2.6142987478701274</v>
      </c>
    </row>
    <row r="28686" spans="1:7" x14ac:dyDescent="0.3">
      <c r="A28686" s="13" t="s">
        <v>180</v>
      </c>
      <c r="B28686" s="14" t="s">
        <v>1</v>
      </c>
      <c r="C28686" s="14" t="s">
        <v>70</v>
      </c>
      <c r="D28686" s="14" t="s">
        <v>181</v>
      </c>
      <c r="E28686" s="15">
        <v>45592</v>
      </c>
      <c r="F28686" s="14" t="s">
        <v>15</v>
      </c>
      <c r="G28686" s="16">
        <v>2.6142987478701274</v>
      </c>
    </row>
    <row r="28687" spans="1:7" x14ac:dyDescent="0.3">
      <c r="A28687" s="13" t="s">
        <v>180</v>
      </c>
      <c r="B28687" s="14" t="s">
        <v>1</v>
      </c>
      <c r="C28687" s="14" t="s">
        <v>70</v>
      </c>
      <c r="D28687" s="14" t="s">
        <v>181</v>
      </c>
      <c r="E28687" s="15">
        <v>45593</v>
      </c>
      <c r="F28687" s="14" t="s">
        <v>15</v>
      </c>
      <c r="G28687" s="16">
        <v>2.6142987478701274</v>
      </c>
    </row>
    <row r="28688" spans="1:7" x14ac:dyDescent="0.3">
      <c r="A28688" s="13" t="s">
        <v>180</v>
      </c>
      <c r="B28688" s="14" t="s">
        <v>1</v>
      </c>
      <c r="C28688" s="14" t="s">
        <v>70</v>
      </c>
      <c r="D28688" s="14" t="s">
        <v>181</v>
      </c>
      <c r="E28688" s="15">
        <v>45594</v>
      </c>
      <c r="F28688" s="14" t="s">
        <v>15</v>
      </c>
      <c r="G28688" s="16">
        <v>2.6213221432450924</v>
      </c>
    </row>
    <row r="28689" spans="1:7" x14ac:dyDescent="0.3">
      <c r="A28689" s="13" t="s">
        <v>180</v>
      </c>
      <c r="B28689" s="14" t="s">
        <v>1</v>
      </c>
      <c r="C28689" s="14" t="s">
        <v>70</v>
      </c>
      <c r="D28689" s="14" t="s">
        <v>181</v>
      </c>
      <c r="E28689" s="15">
        <v>45595</v>
      </c>
      <c r="F28689" s="14" t="s">
        <v>15</v>
      </c>
      <c r="G28689" s="16">
        <v>2.6583455386200581</v>
      </c>
    </row>
    <row r="28690" spans="1:7" x14ac:dyDescent="0.3">
      <c r="A28690" s="13" t="s">
        <v>180</v>
      </c>
      <c r="B28690" s="14" t="s">
        <v>1</v>
      </c>
      <c r="C28690" s="14" t="s">
        <v>70</v>
      </c>
      <c r="D28690" s="14" t="s">
        <v>181</v>
      </c>
      <c r="E28690" s="15">
        <v>45596</v>
      </c>
      <c r="F28690" s="14" t="s">
        <v>15</v>
      </c>
      <c r="G28690" s="16">
        <v>2.6653689339950235</v>
      </c>
    </row>
    <row r="28691" spans="1:7" x14ac:dyDescent="0.3">
      <c r="A28691" s="13" t="s">
        <v>180</v>
      </c>
      <c r="B28691" s="14" t="s">
        <v>1</v>
      </c>
      <c r="C28691" s="14" t="s">
        <v>70</v>
      </c>
      <c r="D28691" s="14" t="s">
        <v>181</v>
      </c>
      <c r="E28691" s="15">
        <v>45597</v>
      </c>
      <c r="F28691" s="14" t="s">
        <v>15</v>
      </c>
      <c r="G28691" s="16">
        <v>2.6743923293699887</v>
      </c>
    </row>
    <row r="28692" spans="1:7" x14ac:dyDescent="0.3">
      <c r="A28692" s="13" t="s">
        <v>180</v>
      </c>
      <c r="B28692" s="14" t="s">
        <v>1</v>
      </c>
      <c r="C28692" s="14" t="s">
        <v>70</v>
      </c>
      <c r="D28692" s="14" t="s">
        <v>181</v>
      </c>
      <c r="E28692" s="15">
        <v>45598</v>
      </c>
      <c r="F28692" s="14" t="s">
        <v>15</v>
      </c>
      <c r="G28692" s="16">
        <v>2.6743923293699887</v>
      </c>
    </row>
    <row r="28693" spans="1:7" x14ac:dyDescent="0.3">
      <c r="A28693" s="13" t="s">
        <v>180</v>
      </c>
      <c r="B28693" s="14" t="s">
        <v>1</v>
      </c>
      <c r="C28693" s="14" t="s">
        <v>70</v>
      </c>
      <c r="D28693" s="14" t="s">
        <v>181</v>
      </c>
      <c r="E28693" s="15">
        <v>45599</v>
      </c>
      <c r="F28693" s="14" t="s">
        <v>15</v>
      </c>
      <c r="G28693" s="16">
        <v>2.6743923293699887</v>
      </c>
    </row>
    <row r="28694" spans="1:7" x14ac:dyDescent="0.3">
      <c r="A28694" s="13" t="s">
        <v>180</v>
      </c>
      <c r="B28694" s="14" t="s">
        <v>1</v>
      </c>
      <c r="C28694" s="14" t="s">
        <v>70</v>
      </c>
      <c r="D28694" s="14" t="s">
        <v>181</v>
      </c>
      <c r="E28694" s="15">
        <v>45600</v>
      </c>
      <c r="F28694" s="14" t="s">
        <v>15</v>
      </c>
      <c r="G28694" s="16">
        <v>2.6754157247449539</v>
      </c>
    </row>
    <row r="28695" spans="1:7" x14ac:dyDescent="0.3">
      <c r="A28695" s="13" t="s">
        <v>180</v>
      </c>
      <c r="B28695" s="14" t="s">
        <v>1</v>
      </c>
      <c r="C28695" s="14" t="s">
        <v>70</v>
      </c>
      <c r="D28695" s="14" t="s">
        <v>181</v>
      </c>
      <c r="E28695" s="15">
        <v>45601</v>
      </c>
      <c r="F28695" s="14" t="s">
        <v>15</v>
      </c>
      <c r="G28695" s="16">
        <v>2.6964391201199196</v>
      </c>
    </row>
    <row r="28696" spans="1:7" x14ac:dyDescent="0.3">
      <c r="A28696" s="13" t="s">
        <v>180</v>
      </c>
      <c r="B28696" s="14" t="s">
        <v>1</v>
      </c>
      <c r="C28696" s="14" t="s">
        <v>70</v>
      </c>
      <c r="D28696" s="14" t="s">
        <v>181</v>
      </c>
      <c r="E28696" s="15">
        <v>45602</v>
      </c>
      <c r="F28696" s="14" t="s">
        <v>15</v>
      </c>
      <c r="G28696" s="16">
        <v>2.7054625154948848</v>
      </c>
    </row>
    <row r="28697" spans="1:7" x14ac:dyDescent="0.3">
      <c r="A28697" s="13" t="s">
        <v>180</v>
      </c>
      <c r="B28697" s="14" t="s">
        <v>1</v>
      </c>
      <c r="C28697" s="14" t="s">
        <v>70</v>
      </c>
      <c r="D28697" s="14" t="s">
        <v>181</v>
      </c>
      <c r="E28697" s="15">
        <v>45603</v>
      </c>
      <c r="F28697" s="14" t="s">
        <v>15</v>
      </c>
      <c r="G28697" s="16">
        <v>2.7124859108698502</v>
      </c>
    </row>
    <row r="28698" spans="1:7" x14ac:dyDescent="0.3">
      <c r="A28698" s="13" t="s">
        <v>180</v>
      </c>
      <c r="B28698" s="14" t="s">
        <v>1</v>
      </c>
      <c r="C28698" s="14" t="s">
        <v>70</v>
      </c>
      <c r="D28698" s="14" t="s">
        <v>181</v>
      </c>
      <c r="E28698" s="15">
        <v>45604</v>
      </c>
      <c r="F28698" s="14" t="s">
        <v>15</v>
      </c>
      <c r="G28698" s="16">
        <v>2.7325093062448156</v>
      </c>
    </row>
    <row r="28699" spans="1:7" x14ac:dyDescent="0.3">
      <c r="A28699" s="13" t="s">
        <v>180</v>
      </c>
      <c r="B28699" s="14" t="s">
        <v>1</v>
      </c>
      <c r="C28699" s="14" t="s">
        <v>70</v>
      </c>
      <c r="D28699" s="14" t="s">
        <v>181</v>
      </c>
      <c r="E28699" s="15">
        <v>45605</v>
      </c>
      <c r="F28699" s="14" t="s">
        <v>15</v>
      </c>
      <c r="G28699" s="16">
        <v>2.7325093062448156</v>
      </c>
    </row>
    <row r="28700" spans="1:7" x14ac:dyDescent="0.3">
      <c r="A28700" s="13" t="s">
        <v>180</v>
      </c>
      <c r="B28700" s="14" t="s">
        <v>1</v>
      </c>
      <c r="C28700" s="14" t="s">
        <v>70</v>
      </c>
      <c r="D28700" s="14" t="s">
        <v>181</v>
      </c>
      <c r="E28700" s="15">
        <v>45606</v>
      </c>
      <c r="F28700" s="14" t="s">
        <v>15</v>
      </c>
      <c r="G28700" s="16">
        <v>2.7325093062448156</v>
      </c>
    </row>
    <row r="28701" spans="1:7" x14ac:dyDescent="0.3">
      <c r="A28701" s="13" t="s">
        <v>180</v>
      </c>
      <c r="B28701" s="14" t="s">
        <v>1</v>
      </c>
      <c r="C28701" s="14" t="s">
        <v>70</v>
      </c>
      <c r="D28701" s="14" t="s">
        <v>181</v>
      </c>
      <c r="E28701" s="15">
        <v>45607</v>
      </c>
      <c r="F28701" s="14" t="s">
        <v>15</v>
      </c>
      <c r="G28701" s="16">
        <v>2.7445327016197814</v>
      </c>
    </row>
    <row r="28702" spans="1:7" x14ac:dyDescent="0.3">
      <c r="A28702" s="13" t="s">
        <v>180</v>
      </c>
      <c r="B28702" s="14" t="s">
        <v>1</v>
      </c>
      <c r="C28702" s="14" t="s">
        <v>70</v>
      </c>
      <c r="D28702" s="14" t="s">
        <v>181</v>
      </c>
      <c r="E28702" s="15">
        <v>45608</v>
      </c>
      <c r="F28702" s="14" t="s">
        <v>15</v>
      </c>
      <c r="G28702" s="16">
        <v>2.7655560969947466</v>
      </c>
    </row>
    <row r="28703" spans="1:7" x14ac:dyDescent="0.3">
      <c r="A28703" s="13" t="s">
        <v>180</v>
      </c>
      <c r="B28703" s="14" t="s">
        <v>1</v>
      </c>
      <c r="C28703" s="14" t="s">
        <v>70</v>
      </c>
      <c r="D28703" s="14" t="s">
        <v>181</v>
      </c>
      <c r="E28703" s="15">
        <v>45609</v>
      </c>
      <c r="F28703" s="14" t="s">
        <v>15</v>
      </c>
      <c r="G28703" s="16">
        <v>2.7715794923697121</v>
      </c>
    </row>
    <row r="28704" spans="1:7" x14ac:dyDescent="0.3">
      <c r="A28704" s="13" t="s">
        <v>180</v>
      </c>
      <c r="B28704" s="14" t="s">
        <v>1</v>
      </c>
      <c r="C28704" s="14" t="s">
        <v>70</v>
      </c>
      <c r="D28704" s="14" t="s">
        <v>181</v>
      </c>
      <c r="E28704" s="15">
        <v>45610</v>
      </c>
      <c r="F28704" s="14" t="s">
        <v>15</v>
      </c>
      <c r="G28704" s="16">
        <v>2.7786028877446776</v>
      </c>
    </row>
    <row r="28705" spans="1:7" x14ac:dyDescent="0.3">
      <c r="A28705" s="13" t="s">
        <v>180</v>
      </c>
      <c r="B28705" s="14" t="s">
        <v>1</v>
      </c>
      <c r="C28705" s="14" t="s">
        <v>70</v>
      </c>
      <c r="D28705" s="14" t="s">
        <v>181</v>
      </c>
      <c r="E28705" s="15">
        <v>45611</v>
      </c>
      <c r="F28705" s="14" t="s">
        <v>15</v>
      </c>
      <c r="G28705" s="16">
        <v>2.8196262831196428</v>
      </c>
    </row>
    <row r="28706" spans="1:7" x14ac:dyDescent="0.3">
      <c r="A28706" s="13" t="s">
        <v>180</v>
      </c>
      <c r="B28706" s="14" t="s">
        <v>1</v>
      </c>
      <c r="C28706" s="14" t="s">
        <v>70</v>
      </c>
      <c r="D28706" s="14" t="s">
        <v>181</v>
      </c>
      <c r="E28706" s="15">
        <v>45612</v>
      </c>
      <c r="F28706" s="14" t="s">
        <v>15</v>
      </c>
      <c r="G28706" s="16">
        <v>2.8196262831196428</v>
      </c>
    </row>
    <row r="28707" spans="1:7" x14ac:dyDescent="0.3">
      <c r="A28707" s="13" t="s">
        <v>180</v>
      </c>
      <c r="B28707" s="14" t="s">
        <v>1</v>
      </c>
      <c r="C28707" s="14" t="s">
        <v>70</v>
      </c>
      <c r="D28707" s="14" t="s">
        <v>181</v>
      </c>
      <c r="E28707" s="15">
        <v>45613</v>
      </c>
      <c r="F28707" s="14" t="s">
        <v>15</v>
      </c>
      <c r="G28707" s="16">
        <v>2.8196262831196428</v>
      </c>
    </row>
    <row r="28708" spans="1:7" x14ac:dyDescent="0.3">
      <c r="A28708" s="13" t="s">
        <v>180</v>
      </c>
      <c r="B28708" s="14" t="s">
        <v>1</v>
      </c>
      <c r="C28708" s="14" t="s">
        <v>70</v>
      </c>
      <c r="D28708" s="14" t="s">
        <v>181</v>
      </c>
      <c r="E28708" s="15">
        <v>45614</v>
      </c>
      <c r="F28708" s="14" t="s">
        <v>15</v>
      </c>
      <c r="G28708" s="16">
        <v>2.8326496784946085</v>
      </c>
    </row>
    <row r="28709" spans="1:7" x14ac:dyDescent="0.3">
      <c r="A28709" s="13" t="s">
        <v>180</v>
      </c>
      <c r="B28709" s="14" t="s">
        <v>1</v>
      </c>
      <c r="C28709" s="14" t="s">
        <v>70</v>
      </c>
      <c r="D28709" s="14" t="s">
        <v>181</v>
      </c>
      <c r="E28709" s="15">
        <v>45615</v>
      </c>
      <c r="F28709" s="14" t="s">
        <v>15</v>
      </c>
      <c r="G28709" s="16">
        <v>2.874673073869574</v>
      </c>
    </row>
    <row r="28710" spans="1:7" x14ac:dyDescent="0.3">
      <c r="A28710" s="13" t="s">
        <v>180</v>
      </c>
      <c r="B28710" s="14" t="s">
        <v>1</v>
      </c>
      <c r="C28710" s="14" t="s">
        <v>70</v>
      </c>
      <c r="D28710" s="14" t="s">
        <v>181</v>
      </c>
      <c r="E28710" s="15">
        <v>45616</v>
      </c>
      <c r="F28710" s="14" t="s">
        <v>15</v>
      </c>
      <c r="G28710" s="16">
        <v>2.881696469244539</v>
      </c>
    </row>
    <row r="28711" spans="1:7" x14ac:dyDescent="0.3">
      <c r="A28711" s="13" t="s">
        <v>180</v>
      </c>
      <c r="B28711" s="14" t="s">
        <v>1</v>
      </c>
      <c r="C28711" s="14" t="s">
        <v>70</v>
      </c>
      <c r="D28711" s="14" t="s">
        <v>181</v>
      </c>
      <c r="E28711" s="15">
        <v>45617</v>
      </c>
      <c r="F28711" s="14" t="s">
        <v>15</v>
      </c>
      <c r="G28711" s="16">
        <v>2.8907198646195047</v>
      </c>
    </row>
    <row r="28712" spans="1:7" x14ac:dyDescent="0.3">
      <c r="A28712" s="13" t="s">
        <v>180</v>
      </c>
      <c r="B28712" s="14" t="s">
        <v>1</v>
      </c>
      <c r="C28712" s="14" t="s">
        <v>70</v>
      </c>
      <c r="D28712" s="14" t="s">
        <v>181</v>
      </c>
      <c r="E28712" s="15">
        <v>45618</v>
      </c>
      <c r="F28712" s="14" t="s">
        <v>15</v>
      </c>
      <c r="G28712" s="16">
        <v>2.9007432599944698</v>
      </c>
    </row>
    <row r="28713" spans="1:7" x14ac:dyDescent="0.3">
      <c r="A28713" s="13" t="s">
        <v>180</v>
      </c>
      <c r="B28713" s="14" t="s">
        <v>1</v>
      </c>
      <c r="C28713" s="14" t="s">
        <v>70</v>
      </c>
      <c r="D28713" s="14" t="s">
        <v>181</v>
      </c>
      <c r="E28713" s="15">
        <v>45619</v>
      </c>
      <c r="F28713" s="14" t="s">
        <v>15</v>
      </c>
      <c r="G28713" s="16">
        <v>2.9007432599944698</v>
      </c>
    </row>
    <row r="28714" spans="1:7" x14ac:dyDescent="0.3">
      <c r="A28714" s="13" t="s">
        <v>180</v>
      </c>
      <c r="B28714" s="14" t="s">
        <v>1</v>
      </c>
      <c r="C28714" s="14" t="s">
        <v>70</v>
      </c>
      <c r="D28714" s="14" t="s">
        <v>181</v>
      </c>
      <c r="E28714" s="15">
        <v>45620</v>
      </c>
      <c r="F28714" s="14" t="s">
        <v>15</v>
      </c>
      <c r="G28714" s="16">
        <v>2.9007432599944698</v>
      </c>
    </row>
    <row r="28715" spans="1:7" x14ac:dyDescent="0.3">
      <c r="A28715" s="13" t="s">
        <v>180</v>
      </c>
      <c r="B28715" s="14" t="s">
        <v>1</v>
      </c>
      <c r="C28715" s="14" t="s">
        <v>70</v>
      </c>
      <c r="D28715" s="14" t="s">
        <v>181</v>
      </c>
      <c r="E28715" s="15">
        <v>45621</v>
      </c>
      <c r="F28715" s="14" t="s">
        <v>15</v>
      </c>
      <c r="G28715" s="16">
        <v>2.9077666553694352</v>
      </c>
    </row>
    <row r="28716" spans="1:7" x14ac:dyDescent="0.3">
      <c r="A28716" s="13" t="s">
        <v>180</v>
      </c>
      <c r="B28716" s="14" t="s">
        <v>1</v>
      </c>
      <c r="C28716" s="14" t="s">
        <v>70</v>
      </c>
      <c r="D28716" s="14" t="s">
        <v>181</v>
      </c>
      <c r="E28716" s="15">
        <v>45622</v>
      </c>
      <c r="F28716" s="14" t="s">
        <v>15</v>
      </c>
      <c r="G28716" s="16">
        <v>2.9377900507444008</v>
      </c>
    </row>
    <row r="28717" spans="1:7" x14ac:dyDescent="0.3">
      <c r="A28717" s="13" t="s">
        <v>180</v>
      </c>
      <c r="B28717" s="14" t="s">
        <v>1</v>
      </c>
      <c r="C28717" s="14" t="s">
        <v>70</v>
      </c>
      <c r="D28717" s="14" t="s">
        <v>181</v>
      </c>
      <c r="E28717" s="15">
        <v>45623</v>
      </c>
      <c r="F28717" s="14" t="s">
        <v>15</v>
      </c>
      <c r="G28717" s="16">
        <v>2.9498134461193661</v>
      </c>
    </row>
    <row r="28718" spans="1:7" x14ac:dyDescent="0.3">
      <c r="A28718" s="13" t="s">
        <v>180</v>
      </c>
      <c r="B28718" s="14" t="s">
        <v>1</v>
      </c>
      <c r="C28718" s="14" t="s">
        <v>70</v>
      </c>
      <c r="D28718" s="14" t="s">
        <v>181</v>
      </c>
      <c r="E28718" s="15">
        <v>45624</v>
      </c>
      <c r="F28718" s="14" t="s">
        <v>15</v>
      </c>
      <c r="G28718" s="16">
        <v>2.9608368414943316</v>
      </c>
    </row>
    <row r="28719" spans="1:7" x14ac:dyDescent="0.3">
      <c r="A28719" s="13" t="s">
        <v>180</v>
      </c>
      <c r="B28719" s="14" t="s">
        <v>1</v>
      </c>
      <c r="C28719" s="14" t="s">
        <v>70</v>
      </c>
      <c r="D28719" s="14" t="s">
        <v>181</v>
      </c>
      <c r="E28719" s="15">
        <v>45625</v>
      </c>
      <c r="F28719" s="14" t="s">
        <v>15</v>
      </c>
      <c r="G28719" s="16">
        <v>2.9678602368692966</v>
      </c>
    </row>
    <row r="28720" spans="1:7" x14ac:dyDescent="0.3">
      <c r="A28720" s="13" t="s">
        <v>180</v>
      </c>
      <c r="B28720" s="14" t="s">
        <v>1</v>
      </c>
      <c r="C28720" s="14" t="s">
        <v>70</v>
      </c>
      <c r="D28720" s="14" t="s">
        <v>181</v>
      </c>
      <c r="E28720" s="15">
        <v>45626</v>
      </c>
      <c r="F28720" s="14" t="s">
        <v>15</v>
      </c>
      <c r="G28720" s="16">
        <v>2.9678602368692966</v>
      </c>
    </row>
    <row r="28721" spans="1:7" x14ac:dyDescent="0.3">
      <c r="A28721" s="13" t="s">
        <v>180</v>
      </c>
      <c r="B28721" s="14" t="s">
        <v>1</v>
      </c>
      <c r="C28721" s="14" t="s">
        <v>70</v>
      </c>
      <c r="D28721" s="14" t="s">
        <v>181</v>
      </c>
      <c r="E28721" s="15">
        <v>45627</v>
      </c>
      <c r="F28721" s="14" t="s">
        <v>15</v>
      </c>
      <c r="G28721" s="16">
        <v>2.9678602368692966</v>
      </c>
    </row>
    <row r="28722" spans="1:7" x14ac:dyDescent="0.3">
      <c r="A28722" s="13" t="s">
        <v>180</v>
      </c>
      <c r="B28722" s="14" t="s">
        <v>1</v>
      </c>
      <c r="C28722" s="14" t="s">
        <v>70</v>
      </c>
      <c r="D28722" s="14" t="s">
        <v>181</v>
      </c>
      <c r="E28722" s="15">
        <v>45628</v>
      </c>
      <c r="F28722" s="14" t="s">
        <v>15</v>
      </c>
      <c r="G28722" s="16">
        <v>2.9828836322442625</v>
      </c>
    </row>
    <row r="28723" spans="1:7" x14ac:dyDescent="0.3">
      <c r="A28723" s="13" t="s">
        <v>180</v>
      </c>
      <c r="B28723" s="14" t="s">
        <v>1</v>
      </c>
      <c r="C28723" s="14" t="s">
        <v>70</v>
      </c>
      <c r="D28723" s="14" t="s">
        <v>181</v>
      </c>
      <c r="E28723" s="15">
        <v>45629</v>
      </c>
      <c r="F28723" s="14" t="s">
        <v>15</v>
      </c>
      <c r="G28723" s="16">
        <v>3.0099070276192275</v>
      </c>
    </row>
    <row r="28724" spans="1:7" x14ac:dyDescent="0.3">
      <c r="A28724" s="13" t="s">
        <v>180</v>
      </c>
      <c r="B28724" s="14" t="s">
        <v>1</v>
      </c>
      <c r="C28724" s="14" t="s">
        <v>70</v>
      </c>
      <c r="D28724" s="14" t="s">
        <v>181</v>
      </c>
      <c r="E28724" s="15">
        <v>45630</v>
      </c>
      <c r="F28724" s="14" t="s">
        <v>15</v>
      </c>
      <c r="G28724" s="16">
        <v>3.019930422994193</v>
      </c>
    </row>
    <row r="28725" spans="1:7" x14ac:dyDescent="0.3">
      <c r="A28725" s="13" t="s">
        <v>180</v>
      </c>
      <c r="B28725" s="14" t="s">
        <v>1</v>
      </c>
      <c r="C28725" s="14" t="s">
        <v>70</v>
      </c>
      <c r="D28725" s="14" t="s">
        <v>181</v>
      </c>
      <c r="E28725" s="15">
        <v>45631</v>
      </c>
      <c r="F28725" s="14" t="s">
        <v>15</v>
      </c>
      <c r="G28725" s="16">
        <v>3.0279538183691583</v>
      </c>
    </row>
    <row r="28726" spans="1:7" x14ac:dyDescent="0.3">
      <c r="A28726" s="13" t="s">
        <v>180</v>
      </c>
      <c r="B28726" s="14" t="s">
        <v>1</v>
      </c>
      <c r="C28726" s="14" t="s">
        <v>70</v>
      </c>
      <c r="D28726" s="14" t="s">
        <v>181</v>
      </c>
      <c r="E28726" s="15">
        <v>45632</v>
      </c>
      <c r="F28726" s="14" t="s">
        <v>15</v>
      </c>
      <c r="G28726" s="16">
        <v>3.0399772137441241</v>
      </c>
    </row>
    <row r="28727" spans="1:7" x14ac:dyDescent="0.3">
      <c r="A28727" s="13" t="s">
        <v>180</v>
      </c>
      <c r="B28727" s="14" t="s">
        <v>1</v>
      </c>
      <c r="C28727" s="14" t="s">
        <v>70</v>
      </c>
      <c r="D28727" s="14" t="s">
        <v>181</v>
      </c>
      <c r="E28727" s="15">
        <v>45633</v>
      </c>
      <c r="F28727" s="14" t="s">
        <v>15</v>
      </c>
      <c r="G28727" s="16">
        <v>3.0399772137441241</v>
      </c>
    </row>
    <row r="28728" spans="1:7" x14ac:dyDescent="0.3">
      <c r="A28728" s="13" t="s">
        <v>180</v>
      </c>
      <c r="B28728" s="14" t="s">
        <v>1</v>
      </c>
      <c r="C28728" s="14" t="s">
        <v>70</v>
      </c>
      <c r="D28728" s="14" t="s">
        <v>181</v>
      </c>
      <c r="E28728" s="15">
        <v>45634</v>
      </c>
      <c r="F28728" s="14" t="s">
        <v>15</v>
      </c>
      <c r="G28728" s="16">
        <v>3.0399772137441241</v>
      </c>
    </row>
    <row r="28729" spans="1:7" x14ac:dyDescent="0.3">
      <c r="A28729" s="13" t="s">
        <v>180</v>
      </c>
      <c r="B28729" s="14" t="s">
        <v>1</v>
      </c>
      <c r="C28729" s="14" t="s">
        <v>70</v>
      </c>
      <c r="D28729" s="14" t="s">
        <v>181</v>
      </c>
      <c r="E28729" s="15">
        <v>45635</v>
      </c>
      <c r="F28729" s="14" t="s">
        <v>15</v>
      </c>
      <c r="G28729" s="16">
        <v>3.0470006091190891</v>
      </c>
    </row>
    <row r="28730" spans="1:7" x14ac:dyDescent="0.3">
      <c r="A28730" s="13" t="s">
        <v>180</v>
      </c>
      <c r="B28730" s="14" t="s">
        <v>1</v>
      </c>
      <c r="C28730" s="14" t="s">
        <v>70</v>
      </c>
      <c r="D28730" s="14" t="s">
        <v>181</v>
      </c>
      <c r="E28730" s="15">
        <v>45636</v>
      </c>
      <c r="F28730" s="14" t="s">
        <v>15</v>
      </c>
      <c r="G28730" s="16">
        <v>3.0730240044940547</v>
      </c>
    </row>
    <row r="28731" spans="1:7" x14ac:dyDescent="0.3">
      <c r="A28731" s="13" t="s">
        <v>180</v>
      </c>
      <c r="B28731" s="14" t="s">
        <v>1</v>
      </c>
      <c r="C28731" s="14" t="s">
        <v>70</v>
      </c>
      <c r="D28731" s="14" t="s">
        <v>181</v>
      </c>
      <c r="E28731" s="15">
        <v>45637</v>
      </c>
      <c r="F28731" s="14" t="s">
        <v>15</v>
      </c>
      <c r="G28731" s="16">
        <v>3.0810473998690204</v>
      </c>
    </row>
    <row r="28732" spans="1:7" x14ac:dyDescent="0.3">
      <c r="A28732" s="13" t="s">
        <v>180</v>
      </c>
      <c r="B28732" s="14" t="s">
        <v>1</v>
      </c>
      <c r="C28732" s="14" t="s">
        <v>70</v>
      </c>
      <c r="D28732" s="14" t="s">
        <v>181</v>
      </c>
      <c r="E28732" s="15">
        <v>45638</v>
      </c>
      <c r="F28732" s="14" t="s">
        <v>15</v>
      </c>
      <c r="G28732" s="16">
        <v>3.0890707952439858</v>
      </c>
    </row>
    <row r="28733" spans="1:7" x14ac:dyDescent="0.3">
      <c r="A28733" s="13" t="s">
        <v>180</v>
      </c>
      <c r="B28733" s="14" t="s">
        <v>1</v>
      </c>
      <c r="C28733" s="14" t="s">
        <v>70</v>
      </c>
      <c r="D28733" s="14" t="s">
        <v>181</v>
      </c>
      <c r="E28733" s="15">
        <v>45639</v>
      </c>
      <c r="F28733" s="14" t="s">
        <v>15</v>
      </c>
      <c r="G28733" s="16">
        <v>3.098094190618951</v>
      </c>
    </row>
    <row r="28734" spans="1:7" x14ac:dyDescent="0.3">
      <c r="A28734" s="13" t="s">
        <v>180</v>
      </c>
      <c r="B28734" s="14" t="s">
        <v>1</v>
      </c>
      <c r="C28734" s="14" t="s">
        <v>70</v>
      </c>
      <c r="D28734" s="14" t="s">
        <v>181</v>
      </c>
      <c r="E28734" s="15">
        <v>45640</v>
      </c>
      <c r="F28734" s="14" t="s">
        <v>15</v>
      </c>
      <c r="G28734" s="16">
        <v>3.098094190618951</v>
      </c>
    </row>
    <row r="28735" spans="1:7" x14ac:dyDescent="0.3">
      <c r="A28735" s="13" t="s">
        <v>180</v>
      </c>
      <c r="B28735" s="14" t="s">
        <v>1</v>
      </c>
      <c r="C28735" s="14" t="s">
        <v>70</v>
      </c>
      <c r="D28735" s="14" t="s">
        <v>181</v>
      </c>
      <c r="E28735" s="15">
        <v>45641</v>
      </c>
      <c r="F28735" s="14" t="s">
        <v>15</v>
      </c>
      <c r="G28735" s="16">
        <v>3.098094190618951</v>
      </c>
    </row>
    <row r="28736" spans="1:7" x14ac:dyDescent="0.3">
      <c r="A28736" s="13" t="s">
        <v>180</v>
      </c>
      <c r="B28736" s="14" t="s">
        <v>1</v>
      </c>
      <c r="C28736" s="14" t="s">
        <v>70</v>
      </c>
      <c r="D28736" s="14" t="s">
        <v>181</v>
      </c>
      <c r="E28736" s="15">
        <v>45642</v>
      </c>
      <c r="F28736" s="14" t="s">
        <v>15</v>
      </c>
      <c r="G28736" s="16">
        <v>3.1081175859939165</v>
      </c>
    </row>
    <row r="28737" spans="1:7" x14ac:dyDescent="0.3">
      <c r="A28737" s="13" t="s">
        <v>180</v>
      </c>
      <c r="B28737" s="14" t="s">
        <v>1</v>
      </c>
      <c r="C28737" s="14" t="s">
        <v>70</v>
      </c>
      <c r="D28737" s="14" t="s">
        <v>181</v>
      </c>
      <c r="E28737" s="15">
        <v>45643</v>
      </c>
      <c r="F28737" s="14" t="s">
        <v>15</v>
      </c>
      <c r="G28737" s="16">
        <v>3.1341409813688821</v>
      </c>
    </row>
    <row r="28738" spans="1:7" x14ac:dyDescent="0.3">
      <c r="A28738" s="13" t="s">
        <v>180</v>
      </c>
      <c r="B28738" s="14" t="s">
        <v>1</v>
      </c>
      <c r="C28738" s="14" t="s">
        <v>70</v>
      </c>
      <c r="D28738" s="14" t="s">
        <v>181</v>
      </c>
      <c r="E28738" s="15">
        <v>45644</v>
      </c>
      <c r="F28738" s="14" t="s">
        <v>15</v>
      </c>
      <c r="G28738" s="16">
        <v>3.1411643767438475</v>
      </c>
    </row>
    <row r="28739" spans="1:7" x14ac:dyDescent="0.3">
      <c r="A28739" s="13" t="s">
        <v>180</v>
      </c>
      <c r="B28739" s="14" t="s">
        <v>1</v>
      </c>
      <c r="C28739" s="14" t="s">
        <v>70</v>
      </c>
      <c r="D28739" s="14" t="s">
        <v>181</v>
      </c>
      <c r="E28739" s="15">
        <v>45645</v>
      </c>
      <c r="F28739" s="14" t="s">
        <v>15</v>
      </c>
      <c r="G28739" s="16">
        <v>3.1481877721188125</v>
      </c>
    </row>
    <row r="28740" spans="1:7" x14ac:dyDescent="0.3">
      <c r="A28740" s="13" t="s">
        <v>180</v>
      </c>
      <c r="B28740" s="14" t="s">
        <v>1</v>
      </c>
      <c r="C28740" s="14" t="s">
        <v>70</v>
      </c>
      <c r="D28740" s="14" t="s">
        <v>181</v>
      </c>
      <c r="E28740" s="15">
        <v>45646</v>
      </c>
      <c r="F28740" s="14" t="s">
        <v>15</v>
      </c>
      <c r="G28740" s="16">
        <v>3.1582111674937781</v>
      </c>
    </row>
    <row r="28741" spans="1:7" x14ac:dyDescent="0.3">
      <c r="A28741" s="13" t="s">
        <v>180</v>
      </c>
      <c r="B28741" s="14" t="s">
        <v>1</v>
      </c>
      <c r="C28741" s="14" t="s">
        <v>70</v>
      </c>
      <c r="D28741" s="14" t="s">
        <v>181</v>
      </c>
      <c r="E28741" s="15">
        <v>45647</v>
      </c>
      <c r="F28741" s="14" t="s">
        <v>15</v>
      </c>
      <c r="G28741" s="16">
        <v>3.1582111674937781</v>
      </c>
    </row>
    <row r="28742" spans="1:7" x14ac:dyDescent="0.3">
      <c r="A28742" s="13" t="s">
        <v>180</v>
      </c>
      <c r="B28742" s="14" t="s">
        <v>1</v>
      </c>
      <c r="C28742" s="14" t="s">
        <v>70</v>
      </c>
      <c r="D28742" s="14" t="s">
        <v>181</v>
      </c>
      <c r="E28742" s="15">
        <v>45648</v>
      </c>
      <c r="F28742" s="14" t="s">
        <v>15</v>
      </c>
      <c r="G28742" s="16">
        <v>3.1582111674937781</v>
      </c>
    </row>
    <row r="28743" spans="1:7" x14ac:dyDescent="0.3">
      <c r="A28743" s="13" t="s">
        <v>180</v>
      </c>
      <c r="B28743" s="14" t="s">
        <v>1</v>
      </c>
      <c r="C28743" s="14" t="s">
        <v>70</v>
      </c>
      <c r="D28743" s="14" t="s">
        <v>181</v>
      </c>
      <c r="E28743" s="15">
        <v>45649</v>
      </c>
      <c r="F28743" s="14" t="s">
        <v>15</v>
      </c>
      <c r="G28743" s="16">
        <v>3.1652345628687435</v>
      </c>
    </row>
    <row r="28744" spans="1:7" x14ac:dyDescent="0.3">
      <c r="A28744" s="13" t="s">
        <v>180</v>
      </c>
      <c r="B28744" s="14" t="s">
        <v>1</v>
      </c>
      <c r="C28744" s="14" t="s">
        <v>70</v>
      </c>
      <c r="D28744" s="14" t="s">
        <v>181</v>
      </c>
      <c r="E28744" s="15">
        <v>45650</v>
      </c>
      <c r="F28744" s="14" t="s">
        <v>15</v>
      </c>
      <c r="G28744" s="16">
        <v>3.1872579582437091</v>
      </c>
    </row>
    <row r="28745" spans="1:7" x14ac:dyDescent="0.3">
      <c r="A28745" s="13" t="s">
        <v>180</v>
      </c>
      <c r="B28745" s="14" t="s">
        <v>1</v>
      </c>
      <c r="C28745" s="14" t="s">
        <v>70</v>
      </c>
      <c r="D28745" s="14" t="s">
        <v>181</v>
      </c>
      <c r="E28745" s="15">
        <v>45651</v>
      </c>
      <c r="F28745" s="14" t="s">
        <v>15</v>
      </c>
      <c r="G28745" s="16">
        <v>3.1872579582437091</v>
      </c>
    </row>
    <row r="28746" spans="1:7" x14ac:dyDescent="0.3">
      <c r="A28746" s="13" t="s">
        <v>180</v>
      </c>
      <c r="B28746" s="14" t="s">
        <v>1</v>
      </c>
      <c r="C28746" s="14" t="s">
        <v>70</v>
      </c>
      <c r="D28746" s="14" t="s">
        <v>181</v>
      </c>
      <c r="E28746" s="15">
        <v>45652</v>
      </c>
      <c r="F28746" s="14" t="s">
        <v>15</v>
      </c>
      <c r="G28746" s="16">
        <v>3.1872579582437091</v>
      </c>
    </row>
    <row r="28747" spans="1:7" x14ac:dyDescent="0.3">
      <c r="A28747" s="13" t="s">
        <v>180</v>
      </c>
      <c r="B28747" s="14" t="s">
        <v>1</v>
      </c>
      <c r="C28747" s="14" t="s">
        <v>70</v>
      </c>
      <c r="D28747" s="14" t="s">
        <v>181</v>
      </c>
      <c r="E28747" s="15">
        <v>45653</v>
      </c>
      <c r="F28747" s="14" t="s">
        <v>15</v>
      </c>
      <c r="G28747" s="16">
        <v>3.1872579582437091</v>
      </c>
    </row>
    <row r="28748" spans="1:7" x14ac:dyDescent="0.3">
      <c r="A28748" s="13" t="s">
        <v>180</v>
      </c>
      <c r="B28748" s="14" t="s">
        <v>1</v>
      </c>
      <c r="C28748" s="14" t="s">
        <v>70</v>
      </c>
      <c r="D28748" s="14" t="s">
        <v>181</v>
      </c>
      <c r="E28748" s="15">
        <v>45654</v>
      </c>
      <c r="F28748" s="14" t="s">
        <v>15</v>
      </c>
      <c r="G28748" s="16">
        <v>3.1872579582437091</v>
      </c>
    </row>
    <row r="28749" spans="1:7" x14ac:dyDescent="0.3">
      <c r="A28749" s="13" t="s">
        <v>180</v>
      </c>
      <c r="B28749" s="14" t="s">
        <v>1</v>
      </c>
      <c r="C28749" s="14" t="s">
        <v>70</v>
      </c>
      <c r="D28749" s="14" t="s">
        <v>181</v>
      </c>
      <c r="E28749" s="15">
        <v>45655</v>
      </c>
      <c r="F28749" s="14" t="s">
        <v>15</v>
      </c>
      <c r="G28749" s="16">
        <v>3.1872579582437091</v>
      </c>
    </row>
    <row r="28750" spans="1:7" x14ac:dyDescent="0.3">
      <c r="A28750" s="13" t="s">
        <v>180</v>
      </c>
      <c r="B28750" s="14" t="s">
        <v>1</v>
      </c>
      <c r="C28750" s="14" t="s">
        <v>70</v>
      </c>
      <c r="D28750" s="14" t="s">
        <v>181</v>
      </c>
      <c r="E28750" s="15">
        <v>45656</v>
      </c>
      <c r="F28750" s="14" t="s">
        <v>15</v>
      </c>
      <c r="G28750" s="16">
        <v>3.1942813536186745</v>
      </c>
    </row>
    <row r="28751" spans="1:7" x14ac:dyDescent="0.3">
      <c r="A28751" s="13" t="s">
        <v>180</v>
      </c>
      <c r="B28751" s="14" t="s">
        <v>1</v>
      </c>
      <c r="C28751" s="14" t="s">
        <v>70</v>
      </c>
      <c r="D28751" s="14" t="s">
        <v>181</v>
      </c>
      <c r="E28751" s="15">
        <v>45657</v>
      </c>
      <c r="F28751" s="14" t="s">
        <v>15</v>
      </c>
      <c r="G28751" s="16">
        <v>3.2373047489936395</v>
      </c>
    </row>
    <row r="28752" spans="1:7" x14ac:dyDescent="0.3">
      <c r="A28752" s="13" t="s">
        <v>180</v>
      </c>
      <c r="B28752" s="14" t="s">
        <v>1</v>
      </c>
      <c r="C28752" s="14" t="s">
        <v>70</v>
      </c>
      <c r="D28752" s="14" t="s">
        <v>181</v>
      </c>
      <c r="E28752" s="15">
        <v>45658</v>
      </c>
      <c r="F28752" s="14" t="s">
        <v>15</v>
      </c>
      <c r="G28752" s="16">
        <v>3.2373047489936395</v>
      </c>
    </row>
    <row r="28753" spans="1:7" x14ac:dyDescent="0.3">
      <c r="A28753" s="13" t="s">
        <v>180</v>
      </c>
      <c r="B28753" s="14" t="s">
        <v>1</v>
      </c>
      <c r="C28753" s="14" t="s">
        <v>70</v>
      </c>
      <c r="D28753" s="14" t="s">
        <v>181</v>
      </c>
      <c r="E28753" s="15">
        <v>45659</v>
      </c>
      <c r="F28753" s="14" t="s">
        <v>15</v>
      </c>
      <c r="G28753" s="16">
        <v>3.2373047489936395</v>
      </c>
    </row>
    <row r="28754" spans="1:7" x14ac:dyDescent="0.3">
      <c r="A28754" s="13" t="s">
        <v>180</v>
      </c>
      <c r="B28754" s="14" t="s">
        <v>1</v>
      </c>
      <c r="C28754" s="14" t="s">
        <v>70</v>
      </c>
      <c r="D28754" s="14" t="s">
        <v>181</v>
      </c>
      <c r="E28754" s="15">
        <v>45660</v>
      </c>
      <c r="F28754" s="14" t="s">
        <v>15</v>
      </c>
      <c r="G28754" s="16">
        <v>3.2513281443686055</v>
      </c>
    </row>
    <row r="28755" spans="1:7" x14ac:dyDescent="0.3">
      <c r="A28755" s="13" t="s">
        <v>180</v>
      </c>
      <c r="B28755" s="14" t="s">
        <v>1</v>
      </c>
      <c r="C28755" s="14" t="s">
        <v>70</v>
      </c>
      <c r="D28755" s="14" t="s">
        <v>181</v>
      </c>
      <c r="E28755" s="15">
        <v>45661</v>
      </c>
      <c r="F28755" s="14" t="s">
        <v>15</v>
      </c>
      <c r="G28755" s="16">
        <v>3.2513281443686055</v>
      </c>
    </row>
    <row r="28756" spans="1:7" x14ac:dyDescent="0.3">
      <c r="A28756" s="13" t="s">
        <v>180</v>
      </c>
      <c r="B28756" s="14" t="s">
        <v>1</v>
      </c>
      <c r="C28756" s="14" t="s">
        <v>70</v>
      </c>
      <c r="D28756" s="14" t="s">
        <v>181</v>
      </c>
      <c r="E28756" s="15">
        <v>45662</v>
      </c>
      <c r="F28756" s="14" t="s">
        <v>15</v>
      </c>
      <c r="G28756" s="16">
        <v>3.2513281443686055</v>
      </c>
    </row>
    <row r="28757" spans="1:7" x14ac:dyDescent="0.3">
      <c r="A28757" s="13" t="s">
        <v>180</v>
      </c>
      <c r="B28757" s="14" t="s">
        <v>1</v>
      </c>
      <c r="C28757" s="14" t="s">
        <v>70</v>
      </c>
      <c r="D28757" s="14" t="s">
        <v>181</v>
      </c>
      <c r="E28757" s="15">
        <v>45663</v>
      </c>
      <c r="F28757" s="14" t="s">
        <v>15</v>
      </c>
      <c r="G28757" s="16">
        <v>3.2883515397435708</v>
      </c>
    </row>
    <row r="28758" spans="1:7" x14ac:dyDescent="0.3">
      <c r="A28758" s="13" t="s">
        <v>180</v>
      </c>
      <c r="B28758" s="14" t="s">
        <v>1</v>
      </c>
      <c r="C28758" s="14" t="s">
        <v>70</v>
      </c>
      <c r="D28758" s="14" t="s">
        <v>181</v>
      </c>
      <c r="E28758" s="15">
        <v>45664</v>
      </c>
      <c r="F28758" s="14" t="s">
        <v>15</v>
      </c>
      <c r="G28758" s="16">
        <v>3.3173749351185364</v>
      </c>
    </row>
    <row r="28759" spans="1:7" x14ac:dyDescent="0.3">
      <c r="A28759" s="13" t="s">
        <v>180</v>
      </c>
      <c r="B28759" s="14" t="s">
        <v>1</v>
      </c>
      <c r="C28759" s="14" t="s">
        <v>70</v>
      </c>
      <c r="D28759" s="14" t="s">
        <v>181</v>
      </c>
      <c r="E28759" s="15">
        <v>45665</v>
      </c>
      <c r="F28759" s="14" t="s">
        <v>15</v>
      </c>
      <c r="G28759" s="16">
        <v>3.3243983304935023</v>
      </c>
    </row>
    <row r="28760" spans="1:7" x14ac:dyDescent="0.3">
      <c r="A28760" s="13" t="s">
        <v>180</v>
      </c>
      <c r="B28760" s="14" t="s">
        <v>1</v>
      </c>
      <c r="C28760" s="14" t="s">
        <v>70</v>
      </c>
      <c r="D28760" s="14" t="s">
        <v>181</v>
      </c>
      <c r="E28760" s="15">
        <v>45666</v>
      </c>
      <c r="F28760" s="14" t="s">
        <v>15</v>
      </c>
      <c r="G28760" s="16">
        <v>3.3404217258684676</v>
      </c>
    </row>
    <row r="28761" spans="1:7" x14ac:dyDescent="0.3">
      <c r="A28761" s="13" t="s">
        <v>180</v>
      </c>
      <c r="B28761" s="14" t="s">
        <v>1</v>
      </c>
      <c r="C28761" s="14" t="s">
        <v>70</v>
      </c>
      <c r="D28761" s="14" t="s">
        <v>181</v>
      </c>
      <c r="E28761" s="15">
        <v>45667</v>
      </c>
      <c r="F28761" s="14" t="s">
        <v>15</v>
      </c>
      <c r="G28761" s="16">
        <v>3.3474451212434331</v>
      </c>
    </row>
    <row r="28762" spans="1:7" x14ac:dyDescent="0.3">
      <c r="A28762" s="13" t="s">
        <v>180</v>
      </c>
      <c r="B28762" s="14" t="s">
        <v>1</v>
      </c>
      <c r="C28762" s="14" t="s">
        <v>70</v>
      </c>
      <c r="D28762" s="14" t="s">
        <v>181</v>
      </c>
      <c r="E28762" s="15">
        <v>45668</v>
      </c>
      <c r="F28762" s="14" t="s">
        <v>15</v>
      </c>
      <c r="G28762" s="16">
        <v>3.3474451212434331</v>
      </c>
    </row>
    <row r="28763" spans="1:7" x14ac:dyDescent="0.3">
      <c r="A28763" s="13" t="s">
        <v>180</v>
      </c>
      <c r="B28763" s="14" t="s">
        <v>1</v>
      </c>
      <c r="C28763" s="14" t="s">
        <v>70</v>
      </c>
      <c r="D28763" s="14" t="s">
        <v>181</v>
      </c>
      <c r="E28763" s="15">
        <v>45669</v>
      </c>
      <c r="F28763" s="14" t="s">
        <v>15</v>
      </c>
      <c r="G28763" s="16">
        <v>3.3474451212434331</v>
      </c>
    </row>
    <row r="28764" spans="1:7" x14ac:dyDescent="0.3">
      <c r="A28764" s="13" t="s">
        <v>180</v>
      </c>
      <c r="B28764" s="14" t="s">
        <v>1</v>
      </c>
      <c r="C28764" s="14" t="s">
        <v>70</v>
      </c>
      <c r="D28764" s="14" t="s">
        <v>181</v>
      </c>
      <c r="E28764" s="15">
        <v>45670</v>
      </c>
      <c r="F28764" s="14" t="s">
        <v>15</v>
      </c>
      <c r="G28764" s="16">
        <v>3.3694685166183986</v>
      </c>
    </row>
    <row r="28765" spans="1:7" x14ac:dyDescent="0.3">
      <c r="A28765" s="13" t="s">
        <v>180</v>
      </c>
      <c r="B28765" s="14" t="s">
        <v>1</v>
      </c>
      <c r="C28765" s="14" t="s">
        <v>70</v>
      </c>
      <c r="D28765" s="14" t="s">
        <v>181</v>
      </c>
      <c r="E28765" s="15">
        <v>45671</v>
      </c>
      <c r="F28765" s="14" t="s">
        <v>15</v>
      </c>
      <c r="G28765" s="16">
        <v>3.3914919119933642</v>
      </c>
    </row>
    <row r="28766" spans="1:7" x14ac:dyDescent="0.3">
      <c r="A28766" s="13" t="s">
        <v>180</v>
      </c>
      <c r="B28766" s="14" t="s">
        <v>1</v>
      </c>
      <c r="C28766" s="14" t="s">
        <v>70</v>
      </c>
      <c r="D28766" s="14" t="s">
        <v>181</v>
      </c>
      <c r="E28766" s="15">
        <v>45672</v>
      </c>
      <c r="F28766" s="14" t="s">
        <v>15</v>
      </c>
      <c r="G28766" s="16">
        <v>3.3985153073683301</v>
      </c>
    </row>
    <row r="28767" spans="1:7" x14ac:dyDescent="0.3">
      <c r="A28767" s="13" t="s">
        <v>180</v>
      </c>
      <c r="B28767" s="14" t="s">
        <v>1</v>
      </c>
      <c r="C28767" s="14" t="s">
        <v>70</v>
      </c>
      <c r="D28767" s="14" t="s">
        <v>181</v>
      </c>
      <c r="E28767" s="15">
        <v>45673</v>
      </c>
      <c r="F28767" s="14" t="s">
        <v>15</v>
      </c>
      <c r="G28767" s="16">
        <v>3.4095387027432955</v>
      </c>
    </row>
    <row r="28768" spans="1:7" x14ac:dyDescent="0.3">
      <c r="A28768" s="13" t="s">
        <v>180</v>
      </c>
      <c r="B28768" s="14" t="s">
        <v>1</v>
      </c>
      <c r="C28768" s="14" t="s">
        <v>70</v>
      </c>
      <c r="D28768" s="14" t="s">
        <v>181</v>
      </c>
      <c r="E28768" s="15">
        <v>45674</v>
      </c>
      <c r="F28768" s="14" t="s">
        <v>15</v>
      </c>
      <c r="G28768" s="16">
        <v>3.4155620981182606</v>
      </c>
    </row>
    <row r="28769" spans="1:7" x14ac:dyDescent="0.3">
      <c r="A28769" s="13" t="s">
        <v>180</v>
      </c>
      <c r="B28769" s="14" t="s">
        <v>1</v>
      </c>
      <c r="C28769" s="14" t="s">
        <v>70</v>
      </c>
      <c r="D28769" s="14" t="s">
        <v>181</v>
      </c>
      <c r="E28769" s="15">
        <v>45675</v>
      </c>
      <c r="F28769" s="14" t="s">
        <v>15</v>
      </c>
      <c r="G28769" s="16">
        <v>3.4155620981182606</v>
      </c>
    </row>
    <row r="28770" spans="1:7" x14ac:dyDescent="0.3">
      <c r="A28770" s="13" t="s">
        <v>180</v>
      </c>
      <c r="B28770" s="14" t="s">
        <v>1</v>
      </c>
      <c r="C28770" s="14" t="s">
        <v>70</v>
      </c>
      <c r="D28770" s="14" t="s">
        <v>181</v>
      </c>
      <c r="E28770" s="15">
        <v>45676</v>
      </c>
      <c r="F28770" s="14" t="s">
        <v>15</v>
      </c>
      <c r="G28770" s="16">
        <v>3.4155620981182606</v>
      </c>
    </row>
    <row r="28771" spans="1:7" x14ac:dyDescent="0.3">
      <c r="A28771" s="13" t="s">
        <v>180</v>
      </c>
      <c r="B28771" s="14" t="s">
        <v>1</v>
      </c>
      <c r="C28771" s="14" t="s">
        <v>70</v>
      </c>
      <c r="D28771" s="14" t="s">
        <v>181</v>
      </c>
      <c r="E28771" s="15">
        <v>45677</v>
      </c>
      <c r="F28771" s="14" t="s">
        <v>15</v>
      </c>
      <c r="G28771" s="16">
        <v>3.4275854934932264</v>
      </c>
    </row>
    <row r="28772" spans="1:7" x14ac:dyDescent="0.3">
      <c r="A28772" s="13" t="s">
        <v>180</v>
      </c>
      <c r="B28772" s="14" t="s">
        <v>1</v>
      </c>
      <c r="C28772" s="14" t="s">
        <v>70</v>
      </c>
      <c r="D28772" s="14" t="s">
        <v>181</v>
      </c>
      <c r="E28772" s="15">
        <v>45678</v>
      </c>
      <c r="F28772" s="14" t="s">
        <v>15</v>
      </c>
      <c r="G28772" s="16">
        <v>3.4666088888681919</v>
      </c>
    </row>
    <row r="28773" spans="1:7" x14ac:dyDescent="0.3">
      <c r="A28773" s="13" t="s">
        <v>180</v>
      </c>
      <c r="B28773" s="14" t="s">
        <v>1</v>
      </c>
      <c r="C28773" s="14" t="s">
        <v>70</v>
      </c>
      <c r="D28773" s="14" t="s">
        <v>181</v>
      </c>
      <c r="E28773" s="15">
        <v>45679</v>
      </c>
      <c r="F28773" s="14" t="s">
        <v>15</v>
      </c>
      <c r="G28773" s="16">
        <v>3.4736322842431577</v>
      </c>
    </row>
    <row r="28774" spans="1:7" x14ac:dyDescent="0.3">
      <c r="A28774" s="13" t="s">
        <v>180</v>
      </c>
      <c r="B28774" s="14" t="s">
        <v>1</v>
      </c>
      <c r="C28774" s="14" t="s">
        <v>70</v>
      </c>
      <c r="D28774" s="14" t="s">
        <v>181</v>
      </c>
      <c r="E28774" s="15">
        <v>45680</v>
      </c>
      <c r="F28774" s="14" t="s">
        <v>15</v>
      </c>
      <c r="G28774" s="16">
        <v>3.4806556796181232</v>
      </c>
    </row>
    <row r="28775" spans="1:7" x14ac:dyDescent="0.3">
      <c r="A28775" s="13" t="s">
        <v>180</v>
      </c>
      <c r="B28775" s="14" t="s">
        <v>1</v>
      </c>
      <c r="C28775" s="14" t="s">
        <v>70</v>
      </c>
      <c r="D28775" s="14" t="s">
        <v>181</v>
      </c>
      <c r="E28775" s="15">
        <v>45681</v>
      </c>
      <c r="F28775" s="14" t="s">
        <v>15</v>
      </c>
      <c r="G28775" s="16">
        <v>3.487679074993089</v>
      </c>
    </row>
    <row r="28776" spans="1:7" x14ac:dyDescent="0.3">
      <c r="A28776" s="13" t="s">
        <v>180</v>
      </c>
      <c r="B28776" s="14" t="s">
        <v>1</v>
      </c>
      <c r="C28776" s="14" t="s">
        <v>70</v>
      </c>
      <c r="D28776" s="14" t="s">
        <v>181</v>
      </c>
      <c r="E28776" s="15">
        <v>45682</v>
      </c>
      <c r="F28776" s="14" t="s">
        <v>15</v>
      </c>
      <c r="G28776" s="16">
        <v>3.487679074993089</v>
      </c>
    </row>
    <row r="28777" spans="1:7" x14ac:dyDescent="0.3">
      <c r="A28777" s="13" t="s">
        <v>180</v>
      </c>
      <c r="B28777" s="14" t="s">
        <v>1</v>
      </c>
      <c r="C28777" s="14" t="s">
        <v>70</v>
      </c>
      <c r="D28777" s="14" t="s">
        <v>181</v>
      </c>
      <c r="E28777" s="15">
        <v>45683</v>
      </c>
      <c r="F28777" s="14" t="s">
        <v>15</v>
      </c>
      <c r="G28777" s="16">
        <v>3.487679074993089</v>
      </c>
    </row>
    <row r="28778" spans="1:7" x14ac:dyDescent="0.3">
      <c r="A28778" s="13" t="s">
        <v>180</v>
      </c>
      <c r="B28778" s="14" t="s">
        <v>1</v>
      </c>
      <c r="C28778" s="14" t="s">
        <v>70</v>
      </c>
      <c r="D28778" s="14" t="s">
        <v>181</v>
      </c>
      <c r="E28778" s="15">
        <v>45684</v>
      </c>
      <c r="F28778" s="14" t="s">
        <v>15</v>
      </c>
      <c r="G28778" s="16">
        <v>3.5007024703680543</v>
      </c>
    </row>
    <row r="28779" spans="1:7" x14ac:dyDescent="0.3">
      <c r="A28779" s="13" t="s">
        <v>180</v>
      </c>
      <c r="B28779" s="14" t="s">
        <v>1</v>
      </c>
      <c r="C28779" s="14" t="s">
        <v>70</v>
      </c>
      <c r="D28779" s="14" t="s">
        <v>181</v>
      </c>
      <c r="E28779" s="15">
        <v>45685</v>
      </c>
      <c r="F28779" s="14" t="s">
        <v>15</v>
      </c>
      <c r="G28779" s="16">
        <v>3.5197258657430197</v>
      </c>
    </row>
    <row r="28780" spans="1:7" x14ac:dyDescent="0.3">
      <c r="A28780" s="13" t="s">
        <v>180</v>
      </c>
      <c r="B28780" s="14" t="s">
        <v>1</v>
      </c>
      <c r="C28780" s="14" t="s">
        <v>70</v>
      </c>
      <c r="D28780" s="14" t="s">
        <v>181</v>
      </c>
      <c r="E28780" s="15">
        <v>45686</v>
      </c>
      <c r="F28780" s="14" t="s">
        <v>15</v>
      </c>
      <c r="G28780" s="16">
        <v>3.5267492611179856</v>
      </c>
    </row>
    <row r="28781" spans="1:7" x14ac:dyDescent="0.3">
      <c r="A28781" s="13" t="s">
        <v>180</v>
      </c>
      <c r="B28781" s="14" t="s">
        <v>1</v>
      </c>
      <c r="C28781" s="14" t="s">
        <v>70</v>
      </c>
      <c r="D28781" s="14" t="s">
        <v>181</v>
      </c>
      <c r="E28781" s="15">
        <v>45687</v>
      </c>
      <c r="F28781" s="14" t="s">
        <v>15</v>
      </c>
      <c r="G28781" s="16">
        <v>3.5347726564929509</v>
      </c>
    </row>
    <row r="28782" spans="1:7" x14ac:dyDescent="0.3">
      <c r="A28782" s="13" t="s">
        <v>180</v>
      </c>
      <c r="B28782" s="14" t="s">
        <v>1</v>
      </c>
      <c r="C28782" s="14" t="s">
        <v>70</v>
      </c>
      <c r="D28782" s="14" t="s">
        <v>181</v>
      </c>
      <c r="E28782" s="15">
        <v>45688</v>
      </c>
      <c r="F28782" s="14" t="s">
        <v>15</v>
      </c>
      <c r="G28782" s="16">
        <v>3.5417960518679168</v>
      </c>
    </row>
    <row r="28783" spans="1:7" x14ac:dyDescent="0.3">
      <c r="A28783" s="13" t="s">
        <v>180</v>
      </c>
      <c r="B28783" s="14" t="s">
        <v>1</v>
      </c>
      <c r="C28783" s="14" t="s">
        <v>70</v>
      </c>
      <c r="D28783" s="14" t="s">
        <v>181</v>
      </c>
      <c r="E28783" s="15">
        <v>45689</v>
      </c>
      <c r="F28783" s="14" t="s">
        <v>15</v>
      </c>
      <c r="G28783" s="16">
        <v>3.5417960518679168</v>
      </c>
    </row>
    <row r="28784" spans="1:7" x14ac:dyDescent="0.3">
      <c r="A28784" s="13" t="s">
        <v>180</v>
      </c>
      <c r="B28784" s="14" t="s">
        <v>1</v>
      </c>
      <c r="C28784" s="14" t="s">
        <v>70</v>
      </c>
      <c r="D28784" s="14" t="s">
        <v>181</v>
      </c>
      <c r="E28784" s="15">
        <v>45690</v>
      </c>
      <c r="F28784" s="14" t="s">
        <v>15</v>
      </c>
      <c r="G28784" s="16">
        <v>3.5417960518679168</v>
      </c>
    </row>
    <row r="28785" spans="1:7" x14ac:dyDescent="0.3">
      <c r="A28785" s="13" t="s">
        <v>180</v>
      </c>
      <c r="B28785" s="14" t="s">
        <v>1</v>
      </c>
      <c r="C28785" s="14" t="s">
        <v>70</v>
      </c>
      <c r="D28785" s="14" t="s">
        <v>181</v>
      </c>
      <c r="E28785" s="15">
        <v>45691</v>
      </c>
      <c r="F28785" s="14" t="s">
        <v>15</v>
      </c>
      <c r="G28785" s="16">
        <v>3.5417960518679168</v>
      </c>
    </row>
    <row r="28786" spans="1:7" x14ac:dyDescent="0.3">
      <c r="A28786" s="13" t="s">
        <v>180</v>
      </c>
      <c r="B28786" s="14" t="s">
        <v>1</v>
      </c>
      <c r="C28786" s="14" t="s">
        <v>70</v>
      </c>
      <c r="D28786" s="14" t="s">
        <v>181</v>
      </c>
      <c r="E28786" s="15">
        <v>45692</v>
      </c>
      <c r="F28786" s="14" t="s">
        <v>15</v>
      </c>
      <c r="G28786" s="16">
        <v>3.550819447242882</v>
      </c>
    </row>
    <row r="28787" spans="1:7" x14ac:dyDescent="0.3">
      <c r="A28787" s="13" t="s">
        <v>180</v>
      </c>
      <c r="B28787" s="14" t="s">
        <v>1</v>
      </c>
      <c r="C28787" s="14" t="s">
        <v>70</v>
      </c>
      <c r="D28787" s="14" t="s">
        <v>181</v>
      </c>
      <c r="E28787" s="15">
        <v>45693</v>
      </c>
      <c r="F28787" s="14" t="s">
        <v>15</v>
      </c>
      <c r="G28787" s="16">
        <v>3.5748428426178469</v>
      </c>
    </row>
    <row r="28788" spans="1:7" x14ac:dyDescent="0.3">
      <c r="A28788" s="13" t="s">
        <v>180</v>
      </c>
      <c r="B28788" s="14" t="s">
        <v>1</v>
      </c>
      <c r="C28788" s="14" t="s">
        <v>70</v>
      </c>
      <c r="D28788" s="14" t="s">
        <v>181</v>
      </c>
      <c r="E28788" s="15">
        <v>45694</v>
      </c>
      <c r="F28788" s="14" t="s">
        <v>15</v>
      </c>
      <c r="G28788" s="16">
        <v>3.5818662379928128</v>
      </c>
    </row>
    <row r="28789" spans="1:7" x14ac:dyDescent="0.3">
      <c r="A28789" s="13" t="s">
        <v>180</v>
      </c>
      <c r="B28789" s="14" t="s">
        <v>1</v>
      </c>
      <c r="C28789" s="14" t="s">
        <v>70</v>
      </c>
      <c r="D28789" s="14" t="s">
        <v>181</v>
      </c>
      <c r="E28789" s="15">
        <v>45695</v>
      </c>
      <c r="F28789" s="14" t="s">
        <v>15</v>
      </c>
      <c r="G28789" s="16">
        <v>3.5918896333677779</v>
      </c>
    </row>
    <row r="28790" spans="1:7" x14ac:dyDescent="0.3">
      <c r="A28790" s="13" t="s">
        <v>180</v>
      </c>
      <c r="B28790" s="14" t="s">
        <v>1</v>
      </c>
      <c r="C28790" s="14" t="s">
        <v>70</v>
      </c>
      <c r="D28790" s="14" t="s">
        <v>181</v>
      </c>
      <c r="E28790" s="15">
        <v>45696</v>
      </c>
      <c r="F28790" s="14" t="s">
        <v>15</v>
      </c>
      <c r="G28790" s="16">
        <v>3.5918896333677779</v>
      </c>
    </row>
    <row r="28791" spans="1:7" x14ac:dyDescent="0.3">
      <c r="A28791" s="13" t="s">
        <v>180</v>
      </c>
      <c r="B28791" s="14" t="s">
        <v>1</v>
      </c>
      <c r="C28791" s="14" t="s">
        <v>70</v>
      </c>
      <c r="D28791" s="14" t="s">
        <v>181</v>
      </c>
      <c r="E28791" s="15">
        <v>45697</v>
      </c>
      <c r="F28791" s="14" t="s">
        <v>15</v>
      </c>
      <c r="G28791" s="16">
        <v>3.5918896333677779</v>
      </c>
    </row>
    <row r="28792" spans="1:7" x14ac:dyDescent="0.3">
      <c r="A28792" s="13" t="s">
        <v>180</v>
      </c>
      <c r="B28792" s="14" t="s">
        <v>1</v>
      </c>
      <c r="C28792" s="14" t="s">
        <v>70</v>
      </c>
      <c r="D28792" s="14" t="s">
        <v>181</v>
      </c>
      <c r="E28792" s="15">
        <v>45698</v>
      </c>
      <c r="F28792" s="14" t="s">
        <v>15</v>
      </c>
      <c r="G28792" s="16">
        <v>3.5989130287427438</v>
      </c>
    </row>
    <row r="28793" spans="1:7" x14ac:dyDescent="0.3">
      <c r="A28793" s="13" t="s">
        <v>180</v>
      </c>
      <c r="B28793" s="14" t="s">
        <v>1</v>
      </c>
      <c r="C28793" s="14" t="s">
        <v>70</v>
      </c>
      <c r="D28793" s="14" t="s">
        <v>181</v>
      </c>
      <c r="E28793" s="15">
        <v>45699</v>
      </c>
      <c r="F28793" s="14" t="s">
        <v>15</v>
      </c>
      <c r="G28793" s="16">
        <v>3.6209364241177093</v>
      </c>
    </row>
    <row r="28794" spans="1:7" x14ac:dyDescent="0.3">
      <c r="A28794" s="13" t="s">
        <v>180</v>
      </c>
      <c r="B28794" s="14" t="s">
        <v>1</v>
      </c>
      <c r="C28794" s="14" t="s">
        <v>70</v>
      </c>
      <c r="D28794" s="14" t="s">
        <v>181</v>
      </c>
      <c r="E28794" s="15">
        <v>45700</v>
      </c>
      <c r="F28794" s="14" t="s">
        <v>15</v>
      </c>
      <c r="G28794" s="16">
        <v>3.6279598194926748</v>
      </c>
    </row>
    <row r="28795" spans="1:7" x14ac:dyDescent="0.3">
      <c r="A28795" s="13" t="s">
        <v>180</v>
      </c>
      <c r="B28795" s="14" t="s">
        <v>1</v>
      </c>
      <c r="C28795" s="14" t="s">
        <v>70</v>
      </c>
      <c r="D28795" s="14" t="s">
        <v>181</v>
      </c>
      <c r="E28795" s="15">
        <v>45701</v>
      </c>
      <c r="F28795" s="14" t="s">
        <v>15</v>
      </c>
      <c r="G28795" s="16">
        <v>3.6429832148676402</v>
      </c>
    </row>
    <row r="28796" spans="1:7" x14ac:dyDescent="0.3">
      <c r="A28796" s="13" t="s">
        <v>180</v>
      </c>
      <c r="B28796" s="14" t="s">
        <v>1</v>
      </c>
      <c r="C28796" s="14" t="s">
        <v>70</v>
      </c>
      <c r="D28796" s="14" t="s">
        <v>181</v>
      </c>
      <c r="E28796" s="15">
        <v>45702</v>
      </c>
      <c r="F28796" s="14" t="s">
        <v>15</v>
      </c>
      <c r="G28796" s="16">
        <v>3.6610066102426062</v>
      </c>
    </row>
    <row r="28797" spans="1:7" x14ac:dyDescent="0.3">
      <c r="A28797" s="13" t="s">
        <v>180</v>
      </c>
      <c r="B28797" s="14" t="s">
        <v>1</v>
      </c>
      <c r="C28797" s="14" t="s">
        <v>70</v>
      </c>
      <c r="D28797" s="14" t="s">
        <v>181</v>
      </c>
      <c r="E28797" s="15">
        <v>45703</v>
      </c>
      <c r="F28797" s="14" t="s">
        <v>15</v>
      </c>
      <c r="G28797" s="16">
        <v>3.6610066102426062</v>
      </c>
    </row>
    <row r="28798" spans="1:7" x14ac:dyDescent="0.3">
      <c r="A28798" s="13" t="s">
        <v>180</v>
      </c>
      <c r="B28798" s="14" t="s">
        <v>1</v>
      </c>
      <c r="C28798" s="14" t="s">
        <v>70</v>
      </c>
      <c r="D28798" s="14" t="s">
        <v>181</v>
      </c>
      <c r="E28798" s="15">
        <v>45704</v>
      </c>
      <c r="F28798" s="14" t="s">
        <v>15</v>
      </c>
      <c r="G28798" s="16">
        <v>3.6610066102426062</v>
      </c>
    </row>
    <row r="28799" spans="1:7" x14ac:dyDescent="0.3">
      <c r="A28799" s="13" t="s">
        <v>180</v>
      </c>
      <c r="B28799" s="14" t="s">
        <v>1</v>
      </c>
      <c r="C28799" s="14" t="s">
        <v>70</v>
      </c>
      <c r="D28799" s="14" t="s">
        <v>181</v>
      </c>
      <c r="E28799" s="15">
        <v>45705</v>
      </c>
      <c r="F28799" s="14" t="s">
        <v>15</v>
      </c>
      <c r="G28799" s="16">
        <v>3.7120300056175717</v>
      </c>
    </row>
    <row r="28800" spans="1:7" x14ac:dyDescent="0.3">
      <c r="A28800" s="13" t="s">
        <v>180</v>
      </c>
      <c r="B28800" s="14" t="s">
        <v>1</v>
      </c>
      <c r="C28800" s="14" t="s">
        <v>70</v>
      </c>
      <c r="D28800" s="14" t="s">
        <v>181</v>
      </c>
      <c r="E28800" s="15">
        <v>45706</v>
      </c>
      <c r="F28800" s="14" t="s">
        <v>15</v>
      </c>
      <c r="G28800" s="16">
        <v>3.7340534009925372</v>
      </c>
    </row>
    <row r="28801" spans="1:7" x14ac:dyDescent="0.3">
      <c r="A28801" s="13" t="s">
        <v>180</v>
      </c>
      <c r="B28801" s="14" t="s">
        <v>1</v>
      </c>
      <c r="C28801" s="14" t="s">
        <v>70</v>
      </c>
      <c r="D28801" s="14" t="s">
        <v>181</v>
      </c>
      <c r="E28801" s="15">
        <v>45707</v>
      </c>
      <c r="F28801" s="14" t="s">
        <v>15</v>
      </c>
      <c r="G28801" s="16">
        <v>3.7540767963675021</v>
      </c>
    </row>
    <row r="28802" spans="1:7" x14ac:dyDescent="0.3">
      <c r="A28802" s="13" t="s">
        <v>180</v>
      </c>
      <c r="B28802" s="14" t="s">
        <v>1</v>
      </c>
      <c r="C28802" s="14" t="s">
        <v>70</v>
      </c>
      <c r="D28802" s="14" t="s">
        <v>181</v>
      </c>
      <c r="E28802" s="15">
        <v>45708</v>
      </c>
      <c r="F28802" s="14" t="s">
        <v>15</v>
      </c>
      <c r="G28802" s="16">
        <v>3.7601001917424677</v>
      </c>
    </row>
    <row r="28803" spans="1:7" x14ac:dyDescent="0.3">
      <c r="A28803" s="13" t="s">
        <v>180</v>
      </c>
      <c r="B28803" s="14" t="s">
        <v>1</v>
      </c>
      <c r="C28803" s="14" t="s">
        <v>70</v>
      </c>
      <c r="D28803" s="14" t="s">
        <v>181</v>
      </c>
      <c r="E28803" s="15">
        <v>45709</v>
      </c>
      <c r="F28803" s="14" t="s">
        <v>15</v>
      </c>
      <c r="G28803" s="16">
        <v>3.768123587117433</v>
      </c>
    </row>
    <row r="28804" spans="1:7" x14ac:dyDescent="0.3">
      <c r="A28804" s="13" t="s">
        <v>180</v>
      </c>
      <c r="B28804" s="14" t="s">
        <v>1</v>
      </c>
      <c r="C28804" s="14" t="s">
        <v>70</v>
      </c>
      <c r="D28804" s="14" t="s">
        <v>181</v>
      </c>
      <c r="E28804" s="15">
        <v>45710</v>
      </c>
      <c r="F28804" s="14" t="s">
        <v>15</v>
      </c>
      <c r="G28804" s="16">
        <v>3.768123587117433</v>
      </c>
    </row>
    <row r="28805" spans="1:7" x14ac:dyDescent="0.3">
      <c r="A28805" s="13" t="s">
        <v>180</v>
      </c>
      <c r="B28805" s="14" t="s">
        <v>1</v>
      </c>
      <c r="C28805" s="14" t="s">
        <v>70</v>
      </c>
      <c r="D28805" s="14" t="s">
        <v>181</v>
      </c>
      <c r="E28805" s="15">
        <v>45711</v>
      </c>
      <c r="F28805" s="14" t="s">
        <v>15</v>
      </c>
      <c r="G28805" s="16">
        <v>3.768123587117433</v>
      </c>
    </row>
    <row r="28806" spans="1:7" x14ac:dyDescent="0.3">
      <c r="A28806" s="13" t="s">
        <v>180</v>
      </c>
      <c r="B28806" s="14" t="s">
        <v>1</v>
      </c>
      <c r="C28806" s="14" t="s">
        <v>70</v>
      </c>
      <c r="D28806" s="14" t="s">
        <v>181</v>
      </c>
      <c r="E28806" s="15">
        <v>45712</v>
      </c>
      <c r="F28806" s="14" t="s">
        <v>15</v>
      </c>
      <c r="G28806" s="16">
        <v>3.7751469824923989</v>
      </c>
    </row>
    <row r="28807" spans="1:7" x14ac:dyDescent="0.3">
      <c r="A28807" s="13" t="s">
        <v>180</v>
      </c>
      <c r="B28807" s="14" t="s">
        <v>1</v>
      </c>
      <c r="C28807" s="14" t="s">
        <v>70</v>
      </c>
      <c r="D28807" s="14" t="s">
        <v>181</v>
      </c>
      <c r="E28807" s="15">
        <v>45713</v>
      </c>
      <c r="F28807" s="14" t="s">
        <v>15</v>
      </c>
      <c r="G28807" s="16">
        <v>3.7961703778673646</v>
      </c>
    </row>
    <row r="28808" spans="1:7" x14ac:dyDescent="0.3">
      <c r="A28808" s="13" t="s">
        <v>180</v>
      </c>
      <c r="B28808" s="14" t="s">
        <v>1</v>
      </c>
      <c r="C28808" s="14" t="s">
        <v>70</v>
      </c>
      <c r="D28808" s="14" t="s">
        <v>181</v>
      </c>
      <c r="E28808" s="15">
        <v>45714</v>
      </c>
      <c r="F28808" s="14" t="s">
        <v>15</v>
      </c>
      <c r="G28808" s="16">
        <v>3.80319377324233</v>
      </c>
    </row>
    <row r="28809" spans="1:7" x14ac:dyDescent="0.3">
      <c r="A28809" s="13" t="s">
        <v>180</v>
      </c>
      <c r="B28809" s="14" t="s">
        <v>1</v>
      </c>
      <c r="C28809" s="14" t="s">
        <v>70</v>
      </c>
      <c r="D28809" s="14" t="s">
        <v>181</v>
      </c>
      <c r="E28809" s="15">
        <v>45715</v>
      </c>
      <c r="F28809" s="14" t="s">
        <v>15</v>
      </c>
      <c r="G28809" s="16">
        <v>3.8122171686172956</v>
      </c>
    </row>
    <row r="28810" spans="1:7" x14ac:dyDescent="0.3">
      <c r="A28810" s="13" t="s">
        <v>180</v>
      </c>
      <c r="B28810" s="14" t="s">
        <v>1</v>
      </c>
      <c r="C28810" s="14" t="s">
        <v>70</v>
      </c>
      <c r="D28810" s="14" t="s">
        <v>181</v>
      </c>
      <c r="E28810" s="15">
        <v>45716</v>
      </c>
      <c r="F28810" s="14" t="s">
        <v>15</v>
      </c>
      <c r="G28810" s="16">
        <v>3.824240563992261</v>
      </c>
    </row>
    <row r="28811" spans="1:7" x14ac:dyDescent="0.3">
      <c r="A28811" s="13" t="s">
        <v>180</v>
      </c>
      <c r="B28811" s="14" t="s">
        <v>1</v>
      </c>
      <c r="C28811" s="14" t="s">
        <v>70</v>
      </c>
      <c r="D28811" s="14" t="s">
        <v>181</v>
      </c>
      <c r="E28811" s="15">
        <v>45717</v>
      </c>
      <c r="F28811" s="14" t="s">
        <v>15</v>
      </c>
      <c r="G28811" s="16">
        <v>3.824240563992261</v>
      </c>
    </row>
    <row r="28812" spans="1:7" x14ac:dyDescent="0.3">
      <c r="A28812" s="13" t="s">
        <v>180</v>
      </c>
      <c r="B28812" s="14" t="s">
        <v>1</v>
      </c>
      <c r="C28812" s="14" t="s">
        <v>70</v>
      </c>
      <c r="D28812" s="14" t="s">
        <v>181</v>
      </c>
      <c r="E28812" s="15">
        <v>45718</v>
      </c>
      <c r="F28812" s="14" t="s">
        <v>15</v>
      </c>
      <c r="G28812" s="16">
        <v>3.824240563992261</v>
      </c>
    </row>
    <row r="28813" spans="1:7" x14ac:dyDescent="0.3">
      <c r="A28813" s="13" t="s">
        <v>180</v>
      </c>
      <c r="B28813" s="14" t="s">
        <v>1</v>
      </c>
      <c r="C28813" s="14" t="s">
        <v>70</v>
      </c>
      <c r="D28813" s="14" t="s">
        <v>181</v>
      </c>
      <c r="E28813" s="15">
        <v>45719</v>
      </c>
      <c r="F28813" s="14" t="s">
        <v>15</v>
      </c>
      <c r="G28813" s="16">
        <v>3.855263959367226</v>
      </c>
    </row>
    <row r="28814" spans="1:7" x14ac:dyDescent="0.3">
      <c r="A28814" s="13" t="s">
        <v>180</v>
      </c>
      <c r="B28814" s="14" t="s">
        <v>1</v>
      </c>
      <c r="C28814" s="14" t="s">
        <v>70</v>
      </c>
      <c r="D28814" s="14" t="s">
        <v>181</v>
      </c>
      <c r="E28814" s="15">
        <v>45720</v>
      </c>
      <c r="F28814" s="14" t="s">
        <v>15</v>
      </c>
      <c r="G28814" s="16">
        <v>3.8792873547421913</v>
      </c>
    </row>
    <row r="28815" spans="1:7" x14ac:dyDescent="0.3">
      <c r="A28815" s="13" t="s">
        <v>180</v>
      </c>
      <c r="B28815" s="14" t="s">
        <v>1</v>
      </c>
      <c r="C28815" s="14" t="s">
        <v>70</v>
      </c>
      <c r="D28815" s="14" t="s">
        <v>181</v>
      </c>
      <c r="E28815" s="15">
        <v>45721</v>
      </c>
      <c r="F28815" s="14" t="s">
        <v>15</v>
      </c>
      <c r="G28815" s="16">
        <v>3.8863107501171568</v>
      </c>
    </row>
    <row r="28816" spans="1:7" x14ac:dyDescent="0.3">
      <c r="A28816" s="13" t="s">
        <v>180</v>
      </c>
      <c r="B28816" s="14" t="s">
        <v>1</v>
      </c>
      <c r="C28816" s="14" t="s">
        <v>70</v>
      </c>
      <c r="D28816" s="14" t="s">
        <v>181</v>
      </c>
      <c r="E28816" s="15">
        <v>45722</v>
      </c>
      <c r="F28816" s="14" t="s">
        <v>15</v>
      </c>
      <c r="G28816" s="16">
        <v>3.8953341454921224</v>
      </c>
    </row>
    <row r="28817" spans="1:7" x14ac:dyDescent="0.3">
      <c r="A28817" s="13" t="s">
        <v>180</v>
      </c>
      <c r="B28817" s="14" t="s">
        <v>1</v>
      </c>
      <c r="C28817" s="14" t="s">
        <v>70</v>
      </c>
      <c r="D28817" s="14" t="s">
        <v>181</v>
      </c>
      <c r="E28817" s="15">
        <v>45723</v>
      </c>
      <c r="F28817" s="14" t="s">
        <v>15</v>
      </c>
      <c r="G28817" s="16">
        <v>3.9443575408670872</v>
      </c>
    </row>
    <row r="28818" spans="1:7" x14ac:dyDescent="0.3">
      <c r="A28818" s="13" t="s">
        <v>180</v>
      </c>
      <c r="B28818" s="14" t="s">
        <v>1</v>
      </c>
      <c r="C28818" s="14" t="s">
        <v>70</v>
      </c>
      <c r="D28818" s="14" t="s">
        <v>181</v>
      </c>
      <c r="E28818" s="15">
        <v>45724</v>
      </c>
      <c r="F28818" s="14" t="s">
        <v>15</v>
      </c>
      <c r="G28818" s="16">
        <v>3.9443575408670872</v>
      </c>
    </row>
    <row r="28819" spans="1:7" x14ac:dyDescent="0.3">
      <c r="A28819" s="13" t="s">
        <v>180</v>
      </c>
      <c r="B28819" s="14" t="s">
        <v>1</v>
      </c>
      <c r="C28819" s="14" t="s">
        <v>70</v>
      </c>
      <c r="D28819" s="14" t="s">
        <v>181</v>
      </c>
      <c r="E28819" s="15">
        <v>45725</v>
      </c>
      <c r="F28819" s="14" t="s">
        <v>15</v>
      </c>
      <c r="G28819" s="16">
        <v>3.9443575408670872</v>
      </c>
    </row>
    <row r="28820" spans="1:7" x14ac:dyDescent="0.3">
      <c r="A28820" s="13" t="s">
        <v>180</v>
      </c>
      <c r="B28820" s="14" t="s">
        <v>1</v>
      </c>
      <c r="C28820" s="14" t="s">
        <v>70</v>
      </c>
      <c r="D28820" s="14" t="s">
        <v>181</v>
      </c>
      <c r="E28820" s="15">
        <v>45726</v>
      </c>
      <c r="F28820" s="14" t="s">
        <v>15</v>
      </c>
      <c r="G28820" s="16">
        <v>3.9553809362420531</v>
      </c>
    </row>
    <row r="28821" spans="1:7" x14ac:dyDescent="0.3">
      <c r="A28821" s="13" t="s">
        <v>180</v>
      </c>
      <c r="B28821" s="14" t="s">
        <v>1</v>
      </c>
      <c r="C28821" s="14" t="s">
        <v>70</v>
      </c>
      <c r="D28821" s="14" t="s">
        <v>181</v>
      </c>
      <c r="E28821" s="15">
        <v>45727</v>
      </c>
      <c r="F28821" s="14" t="s">
        <v>15</v>
      </c>
      <c r="G28821" s="16">
        <v>3.9804043316170188</v>
      </c>
    </row>
    <row r="28822" spans="1:7" x14ac:dyDescent="0.3">
      <c r="A28822" s="13" t="s">
        <v>180</v>
      </c>
      <c r="B28822" s="14" t="s">
        <v>1</v>
      </c>
      <c r="C28822" s="14" t="s">
        <v>70</v>
      </c>
      <c r="D28822" s="14" t="s">
        <v>181</v>
      </c>
      <c r="E28822" s="15">
        <v>45728</v>
      </c>
      <c r="F28822" s="14" t="s">
        <v>15</v>
      </c>
      <c r="G28822" s="16">
        <v>3.9984277269919843</v>
      </c>
    </row>
    <row r="28823" spans="1:7" x14ac:dyDescent="0.3">
      <c r="A28823" s="13" t="s">
        <v>180</v>
      </c>
      <c r="B28823" s="14" t="s">
        <v>1</v>
      </c>
      <c r="C28823" s="14" t="s">
        <v>70</v>
      </c>
      <c r="D28823" s="14" t="s">
        <v>181</v>
      </c>
      <c r="E28823" s="15">
        <v>45729</v>
      </c>
      <c r="F28823" s="14" t="s">
        <v>15</v>
      </c>
      <c r="G28823" s="16">
        <v>4.0054511223669502</v>
      </c>
    </row>
    <row r="28824" spans="1:7" x14ac:dyDescent="0.3">
      <c r="A28824" s="13" t="s">
        <v>180</v>
      </c>
      <c r="B28824" s="14" t="s">
        <v>1</v>
      </c>
      <c r="C28824" s="14" t="s">
        <v>70</v>
      </c>
      <c r="D28824" s="14" t="s">
        <v>181</v>
      </c>
      <c r="E28824" s="15">
        <v>45730</v>
      </c>
      <c r="F28824" s="14" t="s">
        <v>15</v>
      </c>
      <c r="G28824" s="16">
        <v>4.0214745177419156</v>
      </c>
    </row>
    <row r="28825" spans="1:7" x14ac:dyDescent="0.3">
      <c r="A28825" s="13" t="s">
        <v>180</v>
      </c>
      <c r="B28825" s="14" t="s">
        <v>1</v>
      </c>
      <c r="C28825" s="14" t="s">
        <v>70</v>
      </c>
      <c r="D28825" s="14" t="s">
        <v>181</v>
      </c>
      <c r="E28825" s="15">
        <v>45731</v>
      </c>
      <c r="F28825" s="14" t="s">
        <v>15</v>
      </c>
      <c r="G28825" s="16">
        <v>4.0214745177419156</v>
      </c>
    </row>
    <row r="28826" spans="1:7" x14ac:dyDescent="0.3">
      <c r="A28826" s="13" t="s">
        <v>180</v>
      </c>
      <c r="B28826" s="14" t="s">
        <v>1</v>
      </c>
      <c r="C28826" s="14" t="s">
        <v>70</v>
      </c>
      <c r="D28826" s="14" t="s">
        <v>181</v>
      </c>
      <c r="E28826" s="15">
        <v>45732</v>
      </c>
      <c r="F28826" s="14" t="s">
        <v>15</v>
      </c>
      <c r="G28826" s="16">
        <v>4.0214745177419156</v>
      </c>
    </row>
    <row r="28827" spans="1:7" x14ac:dyDescent="0.3">
      <c r="A28827" s="13" t="s">
        <v>180</v>
      </c>
      <c r="B28827" s="14" t="s">
        <v>1</v>
      </c>
      <c r="C28827" s="14" t="s">
        <v>70</v>
      </c>
      <c r="D28827" s="14" t="s">
        <v>181</v>
      </c>
      <c r="E28827" s="15">
        <v>45733</v>
      </c>
      <c r="F28827" s="14" t="s">
        <v>15</v>
      </c>
      <c r="G28827" s="16">
        <v>4.0214745177419156</v>
      </c>
    </row>
    <row r="28828" spans="1:7" x14ac:dyDescent="0.3">
      <c r="A28828" s="13" t="s">
        <v>180</v>
      </c>
      <c r="B28828" s="14" t="s">
        <v>1</v>
      </c>
      <c r="C28828" s="14" t="s">
        <v>70</v>
      </c>
      <c r="D28828" s="14" t="s">
        <v>181</v>
      </c>
      <c r="E28828" s="15">
        <v>45734</v>
      </c>
      <c r="F28828" s="14" t="s">
        <v>15</v>
      </c>
      <c r="G28828" s="16">
        <v>4.0344979131168808</v>
      </c>
    </row>
    <row r="28829" spans="1:7" x14ac:dyDescent="0.3">
      <c r="A28829" s="13" t="s">
        <v>180</v>
      </c>
      <c r="B28829" s="14" t="s">
        <v>1</v>
      </c>
      <c r="C28829" s="14" t="s">
        <v>70</v>
      </c>
      <c r="D28829" s="14" t="s">
        <v>181</v>
      </c>
      <c r="E28829" s="15">
        <v>45735</v>
      </c>
      <c r="F28829" s="14" t="s">
        <v>15</v>
      </c>
      <c r="G28829" s="16">
        <v>4.0705213084918466</v>
      </c>
    </row>
    <row r="28830" spans="1:7" x14ac:dyDescent="0.3">
      <c r="A28830" s="13" t="s">
        <v>180</v>
      </c>
      <c r="B28830" s="14" t="s">
        <v>1</v>
      </c>
      <c r="C28830" s="14" t="s">
        <v>70</v>
      </c>
      <c r="D28830" s="14" t="s">
        <v>181</v>
      </c>
      <c r="E28830" s="15">
        <v>45736</v>
      </c>
      <c r="F28830" s="14" t="s">
        <v>15</v>
      </c>
      <c r="G28830" s="16">
        <v>4.0775447038668116</v>
      </c>
    </row>
    <row r="28831" spans="1:7" x14ac:dyDescent="0.3">
      <c r="A28831" s="13" t="s">
        <v>180</v>
      </c>
      <c r="B28831" s="14" t="s">
        <v>1</v>
      </c>
      <c r="C28831" s="14" t="s">
        <v>70</v>
      </c>
      <c r="D28831" s="14" t="s">
        <v>181</v>
      </c>
      <c r="E28831" s="15">
        <v>45737</v>
      </c>
      <c r="F28831" s="14" t="s">
        <v>15</v>
      </c>
      <c r="G28831" s="16">
        <v>4.0835680992417771</v>
      </c>
    </row>
    <row r="28832" spans="1:7" x14ac:dyDescent="0.3">
      <c r="A28832" s="13" t="s">
        <v>180</v>
      </c>
      <c r="B28832" s="14" t="s">
        <v>1</v>
      </c>
      <c r="C28832" s="14" t="s">
        <v>70</v>
      </c>
      <c r="D28832" s="14" t="s">
        <v>181</v>
      </c>
      <c r="E28832" s="15">
        <v>45738</v>
      </c>
      <c r="F28832" s="14" t="s">
        <v>15</v>
      </c>
      <c r="G28832" s="16">
        <v>4.0835680992417771</v>
      </c>
    </row>
    <row r="28833" spans="1:7" x14ac:dyDescent="0.3">
      <c r="A28833" s="13" t="s">
        <v>180</v>
      </c>
      <c r="B28833" s="14" t="s">
        <v>1</v>
      </c>
      <c r="C28833" s="14" t="s">
        <v>70</v>
      </c>
      <c r="D28833" s="14" t="s">
        <v>181</v>
      </c>
      <c r="E28833" s="15">
        <v>45739</v>
      </c>
      <c r="F28833" s="14" t="s">
        <v>15</v>
      </c>
      <c r="G28833" s="16">
        <v>4.0835680992417771</v>
      </c>
    </row>
    <row r="28834" spans="1:7" x14ac:dyDescent="0.3">
      <c r="A28834" s="13" t="s">
        <v>180</v>
      </c>
      <c r="B28834" s="14" t="s">
        <v>1</v>
      </c>
      <c r="C28834" s="14" t="s">
        <v>70</v>
      </c>
      <c r="D28834" s="14" t="s">
        <v>181</v>
      </c>
      <c r="E28834" s="15">
        <v>45740</v>
      </c>
      <c r="F28834" s="14" t="s">
        <v>15</v>
      </c>
      <c r="G28834" s="16">
        <v>4.090591494616743</v>
      </c>
    </row>
    <row r="28835" spans="1:7" x14ac:dyDescent="0.3">
      <c r="A28835" s="13" t="s">
        <v>180</v>
      </c>
      <c r="B28835" s="14" t="s">
        <v>1</v>
      </c>
      <c r="C28835" s="14" t="s">
        <v>70</v>
      </c>
      <c r="D28835" s="14" t="s">
        <v>181</v>
      </c>
      <c r="E28835" s="15">
        <v>45741</v>
      </c>
      <c r="F28835" s="14" t="s">
        <v>15</v>
      </c>
      <c r="G28835" s="16">
        <v>4.113614889991708</v>
      </c>
    </row>
    <row r="28836" spans="1:7" x14ac:dyDescent="0.3">
      <c r="A28836" s="13" t="s">
        <v>180</v>
      </c>
      <c r="B28836" s="14" t="s">
        <v>1</v>
      </c>
      <c r="C28836" s="14" t="s">
        <v>70</v>
      </c>
      <c r="D28836" s="14" t="s">
        <v>181</v>
      </c>
      <c r="E28836" s="15">
        <v>45742</v>
      </c>
      <c r="F28836" s="14" t="s">
        <v>15</v>
      </c>
      <c r="G28836" s="16">
        <v>4.1206382853666739</v>
      </c>
    </row>
    <row r="28837" spans="1:7" x14ac:dyDescent="0.3">
      <c r="A28837" s="13" t="s">
        <v>180</v>
      </c>
      <c r="B28837" s="14" t="s">
        <v>1</v>
      </c>
      <c r="C28837" s="14" t="s">
        <v>70</v>
      </c>
      <c r="D28837" s="14" t="s">
        <v>181</v>
      </c>
      <c r="E28837" s="15">
        <v>45743</v>
      </c>
      <c r="F28837" s="14" t="s">
        <v>15</v>
      </c>
      <c r="G28837" s="16">
        <v>4.1356616807416398</v>
      </c>
    </row>
    <row r="28838" spans="1:7" x14ac:dyDescent="0.3">
      <c r="A28838" s="13" t="s">
        <v>180</v>
      </c>
      <c r="B28838" s="14" t="s">
        <v>1</v>
      </c>
      <c r="C28838" s="14" t="s">
        <v>70</v>
      </c>
      <c r="D28838" s="14" t="s">
        <v>181</v>
      </c>
      <c r="E28838" s="15">
        <v>45744</v>
      </c>
      <c r="F28838" s="14" t="s">
        <v>15</v>
      </c>
      <c r="G28838" s="16">
        <v>4.2406850761166046</v>
      </c>
    </row>
    <row r="28839" spans="1:7" x14ac:dyDescent="0.3">
      <c r="A28839" s="13" t="s">
        <v>180</v>
      </c>
      <c r="B28839" s="14" t="s">
        <v>1</v>
      </c>
      <c r="C28839" s="14" t="s">
        <v>70</v>
      </c>
      <c r="D28839" s="14" t="s">
        <v>181</v>
      </c>
      <c r="E28839" s="15">
        <v>45745</v>
      </c>
      <c r="F28839" s="14" t="s">
        <v>15</v>
      </c>
      <c r="G28839" s="16">
        <v>4.2406850761166046</v>
      </c>
    </row>
    <row r="28840" spans="1:7" x14ac:dyDescent="0.3">
      <c r="A28840" s="13" t="s">
        <v>180</v>
      </c>
      <c r="B28840" s="14" t="s">
        <v>1</v>
      </c>
      <c r="C28840" s="14" t="s">
        <v>70</v>
      </c>
      <c r="D28840" s="14" t="s">
        <v>181</v>
      </c>
      <c r="E28840" s="15">
        <v>45746</v>
      </c>
      <c r="F28840" s="14" t="s">
        <v>15</v>
      </c>
      <c r="G28840" s="16">
        <v>4.2406850761166046</v>
      </c>
    </row>
    <row r="28841" spans="1:7" x14ac:dyDescent="0.3">
      <c r="A28841" s="13" t="s">
        <v>180</v>
      </c>
      <c r="B28841" s="14" t="s">
        <v>1</v>
      </c>
      <c r="C28841" s="14" t="s">
        <v>70</v>
      </c>
      <c r="D28841" s="14" t="s">
        <v>181</v>
      </c>
      <c r="E28841" s="15">
        <v>45747</v>
      </c>
      <c r="F28841" s="14" t="s">
        <v>15</v>
      </c>
      <c r="G28841" s="16">
        <v>4.2927084714915704</v>
      </c>
    </row>
    <row r="28842" spans="1:7" x14ac:dyDescent="0.3">
      <c r="A28842" s="13" t="s">
        <v>182</v>
      </c>
      <c r="B28842" s="14" t="s">
        <v>1</v>
      </c>
      <c r="C28842" s="14" t="s">
        <v>150</v>
      </c>
      <c r="D28842" s="14" t="s">
        <v>183</v>
      </c>
      <c r="E28842" s="15">
        <v>45383</v>
      </c>
      <c r="F28842" s="14" t="s">
        <v>61</v>
      </c>
      <c r="G28842" s="16">
        <v>0</v>
      </c>
    </row>
    <row r="28843" spans="1:7" x14ac:dyDescent="0.3">
      <c r="A28843" s="13" t="s">
        <v>182</v>
      </c>
      <c r="B28843" s="14" t="s">
        <v>1</v>
      </c>
      <c r="C28843" s="14" t="s">
        <v>150</v>
      </c>
      <c r="D28843" s="14" t="s">
        <v>183</v>
      </c>
      <c r="E28843" s="15">
        <v>45384</v>
      </c>
      <c r="F28843" s="14" t="s">
        <v>61</v>
      </c>
      <c r="G28843" s="16">
        <v>0</v>
      </c>
    </row>
    <row r="28844" spans="1:7" x14ac:dyDescent="0.3">
      <c r="A28844" s="13" t="s">
        <v>182</v>
      </c>
      <c r="B28844" s="14" t="s">
        <v>1</v>
      </c>
      <c r="C28844" s="14" t="s">
        <v>150</v>
      </c>
      <c r="D28844" s="14" t="s">
        <v>183</v>
      </c>
      <c r="E28844" s="15">
        <v>45385</v>
      </c>
      <c r="F28844" s="14" t="s">
        <v>61</v>
      </c>
      <c r="G28844" s="16">
        <v>1.678611314366445E-2</v>
      </c>
    </row>
    <row r="28845" spans="1:7" x14ac:dyDescent="0.3">
      <c r="A28845" s="13" t="s">
        <v>182</v>
      </c>
      <c r="B28845" s="14" t="s">
        <v>1</v>
      </c>
      <c r="C28845" s="14" t="s">
        <v>150</v>
      </c>
      <c r="D28845" s="14" t="s">
        <v>183</v>
      </c>
      <c r="E28845" s="15">
        <v>45386</v>
      </c>
      <c r="F28845" s="14" t="s">
        <v>61</v>
      </c>
      <c r="G28845" s="16">
        <v>2.8135170537612688E-2</v>
      </c>
    </row>
    <row r="28846" spans="1:7" x14ac:dyDescent="0.3">
      <c r="A28846" s="13" t="s">
        <v>182</v>
      </c>
      <c r="B28846" s="14" t="s">
        <v>1</v>
      </c>
      <c r="C28846" s="14" t="s">
        <v>150</v>
      </c>
      <c r="D28846" s="14" t="s">
        <v>183</v>
      </c>
      <c r="E28846" s="15">
        <v>45387</v>
      </c>
      <c r="F28846" s="14" t="s">
        <v>61</v>
      </c>
      <c r="G28846" s="16">
        <v>3.1702430503116434E-2</v>
      </c>
    </row>
    <row r="28847" spans="1:7" x14ac:dyDescent="0.3">
      <c r="A28847" s="13" t="s">
        <v>182</v>
      </c>
      <c r="B28847" s="14" t="s">
        <v>1</v>
      </c>
      <c r="C28847" s="14" t="s">
        <v>150</v>
      </c>
      <c r="D28847" s="14" t="s">
        <v>183</v>
      </c>
      <c r="E28847" s="15">
        <v>45388</v>
      </c>
      <c r="F28847" s="14" t="s">
        <v>61</v>
      </c>
      <c r="G28847" s="16">
        <v>3.1702430503116434E-2</v>
      </c>
    </row>
    <row r="28848" spans="1:7" x14ac:dyDescent="0.3">
      <c r="A28848" s="13" t="s">
        <v>182</v>
      </c>
      <c r="B28848" s="14" t="s">
        <v>1</v>
      </c>
      <c r="C28848" s="14" t="s">
        <v>150</v>
      </c>
      <c r="D28848" s="14" t="s">
        <v>183</v>
      </c>
      <c r="E28848" s="15">
        <v>45389</v>
      </c>
      <c r="F28848" s="14" t="s">
        <v>61</v>
      </c>
      <c r="G28848" s="16">
        <v>3.1702430503116434E-2</v>
      </c>
    </row>
    <row r="28849" spans="1:7" x14ac:dyDescent="0.3">
      <c r="A28849" s="13" t="s">
        <v>182</v>
      </c>
      <c r="B28849" s="14" t="s">
        <v>1</v>
      </c>
      <c r="C28849" s="14" t="s">
        <v>150</v>
      </c>
      <c r="D28849" s="14" t="s">
        <v>183</v>
      </c>
      <c r="E28849" s="15">
        <v>45390</v>
      </c>
      <c r="F28849" s="14" t="s">
        <v>61</v>
      </c>
      <c r="G28849" s="16">
        <v>4.3213026691817771E-2</v>
      </c>
    </row>
    <row r="28850" spans="1:7" x14ac:dyDescent="0.3">
      <c r="A28850" s="13" t="s">
        <v>182</v>
      </c>
      <c r="B28850" s="14" t="s">
        <v>1</v>
      </c>
      <c r="C28850" s="14" t="s">
        <v>150</v>
      </c>
      <c r="D28850" s="14" t="s">
        <v>183</v>
      </c>
      <c r="E28850" s="15">
        <v>45391</v>
      </c>
      <c r="F28850" s="14" t="s">
        <v>61</v>
      </c>
      <c r="G28850" s="16">
        <v>5.8068569051572039E-2</v>
      </c>
    </row>
    <row r="28851" spans="1:7" x14ac:dyDescent="0.3">
      <c r="A28851" s="13" t="s">
        <v>182</v>
      </c>
      <c r="B28851" s="14" t="s">
        <v>1</v>
      </c>
      <c r="C28851" s="14" t="s">
        <v>150</v>
      </c>
      <c r="D28851" s="14" t="s">
        <v>183</v>
      </c>
      <c r="E28851" s="15">
        <v>45392</v>
      </c>
      <c r="F28851" s="14" t="s">
        <v>61</v>
      </c>
      <c r="G28851" s="16">
        <v>6.2320243384319192E-2</v>
      </c>
    </row>
    <row r="28852" spans="1:7" x14ac:dyDescent="0.3">
      <c r="A28852" s="13" t="s">
        <v>182</v>
      </c>
      <c r="B28852" s="14" t="s">
        <v>1</v>
      </c>
      <c r="C28852" s="14" t="s">
        <v>150</v>
      </c>
      <c r="D28852" s="14" t="s">
        <v>183</v>
      </c>
      <c r="E28852" s="15">
        <v>45393</v>
      </c>
      <c r="F28852" s="14" t="s">
        <v>61</v>
      </c>
      <c r="G28852" s="16">
        <v>6.6227585022987354E-2</v>
      </c>
    </row>
    <row r="28853" spans="1:7" x14ac:dyDescent="0.3">
      <c r="A28853" s="13" t="s">
        <v>182</v>
      </c>
      <c r="B28853" s="14" t="s">
        <v>1</v>
      </c>
      <c r="C28853" s="14" t="s">
        <v>150</v>
      </c>
      <c r="D28853" s="14" t="s">
        <v>183</v>
      </c>
      <c r="E28853" s="15">
        <v>45394</v>
      </c>
      <c r="F28853" s="14" t="s">
        <v>61</v>
      </c>
      <c r="G28853" s="16">
        <v>7.0179866025609383E-2</v>
      </c>
    </row>
    <row r="28854" spans="1:7" x14ac:dyDescent="0.3">
      <c r="A28854" s="13" t="s">
        <v>182</v>
      </c>
      <c r="B28854" s="14" t="s">
        <v>1</v>
      </c>
      <c r="C28854" s="14" t="s">
        <v>150</v>
      </c>
      <c r="D28854" s="14" t="s">
        <v>183</v>
      </c>
      <c r="E28854" s="15">
        <v>45395</v>
      </c>
      <c r="F28854" s="14" t="s">
        <v>61</v>
      </c>
      <c r="G28854" s="16">
        <v>7.0179866025609383E-2</v>
      </c>
    </row>
    <row r="28855" spans="1:7" x14ac:dyDescent="0.3">
      <c r="A28855" s="13" t="s">
        <v>182</v>
      </c>
      <c r="B28855" s="14" t="s">
        <v>1</v>
      </c>
      <c r="C28855" s="14" t="s">
        <v>150</v>
      </c>
      <c r="D28855" s="14" t="s">
        <v>183</v>
      </c>
      <c r="E28855" s="15">
        <v>45396</v>
      </c>
      <c r="F28855" s="14" t="s">
        <v>61</v>
      </c>
      <c r="G28855" s="16">
        <v>7.0179866025609383E-2</v>
      </c>
    </row>
    <row r="28856" spans="1:7" x14ac:dyDescent="0.3">
      <c r="A28856" s="13" t="s">
        <v>182</v>
      </c>
      <c r="B28856" s="14" t="s">
        <v>1</v>
      </c>
      <c r="C28856" s="14" t="s">
        <v>150</v>
      </c>
      <c r="D28856" s="14" t="s">
        <v>183</v>
      </c>
      <c r="E28856" s="15">
        <v>45397</v>
      </c>
      <c r="F28856" s="14" t="s">
        <v>61</v>
      </c>
      <c r="G28856" s="16">
        <v>7.5285995562182129E-2</v>
      </c>
    </row>
    <row r="28857" spans="1:7" x14ac:dyDescent="0.3">
      <c r="A28857" s="13" t="s">
        <v>182</v>
      </c>
      <c r="B28857" s="14" t="s">
        <v>1</v>
      </c>
      <c r="C28857" s="14" t="s">
        <v>150</v>
      </c>
      <c r="D28857" s="14" t="s">
        <v>183</v>
      </c>
      <c r="E28857" s="15">
        <v>45398</v>
      </c>
      <c r="F28857" s="14" t="s">
        <v>61</v>
      </c>
      <c r="G28857" s="16">
        <v>8.7278171691632378E-2</v>
      </c>
    </row>
    <row r="28858" spans="1:7" x14ac:dyDescent="0.3">
      <c r="A28858" s="13" t="s">
        <v>182</v>
      </c>
      <c r="B28858" s="14" t="s">
        <v>1</v>
      </c>
      <c r="C28858" s="14" t="s">
        <v>150</v>
      </c>
      <c r="D28858" s="14" t="s">
        <v>183</v>
      </c>
      <c r="E28858" s="15">
        <v>45399</v>
      </c>
      <c r="F28858" s="14" t="s">
        <v>61</v>
      </c>
      <c r="G28858" s="16">
        <v>9.1082274250947004E-2</v>
      </c>
    </row>
    <row r="28859" spans="1:7" x14ac:dyDescent="0.3">
      <c r="A28859" s="13" t="s">
        <v>182</v>
      </c>
      <c r="B28859" s="14" t="s">
        <v>1</v>
      </c>
      <c r="C28859" s="14" t="s">
        <v>150</v>
      </c>
      <c r="D28859" s="14" t="s">
        <v>183</v>
      </c>
      <c r="E28859" s="15">
        <v>45400</v>
      </c>
      <c r="F28859" s="14" t="s">
        <v>61</v>
      </c>
      <c r="G28859" s="16">
        <v>9.3990018685992605E-2</v>
      </c>
    </row>
    <row r="28860" spans="1:7" x14ac:dyDescent="0.3">
      <c r="A28860" s="13" t="s">
        <v>182</v>
      </c>
      <c r="B28860" s="14" t="s">
        <v>1</v>
      </c>
      <c r="C28860" s="14" t="s">
        <v>150</v>
      </c>
      <c r="D28860" s="14" t="s">
        <v>183</v>
      </c>
      <c r="E28860" s="15">
        <v>45401</v>
      </c>
      <c r="F28860" s="14" t="s">
        <v>61</v>
      </c>
      <c r="G28860" s="16">
        <v>9.9379752046436412E-2</v>
      </c>
    </row>
    <row r="28861" spans="1:7" x14ac:dyDescent="0.3">
      <c r="A28861" s="13" t="s">
        <v>182</v>
      </c>
      <c r="B28861" s="14" t="s">
        <v>1</v>
      </c>
      <c r="C28861" s="14" t="s">
        <v>150</v>
      </c>
      <c r="D28861" s="14" t="s">
        <v>183</v>
      </c>
      <c r="E28861" s="15">
        <v>45402</v>
      </c>
      <c r="F28861" s="14" t="s">
        <v>61</v>
      </c>
      <c r="G28861" s="16">
        <v>9.9379752046436412E-2</v>
      </c>
    </row>
    <row r="28862" spans="1:7" x14ac:dyDescent="0.3">
      <c r="A28862" s="13" t="s">
        <v>182</v>
      </c>
      <c r="B28862" s="14" t="s">
        <v>1</v>
      </c>
      <c r="C28862" s="14" t="s">
        <v>150</v>
      </c>
      <c r="D28862" s="14" t="s">
        <v>183</v>
      </c>
      <c r="E28862" s="15">
        <v>45403</v>
      </c>
      <c r="F28862" s="14" t="s">
        <v>61</v>
      </c>
      <c r="G28862" s="16">
        <v>9.9379752046436412E-2</v>
      </c>
    </row>
    <row r="28863" spans="1:7" x14ac:dyDescent="0.3">
      <c r="A28863" s="13" t="s">
        <v>182</v>
      </c>
      <c r="B28863" s="14" t="s">
        <v>1</v>
      </c>
      <c r="C28863" s="14" t="s">
        <v>150</v>
      </c>
      <c r="D28863" s="14" t="s">
        <v>183</v>
      </c>
      <c r="E28863" s="15">
        <v>45404</v>
      </c>
      <c r="F28863" s="14" t="s">
        <v>61</v>
      </c>
      <c r="G28863" s="16">
        <v>0.1031625995011783</v>
      </c>
    </row>
    <row r="28864" spans="1:7" x14ac:dyDescent="0.3">
      <c r="A28864" s="13" t="s">
        <v>182</v>
      </c>
      <c r="B28864" s="14" t="s">
        <v>1</v>
      </c>
      <c r="C28864" s="14" t="s">
        <v>150</v>
      </c>
      <c r="D28864" s="14" t="s">
        <v>183</v>
      </c>
      <c r="E28864" s="15">
        <v>45405</v>
      </c>
      <c r="F28864" s="14" t="s">
        <v>61</v>
      </c>
      <c r="G28864" s="16">
        <v>0.12428293211158291</v>
      </c>
    </row>
    <row r="28865" spans="1:7" x14ac:dyDescent="0.3">
      <c r="A28865" s="13" t="s">
        <v>182</v>
      </c>
      <c r="B28865" s="14" t="s">
        <v>1</v>
      </c>
      <c r="C28865" s="14" t="s">
        <v>150</v>
      </c>
      <c r="D28865" s="14" t="s">
        <v>183</v>
      </c>
      <c r="E28865" s="15">
        <v>45406</v>
      </c>
      <c r="F28865" s="14" t="s">
        <v>61</v>
      </c>
      <c r="G28865" s="16">
        <v>0.12976861708695525</v>
      </c>
    </row>
    <row r="28866" spans="1:7" x14ac:dyDescent="0.3">
      <c r="A28866" s="13" t="s">
        <v>182</v>
      </c>
      <c r="B28866" s="14" t="s">
        <v>1</v>
      </c>
      <c r="C28866" s="14" t="s">
        <v>150</v>
      </c>
      <c r="D28866" s="14" t="s">
        <v>183</v>
      </c>
      <c r="E28866" s="15">
        <v>45407</v>
      </c>
      <c r="F28866" s="14" t="s">
        <v>61</v>
      </c>
      <c r="G28866" s="16">
        <v>0.13367656601432548</v>
      </c>
    </row>
    <row r="28867" spans="1:7" x14ac:dyDescent="0.3">
      <c r="A28867" s="13" t="s">
        <v>182</v>
      </c>
      <c r="B28867" s="14" t="s">
        <v>1</v>
      </c>
      <c r="C28867" s="14" t="s">
        <v>150</v>
      </c>
      <c r="D28867" s="14" t="s">
        <v>183</v>
      </c>
      <c r="E28867" s="15">
        <v>45408</v>
      </c>
      <c r="F28867" s="14" t="s">
        <v>61</v>
      </c>
      <c r="G28867" s="16">
        <v>0.13791913101654144</v>
      </c>
    </row>
    <row r="28868" spans="1:7" x14ac:dyDescent="0.3">
      <c r="A28868" s="13" t="s">
        <v>182</v>
      </c>
      <c r="B28868" s="14" t="s">
        <v>1</v>
      </c>
      <c r="C28868" s="14" t="s">
        <v>150</v>
      </c>
      <c r="D28868" s="14" t="s">
        <v>183</v>
      </c>
      <c r="E28868" s="15">
        <v>45409</v>
      </c>
      <c r="F28868" s="14" t="s">
        <v>61</v>
      </c>
      <c r="G28868" s="16">
        <v>0.13791913101654144</v>
      </c>
    </row>
    <row r="28869" spans="1:7" x14ac:dyDescent="0.3">
      <c r="A28869" s="13" t="s">
        <v>182</v>
      </c>
      <c r="B28869" s="14" t="s">
        <v>1</v>
      </c>
      <c r="C28869" s="14" t="s">
        <v>150</v>
      </c>
      <c r="D28869" s="14" t="s">
        <v>183</v>
      </c>
      <c r="E28869" s="15">
        <v>45410</v>
      </c>
      <c r="F28869" s="14" t="s">
        <v>61</v>
      </c>
      <c r="G28869" s="16">
        <v>0.13791913101654144</v>
      </c>
    </row>
    <row r="28870" spans="1:7" x14ac:dyDescent="0.3">
      <c r="A28870" s="13" t="s">
        <v>182</v>
      </c>
      <c r="B28870" s="14" t="s">
        <v>1</v>
      </c>
      <c r="C28870" s="14" t="s">
        <v>150</v>
      </c>
      <c r="D28870" s="14" t="s">
        <v>183</v>
      </c>
      <c r="E28870" s="15">
        <v>45411</v>
      </c>
      <c r="F28870" s="14" t="s">
        <v>61</v>
      </c>
      <c r="G28870" s="16">
        <v>0.14184954962588861</v>
      </c>
    </row>
    <row r="28871" spans="1:7" x14ac:dyDescent="0.3">
      <c r="A28871" s="13" t="s">
        <v>182</v>
      </c>
      <c r="B28871" s="14" t="s">
        <v>1</v>
      </c>
      <c r="C28871" s="14" t="s">
        <v>150</v>
      </c>
      <c r="D28871" s="14" t="s">
        <v>183</v>
      </c>
      <c r="E28871" s="15">
        <v>45412</v>
      </c>
      <c r="F28871" s="14" t="s">
        <v>61</v>
      </c>
      <c r="G28871" s="16">
        <v>0.15497492647341887</v>
      </c>
    </row>
    <row r="28872" spans="1:7" x14ac:dyDescent="0.3">
      <c r="A28872" s="13" t="s">
        <v>182</v>
      </c>
      <c r="B28872" s="14" t="s">
        <v>1</v>
      </c>
      <c r="C28872" s="14" t="s">
        <v>150</v>
      </c>
      <c r="D28872" s="14" t="s">
        <v>183</v>
      </c>
      <c r="E28872" s="15">
        <v>45413</v>
      </c>
      <c r="F28872" s="14" t="s">
        <v>61</v>
      </c>
      <c r="G28872" s="16">
        <v>0.15497492647341887</v>
      </c>
    </row>
    <row r="28873" spans="1:7" x14ac:dyDescent="0.3">
      <c r="A28873" s="13" t="s">
        <v>182</v>
      </c>
      <c r="B28873" s="14" t="s">
        <v>1</v>
      </c>
      <c r="C28873" s="14" t="s">
        <v>150</v>
      </c>
      <c r="D28873" s="14" t="s">
        <v>183</v>
      </c>
      <c r="E28873" s="15">
        <v>45414</v>
      </c>
      <c r="F28873" s="14" t="s">
        <v>61</v>
      </c>
      <c r="G28873" s="16">
        <v>0.1594093947054919</v>
      </c>
    </row>
    <row r="28874" spans="1:7" x14ac:dyDescent="0.3">
      <c r="A28874" s="13" t="s">
        <v>182</v>
      </c>
      <c r="B28874" s="14" t="s">
        <v>1</v>
      </c>
      <c r="C28874" s="14" t="s">
        <v>150</v>
      </c>
      <c r="D28874" s="14" t="s">
        <v>183</v>
      </c>
      <c r="E28874" s="15">
        <v>45415</v>
      </c>
      <c r="F28874" s="14" t="s">
        <v>61</v>
      </c>
      <c r="G28874" s="16">
        <v>0.17653923325453325</v>
      </c>
    </row>
    <row r="28875" spans="1:7" x14ac:dyDescent="0.3">
      <c r="A28875" s="13" t="s">
        <v>182</v>
      </c>
      <c r="B28875" s="14" t="s">
        <v>1</v>
      </c>
      <c r="C28875" s="14" t="s">
        <v>150</v>
      </c>
      <c r="D28875" s="14" t="s">
        <v>183</v>
      </c>
      <c r="E28875" s="15">
        <v>45416</v>
      </c>
      <c r="F28875" s="14" t="s">
        <v>61</v>
      </c>
      <c r="G28875" s="16">
        <v>0.17653923325453325</v>
      </c>
    </row>
    <row r="28876" spans="1:7" x14ac:dyDescent="0.3">
      <c r="A28876" s="13" t="s">
        <v>182</v>
      </c>
      <c r="B28876" s="14" t="s">
        <v>1</v>
      </c>
      <c r="C28876" s="14" t="s">
        <v>150</v>
      </c>
      <c r="D28876" s="14" t="s">
        <v>183</v>
      </c>
      <c r="E28876" s="15">
        <v>45417</v>
      </c>
      <c r="F28876" s="14" t="s">
        <v>61</v>
      </c>
      <c r="G28876" s="16">
        <v>0.17653923325453325</v>
      </c>
    </row>
    <row r="28877" spans="1:7" x14ac:dyDescent="0.3">
      <c r="A28877" s="13" t="s">
        <v>182</v>
      </c>
      <c r="B28877" s="14" t="s">
        <v>1</v>
      </c>
      <c r="C28877" s="14" t="s">
        <v>150</v>
      </c>
      <c r="D28877" s="14" t="s">
        <v>183</v>
      </c>
      <c r="E28877" s="15">
        <v>45418</v>
      </c>
      <c r="F28877" s="14" t="s">
        <v>61</v>
      </c>
      <c r="G28877" s="16">
        <v>0.17653923325453325</v>
      </c>
    </row>
    <row r="28878" spans="1:7" x14ac:dyDescent="0.3">
      <c r="A28878" s="13" t="s">
        <v>182</v>
      </c>
      <c r="B28878" s="14" t="s">
        <v>1</v>
      </c>
      <c r="C28878" s="14" t="s">
        <v>150</v>
      </c>
      <c r="D28878" s="14" t="s">
        <v>183</v>
      </c>
      <c r="E28878" s="15">
        <v>45419</v>
      </c>
      <c r="F28878" s="14" t="s">
        <v>61</v>
      </c>
      <c r="G28878" s="16">
        <v>0.1806409072778668</v>
      </c>
    </row>
    <row r="28879" spans="1:7" x14ac:dyDescent="0.3">
      <c r="A28879" s="13" t="s">
        <v>182</v>
      </c>
      <c r="B28879" s="14" t="s">
        <v>1</v>
      </c>
      <c r="C28879" s="14" t="s">
        <v>150</v>
      </c>
      <c r="D28879" s="14" t="s">
        <v>183</v>
      </c>
      <c r="E28879" s="15">
        <v>45420</v>
      </c>
      <c r="F28879" s="14" t="s">
        <v>61</v>
      </c>
      <c r="G28879" s="16">
        <v>0.19676568302496686</v>
      </c>
    </row>
    <row r="28880" spans="1:7" x14ac:dyDescent="0.3">
      <c r="A28880" s="13" t="s">
        <v>182</v>
      </c>
      <c r="B28880" s="14" t="s">
        <v>1</v>
      </c>
      <c r="C28880" s="14" t="s">
        <v>150</v>
      </c>
      <c r="D28880" s="14" t="s">
        <v>183</v>
      </c>
      <c r="E28880" s="15">
        <v>45421</v>
      </c>
      <c r="F28880" s="14" t="s">
        <v>61</v>
      </c>
      <c r="G28880" s="16">
        <v>0.19676568302496686</v>
      </c>
    </row>
    <row r="28881" spans="1:7" x14ac:dyDescent="0.3">
      <c r="A28881" s="13" t="s">
        <v>182</v>
      </c>
      <c r="B28881" s="14" t="s">
        <v>1</v>
      </c>
      <c r="C28881" s="14" t="s">
        <v>150</v>
      </c>
      <c r="D28881" s="14" t="s">
        <v>183</v>
      </c>
      <c r="E28881" s="15">
        <v>45422</v>
      </c>
      <c r="F28881" s="14" t="s">
        <v>61</v>
      </c>
      <c r="G28881" s="16">
        <v>0.20079144596054049</v>
      </c>
    </row>
    <row r="28882" spans="1:7" x14ac:dyDescent="0.3">
      <c r="A28882" s="13" t="s">
        <v>182</v>
      </c>
      <c r="B28882" s="14" t="s">
        <v>1</v>
      </c>
      <c r="C28882" s="14" t="s">
        <v>150</v>
      </c>
      <c r="D28882" s="14" t="s">
        <v>183</v>
      </c>
      <c r="E28882" s="15">
        <v>45423</v>
      </c>
      <c r="F28882" s="14" t="s">
        <v>61</v>
      </c>
      <c r="G28882" s="16">
        <v>0.20079144596054049</v>
      </c>
    </row>
    <row r="28883" spans="1:7" x14ac:dyDescent="0.3">
      <c r="A28883" s="13" t="s">
        <v>182</v>
      </c>
      <c r="B28883" s="14" t="s">
        <v>1</v>
      </c>
      <c r="C28883" s="14" t="s">
        <v>150</v>
      </c>
      <c r="D28883" s="14" t="s">
        <v>183</v>
      </c>
      <c r="E28883" s="15">
        <v>45424</v>
      </c>
      <c r="F28883" s="14" t="s">
        <v>61</v>
      </c>
      <c r="G28883" s="16">
        <v>0.20079144596054049</v>
      </c>
    </row>
    <row r="28884" spans="1:7" x14ac:dyDescent="0.3">
      <c r="A28884" s="13" t="s">
        <v>182</v>
      </c>
      <c r="B28884" s="14" t="s">
        <v>1</v>
      </c>
      <c r="C28884" s="14" t="s">
        <v>150</v>
      </c>
      <c r="D28884" s="14" t="s">
        <v>183</v>
      </c>
      <c r="E28884" s="15">
        <v>45425</v>
      </c>
      <c r="F28884" s="14" t="s">
        <v>61</v>
      </c>
      <c r="G28884" s="16">
        <v>0.21083118891280572</v>
      </c>
    </row>
    <row r="28885" spans="1:7" x14ac:dyDescent="0.3">
      <c r="A28885" s="13" t="s">
        <v>182</v>
      </c>
      <c r="B28885" s="14" t="s">
        <v>1</v>
      </c>
      <c r="C28885" s="14" t="s">
        <v>150</v>
      </c>
      <c r="D28885" s="14" t="s">
        <v>183</v>
      </c>
      <c r="E28885" s="15">
        <v>45426</v>
      </c>
      <c r="F28885" s="14" t="s">
        <v>61</v>
      </c>
      <c r="G28885" s="16">
        <v>0.22858410567018045</v>
      </c>
    </row>
    <row r="28886" spans="1:7" x14ac:dyDescent="0.3">
      <c r="A28886" s="13" t="s">
        <v>182</v>
      </c>
      <c r="B28886" s="14" t="s">
        <v>1</v>
      </c>
      <c r="C28886" s="14" t="s">
        <v>150</v>
      </c>
      <c r="D28886" s="14" t="s">
        <v>183</v>
      </c>
      <c r="E28886" s="15">
        <v>45427</v>
      </c>
      <c r="F28886" s="14" t="s">
        <v>61</v>
      </c>
      <c r="G28886" s="16">
        <v>0.23253577938410042</v>
      </c>
    </row>
    <row r="28887" spans="1:7" x14ac:dyDescent="0.3">
      <c r="A28887" s="13" t="s">
        <v>182</v>
      </c>
      <c r="B28887" s="14" t="s">
        <v>1</v>
      </c>
      <c r="C28887" s="14" t="s">
        <v>150</v>
      </c>
      <c r="D28887" s="14" t="s">
        <v>183</v>
      </c>
      <c r="E28887" s="15">
        <v>45428</v>
      </c>
      <c r="F28887" s="14" t="s">
        <v>61</v>
      </c>
      <c r="G28887" s="16">
        <v>0.23664656273796514</v>
      </c>
    </row>
    <row r="28888" spans="1:7" x14ac:dyDescent="0.3">
      <c r="A28888" s="13" t="s">
        <v>182</v>
      </c>
      <c r="B28888" s="14" t="s">
        <v>1</v>
      </c>
      <c r="C28888" s="14" t="s">
        <v>150</v>
      </c>
      <c r="D28888" s="14" t="s">
        <v>183</v>
      </c>
      <c r="E28888" s="15">
        <v>45429</v>
      </c>
      <c r="F28888" s="14" t="s">
        <v>61</v>
      </c>
      <c r="G28888" s="16">
        <v>0.28274771610840282</v>
      </c>
    </row>
    <row r="28889" spans="1:7" x14ac:dyDescent="0.3">
      <c r="A28889" s="13" t="s">
        <v>182</v>
      </c>
      <c r="B28889" s="14" t="s">
        <v>1</v>
      </c>
      <c r="C28889" s="14" t="s">
        <v>150</v>
      </c>
      <c r="D28889" s="14" t="s">
        <v>183</v>
      </c>
      <c r="E28889" s="15">
        <v>45430</v>
      </c>
      <c r="F28889" s="14" t="s">
        <v>61</v>
      </c>
      <c r="G28889" s="16">
        <v>0.28274771610840282</v>
      </c>
    </row>
    <row r="28890" spans="1:7" x14ac:dyDescent="0.3">
      <c r="A28890" s="13" t="s">
        <v>182</v>
      </c>
      <c r="B28890" s="14" t="s">
        <v>1</v>
      </c>
      <c r="C28890" s="14" t="s">
        <v>150</v>
      </c>
      <c r="D28890" s="14" t="s">
        <v>183</v>
      </c>
      <c r="E28890" s="15">
        <v>45431</v>
      </c>
      <c r="F28890" s="14" t="s">
        <v>61</v>
      </c>
      <c r="G28890" s="16">
        <v>0.28274771610840282</v>
      </c>
    </row>
    <row r="28891" spans="1:7" x14ac:dyDescent="0.3">
      <c r="A28891" s="13" t="s">
        <v>182</v>
      </c>
      <c r="B28891" s="14" t="s">
        <v>1</v>
      </c>
      <c r="C28891" s="14" t="s">
        <v>150</v>
      </c>
      <c r="D28891" s="14" t="s">
        <v>183</v>
      </c>
      <c r="E28891" s="15">
        <v>45432</v>
      </c>
      <c r="F28891" s="14" t="s">
        <v>61</v>
      </c>
      <c r="G28891" s="16">
        <v>0.28274771610840282</v>
      </c>
    </row>
    <row r="28892" spans="1:7" x14ac:dyDescent="0.3">
      <c r="A28892" s="13" t="s">
        <v>182</v>
      </c>
      <c r="B28892" s="14" t="s">
        <v>1</v>
      </c>
      <c r="C28892" s="14" t="s">
        <v>150</v>
      </c>
      <c r="D28892" s="14" t="s">
        <v>183</v>
      </c>
      <c r="E28892" s="15">
        <v>45433</v>
      </c>
      <c r="F28892" s="14" t="s">
        <v>61</v>
      </c>
      <c r="G28892" s="16">
        <v>0.28686457234928836</v>
      </c>
    </row>
    <row r="28893" spans="1:7" x14ac:dyDescent="0.3">
      <c r="A28893" s="13" t="s">
        <v>182</v>
      </c>
      <c r="B28893" s="14" t="s">
        <v>1</v>
      </c>
      <c r="C28893" s="14" t="s">
        <v>150</v>
      </c>
      <c r="D28893" s="14" t="s">
        <v>183</v>
      </c>
      <c r="E28893" s="15">
        <v>45434</v>
      </c>
      <c r="F28893" s="14" t="s">
        <v>61</v>
      </c>
      <c r="G28893" s="16">
        <v>0.30353287148474944</v>
      </c>
    </row>
    <row r="28894" spans="1:7" x14ac:dyDescent="0.3">
      <c r="A28894" s="13" t="s">
        <v>182</v>
      </c>
      <c r="B28894" s="14" t="s">
        <v>1</v>
      </c>
      <c r="C28894" s="14" t="s">
        <v>150</v>
      </c>
      <c r="D28894" s="14" t="s">
        <v>183</v>
      </c>
      <c r="E28894" s="15">
        <v>45435</v>
      </c>
      <c r="F28894" s="14" t="s">
        <v>61</v>
      </c>
      <c r="G28894" s="16">
        <v>0.31159831886655481</v>
      </c>
    </row>
    <row r="28895" spans="1:7" x14ac:dyDescent="0.3">
      <c r="A28895" s="13" t="s">
        <v>182</v>
      </c>
      <c r="B28895" s="14" t="s">
        <v>1</v>
      </c>
      <c r="C28895" s="14" t="s">
        <v>150</v>
      </c>
      <c r="D28895" s="14" t="s">
        <v>183</v>
      </c>
      <c r="E28895" s="15">
        <v>45436</v>
      </c>
      <c r="F28895" s="14" t="s">
        <v>61</v>
      </c>
      <c r="G28895" s="16">
        <v>0.31574311038773595</v>
      </c>
    </row>
    <row r="28896" spans="1:7" x14ac:dyDescent="0.3">
      <c r="A28896" s="13" t="s">
        <v>182</v>
      </c>
      <c r="B28896" s="14" t="s">
        <v>1</v>
      </c>
      <c r="C28896" s="14" t="s">
        <v>150</v>
      </c>
      <c r="D28896" s="14" t="s">
        <v>183</v>
      </c>
      <c r="E28896" s="15">
        <v>45437</v>
      </c>
      <c r="F28896" s="14" t="s">
        <v>61</v>
      </c>
      <c r="G28896" s="16">
        <v>0.31574311038773595</v>
      </c>
    </row>
    <row r="28897" spans="1:7" x14ac:dyDescent="0.3">
      <c r="A28897" s="13" t="s">
        <v>182</v>
      </c>
      <c r="B28897" s="14" t="s">
        <v>1</v>
      </c>
      <c r="C28897" s="14" t="s">
        <v>150</v>
      </c>
      <c r="D28897" s="14" t="s">
        <v>183</v>
      </c>
      <c r="E28897" s="15">
        <v>45438</v>
      </c>
      <c r="F28897" s="14" t="s">
        <v>61</v>
      </c>
      <c r="G28897" s="16">
        <v>0.31574311038773595</v>
      </c>
    </row>
    <row r="28898" spans="1:7" x14ac:dyDescent="0.3">
      <c r="A28898" s="13" t="s">
        <v>182</v>
      </c>
      <c r="B28898" s="14" t="s">
        <v>1</v>
      </c>
      <c r="C28898" s="14" t="s">
        <v>150</v>
      </c>
      <c r="D28898" s="14" t="s">
        <v>183</v>
      </c>
      <c r="E28898" s="15">
        <v>45439</v>
      </c>
      <c r="F28898" s="14" t="s">
        <v>61</v>
      </c>
      <c r="G28898" s="16">
        <v>0.31988182902189632</v>
      </c>
    </row>
    <row r="28899" spans="1:7" x14ac:dyDescent="0.3">
      <c r="A28899" s="13" t="s">
        <v>182</v>
      </c>
      <c r="B28899" s="14" t="s">
        <v>1</v>
      </c>
      <c r="C28899" s="14" t="s">
        <v>150</v>
      </c>
      <c r="D28899" s="14" t="s">
        <v>183</v>
      </c>
      <c r="E28899" s="15">
        <v>45440</v>
      </c>
      <c r="F28899" s="14" t="s">
        <v>61</v>
      </c>
      <c r="G28899" s="16">
        <v>0.33210841859034917</v>
      </c>
    </row>
    <row r="28900" spans="1:7" x14ac:dyDescent="0.3">
      <c r="A28900" s="13" t="s">
        <v>182</v>
      </c>
      <c r="B28900" s="14" t="s">
        <v>1</v>
      </c>
      <c r="C28900" s="14" t="s">
        <v>150</v>
      </c>
      <c r="D28900" s="14" t="s">
        <v>183</v>
      </c>
      <c r="E28900" s="15">
        <v>45441</v>
      </c>
      <c r="F28900" s="14" t="s">
        <v>61</v>
      </c>
      <c r="G28900" s="16">
        <v>0.33717325249518054</v>
      </c>
    </row>
    <row r="28901" spans="1:7" x14ac:dyDescent="0.3">
      <c r="A28901" s="13" t="s">
        <v>182</v>
      </c>
      <c r="B28901" s="14" t="s">
        <v>1</v>
      </c>
      <c r="C28901" s="14" t="s">
        <v>150</v>
      </c>
      <c r="D28901" s="14" t="s">
        <v>183</v>
      </c>
      <c r="E28901" s="15">
        <v>45442</v>
      </c>
      <c r="F28901" s="14" t="s">
        <v>61</v>
      </c>
      <c r="G28901" s="16">
        <v>0.34129800348919309</v>
      </c>
    </row>
    <row r="28902" spans="1:7" x14ac:dyDescent="0.3">
      <c r="A28902" s="13" t="s">
        <v>182</v>
      </c>
      <c r="B28902" s="14" t="s">
        <v>1</v>
      </c>
      <c r="C28902" s="14" t="s">
        <v>150</v>
      </c>
      <c r="D28902" s="14" t="s">
        <v>183</v>
      </c>
      <c r="E28902" s="15">
        <v>45443</v>
      </c>
      <c r="F28902" s="14" t="s">
        <v>61</v>
      </c>
      <c r="G28902" s="16">
        <v>0.34544279501037428</v>
      </c>
    </row>
    <row r="28903" spans="1:7" x14ac:dyDescent="0.3">
      <c r="A28903" s="13" t="s">
        <v>182</v>
      </c>
      <c r="B28903" s="14" t="s">
        <v>1</v>
      </c>
      <c r="C28903" s="14" t="s">
        <v>150</v>
      </c>
      <c r="D28903" s="14" t="s">
        <v>183</v>
      </c>
      <c r="E28903" s="15">
        <v>45444</v>
      </c>
      <c r="F28903" s="14" t="s">
        <v>61</v>
      </c>
      <c r="G28903" s="16">
        <v>0.34544279501037428</v>
      </c>
    </row>
    <row r="28904" spans="1:7" x14ac:dyDescent="0.3">
      <c r="A28904" s="13" t="s">
        <v>182</v>
      </c>
      <c r="B28904" s="14" t="s">
        <v>1</v>
      </c>
      <c r="C28904" s="14" t="s">
        <v>150</v>
      </c>
      <c r="D28904" s="14" t="s">
        <v>183</v>
      </c>
      <c r="E28904" s="15">
        <v>45445</v>
      </c>
      <c r="F28904" s="14" t="s">
        <v>61</v>
      </c>
      <c r="G28904" s="16">
        <v>0.34544279501037428</v>
      </c>
    </row>
    <row r="28905" spans="1:7" x14ac:dyDescent="0.3">
      <c r="A28905" s="13" t="s">
        <v>182</v>
      </c>
      <c r="B28905" s="14" t="s">
        <v>1</v>
      </c>
      <c r="C28905" s="14" t="s">
        <v>150</v>
      </c>
      <c r="D28905" s="14" t="s">
        <v>183</v>
      </c>
      <c r="E28905" s="15">
        <v>45446</v>
      </c>
      <c r="F28905" s="14" t="s">
        <v>61</v>
      </c>
      <c r="G28905" s="16">
        <v>0.34544279501037428</v>
      </c>
    </row>
    <row r="28906" spans="1:7" x14ac:dyDescent="0.3">
      <c r="A28906" s="13" t="s">
        <v>182</v>
      </c>
      <c r="B28906" s="14" t="s">
        <v>1</v>
      </c>
      <c r="C28906" s="14" t="s">
        <v>150</v>
      </c>
      <c r="D28906" s="14" t="s">
        <v>183</v>
      </c>
      <c r="E28906" s="15">
        <v>45447</v>
      </c>
      <c r="F28906" s="14" t="s">
        <v>61</v>
      </c>
      <c r="G28906" s="16">
        <v>0.34958455008804507</v>
      </c>
    </row>
    <row r="28907" spans="1:7" x14ac:dyDescent="0.3">
      <c r="A28907" s="13" t="s">
        <v>182</v>
      </c>
      <c r="B28907" s="14" t="s">
        <v>1</v>
      </c>
      <c r="C28907" s="14" t="s">
        <v>150</v>
      </c>
      <c r="D28907" s="14" t="s">
        <v>183</v>
      </c>
      <c r="E28907" s="15">
        <v>45448</v>
      </c>
      <c r="F28907" s="14" t="s">
        <v>61</v>
      </c>
      <c r="G28907" s="16">
        <v>0.3834937754755382</v>
      </c>
    </row>
    <row r="28908" spans="1:7" x14ac:dyDescent="0.3">
      <c r="A28908" s="13" t="s">
        <v>182</v>
      </c>
      <c r="B28908" s="14" t="s">
        <v>1</v>
      </c>
      <c r="C28908" s="14" t="s">
        <v>150</v>
      </c>
      <c r="D28908" s="14" t="s">
        <v>183</v>
      </c>
      <c r="E28908" s="15">
        <v>45449</v>
      </c>
      <c r="F28908" s="14" t="s">
        <v>61</v>
      </c>
      <c r="G28908" s="16">
        <v>0.38758755474574469</v>
      </c>
    </row>
    <row r="28909" spans="1:7" x14ac:dyDescent="0.3">
      <c r="A28909" s="13" t="s">
        <v>182</v>
      </c>
      <c r="B28909" s="14" t="s">
        <v>1</v>
      </c>
      <c r="C28909" s="14" t="s">
        <v>150</v>
      </c>
      <c r="D28909" s="14" t="s">
        <v>183</v>
      </c>
      <c r="E28909" s="15">
        <v>45450</v>
      </c>
      <c r="F28909" s="14" t="s">
        <v>61</v>
      </c>
      <c r="G28909" s="16">
        <v>0.39173841915394669</v>
      </c>
    </row>
    <row r="28910" spans="1:7" x14ac:dyDescent="0.3">
      <c r="A28910" s="13" t="s">
        <v>182</v>
      </c>
      <c r="B28910" s="14" t="s">
        <v>1</v>
      </c>
      <c r="C28910" s="14" t="s">
        <v>150</v>
      </c>
      <c r="D28910" s="14" t="s">
        <v>183</v>
      </c>
      <c r="E28910" s="15">
        <v>45451</v>
      </c>
      <c r="F28910" s="14" t="s">
        <v>61</v>
      </c>
      <c r="G28910" s="16">
        <v>0.39173841915394669</v>
      </c>
    </row>
    <row r="28911" spans="1:7" x14ac:dyDescent="0.3">
      <c r="A28911" s="13" t="s">
        <v>182</v>
      </c>
      <c r="B28911" s="14" t="s">
        <v>1</v>
      </c>
      <c r="C28911" s="14" t="s">
        <v>150</v>
      </c>
      <c r="D28911" s="14" t="s">
        <v>183</v>
      </c>
      <c r="E28911" s="15">
        <v>45452</v>
      </c>
      <c r="F28911" s="14" t="s">
        <v>61</v>
      </c>
      <c r="G28911" s="16">
        <v>0.39173841915394669</v>
      </c>
    </row>
    <row r="28912" spans="1:7" x14ac:dyDescent="0.3">
      <c r="A28912" s="13" t="s">
        <v>182</v>
      </c>
      <c r="B28912" s="14" t="s">
        <v>1</v>
      </c>
      <c r="C28912" s="14" t="s">
        <v>150</v>
      </c>
      <c r="D28912" s="14" t="s">
        <v>183</v>
      </c>
      <c r="E28912" s="15">
        <v>45453</v>
      </c>
      <c r="F28912" s="14" t="s">
        <v>61</v>
      </c>
      <c r="G28912" s="16">
        <v>0.39830325615291401</v>
      </c>
    </row>
    <row r="28913" spans="1:7" x14ac:dyDescent="0.3">
      <c r="A28913" s="13" t="s">
        <v>182</v>
      </c>
      <c r="B28913" s="14" t="s">
        <v>1</v>
      </c>
      <c r="C28913" s="14" t="s">
        <v>150</v>
      </c>
      <c r="D28913" s="14" t="s">
        <v>183</v>
      </c>
      <c r="E28913" s="15">
        <v>45454</v>
      </c>
      <c r="F28913" s="14" t="s">
        <v>61</v>
      </c>
      <c r="G28913" s="16">
        <v>0.41292353124166331</v>
      </c>
    </row>
    <row r="28914" spans="1:7" x14ac:dyDescent="0.3">
      <c r="A28914" s="13" t="s">
        <v>182</v>
      </c>
      <c r="B28914" s="14" t="s">
        <v>1</v>
      </c>
      <c r="C28914" s="14" t="s">
        <v>150</v>
      </c>
      <c r="D28914" s="14" t="s">
        <v>183</v>
      </c>
      <c r="E28914" s="15">
        <v>45455</v>
      </c>
      <c r="F28914" s="14" t="s">
        <v>61</v>
      </c>
      <c r="G28914" s="16">
        <v>0.4170652038836935</v>
      </c>
    </row>
    <row r="28915" spans="1:7" x14ac:dyDescent="0.3">
      <c r="A28915" s="13" t="s">
        <v>182</v>
      </c>
      <c r="B28915" s="14" t="s">
        <v>1</v>
      </c>
      <c r="C28915" s="14" t="s">
        <v>150</v>
      </c>
      <c r="D28915" s="14" t="s">
        <v>183</v>
      </c>
      <c r="E28915" s="15">
        <v>45456</v>
      </c>
      <c r="F28915" s="14" t="s">
        <v>61</v>
      </c>
      <c r="G28915" s="16">
        <v>0.42115320028182934</v>
      </c>
    </row>
    <row r="28916" spans="1:7" x14ac:dyDescent="0.3">
      <c r="A28916" s="13" t="s">
        <v>182</v>
      </c>
      <c r="B28916" s="14" t="s">
        <v>1</v>
      </c>
      <c r="C28916" s="14" t="s">
        <v>150</v>
      </c>
      <c r="D28916" s="14" t="s">
        <v>183</v>
      </c>
      <c r="E28916" s="15">
        <v>45457</v>
      </c>
      <c r="F28916" s="14" t="s">
        <v>61</v>
      </c>
      <c r="G28916" s="16">
        <v>0.43064337379319834</v>
      </c>
    </row>
    <row r="28917" spans="1:7" x14ac:dyDescent="0.3">
      <c r="A28917" s="13" t="s">
        <v>182</v>
      </c>
      <c r="B28917" s="14" t="s">
        <v>1</v>
      </c>
      <c r="C28917" s="14" t="s">
        <v>150</v>
      </c>
      <c r="D28917" s="14" t="s">
        <v>183</v>
      </c>
      <c r="E28917" s="15">
        <v>45458</v>
      </c>
      <c r="F28917" s="14" t="s">
        <v>61</v>
      </c>
      <c r="G28917" s="16">
        <v>0.43064337379319834</v>
      </c>
    </row>
    <row r="28918" spans="1:7" x14ac:dyDescent="0.3">
      <c r="A28918" s="13" t="s">
        <v>182</v>
      </c>
      <c r="B28918" s="14" t="s">
        <v>1</v>
      </c>
      <c r="C28918" s="14" t="s">
        <v>150</v>
      </c>
      <c r="D28918" s="14" t="s">
        <v>183</v>
      </c>
      <c r="E28918" s="15">
        <v>45459</v>
      </c>
      <c r="F28918" s="14" t="s">
        <v>61</v>
      </c>
      <c r="G28918" s="16">
        <v>0.43064337379319834</v>
      </c>
    </row>
    <row r="28919" spans="1:7" x14ac:dyDescent="0.3">
      <c r="A28919" s="13" t="s">
        <v>182</v>
      </c>
      <c r="B28919" s="14" t="s">
        <v>1</v>
      </c>
      <c r="C28919" s="14" t="s">
        <v>150</v>
      </c>
      <c r="D28919" s="14" t="s">
        <v>183</v>
      </c>
      <c r="E28919" s="15">
        <v>45460</v>
      </c>
      <c r="F28919" s="14" t="s">
        <v>61</v>
      </c>
      <c r="G28919" s="16">
        <v>0.43584401136031736</v>
      </c>
    </row>
    <row r="28920" spans="1:7" x14ac:dyDescent="0.3">
      <c r="A28920" s="13" t="s">
        <v>182</v>
      </c>
      <c r="B28920" s="14" t="s">
        <v>1</v>
      </c>
      <c r="C28920" s="14" t="s">
        <v>150</v>
      </c>
      <c r="D28920" s="14" t="s">
        <v>183</v>
      </c>
      <c r="E28920" s="15">
        <v>45461</v>
      </c>
      <c r="F28920" s="14" t="s">
        <v>61</v>
      </c>
      <c r="G28920" s="16">
        <v>0.44853802642526452</v>
      </c>
    </row>
    <row r="28921" spans="1:7" x14ac:dyDescent="0.3">
      <c r="A28921" s="13" t="s">
        <v>182</v>
      </c>
      <c r="B28921" s="14" t="s">
        <v>1</v>
      </c>
      <c r="C28921" s="14" t="s">
        <v>150</v>
      </c>
      <c r="D28921" s="14" t="s">
        <v>183</v>
      </c>
      <c r="E28921" s="15">
        <v>45462</v>
      </c>
      <c r="F28921" s="14" t="s">
        <v>61</v>
      </c>
      <c r="G28921" s="16">
        <v>0.4534231259108672</v>
      </c>
    </row>
    <row r="28922" spans="1:7" x14ac:dyDescent="0.3">
      <c r="A28922" s="13" t="s">
        <v>182</v>
      </c>
      <c r="B28922" s="14" t="s">
        <v>1</v>
      </c>
      <c r="C28922" s="14" t="s">
        <v>150</v>
      </c>
      <c r="D28922" s="14" t="s">
        <v>183</v>
      </c>
      <c r="E28922" s="15">
        <v>45463</v>
      </c>
      <c r="F28922" s="14" t="s">
        <v>61</v>
      </c>
      <c r="G28922" s="16">
        <v>0.45760739184764743</v>
      </c>
    </row>
    <row r="28923" spans="1:7" x14ac:dyDescent="0.3">
      <c r="A28923" s="13" t="s">
        <v>182</v>
      </c>
      <c r="B28923" s="14" t="s">
        <v>1</v>
      </c>
      <c r="C28923" s="14" t="s">
        <v>150</v>
      </c>
      <c r="D28923" s="14" t="s">
        <v>183</v>
      </c>
      <c r="E28923" s="15">
        <v>45464</v>
      </c>
      <c r="F28923" s="14" t="s">
        <v>61</v>
      </c>
      <c r="G28923" s="16">
        <v>0.46323657011500763</v>
      </c>
    </row>
    <row r="28924" spans="1:7" x14ac:dyDescent="0.3">
      <c r="A28924" s="13" t="s">
        <v>182</v>
      </c>
      <c r="B28924" s="14" t="s">
        <v>1</v>
      </c>
      <c r="C28924" s="14" t="s">
        <v>150</v>
      </c>
      <c r="D28924" s="14" t="s">
        <v>183</v>
      </c>
      <c r="E28924" s="15">
        <v>45465</v>
      </c>
      <c r="F28924" s="14" t="s">
        <v>61</v>
      </c>
      <c r="G28924" s="16">
        <v>0.46323657011500763</v>
      </c>
    </row>
    <row r="28925" spans="1:7" x14ac:dyDescent="0.3">
      <c r="A28925" s="13" t="s">
        <v>182</v>
      </c>
      <c r="B28925" s="14" t="s">
        <v>1</v>
      </c>
      <c r="C28925" s="14" t="s">
        <v>150</v>
      </c>
      <c r="D28925" s="14" t="s">
        <v>183</v>
      </c>
      <c r="E28925" s="15">
        <v>45466</v>
      </c>
      <c r="F28925" s="14" t="s">
        <v>61</v>
      </c>
      <c r="G28925" s="16">
        <v>0.46323657011500763</v>
      </c>
    </row>
    <row r="28926" spans="1:7" x14ac:dyDescent="0.3">
      <c r="A28926" s="13" t="s">
        <v>182</v>
      </c>
      <c r="B28926" s="14" t="s">
        <v>1</v>
      </c>
      <c r="C28926" s="14" t="s">
        <v>150</v>
      </c>
      <c r="D28926" s="14" t="s">
        <v>183</v>
      </c>
      <c r="E28926" s="15">
        <v>45467</v>
      </c>
      <c r="F28926" s="14" t="s">
        <v>61</v>
      </c>
      <c r="G28926" s="16">
        <v>0.46801735949101797</v>
      </c>
    </row>
    <row r="28927" spans="1:7" x14ac:dyDescent="0.3">
      <c r="A28927" s="13" t="s">
        <v>182</v>
      </c>
      <c r="B28927" s="14" t="s">
        <v>1</v>
      </c>
      <c r="C28927" s="14" t="s">
        <v>150</v>
      </c>
      <c r="D28927" s="14" t="s">
        <v>183</v>
      </c>
      <c r="E28927" s="15">
        <v>45468</v>
      </c>
      <c r="F28927" s="14" t="s">
        <v>61</v>
      </c>
      <c r="G28927" s="16">
        <v>0.48014440564778604</v>
      </c>
    </row>
    <row r="28928" spans="1:7" x14ac:dyDescent="0.3">
      <c r="A28928" s="13" t="s">
        <v>182</v>
      </c>
      <c r="B28928" s="14" t="s">
        <v>1</v>
      </c>
      <c r="C28928" s="14" t="s">
        <v>150</v>
      </c>
      <c r="D28928" s="14" t="s">
        <v>183</v>
      </c>
      <c r="E28928" s="15">
        <v>45469</v>
      </c>
      <c r="F28928" s="14" t="s">
        <v>61</v>
      </c>
      <c r="G28928" s="16">
        <v>0.48422566535134398</v>
      </c>
    </row>
    <row r="28929" spans="1:7" x14ac:dyDescent="0.3">
      <c r="A28929" s="13" t="s">
        <v>182</v>
      </c>
      <c r="B28929" s="14" t="s">
        <v>1</v>
      </c>
      <c r="C28929" s="14" t="s">
        <v>150</v>
      </c>
      <c r="D28929" s="14" t="s">
        <v>183</v>
      </c>
      <c r="E28929" s="15">
        <v>45470</v>
      </c>
      <c r="F28929" s="14" t="s">
        <v>61</v>
      </c>
      <c r="G28929" s="16">
        <v>0.48831626950221951</v>
      </c>
    </row>
    <row r="28930" spans="1:7" x14ac:dyDescent="0.3">
      <c r="A28930" s="13" t="s">
        <v>182</v>
      </c>
      <c r="B28930" s="14" t="s">
        <v>1</v>
      </c>
      <c r="C28930" s="14" t="s">
        <v>150</v>
      </c>
      <c r="D28930" s="14" t="s">
        <v>183</v>
      </c>
      <c r="E28930" s="15">
        <v>45471</v>
      </c>
      <c r="F28930" s="14" t="s">
        <v>61</v>
      </c>
      <c r="G28930" s="16">
        <v>0.49009966441655317</v>
      </c>
    </row>
    <row r="28931" spans="1:7" x14ac:dyDescent="0.3">
      <c r="A28931" s="13" t="s">
        <v>182</v>
      </c>
      <c r="B28931" s="14" t="s">
        <v>1</v>
      </c>
      <c r="C28931" s="14" t="s">
        <v>150</v>
      </c>
      <c r="D28931" s="14" t="s">
        <v>183</v>
      </c>
      <c r="E28931" s="15">
        <v>45472</v>
      </c>
      <c r="F28931" s="14" t="s">
        <v>61</v>
      </c>
      <c r="G28931" s="16">
        <v>0.49009966441655317</v>
      </c>
    </row>
    <row r="28932" spans="1:7" x14ac:dyDescent="0.3">
      <c r="A28932" s="13" t="s">
        <v>182</v>
      </c>
      <c r="B28932" s="14" t="s">
        <v>1</v>
      </c>
      <c r="C28932" s="14" t="s">
        <v>150</v>
      </c>
      <c r="D28932" s="14" t="s">
        <v>183</v>
      </c>
      <c r="E28932" s="15">
        <v>45473</v>
      </c>
      <c r="F28932" s="14" t="s">
        <v>61</v>
      </c>
      <c r="G28932" s="16">
        <v>0.49009966441655317</v>
      </c>
    </row>
    <row r="28933" spans="1:7" x14ac:dyDescent="0.3">
      <c r="A28933" s="13" t="s">
        <v>182</v>
      </c>
      <c r="B28933" s="14" t="s">
        <v>1</v>
      </c>
      <c r="C28933" s="14" t="s">
        <v>150</v>
      </c>
      <c r="D28933" s="14" t="s">
        <v>183</v>
      </c>
      <c r="E28933" s="15">
        <v>45474</v>
      </c>
      <c r="F28933" s="14" t="s">
        <v>61</v>
      </c>
      <c r="G28933" s="16">
        <v>0.49435846861914623</v>
      </c>
    </row>
    <row r="28934" spans="1:7" x14ac:dyDescent="0.3">
      <c r="A28934" s="13" t="s">
        <v>182</v>
      </c>
      <c r="B28934" s="14" t="s">
        <v>1</v>
      </c>
      <c r="C28934" s="14" t="s">
        <v>150</v>
      </c>
      <c r="D28934" s="14" t="s">
        <v>183</v>
      </c>
      <c r="E28934" s="15">
        <v>45475</v>
      </c>
      <c r="F28934" s="14" t="s">
        <v>61</v>
      </c>
      <c r="G28934" s="16">
        <v>0.50576990396156607</v>
      </c>
    </row>
    <row r="28935" spans="1:7" x14ac:dyDescent="0.3">
      <c r="A28935" s="13" t="s">
        <v>182</v>
      </c>
      <c r="B28935" s="14" t="s">
        <v>1</v>
      </c>
      <c r="C28935" s="14" t="s">
        <v>150</v>
      </c>
      <c r="D28935" s="14" t="s">
        <v>183</v>
      </c>
      <c r="E28935" s="15">
        <v>45476</v>
      </c>
      <c r="F28935" s="14" t="s">
        <v>61</v>
      </c>
      <c r="G28935" s="16">
        <v>0.51525681778201038</v>
      </c>
    </row>
    <row r="28936" spans="1:7" x14ac:dyDescent="0.3">
      <c r="A28936" s="13" t="s">
        <v>182</v>
      </c>
      <c r="B28936" s="14" t="s">
        <v>1</v>
      </c>
      <c r="C28936" s="14" t="s">
        <v>150</v>
      </c>
      <c r="D28936" s="14" t="s">
        <v>183</v>
      </c>
      <c r="E28936" s="15">
        <v>45477</v>
      </c>
      <c r="F28936" s="14" t="s">
        <v>61</v>
      </c>
      <c r="G28936" s="16">
        <v>0.51893018149451731</v>
      </c>
    </row>
    <row r="28937" spans="1:7" x14ac:dyDescent="0.3">
      <c r="A28937" s="13" t="s">
        <v>182</v>
      </c>
      <c r="B28937" s="14" t="s">
        <v>1</v>
      </c>
      <c r="C28937" s="14" t="s">
        <v>150</v>
      </c>
      <c r="D28937" s="14" t="s">
        <v>183</v>
      </c>
      <c r="E28937" s="15">
        <v>45478</v>
      </c>
      <c r="F28937" s="14" t="s">
        <v>61</v>
      </c>
      <c r="G28937" s="16">
        <v>0.52269090492380765</v>
      </c>
    </row>
    <row r="28938" spans="1:7" x14ac:dyDescent="0.3">
      <c r="A28938" s="13" t="s">
        <v>182</v>
      </c>
      <c r="B28938" s="14" t="s">
        <v>1</v>
      </c>
      <c r="C28938" s="14" t="s">
        <v>150</v>
      </c>
      <c r="D28938" s="14" t="s">
        <v>183</v>
      </c>
      <c r="E28938" s="15">
        <v>45479</v>
      </c>
      <c r="F28938" s="14" t="s">
        <v>61</v>
      </c>
      <c r="G28938" s="16">
        <v>0.52269090492380765</v>
      </c>
    </row>
    <row r="28939" spans="1:7" x14ac:dyDescent="0.3">
      <c r="A28939" s="13" t="s">
        <v>182</v>
      </c>
      <c r="B28939" s="14" t="s">
        <v>1</v>
      </c>
      <c r="C28939" s="14" t="s">
        <v>150</v>
      </c>
      <c r="D28939" s="14" t="s">
        <v>183</v>
      </c>
      <c r="E28939" s="15">
        <v>45480</v>
      </c>
      <c r="F28939" s="14" t="s">
        <v>61</v>
      </c>
      <c r="G28939" s="16">
        <v>0.52269090492380765</v>
      </c>
    </row>
    <row r="28940" spans="1:7" x14ac:dyDescent="0.3">
      <c r="A28940" s="13" t="s">
        <v>182</v>
      </c>
      <c r="B28940" s="14" t="s">
        <v>1</v>
      </c>
      <c r="C28940" s="14" t="s">
        <v>150</v>
      </c>
      <c r="D28940" s="14" t="s">
        <v>183</v>
      </c>
      <c r="E28940" s="15">
        <v>45481</v>
      </c>
      <c r="F28940" s="14" t="s">
        <v>61</v>
      </c>
      <c r="G28940" s="16">
        <v>0.52644011077849717</v>
      </c>
    </row>
    <row r="28941" spans="1:7" x14ac:dyDescent="0.3">
      <c r="A28941" s="13" t="s">
        <v>182</v>
      </c>
      <c r="B28941" s="14" t="s">
        <v>1</v>
      </c>
      <c r="C28941" s="14" t="s">
        <v>150</v>
      </c>
      <c r="D28941" s="14" t="s">
        <v>183</v>
      </c>
      <c r="E28941" s="15">
        <v>45482</v>
      </c>
      <c r="F28941" s="14" t="s">
        <v>61</v>
      </c>
      <c r="G28941" s="16">
        <v>0.53757316851594306</v>
      </c>
    </row>
    <row r="28942" spans="1:7" x14ac:dyDescent="0.3">
      <c r="A28942" s="13" t="s">
        <v>182</v>
      </c>
      <c r="B28942" s="14" t="s">
        <v>1</v>
      </c>
      <c r="C28942" s="14" t="s">
        <v>150</v>
      </c>
      <c r="D28942" s="14" t="s">
        <v>183</v>
      </c>
      <c r="E28942" s="15">
        <v>45483</v>
      </c>
      <c r="F28942" s="14" t="s">
        <v>61</v>
      </c>
      <c r="G28942" s="16">
        <v>0.54832636360429066</v>
      </c>
    </row>
    <row r="28943" spans="1:7" x14ac:dyDescent="0.3">
      <c r="A28943" s="13" t="s">
        <v>182</v>
      </c>
      <c r="B28943" s="14" t="s">
        <v>1</v>
      </c>
      <c r="C28943" s="14" t="s">
        <v>150</v>
      </c>
      <c r="D28943" s="14" t="s">
        <v>183</v>
      </c>
      <c r="E28943" s="15">
        <v>45484</v>
      </c>
      <c r="F28943" s="14" t="s">
        <v>61</v>
      </c>
      <c r="G28943" s="16">
        <v>0.55252627605750981</v>
      </c>
    </row>
    <row r="28944" spans="1:7" x14ac:dyDescent="0.3">
      <c r="A28944" s="13" t="s">
        <v>182</v>
      </c>
      <c r="B28944" s="14" t="s">
        <v>1</v>
      </c>
      <c r="C28944" s="14" t="s">
        <v>150</v>
      </c>
      <c r="D28944" s="14" t="s">
        <v>183</v>
      </c>
      <c r="E28944" s="15">
        <v>45485</v>
      </c>
      <c r="F28944" s="14" t="s">
        <v>61</v>
      </c>
      <c r="G28944" s="16">
        <v>0.55619529351545038</v>
      </c>
    </row>
    <row r="28945" spans="1:7" x14ac:dyDescent="0.3">
      <c r="A28945" s="13" t="s">
        <v>182</v>
      </c>
      <c r="B28945" s="14" t="s">
        <v>1</v>
      </c>
      <c r="C28945" s="14" t="s">
        <v>150</v>
      </c>
      <c r="D28945" s="14" t="s">
        <v>183</v>
      </c>
      <c r="E28945" s="15">
        <v>45486</v>
      </c>
      <c r="F28945" s="14" t="s">
        <v>61</v>
      </c>
      <c r="G28945" s="16">
        <v>0.55619529351545038</v>
      </c>
    </row>
    <row r="28946" spans="1:7" x14ac:dyDescent="0.3">
      <c r="A28946" s="13" t="s">
        <v>182</v>
      </c>
      <c r="B28946" s="14" t="s">
        <v>1</v>
      </c>
      <c r="C28946" s="14" t="s">
        <v>150</v>
      </c>
      <c r="D28946" s="14" t="s">
        <v>183</v>
      </c>
      <c r="E28946" s="15">
        <v>45487</v>
      </c>
      <c r="F28946" s="14" t="s">
        <v>61</v>
      </c>
      <c r="G28946" s="16">
        <v>0.55619529351545038</v>
      </c>
    </row>
    <row r="28947" spans="1:7" x14ac:dyDescent="0.3">
      <c r="A28947" s="13" t="s">
        <v>182</v>
      </c>
      <c r="B28947" s="14" t="s">
        <v>1</v>
      </c>
      <c r="C28947" s="14" t="s">
        <v>150</v>
      </c>
      <c r="D28947" s="14" t="s">
        <v>183</v>
      </c>
      <c r="E28947" s="15">
        <v>45488</v>
      </c>
      <c r="F28947" s="14" t="s">
        <v>61</v>
      </c>
      <c r="G28947" s="16">
        <v>0.55981780604953113</v>
      </c>
    </row>
    <row r="28948" spans="1:7" x14ac:dyDescent="0.3">
      <c r="A28948" s="13" t="s">
        <v>182</v>
      </c>
      <c r="B28948" s="14" t="s">
        <v>1</v>
      </c>
      <c r="C28948" s="14" t="s">
        <v>150</v>
      </c>
      <c r="D28948" s="14" t="s">
        <v>183</v>
      </c>
      <c r="E28948" s="15">
        <v>45489</v>
      </c>
      <c r="F28948" s="14" t="s">
        <v>61</v>
      </c>
      <c r="G28948" s="16">
        <v>0.57056622025785575</v>
      </c>
    </row>
    <row r="28949" spans="1:7" x14ac:dyDescent="0.3">
      <c r="A28949" s="13" t="s">
        <v>182</v>
      </c>
      <c r="B28949" s="14" t="s">
        <v>1</v>
      </c>
      <c r="C28949" s="14" t="s">
        <v>150</v>
      </c>
      <c r="D28949" s="14" t="s">
        <v>183</v>
      </c>
      <c r="E28949" s="15">
        <v>45490</v>
      </c>
      <c r="F28949" s="14" t="s">
        <v>61</v>
      </c>
      <c r="G28949" s="16">
        <v>0.57420894287566993</v>
      </c>
    </row>
    <row r="28950" spans="1:7" x14ac:dyDescent="0.3">
      <c r="A28950" s="13" t="s">
        <v>182</v>
      </c>
      <c r="B28950" s="14" t="s">
        <v>1</v>
      </c>
      <c r="C28950" s="14" t="s">
        <v>150</v>
      </c>
      <c r="D28950" s="14" t="s">
        <v>183</v>
      </c>
      <c r="E28950" s="15">
        <v>45491</v>
      </c>
      <c r="F28950" s="14" t="s">
        <v>61</v>
      </c>
      <c r="G28950" s="16">
        <v>0.57778060423132449</v>
      </c>
    </row>
    <row r="28951" spans="1:7" x14ac:dyDescent="0.3">
      <c r="A28951" s="13" t="s">
        <v>182</v>
      </c>
      <c r="B28951" s="14" t="s">
        <v>1</v>
      </c>
      <c r="C28951" s="14" t="s">
        <v>150</v>
      </c>
      <c r="D28951" s="14" t="s">
        <v>183</v>
      </c>
      <c r="E28951" s="15">
        <v>45492</v>
      </c>
      <c r="F28951" s="14" t="s">
        <v>61</v>
      </c>
      <c r="G28951" s="16">
        <v>0.65287879429797691</v>
      </c>
    </row>
    <row r="28952" spans="1:7" x14ac:dyDescent="0.3">
      <c r="A28952" s="13" t="s">
        <v>182</v>
      </c>
      <c r="B28952" s="14" t="s">
        <v>1</v>
      </c>
      <c r="C28952" s="14" t="s">
        <v>150</v>
      </c>
      <c r="D28952" s="14" t="s">
        <v>183</v>
      </c>
      <c r="E28952" s="15">
        <v>45493</v>
      </c>
      <c r="F28952" s="14" t="s">
        <v>61</v>
      </c>
      <c r="G28952" s="16">
        <v>0.65287879429797691</v>
      </c>
    </row>
    <row r="28953" spans="1:7" x14ac:dyDescent="0.3">
      <c r="A28953" s="13" t="s">
        <v>182</v>
      </c>
      <c r="B28953" s="14" t="s">
        <v>1</v>
      </c>
      <c r="C28953" s="14" t="s">
        <v>150</v>
      </c>
      <c r="D28953" s="14" t="s">
        <v>183</v>
      </c>
      <c r="E28953" s="15">
        <v>45494</v>
      </c>
      <c r="F28953" s="14" t="s">
        <v>61</v>
      </c>
      <c r="G28953" s="16">
        <v>0.65287879429797691</v>
      </c>
    </row>
    <row r="28954" spans="1:7" x14ac:dyDescent="0.3">
      <c r="A28954" s="13" t="s">
        <v>182</v>
      </c>
      <c r="B28954" s="14" t="s">
        <v>1</v>
      </c>
      <c r="C28954" s="14" t="s">
        <v>150</v>
      </c>
      <c r="D28954" s="14" t="s">
        <v>183</v>
      </c>
      <c r="E28954" s="15">
        <v>45495</v>
      </c>
      <c r="F28954" s="14" t="s">
        <v>61</v>
      </c>
      <c r="G28954" s="16">
        <v>0.6556372714242692</v>
      </c>
    </row>
    <row r="28955" spans="1:7" x14ac:dyDescent="0.3">
      <c r="A28955" s="13" t="s">
        <v>182</v>
      </c>
      <c r="B28955" s="14" t="s">
        <v>1</v>
      </c>
      <c r="C28955" s="14" t="s">
        <v>150</v>
      </c>
      <c r="D28955" s="14" t="s">
        <v>183</v>
      </c>
      <c r="E28955" s="15">
        <v>45496</v>
      </c>
      <c r="F28955" s="14" t="s">
        <v>61</v>
      </c>
      <c r="G28955" s="16">
        <v>0.66652802546964141</v>
      </c>
    </row>
    <row r="28956" spans="1:7" x14ac:dyDescent="0.3">
      <c r="A28956" s="13" t="s">
        <v>182</v>
      </c>
      <c r="B28956" s="14" t="s">
        <v>1</v>
      </c>
      <c r="C28956" s="14" t="s">
        <v>150</v>
      </c>
      <c r="D28956" s="14" t="s">
        <v>183</v>
      </c>
      <c r="E28956" s="15">
        <v>45497</v>
      </c>
      <c r="F28956" s="14" t="s">
        <v>61</v>
      </c>
      <c r="G28956" s="16">
        <v>0.670185308040253</v>
      </c>
    </row>
    <row r="28957" spans="1:7" x14ac:dyDescent="0.3">
      <c r="A28957" s="13" t="s">
        <v>182</v>
      </c>
      <c r="B28957" s="14" t="s">
        <v>1</v>
      </c>
      <c r="C28957" s="14" t="s">
        <v>150</v>
      </c>
      <c r="D28957" s="14" t="s">
        <v>183</v>
      </c>
      <c r="E28957" s="15">
        <v>45498</v>
      </c>
      <c r="F28957" s="14" t="s">
        <v>61</v>
      </c>
      <c r="G28957" s="16">
        <v>0.67382998647262204</v>
      </c>
    </row>
    <row r="28958" spans="1:7" x14ac:dyDescent="0.3">
      <c r="A28958" s="13" t="s">
        <v>182</v>
      </c>
      <c r="B28958" s="14" t="s">
        <v>1</v>
      </c>
      <c r="C28958" s="14" t="s">
        <v>150</v>
      </c>
      <c r="D28958" s="14" t="s">
        <v>183</v>
      </c>
      <c r="E28958" s="15">
        <v>45499</v>
      </c>
      <c r="F28958" s="14" t="s">
        <v>61</v>
      </c>
      <c r="G28958" s="16">
        <v>0.67744815275213643</v>
      </c>
    </row>
    <row r="28959" spans="1:7" x14ac:dyDescent="0.3">
      <c r="A28959" s="13" t="s">
        <v>182</v>
      </c>
      <c r="B28959" s="14" t="s">
        <v>1</v>
      </c>
      <c r="C28959" s="14" t="s">
        <v>150</v>
      </c>
      <c r="D28959" s="14" t="s">
        <v>183</v>
      </c>
      <c r="E28959" s="15">
        <v>45500</v>
      </c>
      <c r="F28959" s="14" t="s">
        <v>61</v>
      </c>
      <c r="G28959" s="16">
        <v>0.67744815275213643</v>
      </c>
    </row>
    <row r="28960" spans="1:7" x14ac:dyDescent="0.3">
      <c r="A28960" s="13" t="s">
        <v>182</v>
      </c>
      <c r="B28960" s="14" t="s">
        <v>1</v>
      </c>
      <c r="C28960" s="14" t="s">
        <v>150</v>
      </c>
      <c r="D28960" s="14" t="s">
        <v>183</v>
      </c>
      <c r="E28960" s="15">
        <v>45501</v>
      </c>
      <c r="F28960" s="14" t="s">
        <v>61</v>
      </c>
      <c r="G28960" s="16">
        <v>0.67744815275213643</v>
      </c>
    </row>
    <row r="28961" spans="1:7" x14ac:dyDescent="0.3">
      <c r="A28961" s="13" t="s">
        <v>182</v>
      </c>
      <c r="B28961" s="14" t="s">
        <v>1</v>
      </c>
      <c r="C28961" s="14" t="s">
        <v>150</v>
      </c>
      <c r="D28961" s="14" t="s">
        <v>183</v>
      </c>
      <c r="E28961" s="15">
        <v>45502</v>
      </c>
      <c r="F28961" s="14" t="s">
        <v>61</v>
      </c>
      <c r="G28961" s="16">
        <v>0.68109739475180009</v>
      </c>
    </row>
    <row r="28962" spans="1:7" x14ac:dyDescent="0.3">
      <c r="A28962" s="13" t="s">
        <v>182</v>
      </c>
      <c r="B28962" s="14" t="s">
        <v>1</v>
      </c>
      <c r="C28962" s="14" t="s">
        <v>150</v>
      </c>
      <c r="D28962" s="14" t="s">
        <v>183</v>
      </c>
      <c r="E28962" s="15">
        <v>45503</v>
      </c>
      <c r="F28962" s="14" t="s">
        <v>61</v>
      </c>
      <c r="G28962" s="16">
        <v>0.69200379531361123</v>
      </c>
    </row>
    <row r="28963" spans="1:7" x14ac:dyDescent="0.3">
      <c r="A28963" s="13" t="s">
        <v>182</v>
      </c>
      <c r="B28963" s="14" t="s">
        <v>1</v>
      </c>
      <c r="C28963" s="14" t="s">
        <v>150</v>
      </c>
      <c r="D28963" s="14" t="s">
        <v>183</v>
      </c>
      <c r="E28963" s="15">
        <v>45504</v>
      </c>
      <c r="F28963" s="14" t="s">
        <v>61</v>
      </c>
      <c r="G28963" s="16">
        <v>0.70012576788749625</v>
      </c>
    </row>
    <row r="28964" spans="1:7" x14ac:dyDescent="0.3">
      <c r="A28964" s="13" t="s">
        <v>182</v>
      </c>
      <c r="B28964" s="14" t="s">
        <v>1</v>
      </c>
      <c r="C28964" s="14" t="s">
        <v>150</v>
      </c>
      <c r="D28964" s="14" t="s">
        <v>183</v>
      </c>
      <c r="E28964" s="15">
        <v>45505</v>
      </c>
      <c r="F28964" s="14" t="s">
        <v>61</v>
      </c>
      <c r="G28964" s="16">
        <v>0.70012576788749625</v>
      </c>
    </row>
    <row r="28965" spans="1:7" x14ac:dyDescent="0.3">
      <c r="A28965" s="13" t="s">
        <v>182</v>
      </c>
      <c r="B28965" s="14" t="s">
        <v>1</v>
      </c>
      <c r="C28965" s="14" t="s">
        <v>150</v>
      </c>
      <c r="D28965" s="14" t="s">
        <v>183</v>
      </c>
      <c r="E28965" s="15">
        <v>45506</v>
      </c>
      <c r="F28965" s="14" t="s">
        <v>61</v>
      </c>
      <c r="G28965" s="16">
        <v>0.70376457887620081</v>
      </c>
    </row>
    <row r="28966" spans="1:7" x14ac:dyDescent="0.3">
      <c r="A28966" s="13" t="s">
        <v>182</v>
      </c>
      <c r="B28966" s="14" t="s">
        <v>1</v>
      </c>
      <c r="C28966" s="14" t="s">
        <v>150</v>
      </c>
      <c r="D28966" s="14" t="s">
        <v>183</v>
      </c>
      <c r="E28966" s="15">
        <v>45507</v>
      </c>
      <c r="F28966" s="14" t="s">
        <v>61</v>
      </c>
      <c r="G28966" s="16">
        <v>0.70376457887620081</v>
      </c>
    </row>
    <row r="28967" spans="1:7" x14ac:dyDescent="0.3">
      <c r="A28967" s="13" t="s">
        <v>182</v>
      </c>
      <c r="B28967" s="14" t="s">
        <v>1</v>
      </c>
      <c r="C28967" s="14" t="s">
        <v>150</v>
      </c>
      <c r="D28967" s="14" t="s">
        <v>183</v>
      </c>
      <c r="E28967" s="15">
        <v>45508</v>
      </c>
      <c r="F28967" s="14" t="s">
        <v>61</v>
      </c>
      <c r="G28967" s="16">
        <v>0.70376457887620081</v>
      </c>
    </row>
    <row r="28968" spans="1:7" x14ac:dyDescent="0.3">
      <c r="A28968" s="13" t="s">
        <v>182</v>
      </c>
      <c r="B28968" s="14" t="s">
        <v>1</v>
      </c>
      <c r="C28968" s="14" t="s">
        <v>150</v>
      </c>
      <c r="D28968" s="14" t="s">
        <v>183</v>
      </c>
      <c r="E28968" s="15">
        <v>45509</v>
      </c>
      <c r="F28968" s="14" t="s">
        <v>61</v>
      </c>
      <c r="G28968" s="16">
        <v>0.70376457887620081</v>
      </c>
    </row>
    <row r="28969" spans="1:7" x14ac:dyDescent="0.3">
      <c r="A28969" s="13" t="s">
        <v>182</v>
      </c>
      <c r="B28969" s="14" t="s">
        <v>1</v>
      </c>
      <c r="C28969" s="14" t="s">
        <v>150</v>
      </c>
      <c r="D28969" s="14" t="s">
        <v>183</v>
      </c>
      <c r="E28969" s="15">
        <v>45510</v>
      </c>
      <c r="F28969" s="14" t="s">
        <v>61</v>
      </c>
      <c r="G28969" s="16">
        <v>0.71722244818118241</v>
      </c>
    </row>
    <row r="28970" spans="1:7" x14ac:dyDescent="0.3">
      <c r="A28970" s="13" t="s">
        <v>182</v>
      </c>
      <c r="B28970" s="14" t="s">
        <v>1</v>
      </c>
      <c r="C28970" s="14" t="s">
        <v>150</v>
      </c>
      <c r="D28970" s="14" t="s">
        <v>183</v>
      </c>
      <c r="E28970" s="15">
        <v>45511</v>
      </c>
      <c r="F28970" s="14" t="s">
        <v>61</v>
      </c>
      <c r="G28970" s="16">
        <v>0.76214459279373103</v>
      </c>
    </row>
    <row r="28971" spans="1:7" x14ac:dyDescent="0.3">
      <c r="A28971" s="13" t="s">
        <v>182</v>
      </c>
      <c r="B28971" s="14" t="s">
        <v>1</v>
      </c>
      <c r="C28971" s="14" t="s">
        <v>150</v>
      </c>
      <c r="D28971" s="14" t="s">
        <v>183</v>
      </c>
      <c r="E28971" s="15">
        <v>45512</v>
      </c>
      <c r="F28971" s="14" t="s">
        <v>61</v>
      </c>
      <c r="G28971" s="16">
        <v>0.7657495029968181</v>
      </c>
    </row>
    <row r="28972" spans="1:7" x14ac:dyDescent="0.3">
      <c r="A28972" s="13" t="s">
        <v>182</v>
      </c>
      <c r="B28972" s="14" t="s">
        <v>1</v>
      </c>
      <c r="C28972" s="14" t="s">
        <v>150</v>
      </c>
      <c r="D28972" s="14" t="s">
        <v>183</v>
      </c>
      <c r="E28972" s="15">
        <v>45513</v>
      </c>
      <c r="F28972" s="14" t="s">
        <v>61</v>
      </c>
      <c r="G28972" s="16">
        <v>0.76935267469807855</v>
      </c>
    </row>
    <row r="28973" spans="1:7" x14ac:dyDescent="0.3">
      <c r="A28973" s="13" t="s">
        <v>182</v>
      </c>
      <c r="B28973" s="14" t="s">
        <v>1</v>
      </c>
      <c r="C28973" s="14" t="s">
        <v>150</v>
      </c>
      <c r="D28973" s="14" t="s">
        <v>183</v>
      </c>
      <c r="E28973" s="15">
        <v>45514</v>
      </c>
      <c r="F28973" s="14" t="s">
        <v>61</v>
      </c>
      <c r="G28973" s="16">
        <v>0.76935267469807855</v>
      </c>
    </row>
    <row r="28974" spans="1:7" x14ac:dyDescent="0.3">
      <c r="A28974" s="13" t="s">
        <v>182</v>
      </c>
      <c r="B28974" s="14" t="s">
        <v>1</v>
      </c>
      <c r="C28974" s="14" t="s">
        <v>150</v>
      </c>
      <c r="D28974" s="14" t="s">
        <v>183</v>
      </c>
      <c r="E28974" s="15">
        <v>45515</v>
      </c>
      <c r="F28974" s="14" t="s">
        <v>61</v>
      </c>
      <c r="G28974" s="16">
        <v>0.76935267469807855</v>
      </c>
    </row>
    <row r="28975" spans="1:7" x14ac:dyDescent="0.3">
      <c r="A28975" s="13" t="s">
        <v>182</v>
      </c>
      <c r="B28975" s="14" t="s">
        <v>1</v>
      </c>
      <c r="C28975" s="14" t="s">
        <v>150</v>
      </c>
      <c r="D28975" s="14" t="s">
        <v>183</v>
      </c>
      <c r="E28975" s="15">
        <v>45516</v>
      </c>
      <c r="F28975" s="14" t="s">
        <v>61</v>
      </c>
      <c r="G28975" s="16">
        <v>0.77378967533789156</v>
      </c>
    </row>
    <row r="28976" spans="1:7" x14ac:dyDescent="0.3">
      <c r="A28976" s="13" t="s">
        <v>182</v>
      </c>
      <c r="B28976" s="14" t="s">
        <v>1</v>
      </c>
      <c r="C28976" s="14" t="s">
        <v>150</v>
      </c>
      <c r="D28976" s="14" t="s">
        <v>183</v>
      </c>
      <c r="E28976" s="15">
        <v>45517</v>
      </c>
      <c r="F28976" s="14" t="s">
        <v>61</v>
      </c>
      <c r="G28976" s="16">
        <v>0.78462762239028294</v>
      </c>
    </row>
    <row r="28977" spans="1:7" x14ac:dyDescent="0.3">
      <c r="A28977" s="13" t="s">
        <v>182</v>
      </c>
      <c r="B28977" s="14" t="s">
        <v>1</v>
      </c>
      <c r="C28977" s="14" t="s">
        <v>150</v>
      </c>
      <c r="D28977" s="14" t="s">
        <v>183</v>
      </c>
      <c r="E28977" s="15">
        <v>45518</v>
      </c>
      <c r="F28977" s="14" t="s">
        <v>61</v>
      </c>
      <c r="G28977" s="16">
        <v>0.78811692222190521</v>
      </c>
    </row>
    <row r="28978" spans="1:7" x14ac:dyDescent="0.3">
      <c r="A28978" s="13" t="s">
        <v>182</v>
      </c>
      <c r="B28978" s="14" t="s">
        <v>1</v>
      </c>
      <c r="C28978" s="14" t="s">
        <v>150</v>
      </c>
      <c r="D28978" s="14" t="s">
        <v>183</v>
      </c>
      <c r="E28978" s="15">
        <v>45519</v>
      </c>
      <c r="F28978" s="14" t="s">
        <v>61</v>
      </c>
      <c r="G28978" s="16">
        <v>0.79207974648853052</v>
      </c>
    </row>
    <row r="28979" spans="1:7" x14ac:dyDescent="0.3">
      <c r="A28979" s="13" t="s">
        <v>182</v>
      </c>
      <c r="B28979" s="14" t="s">
        <v>1</v>
      </c>
      <c r="C28979" s="14" t="s">
        <v>150</v>
      </c>
      <c r="D28979" s="14" t="s">
        <v>183</v>
      </c>
      <c r="E28979" s="15">
        <v>45520</v>
      </c>
      <c r="F28979" s="14" t="s">
        <v>61</v>
      </c>
      <c r="G28979" s="16">
        <v>0.7960099738459081</v>
      </c>
    </row>
    <row r="28980" spans="1:7" x14ac:dyDescent="0.3">
      <c r="A28980" s="13" t="s">
        <v>182</v>
      </c>
      <c r="B28980" s="14" t="s">
        <v>1</v>
      </c>
      <c r="C28980" s="14" t="s">
        <v>150</v>
      </c>
      <c r="D28980" s="14" t="s">
        <v>183</v>
      </c>
      <c r="E28980" s="15">
        <v>45521</v>
      </c>
      <c r="F28980" s="14" t="s">
        <v>61</v>
      </c>
      <c r="G28980" s="16">
        <v>0.7960099738459081</v>
      </c>
    </row>
    <row r="28981" spans="1:7" x14ac:dyDescent="0.3">
      <c r="A28981" s="13" t="s">
        <v>182</v>
      </c>
      <c r="B28981" s="14" t="s">
        <v>1</v>
      </c>
      <c r="C28981" s="14" t="s">
        <v>150</v>
      </c>
      <c r="D28981" s="14" t="s">
        <v>183</v>
      </c>
      <c r="E28981" s="15">
        <v>45522</v>
      </c>
      <c r="F28981" s="14" t="s">
        <v>61</v>
      </c>
      <c r="G28981" s="16">
        <v>0.7960099738459081</v>
      </c>
    </row>
    <row r="28982" spans="1:7" x14ac:dyDescent="0.3">
      <c r="A28982" s="13" t="s">
        <v>182</v>
      </c>
      <c r="B28982" s="14" t="s">
        <v>1</v>
      </c>
      <c r="C28982" s="14" t="s">
        <v>150</v>
      </c>
      <c r="D28982" s="14" t="s">
        <v>183</v>
      </c>
      <c r="E28982" s="15">
        <v>45523</v>
      </c>
      <c r="F28982" s="14" t="s">
        <v>61</v>
      </c>
      <c r="G28982" s="16">
        <v>0.79943364523357863</v>
      </c>
    </row>
    <row r="28983" spans="1:7" x14ac:dyDescent="0.3">
      <c r="A28983" s="13" t="s">
        <v>182</v>
      </c>
      <c r="B28983" s="14" t="s">
        <v>1</v>
      </c>
      <c r="C28983" s="14" t="s">
        <v>150</v>
      </c>
      <c r="D28983" s="14" t="s">
        <v>183</v>
      </c>
      <c r="E28983" s="15">
        <v>45524</v>
      </c>
      <c r="F28983" s="14" t="s">
        <v>61</v>
      </c>
      <c r="G28983" s="16">
        <v>0.80948535483491901</v>
      </c>
    </row>
    <row r="28984" spans="1:7" x14ac:dyDescent="0.3">
      <c r="A28984" s="13" t="s">
        <v>182</v>
      </c>
      <c r="B28984" s="14" t="s">
        <v>1</v>
      </c>
      <c r="C28984" s="14" t="s">
        <v>150</v>
      </c>
      <c r="D28984" s="14" t="s">
        <v>183</v>
      </c>
      <c r="E28984" s="15">
        <v>45525</v>
      </c>
      <c r="F28984" s="14" t="s">
        <v>61</v>
      </c>
      <c r="G28984" s="16">
        <v>0.81180703337729387</v>
      </c>
    </row>
    <row r="28985" spans="1:7" x14ac:dyDescent="0.3">
      <c r="A28985" s="13" t="s">
        <v>182</v>
      </c>
      <c r="B28985" s="14" t="s">
        <v>1</v>
      </c>
      <c r="C28985" s="14" t="s">
        <v>150</v>
      </c>
      <c r="D28985" s="14" t="s">
        <v>183</v>
      </c>
      <c r="E28985" s="15">
        <v>45526</v>
      </c>
      <c r="F28985" s="14" t="s">
        <v>61</v>
      </c>
      <c r="G28985" s="16">
        <v>0.81941506134870901</v>
      </c>
    </row>
    <row r="28986" spans="1:7" x14ac:dyDescent="0.3">
      <c r="A28986" s="13" t="s">
        <v>182</v>
      </c>
      <c r="B28986" s="14" t="s">
        <v>1</v>
      </c>
      <c r="C28986" s="14" t="s">
        <v>150</v>
      </c>
      <c r="D28986" s="14" t="s">
        <v>183</v>
      </c>
      <c r="E28986" s="15">
        <v>45527</v>
      </c>
      <c r="F28986" s="14" t="s">
        <v>61</v>
      </c>
      <c r="G28986" s="16">
        <v>0.82268900426656932</v>
      </c>
    </row>
    <row r="28987" spans="1:7" x14ac:dyDescent="0.3">
      <c r="A28987" s="13" t="s">
        <v>182</v>
      </c>
      <c r="B28987" s="14" t="s">
        <v>1</v>
      </c>
      <c r="C28987" s="14" t="s">
        <v>150</v>
      </c>
      <c r="D28987" s="14" t="s">
        <v>183</v>
      </c>
      <c r="E28987" s="15">
        <v>45528</v>
      </c>
      <c r="F28987" s="14" t="s">
        <v>61</v>
      </c>
      <c r="G28987" s="16">
        <v>0.82268900426656932</v>
      </c>
    </row>
    <row r="28988" spans="1:7" x14ac:dyDescent="0.3">
      <c r="A28988" s="13" t="s">
        <v>182</v>
      </c>
      <c r="B28988" s="14" t="s">
        <v>1</v>
      </c>
      <c r="C28988" s="14" t="s">
        <v>150</v>
      </c>
      <c r="D28988" s="14" t="s">
        <v>183</v>
      </c>
      <c r="E28988" s="15">
        <v>45529</v>
      </c>
      <c r="F28988" s="14" t="s">
        <v>61</v>
      </c>
      <c r="G28988" s="16">
        <v>0.82268900426656932</v>
      </c>
    </row>
    <row r="28989" spans="1:7" x14ac:dyDescent="0.3">
      <c r="A28989" s="13" t="s">
        <v>182</v>
      </c>
      <c r="B28989" s="14" t="s">
        <v>1</v>
      </c>
      <c r="C28989" s="14" t="s">
        <v>150</v>
      </c>
      <c r="D28989" s="14" t="s">
        <v>183</v>
      </c>
      <c r="E28989" s="15">
        <v>45530</v>
      </c>
      <c r="F28989" s="14" t="s">
        <v>61</v>
      </c>
      <c r="G28989" s="16">
        <v>0.82598315726816285</v>
      </c>
    </row>
    <row r="28990" spans="1:7" x14ac:dyDescent="0.3">
      <c r="A28990" s="13" t="s">
        <v>182</v>
      </c>
      <c r="B28990" s="14" t="s">
        <v>1</v>
      </c>
      <c r="C28990" s="14" t="s">
        <v>150</v>
      </c>
      <c r="D28990" s="14" t="s">
        <v>183</v>
      </c>
      <c r="E28990" s="15">
        <v>45531</v>
      </c>
      <c r="F28990" s="14" t="s">
        <v>61</v>
      </c>
      <c r="G28990" s="16">
        <v>0.83578169754101383</v>
      </c>
    </row>
    <row r="28991" spans="1:7" x14ac:dyDescent="0.3">
      <c r="A28991" s="13" t="s">
        <v>182</v>
      </c>
      <c r="B28991" s="14" t="s">
        <v>1</v>
      </c>
      <c r="C28991" s="14" t="s">
        <v>150</v>
      </c>
      <c r="D28991" s="14" t="s">
        <v>183</v>
      </c>
      <c r="E28991" s="15">
        <v>45532</v>
      </c>
      <c r="F28991" s="14" t="s">
        <v>61</v>
      </c>
      <c r="G28991" s="16">
        <v>0.84409164562489303</v>
      </c>
    </row>
    <row r="28992" spans="1:7" x14ac:dyDescent="0.3">
      <c r="A28992" s="13" t="s">
        <v>182</v>
      </c>
      <c r="B28992" s="14" t="s">
        <v>1</v>
      </c>
      <c r="C28992" s="14" t="s">
        <v>150</v>
      </c>
      <c r="D28992" s="14" t="s">
        <v>183</v>
      </c>
      <c r="E28992" s="15">
        <v>45533</v>
      </c>
      <c r="F28992" s="14" t="s">
        <v>61</v>
      </c>
      <c r="G28992" s="16">
        <v>0.84740644333567694</v>
      </c>
    </row>
    <row r="28993" spans="1:7" x14ac:dyDescent="0.3">
      <c r="A28993" s="13" t="s">
        <v>182</v>
      </c>
      <c r="B28993" s="14" t="s">
        <v>1</v>
      </c>
      <c r="C28993" s="14" t="s">
        <v>150</v>
      </c>
      <c r="D28993" s="14" t="s">
        <v>183</v>
      </c>
      <c r="E28993" s="15">
        <v>45534</v>
      </c>
      <c r="F28993" s="14" t="s">
        <v>61</v>
      </c>
      <c r="G28993" s="16">
        <v>0.850784479050401</v>
      </c>
    </row>
    <row r="28994" spans="1:7" x14ac:dyDescent="0.3">
      <c r="A28994" s="13" t="s">
        <v>182</v>
      </c>
      <c r="B28994" s="14" t="s">
        <v>1</v>
      </c>
      <c r="C28994" s="14" t="s">
        <v>150</v>
      </c>
      <c r="D28994" s="14" t="s">
        <v>183</v>
      </c>
      <c r="E28994" s="15">
        <v>45535</v>
      </c>
      <c r="F28994" s="14" t="s">
        <v>61</v>
      </c>
      <c r="G28994" s="16">
        <v>0.850784479050401</v>
      </c>
    </row>
    <row r="28995" spans="1:7" x14ac:dyDescent="0.3">
      <c r="A28995" s="13" t="s">
        <v>182</v>
      </c>
      <c r="B28995" s="14" t="s">
        <v>1</v>
      </c>
      <c r="C28995" s="14" t="s">
        <v>150</v>
      </c>
      <c r="D28995" s="14" t="s">
        <v>183</v>
      </c>
      <c r="E28995" s="15">
        <v>45536</v>
      </c>
      <c r="F28995" s="14" t="s">
        <v>61</v>
      </c>
      <c r="G28995" s="16">
        <v>0.850784479050401</v>
      </c>
    </row>
    <row r="28996" spans="1:7" x14ac:dyDescent="0.3">
      <c r="A28996" s="13" t="s">
        <v>182</v>
      </c>
      <c r="B28996" s="14" t="s">
        <v>1</v>
      </c>
      <c r="C28996" s="14" t="s">
        <v>150</v>
      </c>
      <c r="D28996" s="14" t="s">
        <v>183</v>
      </c>
      <c r="E28996" s="15">
        <v>45537</v>
      </c>
      <c r="F28996" s="14" t="s">
        <v>61</v>
      </c>
      <c r="G28996" s="16">
        <v>0.85414947600142599</v>
      </c>
    </row>
    <row r="28997" spans="1:7" x14ac:dyDescent="0.3">
      <c r="A28997" s="13" t="s">
        <v>182</v>
      </c>
      <c r="B28997" s="14" t="s">
        <v>1</v>
      </c>
      <c r="C28997" s="14" t="s">
        <v>150</v>
      </c>
      <c r="D28997" s="14" t="s">
        <v>183</v>
      </c>
      <c r="E28997" s="15">
        <v>45538</v>
      </c>
      <c r="F28997" s="14" t="s">
        <v>61</v>
      </c>
      <c r="G28997" s="16">
        <v>0.87084704346015784</v>
      </c>
    </row>
    <row r="28998" spans="1:7" x14ac:dyDescent="0.3">
      <c r="A28998" s="13" t="s">
        <v>182</v>
      </c>
      <c r="B28998" s="14" t="s">
        <v>1</v>
      </c>
      <c r="C28998" s="14" t="s">
        <v>150</v>
      </c>
      <c r="D28998" s="14" t="s">
        <v>183</v>
      </c>
      <c r="E28998" s="15">
        <v>45539</v>
      </c>
      <c r="F28998" s="14" t="s">
        <v>61</v>
      </c>
      <c r="G28998" s="16">
        <v>0.87392518760980442</v>
      </c>
    </row>
    <row r="28999" spans="1:7" x14ac:dyDescent="0.3">
      <c r="A28999" s="13" t="s">
        <v>182</v>
      </c>
      <c r="B28999" s="14" t="s">
        <v>1</v>
      </c>
      <c r="C28999" s="14" t="s">
        <v>150</v>
      </c>
      <c r="D28999" s="14" t="s">
        <v>183</v>
      </c>
      <c r="E28999" s="15">
        <v>45540</v>
      </c>
      <c r="F28999" s="14" t="s">
        <v>61</v>
      </c>
      <c r="G28999" s="16">
        <v>0.88485288481899071</v>
      </c>
    </row>
    <row r="29000" spans="1:7" x14ac:dyDescent="0.3">
      <c r="A29000" s="13" t="s">
        <v>182</v>
      </c>
      <c r="B29000" s="14" t="s">
        <v>1</v>
      </c>
      <c r="C29000" s="14" t="s">
        <v>150</v>
      </c>
      <c r="D29000" s="14" t="s">
        <v>183</v>
      </c>
      <c r="E29000" s="15">
        <v>45541</v>
      </c>
      <c r="F29000" s="14" t="s">
        <v>61</v>
      </c>
      <c r="G29000" s="16">
        <v>0.88820527763177337</v>
      </c>
    </row>
    <row r="29001" spans="1:7" x14ac:dyDescent="0.3">
      <c r="A29001" s="13" t="s">
        <v>182</v>
      </c>
      <c r="B29001" s="14" t="s">
        <v>1</v>
      </c>
      <c r="C29001" s="14" t="s">
        <v>150</v>
      </c>
      <c r="D29001" s="14" t="s">
        <v>183</v>
      </c>
      <c r="E29001" s="15">
        <v>45542</v>
      </c>
      <c r="F29001" s="14" t="s">
        <v>61</v>
      </c>
      <c r="G29001" s="16">
        <v>0.88820527763177337</v>
      </c>
    </row>
    <row r="29002" spans="1:7" x14ac:dyDescent="0.3">
      <c r="A29002" s="13" t="s">
        <v>182</v>
      </c>
      <c r="B29002" s="14" t="s">
        <v>1</v>
      </c>
      <c r="C29002" s="14" t="s">
        <v>150</v>
      </c>
      <c r="D29002" s="14" t="s">
        <v>183</v>
      </c>
      <c r="E29002" s="15">
        <v>45543</v>
      </c>
      <c r="F29002" s="14" t="s">
        <v>61</v>
      </c>
      <c r="G29002" s="16">
        <v>0.88820527763177337</v>
      </c>
    </row>
    <row r="29003" spans="1:7" x14ac:dyDescent="0.3">
      <c r="A29003" s="13" t="s">
        <v>182</v>
      </c>
      <c r="B29003" s="14" t="s">
        <v>1</v>
      </c>
      <c r="C29003" s="14" t="s">
        <v>150</v>
      </c>
      <c r="D29003" s="14" t="s">
        <v>183</v>
      </c>
      <c r="E29003" s="15">
        <v>45544</v>
      </c>
      <c r="F29003" s="14" t="s">
        <v>61</v>
      </c>
      <c r="G29003" s="16">
        <v>0.8916278624558025</v>
      </c>
    </row>
    <row r="29004" spans="1:7" x14ac:dyDescent="0.3">
      <c r="A29004" s="13" t="s">
        <v>182</v>
      </c>
      <c r="B29004" s="14" t="s">
        <v>1</v>
      </c>
      <c r="C29004" s="14" t="s">
        <v>150</v>
      </c>
      <c r="D29004" s="14" t="s">
        <v>183</v>
      </c>
      <c r="E29004" s="15">
        <v>45545</v>
      </c>
      <c r="F29004" s="14" t="s">
        <v>61</v>
      </c>
      <c r="G29004" s="16">
        <v>0.90181300207232928</v>
      </c>
    </row>
    <row r="29005" spans="1:7" x14ac:dyDescent="0.3">
      <c r="A29005" s="13" t="s">
        <v>182</v>
      </c>
      <c r="B29005" s="14" t="s">
        <v>1</v>
      </c>
      <c r="C29005" s="14" t="s">
        <v>150</v>
      </c>
      <c r="D29005" s="14" t="s">
        <v>183</v>
      </c>
      <c r="E29005" s="15">
        <v>45546</v>
      </c>
      <c r="F29005" s="14" t="s">
        <v>61</v>
      </c>
      <c r="G29005" s="16">
        <v>0.90596032484529565</v>
      </c>
    </row>
    <row r="29006" spans="1:7" x14ac:dyDescent="0.3">
      <c r="A29006" s="13" t="s">
        <v>182</v>
      </c>
      <c r="B29006" s="14" t="s">
        <v>1</v>
      </c>
      <c r="C29006" s="14" t="s">
        <v>150</v>
      </c>
      <c r="D29006" s="14" t="s">
        <v>183</v>
      </c>
      <c r="E29006" s="15">
        <v>45547</v>
      </c>
      <c r="F29006" s="14" t="s">
        <v>61</v>
      </c>
      <c r="G29006" s="16">
        <v>0.90936834971652747</v>
      </c>
    </row>
    <row r="29007" spans="1:7" x14ac:dyDescent="0.3">
      <c r="A29007" s="13" t="s">
        <v>182</v>
      </c>
      <c r="B29007" s="14" t="s">
        <v>1</v>
      </c>
      <c r="C29007" s="14" t="s">
        <v>150</v>
      </c>
      <c r="D29007" s="14" t="s">
        <v>183</v>
      </c>
      <c r="E29007" s="15">
        <v>45548</v>
      </c>
      <c r="F29007" s="14" t="s">
        <v>61</v>
      </c>
      <c r="G29007" s="16">
        <v>0.9141802148126873</v>
      </c>
    </row>
    <row r="29008" spans="1:7" x14ac:dyDescent="0.3">
      <c r="A29008" s="13" t="s">
        <v>182</v>
      </c>
      <c r="B29008" s="14" t="s">
        <v>1</v>
      </c>
      <c r="C29008" s="14" t="s">
        <v>150</v>
      </c>
      <c r="D29008" s="14" t="s">
        <v>183</v>
      </c>
      <c r="E29008" s="15">
        <v>45549</v>
      </c>
      <c r="F29008" s="14" t="s">
        <v>61</v>
      </c>
      <c r="G29008" s="16">
        <v>0.9141802148126873</v>
      </c>
    </row>
    <row r="29009" spans="1:7" x14ac:dyDescent="0.3">
      <c r="A29009" s="13" t="s">
        <v>182</v>
      </c>
      <c r="B29009" s="14" t="s">
        <v>1</v>
      </c>
      <c r="C29009" s="14" t="s">
        <v>150</v>
      </c>
      <c r="D29009" s="14" t="s">
        <v>183</v>
      </c>
      <c r="E29009" s="15">
        <v>45550</v>
      </c>
      <c r="F29009" s="14" t="s">
        <v>61</v>
      </c>
      <c r="G29009" s="16">
        <v>0.9141802148126873</v>
      </c>
    </row>
    <row r="29010" spans="1:7" x14ac:dyDescent="0.3">
      <c r="A29010" s="13" t="s">
        <v>182</v>
      </c>
      <c r="B29010" s="14" t="s">
        <v>1</v>
      </c>
      <c r="C29010" s="14" t="s">
        <v>150</v>
      </c>
      <c r="D29010" s="14" t="s">
        <v>183</v>
      </c>
      <c r="E29010" s="15">
        <v>45551</v>
      </c>
      <c r="F29010" s="14" t="s">
        <v>61</v>
      </c>
      <c r="G29010" s="16">
        <v>0.91751565723266115</v>
      </c>
    </row>
    <row r="29011" spans="1:7" x14ac:dyDescent="0.3">
      <c r="A29011" s="13" t="s">
        <v>182</v>
      </c>
      <c r="B29011" s="14" t="s">
        <v>1</v>
      </c>
      <c r="C29011" s="14" t="s">
        <v>150</v>
      </c>
      <c r="D29011" s="14" t="s">
        <v>183</v>
      </c>
      <c r="E29011" s="15">
        <v>45552</v>
      </c>
      <c r="F29011" s="14" t="s">
        <v>61</v>
      </c>
      <c r="G29011" s="16">
        <v>0.92857439401702258</v>
      </c>
    </row>
    <row r="29012" spans="1:7" x14ac:dyDescent="0.3">
      <c r="A29012" s="13" t="s">
        <v>182</v>
      </c>
      <c r="B29012" s="14" t="s">
        <v>1</v>
      </c>
      <c r="C29012" s="14" t="s">
        <v>150</v>
      </c>
      <c r="D29012" s="14" t="s">
        <v>183</v>
      </c>
      <c r="E29012" s="15">
        <v>45553</v>
      </c>
      <c r="F29012" s="14" t="s">
        <v>61</v>
      </c>
      <c r="G29012" s="16">
        <v>0.93187441446228081</v>
      </c>
    </row>
    <row r="29013" spans="1:7" x14ac:dyDescent="0.3">
      <c r="A29013" s="13" t="s">
        <v>182</v>
      </c>
      <c r="B29013" s="14" t="s">
        <v>1</v>
      </c>
      <c r="C29013" s="14" t="s">
        <v>150</v>
      </c>
      <c r="D29013" s="14" t="s">
        <v>183</v>
      </c>
      <c r="E29013" s="15">
        <v>45554</v>
      </c>
      <c r="F29013" s="14" t="s">
        <v>61</v>
      </c>
      <c r="G29013" s="16">
        <v>0.93245867774176106</v>
      </c>
    </row>
    <row r="29014" spans="1:7" x14ac:dyDescent="0.3">
      <c r="A29014" s="13" t="s">
        <v>182</v>
      </c>
      <c r="B29014" s="14" t="s">
        <v>1</v>
      </c>
      <c r="C29014" s="14" t="s">
        <v>150</v>
      </c>
      <c r="D29014" s="14" t="s">
        <v>183</v>
      </c>
      <c r="E29014" s="15">
        <v>45555</v>
      </c>
      <c r="F29014" s="14" t="s">
        <v>61</v>
      </c>
      <c r="G29014" s="16">
        <v>0.93772407450191853</v>
      </c>
    </row>
    <row r="29015" spans="1:7" x14ac:dyDescent="0.3">
      <c r="A29015" s="13" t="s">
        <v>182</v>
      </c>
      <c r="B29015" s="14" t="s">
        <v>1</v>
      </c>
      <c r="C29015" s="14" t="s">
        <v>150</v>
      </c>
      <c r="D29015" s="14" t="s">
        <v>183</v>
      </c>
      <c r="E29015" s="15">
        <v>45556</v>
      </c>
      <c r="F29015" s="14" t="s">
        <v>61</v>
      </c>
      <c r="G29015" s="16">
        <v>0.93772407450191853</v>
      </c>
    </row>
    <row r="29016" spans="1:7" x14ac:dyDescent="0.3">
      <c r="A29016" s="13" t="s">
        <v>182</v>
      </c>
      <c r="B29016" s="14" t="s">
        <v>1</v>
      </c>
      <c r="C29016" s="14" t="s">
        <v>150</v>
      </c>
      <c r="D29016" s="14" t="s">
        <v>183</v>
      </c>
      <c r="E29016" s="15">
        <v>45557</v>
      </c>
      <c r="F29016" s="14" t="s">
        <v>61</v>
      </c>
      <c r="G29016" s="16">
        <v>0.93772407450191853</v>
      </c>
    </row>
    <row r="29017" spans="1:7" x14ac:dyDescent="0.3">
      <c r="A29017" s="13" t="s">
        <v>182</v>
      </c>
      <c r="B29017" s="14" t="s">
        <v>1</v>
      </c>
      <c r="C29017" s="14" t="s">
        <v>150</v>
      </c>
      <c r="D29017" s="14" t="s">
        <v>183</v>
      </c>
      <c r="E29017" s="15">
        <v>45558</v>
      </c>
      <c r="F29017" s="14" t="s">
        <v>61</v>
      </c>
      <c r="G29017" s="16">
        <v>0.93839113393088747</v>
      </c>
    </row>
    <row r="29018" spans="1:7" x14ac:dyDescent="0.3">
      <c r="A29018" s="13" t="s">
        <v>182</v>
      </c>
      <c r="B29018" s="14" t="s">
        <v>1</v>
      </c>
      <c r="C29018" s="14" t="s">
        <v>150</v>
      </c>
      <c r="D29018" s="14" t="s">
        <v>183</v>
      </c>
      <c r="E29018" s="15">
        <v>45559</v>
      </c>
      <c r="F29018" s="14" t="s">
        <v>61</v>
      </c>
      <c r="G29018" s="16">
        <v>0.94777982239813241</v>
      </c>
    </row>
    <row r="29019" spans="1:7" x14ac:dyDescent="0.3">
      <c r="A29019" s="13" t="s">
        <v>182</v>
      </c>
      <c r="B29019" s="14" t="s">
        <v>1</v>
      </c>
      <c r="C29019" s="14" t="s">
        <v>150</v>
      </c>
      <c r="D29019" s="14" t="s">
        <v>183</v>
      </c>
      <c r="E29019" s="15">
        <v>45560</v>
      </c>
      <c r="F29019" s="14" t="s">
        <v>61</v>
      </c>
      <c r="G29019" s="16">
        <v>0.95091359860622815</v>
      </c>
    </row>
    <row r="29020" spans="1:7" x14ac:dyDescent="0.3">
      <c r="A29020" s="13" t="s">
        <v>182</v>
      </c>
      <c r="B29020" s="14" t="s">
        <v>1</v>
      </c>
      <c r="C29020" s="14" t="s">
        <v>150</v>
      </c>
      <c r="D29020" s="14" t="s">
        <v>183</v>
      </c>
      <c r="E29020" s="15">
        <v>45561</v>
      </c>
      <c r="F29020" s="14" t="s">
        <v>61</v>
      </c>
      <c r="G29020" s="16">
        <v>0.95402433966512223</v>
      </c>
    </row>
    <row r="29021" spans="1:7" x14ac:dyDescent="0.3">
      <c r="A29021" s="13" t="s">
        <v>182</v>
      </c>
      <c r="B29021" s="14" t="s">
        <v>1</v>
      </c>
      <c r="C29021" s="14" t="s">
        <v>150</v>
      </c>
      <c r="D29021" s="14" t="s">
        <v>183</v>
      </c>
      <c r="E29021" s="15">
        <v>45562</v>
      </c>
      <c r="F29021" s="14" t="s">
        <v>61</v>
      </c>
      <c r="G29021" s="16">
        <v>0.96752480226485393</v>
      </c>
    </row>
    <row r="29022" spans="1:7" x14ac:dyDescent="0.3">
      <c r="A29022" s="13" t="s">
        <v>182</v>
      </c>
      <c r="B29022" s="14" t="s">
        <v>1</v>
      </c>
      <c r="C29022" s="14" t="s">
        <v>150</v>
      </c>
      <c r="D29022" s="14" t="s">
        <v>183</v>
      </c>
      <c r="E29022" s="15">
        <v>45563</v>
      </c>
      <c r="F29022" s="14" t="s">
        <v>61</v>
      </c>
      <c r="G29022" s="16">
        <v>0.96752480226485393</v>
      </c>
    </row>
    <row r="29023" spans="1:7" x14ac:dyDescent="0.3">
      <c r="A29023" s="13" t="s">
        <v>182</v>
      </c>
      <c r="B29023" s="14" t="s">
        <v>1</v>
      </c>
      <c r="C29023" s="14" t="s">
        <v>150</v>
      </c>
      <c r="D29023" s="14" t="s">
        <v>183</v>
      </c>
      <c r="E29023" s="15">
        <v>45564</v>
      </c>
      <c r="F29023" s="14" t="s">
        <v>61</v>
      </c>
      <c r="G29023" s="16">
        <v>0.96752480226485393</v>
      </c>
    </row>
    <row r="29024" spans="1:7" x14ac:dyDescent="0.3">
      <c r="A29024" s="13" t="s">
        <v>182</v>
      </c>
      <c r="B29024" s="14" t="s">
        <v>1</v>
      </c>
      <c r="C29024" s="14" t="s">
        <v>150</v>
      </c>
      <c r="D29024" s="14" t="s">
        <v>183</v>
      </c>
      <c r="E29024" s="15">
        <v>45565</v>
      </c>
      <c r="F29024" s="14" t="s">
        <v>61</v>
      </c>
      <c r="G29024" s="16">
        <v>0.97172949559809607</v>
      </c>
    </row>
    <row r="29025" spans="1:7" x14ac:dyDescent="0.3">
      <c r="A29025" s="13" t="s">
        <v>182</v>
      </c>
      <c r="B29025" s="14" t="s">
        <v>1</v>
      </c>
      <c r="C29025" s="14" t="s">
        <v>150</v>
      </c>
      <c r="D29025" s="14" t="s">
        <v>183</v>
      </c>
      <c r="E29025" s="15">
        <v>45566</v>
      </c>
      <c r="F29025" s="14" t="s">
        <v>61</v>
      </c>
      <c r="G29025" s="16">
        <v>0.98087240336961456</v>
      </c>
    </row>
    <row r="29026" spans="1:7" x14ac:dyDescent="0.3">
      <c r="A29026" s="13" t="s">
        <v>182</v>
      </c>
      <c r="B29026" s="14" t="s">
        <v>1</v>
      </c>
      <c r="C29026" s="14" t="s">
        <v>150</v>
      </c>
      <c r="D29026" s="14" t="s">
        <v>183</v>
      </c>
      <c r="E29026" s="15">
        <v>45567</v>
      </c>
      <c r="F29026" s="14" t="s">
        <v>61</v>
      </c>
      <c r="G29026" s="16">
        <v>0.99053773094000708</v>
      </c>
    </row>
    <row r="29027" spans="1:7" x14ac:dyDescent="0.3">
      <c r="A29027" s="13" t="s">
        <v>182</v>
      </c>
      <c r="B29027" s="14" t="s">
        <v>1</v>
      </c>
      <c r="C29027" s="14" t="s">
        <v>150</v>
      </c>
      <c r="D29027" s="14" t="s">
        <v>183</v>
      </c>
      <c r="E29027" s="15">
        <v>45568</v>
      </c>
      <c r="F29027" s="14" t="s">
        <v>61</v>
      </c>
      <c r="G29027" s="16">
        <v>0.99363695442430044</v>
      </c>
    </row>
    <row r="29028" spans="1:7" x14ac:dyDescent="0.3">
      <c r="A29028" s="13" t="s">
        <v>182</v>
      </c>
      <c r="B29028" s="14" t="s">
        <v>1</v>
      </c>
      <c r="C29028" s="14" t="s">
        <v>150</v>
      </c>
      <c r="D29028" s="14" t="s">
        <v>183</v>
      </c>
      <c r="E29028" s="15">
        <v>45569</v>
      </c>
      <c r="F29028" s="14" t="s">
        <v>61</v>
      </c>
      <c r="G29028" s="16">
        <v>1.0039550894305573</v>
      </c>
    </row>
    <row r="29029" spans="1:7" x14ac:dyDescent="0.3">
      <c r="A29029" s="13" t="s">
        <v>182</v>
      </c>
      <c r="B29029" s="14" t="s">
        <v>1</v>
      </c>
      <c r="C29029" s="14" t="s">
        <v>150</v>
      </c>
      <c r="D29029" s="14" t="s">
        <v>183</v>
      </c>
      <c r="E29029" s="15">
        <v>45570</v>
      </c>
      <c r="F29029" s="14" t="s">
        <v>61</v>
      </c>
      <c r="G29029" s="16">
        <v>1.0039550894305573</v>
      </c>
    </row>
    <row r="29030" spans="1:7" x14ac:dyDescent="0.3">
      <c r="A29030" s="13" t="s">
        <v>182</v>
      </c>
      <c r="B29030" s="14" t="s">
        <v>1</v>
      </c>
      <c r="C29030" s="14" t="s">
        <v>150</v>
      </c>
      <c r="D29030" s="14" t="s">
        <v>183</v>
      </c>
      <c r="E29030" s="15">
        <v>45571</v>
      </c>
      <c r="F29030" s="14" t="s">
        <v>61</v>
      </c>
      <c r="G29030" s="16">
        <v>1.0039550894305573</v>
      </c>
    </row>
    <row r="29031" spans="1:7" x14ac:dyDescent="0.3">
      <c r="A29031" s="13" t="s">
        <v>182</v>
      </c>
      <c r="B29031" s="14" t="s">
        <v>1</v>
      </c>
      <c r="C29031" s="14" t="s">
        <v>150</v>
      </c>
      <c r="D29031" s="14" t="s">
        <v>183</v>
      </c>
      <c r="E29031" s="15">
        <v>45572</v>
      </c>
      <c r="F29031" s="14" t="s">
        <v>61</v>
      </c>
      <c r="G29031" s="16">
        <v>1.0071003832132537</v>
      </c>
    </row>
    <row r="29032" spans="1:7" x14ac:dyDescent="0.3">
      <c r="A29032" s="13" t="s">
        <v>182</v>
      </c>
      <c r="B29032" s="14" t="s">
        <v>1</v>
      </c>
      <c r="C29032" s="14" t="s">
        <v>150</v>
      </c>
      <c r="D29032" s="14" t="s">
        <v>183</v>
      </c>
      <c r="E29032" s="15">
        <v>45573</v>
      </c>
      <c r="F29032" s="14" t="s">
        <v>61</v>
      </c>
      <c r="G29032" s="16">
        <v>1.0164167065419691</v>
      </c>
    </row>
    <row r="29033" spans="1:7" x14ac:dyDescent="0.3">
      <c r="A29033" s="13" t="s">
        <v>182</v>
      </c>
      <c r="B29033" s="14" t="s">
        <v>1</v>
      </c>
      <c r="C29033" s="14" t="s">
        <v>150</v>
      </c>
      <c r="D29033" s="14" t="s">
        <v>183</v>
      </c>
      <c r="E29033" s="15">
        <v>45574</v>
      </c>
      <c r="F29033" s="14" t="s">
        <v>61</v>
      </c>
      <c r="G29033" s="16">
        <v>1.0219541788379796</v>
      </c>
    </row>
    <row r="29034" spans="1:7" x14ac:dyDescent="0.3">
      <c r="A29034" s="13" t="s">
        <v>182</v>
      </c>
      <c r="B29034" s="14" t="s">
        <v>1</v>
      </c>
      <c r="C29034" s="14" t="s">
        <v>150</v>
      </c>
      <c r="D29034" s="14" t="s">
        <v>183</v>
      </c>
      <c r="E29034" s="15">
        <v>45575</v>
      </c>
      <c r="F29034" s="14" t="s">
        <v>61</v>
      </c>
      <c r="G29034" s="16">
        <v>1.0250444925004119</v>
      </c>
    </row>
    <row r="29035" spans="1:7" x14ac:dyDescent="0.3">
      <c r="A29035" s="13" t="s">
        <v>182</v>
      </c>
      <c r="B29035" s="14" t="s">
        <v>1</v>
      </c>
      <c r="C29035" s="14" t="s">
        <v>150</v>
      </c>
      <c r="D29035" s="14" t="s">
        <v>183</v>
      </c>
      <c r="E29035" s="15">
        <v>45576</v>
      </c>
      <c r="F29035" s="14" t="s">
        <v>61</v>
      </c>
      <c r="G29035" s="16">
        <v>1.02881195262428</v>
      </c>
    </row>
    <row r="29036" spans="1:7" x14ac:dyDescent="0.3">
      <c r="A29036" s="13" t="s">
        <v>182</v>
      </c>
      <c r="B29036" s="14" t="s">
        <v>1</v>
      </c>
      <c r="C29036" s="14" t="s">
        <v>150</v>
      </c>
      <c r="D29036" s="14" t="s">
        <v>183</v>
      </c>
      <c r="E29036" s="15">
        <v>45577</v>
      </c>
      <c r="F29036" s="14" t="s">
        <v>61</v>
      </c>
      <c r="G29036" s="16">
        <v>1.02881195262428</v>
      </c>
    </row>
    <row r="29037" spans="1:7" x14ac:dyDescent="0.3">
      <c r="A29037" s="13" t="s">
        <v>182</v>
      </c>
      <c r="B29037" s="14" t="s">
        <v>1</v>
      </c>
      <c r="C29037" s="14" t="s">
        <v>150</v>
      </c>
      <c r="D29037" s="14" t="s">
        <v>183</v>
      </c>
      <c r="E29037" s="15">
        <v>45578</v>
      </c>
      <c r="F29037" s="14" t="s">
        <v>61</v>
      </c>
      <c r="G29037" s="16">
        <v>1.02881195262428</v>
      </c>
    </row>
    <row r="29038" spans="1:7" x14ac:dyDescent="0.3">
      <c r="A29038" s="13" t="s">
        <v>182</v>
      </c>
      <c r="B29038" s="14" t="s">
        <v>1</v>
      </c>
      <c r="C29038" s="14" t="s">
        <v>150</v>
      </c>
      <c r="D29038" s="14" t="s">
        <v>183</v>
      </c>
      <c r="E29038" s="15">
        <v>45579</v>
      </c>
      <c r="F29038" s="14" t="s">
        <v>61</v>
      </c>
      <c r="G29038" s="16">
        <v>1.0318514151082863</v>
      </c>
    </row>
    <row r="29039" spans="1:7" x14ac:dyDescent="0.3">
      <c r="A29039" s="13" t="s">
        <v>182</v>
      </c>
      <c r="B29039" s="14" t="s">
        <v>1</v>
      </c>
      <c r="C29039" s="14" t="s">
        <v>150</v>
      </c>
      <c r="D29039" s="14" t="s">
        <v>183</v>
      </c>
      <c r="E29039" s="15">
        <v>45580</v>
      </c>
      <c r="F29039" s="14" t="s">
        <v>61</v>
      </c>
      <c r="G29039" s="16">
        <v>1.0408474194754624</v>
      </c>
    </row>
    <row r="29040" spans="1:7" x14ac:dyDescent="0.3">
      <c r="A29040" s="13" t="s">
        <v>182</v>
      </c>
      <c r="B29040" s="14" t="s">
        <v>1</v>
      </c>
      <c r="C29040" s="14" t="s">
        <v>150</v>
      </c>
      <c r="D29040" s="14" t="s">
        <v>183</v>
      </c>
      <c r="E29040" s="15">
        <v>45581</v>
      </c>
      <c r="F29040" s="14" t="s">
        <v>61</v>
      </c>
      <c r="G29040" s="16">
        <v>1.0443573640162749</v>
      </c>
    </row>
    <row r="29041" spans="1:7" x14ac:dyDescent="0.3">
      <c r="A29041" s="13" t="s">
        <v>182</v>
      </c>
      <c r="B29041" s="14" t="s">
        <v>1</v>
      </c>
      <c r="C29041" s="14" t="s">
        <v>150</v>
      </c>
      <c r="D29041" s="14" t="s">
        <v>183</v>
      </c>
      <c r="E29041" s="15">
        <v>45582</v>
      </c>
      <c r="F29041" s="14" t="s">
        <v>61</v>
      </c>
      <c r="G29041" s="16">
        <v>1.0474281195331585</v>
      </c>
    </row>
    <row r="29042" spans="1:7" x14ac:dyDescent="0.3">
      <c r="A29042" s="13" t="s">
        <v>182</v>
      </c>
      <c r="B29042" s="14" t="s">
        <v>1</v>
      </c>
      <c r="C29042" s="14" t="s">
        <v>150</v>
      </c>
      <c r="D29042" s="14" t="s">
        <v>183</v>
      </c>
      <c r="E29042" s="15">
        <v>45583</v>
      </c>
      <c r="F29042" s="14" t="s">
        <v>61</v>
      </c>
      <c r="G29042" s="16">
        <v>1.0505251698901685</v>
      </c>
    </row>
    <row r="29043" spans="1:7" x14ac:dyDescent="0.3">
      <c r="A29043" s="13" t="s">
        <v>182</v>
      </c>
      <c r="B29043" s="14" t="s">
        <v>1</v>
      </c>
      <c r="C29043" s="14" t="s">
        <v>150</v>
      </c>
      <c r="D29043" s="14" t="s">
        <v>183</v>
      </c>
      <c r="E29043" s="15">
        <v>45584</v>
      </c>
      <c r="F29043" s="14" t="s">
        <v>61</v>
      </c>
      <c r="G29043" s="16">
        <v>1.0505251698901685</v>
      </c>
    </row>
    <row r="29044" spans="1:7" x14ac:dyDescent="0.3">
      <c r="A29044" s="13" t="s">
        <v>182</v>
      </c>
      <c r="B29044" s="14" t="s">
        <v>1</v>
      </c>
      <c r="C29044" s="14" t="s">
        <v>150</v>
      </c>
      <c r="D29044" s="14" t="s">
        <v>183</v>
      </c>
      <c r="E29044" s="15">
        <v>45585</v>
      </c>
      <c r="F29044" s="14" t="s">
        <v>61</v>
      </c>
      <c r="G29044" s="16">
        <v>1.0505251698901685</v>
      </c>
    </row>
    <row r="29045" spans="1:7" x14ac:dyDescent="0.3">
      <c r="A29045" s="13" t="s">
        <v>182</v>
      </c>
      <c r="B29045" s="14" t="s">
        <v>1</v>
      </c>
      <c r="C29045" s="14" t="s">
        <v>150</v>
      </c>
      <c r="D29045" s="14" t="s">
        <v>183</v>
      </c>
      <c r="E29045" s="15">
        <v>45586</v>
      </c>
      <c r="F29045" s="14" t="s">
        <v>61</v>
      </c>
      <c r="G29045" s="16">
        <v>1.0518217842930719</v>
      </c>
    </row>
    <row r="29046" spans="1:7" x14ac:dyDescent="0.3">
      <c r="A29046" s="13" t="s">
        <v>182</v>
      </c>
      <c r="B29046" s="14" t="s">
        <v>1</v>
      </c>
      <c r="C29046" s="14" t="s">
        <v>150</v>
      </c>
      <c r="D29046" s="14" t="s">
        <v>183</v>
      </c>
      <c r="E29046" s="15">
        <v>45587</v>
      </c>
      <c r="F29046" s="14" t="s">
        <v>61</v>
      </c>
      <c r="G29046" s="16">
        <v>1.0607819320600758</v>
      </c>
    </row>
    <row r="29047" spans="1:7" x14ac:dyDescent="0.3">
      <c r="A29047" s="13" t="s">
        <v>182</v>
      </c>
      <c r="B29047" s="14" t="s">
        <v>1</v>
      </c>
      <c r="C29047" s="14" t="s">
        <v>150</v>
      </c>
      <c r="D29047" s="14" t="s">
        <v>183</v>
      </c>
      <c r="E29047" s="15">
        <v>45588</v>
      </c>
      <c r="F29047" s="14" t="s">
        <v>61</v>
      </c>
      <c r="G29047" s="16">
        <v>1.0639878560939728</v>
      </c>
    </row>
    <row r="29048" spans="1:7" x14ac:dyDescent="0.3">
      <c r="A29048" s="13" t="s">
        <v>182</v>
      </c>
      <c r="B29048" s="14" t="s">
        <v>1</v>
      </c>
      <c r="C29048" s="14" t="s">
        <v>150</v>
      </c>
      <c r="D29048" s="14" t="s">
        <v>183</v>
      </c>
      <c r="E29048" s="15">
        <v>45589</v>
      </c>
      <c r="F29048" s="14" t="s">
        <v>61</v>
      </c>
      <c r="G29048" s="16">
        <v>1.0670381842143948</v>
      </c>
    </row>
    <row r="29049" spans="1:7" x14ac:dyDescent="0.3">
      <c r="A29049" s="13" t="s">
        <v>182</v>
      </c>
      <c r="B29049" s="14" t="s">
        <v>1</v>
      </c>
      <c r="C29049" s="14" t="s">
        <v>150</v>
      </c>
      <c r="D29049" s="14" t="s">
        <v>183</v>
      </c>
      <c r="E29049" s="15">
        <v>45590</v>
      </c>
      <c r="F29049" s="14" t="s">
        <v>61</v>
      </c>
      <c r="G29049" s="16">
        <v>1.0700915547130132</v>
      </c>
    </row>
    <row r="29050" spans="1:7" x14ac:dyDescent="0.3">
      <c r="A29050" s="13" t="s">
        <v>182</v>
      </c>
      <c r="B29050" s="14" t="s">
        <v>1</v>
      </c>
      <c r="C29050" s="14" t="s">
        <v>150</v>
      </c>
      <c r="D29050" s="14" t="s">
        <v>183</v>
      </c>
      <c r="E29050" s="15">
        <v>45591</v>
      </c>
      <c r="F29050" s="14" t="s">
        <v>61</v>
      </c>
      <c r="G29050" s="16">
        <v>1.0700915547130132</v>
      </c>
    </row>
    <row r="29051" spans="1:7" x14ac:dyDescent="0.3">
      <c r="A29051" s="13" t="s">
        <v>182</v>
      </c>
      <c r="B29051" s="14" t="s">
        <v>1</v>
      </c>
      <c r="C29051" s="14" t="s">
        <v>150</v>
      </c>
      <c r="D29051" s="14" t="s">
        <v>183</v>
      </c>
      <c r="E29051" s="15">
        <v>45592</v>
      </c>
      <c r="F29051" s="14" t="s">
        <v>61</v>
      </c>
      <c r="G29051" s="16">
        <v>1.0700915547130132</v>
      </c>
    </row>
    <row r="29052" spans="1:7" x14ac:dyDescent="0.3">
      <c r="A29052" s="13" t="s">
        <v>182</v>
      </c>
      <c r="B29052" s="14" t="s">
        <v>1</v>
      </c>
      <c r="C29052" s="14" t="s">
        <v>150</v>
      </c>
      <c r="D29052" s="14" t="s">
        <v>183</v>
      </c>
      <c r="E29052" s="15">
        <v>45593</v>
      </c>
      <c r="F29052" s="14" t="s">
        <v>61</v>
      </c>
      <c r="G29052" s="16">
        <v>1.0700915547130132</v>
      </c>
    </row>
    <row r="29053" spans="1:7" x14ac:dyDescent="0.3">
      <c r="A29053" s="13" t="s">
        <v>182</v>
      </c>
      <c r="B29053" s="14" t="s">
        <v>1</v>
      </c>
      <c r="C29053" s="14" t="s">
        <v>150</v>
      </c>
      <c r="D29053" s="14" t="s">
        <v>183</v>
      </c>
      <c r="E29053" s="15">
        <v>45594</v>
      </c>
      <c r="F29053" s="14" t="s">
        <v>61</v>
      </c>
      <c r="G29053" s="16">
        <v>1.0788130931043249</v>
      </c>
    </row>
    <row r="29054" spans="1:7" x14ac:dyDescent="0.3">
      <c r="A29054" s="13" t="s">
        <v>182</v>
      </c>
      <c r="B29054" s="14" t="s">
        <v>1</v>
      </c>
      <c r="C29054" s="14" t="s">
        <v>150</v>
      </c>
      <c r="D29054" s="14" t="s">
        <v>183</v>
      </c>
      <c r="E29054" s="15">
        <v>45595</v>
      </c>
      <c r="F29054" s="14" t="s">
        <v>61</v>
      </c>
      <c r="G29054" s="16">
        <v>1.0905724461247803</v>
      </c>
    </row>
    <row r="29055" spans="1:7" x14ac:dyDescent="0.3">
      <c r="A29055" s="13" t="s">
        <v>182</v>
      </c>
      <c r="B29055" s="14" t="s">
        <v>1</v>
      </c>
      <c r="C29055" s="14" t="s">
        <v>150</v>
      </c>
      <c r="D29055" s="14" t="s">
        <v>183</v>
      </c>
      <c r="E29055" s="15">
        <v>45596</v>
      </c>
      <c r="F29055" s="14" t="s">
        <v>61</v>
      </c>
      <c r="G29055" s="16">
        <v>1.0935627959321867</v>
      </c>
    </row>
    <row r="29056" spans="1:7" x14ac:dyDescent="0.3">
      <c r="A29056" s="13" t="s">
        <v>182</v>
      </c>
      <c r="B29056" s="14" t="s">
        <v>1</v>
      </c>
      <c r="C29056" s="14" t="s">
        <v>150</v>
      </c>
      <c r="D29056" s="14" t="s">
        <v>183</v>
      </c>
      <c r="E29056" s="15">
        <v>45597</v>
      </c>
      <c r="F29056" s="14" t="s">
        <v>61</v>
      </c>
      <c r="G29056" s="16">
        <v>1.0965681403178471</v>
      </c>
    </row>
    <row r="29057" spans="1:7" x14ac:dyDescent="0.3">
      <c r="A29057" s="13" t="s">
        <v>182</v>
      </c>
      <c r="B29057" s="14" t="s">
        <v>1</v>
      </c>
      <c r="C29057" s="14" t="s">
        <v>150</v>
      </c>
      <c r="D29057" s="14" t="s">
        <v>183</v>
      </c>
      <c r="E29057" s="15">
        <v>45598</v>
      </c>
      <c r="F29057" s="14" t="s">
        <v>61</v>
      </c>
      <c r="G29057" s="16">
        <v>1.0965681403178471</v>
      </c>
    </row>
    <row r="29058" spans="1:7" x14ac:dyDescent="0.3">
      <c r="A29058" s="13" t="s">
        <v>182</v>
      </c>
      <c r="B29058" s="14" t="s">
        <v>1</v>
      </c>
      <c r="C29058" s="14" t="s">
        <v>150</v>
      </c>
      <c r="D29058" s="14" t="s">
        <v>183</v>
      </c>
      <c r="E29058" s="15">
        <v>45599</v>
      </c>
      <c r="F29058" s="14" t="s">
        <v>61</v>
      </c>
      <c r="G29058" s="16">
        <v>1.0965681403178471</v>
      </c>
    </row>
    <row r="29059" spans="1:7" x14ac:dyDescent="0.3">
      <c r="A29059" s="13" t="s">
        <v>182</v>
      </c>
      <c r="B29059" s="14" t="s">
        <v>1</v>
      </c>
      <c r="C29059" s="14" t="s">
        <v>150</v>
      </c>
      <c r="D29059" s="14" t="s">
        <v>183</v>
      </c>
      <c r="E29059" s="15">
        <v>45600</v>
      </c>
      <c r="F29059" s="14" t="s">
        <v>61</v>
      </c>
      <c r="G29059" s="16">
        <v>1.1042528796823583</v>
      </c>
    </row>
    <row r="29060" spans="1:7" x14ac:dyDescent="0.3">
      <c r="A29060" s="13" t="s">
        <v>182</v>
      </c>
      <c r="B29060" s="14" t="s">
        <v>1</v>
      </c>
      <c r="C29060" s="14" t="s">
        <v>150</v>
      </c>
      <c r="D29060" s="14" t="s">
        <v>183</v>
      </c>
      <c r="E29060" s="15">
        <v>45601</v>
      </c>
      <c r="F29060" s="14" t="s">
        <v>61</v>
      </c>
      <c r="G29060" s="16">
        <v>1.1130763377432507</v>
      </c>
    </row>
    <row r="29061" spans="1:7" x14ac:dyDescent="0.3">
      <c r="A29061" s="13" t="s">
        <v>182</v>
      </c>
      <c r="B29061" s="14" t="s">
        <v>1</v>
      </c>
      <c r="C29061" s="14" t="s">
        <v>150</v>
      </c>
      <c r="D29061" s="14" t="s">
        <v>183</v>
      </c>
      <c r="E29061" s="15">
        <v>45602</v>
      </c>
      <c r="F29061" s="14" t="s">
        <v>61</v>
      </c>
      <c r="G29061" s="16">
        <v>1.1160458255287387</v>
      </c>
    </row>
    <row r="29062" spans="1:7" x14ac:dyDescent="0.3">
      <c r="A29062" s="13" t="s">
        <v>182</v>
      </c>
      <c r="B29062" s="14" t="s">
        <v>1</v>
      </c>
      <c r="C29062" s="14" t="s">
        <v>150</v>
      </c>
      <c r="D29062" s="14" t="s">
        <v>183</v>
      </c>
      <c r="E29062" s="15">
        <v>45603</v>
      </c>
      <c r="F29062" s="14" t="s">
        <v>61</v>
      </c>
      <c r="G29062" s="16">
        <v>1.1190991960273571</v>
      </c>
    </row>
    <row r="29063" spans="1:7" x14ac:dyDescent="0.3">
      <c r="A29063" s="13" t="s">
        <v>182</v>
      </c>
      <c r="B29063" s="14" t="s">
        <v>1</v>
      </c>
      <c r="C29063" s="14" t="s">
        <v>150</v>
      </c>
      <c r="D29063" s="14" t="s">
        <v>183</v>
      </c>
      <c r="E29063" s="15">
        <v>45604</v>
      </c>
      <c r="F29063" s="14" t="s">
        <v>61</v>
      </c>
      <c r="G29063" s="16">
        <v>1.1294073346481115</v>
      </c>
    </row>
    <row r="29064" spans="1:7" x14ac:dyDescent="0.3">
      <c r="A29064" s="13" t="s">
        <v>182</v>
      </c>
      <c r="B29064" s="14" t="s">
        <v>1</v>
      </c>
      <c r="C29064" s="14" t="s">
        <v>150</v>
      </c>
      <c r="D29064" s="14" t="s">
        <v>183</v>
      </c>
      <c r="E29064" s="15">
        <v>45605</v>
      </c>
      <c r="F29064" s="14" t="s">
        <v>61</v>
      </c>
      <c r="G29064" s="16">
        <v>1.1294073346481115</v>
      </c>
    </row>
    <row r="29065" spans="1:7" x14ac:dyDescent="0.3">
      <c r="A29065" s="13" t="s">
        <v>182</v>
      </c>
      <c r="B29065" s="14" t="s">
        <v>1</v>
      </c>
      <c r="C29065" s="14" t="s">
        <v>150</v>
      </c>
      <c r="D29065" s="14" t="s">
        <v>183</v>
      </c>
      <c r="E29065" s="15">
        <v>45606</v>
      </c>
      <c r="F29065" s="14" t="s">
        <v>61</v>
      </c>
      <c r="G29065" s="16">
        <v>1.1294073346481115</v>
      </c>
    </row>
    <row r="29066" spans="1:7" x14ac:dyDescent="0.3">
      <c r="A29066" s="13" t="s">
        <v>182</v>
      </c>
      <c r="B29066" s="14" t="s">
        <v>1</v>
      </c>
      <c r="C29066" s="14" t="s">
        <v>150</v>
      </c>
      <c r="D29066" s="14" t="s">
        <v>183</v>
      </c>
      <c r="E29066" s="15">
        <v>45607</v>
      </c>
      <c r="F29066" s="14" t="s">
        <v>61</v>
      </c>
      <c r="G29066" s="16">
        <v>1.1324189811028929</v>
      </c>
    </row>
    <row r="29067" spans="1:7" x14ac:dyDescent="0.3">
      <c r="A29067" s="13" t="s">
        <v>182</v>
      </c>
      <c r="B29067" s="14" t="s">
        <v>1</v>
      </c>
      <c r="C29067" s="14" t="s">
        <v>150</v>
      </c>
      <c r="D29067" s="14" t="s">
        <v>183</v>
      </c>
      <c r="E29067" s="15">
        <v>45608</v>
      </c>
      <c r="F29067" s="14" t="s">
        <v>61</v>
      </c>
      <c r="G29067" s="16">
        <v>1.1416262134419932</v>
      </c>
    </row>
    <row r="29068" spans="1:7" x14ac:dyDescent="0.3">
      <c r="A29068" s="13" t="s">
        <v>182</v>
      </c>
      <c r="B29068" s="14" t="s">
        <v>1</v>
      </c>
      <c r="C29068" s="14" t="s">
        <v>150</v>
      </c>
      <c r="D29068" s="14" t="s">
        <v>183</v>
      </c>
      <c r="E29068" s="15">
        <v>45609</v>
      </c>
      <c r="F29068" s="14" t="s">
        <v>61</v>
      </c>
      <c r="G29068" s="16">
        <v>1.1447137020389575</v>
      </c>
    </row>
    <row r="29069" spans="1:7" x14ac:dyDescent="0.3">
      <c r="A29069" s="13" t="s">
        <v>182</v>
      </c>
      <c r="B29069" s="14" t="s">
        <v>1</v>
      </c>
      <c r="C29069" s="14" t="s">
        <v>150</v>
      </c>
      <c r="D29069" s="14" t="s">
        <v>183</v>
      </c>
      <c r="E29069" s="15">
        <v>45610</v>
      </c>
      <c r="F29069" s="14" t="s">
        <v>61</v>
      </c>
      <c r="G29069" s="16">
        <v>1.1521572242750366</v>
      </c>
    </row>
    <row r="29070" spans="1:7" x14ac:dyDescent="0.3">
      <c r="A29070" s="13" t="s">
        <v>182</v>
      </c>
      <c r="B29070" s="14" t="s">
        <v>1</v>
      </c>
      <c r="C29070" s="14" t="s">
        <v>150</v>
      </c>
      <c r="D29070" s="14" t="s">
        <v>183</v>
      </c>
      <c r="E29070" s="15">
        <v>45611</v>
      </c>
      <c r="F29070" s="14" t="s">
        <v>61</v>
      </c>
      <c r="G29070" s="16">
        <v>1.1979114593243112</v>
      </c>
    </row>
    <row r="29071" spans="1:7" x14ac:dyDescent="0.3">
      <c r="A29071" s="13" t="s">
        <v>182</v>
      </c>
      <c r="B29071" s="14" t="s">
        <v>1</v>
      </c>
      <c r="C29071" s="14" t="s">
        <v>150</v>
      </c>
      <c r="D29071" s="14" t="s">
        <v>183</v>
      </c>
      <c r="E29071" s="15">
        <v>45612</v>
      </c>
      <c r="F29071" s="14" t="s">
        <v>61</v>
      </c>
      <c r="G29071" s="16">
        <v>1.1979114593243112</v>
      </c>
    </row>
    <row r="29072" spans="1:7" x14ac:dyDescent="0.3">
      <c r="A29072" s="13" t="s">
        <v>182</v>
      </c>
      <c r="B29072" s="14" t="s">
        <v>1</v>
      </c>
      <c r="C29072" s="14" t="s">
        <v>150</v>
      </c>
      <c r="D29072" s="14" t="s">
        <v>183</v>
      </c>
      <c r="E29072" s="15">
        <v>45613</v>
      </c>
      <c r="F29072" s="14" t="s">
        <v>61</v>
      </c>
      <c r="G29072" s="16">
        <v>1.1979114593243112</v>
      </c>
    </row>
    <row r="29073" spans="1:7" x14ac:dyDescent="0.3">
      <c r="A29073" s="13" t="s">
        <v>182</v>
      </c>
      <c r="B29073" s="14" t="s">
        <v>1</v>
      </c>
      <c r="C29073" s="14" t="s">
        <v>150</v>
      </c>
      <c r="D29073" s="14" t="s">
        <v>183</v>
      </c>
      <c r="E29073" s="15">
        <v>45614</v>
      </c>
      <c r="F29073" s="14" t="s">
        <v>61</v>
      </c>
      <c r="G29073" s="16">
        <v>1.2009441851137395</v>
      </c>
    </row>
    <row r="29074" spans="1:7" x14ac:dyDescent="0.3">
      <c r="A29074" s="13" t="s">
        <v>182</v>
      </c>
      <c r="B29074" s="14" t="s">
        <v>1</v>
      </c>
      <c r="C29074" s="14" t="s">
        <v>150</v>
      </c>
      <c r="D29074" s="14" t="s">
        <v>183</v>
      </c>
      <c r="E29074" s="15">
        <v>45615</v>
      </c>
      <c r="F29074" s="14" t="s">
        <v>61</v>
      </c>
      <c r="G29074" s="16">
        <v>1.219588874618192</v>
      </c>
    </row>
    <row r="29075" spans="1:7" x14ac:dyDescent="0.3">
      <c r="A29075" s="13" t="s">
        <v>182</v>
      </c>
      <c r="B29075" s="14" t="s">
        <v>1</v>
      </c>
      <c r="C29075" s="14" t="s">
        <v>150</v>
      </c>
      <c r="D29075" s="14" t="s">
        <v>183</v>
      </c>
      <c r="E29075" s="15">
        <v>45616</v>
      </c>
      <c r="F29075" s="14" t="s">
        <v>61</v>
      </c>
      <c r="G29075" s="16">
        <v>1.2225894381238294</v>
      </c>
    </row>
    <row r="29076" spans="1:7" x14ac:dyDescent="0.3">
      <c r="A29076" s="13" t="s">
        <v>182</v>
      </c>
      <c r="B29076" s="14" t="s">
        <v>1</v>
      </c>
      <c r="C29076" s="14" t="s">
        <v>150</v>
      </c>
      <c r="D29076" s="14" t="s">
        <v>183</v>
      </c>
      <c r="E29076" s="15">
        <v>45617</v>
      </c>
      <c r="F29076" s="14" t="s">
        <v>61</v>
      </c>
      <c r="G29076" s="16">
        <v>1.2256523703824937</v>
      </c>
    </row>
    <row r="29077" spans="1:7" x14ac:dyDescent="0.3">
      <c r="A29077" s="13" t="s">
        <v>182</v>
      </c>
      <c r="B29077" s="14" t="s">
        <v>1</v>
      </c>
      <c r="C29077" s="14" t="s">
        <v>150</v>
      </c>
      <c r="D29077" s="14" t="s">
        <v>183</v>
      </c>
      <c r="E29077" s="15">
        <v>45618</v>
      </c>
      <c r="F29077" s="14" t="s">
        <v>61</v>
      </c>
      <c r="G29077" s="16">
        <v>1.2288287398853395</v>
      </c>
    </row>
    <row r="29078" spans="1:7" x14ac:dyDescent="0.3">
      <c r="A29078" s="13" t="s">
        <v>182</v>
      </c>
      <c r="B29078" s="14" t="s">
        <v>1</v>
      </c>
      <c r="C29078" s="14" t="s">
        <v>150</v>
      </c>
      <c r="D29078" s="14" t="s">
        <v>183</v>
      </c>
      <c r="E29078" s="15">
        <v>45619</v>
      </c>
      <c r="F29078" s="14" t="s">
        <v>61</v>
      </c>
      <c r="G29078" s="16">
        <v>1.2288287398853395</v>
      </c>
    </row>
    <row r="29079" spans="1:7" x14ac:dyDescent="0.3">
      <c r="A29079" s="13" t="s">
        <v>182</v>
      </c>
      <c r="B29079" s="14" t="s">
        <v>1</v>
      </c>
      <c r="C29079" s="14" t="s">
        <v>150</v>
      </c>
      <c r="D29079" s="14" t="s">
        <v>183</v>
      </c>
      <c r="E29079" s="15">
        <v>45620</v>
      </c>
      <c r="F29079" s="14" t="s">
        <v>61</v>
      </c>
      <c r="G29079" s="16">
        <v>1.2288287398853395</v>
      </c>
    </row>
    <row r="29080" spans="1:7" x14ac:dyDescent="0.3">
      <c r="A29080" s="13" t="s">
        <v>182</v>
      </c>
      <c r="B29080" s="14" t="s">
        <v>1</v>
      </c>
      <c r="C29080" s="14" t="s">
        <v>150</v>
      </c>
      <c r="D29080" s="14" t="s">
        <v>183</v>
      </c>
      <c r="E29080" s="15">
        <v>45621</v>
      </c>
      <c r="F29080" s="14" t="s">
        <v>61</v>
      </c>
      <c r="G29080" s="16">
        <v>1.2319184016095868</v>
      </c>
    </row>
    <row r="29081" spans="1:7" x14ac:dyDescent="0.3">
      <c r="A29081" s="13" t="s">
        <v>182</v>
      </c>
      <c r="B29081" s="14" t="s">
        <v>1</v>
      </c>
      <c r="C29081" s="14" t="s">
        <v>150</v>
      </c>
      <c r="D29081" s="14" t="s">
        <v>183</v>
      </c>
      <c r="E29081" s="15">
        <v>45622</v>
      </c>
      <c r="F29081" s="14" t="s">
        <v>61</v>
      </c>
      <c r="G29081" s="16">
        <v>1.2409026710894338</v>
      </c>
    </row>
    <row r="29082" spans="1:7" x14ac:dyDescent="0.3">
      <c r="A29082" s="13" t="s">
        <v>182</v>
      </c>
      <c r="B29082" s="14" t="s">
        <v>1</v>
      </c>
      <c r="C29082" s="14" t="s">
        <v>150</v>
      </c>
      <c r="D29082" s="14" t="s">
        <v>183</v>
      </c>
      <c r="E29082" s="15">
        <v>45623</v>
      </c>
      <c r="F29082" s="14" t="s">
        <v>61</v>
      </c>
      <c r="G29082" s="16">
        <v>1.2442770124877764</v>
      </c>
    </row>
    <row r="29083" spans="1:7" x14ac:dyDescent="0.3">
      <c r="A29083" s="13" t="s">
        <v>182</v>
      </c>
      <c r="B29083" s="14" t="s">
        <v>1</v>
      </c>
      <c r="C29083" s="14" t="s">
        <v>150</v>
      </c>
      <c r="D29083" s="14" t="s">
        <v>183</v>
      </c>
      <c r="E29083" s="15">
        <v>45624</v>
      </c>
      <c r="F29083" s="14" t="s">
        <v>61</v>
      </c>
      <c r="G29083" s="16">
        <v>1.2494817789967336</v>
      </c>
    </row>
    <row r="29084" spans="1:7" x14ac:dyDescent="0.3">
      <c r="A29084" s="13" t="s">
        <v>182</v>
      </c>
      <c r="B29084" s="14" t="s">
        <v>1</v>
      </c>
      <c r="C29084" s="14" t="s">
        <v>150</v>
      </c>
      <c r="D29084" s="14" t="s">
        <v>183</v>
      </c>
      <c r="E29084" s="15">
        <v>45625</v>
      </c>
      <c r="F29084" s="14" t="s">
        <v>61</v>
      </c>
      <c r="G29084" s="16">
        <v>1.2536831769179539</v>
      </c>
    </row>
    <row r="29085" spans="1:7" x14ac:dyDescent="0.3">
      <c r="A29085" s="13" t="s">
        <v>182</v>
      </c>
      <c r="B29085" s="14" t="s">
        <v>1</v>
      </c>
      <c r="C29085" s="14" t="s">
        <v>150</v>
      </c>
      <c r="D29085" s="14" t="s">
        <v>183</v>
      </c>
      <c r="E29085" s="15">
        <v>45626</v>
      </c>
      <c r="F29085" s="14" t="s">
        <v>61</v>
      </c>
      <c r="G29085" s="16">
        <v>1.2536831769179539</v>
      </c>
    </row>
    <row r="29086" spans="1:7" x14ac:dyDescent="0.3">
      <c r="A29086" s="13" t="s">
        <v>182</v>
      </c>
      <c r="B29086" s="14" t="s">
        <v>1</v>
      </c>
      <c r="C29086" s="14" t="s">
        <v>150</v>
      </c>
      <c r="D29086" s="14" t="s">
        <v>183</v>
      </c>
      <c r="E29086" s="15">
        <v>45627</v>
      </c>
      <c r="F29086" s="14" t="s">
        <v>61</v>
      </c>
      <c r="G29086" s="16">
        <v>1.2536831769179539</v>
      </c>
    </row>
    <row r="29087" spans="1:7" x14ac:dyDescent="0.3">
      <c r="A29087" s="13" t="s">
        <v>182</v>
      </c>
      <c r="B29087" s="14" t="s">
        <v>1</v>
      </c>
      <c r="C29087" s="14" t="s">
        <v>150</v>
      </c>
      <c r="D29087" s="14" t="s">
        <v>183</v>
      </c>
      <c r="E29087" s="15">
        <v>45628</v>
      </c>
      <c r="F29087" s="14" t="s">
        <v>61</v>
      </c>
      <c r="G29087" s="16">
        <v>1.2707725048770144</v>
      </c>
    </row>
    <row r="29088" spans="1:7" x14ac:dyDescent="0.3">
      <c r="A29088" s="13" t="s">
        <v>182</v>
      </c>
      <c r="B29088" s="14" t="s">
        <v>1</v>
      </c>
      <c r="C29088" s="14" t="s">
        <v>150</v>
      </c>
      <c r="D29088" s="14" t="s">
        <v>183</v>
      </c>
      <c r="E29088" s="15">
        <v>45629</v>
      </c>
      <c r="F29088" s="14" t="s">
        <v>61</v>
      </c>
      <c r="G29088" s="16">
        <v>1.2775219896044545</v>
      </c>
    </row>
    <row r="29089" spans="1:7" x14ac:dyDescent="0.3">
      <c r="A29089" s="13" t="s">
        <v>182</v>
      </c>
      <c r="B29089" s="14" t="s">
        <v>1</v>
      </c>
      <c r="C29089" s="14" t="s">
        <v>150</v>
      </c>
      <c r="D29089" s="14" t="s">
        <v>183</v>
      </c>
      <c r="E29089" s="15">
        <v>45630</v>
      </c>
      <c r="F29089" s="14" t="s">
        <v>61</v>
      </c>
      <c r="G29089" s="16">
        <v>1.2825973651954514</v>
      </c>
    </row>
    <row r="29090" spans="1:7" x14ac:dyDescent="0.3">
      <c r="A29090" s="13" t="s">
        <v>182</v>
      </c>
      <c r="B29090" s="14" t="s">
        <v>1</v>
      </c>
      <c r="C29090" s="14" t="s">
        <v>150</v>
      </c>
      <c r="D29090" s="14" t="s">
        <v>183</v>
      </c>
      <c r="E29090" s="15">
        <v>45631</v>
      </c>
      <c r="F29090" s="14" t="s">
        <v>61</v>
      </c>
      <c r="G29090" s="16">
        <v>1.2929676706689579</v>
      </c>
    </row>
    <row r="29091" spans="1:7" x14ac:dyDescent="0.3">
      <c r="A29091" s="13" t="s">
        <v>182</v>
      </c>
      <c r="B29091" s="14" t="s">
        <v>1</v>
      </c>
      <c r="C29091" s="14" t="s">
        <v>150</v>
      </c>
      <c r="D29091" s="14" t="s">
        <v>183</v>
      </c>
      <c r="E29091" s="15">
        <v>45632</v>
      </c>
      <c r="F29091" s="14" t="s">
        <v>61</v>
      </c>
      <c r="G29091" s="16">
        <v>1.2957096240813901</v>
      </c>
    </row>
    <row r="29092" spans="1:7" x14ac:dyDescent="0.3">
      <c r="A29092" s="13" t="s">
        <v>182</v>
      </c>
      <c r="B29092" s="14" t="s">
        <v>1</v>
      </c>
      <c r="C29092" s="14" t="s">
        <v>150</v>
      </c>
      <c r="D29092" s="14" t="s">
        <v>183</v>
      </c>
      <c r="E29092" s="15">
        <v>45633</v>
      </c>
      <c r="F29092" s="14" t="s">
        <v>61</v>
      </c>
      <c r="G29092" s="16">
        <v>1.2957096240813901</v>
      </c>
    </row>
    <row r="29093" spans="1:7" x14ac:dyDescent="0.3">
      <c r="A29093" s="13" t="s">
        <v>182</v>
      </c>
      <c r="B29093" s="14" t="s">
        <v>1</v>
      </c>
      <c r="C29093" s="14" t="s">
        <v>150</v>
      </c>
      <c r="D29093" s="14" t="s">
        <v>183</v>
      </c>
      <c r="E29093" s="15">
        <v>45634</v>
      </c>
      <c r="F29093" s="14" t="s">
        <v>61</v>
      </c>
      <c r="G29093" s="16">
        <v>1.2957096240813901</v>
      </c>
    </row>
    <row r="29094" spans="1:7" x14ac:dyDescent="0.3">
      <c r="A29094" s="13" t="s">
        <v>182</v>
      </c>
      <c r="B29094" s="14" t="s">
        <v>1</v>
      </c>
      <c r="C29094" s="14" t="s">
        <v>150</v>
      </c>
      <c r="D29094" s="14" t="s">
        <v>183</v>
      </c>
      <c r="E29094" s="15">
        <v>45635</v>
      </c>
      <c r="F29094" s="14" t="s">
        <v>61</v>
      </c>
      <c r="G29094" s="16">
        <v>1.298609482672811</v>
      </c>
    </row>
    <row r="29095" spans="1:7" x14ac:dyDescent="0.3">
      <c r="A29095" s="13" t="s">
        <v>182</v>
      </c>
      <c r="B29095" s="14" t="s">
        <v>1</v>
      </c>
      <c r="C29095" s="14" t="s">
        <v>150</v>
      </c>
      <c r="D29095" s="14" t="s">
        <v>183</v>
      </c>
      <c r="E29095" s="15">
        <v>45636</v>
      </c>
      <c r="F29095" s="14" t="s">
        <v>61</v>
      </c>
      <c r="G29095" s="16">
        <v>1.3070313089414074</v>
      </c>
    </row>
    <row r="29096" spans="1:7" x14ac:dyDescent="0.3">
      <c r="A29096" s="13" t="s">
        <v>182</v>
      </c>
      <c r="B29096" s="14" t="s">
        <v>1</v>
      </c>
      <c r="C29096" s="14" t="s">
        <v>150</v>
      </c>
      <c r="D29096" s="14" t="s">
        <v>183</v>
      </c>
      <c r="E29096" s="15">
        <v>45637</v>
      </c>
      <c r="F29096" s="14" t="s">
        <v>61</v>
      </c>
      <c r="G29096" s="16">
        <v>1.3098029186747691</v>
      </c>
    </row>
    <row r="29097" spans="1:7" x14ac:dyDescent="0.3">
      <c r="A29097" s="13" t="s">
        <v>182</v>
      </c>
      <c r="B29097" s="14" t="s">
        <v>1</v>
      </c>
      <c r="C29097" s="14" t="s">
        <v>150</v>
      </c>
      <c r="D29097" s="14" t="s">
        <v>183</v>
      </c>
      <c r="E29097" s="15">
        <v>45638</v>
      </c>
      <c r="F29097" s="14" t="s">
        <v>61</v>
      </c>
      <c r="G29097" s="16">
        <v>1.3125780635987052</v>
      </c>
    </row>
    <row r="29098" spans="1:7" x14ac:dyDescent="0.3">
      <c r="A29098" s="13" t="s">
        <v>182</v>
      </c>
      <c r="B29098" s="14" t="s">
        <v>1</v>
      </c>
      <c r="C29098" s="14" t="s">
        <v>150</v>
      </c>
      <c r="D29098" s="14" t="s">
        <v>183</v>
      </c>
      <c r="E29098" s="15">
        <v>45639</v>
      </c>
      <c r="F29098" s="14" t="s">
        <v>61</v>
      </c>
      <c r="G29098" s="16">
        <v>1.3153463345409691</v>
      </c>
    </row>
    <row r="29099" spans="1:7" x14ac:dyDescent="0.3">
      <c r="A29099" s="13" t="s">
        <v>182</v>
      </c>
      <c r="B29099" s="14" t="s">
        <v>1</v>
      </c>
      <c r="C29099" s="14" t="s">
        <v>150</v>
      </c>
      <c r="D29099" s="14" t="s">
        <v>183</v>
      </c>
      <c r="E29099" s="15">
        <v>45640</v>
      </c>
      <c r="F29099" s="14" t="s">
        <v>61</v>
      </c>
      <c r="G29099" s="16">
        <v>1.3153463345409691</v>
      </c>
    </row>
    <row r="29100" spans="1:7" x14ac:dyDescent="0.3">
      <c r="A29100" s="13" t="s">
        <v>182</v>
      </c>
      <c r="B29100" s="14" t="s">
        <v>1</v>
      </c>
      <c r="C29100" s="14" t="s">
        <v>150</v>
      </c>
      <c r="D29100" s="14" t="s">
        <v>183</v>
      </c>
      <c r="E29100" s="15">
        <v>45641</v>
      </c>
      <c r="F29100" s="14" t="s">
        <v>61</v>
      </c>
      <c r="G29100" s="16">
        <v>1.3153463345409691</v>
      </c>
    </row>
    <row r="29101" spans="1:7" x14ac:dyDescent="0.3">
      <c r="A29101" s="13" t="s">
        <v>182</v>
      </c>
      <c r="B29101" s="14" t="s">
        <v>1</v>
      </c>
      <c r="C29101" s="14" t="s">
        <v>150</v>
      </c>
      <c r="D29101" s="14" t="s">
        <v>183</v>
      </c>
      <c r="E29101" s="15">
        <v>45642</v>
      </c>
      <c r="F29101" s="14" t="s">
        <v>61</v>
      </c>
      <c r="G29101" s="16">
        <v>1.3180596136298535</v>
      </c>
    </row>
    <row r="29102" spans="1:7" x14ac:dyDescent="0.3">
      <c r="A29102" s="13" t="s">
        <v>182</v>
      </c>
      <c r="B29102" s="14" t="s">
        <v>1</v>
      </c>
      <c r="C29102" s="14" t="s">
        <v>150</v>
      </c>
      <c r="D29102" s="14" t="s">
        <v>183</v>
      </c>
      <c r="E29102" s="15">
        <v>45643</v>
      </c>
      <c r="F29102" s="14" t="s">
        <v>61</v>
      </c>
      <c r="G29102" s="16">
        <v>1.3261393120106408</v>
      </c>
    </row>
    <row r="29103" spans="1:7" x14ac:dyDescent="0.3">
      <c r="A29103" s="13" t="s">
        <v>182</v>
      </c>
      <c r="B29103" s="14" t="s">
        <v>1</v>
      </c>
      <c r="C29103" s="14" t="s">
        <v>150</v>
      </c>
      <c r="D29103" s="14" t="s">
        <v>183</v>
      </c>
      <c r="E29103" s="15">
        <v>45644</v>
      </c>
      <c r="F29103" s="14" t="s">
        <v>61</v>
      </c>
      <c r="G29103" s="16">
        <v>1.3282948165866793</v>
      </c>
    </row>
    <row r="29104" spans="1:7" x14ac:dyDescent="0.3">
      <c r="A29104" s="13" t="s">
        <v>182</v>
      </c>
      <c r="B29104" s="14" t="s">
        <v>1</v>
      </c>
      <c r="C29104" s="14" t="s">
        <v>150</v>
      </c>
      <c r="D29104" s="14" t="s">
        <v>183</v>
      </c>
      <c r="E29104" s="15">
        <v>45645</v>
      </c>
      <c r="F29104" s="14" t="s">
        <v>61</v>
      </c>
      <c r="G29104" s="16">
        <v>1.3310296996179631</v>
      </c>
    </row>
    <row r="29105" spans="1:7" x14ac:dyDescent="0.3">
      <c r="A29105" s="13" t="s">
        <v>182</v>
      </c>
      <c r="B29105" s="14" t="s">
        <v>1</v>
      </c>
      <c r="C29105" s="14" t="s">
        <v>150</v>
      </c>
      <c r="D29105" s="14" t="s">
        <v>183</v>
      </c>
      <c r="E29105" s="15">
        <v>45646</v>
      </c>
      <c r="F29105" s="14" t="s">
        <v>61</v>
      </c>
      <c r="G29105" s="16">
        <v>1.3338193781031493</v>
      </c>
    </row>
    <row r="29106" spans="1:7" x14ac:dyDescent="0.3">
      <c r="A29106" s="13" t="s">
        <v>182</v>
      </c>
      <c r="B29106" s="14" t="s">
        <v>1</v>
      </c>
      <c r="C29106" s="14" t="s">
        <v>150</v>
      </c>
      <c r="D29106" s="14" t="s">
        <v>183</v>
      </c>
      <c r="E29106" s="15">
        <v>45647</v>
      </c>
      <c r="F29106" s="14" t="s">
        <v>61</v>
      </c>
      <c r="G29106" s="16">
        <v>1.3338193781031493</v>
      </c>
    </row>
    <row r="29107" spans="1:7" x14ac:dyDescent="0.3">
      <c r="A29107" s="13" t="s">
        <v>182</v>
      </c>
      <c r="B29107" s="14" t="s">
        <v>1</v>
      </c>
      <c r="C29107" s="14" t="s">
        <v>150</v>
      </c>
      <c r="D29107" s="14" t="s">
        <v>183</v>
      </c>
      <c r="E29107" s="15">
        <v>45648</v>
      </c>
      <c r="F29107" s="14" t="s">
        <v>61</v>
      </c>
      <c r="G29107" s="16">
        <v>1.3338193781031493</v>
      </c>
    </row>
    <row r="29108" spans="1:7" x14ac:dyDescent="0.3">
      <c r="A29108" s="13" t="s">
        <v>182</v>
      </c>
      <c r="B29108" s="14" t="s">
        <v>1</v>
      </c>
      <c r="C29108" s="14" t="s">
        <v>150</v>
      </c>
      <c r="D29108" s="14" t="s">
        <v>183</v>
      </c>
      <c r="E29108" s="15">
        <v>45649</v>
      </c>
      <c r="F29108" s="14" t="s">
        <v>61</v>
      </c>
      <c r="G29108" s="16">
        <v>1.336618090964248</v>
      </c>
    </row>
    <row r="29109" spans="1:7" x14ac:dyDescent="0.3">
      <c r="A29109" s="13" t="s">
        <v>182</v>
      </c>
      <c r="B29109" s="14" t="s">
        <v>1</v>
      </c>
      <c r="C29109" s="14" t="s">
        <v>150</v>
      </c>
      <c r="D29109" s="14" t="s">
        <v>183</v>
      </c>
      <c r="E29109" s="15">
        <v>45650</v>
      </c>
      <c r="F29109" s="14" t="s">
        <v>61</v>
      </c>
      <c r="G29109" s="16">
        <v>1.3449262019360353</v>
      </c>
    </row>
    <row r="29110" spans="1:7" x14ac:dyDescent="0.3">
      <c r="A29110" s="13" t="s">
        <v>182</v>
      </c>
      <c r="B29110" s="14" t="s">
        <v>1</v>
      </c>
      <c r="C29110" s="14" t="s">
        <v>150</v>
      </c>
      <c r="D29110" s="14" t="s">
        <v>183</v>
      </c>
      <c r="E29110" s="15">
        <v>45651</v>
      </c>
      <c r="F29110" s="14" t="s">
        <v>61</v>
      </c>
      <c r="G29110" s="16">
        <v>1.3449262019360353</v>
      </c>
    </row>
    <row r="29111" spans="1:7" x14ac:dyDescent="0.3">
      <c r="A29111" s="13" t="s">
        <v>182</v>
      </c>
      <c r="B29111" s="14" t="s">
        <v>1</v>
      </c>
      <c r="C29111" s="14" t="s">
        <v>150</v>
      </c>
      <c r="D29111" s="14" t="s">
        <v>183</v>
      </c>
      <c r="E29111" s="15">
        <v>45652</v>
      </c>
      <c r="F29111" s="14" t="s">
        <v>61</v>
      </c>
      <c r="G29111" s="16">
        <v>1.3449262019360353</v>
      </c>
    </row>
    <row r="29112" spans="1:7" x14ac:dyDescent="0.3">
      <c r="A29112" s="13" t="s">
        <v>182</v>
      </c>
      <c r="B29112" s="14" t="s">
        <v>1</v>
      </c>
      <c r="C29112" s="14" t="s">
        <v>150</v>
      </c>
      <c r="D29112" s="14" t="s">
        <v>183</v>
      </c>
      <c r="E29112" s="15">
        <v>45653</v>
      </c>
      <c r="F29112" s="14" t="s">
        <v>61</v>
      </c>
      <c r="G29112" s="16">
        <v>1.3449262019360353</v>
      </c>
    </row>
    <row r="29113" spans="1:7" x14ac:dyDescent="0.3">
      <c r="A29113" s="13" t="s">
        <v>182</v>
      </c>
      <c r="B29113" s="14" t="s">
        <v>1</v>
      </c>
      <c r="C29113" s="14" t="s">
        <v>150</v>
      </c>
      <c r="D29113" s="14" t="s">
        <v>183</v>
      </c>
      <c r="E29113" s="15">
        <v>45654</v>
      </c>
      <c r="F29113" s="14" t="s">
        <v>61</v>
      </c>
      <c r="G29113" s="16">
        <v>1.3449262019360353</v>
      </c>
    </row>
    <row r="29114" spans="1:7" x14ac:dyDescent="0.3">
      <c r="A29114" s="13" t="s">
        <v>182</v>
      </c>
      <c r="B29114" s="14" t="s">
        <v>1</v>
      </c>
      <c r="C29114" s="14" t="s">
        <v>150</v>
      </c>
      <c r="D29114" s="14" t="s">
        <v>183</v>
      </c>
      <c r="E29114" s="15">
        <v>45655</v>
      </c>
      <c r="F29114" s="14" t="s">
        <v>61</v>
      </c>
      <c r="G29114" s="16">
        <v>1.3449262019360353</v>
      </c>
    </row>
    <row r="29115" spans="1:7" x14ac:dyDescent="0.3">
      <c r="A29115" s="13" t="s">
        <v>182</v>
      </c>
      <c r="B29115" s="14" t="s">
        <v>1</v>
      </c>
      <c r="C29115" s="14" t="s">
        <v>150</v>
      </c>
      <c r="D29115" s="14" t="s">
        <v>183</v>
      </c>
      <c r="E29115" s="15">
        <v>45656</v>
      </c>
      <c r="F29115" s="14" t="s">
        <v>61</v>
      </c>
      <c r="G29115" s="16">
        <v>1.3477154876222688</v>
      </c>
    </row>
    <row r="29116" spans="1:7" x14ac:dyDescent="0.3">
      <c r="A29116" s="13" t="s">
        <v>182</v>
      </c>
      <c r="B29116" s="14" t="s">
        <v>1</v>
      </c>
      <c r="C29116" s="14" t="s">
        <v>150</v>
      </c>
      <c r="D29116" s="14" t="s">
        <v>183</v>
      </c>
      <c r="E29116" s="15">
        <v>45657</v>
      </c>
      <c r="F29116" s="14" t="s">
        <v>61</v>
      </c>
      <c r="G29116" s="16">
        <v>1.3658266820568004</v>
      </c>
    </row>
    <row r="29117" spans="1:7" x14ac:dyDescent="0.3">
      <c r="A29117" s="13" t="s">
        <v>182</v>
      </c>
      <c r="B29117" s="14" t="s">
        <v>1</v>
      </c>
      <c r="C29117" s="14" t="s">
        <v>150</v>
      </c>
      <c r="D29117" s="14" t="s">
        <v>183</v>
      </c>
      <c r="E29117" s="15">
        <v>45658</v>
      </c>
      <c r="F29117" s="14" t="s">
        <v>61</v>
      </c>
      <c r="G29117" s="16">
        <v>1.3658266820568004</v>
      </c>
    </row>
    <row r="29118" spans="1:7" x14ac:dyDescent="0.3">
      <c r="A29118" s="13" t="s">
        <v>182</v>
      </c>
      <c r="B29118" s="14" t="s">
        <v>1</v>
      </c>
      <c r="C29118" s="14" t="s">
        <v>150</v>
      </c>
      <c r="D29118" s="14" t="s">
        <v>183</v>
      </c>
      <c r="E29118" s="15">
        <v>45659</v>
      </c>
      <c r="F29118" s="14" t="s">
        <v>61</v>
      </c>
      <c r="G29118" s="16">
        <v>1.3658266820568004</v>
      </c>
    </row>
    <row r="29119" spans="1:7" x14ac:dyDescent="0.3">
      <c r="A29119" s="13" t="s">
        <v>182</v>
      </c>
      <c r="B29119" s="14" t="s">
        <v>1</v>
      </c>
      <c r="C29119" s="14" t="s">
        <v>150</v>
      </c>
      <c r="D29119" s="14" t="s">
        <v>183</v>
      </c>
      <c r="E29119" s="15">
        <v>45660</v>
      </c>
      <c r="F29119" s="14" t="s">
        <v>61</v>
      </c>
      <c r="G29119" s="16">
        <v>1.3686523016461594</v>
      </c>
    </row>
    <row r="29120" spans="1:7" x14ac:dyDescent="0.3">
      <c r="A29120" s="13" t="s">
        <v>182</v>
      </c>
      <c r="B29120" s="14" t="s">
        <v>1</v>
      </c>
      <c r="C29120" s="14" t="s">
        <v>150</v>
      </c>
      <c r="D29120" s="14" t="s">
        <v>183</v>
      </c>
      <c r="E29120" s="15">
        <v>45661</v>
      </c>
      <c r="F29120" s="14" t="s">
        <v>61</v>
      </c>
      <c r="G29120" s="16">
        <v>1.3686523016461594</v>
      </c>
    </row>
    <row r="29121" spans="1:7" x14ac:dyDescent="0.3">
      <c r="A29121" s="13" t="s">
        <v>182</v>
      </c>
      <c r="B29121" s="14" t="s">
        <v>1</v>
      </c>
      <c r="C29121" s="14" t="s">
        <v>150</v>
      </c>
      <c r="D29121" s="14" t="s">
        <v>183</v>
      </c>
      <c r="E29121" s="15">
        <v>45662</v>
      </c>
      <c r="F29121" s="14" t="s">
        <v>61</v>
      </c>
      <c r="G29121" s="16">
        <v>1.3686523016461594</v>
      </c>
    </row>
    <row r="29122" spans="1:7" x14ac:dyDescent="0.3">
      <c r="A29122" s="13" t="s">
        <v>182</v>
      </c>
      <c r="B29122" s="14" t="s">
        <v>1</v>
      </c>
      <c r="C29122" s="14" t="s">
        <v>150</v>
      </c>
      <c r="D29122" s="14" t="s">
        <v>183</v>
      </c>
      <c r="E29122" s="15">
        <v>45663</v>
      </c>
      <c r="F29122" s="14" t="s">
        <v>61</v>
      </c>
      <c r="G29122" s="16">
        <v>1.3765556332971804</v>
      </c>
    </row>
    <row r="29123" spans="1:7" x14ac:dyDescent="0.3">
      <c r="A29123" s="13" t="s">
        <v>182</v>
      </c>
      <c r="B29123" s="14" t="s">
        <v>1</v>
      </c>
      <c r="C29123" s="14" t="s">
        <v>150</v>
      </c>
      <c r="D29123" s="14" t="s">
        <v>183</v>
      </c>
      <c r="E29123" s="15">
        <v>45664</v>
      </c>
      <c r="F29123" s="14" t="s">
        <v>61</v>
      </c>
      <c r="G29123" s="16">
        <v>1.3931417857978217</v>
      </c>
    </row>
    <row r="29124" spans="1:7" x14ac:dyDescent="0.3">
      <c r="A29124" s="13" t="s">
        <v>182</v>
      </c>
      <c r="B29124" s="14" t="s">
        <v>1</v>
      </c>
      <c r="C29124" s="14" t="s">
        <v>150</v>
      </c>
      <c r="D29124" s="14" t="s">
        <v>183</v>
      </c>
      <c r="E29124" s="15">
        <v>45665</v>
      </c>
      <c r="F29124" s="14" t="s">
        <v>61</v>
      </c>
      <c r="G29124" s="16">
        <v>1.3972418415892431</v>
      </c>
    </row>
    <row r="29125" spans="1:7" x14ac:dyDescent="0.3">
      <c r="A29125" s="13" t="s">
        <v>182</v>
      </c>
      <c r="B29125" s="14" t="s">
        <v>1</v>
      </c>
      <c r="C29125" s="14" t="s">
        <v>150</v>
      </c>
      <c r="D29125" s="14" t="s">
        <v>183</v>
      </c>
      <c r="E29125" s="15">
        <v>45666</v>
      </c>
      <c r="F29125" s="14" t="s">
        <v>61</v>
      </c>
      <c r="G29125" s="16">
        <v>1.3998643841200522</v>
      </c>
    </row>
    <row r="29126" spans="1:7" x14ac:dyDescent="0.3">
      <c r="A29126" s="13" t="s">
        <v>182</v>
      </c>
      <c r="B29126" s="14" t="s">
        <v>1</v>
      </c>
      <c r="C29126" s="14" t="s">
        <v>150</v>
      </c>
      <c r="D29126" s="14" t="s">
        <v>183</v>
      </c>
      <c r="E29126" s="15">
        <v>45667</v>
      </c>
      <c r="F29126" s="14" t="s">
        <v>61</v>
      </c>
      <c r="G29126" s="16">
        <v>1.402483587859763</v>
      </c>
    </row>
    <row r="29127" spans="1:7" x14ac:dyDescent="0.3">
      <c r="A29127" s="13" t="s">
        <v>182</v>
      </c>
      <c r="B29127" s="14" t="s">
        <v>1</v>
      </c>
      <c r="C29127" s="14" t="s">
        <v>150</v>
      </c>
      <c r="D29127" s="14" t="s">
        <v>183</v>
      </c>
      <c r="E29127" s="15">
        <v>45668</v>
      </c>
      <c r="F29127" s="14" t="s">
        <v>61</v>
      </c>
      <c r="G29127" s="16">
        <v>1.402483587859763</v>
      </c>
    </row>
    <row r="29128" spans="1:7" x14ac:dyDescent="0.3">
      <c r="A29128" s="13" t="s">
        <v>182</v>
      </c>
      <c r="B29128" s="14" t="s">
        <v>1</v>
      </c>
      <c r="C29128" s="14" t="s">
        <v>150</v>
      </c>
      <c r="D29128" s="14" t="s">
        <v>183</v>
      </c>
      <c r="E29128" s="15">
        <v>45669</v>
      </c>
      <c r="F29128" s="14" t="s">
        <v>61</v>
      </c>
      <c r="G29128" s="16">
        <v>1.402483587859763</v>
      </c>
    </row>
    <row r="29129" spans="1:7" x14ac:dyDescent="0.3">
      <c r="A29129" s="13" t="s">
        <v>182</v>
      </c>
      <c r="B29129" s="14" t="s">
        <v>1</v>
      </c>
      <c r="C29129" s="14" t="s">
        <v>150</v>
      </c>
      <c r="D29129" s="14" t="s">
        <v>183</v>
      </c>
      <c r="E29129" s="15">
        <v>45670</v>
      </c>
      <c r="F29129" s="14" t="s">
        <v>61</v>
      </c>
      <c r="G29129" s="16">
        <v>1.4055994858751737</v>
      </c>
    </row>
    <row r="29130" spans="1:7" x14ac:dyDescent="0.3">
      <c r="A29130" s="13" t="s">
        <v>182</v>
      </c>
      <c r="B29130" s="14" t="s">
        <v>1</v>
      </c>
      <c r="C29130" s="14" t="s">
        <v>150</v>
      </c>
      <c r="D29130" s="14" t="s">
        <v>183</v>
      </c>
      <c r="E29130" s="15">
        <v>45671</v>
      </c>
      <c r="F29130" s="14" t="s">
        <v>61</v>
      </c>
      <c r="G29130" s="16">
        <v>1.4136874330339679</v>
      </c>
    </row>
    <row r="29131" spans="1:7" x14ac:dyDescent="0.3">
      <c r="A29131" s="13" t="s">
        <v>182</v>
      </c>
      <c r="B29131" s="14" t="s">
        <v>1</v>
      </c>
      <c r="C29131" s="14" t="s">
        <v>150</v>
      </c>
      <c r="D29131" s="14" t="s">
        <v>183</v>
      </c>
      <c r="E29131" s="15">
        <v>45672</v>
      </c>
      <c r="F29131" s="14" t="s">
        <v>61</v>
      </c>
      <c r="G29131" s="16">
        <v>1.416330597509794</v>
      </c>
    </row>
    <row r="29132" spans="1:7" x14ac:dyDescent="0.3">
      <c r="A29132" s="13" t="s">
        <v>182</v>
      </c>
      <c r="B29132" s="14" t="s">
        <v>1</v>
      </c>
      <c r="C29132" s="14" t="s">
        <v>150</v>
      </c>
      <c r="D29132" s="14" t="s">
        <v>183</v>
      </c>
      <c r="E29132" s="15">
        <v>45673</v>
      </c>
      <c r="F29132" s="14" t="s">
        <v>61</v>
      </c>
      <c r="G29132" s="16">
        <v>1.418975529580907</v>
      </c>
    </row>
    <row r="29133" spans="1:7" x14ac:dyDescent="0.3">
      <c r="A29133" s="13" t="s">
        <v>182</v>
      </c>
      <c r="B29133" s="14" t="s">
        <v>1</v>
      </c>
      <c r="C29133" s="14" t="s">
        <v>150</v>
      </c>
      <c r="D29133" s="14" t="s">
        <v>183</v>
      </c>
      <c r="E29133" s="15">
        <v>45674</v>
      </c>
      <c r="F29133" s="14" t="s">
        <v>61</v>
      </c>
      <c r="G29133" s="16">
        <v>1.4846921894884137</v>
      </c>
    </row>
    <row r="29134" spans="1:7" x14ac:dyDescent="0.3">
      <c r="A29134" s="13" t="s">
        <v>182</v>
      </c>
      <c r="B29134" s="14" t="s">
        <v>1</v>
      </c>
      <c r="C29134" s="14" t="s">
        <v>150</v>
      </c>
      <c r="D29134" s="14" t="s">
        <v>183</v>
      </c>
      <c r="E29134" s="15">
        <v>45675</v>
      </c>
      <c r="F29134" s="14" t="s">
        <v>61</v>
      </c>
      <c r="G29134" s="16">
        <v>1.4846921894884137</v>
      </c>
    </row>
    <row r="29135" spans="1:7" x14ac:dyDescent="0.3">
      <c r="A29135" s="13" t="s">
        <v>182</v>
      </c>
      <c r="B29135" s="14" t="s">
        <v>1</v>
      </c>
      <c r="C29135" s="14" t="s">
        <v>150</v>
      </c>
      <c r="D29135" s="14" t="s">
        <v>183</v>
      </c>
      <c r="E29135" s="15">
        <v>45676</v>
      </c>
      <c r="F29135" s="14" t="s">
        <v>61</v>
      </c>
      <c r="G29135" s="16">
        <v>1.4846921894884137</v>
      </c>
    </row>
    <row r="29136" spans="1:7" x14ac:dyDescent="0.3">
      <c r="A29136" s="13" t="s">
        <v>182</v>
      </c>
      <c r="B29136" s="14" t="s">
        <v>1</v>
      </c>
      <c r="C29136" s="14" t="s">
        <v>150</v>
      </c>
      <c r="D29136" s="14" t="s">
        <v>183</v>
      </c>
      <c r="E29136" s="15">
        <v>45677</v>
      </c>
      <c r="F29136" s="14" t="s">
        <v>61</v>
      </c>
      <c r="G29136" s="16">
        <v>1.4871860903622105</v>
      </c>
    </row>
    <row r="29137" spans="1:7" x14ac:dyDescent="0.3">
      <c r="A29137" s="13" t="s">
        <v>182</v>
      </c>
      <c r="B29137" s="14" t="s">
        <v>1</v>
      </c>
      <c r="C29137" s="14" t="s">
        <v>150</v>
      </c>
      <c r="D29137" s="14" t="s">
        <v>183</v>
      </c>
      <c r="E29137" s="15">
        <v>45678</v>
      </c>
      <c r="F29137" s="14" t="s">
        <v>61</v>
      </c>
      <c r="G29137" s="16">
        <v>1.4939994049194656</v>
      </c>
    </row>
    <row r="29138" spans="1:7" x14ac:dyDescent="0.3">
      <c r="A29138" s="13" t="s">
        <v>182</v>
      </c>
      <c r="B29138" s="14" t="s">
        <v>1</v>
      </c>
      <c r="C29138" s="14" t="s">
        <v>150</v>
      </c>
      <c r="D29138" s="14" t="s">
        <v>183</v>
      </c>
      <c r="E29138" s="15">
        <v>45679</v>
      </c>
      <c r="F29138" s="14" t="s">
        <v>61</v>
      </c>
      <c r="G29138" s="16">
        <v>1.4963636821388688</v>
      </c>
    </row>
    <row r="29139" spans="1:7" x14ac:dyDescent="0.3">
      <c r="A29139" s="13" t="s">
        <v>182</v>
      </c>
      <c r="B29139" s="14" t="s">
        <v>1</v>
      </c>
      <c r="C29139" s="14" t="s">
        <v>150</v>
      </c>
      <c r="D29139" s="14" t="s">
        <v>183</v>
      </c>
      <c r="E29139" s="15">
        <v>45680</v>
      </c>
      <c r="F29139" s="14" t="s">
        <v>61</v>
      </c>
      <c r="G29139" s="16">
        <v>1.4987016418284405</v>
      </c>
    </row>
    <row r="29140" spans="1:7" x14ac:dyDescent="0.3">
      <c r="A29140" s="13" t="s">
        <v>182</v>
      </c>
      <c r="B29140" s="14" t="s">
        <v>1</v>
      </c>
      <c r="C29140" s="14" t="s">
        <v>150</v>
      </c>
      <c r="D29140" s="14" t="s">
        <v>183</v>
      </c>
      <c r="E29140" s="15">
        <v>45681</v>
      </c>
      <c r="F29140" s="14" t="s">
        <v>61</v>
      </c>
      <c r="G29140" s="16">
        <v>1.50104726109759</v>
      </c>
    </row>
    <row r="29141" spans="1:7" x14ac:dyDescent="0.3">
      <c r="A29141" s="13" t="s">
        <v>182</v>
      </c>
      <c r="B29141" s="14" t="s">
        <v>1</v>
      </c>
      <c r="C29141" s="14" t="s">
        <v>150</v>
      </c>
      <c r="D29141" s="14" t="s">
        <v>183</v>
      </c>
      <c r="E29141" s="15">
        <v>45682</v>
      </c>
      <c r="F29141" s="14" t="s">
        <v>61</v>
      </c>
      <c r="G29141" s="16">
        <v>1.50104726109759</v>
      </c>
    </row>
    <row r="29142" spans="1:7" x14ac:dyDescent="0.3">
      <c r="A29142" s="13" t="s">
        <v>182</v>
      </c>
      <c r="B29142" s="14" t="s">
        <v>1</v>
      </c>
      <c r="C29142" s="14" t="s">
        <v>150</v>
      </c>
      <c r="D29142" s="14" t="s">
        <v>183</v>
      </c>
      <c r="E29142" s="15">
        <v>45683</v>
      </c>
      <c r="F29142" s="14" t="s">
        <v>61</v>
      </c>
      <c r="G29142" s="16">
        <v>1.50104726109759</v>
      </c>
    </row>
    <row r="29143" spans="1:7" x14ac:dyDescent="0.3">
      <c r="A29143" s="13" t="s">
        <v>182</v>
      </c>
      <c r="B29143" s="14" t="s">
        <v>1</v>
      </c>
      <c r="C29143" s="14" t="s">
        <v>150</v>
      </c>
      <c r="D29143" s="14" t="s">
        <v>183</v>
      </c>
      <c r="E29143" s="15">
        <v>45684</v>
      </c>
      <c r="F29143" s="14" t="s">
        <v>61</v>
      </c>
      <c r="G29143" s="16">
        <v>1.506620116562192</v>
      </c>
    </row>
    <row r="29144" spans="1:7" x14ac:dyDescent="0.3">
      <c r="A29144" s="13" t="s">
        <v>182</v>
      </c>
      <c r="B29144" s="14" t="s">
        <v>1</v>
      </c>
      <c r="C29144" s="14" t="s">
        <v>150</v>
      </c>
      <c r="D29144" s="14" t="s">
        <v>183</v>
      </c>
      <c r="E29144" s="15">
        <v>45685</v>
      </c>
      <c r="F29144" s="14" t="s">
        <v>61</v>
      </c>
      <c r="G29144" s="16">
        <v>1.5134393231037377</v>
      </c>
    </row>
    <row r="29145" spans="1:7" x14ac:dyDescent="0.3">
      <c r="A29145" s="13" t="s">
        <v>182</v>
      </c>
      <c r="B29145" s="14" t="s">
        <v>1</v>
      </c>
      <c r="C29145" s="14" t="s">
        <v>150</v>
      </c>
      <c r="D29145" s="14" t="s">
        <v>183</v>
      </c>
      <c r="E29145" s="15">
        <v>45686</v>
      </c>
      <c r="F29145" s="14" t="s">
        <v>61</v>
      </c>
      <c r="G29145" s="16">
        <v>1.5157884775634616</v>
      </c>
    </row>
    <row r="29146" spans="1:7" x14ac:dyDescent="0.3">
      <c r="A29146" s="13" t="s">
        <v>182</v>
      </c>
      <c r="B29146" s="14" t="s">
        <v>1</v>
      </c>
      <c r="C29146" s="14" t="s">
        <v>150</v>
      </c>
      <c r="D29146" s="14" t="s">
        <v>183</v>
      </c>
      <c r="E29146" s="15">
        <v>45687</v>
      </c>
      <c r="F29146" s="14" t="s">
        <v>61</v>
      </c>
      <c r="G29146" s="16">
        <v>1.5181252588561753</v>
      </c>
    </row>
    <row r="29147" spans="1:7" x14ac:dyDescent="0.3">
      <c r="A29147" s="13" t="s">
        <v>182</v>
      </c>
      <c r="B29147" s="14" t="s">
        <v>1</v>
      </c>
      <c r="C29147" s="14" t="s">
        <v>150</v>
      </c>
      <c r="D29147" s="14" t="s">
        <v>183</v>
      </c>
      <c r="E29147" s="15">
        <v>45688</v>
      </c>
      <c r="F29147" s="14" t="s">
        <v>61</v>
      </c>
      <c r="G29147" s="16">
        <v>1.5204528093734999</v>
      </c>
    </row>
    <row r="29148" spans="1:7" x14ac:dyDescent="0.3">
      <c r="A29148" s="13" t="s">
        <v>182</v>
      </c>
      <c r="B29148" s="14" t="s">
        <v>1</v>
      </c>
      <c r="C29148" s="14" t="s">
        <v>150</v>
      </c>
      <c r="D29148" s="14" t="s">
        <v>183</v>
      </c>
      <c r="E29148" s="15">
        <v>45689</v>
      </c>
      <c r="F29148" s="14" t="s">
        <v>61</v>
      </c>
      <c r="G29148" s="16">
        <v>1.5204528093734999</v>
      </c>
    </row>
    <row r="29149" spans="1:7" x14ac:dyDescent="0.3">
      <c r="A29149" s="13" t="s">
        <v>182</v>
      </c>
      <c r="B29149" s="14" t="s">
        <v>1</v>
      </c>
      <c r="C29149" s="14" t="s">
        <v>150</v>
      </c>
      <c r="D29149" s="14" t="s">
        <v>183</v>
      </c>
      <c r="E29149" s="15">
        <v>45690</v>
      </c>
      <c r="F29149" s="14" t="s">
        <v>61</v>
      </c>
      <c r="G29149" s="16">
        <v>1.5204528093734999</v>
      </c>
    </row>
    <row r="29150" spans="1:7" x14ac:dyDescent="0.3">
      <c r="A29150" s="13" t="s">
        <v>182</v>
      </c>
      <c r="B29150" s="14" t="s">
        <v>1</v>
      </c>
      <c r="C29150" s="14" t="s">
        <v>150</v>
      </c>
      <c r="D29150" s="14" t="s">
        <v>183</v>
      </c>
      <c r="E29150" s="15">
        <v>45691</v>
      </c>
      <c r="F29150" s="14" t="s">
        <v>61</v>
      </c>
      <c r="G29150" s="16">
        <v>1.5204528093734999</v>
      </c>
    </row>
    <row r="29151" spans="1:7" x14ac:dyDescent="0.3">
      <c r="A29151" s="13" t="s">
        <v>182</v>
      </c>
      <c r="B29151" s="14" t="s">
        <v>1</v>
      </c>
      <c r="C29151" s="14" t="s">
        <v>150</v>
      </c>
      <c r="D29151" s="14" t="s">
        <v>183</v>
      </c>
      <c r="E29151" s="15">
        <v>45692</v>
      </c>
      <c r="F29151" s="14" t="s">
        <v>61</v>
      </c>
      <c r="G29151" s="16">
        <v>1.5440290156370642</v>
      </c>
    </row>
    <row r="29152" spans="1:7" x14ac:dyDescent="0.3">
      <c r="A29152" s="13" t="s">
        <v>182</v>
      </c>
      <c r="B29152" s="14" t="s">
        <v>1</v>
      </c>
      <c r="C29152" s="14" t="s">
        <v>150</v>
      </c>
      <c r="D29152" s="14" t="s">
        <v>183</v>
      </c>
      <c r="E29152" s="15">
        <v>45693</v>
      </c>
      <c r="F29152" s="14" t="s">
        <v>61</v>
      </c>
      <c r="G29152" s="16">
        <v>1.5555924479294223</v>
      </c>
    </row>
    <row r="29153" spans="1:7" x14ac:dyDescent="0.3">
      <c r="A29153" s="13" t="s">
        <v>182</v>
      </c>
      <c r="B29153" s="14" t="s">
        <v>1</v>
      </c>
      <c r="C29153" s="14" t="s">
        <v>150</v>
      </c>
      <c r="D29153" s="14" t="s">
        <v>183</v>
      </c>
      <c r="E29153" s="15">
        <v>45694</v>
      </c>
      <c r="F29153" s="14" t="s">
        <v>61</v>
      </c>
      <c r="G29153" s="16">
        <v>1.5581680509853826</v>
      </c>
    </row>
    <row r="29154" spans="1:7" x14ac:dyDescent="0.3">
      <c r="A29154" s="13" t="s">
        <v>182</v>
      </c>
      <c r="B29154" s="14" t="s">
        <v>1</v>
      </c>
      <c r="C29154" s="14" t="s">
        <v>150</v>
      </c>
      <c r="D29154" s="14" t="s">
        <v>183</v>
      </c>
      <c r="E29154" s="15">
        <v>45695</v>
      </c>
      <c r="F29154" s="14" t="s">
        <v>61</v>
      </c>
      <c r="G29154" s="16">
        <v>1.5676445424420011</v>
      </c>
    </row>
    <row r="29155" spans="1:7" x14ac:dyDescent="0.3">
      <c r="A29155" s="13" t="s">
        <v>182</v>
      </c>
      <c r="B29155" s="14" t="s">
        <v>1</v>
      </c>
      <c r="C29155" s="14" t="s">
        <v>150</v>
      </c>
      <c r="D29155" s="14" t="s">
        <v>183</v>
      </c>
      <c r="E29155" s="15">
        <v>45696</v>
      </c>
      <c r="F29155" s="14" t="s">
        <v>61</v>
      </c>
      <c r="G29155" s="16">
        <v>1.5676445424420011</v>
      </c>
    </row>
    <row r="29156" spans="1:7" x14ac:dyDescent="0.3">
      <c r="A29156" s="13" t="s">
        <v>182</v>
      </c>
      <c r="B29156" s="14" t="s">
        <v>1</v>
      </c>
      <c r="C29156" s="14" t="s">
        <v>150</v>
      </c>
      <c r="D29156" s="14" t="s">
        <v>183</v>
      </c>
      <c r="E29156" s="15">
        <v>45697</v>
      </c>
      <c r="F29156" s="14" t="s">
        <v>61</v>
      </c>
      <c r="G29156" s="16">
        <v>1.5676445424420011</v>
      </c>
    </row>
    <row r="29157" spans="1:7" x14ac:dyDescent="0.3">
      <c r="A29157" s="13" t="s">
        <v>182</v>
      </c>
      <c r="B29157" s="14" t="s">
        <v>1</v>
      </c>
      <c r="C29157" s="14" t="s">
        <v>150</v>
      </c>
      <c r="D29157" s="14" t="s">
        <v>183</v>
      </c>
      <c r="E29157" s="15">
        <v>45698</v>
      </c>
      <c r="F29157" s="14" t="s">
        <v>61</v>
      </c>
      <c r="G29157" s="16">
        <v>1.5702499982183671</v>
      </c>
    </row>
    <row r="29158" spans="1:7" x14ac:dyDescent="0.3">
      <c r="A29158" s="13" t="s">
        <v>182</v>
      </c>
      <c r="B29158" s="14" t="s">
        <v>1</v>
      </c>
      <c r="C29158" s="14" t="s">
        <v>150</v>
      </c>
      <c r="D29158" s="14" t="s">
        <v>183</v>
      </c>
      <c r="E29158" s="15">
        <v>45699</v>
      </c>
      <c r="F29158" s="14" t="s">
        <v>61</v>
      </c>
      <c r="G29158" s="16">
        <v>1.5780896964390494</v>
      </c>
    </row>
    <row r="29159" spans="1:7" x14ac:dyDescent="0.3">
      <c r="A29159" s="13" t="s">
        <v>182</v>
      </c>
      <c r="B29159" s="14" t="s">
        <v>1</v>
      </c>
      <c r="C29159" s="14" t="s">
        <v>150</v>
      </c>
      <c r="D29159" s="14" t="s">
        <v>183</v>
      </c>
      <c r="E29159" s="15">
        <v>45700</v>
      </c>
      <c r="F29159" s="14" t="s">
        <v>61</v>
      </c>
      <c r="G29159" s="16">
        <v>1.5806792438578308</v>
      </c>
    </row>
    <row r="29160" spans="1:7" x14ac:dyDescent="0.3">
      <c r="A29160" s="13" t="s">
        <v>182</v>
      </c>
      <c r="B29160" s="14" t="s">
        <v>1</v>
      </c>
      <c r="C29160" s="14" t="s">
        <v>150</v>
      </c>
      <c r="D29160" s="14" t="s">
        <v>183</v>
      </c>
      <c r="E29160" s="15">
        <v>45701</v>
      </c>
      <c r="F29160" s="14" t="s">
        <v>61</v>
      </c>
      <c r="G29160" s="16">
        <v>1.5832264365192128</v>
      </c>
    </row>
    <row r="29161" spans="1:7" x14ac:dyDescent="0.3">
      <c r="A29161" s="13" t="s">
        <v>182</v>
      </c>
      <c r="B29161" s="14" t="s">
        <v>1</v>
      </c>
      <c r="C29161" s="14" t="s">
        <v>150</v>
      </c>
      <c r="D29161" s="14" t="s">
        <v>183</v>
      </c>
      <c r="E29161" s="15">
        <v>45702</v>
      </c>
      <c r="F29161" s="14" t="s">
        <v>61</v>
      </c>
      <c r="G29161" s="16">
        <v>1.5857468613339922</v>
      </c>
    </row>
    <row r="29162" spans="1:7" x14ac:dyDescent="0.3">
      <c r="A29162" s="13" t="s">
        <v>182</v>
      </c>
      <c r="B29162" s="14" t="s">
        <v>1</v>
      </c>
      <c r="C29162" s="14" t="s">
        <v>150</v>
      </c>
      <c r="D29162" s="14" t="s">
        <v>183</v>
      </c>
      <c r="E29162" s="15">
        <v>45703</v>
      </c>
      <c r="F29162" s="14" t="s">
        <v>61</v>
      </c>
      <c r="G29162" s="16">
        <v>1.5857468613339922</v>
      </c>
    </row>
    <row r="29163" spans="1:7" x14ac:dyDescent="0.3">
      <c r="A29163" s="13" t="s">
        <v>182</v>
      </c>
      <c r="B29163" s="14" t="s">
        <v>1</v>
      </c>
      <c r="C29163" s="14" t="s">
        <v>150</v>
      </c>
      <c r="D29163" s="14" t="s">
        <v>183</v>
      </c>
      <c r="E29163" s="15">
        <v>45704</v>
      </c>
      <c r="F29163" s="14" t="s">
        <v>61</v>
      </c>
      <c r="G29163" s="16">
        <v>1.5857468613339922</v>
      </c>
    </row>
    <row r="29164" spans="1:7" x14ac:dyDescent="0.3">
      <c r="A29164" s="13" t="s">
        <v>182</v>
      </c>
      <c r="B29164" s="14" t="s">
        <v>1</v>
      </c>
      <c r="C29164" s="14" t="s">
        <v>150</v>
      </c>
      <c r="D29164" s="14" t="s">
        <v>183</v>
      </c>
      <c r="E29164" s="15">
        <v>45705</v>
      </c>
      <c r="F29164" s="14" t="s">
        <v>61</v>
      </c>
      <c r="G29164" s="16">
        <v>1.5882035531806731</v>
      </c>
    </row>
    <row r="29165" spans="1:7" x14ac:dyDescent="0.3">
      <c r="A29165" s="13" t="s">
        <v>182</v>
      </c>
      <c r="B29165" s="14" t="s">
        <v>1</v>
      </c>
      <c r="C29165" s="14" t="s">
        <v>150</v>
      </c>
      <c r="D29165" s="14" t="s">
        <v>183</v>
      </c>
      <c r="E29165" s="15">
        <v>45706</v>
      </c>
      <c r="F29165" s="14" t="s">
        <v>61</v>
      </c>
      <c r="G29165" s="16">
        <v>1.5956061054460677</v>
      </c>
    </row>
    <row r="29166" spans="1:7" x14ac:dyDescent="0.3">
      <c r="A29166" s="13" t="s">
        <v>182</v>
      </c>
      <c r="B29166" s="14" t="s">
        <v>1</v>
      </c>
      <c r="C29166" s="14" t="s">
        <v>150</v>
      </c>
      <c r="D29166" s="14" t="s">
        <v>183</v>
      </c>
      <c r="E29166" s="15">
        <v>45707</v>
      </c>
      <c r="F29166" s="14" t="s">
        <v>61</v>
      </c>
      <c r="G29166" s="16">
        <v>1.5966446477054372</v>
      </c>
    </row>
    <row r="29167" spans="1:7" x14ac:dyDescent="0.3">
      <c r="A29167" s="13" t="s">
        <v>182</v>
      </c>
      <c r="B29167" s="14" t="s">
        <v>1</v>
      </c>
      <c r="C29167" s="14" t="s">
        <v>150</v>
      </c>
      <c r="D29167" s="14" t="s">
        <v>183</v>
      </c>
      <c r="E29167" s="15">
        <v>45708</v>
      </c>
      <c r="F29167" s="14" t="s">
        <v>61</v>
      </c>
      <c r="G29167" s="16">
        <v>1.6030935726738691</v>
      </c>
    </row>
    <row r="29168" spans="1:7" x14ac:dyDescent="0.3">
      <c r="A29168" s="13" t="s">
        <v>182</v>
      </c>
      <c r="B29168" s="14" t="s">
        <v>1</v>
      </c>
      <c r="C29168" s="14" t="s">
        <v>150</v>
      </c>
      <c r="D29168" s="14" t="s">
        <v>183</v>
      </c>
      <c r="E29168" s="15">
        <v>45709</v>
      </c>
      <c r="F29168" s="14" t="s">
        <v>61</v>
      </c>
      <c r="G29168" s="16">
        <v>1.6056096272279796</v>
      </c>
    </row>
    <row r="29169" spans="1:7" x14ac:dyDescent="0.3">
      <c r="A29169" s="13" t="s">
        <v>182</v>
      </c>
      <c r="B29169" s="14" t="s">
        <v>1</v>
      </c>
      <c r="C29169" s="14" t="s">
        <v>150</v>
      </c>
      <c r="D29169" s="14" t="s">
        <v>183</v>
      </c>
      <c r="E29169" s="15">
        <v>45710</v>
      </c>
      <c r="F29169" s="14" t="s">
        <v>61</v>
      </c>
      <c r="G29169" s="16">
        <v>1.6056096272279796</v>
      </c>
    </row>
    <row r="29170" spans="1:7" x14ac:dyDescent="0.3">
      <c r="A29170" s="13" t="s">
        <v>182</v>
      </c>
      <c r="B29170" s="14" t="s">
        <v>1</v>
      </c>
      <c r="C29170" s="14" t="s">
        <v>150</v>
      </c>
      <c r="D29170" s="14" t="s">
        <v>183</v>
      </c>
      <c r="E29170" s="15">
        <v>45711</v>
      </c>
      <c r="F29170" s="14" t="s">
        <v>61</v>
      </c>
      <c r="G29170" s="16">
        <v>1.6056096272279796</v>
      </c>
    </row>
    <row r="29171" spans="1:7" x14ac:dyDescent="0.3">
      <c r="A29171" s="13" t="s">
        <v>182</v>
      </c>
      <c r="B29171" s="14" t="s">
        <v>1</v>
      </c>
      <c r="C29171" s="14" t="s">
        <v>150</v>
      </c>
      <c r="D29171" s="14" t="s">
        <v>183</v>
      </c>
      <c r="E29171" s="15">
        <v>45712</v>
      </c>
      <c r="F29171" s="14" t="s">
        <v>61</v>
      </c>
      <c r="G29171" s="16">
        <v>1.6079632537605333</v>
      </c>
    </row>
    <row r="29172" spans="1:7" x14ac:dyDescent="0.3">
      <c r="A29172" s="13" t="s">
        <v>182</v>
      </c>
      <c r="B29172" s="14" t="s">
        <v>1</v>
      </c>
      <c r="C29172" s="14" t="s">
        <v>150</v>
      </c>
      <c r="D29172" s="14" t="s">
        <v>183</v>
      </c>
      <c r="E29172" s="15">
        <v>45713</v>
      </c>
      <c r="F29172" s="14" t="s">
        <v>61</v>
      </c>
      <c r="G29172" s="16">
        <v>1.6149968831877293</v>
      </c>
    </row>
    <row r="29173" spans="1:7" x14ac:dyDescent="0.3">
      <c r="A29173" s="13" t="s">
        <v>182</v>
      </c>
      <c r="B29173" s="14" t="s">
        <v>1</v>
      </c>
      <c r="C29173" s="14" t="s">
        <v>150</v>
      </c>
      <c r="D29173" s="14" t="s">
        <v>183</v>
      </c>
      <c r="E29173" s="15">
        <v>45714</v>
      </c>
      <c r="F29173" s="14" t="s">
        <v>61</v>
      </c>
      <c r="G29173" s="16">
        <v>1.6173350317137447</v>
      </c>
    </row>
    <row r="29174" spans="1:7" x14ac:dyDescent="0.3">
      <c r="A29174" s="13" t="s">
        <v>182</v>
      </c>
      <c r="B29174" s="14" t="s">
        <v>1</v>
      </c>
      <c r="C29174" s="14" t="s">
        <v>150</v>
      </c>
      <c r="D29174" s="14" t="s">
        <v>183</v>
      </c>
      <c r="E29174" s="15">
        <v>45715</v>
      </c>
      <c r="F29174" s="14" t="s">
        <v>61</v>
      </c>
      <c r="G29174" s="16">
        <v>1.6272610453274898</v>
      </c>
    </row>
    <row r="29175" spans="1:7" x14ac:dyDescent="0.3">
      <c r="A29175" s="13" t="s">
        <v>182</v>
      </c>
      <c r="B29175" s="14" t="s">
        <v>1</v>
      </c>
      <c r="C29175" s="14" t="s">
        <v>150</v>
      </c>
      <c r="D29175" s="14" t="s">
        <v>183</v>
      </c>
      <c r="E29175" s="15">
        <v>45716</v>
      </c>
      <c r="F29175" s="14" t="s">
        <v>61</v>
      </c>
      <c r="G29175" s="16">
        <v>1.6296740345674734</v>
      </c>
    </row>
    <row r="29176" spans="1:7" x14ac:dyDescent="0.3">
      <c r="A29176" s="13" t="s">
        <v>182</v>
      </c>
      <c r="B29176" s="14" t="s">
        <v>1</v>
      </c>
      <c r="C29176" s="14" t="s">
        <v>150</v>
      </c>
      <c r="D29176" s="14" t="s">
        <v>183</v>
      </c>
      <c r="E29176" s="15">
        <v>45717</v>
      </c>
      <c r="F29176" s="14" t="s">
        <v>61</v>
      </c>
      <c r="G29176" s="16">
        <v>1.6296740345674734</v>
      </c>
    </row>
    <row r="29177" spans="1:7" x14ac:dyDescent="0.3">
      <c r="A29177" s="13" t="s">
        <v>182</v>
      </c>
      <c r="B29177" s="14" t="s">
        <v>1</v>
      </c>
      <c r="C29177" s="14" t="s">
        <v>150</v>
      </c>
      <c r="D29177" s="14" t="s">
        <v>183</v>
      </c>
      <c r="E29177" s="15">
        <v>45718</v>
      </c>
      <c r="F29177" s="14" t="s">
        <v>61</v>
      </c>
      <c r="G29177" s="16">
        <v>1.6296740345674734</v>
      </c>
    </row>
    <row r="29178" spans="1:7" x14ac:dyDescent="0.3">
      <c r="A29178" s="13" t="s">
        <v>182</v>
      </c>
      <c r="B29178" s="14" t="s">
        <v>1</v>
      </c>
      <c r="C29178" s="14" t="s">
        <v>150</v>
      </c>
      <c r="D29178" s="14" t="s">
        <v>183</v>
      </c>
      <c r="E29178" s="15">
        <v>45719</v>
      </c>
      <c r="F29178" s="14" t="s">
        <v>61</v>
      </c>
      <c r="G29178" s="16">
        <v>1.6320811967932307</v>
      </c>
    </row>
    <row r="29179" spans="1:7" x14ac:dyDescent="0.3">
      <c r="A29179" s="13" t="s">
        <v>182</v>
      </c>
      <c r="B29179" s="14" t="s">
        <v>1</v>
      </c>
      <c r="C29179" s="14" t="s">
        <v>150</v>
      </c>
      <c r="D29179" s="14" t="s">
        <v>183</v>
      </c>
      <c r="E29179" s="15">
        <v>45720</v>
      </c>
      <c r="F29179" s="14" t="s">
        <v>61</v>
      </c>
      <c r="G29179" s="16">
        <v>1.6424810195012465</v>
      </c>
    </row>
    <row r="29180" spans="1:7" x14ac:dyDescent="0.3">
      <c r="A29180" s="13" t="s">
        <v>182</v>
      </c>
      <c r="B29180" s="14" t="s">
        <v>1</v>
      </c>
      <c r="C29180" s="14" t="s">
        <v>150</v>
      </c>
      <c r="D29180" s="14" t="s">
        <v>183</v>
      </c>
      <c r="E29180" s="15">
        <v>45721</v>
      </c>
      <c r="F29180" s="14" t="s">
        <v>61</v>
      </c>
      <c r="G29180" s="16">
        <v>1.6448659662352667</v>
      </c>
    </row>
    <row r="29181" spans="1:7" x14ac:dyDescent="0.3">
      <c r="A29181" s="13" t="s">
        <v>182</v>
      </c>
      <c r="B29181" s="14" t="s">
        <v>1</v>
      </c>
      <c r="C29181" s="14" t="s">
        <v>150</v>
      </c>
      <c r="D29181" s="14" t="s">
        <v>183</v>
      </c>
      <c r="E29181" s="15">
        <v>45722</v>
      </c>
      <c r="F29181" s="14" t="s">
        <v>61</v>
      </c>
      <c r="G29181" s="16">
        <v>1.6529919787356873</v>
      </c>
    </row>
    <row r="29182" spans="1:7" x14ac:dyDescent="0.3">
      <c r="A29182" s="13" t="s">
        <v>182</v>
      </c>
      <c r="B29182" s="14" t="s">
        <v>1</v>
      </c>
      <c r="C29182" s="14" t="s">
        <v>150</v>
      </c>
      <c r="D29182" s="14" t="s">
        <v>183</v>
      </c>
      <c r="E29182" s="15">
        <v>45723</v>
      </c>
      <c r="F29182" s="14" t="s">
        <v>61</v>
      </c>
      <c r="G29182" s="16">
        <v>1.6561417210869012</v>
      </c>
    </row>
    <row r="29183" spans="1:7" x14ac:dyDescent="0.3">
      <c r="A29183" s="13" t="s">
        <v>182</v>
      </c>
      <c r="B29183" s="14" t="s">
        <v>1</v>
      </c>
      <c r="C29183" s="14" t="s">
        <v>150</v>
      </c>
      <c r="D29183" s="14" t="s">
        <v>183</v>
      </c>
      <c r="E29183" s="15">
        <v>45724</v>
      </c>
      <c r="F29183" s="14" t="s">
        <v>61</v>
      </c>
      <c r="G29183" s="16">
        <v>1.6561417210869012</v>
      </c>
    </row>
    <row r="29184" spans="1:7" x14ac:dyDescent="0.3">
      <c r="A29184" s="13" t="s">
        <v>182</v>
      </c>
      <c r="B29184" s="14" t="s">
        <v>1</v>
      </c>
      <c r="C29184" s="14" t="s">
        <v>150</v>
      </c>
      <c r="D29184" s="14" t="s">
        <v>183</v>
      </c>
      <c r="E29184" s="15">
        <v>45725</v>
      </c>
      <c r="F29184" s="14" t="s">
        <v>61</v>
      </c>
      <c r="G29184" s="16">
        <v>1.6561417210869012</v>
      </c>
    </row>
    <row r="29185" spans="1:7" x14ac:dyDescent="0.3">
      <c r="A29185" s="13" t="s">
        <v>182</v>
      </c>
      <c r="B29185" s="14" t="s">
        <v>1</v>
      </c>
      <c r="C29185" s="14" t="s">
        <v>150</v>
      </c>
      <c r="D29185" s="14" t="s">
        <v>183</v>
      </c>
      <c r="E29185" s="15">
        <v>45726</v>
      </c>
      <c r="F29185" s="14" t="s">
        <v>61</v>
      </c>
      <c r="G29185" s="16">
        <v>1.6585248468789753</v>
      </c>
    </row>
    <row r="29186" spans="1:7" x14ac:dyDescent="0.3">
      <c r="A29186" s="13" t="s">
        <v>182</v>
      </c>
      <c r="B29186" s="14" t="s">
        <v>1</v>
      </c>
      <c r="C29186" s="14" t="s">
        <v>150</v>
      </c>
      <c r="D29186" s="14" t="s">
        <v>183</v>
      </c>
      <c r="E29186" s="15">
        <v>45727</v>
      </c>
      <c r="F29186" s="14" t="s">
        <v>61</v>
      </c>
      <c r="G29186" s="16">
        <v>1.6655419057344651</v>
      </c>
    </row>
    <row r="29187" spans="1:7" x14ac:dyDescent="0.3">
      <c r="A29187" s="13" t="s">
        <v>182</v>
      </c>
      <c r="B29187" s="14" t="s">
        <v>1</v>
      </c>
      <c r="C29187" s="14" t="s">
        <v>150</v>
      </c>
      <c r="D29187" s="14" t="s">
        <v>183</v>
      </c>
      <c r="E29187" s="15">
        <v>45728</v>
      </c>
      <c r="F29187" s="14" t="s">
        <v>61</v>
      </c>
      <c r="G29187" s="16">
        <v>1.6677890071631958</v>
      </c>
    </row>
    <row r="29188" spans="1:7" x14ac:dyDescent="0.3">
      <c r="A29188" s="13" t="s">
        <v>182</v>
      </c>
      <c r="B29188" s="14" t="s">
        <v>1</v>
      </c>
      <c r="C29188" s="14" t="s">
        <v>150</v>
      </c>
      <c r="D29188" s="14" t="s">
        <v>183</v>
      </c>
      <c r="E29188" s="15">
        <v>45729</v>
      </c>
      <c r="F29188" s="14" t="s">
        <v>61</v>
      </c>
      <c r="G29188" s="16">
        <v>1.6700867307780165</v>
      </c>
    </row>
    <row r="29189" spans="1:7" x14ac:dyDescent="0.3">
      <c r="A29189" s="13" t="s">
        <v>182</v>
      </c>
      <c r="B29189" s="14" t="s">
        <v>1</v>
      </c>
      <c r="C29189" s="14" t="s">
        <v>150</v>
      </c>
      <c r="D29189" s="14" t="s">
        <v>183</v>
      </c>
      <c r="E29189" s="15">
        <v>45730</v>
      </c>
      <c r="F29189" s="14" t="s">
        <v>61</v>
      </c>
      <c r="G29189" s="16">
        <v>1.6731286733660449</v>
      </c>
    </row>
    <row r="29190" spans="1:7" x14ac:dyDescent="0.3">
      <c r="A29190" s="13" t="s">
        <v>182</v>
      </c>
      <c r="B29190" s="14" t="s">
        <v>1</v>
      </c>
      <c r="C29190" s="14" t="s">
        <v>150</v>
      </c>
      <c r="D29190" s="14" t="s">
        <v>183</v>
      </c>
      <c r="E29190" s="15">
        <v>45731</v>
      </c>
      <c r="F29190" s="14" t="s">
        <v>61</v>
      </c>
      <c r="G29190" s="16">
        <v>1.6731286733660449</v>
      </c>
    </row>
    <row r="29191" spans="1:7" x14ac:dyDescent="0.3">
      <c r="A29191" s="13" t="s">
        <v>182</v>
      </c>
      <c r="B29191" s="14" t="s">
        <v>1</v>
      </c>
      <c r="C29191" s="14" t="s">
        <v>150</v>
      </c>
      <c r="D29191" s="14" t="s">
        <v>183</v>
      </c>
      <c r="E29191" s="15">
        <v>45732</v>
      </c>
      <c r="F29191" s="14" t="s">
        <v>61</v>
      </c>
      <c r="G29191" s="16">
        <v>1.6731286733660449</v>
      </c>
    </row>
    <row r="29192" spans="1:7" x14ac:dyDescent="0.3">
      <c r="A29192" s="13" t="s">
        <v>182</v>
      </c>
      <c r="B29192" s="14" t="s">
        <v>1</v>
      </c>
      <c r="C29192" s="14" t="s">
        <v>150</v>
      </c>
      <c r="D29192" s="14" t="s">
        <v>183</v>
      </c>
      <c r="E29192" s="15">
        <v>45733</v>
      </c>
      <c r="F29192" s="14" t="s">
        <v>61</v>
      </c>
      <c r="G29192" s="16">
        <v>1.6731286733660449</v>
      </c>
    </row>
    <row r="29193" spans="1:7" x14ac:dyDescent="0.3">
      <c r="A29193" s="13" t="s">
        <v>182</v>
      </c>
      <c r="B29193" s="14" t="s">
        <v>1</v>
      </c>
      <c r="C29193" s="14" t="s">
        <v>150</v>
      </c>
      <c r="D29193" s="14" t="s">
        <v>183</v>
      </c>
      <c r="E29193" s="15">
        <v>45734</v>
      </c>
      <c r="F29193" s="14" t="s">
        <v>61</v>
      </c>
      <c r="G29193" s="16">
        <v>1.6753763210773589</v>
      </c>
    </row>
    <row r="29194" spans="1:7" x14ac:dyDescent="0.3">
      <c r="A29194" s="13" t="s">
        <v>182</v>
      </c>
      <c r="B29194" s="14" t="s">
        <v>1</v>
      </c>
      <c r="C29194" s="14" t="s">
        <v>150</v>
      </c>
      <c r="D29194" s="14" t="s">
        <v>183</v>
      </c>
      <c r="E29194" s="15">
        <v>45735</v>
      </c>
      <c r="F29194" s="14" t="s">
        <v>61</v>
      </c>
      <c r="G29194" s="16">
        <v>1.6840129256993543</v>
      </c>
    </row>
    <row r="29195" spans="1:7" x14ac:dyDescent="0.3">
      <c r="A29195" s="13" t="s">
        <v>182</v>
      </c>
      <c r="B29195" s="14" t="s">
        <v>1</v>
      </c>
      <c r="C29195" s="14" t="s">
        <v>150</v>
      </c>
      <c r="D29195" s="14" t="s">
        <v>183</v>
      </c>
      <c r="E29195" s="15">
        <v>45736</v>
      </c>
      <c r="F29195" s="14" t="s">
        <v>61</v>
      </c>
      <c r="G29195" s="16">
        <v>1.6862210589704467</v>
      </c>
    </row>
    <row r="29196" spans="1:7" x14ac:dyDescent="0.3">
      <c r="A29196" s="13" t="s">
        <v>182</v>
      </c>
      <c r="B29196" s="14" t="s">
        <v>1</v>
      </c>
      <c r="C29196" s="14" t="s">
        <v>150</v>
      </c>
      <c r="D29196" s="14" t="s">
        <v>183</v>
      </c>
      <c r="E29196" s="15">
        <v>45737</v>
      </c>
      <c r="F29196" s="14" t="s">
        <v>61</v>
      </c>
      <c r="G29196" s="16">
        <v>1.6884299206183173</v>
      </c>
    </row>
    <row r="29197" spans="1:7" x14ac:dyDescent="0.3">
      <c r="A29197" s="13" t="s">
        <v>182</v>
      </c>
      <c r="B29197" s="14" t="s">
        <v>1</v>
      </c>
      <c r="C29197" s="14" t="s">
        <v>150</v>
      </c>
      <c r="D29197" s="14" t="s">
        <v>183</v>
      </c>
      <c r="E29197" s="15">
        <v>45738</v>
      </c>
      <c r="F29197" s="14" t="s">
        <v>61</v>
      </c>
      <c r="G29197" s="16">
        <v>1.6884299206183173</v>
      </c>
    </row>
    <row r="29198" spans="1:7" x14ac:dyDescent="0.3">
      <c r="A29198" s="13" t="s">
        <v>182</v>
      </c>
      <c r="B29198" s="14" t="s">
        <v>1</v>
      </c>
      <c r="C29198" s="14" t="s">
        <v>150</v>
      </c>
      <c r="D29198" s="14" t="s">
        <v>183</v>
      </c>
      <c r="E29198" s="15">
        <v>45739</v>
      </c>
      <c r="F29198" s="14" t="s">
        <v>61</v>
      </c>
      <c r="G29198" s="16">
        <v>1.6884299206183173</v>
      </c>
    </row>
    <row r="29199" spans="1:7" x14ac:dyDescent="0.3">
      <c r="A29199" s="13" t="s">
        <v>182</v>
      </c>
      <c r="B29199" s="14" t="s">
        <v>1</v>
      </c>
      <c r="C29199" s="14" t="s">
        <v>150</v>
      </c>
      <c r="D29199" s="14" t="s">
        <v>183</v>
      </c>
      <c r="E29199" s="15">
        <v>45740</v>
      </c>
      <c r="F29199" s="14" t="s">
        <v>61</v>
      </c>
      <c r="G29199" s="16">
        <v>1.6896917103602296</v>
      </c>
    </row>
    <row r="29200" spans="1:7" x14ac:dyDescent="0.3">
      <c r="A29200" s="13" t="s">
        <v>182</v>
      </c>
      <c r="B29200" s="14" t="s">
        <v>1</v>
      </c>
      <c r="C29200" s="14" t="s">
        <v>150</v>
      </c>
      <c r="D29200" s="14" t="s">
        <v>183</v>
      </c>
      <c r="E29200" s="15">
        <v>45741</v>
      </c>
      <c r="F29200" s="14" t="s">
        <v>61</v>
      </c>
      <c r="G29200" s="16">
        <v>1.6957152632901464</v>
      </c>
    </row>
    <row r="29201" spans="1:7" x14ac:dyDescent="0.3">
      <c r="A29201" s="13" t="s">
        <v>182</v>
      </c>
      <c r="B29201" s="14" t="s">
        <v>1</v>
      </c>
      <c r="C29201" s="14" t="s">
        <v>150</v>
      </c>
      <c r="D29201" s="14" t="s">
        <v>183</v>
      </c>
      <c r="E29201" s="15">
        <v>45742</v>
      </c>
      <c r="F29201" s="14" t="s">
        <v>61</v>
      </c>
      <c r="G29201" s="16">
        <v>1.6986071602618491</v>
      </c>
    </row>
    <row r="29202" spans="1:7" x14ac:dyDescent="0.3">
      <c r="A29202" s="13" t="s">
        <v>182</v>
      </c>
      <c r="B29202" s="14" t="s">
        <v>1</v>
      </c>
      <c r="C29202" s="14" t="s">
        <v>150</v>
      </c>
      <c r="D29202" s="14" t="s">
        <v>183</v>
      </c>
      <c r="E29202" s="15">
        <v>45743</v>
      </c>
      <c r="F29202" s="14" t="s">
        <v>61</v>
      </c>
      <c r="G29202" s="16">
        <v>1.7044016386949967</v>
      </c>
    </row>
    <row r="29203" spans="1:7" x14ac:dyDescent="0.3">
      <c r="A29203" s="13" t="s">
        <v>182</v>
      </c>
      <c r="B29203" s="14" t="s">
        <v>1</v>
      </c>
      <c r="C29203" s="14" t="s">
        <v>150</v>
      </c>
      <c r="D29203" s="14" t="s">
        <v>183</v>
      </c>
      <c r="E29203" s="15">
        <v>45744</v>
      </c>
      <c r="F29203" s="14" t="s">
        <v>61</v>
      </c>
      <c r="G29203" s="16">
        <v>1.7066440056746681</v>
      </c>
    </row>
    <row r="29204" spans="1:7" x14ac:dyDescent="0.3">
      <c r="A29204" s="13" t="s">
        <v>182</v>
      </c>
      <c r="B29204" s="14" t="s">
        <v>1</v>
      </c>
      <c r="C29204" s="14" t="s">
        <v>150</v>
      </c>
      <c r="D29204" s="14" t="s">
        <v>183</v>
      </c>
      <c r="E29204" s="15">
        <v>45745</v>
      </c>
      <c r="F29204" s="14" t="s">
        <v>61</v>
      </c>
      <c r="G29204" s="16">
        <v>1.7066440056746681</v>
      </c>
    </row>
    <row r="29205" spans="1:7" x14ac:dyDescent="0.3">
      <c r="A29205" s="13" t="s">
        <v>182</v>
      </c>
      <c r="B29205" s="14" t="s">
        <v>1</v>
      </c>
      <c r="C29205" s="14" t="s">
        <v>150</v>
      </c>
      <c r="D29205" s="14" t="s">
        <v>183</v>
      </c>
      <c r="E29205" s="15">
        <v>45746</v>
      </c>
      <c r="F29205" s="14" t="s">
        <v>61</v>
      </c>
      <c r="G29205" s="16">
        <v>1.7066440056746681</v>
      </c>
    </row>
    <row r="29206" spans="1:7" x14ac:dyDescent="0.3">
      <c r="A29206" s="13" t="s">
        <v>182</v>
      </c>
      <c r="B29206" s="14" t="s">
        <v>1</v>
      </c>
      <c r="C29206" s="14" t="s">
        <v>150</v>
      </c>
      <c r="D29206" s="14" t="s">
        <v>183</v>
      </c>
      <c r="E29206" s="15">
        <v>45747</v>
      </c>
      <c r="F29206" s="14" t="s">
        <v>61</v>
      </c>
      <c r="G29206" s="16">
        <v>1.7107945377192382</v>
      </c>
    </row>
    <row r="29207" spans="1:7" x14ac:dyDescent="0.3">
      <c r="A29207" s="13" t="s">
        <v>184</v>
      </c>
      <c r="B29207" s="14" t="s">
        <v>1</v>
      </c>
      <c r="C29207" s="14" t="s">
        <v>70</v>
      </c>
      <c r="D29207" s="14" t="s">
        <v>185</v>
      </c>
      <c r="E29207" s="15">
        <v>45383</v>
      </c>
      <c r="F29207" s="14" t="s">
        <v>61</v>
      </c>
      <c r="G29207" s="16">
        <v>0</v>
      </c>
    </row>
    <row r="29208" spans="1:7" x14ac:dyDescent="0.3">
      <c r="A29208" s="13" t="s">
        <v>184</v>
      </c>
      <c r="B29208" s="14" t="s">
        <v>1</v>
      </c>
      <c r="C29208" s="14" t="s">
        <v>70</v>
      </c>
      <c r="D29208" s="14" t="s">
        <v>185</v>
      </c>
      <c r="E29208" s="15">
        <v>45384</v>
      </c>
      <c r="F29208" s="14" t="s">
        <v>61</v>
      </c>
      <c r="G29208" s="16">
        <v>0</v>
      </c>
    </row>
    <row r="29209" spans="1:7" x14ac:dyDescent="0.3">
      <c r="A29209" s="13" t="s">
        <v>184</v>
      </c>
      <c r="B29209" s="14" t="s">
        <v>1</v>
      </c>
      <c r="C29209" s="14" t="s">
        <v>70</v>
      </c>
      <c r="D29209" s="14" t="s">
        <v>185</v>
      </c>
      <c r="E29209" s="15">
        <v>45385</v>
      </c>
      <c r="F29209" s="14" t="s">
        <v>61</v>
      </c>
      <c r="G29209" s="16">
        <v>4.0071427617999283E-2</v>
      </c>
    </row>
    <row r="29210" spans="1:7" x14ac:dyDescent="0.3">
      <c r="A29210" s="13" t="s">
        <v>184</v>
      </c>
      <c r="B29210" s="14" t="s">
        <v>1</v>
      </c>
      <c r="C29210" s="14" t="s">
        <v>70</v>
      </c>
      <c r="D29210" s="14" t="s">
        <v>185</v>
      </c>
      <c r="E29210" s="15">
        <v>45386</v>
      </c>
      <c r="F29210" s="14" t="s">
        <v>61</v>
      </c>
      <c r="G29210" s="16">
        <v>5.0480721947668616E-2</v>
      </c>
    </row>
    <row r="29211" spans="1:7" x14ac:dyDescent="0.3">
      <c r="A29211" s="13" t="s">
        <v>184</v>
      </c>
      <c r="B29211" s="14" t="s">
        <v>1</v>
      </c>
      <c r="C29211" s="14" t="s">
        <v>70</v>
      </c>
      <c r="D29211" s="14" t="s">
        <v>185</v>
      </c>
      <c r="E29211" s="15">
        <v>45387</v>
      </c>
      <c r="F29211" s="14" t="s">
        <v>61</v>
      </c>
      <c r="G29211" s="16">
        <v>6.9911637692016873E-2</v>
      </c>
    </row>
    <row r="29212" spans="1:7" x14ac:dyDescent="0.3">
      <c r="A29212" s="13" t="s">
        <v>184</v>
      </c>
      <c r="B29212" s="14" t="s">
        <v>1</v>
      </c>
      <c r="C29212" s="14" t="s">
        <v>70</v>
      </c>
      <c r="D29212" s="14" t="s">
        <v>185</v>
      </c>
      <c r="E29212" s="15">
        <v>45388</v>
      </c>
      <c r="F29212" s="14" t="s">
        <v>61</v>
      </c>
      <c r="G29212" s="16">
        <v>6.9911637692016873E-2</v>
      </c>
    </row>
    <row r="29213" spans="1:7" x14ac:dyDescent="0.3">
      <c r="A29213" s="13" t="s">
        <v>184</v>
      </c>
      <c r="B29213" s="14" t="s">
        <v>1</v>
      </c>
      <c r="C29213" s="14" t="s">
        <v>70</v>
      </c>
      <c r="D29213" s="14" t="s">
        <v>185</v>
      </c>
      <c r="E29213" s="15">
        <v>45389</v>
      </c>
      <c r="F29213" s="14" t="s">
        <v>61</v>
      </c>
      <c r="G29213" s="16">
        <v>6.9911637692016873E-2</v>
      </c>
    </row>
    <row r="29214" spans="1:7" x14ac:dyDescent="0.3">
      <c r="A29214" s="13" t="s">
        <v>184</v>
      </c>
      <c r="B29214" s="14" t="s">
        <v>1</v>
      </c>
      <c r="C29214" s="14" t="s">
        <v>70</v>
      </c>
      <c r="D29214" s="14" t="s">
        <v>185</v>
      </c>
      <c r="E29214" s="15">
        <v>45390</v>
      </c>
      <c r="F29214" s="14" t="s">
        <v>61</v>
      </c>
      <c r="G29214" s="16">
        <v>9.1321008993730093E-2</v>
      </c>
    </row>
    <row r="29215" spans="1:7" x14ac:dyDescent="0.3">
      <c r="A29215" s="13" t="s">
        <v>184</v>
      </c>
      <c r="B29215" s="14" t="s">
        <v>1</v>
      </c>
      <c r="C29215" s="14" t="s">
        <v>70</v>
      </c>
      <c r="D29215" s="14" t="s">
        <v>185</v>
      </c>
      <c r="E29215" s="15">
        <v>45391</v>
      </c>
      <c r="F29215" s="14" t="s">
        <v>61</v>
      </c>
      <c r="G29215" s="16">
        <v>0.11051655626108199</v>
      </c>
    </row>
    <row r="29216" spans="1:7" x14ac:dyDescent="0.3">
      <c r="A29216" s="13" t="s">
        <v>184</v>
      </c>
      <c r="B29216" s="14" t="s">
        <v>1</v>
      </c>
      <c r="C29216" s="14" t="s">
        <v>70</v>
      </c>
      <c r="D29216" s="14" t="s">
        <v>185</v>
      </c>
      <c r="E29216" s="15">
        <v>45392</v>
      </c>
      <c r="F29216" s="14" t="s">
        <v>61</v>
      </c>
      <c r="G29216" s="16">
        <v>0.13110434667266016</v>
      </c>
    </row>
    <row r="29217" spans="1:7" x14ac:dyDescent="0.3">
      <c r="A29217" s="13" t="s">
        <v>184</v>
      </c>
      <c r="B29217" s="14" t="s">
        <v>1</v>
      </c>
      <c r="C29217" s="14" t="s">
        <v>70</v>
      </c>
      <c r="D29217" s="14" t="s">
        <v>185</v>
      </c>
      <c r="E29217" s="15">
        <v>45393</v>
      </c>
      <c r="F29217" s="14" t="s">
        <v>61</v>
      </c>
      <c r="G29217" s="16">
        <v>0.13658257225159806</v>
      </c>
    </row>
    <row r="29218" spans="1:7" x14ac:dyDescent="0.3">
      <c r="A29218" s="13" t="s">
        <v>184</v>
      </c>
      <c r="B29218" s="14" t="s">
        <v>1</v>
      </c>
      <c r="C29218" s="14" t="s">
        <v>70</v>
      </c>
      <c r="D29218" s="14" t="s">
        <v>185</v>
      </c>
      <c r="E29218" s="15">
        <v>45394</v>
      </c>
      <c r="F29218" s="14" t="s">
        <v>61</v>
      </c>
      <c r="G29218" s="16">
        <v>0.14324799779051864</v>
      </c>
    </row>
    <row r="29219" spans="1:7" x14ac:dyDescent="0.3">
      <c r="A29219" s="13" t="s">
        <v>184</v>
      </c>
      <c r="B29219" s="14" t="s">
        <v>1</v>
      </c>
      <c r="C29219" s="14" t="s">
        <v>70</v>
      </c>
      <c r="D29219" s="14" t="s">
        <v>185</v>
      </c>
      <c r="E29219" s="15">
        <v>45395</v>
      </c>
      <c r="F29219" s="14" t="s">
        <v>61</v>
      </c>
      <c r="G29219" s="16">
        <v>0.14324799779051864</v>
      </c>
    </row>
    <row r="29220" spans="1:7" x14ac:dyDescent="0.3">
      <c r="A29220" s="13" t="s">
        <v>184</v>
      </c>
      <c r="B29220" s="14" t="s">
        <v>1</v>
      </c>
      <c r="C29220" s="14" t="s">
        <v>70</v>
      </c>
      <c r="D29220" s="14" t="s">
        <v>185</v>
      </c>
      <c r="E29220" s="15">
        <v>45396</v>
      </c>
      <c r="F29220" s="14" t="s">
        <v>61</v>
      </c>
      <c r="G29220" s="16">
        <v>0.14324799779051864</v>
      </c>
    </row>
    <row r="29221" spans="1:7" x14ac:dyDescent="0.3">
      <c r="A29221" s="13" t="s">
        <v>184</v>
      </c>
      <c r="B29221" s="14" t="s">
        <v>1</v>
      </c>
      <c r="C29221" s="14" t="s">
        <v>70</v>
      </c>
      <c r="D29221" s="14" t="s">
        <v>185</v>
      </c>
      <c r="E29221" s="15">
        <v>45397</v>
      </c>
      <c r="F29221" s="14" t="s">
        <v>61</v>
      </c>
      <c r="G29221" s="16">
        <v>0.17096205315593072</v>
      </c>
    </row>
    <row r="29222" spans="1:7" x14ac:dyDescent="0.3">
      <c r="A29222" s="13" t="s">
        <v>184</v>
      </c>
      <c r="B29222" s="14" t="s">
        <v>1</v>
      </c>
      <c r="C29222" s="14" t="s">
        <v>70</v>
      </c>
      <c r="D29222" s="14" t="s">
        <v>185</v>
      </c>
      <c r="E29222" s="15">
        <v>45398</v>
      </c>
      <c r="F29222" s="14" t="s">
        <v>61</v>
      </c>
      <c r="G29222" s="16">
        <v>0.19032998446240762</v>
      </c>
    </row>
    <row r="29223" spans="1:7" x14ac:dyDescent="0.3">
      <c r="A29223" s="13" t="s">
        <v>184</v>
      </c>
      <c r="B29223" s="14" t="s">
        <v>1</v>
      </c>
      <c r="C29223" s="14" t="s">
        <v>70</v>
      </c>
      <c r="D29223" s="14" t="s">
        <v>185</v>
      </c>
      <c r="E29223" s="15">
        <v>45399</v>
      </c>
      <c r="F29223" s="14" t="s">
        <v>61</v>
      </c>
      <c r="G29223" s="16">
        <v>0.23378046764053287</v>
      </c>
    </row>
    <row r="29224" spans="1:7" x14ac:dyDescent="0.3">
      <c r="A29224" s="13" t="s">
        <v>184</v>
      </c>
      <c r="B29224" s="14" t="s">
        <v>1</v>
      </c>
      <c r="C29224" s="14" t="s">
        <v>70</v>
      </c>
      <c r="D29224" s="14" t="s">
        <v>185</v>
      </c>
      <c r="E29224" s="15">
        <v>45400</v>
      </c>
      <c r="F29224" s="14" t="s">
        <v>61</v>
      </c>
      <c r="G29224" s="16">
        <v>0.23998970199676989</v>
      </c>
    </row>
    <row r="29225" spans="1:7" x14ac:dyDescent="0.3">
      <c r="A29225" s="13" t="s">
        <v>184</v>
      </c>
      <c r="B29225" s="14" t="s">
        <v>1</v>
      </c>
      <c r="C29225" s="14" t="s">
        <v>70</v>
      </c>
      <c r="D29225" s="14" t="s">
        <v>185</v>
      </c>
      <c r="E29225" s="15">
        <v>45401</v>
      </c>
      <c r="F29225" s="14" t="s">
        <v>61</v>
      </c>
      <c r="G29225" s="16">
        <v>0.25036232351384641</v>
      </c>
    </row>
    <row r="29226" spans="1:7" x14ac:dyDescent="0.3">
      <c r="A29226" s="13" t="s">
        <v>184</v>
      </c>
      <c r="B29226" s="14" t="s">
        <v>1</v>
      </c>
      <c r="C29226" s="14" t="s">
        <v>70</v>
      </c>
      <c r="D29226" s="14" t="s">
        <v>185</v>
      </c>
      <c r="E29226" s="15">
        <v>45402</v>
      </c>
      <c r="F29226" s="14" t="s">
        <v>61</v>
      </c>
      <c r="G29226" s="16">
        <v>0.25036232351384641</v>
      </c>
    </row>
    <row r="29227" spans="1:7" x14ac:dyDescent="0.3">
      <c r="A29227" s="13" t="s">
        <v>184</v>
      </c>
      <c r="B29227" s="14" t="s">
        <v>1</v>
      </c>
      <c r="C29227" s="14" t="s">
        <v>70</v>
      </c>
      <c r="D29227" s="14" t="s">
        <v>185</v>
      </c>
      <c r="E29227" s="15">
        <v>45403</v>
      </c>
      <c r="F29227" s="14" t="s">
        <v>61</v>
      </c>
      <c r="G29227" s="16">
        <v>0.25036232351384641</v>
      </c>
    </row>
    <row r="29228" spans="1:7" x14ac:dyDescent="0.3">
      <c r="A29228" s="13" t="s">
        <v>184</v>
      </c>
      <c r="B29228" s="14" t="s">
        <v>1</v>
      </c>
      <c r="C29228" s="14" t="s">
        <v>70</v>
      </c>
      <c r="D29228" s="14" t="s">
        <v>185</v>
      </c>
      <c r="E29228" s="15">
        <v>45404</v>
      </c>
      <c r="F29228" s="14" t="s">
        <v>61</v>
      </c>
      <c r="G29228" s="16">
        <v>0.26066062715391825</v>
      </c>
    </row>
    <row r="29229" spans="1:7" x14ac:dyDescent="0.3">
      <c r="A29229" s="13" t="s">
        <v>184</v>
      </c>
      <c r="B29229" s="14" t="s">
        <v>1</v>
      </c>
      <c r="C29229" s="14" t="s">
        <v>70</v>
      </c>
      <c r="D29229" s="14" t="s">
        <v>185</v>
      </c>
      <c r="E29229" s="15">
        <v>45405</v>
      </c>
      <c r="F29229" s="14" t="s">
        <v>61</v>
      </c>
      <c r="G29229" s="16">
        <v>0.295248927247038</v>
      </c>
    </row>
    <row r="29230" spans="1:7" x14ac:dyDescent="0.3">
      <c r="A29230" s="13" t="s">
        <v>184</v>
      </c>
      <c r="B29230" s="14" t="s">
        <v>1</v>
      </c>
      <c r="C29230" s="14" t="s">
        <v>70</v>
      </c>
      <c r="D29230" s="14" t="s">
        <v>185</v>
      </c>
      <c r="E29230" s="15">
        <v>45406</v>
      </c>
      <c r="F29230" s="14" t="s">
        <v>61</v>
      </c>
      <c r="G29230" s="16">
        <v>0.30465829773644848</v>
      </c>
    </row>
    <row r="29231" spans="1:7" x14ac:dyDescent="0.3">
      <c r="A29231" s="13" t="s">
        <v>184</v>
      </c>
      <c r="B29231" s="14" t="s">
        <v>1</v>
      </c>
      <c r="C29231" s="14" t="s">
        <v>70</v>
      </c>
      <c r="D29231" s="14" t="s">
        <v>185</v>
      </c>
      <c r="E29231" s="15">
        <v>45407</v>
      </c>
      <c r="F29231" s="14" t="s">
        <v>61</v>
      </c>
      <c r="G29231" s="16">
        <v>0.35335485899780567</v>
      </c>
    </row>
    <row r="29232" spans="1:7" x14ac:dyDescent="0.3">
      <c r="A29232" s="13" t="s">
        <v>184</v>
      </c>
      <c r="B29232" s="14" t="s">
        <v>1</v>
      </c>
      <c r="C29232" s="14" t="s">
        <v>70</v>
      </c>
      <c r="D29232" s="14" t="s">
        <v>185</v>
      </c>
      <c r="E29232" s="15">
        <v>45408</v>
      </c>
      <c r="F29232" s="14" t="s">
        <v>61</v>
      </c>
      <c r="G29232" s="16">
        <v>0.36102499786043268</v>
      </c>
    </row>
    <row r="29233" spans="1:7" x14ac:dyDescent="0.3">
      <c r="A29233" s="13" t="s">
        <v>184</v>
      </c>
      <c r="B29233" s="14" t="s">
        <v>1</v>
      </c>
      <c r="C29233" s="14" t="s">
        <v>70</v>
      </c>
      <c r="D29233" s="14" t="s">
        <v>185</v>
      </c>
      <c r="E29233" s="15">
        <v>45409</v>
      </c>
      <c r="F29233" s="14" t="s">
        <v>61</v>
      </c>
      <c r="G29233" s="16">
        <v>0.36102499786043268</v>
      </c>
    </row>
    <row r="29234" spans="1:7" x14ac:dyDescent="0.3">
      <c r="A29234" s="13" t="s">
        <v>184</v>
      </c>
      <c r="B29234" s="14" t="s">
        <v>1</v>
      </c>
      <c r="C29234" s="14" t="s">
        <v>70</v>
      </c>
      <c r="D29234" s="14" t="s">
        <v>185</v>
      </c>
      <c r="E29234" s="15">
        <v>45410</v>
      </c>
      <c r="F29234" s="14" t="s">
        <v>61</v>
      </c>
      <c r="G29234" s="16">
        <v>0.36102499786043268</v>
      </c>
    </row>
    <row r="29235" spans="1:7" x14ac:dyDescent="0.3">
      <c r="A29235" s="13" t="s">
        <v>184</v>
      </c>
      <c r="B29235" s="14" t="s">
        <v>1</v>
      </c>
      <c r="C29235" s="14" t="s">
        <v>70</v>
      </c>
      <c r="D29235" s="14" t="s">
        <v>185</v>
      </c>
      <c r="E29235" s="15">
        <v>45411</v>
      </c>
      <c r="F29235" s="14" t="s">
        <v>61</v>
      </c>
      <c r="G29235" s="16">
        <v>0.36569016959227008</v>
      </c>
    </row>
    <row r="29236" spans="1:7" x14ac:dyDescent="0.3">
      <c r="A29236" s="13" t="s">
        <v>184</v>
      </c>
      <c r="B29236" s="14" t="s">
        <v>1</v>
      </c>
      <c r="C29236" s="14" t="s">
        <v>70</v>
      </c>
      <c r="D29236" s="14" t="s">
        <v>185</v>
      </c>
      <c r="E29236" s="15">
        <v>45412</v>
      </c>
      <c r="F29236" s="14" t="s">
        <v>61</v>
      </c>
      <c r="G29236" s="16">
        <v>0.385922764719968</v>
      </c>
    </row>
    <row r="29237" spans="1:7" x14ac:dyDescent="0.3">
      <c r="A29237" s="13" t="s">
        <v>184</v>
      </c>
      <c r="B29237" s="14" t="s">
        <v>1</v>
      </c>
      <c r="C29237" s="14" t="s">
        <v>70</v>
      </c>
      <c r="D29237" s="14" t="s">
        <v>185</v>
      </c>
      <c r="E29237" s="15">
        <v>45413</v>
      </c>
      <c r="F29237" s="14" t="s">
        <v>61</v>
      </c>
      <c r="G29237" s="16">
        <v>0.385922764719968</v>
      </c>
    </row>
    <row r="29238" spans="1:7" x14ac:dyDescent="0.3">
      <c r="A29238" s="13" t="s">
        <v>184</v>
      </c>
      <c r="B29238" s="14" t="s">
        <v>1</v>
      </c>
      <c r="C29238" s="14" t="s">
        <v>70</v>
      </c>
      <c r="D29238" s="14" t="s">
        <v>185</v>
      </c>
      <c r="E29238" s="15">
        <v>45414</v>
      </c>
      <c r="F29238" s="14" t="s">
        <v>61</v>
      </c>
      <c r="G29238" s="16">
        <v>0.42617355566427345</v>
      </c>
    </row>
    <row r="29239" spans="1:7" x14ac:dyDescent="0.3">
      <c r="A29239" s="13" t="s">
        <v>184</v>
      </c>
      <c r="B29239" s="14" t="s">
        <v>1</v>
      </c>
      <c r="C29239" s="14" t="s">
        <v>70</v>
      </c>
      <c r="D29239" s="14" t="s">
        <v>185</v>
      </c>
      <c r="E29239" s="15">
        <v>45415</v>
      </c>
      <c r="F29239" s="14" t="s">
        <v>61</v>
      </c>
      <c r="G29239" s="16">
        <v>0.43741991337306246</v>
      </c>
    </row>
    <row r="29240" spans="1:7" x14ac:dyDescent="0.3">
      <c r="A29240" s="13" t="s">
        <v>184</v>
      </c>
      <c r="B29240" s="14" t="s">
        <v>1</v>
      </c>
      <c r="C29240" s="14" t="s">
        <v>70</v>
      </c>
      <c r="D29240" s="14" t="s">
        <v>185</v>
      </c>
      <c r="E29240" s="15">
        <v>45416</v>
      </c>
      <c r="F29240" s="14" t="s">
        <v>61</v>
      </c>
      <c r="G29240" s="16">
        <v>0.43741991337306246</v>
      </c>
    </row>
    <row r="29241" spans="1:7" x14ac:dyDescent="0.3">
      <c r="A29241" s="13" t="s">
        <v>184</v>
      </c>
      <c r="B29241" s="14" t="s">
        <v>1</v>
      </c>
      <c r="C29241" s="14" t="s">
        <v>70</v>
      </c>
      <c r="D29241" s="14" t="s">
        <v>185</v>
      </c>
      <c r="E29241" s="15">
        <v>45417</v>
      </c>
      <c r="F29241" s="14" t="s">
        <v>61</v>
      </c>
      <c r="G29241" s="16">
        <v>0.43741991337306246</v>
      </c>
    </row>
    <row r="29242" spans="1:7" x14ac:dyDescent="0.3">
      <c r="A29242" s="13" t="s">
        <v>184</v>
      </c>
      <c r="B29242" s="14" t="s">
        <v>1</v>
      </c>
      <c r="C29242" s="14" t="s">
        <v>70</v>
      </c>
      <c r="D29242" s="14" t="s">
        <v>185</v>
      </c>
      <c r="E29242" s="15">
        <v>45418</v>
      </c>
      <c r="F29242" s="14" t="s">
        <v>61</v>
      </c>
      <c r="G29242" s="16">
        <v>0.43741991337306246</v>
      </c>
    </row>
    <row r="29243" spans="1:7" x14ac:dyDescent="0.3">
      <c r="A29243" s="13" t="s">
        <v>184</v>
      </c>
      <c r="B29243" s="14" t="s">
        <v>1</v>
      </c>
      <c r="C29243" s="14" t="s">
        <v>70</v>
      </c>
      <c r="D29243" s="14" t="s">
        <v>185</v>
      </c>
      <c r="E29243" s="15">
        <v>45419</v>
      </c>
      <c r="F29243" s="14" t="s">
        <v>61</v>
      </c>
      <c r="G29243" s="16">
        <v>0.46625938408952927</v>
      </c>
    </row>
    <row r="29244" spans="1:7" x14ac:dyDescent="0.3">
      <c r="A29244" s="13" t="s">
        <v>184</v>
      </c>
      <c r="B29244" s="14" t="s">
        <v>1</v>
      </c>
      <c r="C29244" s="14" t="s">
        <v>70</v>
      </c>
      <c r="D29244" s="14" t="s">
        <v>185</v>
      </c>
      <c r="E29244" s="15">
        <v>45420</v>
      </c>
      <c r="F29244" s="14" t="s">
        <v>61</v>
      </c>
      <c r="G29244" s="16">
        <v>0.4949845969656359</v>
      </c>
    </row>
    <row r="29245" spans="1:7" x14ac:dyDescent="0.3">
      <c r="A29245" s="13" t="s">
        <v>184</v>
      </c>
      <c r="B29245" s="14" t="s">
        <v>1</v>
      </c>
      <c r="C29245" s="14" t="s">
        <v>70</v>
      </c>
      <c r="D29245" s="14" t="s">
        <v>185</v>
      </c>
      <c r="E29245" s="15">
        <v>45421</v>
      </c>
      <c r="F29245" s="14" t="s">
        <v>61</v>
      </c>
      <c r="G29245" s="16">
        <v>0.4949845969656359</v>
      </c>
    </row>
    <row r="29246" spans="1:7" x14ac:dyDescent="0.3">
      <c r="A29246" s="13" t="s">
        <v>184</v>
      </c>
      <c r="B29246" s="14" t="s">
        <v>1</v>
      </c>
      <c r="C29246" s="14" t="s">
        <v>70</v>
      </c>
      <c r="D29246" s="14" t="s">
        <v>185</v>
      </c>
      <c r="E29246" s="15">
        <v>45422</v>
      </c>
      <c r="F29246" s="14" t="s">
        <v>61</v>
      </c>
      <c r="G29246" s="16">
        <v>0.49946782660115535</v>
      </c>
    </row>
    <row r="29247" spans="1:7" x14ac:dyDescent="0.3">
      <c r="A29247" s="13" t="s">
        <v>184</v>
      </c>
      <c r="B29247" s="14" t="s">
        <v>1</v>
      </c>
      <c r="C29247" s="14" t="s">
        <v>70</v>
      </c>
      <c r="D29247" s="14" t="s">
        <v>185</v>
      </c>
      <c r="E29247" s="15">
        <v>45423</v>
      </c>
      <c r="F29247" s="14" t="s">
        <v>61</v>
      </c>
      <c r="G29247" s="16">
        <v>0.49946782660115535</v>
      </c>
    </row>
    <row r="29248" spans="1:7" x14ac:dyDescent="0.3">
      <c r="A29248" s="13" t="s">
        <v>184</v>
      </c>
      <c r="B29248" s="14" t="s">
        <v>1</v>
      </c>
      <c r="C29248" s="14" t="s">
        <v>70</v>
      </c>
      <c r="D29248" s="14" t="s">
        <v>185</v>
      </c>
      <c r="E29248" s="15">
        <v>45424</v>
      </c>
      <c r="F29248" s="14" t="s">
        <v>61</v>
      </c>
      <c r="G29248" s="16">
        <v>0.49946782660115535</v>
      </c>
    </row>
    <row r="29249" spans="1:7" x14ac:dyDescent="0.3">
      <c r="A29249" s="13" t="s">
        <v>184</v>
      </c>
      <c r="B29249" s="14" t="s">
        <v>1</v>
      </c>
      <c r="C29249" s="14" t="s">
        <v>70</v>
      </c>
      <c r="D29249" s="14" t="s">
        <v>185</v>
      </c>
      <c r="E29249" s="15">
        <v>45425</v>
      </c>
      <c r="F29249" s="14" t="s">
        <v>61</v>
      </c>
      <c r="G29249" s="16">
        <v>0.61571871629298414</v>
      </c>
    </row>
    <row r="29250" spans="1:7" x14ac:dyDescent="0.3">
      <c r="A29250" s="13" t="s">
        <v>184</v>
      </c>
      <c r="B29250" s="14" t="s">
        <v>1</v>
      </c>
      <c r="C29250" s="14" t="s">
        <v>70</v>
      </c>
      <c r="D29250" s="14" t="s">
        <v>185</v>
      </c>
      <c r="E29250" s="15">
        <v>45426</v>
      </c>
      <c r="F29250" s="14" t="s">
        <v>61</v>
      </c>
      <c r="G29250" s="16">
        <v>0.65518331563282484</v>
      </c>
    </row>
    <row r="29251" spans="1:7" x14ac:dyDescent="0.3">
      <c r="A29251" s="13" t="s">
        <v>184</v>
      </c>
      <c r="B29251" s="14" t="s">
        <v>1</v>
      </c>
      <c r="C29251" s="14" t="s">
        <v>70</v>
      </c>
      <c r="D29251" s="14" t="s">
        <v>185</v>
      </c>
      <c r="E29251" s="15">
        <v>45427</v>
      </c>
      <c r="F29251" s="14" t="s">
        <v>61</v>
      </c>
      <c r="G29251" s="16">
        <v>0.66290945460723993</v>
      </c>
    </row>
    <row r="29252" spans="1:7" x14ac:dyDescent="0.3">
      <c r="A29252" s="13" t="s">
        <v>184</v>
      </c>
      <c r="B29252" s="14" t="s">
        <v>1</v>
      </c>
      <c r="C29252" s="14" t="s">
        <v>70</v>
      </c>
      <c r="D29252" s="14" t="s">
        <v>185</v>
      </c>
      <c r="E29252" s="15">
        <v>45428</v>
      </c>
      <c r="F29252" s="14" t="s">
        <v>61</v>
      </c>
      <c r="G29252" s="16">
        <v>0.67137497499807364</v>
      </c>
    </row>
    <row r="29253" spans="1:7" x14ac:dyDescent="0.3">
      <c r="A29253" s="13" t="s">
        <v>184</v>
      </c>
      <c r="B29253" s="14" t="s">
        <v>1</v>
      </c>
      <c r="C29253" s="14" t="s">
        <v>70</v>
      </c>
      <c r="D29253" s="14" t="s">
        <v>185</v>
      </c>
      <c r="E29253" s="15">
        <v>45429</v>
      </c>
      <c r="F29253" s="14" t="s">
        <v>61</v>
      </c>
      <c r="G29253" s="16">
        <v>0.76235840491090245</v>
      </c>
    </row>
    <row r="29254" spans="1:7" x14ac:dyDescent="0.3">
      <c r="A29254" s="13" t="s">
        <v>184</v>
      </c>
      <c r="B29254" s="14" t="s">
        <v>1</v>
      </c>
      <c r="C29254" s="14" t="s">
        <v>70</v>
      </c>
      <c r="D29254" s="14" t="s">
        <v>185</v>
      </c>
      <c r="E29254" s="15">
        <v>45430</v>
      </c>
      <c r="F29254" s="14" t="s">
        <v>61</v>
      </c>
      <c r="G29254" s="16">
        <v>0.76235840491090245</v>
      </c>
    </row>
    <row r="29255" spans="1:7" x14ac:dyDescent="0.3">
      <c r="A29255" s="13" t="s">
        <v>184</v>
      </c>
      <c r="B29255" s="14" t="s">
        <v>1</v>
      </c>
      <c r="C29255" s="14" t="s">
        <v>70</v>
      </c>
      <c r="D29255" s="14" t="s">
        <v>185</v>
      </c>
      <c r="E29255" s="15">
        <v>45431</v>
      </c>
      <c r="F29255" s="14" t="s">
        <v>61</v>
      </c>
      <c r="G29255" s="16">
        <v>0.76235840491090245</v>
      </c>
    </row>
    <row r="29256" spans="1:7" x14ac:dyDescent="0.3">
      <c r="A29256" s="13" t="s">
        <v>184</v>
      </c>
      <c r="B29256" s="14" t="s">
        <v>1</v>
      </c>
      <c r="C29256" s="14" t="s">
        <v>70</v>
      </c>
      <c r="D29256" s="14" t="s">
        <v>185</v>
      </c>
      <c r="E29256" s="15">
        <v>45432</v>
      </c>
      <c r="F29256" s="14" t="s">
        <v>61</v>
      </c>
      <c r="G29256" s="16">
        <v>0.76235840491090245</v>
      </c>
    </row>
    <row r="29257" spans="1:7" x14ac:dyDescent="0.3">
      <c r="A29257" s="13" t="s">
        <v>184</v>
      </c>
      <c r="B29257" s="14" t="s">
        <v>1</v>
      </c>
      <c r="C29257" s="14" t="s">
        <v>70</v>
      </c>
      <c r="D29257" s="14" t="s">
        <v>185</v>
      </c>
      <c r="E29257" s="15">
        <v>45433</v>
      </c>
      <c r="F29257" s="14" t="s">
        <v>61</v>
      </c>
      <c r="G29257" s="16">
        <v>0.76898865516221004</v>
      </c>
    </row>
    <row r="29258" spans="1:7" x14ac:dyDescent="0.3">
      <c r="A29258" s="13" t="s">
        <v>184</v>
      </c>
      <c r="B29258" s="14" t="s">
        <v>1</v>
      </c>
      <c r="C29258" s="14" t="s">
        <v>70</v>
      </c>
      <c r="D29258" s="14" t="s">
        <v>185</v>
      </c>
      <c r="E29258" s="15">
        <v>45434</v>
      </c>
      <c r="F29258" s="14" t="s">
        <v>61</v>
      </c>
      <c r="G29258" s="16">
        <v>0.81327300759570509</v>
      </c>
    </row>
    <row r="29259" spans="1:7" x14ac:dyDescent="0.3">
      <c r="A29259" s="13" t="s">
        <v>184</v>
      </c>
      <c r="B29259" s="14" t="s">
        <v>1</v>
      </c>
      <c r="C29259" s="14" t="s">
        <v>70</v>
      </c>
      <c r="D29259" s="14" t="s">
        <v>185</v>
      </c>
      <c r="E29259" s="15">
        <v>45435</v>
      </c>
      <c r="F29259" s="14" t="s">
        <v>61</v>
      </c>
      <c r="G29259" s="16">
        <v>0.82040043056551215</v>
      </c>
    </row>
    <row r="29260" spans="1:7" x14ac:dyDescent="0.3">
      <c r="A29260" s="13" t="s">
        <v>184</v>
      </c>
      <c r="B29260" s="14" t="s">
        <v>1</v>
      </c>
      <c r="C29260" s="14" t="s">
        <v>70</v>
      </c>
      <c r="D29260" s="14" t="s">
        <v>185</v>
      </c>
      <c r="E29260" s="15">
        <v>45436</v>
      </c>
      <c r="F29260" s="14" t="s">
        <v>61</v>
      </c>
      <c r="G29260" s="16">
        <v>0.82336449340044615</v>
      </c>
    </row>
    <row r="29261" spans="1:7" x14ac:dyDescent="0.3">
      <c r="A29261" s="13" t="s">
        <v>184</v>
      </c>
      <c r="B29261" s="14" t="s">
        <v>1</v>
      </c>
      <c r="C29261" s="14" t="s">
        <v>70</v>
      </c>
      <c r="D29261" s="14" t="s">
        <v>185</v>
      </c>
      <c r="E29261" s="15">
        <v>45437</v>
      </c>
      <c r="F29261" s="14" t="s">
        <v>61</v>
      </c>
      <c r="G29261" s="16">
        <v>0.82336449340044615</v>
      </c>
    </row>
    <row r="29262" spans="1:7" x14ac:dyDescent="0.3">
      <c r="A29262" s="13" t="s">
        <v>184</v>
      </c>
      <c r="B29262" s="14" t="s">
        <v>1</v>
      </c>
      <c r="C29262" s="14" t="s">
        <v>70</v>
      </c>
      <c r="D29262" s="14" t="s">
        <v>185</v>
      </c>
      <c r="E29262" s="15">
        <v>45438</v>
      </c>
      <c r="F29262" s="14" t="s">
        <v>61</v>
      </c>
      <c r="G29262" s="16">
        <v>0.82336449340044615</v>
      </c>
    </row>
    <row r="29263" spans="1:7" x14ac:dyDescent="0.3">
      <c r="A29263" s="13" t="s">
        <v>184</v>
      </c>
      <c r="B29263" s="14" t="s">
        <v>1</v>
      </c>
      <c r="C29263" s="14" t="s">
        <v>70</v>
      </c>
      <c r="D29263" s="14" t="s">
        <v>185</v>
      </c>
      <c r="E29263" s="15">
        <v>45439</v>
      </c>
      <c r="F29263" s="14" t="s">
        <v>61</v>
      </c>
      <c r="G29263" s="16">
        <v>0.82003582507726624</v>
      </c>
    </row>
    <row r="29264" spans="1:7" x14ac:dyDescent="0.3">
      <c r="A29264" s="13" t="s">
        <v>184</v>
      </c>
      <c r="B29264" s="14" t="s">
        <v>1</v>
      </c>
      <c r="C29264" s="14" t="s">
        <v>70</v>
      </c>
      <c r="D29264" s="14" t="s">
        <v>185</v>
      </c>
      <c r="E29264" s="15">
        <v>45440</v>
      </c>
      <c r="F29264" s="14" t="s">
        <v>61</v>
      </c>
      <c r="G29264" s="16">
        <v>0.83659972646439951</v>
      </c>
    </row>
    <row r="29265" spans="1:7" x14ac:dyDescent="0.3">
      <c r="A29265" s="13" t="s">
        <v>184</v>
      </c>
      <c r="B29265" s="14" t="s">
        <v>1</v>
      </c>
      <c r="C29265" s="14" t="s">
        <v>70</v>
      </c>
      <c r="D29265" s="14" t="s">
        <v>185</v>
      </c>
      <c r="E29265" s="15">
        <v>45441</v>
      </c>
      <c r="F29265" s="14" t="s">
        <v>61</v>
      </c>
      <c r="G29265" s="16">
        <v>0.84824417840161737</v>
      </c>
    </row>
    <row r="29266" spans="1:7" x14ac:dyDescent="0.3">
      <c r="A29266" s="13" t="s">
        <v>184</v>
      </c>
      <c r="B29266" s="14" t="s">
        <v>1</v>
      </c>
      <c r="C29266" s="14" t="s">
        <v>70</v>
      </c>
      <c r="D29266" s="14" t="s">
        <v>185</v>
      </c>
      <c r="E29266" s="15">
        <v>45442</v>
      </c>
      <c r="F29266" s="14" t="s">
        <v>61</v>
      </c>
      <c r="G29266" s="16">
        <v>0.84823015478728392</v>
      </c>
    </row>
    <row r="29267" spans="1:7" x14ac:dyDescent="0.3">
      <c r="A29267" s="13" t="s">
        <v>184</v>
      </c>
      <c r="B29267" s="14" t="s">
        <v>1</v>
      </c>
      <c r="C29267" s="14" t="s">
        <v>70</v>
      </c>
      <c r="D29267" s="14" t="s">
        <v>185</v>
      </c>
      <c r="E29267" s="15">
        <v>45443</v>
      </c>
      <c r="F29267" s="14" t="s">
        <v>61</v>
      </c>
      <c r="G29267" s="16">
        <v>0.85681039182534646</v>
      </c>
    </row>
    <row r="29268" spans="1:7" x14ac:dyDescent="0.3">
      <c r="A29268" s="13" t="s">
        <v>184</v>
      </c>
      <c r="B29268" s="14" t="s">
        <v>1</v>
      </c>
      <c r="C29268" s="14" t="s">
        <v>70</v>
      </c>
      <c r="D29268" s="14" t="s">
        <v>185</v>
      </c>
      <c r="E29268" s="15">
        <v>45444</v>
      </c>
      <c r="F29268" s="14" t="s">
        <v>61</v>
      </c>
      <c r="G29268" s="16">
        <v>0.85681039182534646</v>
      </c>
    </row>
    <row r="29269" spans="1:7" x14ac:dyDescent="0.3">
      <c r="A29269" s="13" t="s">
        <v>184</v>
      </c>
      <c r="B29269" s="14" t="s">
        <v>1</v>
      </c>
      <c r="C29269" s="14" t="s">
        <v>70</v>
      </c>
      <c r="D29269" s="14" t="s">
        <v>185</v>
      </c>
      <c r="E29269" s="15">
        <v>45445</v>
      </c>
      <c r="F29269" s="14" t="s">
        <v>61</v>
      </c>
      <c r="G29269" s="16">
        <v>0.85681039182534646</v>
      </c>
    </row>
    <row r="29270" spans="1:7" x14ac:dyDescent="0.3">
      <c r="A29270" s="13" t="s">
        <v>184</v>
      </c>
      <c r="B29270" s="14" t="s">
        <v>1</v>
      </c>
      <c r="C29270" s="14" t="s">
        <v>70</v>
      </c>
      <c r="D29270" s="14" t="s">
        <v>185</v>
      </c>
      <c r="E29270" s="15">
        <v>45446</v>
      </c>
      <c r="F29270" s="14" t="s">
        <v>61</v>
      </c>
      <c r="G29270" s="16">
        <v>0.85681039182534646</v>
      </c>
    </row>
    <row r="29271" spans="1:7" x14ac:dyDescent="0.3">
      <c r="A29271" s="13" t="s">
        <v>184</v>
      </c>
      <c r="B29271" s="14" t="s">
        <v>1</v>
      </c>
      <c r="C29271" s="14" t="s">
        <v>70</v>
      </c>
      <c r="D29271" s="14" t="s">
        <v>185</v>
      </c>
      <c r="E29271" s="15">
        <v>45447</v>
      </c>
      <c r="F29271" s="14" t="s">
        <v>61</v>
      </c>
      <c r="G29271" s="16">
        <v>0.87111561861321996</v>
      </c>
    </row>
    <row r="29272" spans="1:7" x14ac:dyDescent="0.3">
      <c r="A29272" s="13" t="s">
        <v>184</v>
      </c>
      <c r="B29272" s="14" t="s">
        <v>1</v>
      </c>
      <c r="C29272" s="14" t="s">
        <v>70</v>
      </c>
      <c r="D29272" s="14" t="s">
        <v>185</v>
      </c>
      <c r="E29272" s="15">
        <v>45448</v>
      </c>
      <c r="F29272" s="14" t="s">
        <v>61</v>
      </c>
      <c r="G29272" s="16">
        <v>0.91354549731216217</v>
      </c>
    </row>
    <row r="29273" spans="1:7" x14ac:dyDescent="0.3">
      <c r="A29273" s="13" t="s">
        <v>184</v>
      </c>
      <c r="B29273" s="14" t="s">
        <v>1</v>
      </c>
      <c r="C29273" s="14" t="s">
        <v>70</v>
      </c>
      <c r="D29273" s="14" t="s">
        <v>185</v>
      </c>
      <c r="E29273" s="15">
        <v>45449</v>
      </c>
      <c r="F29273" s="14" t="s">
        <v>61</v>
      </c>
      <c r="G29273" s="16">
        <v>0.91710425656635974</v>
      </c>
    </row>
    <row r="29274" spans="1:7" x14ac:dyDescent="0.3">
      <c r="A29274" s="13" t="s">
        <v>184</v>
      </c>
      <c r="B29274" s="14" t="s">
        <v>1</v>
      </c>
      <c r="C29274" s="14" t="s">
        <v>70</v>
      </c>
      <c r="D29274" s="14" t="s">
        <v>185</v>
      </c>
      <c r="E29274" s="15">
        <v>45450</v>
      </c>
      <c r="F29274" s="14" t="s">
        <v>61</v>
      </c>
      <c r="G29274" s="16">
        <v>0.92994725593744398</v>
      </c>
    </row>
    <row r="29275" spans="1:7" x14ac:dyDescent="0.3">
      <c r="A29275" s="13" t="s">
        <v>184</v>
      </c>
      <c r="B29275" s="14" t="s">
        <v>1</v>
      </c>
      <c r="C29275" s="14" t="s">
        <v>70</v>
      </c>
      <c r="D29275" s="14" t="s">
        <v>185</v>
      </c>
      <c r="E29275" s="15">
        <v>45451</v>
      </c>
      <c r="F29275" s="14" t="s">
        <v>61</v>
      </c>
      <c r="G29275" s="16">
        <v>0.92994725593744398</v>
      </c>
    </row>
    <row r="29276" spans="1:7" x14ac:dyDescent="0.3">
      <c r="A29276" s="13" t="s">
        <v>184</v>
      </c>
      <c r="B29276" s="14" t="s">
        <v>1</v>
      </c>
      <c r="C29276" s="14" t="s">
        <v>70</v>
      </c>
      <c r="D29276" s="14" t="s">
        <v>185</v>
      </c>
      <c r="E29276" s="15">
        <v>45452</v>
      </c>
      <c r="F29276" s="14" t="s">
        <v>61</v>
      </c>
      <c r="G29276" s="16">
        <v>0.92994725593744398</v>
      </c>
    </row>
    <row r="29277" spans="1:7" x14ac:dyDescent="0.3">
      <c r="A29277" s="13" t="s">
        <v>184</v>
      </c>
      <c r="B29277" s="14" t="s">
        <v>1</v>
      </c>
      <c r="C29277" s="14" t="s">
        <v>70</v>
      </c>
      <c r="D29277" s="14" t="s">
        <v>185</v>
      </c>
      <c r="E29277" s="15">
        <v>45453</v>
      </c>
      <c r="F29277" s="14" t="s">
        <v>61</v>
      </c>
      <c r="G29277" s="16">
        <v>0.94751893864370973</v>
      </c>
    </row>
    <row r="29278" spans="1:7" x14ac:dyDescent="0.3">
      <c r="A29278" s="13" t="s">
        <v>184</v>
      </c>
      <c r="B29278" s="14" t="s">
        <v>1</v>
      </c>
      <c r="C29278" s="14" t="s">
        <v>70</v>
      </c>
      <c r="D29278" s="14" t="s">
        <v>185</v>
      </c>
      <c r="E29278" s="15">
        <v>45454</v>
      </c>
      <c r="F29278" s="14" t="s">
        <v>61</v>
      </c>
      <c r="G29278" s="16">
        <v>0.96705189164003069</v>
      </c>
    </row>
    <row r="29279" spans="1:7" x14ac:dyDescent="0.3">
      <c r="A29279" s="13" t="s">
        <v>184</v>
      </c>
      <c r="B29279" s="14" t="s">
        <v>1</v>
      </c>
      <c r="C29279" s="14" t="s">
        <v>70</v>
      </c>
      <c r="D29279" s="14" t="s">
        <v>185</v>
      </c>
      <c r="E29279" s="15">
        <v>45455</v>
      </c>
      <c r="F29279" s="14" t="s">
        <v>61</v>
      </c>
      <c r="G29279" s="16">
        <v>0.97399023952562691</v>
      </c>
    </row>
    <row r="29280" spans="1:7" x14ac:dyDescent="0.3">
      <c r="A29280" s="13" t="s">
        <v>184</v>
      </c>
      <c r="B29280" s="14" t="s">
        <v>1</v>
      </c>
      <c r="C29280" s="14" t="s">
        <v>70</v>
      </c>
      <c r="D29280" s="14" t="s">
        <v>185</v>
      </c>
      <c r="E29280" s="15">
        <v>45456</v>
      </c>
      <c r="F29280" s="14" t="s">
        <v>61</v>
      </c>
      <c r="G29280" s="16">
        <v>0.98992442321978735</v>
      </c>
    </row>
    <row r="29281" spans="1:7" x14ac:dyDescent="0.3">
      <c r="A29281" s="13" t="s">
        <v>184</v>
      </c>
      <c r="B29281" s="14" t="s">
        <v>1</v>
      </c>
      <c r="C29281" s="14" t="s">
        <v>70</v>
      </c>
      <c r="D29281" s="14" t="s">
        <v>185</v>
      </c>
      <c r="E29281" s="15">
        <v>45457</v>
      </c>
      <c r="F29281" s="14" t="s">
        <v>61</v>
      </c>
      <c r="G29281" s="16">
        <v>1.0036114194691221</v>
      </c>
    </row>
    <row r="29282" spans="1:7" x14ac:dyDescent="0.3">
      <c r="A29282" s="13" t="s">
        <v>184</v>
      </c>
      <c r="B29282" s="14" t="s">
        <v>1</v>
      </c>
      <c r="C29282" s="14" t="s">
        <v>70</v>
      </c>
      <c r="D29282" s="14" t="s">
        <v>185</v>
      </c>
      <c r="E29282" s="15">
        <v>45458</v>
      </c>
      <c r="F29282" s="14" t="s">
        <v>61</v>
      </c>
      <c r="G29282" s="16">
        <v>1.0036114194691221</v>
      </c>
    </row>
    <row r="29283" spans="1:7" x14ac:dyDescent="0.3">
      <c r="A29283" s="13" t="s">
        <v>184</v>
      </c>
      <c r="B29283" s="14" t="s">
        <v>1</v>
      </c>
      <c r="C29283" s="14" t="s">
        <v>70</v>
      </c>
      <c r="D29283" s="14" t="s">
        <v>185</v>
      </c>
      <c r="E29283" s="15">
        <v>45459</v>
      </c>
      <c r="F29283" s="14" t="s">
        <v>61</v>
      </c>
      <c r="G29283" s="16">
        <v>1.0036114194691221</v>
      </c>
    </row>
    <row r="29284" spans="1:7" x14ac:dyDescent="0.3">
      <c r="A29284" s="13" t="s">
        <v>184</v>
      </c>
      <c r="B29284" s="14" t="s">
        <v>1</v>
      </c>
      <c r="C29284" s="14" t="s">
        <v>70</v>
      </c>
      <c r="D29284" s="14" t="s">
        <v>185</v>
      </c>
      <c r="E29284" s="15">
        <v>45460</v>
      </c>
      <c r="F29284" s="14" t="s">
        <v>61</v>
      </c>
      <c r="G29284" s="16">
        <v>1.0225935074602455</v>
      </c>
    </row>
    <row r="29285" spans="1:7" x14ac:dyDescent="0.3">
      <c r="A29285" s="13" t="s">
        <v>184</v>
      </c>
      <c r="B29285" s="14" t="s">
        <v>1</v>
      </c>
      <c r="C29285" s="14" t="s">
        <v>70</v>
      </c>
      <c r="D29285" s="14" t="s">
        <v>185</v>
      </c>
      <c r="E29285" s="15">
        <v>45461</v>
      </c>
      <c r="F29285" s="14" t="s">
        <v>61</v>
      </c>
      <c r="G29285" s="16">
        <v>1.0366510988805775</v>
      </c>
    </row>
    <row r="29286" spans="1:7" x14ac:dyDescent="0.3">
      <c r="A29286" s="13" t="s">
        <v>184</v>
      </c>
      <c r="B29286" s="14" t="s">
        <v>1</v>
      </c>
      <c r="C29286" s="14" t="s">
        <v>70</v>
      </c>
      <c r="D29286" s="14" t="s">
        <v>185</v>
      </c>
      <c r="E29286" s="15">
        <v>45462</v>
      </c>
      <c r="F29286" s="14" t="s">
        <v>61</v>
      </c>
      <c r="G29286" s="16">
        <v>1.0424489436943774</v>
      </c>
    </row>
    <row r="29287" spans="1:7" x14ac:dyDescent="0.3">
      <c r="A29287" s="13" t="s">
        <v>184</v>
      </c>
      <c r="B29287" s="14" t="s">
        <v>1</v>
      </c>
      <c r="C29287" s="14" t="s">
        <v>70</v>
      </c>
      <c r="D29287" s="14" t="s">
        <v>185</v>
      </c>
      <c r="E29287" s="15">
        <v>45463</v>
      </c>
      <c r="F29287" s="14" t="s">
        <v>61</v>
      </c>
      <c r="G29287" s="16">
        <v>1.0586660967319466</v>
      </c>
    </row>
    <row r="29288" spans="1:7" x14ac:dyDescent="0.3">
      <c r="A29288" s="13" t="s">
        <v>184</v>
      </c>
      <c r="B29288" s="14" t="s">
        <v>1</v>
      </c>
      <c r="C29288" s="14" t="s">
        <v>70</v>
      </c>
      <c r="D29288" s="14" t="s">
        <v>185</v>
      </c>
      <c r="E29288" s="15">
        <v>45464</v>
      </c>
      <c r="F29288" s="14" t="s">
        <v>61</v>
      </c>
      <c r="G29288" s="16">
        <v>1.0648296529355121</v>
      </c>
    </row>
    <row r="29289" spans="1:7" x14ac:dyDescent="0.3">
      <c r="A29289" s="13" t="s">
        <v>184</v>
      </c>
      <c r="B29289" s="14" t="s">
        <v>1</v>
      </c>
      <c r="C29289" s="14" t="s">
        <v>70</v>
      </c>
      <c r="D29289" s="14" t="s">
        <v>185</v>
      </c>
      <c r="E29289" s="15">
        <v>45465</v>
      </c>
      <c r="F29289" s="14" t="s">
        <v>61</v>
      </c>
      <c r="G29289" s="16">
        <v>1.0648296529355121</v>
      </c>
    </row>
    <row r="29290" spans="1:7" x14ac:dyDescent="0.3">
      <c r="A29290" s="13" t="s">
        <v>184</v>
      </c>
      <c r="B29290" s="14" t="s">
        <v>1</v>
      </c>
      <c r="C29290" s="14" t="s">
        <v>70</v>
      </c>
      <c r="D29290" s="14" t="s">
        <v>185</v>
      </c>
      <c r="E29290" s="15">
        <v>45466</v>
      </c>
      <c r="F29290" s="14" t="s">
        <v>61</v>
      </c>
      <c r="G29290" s="16">
        <v>1.0648296529355121</v>
      </c>
    </row>
    <row r="29291" spans="1:7" x14ac:dyDescent="0.3">
      <c r="A29291" s="13" t="s">
        <v>184</v>
      </c>
      <c r="B29291" s="14" t="s">
        <v>1</v>
      </c>
      <c r="C29291" s="14" t="s">
        <v>70</v>
      </c>
      <c r="D29291" s="14" t="s">
        <v>185</v>
      </c>
      <c r="E29291" s="15">
        <v>45467</v>
      </c>
      <c r="F29291" s="14" t="s">
        <v>61</v>
      </c>
      <c r="G29291" s="16">
        <v>1.0664590190677528</v>
      </c>
    </row>
    <row r="29292" spans="1:7" x14ac:dyDescent="0.3">
      <c r="A29292" s="13" t="s">
        <v>184</v>
      </c>
      <c r="B29292" s="14" t="s">
        <v>1</v>
      </c>
      <c r="C29292" s="14" t="s">
        <v>70</v>
      </c>
      <c r="D29292" s="14" t="s">
        <v>185</v>
      </c>
      <c r="E29292" s="15">
        <v>45468</v>
      </c>
      <c r="F29292" s="14" t="s">
        <v>61</v>
      </c>
      <c r="G29292" s="16">
        <v>1.090078605400131</v>
      </c>
    </row>
    <row r="29293" spans="1:7" x14ac:dyDescent="0.3">
      <c r="A29293" s="13" t="s">
        <v>184</v>
      </c>
      <c r="B29293" s="14" t="s">
        <v>1</v>
      </c>
      <c r="C29293" s="14" t="s">
        <v>70</v>
      </c>
      <c r="D29293" s="14" t="s">
        <v>185</v>
      </c>
      <c r="E29293" s="15">
        <v>45469</v>
      </c>
      <c r="F29293" s="14" t="s">
        <v>61</v>
      </c>
      <c r="G29293" s="16">
        <v>1.0989232576236652</v>
      </c>
    </row>
    <row r="29294" spans="1:7" x14ac:dyDescent="0.3">
      <c r="A29294" s="13" t="s">
        <v>184</v>
      </c>
      <c r="B29294" s="14" t="s">
        <v>1</v>
      </c>
      <c r="C29294" s="14" t="s">
        <v>70</v>
      </c>
      <c r="D29294" s="14" t="s">
        <v>185</v>
      </c>
      <c r="E29294" s="15">
        <v>45470</v>
      </c>
      <c r="F29294" s="14" t="s">
        <v>61</v>
      </c>
      <c r="G29294" s="16">
        <v>1.1018318447831634</v>
      </c>
    </row>
    <row r="29295" spans="1:7" x14ac:dyDescent="0.3">
      <c r="A29295" s="13" t="s">
        <v>184</v>
      </c>
      <c r="B29295" s="14" t="s">
        <v>1</v>
      </c>
      <c r="C29295" s="14" t="s">
        <v>70</v>
      </c>
      <c r="D29295" s="14" t="s">
        <v>185</v>
      </c>
      <c r="E29295" s="15">
        <v>45471</v>
      </c>
      <c r="F29295" s="14" t="s">
        <v>61</v>
      </c>
      <c r="G29295" s="16">
        <v>1.129836152175022</v>
      </c>
    </row>
    <row r="29296" spans="1:7" x14ac:dyDescent="0.3">
      <c r="A29296" s="13" t="s">
        <v>184</v>
      </c>
      <c r="B29296" s="14" t="s">
        <v>1</v>
      </c>
      <c r="C29296" s="14" t="s">
        <v>70</v>
      </c>
      <c r="D29296" s="14" t="s">
        <v>185</v>
      </c>
      <c r="E29296" s="15">
        <v>45472</v>
      </c>
      <c r="F29296" s="14" t="s">
        <v>61</v>
      </c>
      <c r="G29296" s="16">
        <v>1.129836152175022</v>
      </c>
    </row>
    <row r="29297" spans="1:7" x14ac:dyDescent="0.3">
      <c r="A29297" s="13" t="s">
        <v>184</v>
      </c>
      <c r="B29297" s="14" t="s">
        <v>1</v>
      </c>
      <c r="C29297" s="14" t="s">
        <v>70</v>
      </c>
      <c r="D29297" s="14" t="s">
        <v>185</v>
      </c>
      <c r="E29297" s="15">
        <v>45473</v>
      </c>
      <c r="F29297" s="14" t="s">
        <v>61</v>
      </c>
      <c r="G29297" s="16">
        <v>1.129836152175022</v>
      </c>
    </row>
    <row r="29298" spans="1:7" x14ac:dyDescent="0.3">
      <c r="A29298" s="13" t="s">
        <v>184</v>
      </c>
      <c r="B29298" s="14" t="s">
        <v>1</v>
      </c>
      <c r="C29298" s="14" t="s">
        <v>70</v>
      </c>
      <c r="D29298" s="14" t="s">
        <v>185</v>
      </c>
      <c r="E29298" s="15">
        <v>45474</v>
      </c>
      <c r="F29298" s="14" t="s">
        <v>61</v>
      </c>
      <c r="G29298" s="16">
        <v>1.1375381954108525</v>
      </c>
    </row>
    <row r="29299" spans="1:7" x14ac:dyDescent="0.3">
      <c r="A29299" s="13" t="s">
        <v>184</v>
      </c>
      <c r="B29299" s="14" t="s">
        <v>1</v>
      </c>
      <c r="C29299" s="14" t="s">
        <v>70</v>
      </c>
      <c r="D29299" s="14" t="s">
        <v>185</v>
      </c>
      <c r="E29299" s="15">
        <v>45475</v>
      </c>
      <c r="F29299" s="14" t="s">
        <v>61</v>
      </c>
      <c r="G29299" s="16">
        <v>1.1552063945075266</v>
      </c>
    </row>
    <row r="29300" spans="1:7" x14ac:dyDescent="0.3">
      <c r="A29300" s="13" t="s">
        <v>184</v>
      </c>
      <c r="B29300" s="14" t="s">
        <v>1</v>
      </c>
      <c r="C29300" s="14" t="s">
        <v>70</v>
      </c>
      <c r="D29300" s="14" t="s">
        <v>185</v>
      </c>
      <c r="E29300" s="15">
        <v>45476</v>
      </c>
      <c r="F29300" s="14" t="s">
        <v>61</v>
      </c>
      <c r="G29300" s="16">
        <v>1.1881544071573509</v>
      </c>
    </row>
    <row r="29301" spans="1:7" x14ac:dyDescent="0.3">
      <c r="A29301" s="13" t="s">
        <v>184</v>
      </c>
      <c r="B29301" s="14" t="s">
        <v>1</v>
      </c>
      <c r="C29301" s="14" t="s">
        <v>70</v>
      </c>
      <c r="D29301" s="14" t="s">
        <v>185</v>
      </c>
      <c r="E29301" s="15">
        <v>45477</v>
      </c>
      <c r="F29301" s="14" t="s">
        <v>61</v>
      </c>
      <c r="G29301" s="16">
        <v>1.1907777621091666</v>
      </c>
    </row>
    <row r="29302" spans="1:7" x14ac:dyDescent="0.3">
      <c r="A29302" s="13" t="s">
        <v>184</v>
      </c>
      <c r="B29302" s="14" t="s">
        <v>1</v>
      </c>
      <c r="C29302" s="14" t="s">
        <v>70</v>
      </c>
      <c r="D29302" s="14" t="s">
        <v>185</v>
      </c>
      <c r="E29302" s="15">
        <v>45478</v>
      </c>
      <c r="F29302" s="14" t="s">
        <v>61</v>
      </c>
      <c r="G29302" s="16">
        <v>1.1930856953959992</v>
      </c>
    </row>
    <row r="29303" spans="1:7" x14ac:dyDescent="0.3">
      <c r="A29303" s="13" t="s">
        <v>184</v>
      </c>
      <c r="B29303" s="14" t="s">
        <v>1</v>
      </c>
      <c r="C29303" s="14" t="s">
        <v>70</v>
      </c>
      <c r="D29303" s="14" t="s">
        <v>185</v>
      </c>
      <c r="E29303" s="15">
        <v>45479</v>
      </c>
      <c r="F29303" s="14" t="s">
        <v>61</v>
      </c>
      <c r="G29303" s="16">
        <v>1.1930856953959992</v>
      </c>
    </row>
    <row r="29304" spans="1:7" x14ac:dyDescent="0.3">
      <c r="A29304" s="13" t="s">
        <v>184</v>
      </c>
      <c r="B29304" s="14" t="s">
        <v>1</v>
      </c>
      <c r="C29304" s="14" t="s">
        <v>70</v>
      </c>
      <c r="D29304" s="14" t="s">
        <v>185</v>
      </c>
      <c r="E29304" s="15">
        <v>45480</v>
      </c>
      <c r="F29304" s="14" t="s">
        <v>61</v>
      </c>
      <c r="G29304" s="16">
        <v>1.1930856953959992</v>
      </c>
    </row>
    <row r="29305" spans="1:7" x14ac:dyDescent="0.3">
      <c r="A29305" s="13" t="s">
        <v>184</v>
      </c>
      <c r="B29305" s="14" t="s">
        <v>1</v>
      </c>
      <c r="C29305" s="14" t="s">
        <v>70</v>
      </c>
      <c r="D29305" s="14" t="s">
        <v>185</v>
      </c>
      <c r="E29305" s="15">
        <v>45481</v>
      </c>
      <c r="F29305" s="14" t="s">
        <v>61</v>
      </c>
      <c r="G29305" s="16">
        <v>1.2184091726630124</v>
      </c>
    </row>
    <row r="29306" spans="1:7" x14ac:dyDescent="0.3">
      <c r="A29306" s="13" t="s">
        <v>184</v>
      </c>
      <c r="B29306" s="14" t="s">
        <v>1</v>
      </c>
      <c r="C29306" s="14" t="s">
        <v>70</v>
      </c>
      <c r="D29306" s="14" t="s">
        <v>185</v>
      </c>
      <c r="E29306" s="15">
        <v>45482</v>
      </c>
      <c r="F29306" s="14" t="s">
        <v>61</v>
      </c>
      <c r="G29306" s="16">
        <v>1.2353500926581042</v>
      </c>
    </row>
    <row r="29307" spans="1:7" x14ac:dyDescent="0.3">
      <c r="A29307" s="13" t="s">
        <v>184</v>
      </c>
      <c r="B29307" s="14" t="s">
        <v>1</v>
      </c>
      <c r="C29307" s="14" t="s">
        <v>70</v>
      </c>
      <c r="D29307" s="14" t="s">
        <v>185</v>
      </c>
      <c r="E29307" s="15">
        <v>45483</v>
      </c>
      <c r="F29307" s="14" t="s">
        <v>61</v>
      </c>
      <c r="G29307" s="16">
        <v>1.2418632609506379</v>
      </c>
    </row>
    <row r="29308" spans="1:7" x14ac:dyDescent="0.3">
      <c r="A29308" s="13" t="s">
        <v>184</v>
      </c>
      <c r="B29308" s="14" t="s">
        <v>1</v>
      </c>
      <c r="C29308" s="14" t="s">
        <v>70</v>
      </c>
      <c r="D29308" s="14" t="s">
        <v>185</v>
      </c>
      <c r="E29308" s="15">
        <v>45484</v>
      </c>
      <c r="F29308" s="14" t="s">
        <v>61</v>
      </c>
      <c r="G29308" s="16">
        <v>1.2554407811931578</v>
      </c>
    </row>
    <row r="29309" spans="1:7" x14ac:dyDescent="0.3">
      <c r="A29309" s="13" t="s">
        <v>184</v>
      </c>
      <c r="B29309" s="14" t="s">
        <v>1</v>
      </c>
      <c r="C29309" s="14" t="s">
        <v>70</v>
      </c>
      <c r="D29309" s="14" t="s">
        <v>185</v>
      </c>
      <c r="E29309" s="15">
        <v>45485</v>
      </c>
      <c r="F29309" s="14" t="s">
        <v>61</v>
      </c>
      <c r="G29309" s="16">
        <v>1.2586911211361145</v>
      </c>
    </row>
    <row r="29310" spans="1:7" x14ac:dyDescent="0.3">
      <c r="A29310" s="13" t="s">
        <v>184</v>
      </c>
      <c r="B29310" s="14" t="s">
        <v>1</v>
      </c>
      <c r="C29310" s="14" t="s">
        <v>70</v>
      </c>
      <c r="D29310" s="14" t="s">
        <v>185</v>
      </c>
      <c r="E29310" s="15">
        <v>45486</v>
      </c>
      <c r="F29310" s="14" t="s">
        <v>61</v>
      </c>
      <c r="G29310" s="16">
        <v>1.2586911211361145</v>
      </c>
    </row>
    <row r="29311" spans="1:7" x14ac:dyDescent="0.3">
      <c r="A29311" s="13" t="s">
        <v>184</v>
      </c>
      <c r="B29311" s="14" t="s">
        <v>1</v>
      </c>
      <c r="C29311" s="14" t="s">
        <v>70</v>
      </c>
      <c r="D29311" s="14" t="s">
        <v>185</v>
      </c>
      <c r="E29311" s="15">
        <v>45487</v>
      </c>
      <c r="F29311" s="14" t="s">
        <v>61</v>
      </c>
      <c r="G29311" s="16">
        <v>1.2586911211361145</v>
      </c>
    </row>
    <row r="29312" spans="1:7" x14ac:dyDescent="0.3">
      <c r="A29312" s="13" t="s">
        <v>184</v>
      </c>
      <c r="B29312" s="14" t="s">
        <v>1</v>
      </c>
      <c r="C29312" s="14" t="s">
        <v>70</v>
      </c>
      <c r="D29312" s="14" t="s">
        <v>185</v>
      </c>
      <c r="E29312" s="15">
        <v>45488</v>
      </c>
      <c r="F29312" s="14" t="s">
        <v>61</v>
      </c>
      <c r="G29312" s="16">
        <v>1.2645335660273265</v>
      </c>
    </row>
    <row r="29313" spans="1:7" x14ac:dyDescent="0.3">
      <c r="A29313" s="13" t="s">
        <v>184</v>
      </c>
      <c r="B29313" s="14" t="s">
        <v>1</v>
      </c>
      <c r="C29313" s="14" t="s">
        <v>70</v>
      </c>
      <c r="D29313" s="14" t="s">
        <v>185</v>
      </c>
      <c r="E29313" s="15">
        <v>45489</v>
      </c>
      <c r="F29313" s="14" t="s">
        <v>61</v>
      </c>
      <c r="G29313" s="16">
        <v>1.2791853092824952</v>
      </c>
    </row>
    <row r="29314" spans="1:7" x14ac:dyDescent="0.3">
      <c r="A29314" s="13" t="s">
        <v>184</v>
      </c>
      <c r="B29314" s="14" t="s">
        <v>1</v>
      </c>
      <c r="C29314" s="14" t="s">
        <v>70</v>
      </c>
      <c r="D29314" s="14" t="s">
        <v>185</v>
      </c>
      <c r="E29314" s="15">
        <v>45490</v>
      </c>
      <c r="F29314" s="14" t="s">
        <v>61</v>
      </c>
      <c r="G29314" s="16">
        <v>1.2796361282668647</v>
      </c>
    </row>
    <row r="29315" spans="1:7" x14ac:dyDescent="0.3">
      <c r="A29315" s="13" t="s">
        <v>184</v>
      </c>
      <c r="B29315" s="14" t="s">
        <v>1</v>
      </c>
      <c r="C29315" s="14" t="s">
        <v>70</v>
      </c>
      <c r="D29315" s="14" t="s">
        <v>185</v>
      </c>
      <c r="E29315" s="15">
        <v>45491</v>
      </c>
      <c r="F29315" s="14" t="s">
        <v>61</v>
      </c>
      <c r="G29315" s="16">
        <v>1.3034086142411401</v>
      </c>
    </row>
    <row r="29316" spans="1:7" x14ac:dyDescent="0.3">
      <c r="A29316" s="13" t="s">
        <v>184</v>
      </c>
      <c r="B29316" s="14" t="s">
        <v>1</v>
      </c>
      <c r="C29316" s="14" t="s">
        <v>70</v>
      </c>
      <c r="D29316" s="14" t="s">
        <v>185</v>
      </c>
      <c r="E29316" s="15">
        <v>45492</v>
      </c>
      <c r="F29316" s="14" t="s">
        <v>61</v>
      </c>
      <c r="G29316" s="16">
        <v>1.3103841379519758</v>
      </c>
    </row>
    <row r="29317" spans="1:7" x14ac:dyDescent="0.3">
      <c r="A29317" s="13" t="s">
        <v>184</v>
      </c>
      <c r="B29317" s="14" t="s">
        <v>1</v>
      </c>
      <c r="C29317" s="14" t="s">
        <v>70</v>
      </c>
      <c r="D29317" s="14" t="s">
        <v>185</v>
      </c>
      <c r="E29317" s="15">
        <v>45493</v>
      </c>
      <c r="F29317" s="14" t="s">
        <v>61</v>
      </c>
      <c r="G29317" s="16">
        <v>1.3103841379519758</v>
      </c>
    </row>
    <row r="29318" spans="1:7" x14ac:dyDescent="0.3">
      <c r="A29318" s="13" t="s">
        <v>184</v>
      </c>
      <c r="B29318" s="14" t="s">
        <v>1</v>
      </c>
      <c r="C29318" s="14" t="s">
        <v>70</v>
      </c>
      <c r="D29318" s="14" t="s">
        <v>185</v>
      </c>
      <c r="E29318" s="15">
        <v>45494</v>
      </c>
      <c r="F29318" s="14" t="s">
        <v>61</v>
      </c>
      <c r="G29318" s="16">
        <v>1.3103841379519758</v>
      </c>
    </row>
    <row r="29319" spans="1:7" x14ac:dyDescent="0.3">
      <c r="A29319" s="13" t="s">
        <v>184</v>
      </c>
      <c r="B29319" s="14" t="s">
        <v>1</v>
      </c>
      <c r="C29319" s="14" t="s">
        <v>70</v>
      </c>
      <c r="D29319" s="14" t="s">
        <v>185</v>
      </c>
      <c r="E29319" s="15">
        <v>45495</v>
      </c>
      <c r="F29319" s="14" t="s">
        <v>61</v>
      </c>
      <c r="G29319" s="16">
        <v>1.3176811739735883</v>
      </c>
    </row>
    <row r="29320" spans="1:7" x14ac:dyDescent="0.3">
      <c r="A29320" s="13" t="s">
        <v>184</v>
      </c>
      <c r="B29320" s="14" t="s">
        <v>1</v>
      </c>
      <c r="C29320" s="14" t="s">
        <v>70</v>
      </c>
      <c r="D29320" s="14" t="s">
        <v>185</v>
      </c>
      <c r="E29320" s="15">
        <v>45496</v>
      </c>
      <c r="F29320" s="14" t="s">
        <v>61</v>
      </c>
      <c r="G29320" s="16">
        <v>1.3581908561936815</v>
      </c>
    </row>
    <row r="29321" spans="1:7" x14ac:dyDescent="0.3">
      <c r="A29321" s="13" t="s">
        <v>184</v>
      </c>
      <c r="B29321" s="14" t="s">
        <v>1</v>
      </c>
      <c r="C29321" s="14" t="s">
        <v>70</v>
      </c>
      <c r="D29321" s="14" t="s">
        <v>185</v>
      </c>
      <c r="E29321" s="15">
        <v>45497</v>
      </c>
      <c r="F29321" s="14" t="s">
        <v>61</v>
      </c>
      <c r="G29321" s="16">
        <v>1.3662490161204146</v>
      </c>
    </row>
    <row r="29322" spans="1:7" x14ac:dyDescent="0.3">
      <c r="A29322" s="13" t="s">
        <v>184</v>
      </c>
      <c r="B29322" s="14" t="s">
        <v>1</v>
      </c>
      <c r="C29322" s="14" t="s">
        <v>70</v>
      </c>
      <c r="D29322" s="14" t="s">
        <v>185</v>
      </c>
      <c r="E29322" s="15">
        <v>45498</v>
      </c>
      <c r="F29322" s="14" t="s">
        <v>61</v>
      </c>
      <c r="G29322" s="16">
        <v>1.3707795161677221</v>
      </c>
    </row>
    <row r="29323" spans="1:7" x14ac:dyDescent="0.3">
      <c r="A29323" s="13" t="s">
        <v>184</v>
      </c>
      <c r="B29323" s="14" t="s">
        <v>1</v>
      </c>
      <c r="C29323" s="14" t="s">
        <v>70</v>
      </c>
      <c r="D29323" s="14" t="s">
        <v>185</v>
      </c>
      <c r="E29323" s="15">
        <v>45499</v>
      </c>
      <c r="F29323" s="14" t="s">
        <v>61</v>
      </c>
      <c r="G29323" s="16">
        <v>1.3745457407587891</v>
      </c>
    </row>
    <row r="29324" spans="1:7" x14ac:dyDescent="0.3">
      <c r="A29324" s="13" t="s">
        <v>184</v>
      </c>
      <c r="B29324" s="14" t="s">
        <v>1</v>
      </c>
      <c r="C29324" s="14" t="s">
        <v>70</v>
      </c>
      <c r="D29324" s="14" t="s">
        <v>185</v>
      </c>
      <c r="E29324" s="15">
        <v>45500</v>
      </c>
      <c r="F29324" s="14" t="s">
        <v>61</v>
      </c>
      <c r="G29324" s="16">
        <v>1.3745457407587891</v>
      </c>
    </row>
    <row r="29325" spans="1:7" x14ac:dyDescent="0.3">
      <c r="A29325" s="13" t="s">
        <v>184</v>
      </c>
      <c r="B29325" s="14" t="s">
        <v>1</v>
      </c>
      <c r="C29325" s="14" t="s">
        <v>70</v>
      </c>
      <c r="D29325" s="14" t="s">
        <v>185</v>
      </c>
      <c r="E29325" s="15">
        <v>45501</v>
      </c>
      <c r="F29325" s="14" t="s">
        <v>61</v>
      </c>
      <c r="G29325" s="16">
        <v>1.3745457407587891</v>
      </c>
    </row>
    <row r="29326" spans="1:7" x14ac:dyDescent="0.3">
      <c r="A29326" s="13" t="s">
        <v>184</v>
      </c>
      <c r="B29326" s="14" t="s">
        <v>1</v>
      </c>
      <c r="C29326" s="14" t="s">
        <v>70</v>
      </c>
      <c r="D29326" s="14" t="s">
        <v>185</v>
      </c>
      <c r="E29326" s="15">
        <v>45502</v>
      </c>
      <c r="F29326" s="14" t="s">
        <v>61</v>
      </c>
      <c r="G29326" s="16">
        <v>1.385767575742737</v>
      </c>
    </row>
    <row r="29327" spans="1:7" x14ac:dyDescent="0.3">
      <c r="A29327" s="13" t="s">
        <v>184</v>
      </c>
      <c r="B29327" s="14" t="s">
        <v>1</v>
      </c>
      <c r="C29327" s="14" t="s">
        <v>70</v>
      </c>
      <c r="D29327" s="14" t="s">
        <v>185</v>
      </c>
      <c r="E29327" s="15">
        <v>45503</v>
      </c>
      <c r="F29327" s="14" t="s">
        <v>61</v>
      </c>
      <c r="G29327" s="16">
        <v>1.4023234851731468</v>
      </c>
    </row>
    <row r="29328" spans="1:7" x14ac:dyDescent="0.3">
      <c r="A29328" s="13" t="s">
        <v>184</v>
      </c>
      <c r="B29328" s="14" t="s">
        <v>1</v>
      </c>
      <c r="C29328" s="14" t="s">
        <v>70</v>
      </c>
      <c r="D29328" s="14" t="s">
        <v>185</v>
      </c>
      <c r="E29328" s="15">
        <v>45504</v>
      </c>
      <c r="F29328" s="14" t="s">
        <v>61</v>
      </c>
      <c r="G29328" s="16">
        <v>1.4068278403124068</v>
      </c>
    </row>
    <row r="29329" spans="1:7" x14ac:dyDescent="0.3">
      <c r="A29329" s="13" t="s">
        <v>184</v>
      </c>
      <c r="B29329" s="14" t="s">
        <v>1</v>
      </c>
      <c r="C29329" s="14" t="s">
        <v>70</v>
      </c>
      <c r="D29329" s="14" t="s">
        <v>185</v>
      </c>
      <c r="E29329" s="15">
        <v>45505</v>
      </c>
      <c r="F29329" s="14" t="s">
        <v>61</v>
      </c>
      <c r="G29329" s="16">
        <v>1.4068278403124068</v>
      </c>
    </row>
    <row r="29330" spans="1:7" x14ac:dyDescent="0.3">
      <c r="A29330" s="13" t="s">
        <v>184</v>
      </c>
      <c r="B29330" s="14" t="s">
        <v>1</v>
      </c>
      <c r="C29330" s="14" t="s">
        <v>70</v>
      </c>
      <c r="D29330" s="14" t="s">
        <v>185</v>
      </c>
      <c r="E29330" s="15">
        <v>45506</v>
      </c>
      <c r="F29330" s="14" t="s">
        <v>61</v>
      </c>
      <c r="G29330" s="16">
        <v>1.4115965197912221</v>
      </c>
    </row>
    <row r="29331" spans="1:7" x14ac:dyDescent="0.3">
      <c r="A29331" s="13" t="s">
        <v>184</v>
      </c>
      <c r="B29331" s="14" t="s">
        <v>1</v>
      </c>
      <c r="C29331" s="14" t="s">
        <v>70</v>
      </c>
      <c r="D29331" s="14" t="s">
        <v>185</v>
      </c>
      <c r="E29331" s="15">
        <v>45507</v>
      </c>
      <c r="F29331" s="14" t="s">
        <v>61</v>
      </c>
      <c r="G29331" s="16">
        <v>1.4115965197912221</v>
      </c>
    </row>
    <row r="29332" spans="1:7" x14ac:dyDescent="0.3">
      <c r="A29332" s="13" t="s">
        <v>184</v>
      </c>
      <c r="B29332" s="14" t="s">
        <v>1</v>
      </c>
      <c r="C29332" s="14" t="s">
        <v>70</v>
      </c>
      <c r="D29332" s="14" t="s">
        <v>185</v>
      </c>
      <c r="E29332" s="15">
        <v>45508</v>
      </c>
      <c r="F29332" s="14" t="s">
        <v>61</v>
      </c>
      <c r="G29332" s="16">
        <v>1.4115965197912221</v>
      </c>
    </row>
    <row r="29333" spans="1:7" x14ac:dyDescent="0.3">
      <c r="A29333" s="13" t="s">
        <v>184</v>
      </c>
      <c r="B29333" s="14" t="s">
        <v>1</v>
      </c>
      <c r="C29333" s="14" t="s">
        <v>70</v>
      </c>
      <c r="D29333" s="14" t="s">
        <v>185</v>
      </c>
      <c r="E29333" s="15">
        <v>45509</v>
      </c>
      <c r="F29333" s="14" t="s">
        <v>61</v>
      </c>
      <c r="G29333" s="16">
        <v>1.4115965197912221</v>
      </c>
    </row>
    <row r="29334" spans="1:7" x14ac:dyDescent="0.3">
      <c r="A29334" s="13" t="s">
        <v>184</v>
      </c>
      <c r="B29334" s="14" t="s">
        <v>1</v>
      </c>
      <c r="C29334" s="14" t="s">
        <v>70</v>
      </c>
      <c r="D29334" s="14" t="s">
        <v>185</v>
      </c>
      <c r="E29334" s="15">
        <v>45510</v>
      </c>
      <c r="F29334" s="14" t="s">
        <v>61</v>
      </c>
      <c r="G29334" s="16">
        <v>1.4167467452430347</v>
      </c>
    </row>
    <row r="29335" spans="1:7" x14ac:dyDescent="0.3">
      <c r="A29335" s="13" t="s">
        <v>184</v>
      </c>
      <c r="B29335" s="14" t="s">
        <v>1</v>
      </c>
      <c r="C29335" s="14" t="s">
        <v>70</v>
      </c>
      <c r="D29335" s="14" t="s">
        <v>185</v>
      </c>
      <c r="E29335" s="15">
        <v>45511</v>
      </c>
      <c r="F29335" s="14" t="s">
        <v>61</v>
      </c>
      <c r="G29335" s="16">
        <v>1.4687081543434259</v>
      </c>
    </row>
    <row r="29336" spans="1:7" x14ac:dyDescent="0.3">
      <c r="A29336" s="13" t="s">
        <v>184</v>
      </c>
      <c r="B29336" s="14" t="s">
        <v>1</v>
      </c>
      <c r="C29336" s="14" t="s">
        <v>70</v>
      </c>
      <c r="D29336" s="14" t="s">
        <v>185</v>
      </c>
      <c r="E29336" s="15">
        <v>45512</v>
      </c>
      <c r="F29336" s="14" t="s">
        <v>61</v>
      </c>
      <c r="G29336" s="16">
        <v>1.474574699024346</v>
      </c>
    </row>
    <row r="29337" spans="1:7" x14ac:dyDescent="0.3">
      <c r="A29337" s="13" t="s">
        <v>184</v>
      </c>
      <c r="B29337" s="14" t="s">
        <v>1</v>
      </c>
      <c r="C29337" s="14" t="s">
        <v>70</v>
      </c>
      <c r="D29337" s="14" t="s">
        <v>185</v>
      </c>
      <c r="E29337" s="15">
        <v>45513</v>
      </c>
      <c r="F29337" s="14" t="s">
        <v>61</v>
      </c>
      <c r="G29337" s="16">
        <v>1.4939380628544408</v>
      </c>
    </row>
    <row r="29338" spans="1:7" x14ac:dyDescent="0.3">
      <c r="A29338" s="13" t="s">
        <v>184</v>
      </c>
      <c r="B29338" s="14" t="s">
        <v>1</v>
      </c>
      <c r="C29338" s="14" t="s">
        <v>70</v>
      </c>
      <c r="D29338" s="14" t="s">
        <v>185</v>
      </c>
      <c r="E29338" s="15">
        <v>45514</v>
      </c>
      <c r="F29338" s="14" t="s">
        <v>61</v>
      </c>
      <c r="G29338" s="16">
        <v>1.4939380628544408</v>
      </c>
    </row>
    <row r="29339" spans="1:7" x14ac:dyDescent="0.3">
      <c r="A29339" s="13" t="s">
        <v>184</v>
      </c>
      <c r="B29339" s="14" t="s">
        <v>1</v>
      </c>
      <c r="C29339" s="14" t="s">
        <v>70</v>
      </c>
      <c r="D29339" s="14" t="s">
        <v>185</v>
      </c>
      <c r="E29339" s="15">
        <v>45515</v>
      </c>
      <c r="F29339" s="14" t="s">
        <v>61</v>
      </c>
      <c r="G29339" s="16">
        <v>1.4939380628544408</v>
      </c>
    </row>
    <row r="29340" spans="1:7" x14ac:dyDescent="0.3">
      <c r="A29340" s="13" t="s">
        <v>184</v>
      </c>
      <c r="B29340" s="14" t="s">
        <v>1</v>
      </c>
      <c r="C29340" s="14" t="s">
        <v>70</v>
      </c>
      <c r="D29340" s="14" t="s">
        <v>185</v>
      </c>
      <c r="E29340" s="15">
        <v>45516</v>
      </c>
      <c r="F29340" s="14" t="s">
        <v>61</v>
      </c>
      <c r="G29340" s="16">
        <v>1.5106509069802707</v>
      </c>
    </row>
    <row r="29341" spans="1:7" x14ac:dyDescent="0.3">
      <c r="A29341" s="13" t="s">
        <v>184</v>
      </c>
      <c r="B29341" s="14" t="s">
        <v>1</v>
      </c>
      <c r="C29341" s="14" t="s">
        <v>70</v>
      </c>
      <c r="D29341" s="14" t="s">
        <v>185</v>
      </c>
      <c r="E29341" s="15">
        <v>45517</v>
      </c>
      <c r="F29341" s="14" t="s">
        <v>61</v>
      </c>
      <c r="G29341" s="16">
        <v>1.5214135837058043</v>
      </c>
    </row>
    <row r="29342" spans="1:7" x14ac:dyDescent="0.3">
      <c r="A29342" s="13" t="s">
        <v>184</v>
      </c>
      <c r="B29342" s="14" t="s">
        <v>1</v>
      </c>
      <c r="C29342" s="14" t="s">
        <v>70</v>
      </c>
      <c r="D29342" s="14" t="s">
        <v>185</v>
      </c>
      <c r="E29342" s="15">
        <v>45518</v>
      </c>
      <c r="F29342" s="14" t="s">
        <v>61</v>
      </c>
      <c r="G29342" s="16">
        <v>1.523361906344127</v>
      </c>
    </row>
    <row r="29343" spans="1:7" x14ac:dyDescent="0.3">
      <c r="A29343" s="13" t="s">
        <v>184</v>
      </c>
      <c r="B29343" s="14" t="s">
        <v>1</v>
      </c>
      <c r="C29343" s="14" t="s">
        <v>70</v>
      </c>
      <c r="D29343" s="14" t="s">
        <v>185</v>
      </c>
      <c r="E29343" s="15">
        <v>45519</v>
      </c>
      <c r="F29343" s="14" t="s">
        <v>61</v>
      </c>
      <c r="G29343" s="16">
        <v>1.5342202385694375</v>
      </c>
    </row>
    <row r="29344" spans="1:7" x14ac:dyDescent="0.3">
      <c r="A29344" s="13" t="s">
        <v>184</v>
      </c>
      <c r="B29344" s="14" t="s">
        <v>1</v>
      </c>
      <c r="C29344" s="14" t="s">
        <v>70</v>
      </c>
      <c r="D29344" s="14" t="s">
        <v>185</v>
      </c>
      <c r="E29344" s="15">
        <v>45520</v>
      </c>
      <c r="F29344" s="14" t="s">
        <v>61</v>
      </c>
      <c r="G29344" s="16">
        <v>1.583901183564679</v>
      </c>
    </row>
    <row r="29345" spans="1:7" x14ac:dyDescent="0.3">
      <c r="A29345" s="13" t="s">
        <v>184</v>
      </c>
      <c r="B29345" s="14" t="s">
        <v>1</v>
      </c>
      <c r="C29345" s="14" t="s">
        <v>70</v>
      </c>
      <c r="D29345" s="14" t="s">
        <v>185</v>
      </c>
      <c r="E29345" s="15">
        <v>45521</v>
      </c>
      <c r="F29345" s="14" t="s">
        <v>61</v>
      </c>
      <c r="G29345" s="16">
        <v>1.583901183564679</v>
      </c>
    </row>
    <row r="29346" spans="1:7" x14ac:dyDescent="0.3">
      <c r="A29346" s="13" t="s">
        <v>184</v>
      </c>
      <c r="B29346" s="14" t="s">
        <v>1</v>
      </c>
      <c r="C29346" s="14" t="s">
        <v>70</v>
      </c>
      <c r="D29346" s="14" t="s">
        <v>185</v>
      </c>
      <c r="E29346" s="15">
        <v>45522</v>
      </c>
      <c r="F29346" s="14" t="s">
        <v>61</v>
      </c>
      <c r="G29346" s="16">
        <v>1.583901183564679</v>
      </c>
    </row>
    <row r="29347" spans="1:7" x14ac:dyDescent="0.3">
      <c r="A29347" s="13" t="s">
        <v>184</v>
      </c>
      <c r="B29347" s="14" t="s">
        <v>1</v>
      </c>
      <c r="C29347" s="14" t="s">
        <v>70</v>
      </c>
      <c r="D29347" s="14" t="s">
        <v>185</v>
      </c>
      <c r="E29347" s="15">
        <v>45523</v>
      </c>
      <c r="F29347" s="14" t="s">
        <v>61</v>
      </c>
      <c r="G29347" s="16">
        <v>1.593326638119994</v>
      </c>
    </row>
    <row r="29348" spans="1:7" x14ac:dyDescent="0.3">
      <c r="A29348" s="13" t="s">
        <v>184</v>
      </c>
      <c r="B29348" s="14" t="s">
        <v>1</v>
      </c>
      <c r="C29348" s="14" t="s">
        <v>70</v>
      </c>
      <c r="D29348" s="14" t="s">
        <v>185</v>
      </c>
      <c r="E29348" s="15">
        <v>45524</v>
      </c>
      <c r="F29348" s="14" t="s">
        <v>61</v>
      </c>
      <c r="G29348" s="16">
        <v>1.6144694898840548</v>
      </c>
    </row>
    <row r="29349" spans="1:7" x14ac:dyDescent="0.3">
      <c r="A29349" s="13" t="s">
        <v>184</v>
      </c>
      <c r="B29349" s="14" t="s">
        <v>1</v>
      </c>
      <c r="C29349" s="14" t="s">
        <v>70</v>
      </c>
      <c r="D29349" s="14" t="s">
        <v>185</v>
      </c>
      <c r="E29349" s="15">
        <v>45525</v>
      </c>
      <c r="F29349" s="14" t="s">
        <v>61</v>
      </c>
      <c r="G29349" s="16">
        <v>1.6241787795160989</v>
      </c>
    </row>
    <row r="29350" spans="1:7" x14ac:dyDescent="0.3">
      <c r="A29350" s="13" t="s">
        <v>184</v>
      </c>
      <c r="B29350" s="14" t="s">
        <v>1</v>
      </c>
      <c r="C29350" s="14" t="s">
        <v>70</v>
      </c>
      <c r="D29350" s="14" t="s">
        <v>185</v>
      </c>
      <c r="E29350" s="15">
        <v>45526</v>
      </c>
      <c r="F29350" s="14" t="s">
        <v>61</v>
      </c>
      <c r="G29350" s="16">
        <v>1.6360482606456568</v>
      </c>
    </row>
    <row r="29351" spans="1:7" x14ac:dyDescent="0.3">
      <c r="A29351" s="13" t="s">
        <v>184</v>
      </c>
      <c r="B29351" s="14" t="s">
        <v>1</v>
      </c>
      <c r="C29351" s="14" t="s">
        <v>70</v>
      </c>
      <c r="D29351" s="14" t="s">
        <v>185</v>
      </c>
      <c r="E29351" s="15">
        <v>45527</v>
      </c>
      <c r="F29351" s="14" t="s">
        <v>61</v>
      </c>
      <c r="G29351" s="16">
        <v>1.6305557431941209</v>
      </c>
    </row>
    <row r="29352" spans="1:7" x14ac:dyDescent="0.3">
      <c r="A29352" s="13" t="s">
        <v>184</v>
      </c>
      <c r="B29352" s="14" t="s">
        <v>1</v>
      </c>
      <c r="C29352" s="14" t="s">
        <v>70</v>
      </c>
      <c r="D29352" s="14" t="s">
        <v>185</v>
      </c>
      <c r="E29352" s="15">
        <v>45528</v>
      </c>
      <c r="F29352" s="14" t="s">
        <v>61</v>
      </c>
      <c r="G29352" s="16">
        <v>1.6305557431941209</v>
      </c>
    </row>
    <row r="29353" spans="1:7" x14ac:dyDescent="0.3">
      <c r="A29353" s="13" t="s">
        <v>184</v>
      </c>
      <c r="B29353" s="14" t="s">
        <v>1</v>
      </c>
      <c r="C29353" s="14" t="s">
        <v>70</v>
      </c>
      <c r="D29353" s="14" t="s">
        <v>185</v>
      </c>
      <c r="E29353" s="15">
        <v>45529</v>
      </c>
      <c r="F29353" s="14" t="s">
        <v>61</v>
      </c>
      <c r="G29353" s="16">
        <v>1.6305557431941209</v>
      </c>
    </row>
    <row r="29354" spans="1:7" x14ac:dyDescent="0.3">
      <c r="A29354" s="13" t="s">
        <v>184</v>
      </c>
      <c r="B29354" s="14" t="s">
        <v>1</v>
      </c>
      <c r="C29354" s="14" t="s">
        <v>70</v>
      </c>
      <c r="D29354" s="14" t="s">
        <v>185</v>
      </c>
      <c r="E29354" s="15">
        <v>45530</v>
      </c>
      <c r="F29354" s="14" t="s">
        <v>61</v>
      </c>
      <c r="G29354" s="16">
        <v>1.6400711726457884</v>
      </c>
    </row>
    <row r="29355" spans="1:7" x14ac:dyDescent="0.3">
      <c r="A29355" s="13" t="s">
        <v>184</v>
      </c>
      <c r="B29355" s="14" t="s">
        <v>1</v>
      </c>
      <c r="C29355" s="14" t="s">
        <v>70</v>
      </c>
      <c r="D29355" s="14" t="s">
        <v>185</v>
      </c>
      <c r="E29355" s="15">
        <v>45531</v>
      </c>
      <c r="F29355" s="14" t="s">
        <v>61</v>
      </c>
      <c r="G29355" s="16">
        <v>1.652486498876633</v>
      </c>
    </row>
    <row r="29356" spans="1:7" x14ac:dyDescent="0.3">
      <c r="A29356" s="13" t="s">
        <v>184</v>
      </c>
      <c r="B29356" s="14" t="s">
        <v>1</v>
      </c>
      <c r="C29356" s="14" t="s">
        <v>70</v>
      </c>
      <c r="D29356" s="14" t="s">
        <v>185</v>
      </c>
      <c r="E29356" s="15">
        <v>45532</v>
      </c>
      <c r="F29356" s="14" t="s">
        <v>61</v>
      </c>
      <c r="G29356" s="16">
        <v>1.6760209804893229</v>
      </c>
    </row>
    <row r="29357" spans="1:7" x14ac:dyDescent="0.3">
      <c r="A29357" s="13" t="s">
        <v>184</v>
      </c>
      <c r="B29357" s="14" t="s">
        <v>1</v>
      </c>
      <c r="C29357" s="14" t="s">
        <v>70</v>
      </c>
      <c r="D29357" s="14" t="s">
        <v>185</v>
      </c>
      <c r="E29357" s="15">
        <v>45533</v>
      </c>
      <c r="F29357" s="14" t="s">
        <v>61</v>
      </c>
      <c r="G29357" s="16">
        <v>1.6883616568523145</v>
      </c>
    </row>
    <row r="29358" spans="1:7" x14ac:dyDescent="0.3">
      <c r="A29358" s="13" t="s">
        <v>184</v>
      </c>
      <c r="B29358" s="14" t="s">
        <v>1</v>
      </c>
      <c r="C29358" s="14" t="s">
        <v>70</v>
      </c>
      <c r="D29358" s="14" t="s">
        <v>185</v>
      </c>
      <c r="E29358" s="15">
        <v>45534</v>
      </c>
      <c r="F29358" s="14" t="s">
        <v>61</v>
      </c>
      <c r="G29358" s="16">
        <v>1.7019414913676048</v>
      </c>
    </row>
    <row r="29359" spans="1:7" x14ac:dyDescent="0.3">
      <c r="A29359" s="13" t="s">
        <v>184</v>
      </c>
      <c r="B29359" s="14" t="s">
        <v>1</v>
      </c>
      <c r="C29359" s="14" t="s">
        <v>70</v>
      </c>
      <c r="D29359" s="14" t="s">
        <v>185</v>
      </c>
      <c r="E29359" s="15">
        <v>45535</v>
      </c>
      <c r="F29359" s="14" t="s">
        <v>61</v>
      </c>
      <c r="G29359" s="16">
        <v>1.7019414913676048</v>
      </c>
    </row>
    <row r="29360" spans="1:7" x14ac:dyDescent="0.3">
      <c r="A29360" s="13" t="s">
        <v>184</v>
      </c>
      <c r="B29360" s="14" t="s">
        <v>1</v>
      </c>
      <c r="C29360" s="14" t="s">
        <v>70</v>
      </c>
      <c r="D29360" s="14" t="s">
        <v>185</v>
      </c>
      <c r="E29360" s="15">
        <v>45536</v>
      </c>
      <c r="F29360" s="14" t="s">
        <v>61</v>
      </c>
      <c r="G29360" s="16">
        <v>1.7019414913676048</v>
      </c>
    </row>
    <row r="29361" spans="1:7" x14ac:dyDescent="0.3">
      <c r="A29361" s="13" t="s">
        <v>184</v>
      </c>
      <c r="B29361" s="14" t="s">
        <v>1</v>
      </c>
      <c r="C29361" s="14" t="s">
        <v>70</v>
      </c>
      <c r="D29361" s="14" t="s">
        <v>185</v>
      </c>
      <c r="E29361" s="15">
        <v>45537</v>
      </c>
      <c r="F29361" s="14" t="s">
        <v>61</v>
      </c>
      <c r="G29361" s="16">
        <v>1.7090848664231493</v>
      </c>
    </row>
    <row r="29362" spans="1:7" x14ac:dyDescent="0.3">
      <c r="A29362" s="13" t="s">
        <v>184</v>
      </c>
      <c r="B29362" s="14" t="s">
        <v>1</v>
      </c>
      <c r="C29362" s="14" t="s">
        <v>70</v>
      </c>
      <c r="D29362" s="14" t="s">
        <v>185</v>
      </c>
      <c r="E29362" s="15">
        <v>45538</v>
      </c>
      <c r="F29362" s="14" t="s">
        <v>61</v>
      </c>
      <c r="G29362" s="16">
        <v>1.7242473169395069</v>
      </c>
    </row>
    <row r="29363" spans="1:7" x14ac:dyDescent="0.3">
      <c r="A29363" s="13" t="s">
        <v>184</v>
      </c>
      <c r="B29363" s="14" t="s">
        <v>1</v>
      </c>
      <c r="C29363" s="14" t="s">
        <v>70</v>
      </c>
      <c r="D29363" s="14" t="s">
        <v>185</v>
      </c>
      <c r="E29363" s="15">
        <v>45539</v>
      </c>
      <c r="F29363" s="14" t="s">
        <v>61</v>
      </c>
      <c r="G29363" s="16">
        <v>1.7233811079243468</v>
      </c>
    </row>
    <row r="29364" spans="1:7" x14ac:dyDescent="0.3">
      <c r="A29364" s="13" t="s">
        <v>184</v>
      </c>
      <c r="B29364" s="14" t="s">
        <v>1</v>
      </c>
      <c r="C29364" s="14" t="s">
        <v>70</v>
      </c>
      <c r="D29364" s="14" t="s">
        <v>185</v>
      </c>
      <c r="E29364" s="15">
        <v>45540</v>
      </c>
      <c r="F29364" s="14" t="s">
        <v>61</v>
      </c>
      <c r="G29364" s="16">
        <v>1.7323943625867215</v>
      </c>
    </row>
    <row r="29365" spans="1:7" x14ac:dyDescent="0.3">
      <c r="A29365" s="13" t="s">
        <v>184</v>
      </c>
      <c r="B29365" s="14" t="s">
        <v>1</v>
      </c>
      <c r="C29365" s="14" t="s">
        <v>70</v>
      </c>
      <c r="D29365" s="14" t="s">
        <v>185</v>
      </c>
      <c r="E29365" s="15">
        <v>45541</v>
      </c>
      <c r="F29365" s="14" t="s">
        <v>61</v>
      </c>
      <c r="G29365" s="16">
        <v>1.7414934313340902</v>
      </c>
    </row>
    <row r="29366" spans="1:7" x14ac:dyDescent="0.3">
      <c r="A29366" s="13" t="s">
        <v>184</v>
      </c>
      <c r="B29366" s="14" t="s">
        <v>1</v>
      </c>
      <c r="C29366" s="14" t="s">
        <v>70</v>
      </c>
      <c r="D29366" s="14" t="s">
        <v>185</v>
      </c>
      <c r="E29366" s="15">
        <v>45542</v>
      </c>
      <c r="F29366" s="14" t="s">
        <v>61</v>
      </c>
      <c r="G29366" s="16">
        <v>1.7414934313340902</v>
      </c>
    </row>
    <row r="29367" spans="1:7" x14ac:dyDescent="0.3">
      <c r="A29367" s="13" t="s">
        <v>184</v>
      </c>
      <c r="B29367" s="14" t="s">
        <v>1</v>
      </c>
      <c r="C29367" s="14" t="s">
        <v>70</v>
      </c>
      <c r="D29367" s="14" t="s">
        <v>185</v>
      </c>
      <c r="E29367" s="15">
        <v>45543</v>
      </c>
      <c r="F29367" s="14" t="s">
        <v>61</v>
      </c>
      <c r="G29367" s="16">
        <v>1.7414934313340902</v>
      </c>
    </row>
    <row r="29368" spans="1:7" x14ac:dyDescent="0.3">
      <c r="A29368" s="13" t="s">
        <v>184</v>
      </c>
      <c r="B29368" s="14" t="s">
        <v>1</v>
      </c>
      <c r="C29368" s="14" t="s">
        <v>70</v>
      </c>
      <c r="D29368" s="14" t="s">
        <v>185</v>
      </c>
      <c r="E29368" s="15">
        <v>45544</v>
      </c>
      <c r="F29368" s="14" t="s">
        <v>61</v>
      </c>
      <c r="G29368" s="16">
        <v>1.7547436483433732</v>
      </c>
    </row>
    <row r="29369" spans="1:7" x14ac:dyDescent="0.3">
      <c r="A29369" s="13" t="s">
        <v>184</v>
      </c>
      <c r="B29369" s="14" t="s">
        <v>1</v>
      </c>
      <c r="C29369" s="14" t="s">
        <v>70</v>
      </c>
      <c r="D29369" s="14" t="s">
        <v>185</v>
      </c>
      <c r="E29369" s="15">
        <v>45545</v>
      </c>
      <c r="F29369" s="14" t="s">
        <v>61</v>
      </c>
      <c r="G29369" s="16">
        <v>1.7737914174669467</v>
      </c>
    </row>
    <row r="29370" spans="1:7" x14ac:dyDescent="0.3">
      <c r="A29370" s="13" t="s">
        <v>184</v>
      </c>
      <c r="B29370" s="14" t="s">
        <v>1</v>
      </c>
      <c r="C29370" s="14" t="s">
        <v>70</v>
      </c>
      <c r="D29370" s="14" t="s">
        <v>185</v>
      </c>
      <c r="E29370" s="15">
        <v>45546</v>
      </c>
      <c r="F29370" s="14" t="s">
        <v>61</v>
      </c>
      <c r="G29370" s="16">
        <v>1.7830460113997566</v>
      </c>
    </row>
    <row r="29371" spans="1:7" x14ac:dyDescent="0.3">
      <c r="A29371" s="13" t="s">
        <v>184</v>
      </c>
      <c r="B29371" s="14" t="s">
        <v>1</v>
      </c>
      <c r="C29371" s="14" t="s">
        <v>70</v>
      </c>
      <c r="D29371" s="14" t="s">
        <v>185</v>
      </c>
      <c r="E29371" s="15">
        <v>45547</v>
      </c>
      <c r="F29371" s="14" t="s">
        <v>61</v>
      </c>
      <c r="G29371" s="16">
        <v>1.7784435634535369</v>
      </c>
    </row>
    <row r="29372" spans="1:7" x14ac:dyDescent="0.3">
      <c r="A29372" s="13" t="s">
        <v>184</v>
      </c>
      <c r="B29372" s="14" t="s">
        <v>1</v>
      </c>
      <c r="C29372" s="14" t="s">
        <v>70</v>
      </c>
      <c r="D29372" s="14" t="s">
        <v>185</v>
      </c>
      <c r="E29372" s="15">
        <v>45548</v>
      </c>
      <c r="F29372" s="14" t="s">
        <v>61</v>
      </c>
      <c r="G29372" s="16">
        <v>1.8051017618285963</v>
      </c>
    </row>
    <row r="29373" spans="1:7" x14ac:dyDescent="0.3">
      <c r="A29373" s="13" t="s">
        <v>184</v>
      </c>
      <c r="B29373" s="14" t="s">
        <v>1</v>
      </c>
      <c r="C29373" s="14" t="s">
        <v>70</v>
      </c>
      <c r="D29373" s="14" t="s">
        <v>185</v>
      </c>
      <c r="E29373" s="15">
        <v>45549</v>
      </c>
      <c r="F29373" s="14" t="s">
        <v>61</v>
      </c>
      <c r="G29373" s="16">
        <v>1.8051017618285963</v>
      </c>
    </row>
    <row r="29374" spans="1:7" x14ac:dyDescent="0.3">
      <c r="A29374" s="13" t="s">
        <v>184</v>
      </c>
      <c r="B29374" s="14" t="s">
        <v>1</v>
      </c>
      <c r="C29374" s="14" t="s">
        <v>70</v>
      </c>
      <c r="D29374" s="14" t="s">
        <v>185</v>
      </c>
      <c r="E29374" s="15">
        <v>45550</v>
      </c>
      <c r="F29374" s="14" t="s">
        <v>61</v>
      </c>
      <c r="G29374" s="16">
        <v>1.8051017618285963</v>
      </c>
    </row>
    <row r="29375" spans="1:7" x14ac:dyDescent="0.3">
      <c r="A29375" s="13" t="s">
        <v>184</v>
      </c>
      <c r="B29375" s="14" t="s">
        <v>1</v>
      </c>
      <c r="C29375" s="14" t="s">
        <v>70</v>
      </c>
      <c r="D29375" s="14" t="s">
        <v>185</v>
      </c>
      <c r="E29375" s="15">
        <v>45551</v>
      </c>
      <c r="F29375" s="14" t="s">
        <v>61</v>
      </c>
      <c r="G29375" s="16">
        <v>1.8123093530684262</v>
      </c>
    </row>
    <row r="29376" spans="1:7" x14ac:dyDescent="0.3">
      <c r="A29376" s="13" t="s">
        <v>184</v>
      </c>
      <c r="B29376" s="14" t="s">
        <v>1</v>
      </c>
      <c r="C29376" s="14" t="s">
        <v>70</v>
      </c>
      <c r="D29376" s="14" t="s">
        <v>185</v>
      </c>
      <c r="E29376" s="15">
        <v>45552</v>
      </c>
      <c r="F29376" s="14" t="s">
        <v>61</v>
      </c>
      <c r="G29376" s="16">
        <v>1.8333278099172163</v>
      </c>
    </row>
    <row r="29377" spans="1:7" x14ac:dyDescent="0.3">
      <c r="A29377" s="13" t="s">
        <v>184</v>
      </c>
      <c r="B29377" s="14" t="s">
        <v>1</v>
      </c>
      <c r="C29377" s="14" t="s">
        <v>70</v>
      </c>
      <c r="D29377" s="14" t="s">
        <v>185</v>
      </c>
      <c r="E29377" s="15">
        <v>45553</v>
      </c>
      <c r="F29377" s="14" t="s">
        <v>61</v>
      </c>
      <c r="G29377" s="16">
        <v>1.8387972790072029</v>
      </c>
    </row>
    <row r="29378" spans="1:7" x14ac:dyDescent="0.3">
      <c r="A29378" s="13" t="s">
        <v>184</v>
      </c>
      <c r="B29378" s="14" t="s">
        <v>1</v>
      </c>
      <c r="C29378" s="14" t="s">
        <v>70</v>
      </c>
      <c r="D29378" s="14" t="s">
        <v>185</v>
      </c>
      <c r="E29378" s="15">
        <v>45554</v>
      </c>
      <c r="F29378" s="14" t="s">
        <v>61</v>
      </c>
      <c r="G29378" s="16">
        <v>1.8367686449606193</v>
      </c>
    </row>
    <row r="29379" spans="1:7" x14ac:dyDescent="0.3">
      <c r="A29379" s="13" t="s">
        <v>184</v>
      </c>
      <c r="B29379" s="14" t="s">
        <v>1</v>
      </c>
      <c r="C29379" s="14" t="s">
        <v>70</v>
      </c>
      <c r="D29379" s="14" t="s">
        <v>185</v>
      </c>
      <c r="E29379" s="15">
        <v>45555</v>
      </c>
      <c r="F29379" s="14" t="s">
        <v>61</v>
      </c>
      <c r="G29379" s="16">
        <v>1.8417058460676008</v>
      </c>
    </row>
    <row r="29380" spans="1:7" x14ac:dyDescent="0.3">
      <c r="A29380" s="13" t="s">
        <v>184</v>
      </c>
      <c r="B29380" s="14" t="s">
        <v>1</v>
      </c>
      <c r="C29380" s="14" t="s">
        <v>70</v>
      </c>
      <c r="D29380" s="14" t="s">
        <v>185</v>
      </c>
      <c r="E29380" s="15">
        <v>45556</v>
      </c>
      <c r="F29380" s="14" t="s">
        <v>61</v>
      </c>
      <c r="G29380" s="16">
        <v>1.8417058460676008</v>
      </c>
    </row>
    <row r="29381" spans="1:7" x14ac:dyDescent="0.3">
      <c r="A29381" s="13" t="s">
        <v>184</v>
      </c>
      <c r="B29381" s="14" t="s">
        <v>1</v>
      </c>
      <c r="C29381" s="14" t="s">
        <v>70</v>
      </c>
      <c r="D29381" s="14" t="s">
        <v>185</v>
      </c>
      <c r="E29381" s="15">
        <v>45557</v>
      </c>
      <c r="F29381" s="14" t="s">
        <v>61</v>
      </c>
      <c r="G29381" s="16">
        <v>1.8417058460676008</v>
      </c>
    </row>
    <row r="29382" spans="1:7" x14ac:dyDescent="0.3">
      <c r="A29382" s="13" t="s">
        <v>184</v>
      </c>
      <c r="B29382" s="14" t="s">
        <v>1</v>
      </c>
      <c r="C29382" s="14" t="s">
        <v>70</v>
      </c>
      <c r="D29382" s="14" t="s">
        <v>185</v>
      </c>
      <c r="E29382" s="15">
        <v>45558</v>
      </c>
      <c r="F29382" s="14" t="s">
        <v>61</v>
      </c>
      <c r="G29382" s="16">
        <v>1.8550963496300901</v>
      </c>
    </row>
    <row r="29383" spans="1:7" x14ac:dyDescent="0.3">
      <c r="A29383" s="13" t="s">
        <v>184</v>
      </c>
      <c r="B29383" s="14" t="s">
        <v>1</v>
      </c>
      <c r="C29383" s="14" t="s">
        <v>70</v>
      </c>
      <c r="D29383" s="14" t="s">
        <v>185</v>
      </c>
      <c r="E29383" s="15">
        <v>45559</v>
      </c>
      <c r="F29383" s="14" t="s">
        <v>61</v>
      </c>
      <c r="G29383" s="16">
        <v>1.8606124384317837</v>
      </c>
    </row>
    <row r="29384" spans="1:7" x14ac:dyDescent="0.3">
      <c r="A29384" s="13" t="s">
        <v>184</v>
      </c>
      <c r="B29384" s="14" t="s">
        <v>1</v>
      </c>
      <c r="C29384" s="14" t="s">
        <v>70</v>
      </c>
      <c r="D29384" s="14" t="s">
        <v>185</v>
      </c>
      <c r="E29384" s="15">
        <v>45560</v>
      </c>
      <c r="F29384" s="14" t="s">
        <v>61</v>
      </c>
      <c r="G29384" s="16">
        <v>1.8735021128274649</v>
      </c>
    </row>
    <row r="29385" spans="1:7" x14ac:dyDescent="0.3">
      <c r="A29385" s="13" t="s">
        <v>184</v>
      </c>
      <c r="B29385" s="14" t="s">
        <v>1</v>
      </c>
      <c r="C29385" s="14" t="s">
        <v>70</v>
      </c>
      <c r="D29385" s="14" t="s">
        <v>185</v>
      </c>
      <c r="E29385" s="15">
        <v>45561</v>
      </c>
      <c r="F29385" s="14" t="s">
        <v>61</v>
      </c>
      <c r="G29385" s="16">
        <v>1.8783602192455091</v>
      </c>
    </row>
    <row r="29386" spans="1:7" x14ac:dyDescent="0.3">
      <c r="A29386" s="13" t="s">
        <v>184</v>
      </c>
      <c r="B29386" s="14" t="s">
        <v>1</v>
      </c>
      <c r="C29386" s="14" t="s">
        <v>70</v>
      </c>
      <c r="D29386" s="14" t="s">
        <v>185</v>
      </c>
      <c r="E29386" s="15">
        <v>45562</v>
      </c>
      <c r="F29386" s="14" t="s">
        <v>61</v>
      </c>
      <c r="G29386" s="16">
        <v>1.8897212792749294</v>
      </c>
    </row>
    <row r="29387" spans="1:7" x14ac:dyDescent="0.3">
      <c r="A29387" s="13" t="s">
        <v>184</v>
      </c>
      <c r="B29387" s="14" t="s">
        <v>1</v>
      </c>
      <c r="C29387" s="14" t="s">
        <v>70</v>
      </c>
      <c r="D29387" s="14" t="s">
        <v>185</v>
      </c>
      <c r="E29387" s="15">
        <v>45563</v>
      </c>
      <c r="F29387" s="14" t="s">
        <v>61</v>
      </c>
      <c r="G29387" s="16">
        <v>1.8897212792749294</v>
      </c>
    </row>
    <row r="29388" spans="1:7" x14ac:dyDescent="0.3">
      <c r="A29388" s="13" t="s">
        <v>184</v>
      </c>
      <c r="B29388" s="14" t="s">
        <v>1</v>
      </c>
      <c r="C29388" s="14" t="s">
        <v>70</v>
      </c>
      <c r="D29388" s="14" t="s">
        <v>185</v>
      </c>
      <c r="E29388" s="15">
        <v>45564</v>
      </c>
      <c r="F29388" s="14" t="s">
        <v>61</v>
      </c>
      <c r="G29388" s="16">
        <v>1.8897212792749294</v>
      </c>
    </row>
    <row r="29389" spans="1:7" x14ac:dyDescent="0.3">
      <c r="A29389" s="13" t="s">
        <v>184</v>
      </c>
      <c r="B29389" s="14" t="s">
        <v>1</v>
      </c>
      <c r="C29389" s="14" t="s">
        <v>70</v>
      </c>
      <c r="D29389" s="14" t="s">
        <v>185</v>
      </c>
      <c r="E29389" s="15">
        <v>45565</v>
      </c>
      <c r="F29389" s="14" t="s">
        <v>61</v>
      </c>
      <c r="G29389" s="16">
        <v>1.9143010511651153</v>
      </c>
    </row>
    <row r="29390" spans="1:7" x14ac:dyDescent="0.3">
      <c r="A29390" s="13" t="s">
        <v>184</v>
      </c>
      <c r="B29390" s="14" t="s">
        <v>1</v>
      </c>
      <c r="C29390" s="14" t="s">
        <v>70</v>
      </c>
      <c r="D29390" s="14" t="s">
        <v>185</v>
      </c>
      <c r="E29390" s="15">
        <v>45566</v>
      </c>
      <c r="F29390" s="14" t="s">
        <v>61</v>
      </c>
      <c r="G29390" s="16">
        <v>1.9461062497082016</v>
      </c>
    </row>
    <row r="29391" spans="1:7" x14ac:dyDescent="0.3">
      <c r="A29391" s="13" t="s">
        <v>184</v>
      </c>
      <c r="B29391" s="14" t="s">
        <v>1</v>
      </c>
      <c r="C29391" s="14" t="s">
        <v>70</v>
      </c>
      <c r="D29391" s="14" t="s">
        <v>185</v>
      </c>
      <c r="E29391" s="15">
        <v>45567</v>
      </c>
      <c r="F29391" s="14" t="s">
        <v>61</v>
      </c>
      <c r="G29391" s="16">
        <v>1.9568127364806092</v>
      </c>
    </row>
    <row r="29392" spans="1:7" x14ac:dyDescent="0.3">
      <c r="A29392" s="13" t="s">
        <v>184</v>
      </c>
      <c r="B29392" s="14" t="s">
        <v>1</v>
      </c>
      <c r="C29392" s="14" t="s">
        <v>70</v>
      </c>
      <c r="D29392" s="14" t="s">
        <v>185</v>
      </c>
      <c r="E29392" s="15">
        <v>45568</v>
      </c>
      <c r="F29392" s="14" t="s">
        <v>61</v>
      </c>
      <c r="G29392" s="16">
        <v>1.9638549708041353</v>
      </c>
    </row>
    <row r="29393" spans="1:7" x14ac:dyDescent="0.3">
      <c r="A29393" s="13" t="s">
        <v>184</v>
      </c>
      <c r="B29393" s="14" t="s">
        <v>1</v>
      </c>
      <c r="C29393" s="14" t="s">
        <v>70</v>
      </c>
      <c r="D29393" s="14" t="s">
        <v>185</v>
      </c>
      <c r="E29393" s="15">
        <v>45569</v>
      </c>
      <c r="F29393" s="14" t="s">
        <v>61</v>
      </c>
      <c r="G29393" s="16">
        <v>1.980879908852085</v>
      </c>
    </row>
    <row r="29394" spans="1:7" x14ac:dyDescent="0.3">
      <c r="A29394" s="13" t="s">
        <v>184</v>
      </c>
      <c r="B29394" s="14" t="s">
        <v>1</v>
      </c>
      <c r="C29394" s="14" t="s">
        <v>70</v>
      </c>
      <c r="D29394" s="14" t="s">
        <v>185</v>
      </c>
      <c r="E29394" s="15">
        <v>45570</v>
      </c>
      <c r="F29394" s="14" t="s">
        <v>61</v>
      </c>
      <c r="G29394" s="16">
        <v>1.980879908852085</v>
      </c>
    </row>
    <row r="29395" spans="1:7" x14ac:dyDescent="0.3">
      <c r="A29395" s="13" t="s">
        <v>184</v>
      </c>
      <c r="B29395" s="14" t="s">
        <v>1</v>
      </c>
      <c r="C29395" s="14" t="s">
        <v>70</v>
      </c>
      <c r="D29395" s="14" t="s">
        <v>185</v>
      </c>
      <c r="E29395" s="15">
        <v>45571</v>
      </c>
      <c r="F29395" s="14" t="s">
        <v>61</v>
      </c>
      <c r="G29395" s="16">
        <v>1.980879908852085</v>
      </c>
    </row>
    <row r="29396" spans="1:7" x14ac:dyDescent="0.3">
      <c r="A29396" s="13" t="s">
        <v>184</v>
      </c>
      <c r="B29396" s="14" t="s">
        <v>1</v>
      </c>
      <c r="C29396" s="14" t="s">
        <v>70</v>
      </c>
      <c r="D29396" s="14" t="s">
        <v>185</v>
      </c>
      <c r="E29396" s="15">
        <v>45572</v>
      </c>
      <c r="F29396" s="14" t="s">
        <v>61</v>
      </c>
      <c r="G29396" s="16">
        <v>2.0018575717424576</v>
      </c>
    </row>
    <row r="29397" spans="1:7" x14ac:dyDescent="0.3">
      <c r="A29397" s="13" t="s">
        <v>184</v>
      </c>
      <c r="B29397" s="14" t="s">
        <v>1</v>
      </c>
      <c r="C29397" s="14" t="s">
        <v>70</v>
      </c>
      <c r="D29397" s="14" t="s">
        <v>185</v>
      </c>
      <c r="E29397" s="15">
        <v>45573</v>
      </c>
      <c r="F29397" s="14" t="s">
        <v>61</v>
      </c>
      <c r="G29397" s="16">
        <v>2.0164303516144759</v>
      </c>
    </row>
    <row r="29398" spans="1:7" x14ac:dyDescent="0.3">
      <c r="A29398" s="13" t="s">
        <v>184</v>
      </c>
      <c r="B29398" s="14" t="s">
        <v>1</v>
      </c>
      <c r="C29398" s="14" t="s">
        <v>70</v>
      </c>
      <c r="D29398" s="14" t="s">
        <v>185</v>
      </c>
      <c r="E29398" s="15">
        <v>45574</v>
      </c>
      <c r="F29398" s="14" t="s">
        <v>61</v>
      </c>
      <c r="G29398" s="16">
        <v>2.0295891458056126</v>
      </c>
    </row>
    <row r="29399" spans="1:7" x14ac:dyDescent="0.3">
      <c r="A29399" s="13" t="s">
        <v>184</v>
      </c>
      <c r="B29399" s="14" t="s">
        <v>1</v>
      </c>
      <c r="C29399" s="14" t="s">
        <v>70</v>
      </c>
      <c r="D29399" s="14" t="s">
        <v>185</v>
      </c>
      <c r="E29399" s="15">
        <v>45575</v>
      </c>
      <c r="F29399" s="14" t="s">
        <v>61</v>
      </c>
      <c r="G29399" s="16">
        <v>2.0354945679460501</v>
      </c>
    </row>
    <row r="29400" spans="1:7" x14ac:dyDescent="0.3">
      <c r="A29400" s="13" t="s">
        <v>184</v>
      </c>
      <c r="B29400" s="14" t="s">
        <v>1</v>
      </c>
      <c r="C29400" s="14" t="s">
        <v>70</v>
      </c>
      <c r="D29400" s="14" t="s">
        <v>185</v>
      </c>
      <c r="E29400" s="15">
        <v>45576</v>
      </c>
      <c r="F29400" s="14" t="s">
        <v>61</v>
      </c>
      <c r="G29400" s="16">
        <v>2.0536096612255479</v>
      </c>
    </row>
    <row r="29401" spans="1:7" x14ac:dyDescent="0.3">
      <c r="A29401" s="13" t="s">
        <v>184</v>
      </c>
      <c r="B29401" s="14" t="s">
        <v>1</v>
      </c>
      <c r="C29401" s="14" t="s">
        <v>70</v>
      </c>
      <c r="D29401" s="14" t="s">
        <v>185</v>
      </c>
      <c r="E29401" s="15">
        <v>45577</v>
      </c>
      <c r="F29401" s="14" t="s">
        <v>61</v>
      </c>
      <c r="G29401" s="16">
        <v>2.0536096612255479</v>
      </c>
    </row>
    <row r="29402" spans="1:7" x14ac:dyDescent="0.3">
      <c r="A29402" s="13" t="s">
        <v>184</v>
      </c>
      <c r="B29402" s="14" t="s">
        <v>1</v>
      </c>
      <c r="C29402" s="14" t="s">
        <v>70</v>
      </c>
      <c r="D29402" s="14" t="s">
        <v>185</v>
      </c>
      <c r="E29402" s="15">
        <v>45578</v>
      </c>
      <c r="F29402" s="14" t="s">
        <v>61</v>
      </c>
      <c r="G29402" s="16">
        <v>2.0536096612255479</v>
      </c>
    </row>
    <row r="29403" spans="1:7" x14ac:dyDescent="0.3">
      <c r="A29403" s="13" t="s">
        <v>184</v>
      </c>
      <c r="B29403" s="14" t="s">
        <v>1</v>
      </c>
      <c r="C29403" s="14" t="s">
        <v>70</v>
      </c>
      <c r="D29403" s="14" t="s">
        <v>185</v>
      </c>
      <c r="E29403" s="15">
        <v>45579</v>
      </c>
      <c r="F29403" s="14" t="s">
        <v>61</v>
      </c>
      <c r="G29403" s="16">
        <v>2.0642331334901387</v>
      </c>
    </row>
    <row r="29404" spans="1:7" x14ac:dyDescent="0.3">
      <c r="A29404" s="13" t="s">
        <v>184</v>
      </c>
      <c r="B29404" s="14" t="s">
        <v>1</v>
      </c>
      <c r="C29404" s="14" t="s">
        <v>70</v>
      </c>
      <c r="D29404" s="14" t="s">
        <v>185</v>
      </c>
      <c r="E29404" s="15">
        <v>45580</v>
      </c>
      <c r="F29404" s="14" t="s">
        <v>61</v>
      </c>
      <c r="G29404" s="16">
        <v>2.0832790949868114</v>
      </c>
    </row>
    <row r="29405" spans="1:7" x14ac:dyDescent="0.3">
      <c r="A29405" s="13" t="s">
        <v>184</v>
      </c>
      <c r="B29405" s="14" t="s">
        <v>1</v>
      </c>
      <c r="C29405" s="14" t="s">
        <v>70</v>
      </c>
      <c r="D29405" s="14" t="s">
        <v>185</v>
      </c>
      <c r="E29405" s="15">
        <v>45581</v>
      </c>
      <c r="F29405" s="14" t="s">
        <v>61</v>
      </c>
      <c r="G29405" s="16">
        <v>2.0978016196375435</v>
      </c>
    </row>
    <row r="29406" spans="1:7" x14ac:dyDescent="0.3">
      <c r="A29406" s="13" t="s">
        <v>184</v>
      </c>
      <c r="B29406" s="14" t="s">
        <v>1</v>
      </c>
      <c r="C29406" s="14" t="s">
        <v>70</v>
      </c>
      <c r="D29406" s="14" t="s">
        <v>185</v>
      </c>
      <c r="E29406" s="15">
        <v>45582</v>
      </c>
      <c r="F29406" s="14" t="s">
        <v>61</v>
      </c>
      <c r="G29406" s="16">
        <v>2.1096106701906465</v>
      </c>
    </row>
    <row r="29407" spans="1:7" x14ac:dyDescent="0.3">
      <c r="A29407" s="13" t="s">
        <v>184</v>
      </c>
      <c r="B29407" s="14" t="s">
        <v>1</v>
      </c>
      <c r="C29407" s="14" t="s">
        <v>70</v>
      </c>
      <c r="D29407" s="14" t="s">
        <v>185</v>
      </c>
      <c r="E29407" s="15">
        <v>45583</v>
      </c>
      <c r="F29407" s="14" t="s">
        <v>61</v>
      </c>
      <c r="G29407" s="16">
        <v>2.1140439698979971</v>
      </c>
    </row>
    <row r="29408" spans="1:7" x14ac:dyDescent="0.3">
      <c r="A29408" s="13" t="s">
        <v>184</v>
      </c>
      <c r="B29408" s="14" t="s">
        <v>1</v>
      </c>
      <c r="C29408" s="14" t="s">
        <v>70</v>
      </c>
      <c r="D29408" s="14" t="s">
        <v>185</v>
      </c>
      <c r="E29408" s="15">
        <v>45584</v>
      </c>
      <c r="F29408" s="14" t="s">
        <v>61</v>
      </c>
      <c r="G29408" s="16">
        <v>2.1140439698979971</v>
      </c>
    </row>
    <row r="29409" spans="1:7" x14ac:dyDescent="0.3">
      <c r="A29409" s="13" t="s">
        <v>184</v>
      </c>
      <c r="B29409" s="14" t="s">
        <v>1</v>
      </c>
      <c r="C29409" s="14" t="s">
        <v>70</v>
      </c>
      <c r="D29409" s="14" t="s">
        <v>185</v>
      </c>
      <c r="E29409" s="15">
        <v>45585</v>
      </c>
      <c r="F29409" s="14" t="s">
        <v>61</v>
      </c>
      <c r="G29409" s="16">
        <v>2.1140439698979971</v>
      </c>
    </row>
    <row r="29410" spans="1:7" x14ac:dyDescent="0.3">
      <c r="A29410" s="13" t="s">
        <v>184</v>
      </c>
      <c r="B29410" s="14" t="s">
        <v>1</v>
      </c>
      <c r="C29410" s="14" t="s">
        <v>70</v>
      </c>
      <c r="D29410" s="14" t="s">
        <v>185</v>
      </c>
      <c r="E29410" s="15">
        <v>45586</v>
      </c>
      <c r="F29410" s="14" t="s">
        <v>61</v>
      </c>
      <c r="G29410" s="16">
        <v>2.1346339789578854</v>
      </c>
    </row>
    <row r="29411" spans="1:7" x14ac:dyDescent="0.3">
      <c r="A29411" s="13" t="s">
        <v>184</v>
      </c>
      <c r="B29411" s="14" t="s">
        <v>1</v>
      </c>
      <c r="C29411" s="14" t="s">
        <v>70</v>
      </c>
      <c r="D29411" s="14" t="s">
        <v>185</v>
      </c>
      <c r="E29411" s="15">
        <v>45587</v>
      </c>
      <c r="F29411" s="14" t="s">
        <v>61</v>
      </c>
      <c r="G29411" s="16">
        <v>2.1531264036904845</v>
      </c>
    </row>
    <row r="29412" spans="1:7" x14ac:dyDescent="0.3">
      <c r="A29412" s="13" t="s">
        <v>184</v>
      </c>
      <c r="B29412" s="14" t="s">
        <v>1</v>
      </c>
      <c r="C29412" s="14" t="s">
        <v>70</v>
      </c>
      <c r="D29412" s="14" t="s">
        <v>185</v>
      </c>
      <c r="E29412" s="15">
        <v>45588</v>
      </c>
      <c r="F29412" s="14" t="s">
        <v>61</v>
      </c>
      <c r="G29412" s="16">
        <v>2.1620991205427229</v>
      </c>
    </row>
    <row r="29413" spans="1:7" x14ac:dyDescent="0.3">
      <c r="A29413" s="13" t="s">
        <v>184</v>
      </c>
      <c r="B29413" s="14" t="s">
        <v>1</v>
      </c>
      <c r="C29413" s="14" t="s">
        <v>70</v>
      </c>
      <c r="D29413" s="14" t="s">
        <v>185</v>
      </c>
      <c r="E29413" s="15">
        <v>45589</v>
      </c>
      <c r="F29413" s="14" t="s">
        <v>61</v>
      </c>
      <c r="G29413" s="16">
        <v>2.1606373026362746</v>
      </c>
    </row>
    <row r="29414" spans="1:7" x14ac:dyDescent="0.3">
      <c r="A29414" s="13" t="s">
        <v>184</v>
      </c>
      <c r="B29414" s="14" t="s">
        <v>1</v>
      </c>
      <c r="C29414" s="14" t="s">
        <v>70</v>
      </c>
      <c r="D29414" s="14" t="s">
        <v>185</v>
      </c>
      <c r="E29414" s="15">
        <v>45590</v>
      </c>
      <c r="F29414" s="14" t="s">
        <v>61</v>
      </c>
      <c r="G29414" s="16">
        <v>2.1721936550713625</v>
      </c>
    </row>
    <row r="29415" spans="1:7" x14ac:dyDescent="0.3">
      <c r="A29415" s="13" t="s">
        <v>184</v>
      </c>
      <c r="B29415" s="14" t="s">
        <v>1</v>
      </c>
      <c r="C29415" s="14" t="s">
        <v>70</v>
      </c>
      <c r="D29415" s="14" t="s">
        <v>185</v>
      </c>
      <c r="E29415" s="15">
        <v>45591</v>
      </c>
      <c r="F29415" s="14" t="s">
        <v>61</v>
      </c>
      <c r="G29415" s="16">
        <v>2.1721936550713625</v>
      </c>
    </row>
    <row r="29416" spans="1:7" x14ac:dyDescent="0.3">
      <c r="A29416" s="13" t="s">
        <v>184</v>
      </c>
      <c r="B29416" s="14" t="s">
        <v>1</v>
      </c>
      <c r="C29416" s="14" t="s">
        <v>70</v>
      </c>
      <c r="D29416" s="14" t="s">
        <v>185</v>
      </c>
      <c r="E29416" s="15">
        <v>45592</v>
      </c>
      <c r="F29416" s="14" t="s">
        <v>61</v>
      </c>
      <c r="G29416" s="16">
        <v>2.1721936550713625</v>
      </c>
    </row>
    <row r="29417" spans="1:7" x14ac:dyDescent="0.3">
      <c r="A29417" s="13" t="s">
        <v>184</v>
      </c>
      <c r="B29417" s="14" t="s">
        <v>1</v>
      </c>
      <c r="C29417" s="14" t="s">
        <v>70</v>
      </c>
      <c r="D29417" s="14" t="s">
        <v>185</v>
      </c>
      <c r="E29417" s="15">
        <v>45593</v>
      </c>
      <c r="F29417" s="14" t="s">
        <v>61</v>
      </c>
      <c r="G29417" s="16">
        <v>2.1721936550713625</v>
      </c>
    </row>
    <row r="29418" spans="1:7" x14ac:dyDescent="0.3">
      <c r="A29418" s="13" t="s">
        <v>184</v>
      </c>
      <c r="B29418" s="14" t="s">
        <v>1</v>
      </c>
      <c r="C29418" s="14" t="s">
        <v>70</v>
      </c>
      <c r="D29418" s="14" t="s">
        <v>185</v>
      </c>
      <c r="E29418" s="15">
        <v>45594</v>
      </c>
      <c r="F29418" s="14" t="s">
        <v>61</v>
      </c>
      <c r="G29418" s="16">
        <v>2.1733982059900954</v>
      </c>
    </row>
    <row r="29419" spans="1:7" x14ac:dyDescent="0.3">
      <c r="A29419" s="13" t="s">
        <v>184</v>
      </c>
      <c r="B29419" s="14" t="s">
        <v>1</v>
      </c>
      <c r="C29419" s="14" t="s">
        <v>70</v>
      </c>
      <c r="D29419" s="14" t="s">
        <v>185</v>
      </c>
      <c r="E29419" s="15">
        <v>45595</v>
      </c>
      <c r="F29419" s="14" t="s">
        <v>61</v>
      </c>
      <c r="G29419" s="16">
        <v>2.1949745895445933</v>
      </c>
    </row>
    <row r="29420" spans="1:7" x14ac:dyDescent="0.3">
      <c r="A29420" s="13" t="s">
        <v>184</v>
      </c>
      <c r="B29420" s="14" t="s">
        <v>1</v>
      </c>
      <c r="C29420" s="14" t="s">
        <v>70</v>
      </c>
      <c r="D29420" s="14" t="s">
        <v>185</v>
      </c>
      <c r="E29420" s="15">
        <v>45596</v>
      </c>
      <c r="F29420" s="14" t="s">
        <v>61</v>
      </c>
      <c r="G29420" s="16">
        <v>2.1947261055634413</v>
      </c>
    </row>
    <row r="29421" spans="1:7" x14ac:dyDescent="0.3">
      <c r="A29421" s="13" t="s">
        <v>184</v>
      </c>
      <c r="B29421" s="14" t="s">
        <v>1</v>
      </c>
      <c r="C29421" s="14" t="s">
        <v>70</v>
      </c>
      <c r="D29421" s="14" t="s">
        <v>185</v>
      </c>
      <c r="E29421" s="15">
        <v>45597</v>
      </c>
      <c r="F29421" s="14" t="s">
        <v>61</v>
      </c>
      <c r="G29421" s="16">
        <v>2.2119317609778575</v>
      </c>
    </row>
    <row r="29422" spans="1:7" x14ac:dyDescent="0.3">
      <c r="A29422" s="13" t="s">
        <v>184</v>
      </c>
      <c r="B29422" s="14" t="s">
        <v>1</v>
      </c>
      <c r="C29422" s="14" t="s">
        <v>70</v>
      </c>
      <c r="D29422" s="14" t="s">
        <v>185</v>
      </c>
      <c r="E29422" s="15">
        <v>45598</v>
      </c>
      <c r="F29422" s="14" t="s">
        <v>61</v>
      </c>
      <c r="G29422" s="16">
        <v>2.2119317609778575</v>
      </c>
    </row>
    <row r="29423" spans="1:7" x14ac:dyDescent="0.3">
      <c r="A29423" s="13" t="s">
        <v>184</v>
      </c>
      <c r="B29423" s="14" t="s">
        <v>1</v>
      </c>
      <c r="C29423" s="14" t="s">
        <v>70</v>
      </c>
      <c r="D29423" s="14" t="s">
        <v>185</v>
      </c>
      <c r="E29423" s="15">
        <v>45599</v>
      </c>
      <c r="F29423" s="14" t="s">
        <v>61</v>
      </c>
      <c r="G29423" s="16">
        <v>2.2119317609778575</v>
      </c>
    </row>
    <row r="29424" spans="1:7" x14ac:dyDescent="0.3">
      <c r="A29424" s="13" t="s">
        <v>184</v>
      </c>
      <c r="B29424" s="14" t="s">
        <v>1</v>
      </c>
      <c r="C29424" s="14" t="s">
        <v>70</v>
      </c>
      <c r="D29424" s="14" t="s">
        <v>185</v>
      </c>
      <c r="E29424" s="15">
        <v>45600</v>
      </c>
      <c r="F29424" s="14" t="s">
        <v>61</v>
      </c>
      <c r="G29424" s="16">
        <v>2.2029308696247432</v>
      </c>
    </row>
    <row r="29425" spans="1:7" x14ac:dyDescent="0.3">
      <c r="A29425" s="13" t="s">
        <v>184</v>
      </c>
      <c r="B29425" s="14" t="s">
        <v>1</v>
      </c>
      <c r="C29425" s="14" t="s">
        <v>70</v>
      </c>
      <c r="D29425" s="14" t="s">
        <v>185</v>
      </c>
      <c r="E29425" s="15">
        <v>45601</v>
      </c>
      <c r="F29425" s="14" t="s">
        <v>61</v>
      </c>
      <c r="G29425" s="16">
        <v>2.2069420915082456</v>
      </c>
    </row>
    <row r="29426" spans="1:7" x14ac:dyDescent="0.3">
      <c r="A29426" s="13" t="s">
        <v>184</v>
      </c>
      <c r="B29426" s="14" t="s">
        <v>1</v>
      </c>
      <c r="C29426" s="14" t="s">
        <v>70</v>
      </c>
      <c r="D29426" s="14" t="s">
        <v>185</v>
      </c>
      <c r="E29426" s="15">
        <v>45602</v>
      </c>
      <c r="F29426" s="14" t="s">
        <v>61</v>
      </c>
      <c r="G29426" s="16">
        <v>2.2557473124683707</v>
      </c>
    </row>
    <row r="29427" spans="1:7" x14ac:dyDescent="0.3">
      <c r="A29427" s="13" t="s">
        <v>184</v>
      </c>
      <c r="B29427" s="14" t="s">
        <v>1</v>
      </c>
      <c r="C29427" s="14" t="s">
        <v>70</v>
      </c>
      <c r="D29427" s="14" t="s">
        <v>185</v>
      </c>
      <c r="E29427" s="15">
        <v>45603</v>
      </c>
      <c r="F29427" s="14" t="s">
        <v>61</v>
      </c>
      <c r="G29427" s="16">
        <v>2.2450072137367427</v>
      </c>
    </row>
    <row r="29428" spans="1:7" x14ac:dyDescent="0.3">
      <c r="A29428" s="13" t="s">
        <v>184</v>
      </c>
      <c r="B29428" s="14" t="s">
        <v>1</v>
      </c>
      <c r="C29428" s="14" t="s">
        <v>70</v>
      </c>
      <c r="D29428" s="14" t="s">
        <v>185</v>
      </c>
      <c r="E29428" s="15">
        <v>45604</v>
      </c>
      <c r="F29428" s="14" t="s">
        <v>61</v>
      </c>
      <c r="G29428" s="16">
        <v>2.2813401123922477</v>
      </c>
    </row>
    <row r="29429" spans="1:7" x14ac:dyDescent="0.3">
      <c r="A29429" s="13" t="s">
        <v>184</v>
      </c>
      <c r="B29429" s="14" t="s">
        <v>1</v>
      </c>
      <c r="C29429" s="14" t="s">
        <v>70</v>
      </c>
      <c r="D29429" s="14" t="s">
        <v>185</v>
      </c>
      <c r="E29429" s="15">
        <v>45605</v>
      </c>
      <c r="F29429" s="14" t="s">
        <v>61</v>
      </c>
      <c r="G29429" s="16">
        <v>2.2813401123922477</v>
      </c>
    </row>
    <row r="29430" spans="1:7" x14ac:dyDescent="0.3">
      <c r="A29430" s="13" t="s">
        <v>184</v>
      </c>
      <c r="B29430" s="14" t="s">
        <v>1</v>
      </c>
      <c r="C29430" s="14" t="s">
        <v>70</v>
      </c>
      <c r="D29430" s="14" t="s">
        <v>185</v>
      </c>
      <c r="E29430" s="15">
        <v>45606</v>
      </c>
      <c r="F29430" s="14" t="s">
        <v>61</v>
      </c>
      <c r="G29430" s="16">
        <v>2.2813401123922477</v>
      </c>
    </row>
    <row r="29431" spans="1:7" x14ac:dyDescent="0.3">
      <c r="A29431" s="13" t="s">
        <v>184</v>
      </c>
      <c r="B29431" s="14" t="s">
        <v>1</v>
      </c>
      <c r="C29431" s="14" t="s">
        <v>70</v>
      </c>
      <c r="D29431" s="14" t="s">
        <v>185</v>
      </c>
      <c r="E29431" s="15">
        <v>45607</v>
      </c>
      <c r="F29431" s="14" t="s">
        <v>61</v>
      </c>
      <c r="G29431" s="16">
        <v>2.3054830571158846</v>
      </c>
    </row>
    <row r="29432" spans="1:7" x14ac:dyDescent="0.3">
      <c r="A29432" s="13" t="s">
        <v>184</v>
      </c>
      <c r="B29432" s="14" t="s">
        <v>1</v>
      </c>
      <c r="C29432" s="14" t="s">
        <v>70</v>
      </c>
      <c r="D29432" s="14" t="s">
        <v>185</v>
      </c>
      <c r="E29432" s="15">
        <v>45608</v>
      </c>
      <c r="F29432" s="14" t="s">
        <v>61</v>
      </c>
      <c r="G29432" s="16">
        <v>2.3284202683840163</v>
      </c>
    </row>
    <row r="29433" spans="1:7" x14ac:dyDescent="0.3">
      <c r="A29433" s="13" t="s">
        <v>184</v>
      </c>
      <c r="B29433" s="14" t="s">
        <v>1</v>
      </c>
      <c r="C29433" s="14" t="s">
        <v>70</v>
      </c>
      <c r="D29433" s="14" t="s">
        <v>185</v>
      </c>
      <c r="E29433" s="15">
        <v>45609</v>
      </c>
      <c r="F29433" s="14" t="s">
        <v>61</v>
      </c>
      <c r="G29433" s="16">
        <v>2.3455994034863918</v>
      </c>
    </row>
    <row r="29434" spans="1:7" x14ac:dyDescent="0.3">
      <c r="A29434" s="13" t="s">
        <v>184</v>
      </c>
      <c r="B29434" s="14" t="s">
        <v>1</v>
      </c>
      <c r="C29434" s="14" t="s">
        <v>70</v>
      </c>
      <c r="D29434" s="14" t="s">
        <v>185</v>
      </c>
      <c r="E29434" s="15">
        <v>45610</v>
      </c>
      <c r="F29434" s="14" t="s">
        <v>61</v>
      </c>
      <c r="G29434" s="16">
        <v>2.3583691629274464</v>
      </c>
    </row>
    <row r="29435" spans="1:7" x14ac:dyDescent="0.3">
      <c r="A29435" s="13" t="s">
        <v>184</v>
      </c>
      <c r="B29435" s="14" t="s">
        <v>1</v>
      </c>
      <c r="C29435" s="14" t="s">
        <v>70</v>
      </c>
      <c r="D29435" s="14" t="s">
        <v>185</v>
      </c>
      <c r="E29435" s="15">
        <v>45611</v>
      </c>
      <c r="F29435" s="14" t="s">
        <v>61</v>
      </c>
      <c r="G29435" s="16">
        <v>2.3941394545859063</v>
      </c>
    </row>
    <row r="29436" spans="1:7" x14ac:dyDescent="0.3">
      <c r="A29436" s="13" t="s">
        <v>184</v>
      </c>
      <c r="B29436" s="14" t="s">
        <v>1</v>
      </c>
      <c r="C29436" s="14" t="s">
        <v>70</v>
      </c>
      <c r="D29436" s="14" t="s">
        <v>185</v>
      </c>
      <c r="E29436" s="15">
        <v>45612</v>
      </c>
      <c r="F29436" s="14" t="s">
        <v>61</v>
      </c>
      <c r="G29436" s="16">
        <v>2.3941394545859063</v>
      </c>
    </row>
    <row r="29437" spans="1:7" x14ac:dyDescent="0.3">
      <c r="A29437" s="13" t="s">
        <v>184</v>
      </c>
      <c r="B29437" s="14" t="s">
        <v>1</v>
      </c>
      <c r="C29437" s="14" t="s">
        <v>70</v>
      </c>
      <c r="D29437" s="14" t="s">
        <v>185</v>
      </c>
      <c r="E29437" s="15">
        <v>45613</v>
      </c>
      <c r="F29437" s="14" t="s">
        <v>61</v>
      </c>
      <c r="G29437" s="16">
        <v>2.3941394545859063</v>
      </c>
    </row>
    <row r="29438" spans="1:7" x14ac:dyDescent="0.3">
      <c r="A29438" s="13" t="s">
        <v>184</v>
      </c>
      <c r="B29438" s="14" t="s">
        <v>1</v>
      </c>
      <c r="C29438" s="14" t="s">
        <v>70</v>
      </c>
      <c r="D29438" s="14" t="s">
        <v>185</v>
      </c>
      <c r="E29438" s="15">
        <v>45614</v>
      </c>
      <c r="F29438" s="14" t="s">
        <v>61</v>
      </c>
      <c r="G29438" s="16">
        <v>2.3915297187296871</v>
      </c>
    </row>
    <row r="29439" spans="1:7" x14ac:dyDescent="0.3">
      <c r="A29439" s="13" t="s">
        <v>184</v>
      </c>
      <c r="B29439" s="14" t="s">
        <v>1</v>
      </c>
      <c r="C29439" s="14" t="s">
        <v>70</v>
      </c>
      <c r="D29439" s="14" t="s">
        <v>185</v>
      </c>
      <c r="E29439" s="15">
        <v>45615</v>
      </c>
      <c r="F29439" s="14" t="s">
        <v>61</v>
      </c>
      <c r="G29439" s="16">
        <v>2.4285033042319775</v>
      </c>
    </row>
    <row r="29440" spans="1:7" x14ac:dyDescent="0.3">
      <c r="A29440" s="13" t="s">
        <v>184</v>
      </c>
      <c r="B29440" s="14" t="s">
        <v>1</v>
      </c>
      <c r="C29440" s="14" t="s">
        <v>70</v>
      </c>
      <c r="D29440" s="14" t="s">
        <v>185</v>
      </c>
      <c r="E29440" s="15">
        <v>45616</v>
      </c>
      <c r="F29440" s="14" t="s">
        <v>61</v>
      </c>
      <c r="G29440" s="16">
        <v>2.4453461127252161</v>
      </c>
    </row>
    <row r="29441" spans="1:7" x14ac:dyDescent="0.3">
      <c r="A29441" s="13" t="s">
        <v>184</v>
      </c>
      <c r="B29441" s="14" t="s">
        <v>1</v>
      </c>
      <c r="C29441" s="14" t="s">
        <v>70</v>
      </c>
      <c r="D29441" s="14" t="s">
        <v>185</v>
      </c>
      <c r="E29441" s="15">
        <v>45617</v>
      </c>
      <c r="F29441" s="14" t="s">
        <v>61</v>
      </c>
      <c r="G29441" s="16">
        <v>2.4694790830199675</v>
      </c>
    </row>
    <row r="29442" spans="1:7" x14ac:dyDescent="0.3">
      <c r="A29442" s="13" t="s">
        <v>184</v>
      </c>
      <c r="B29442" s="14" t="s">
        <v>1</v>
      </c>
      <c r="C29442" s="14" t="s">
        <v>70</v>
      </c>
      <c r="D29442" s="14" t="s">
        <v>185</v>
      </c>
      <c r="E29442" s="15">
        <v>45618</v>
      </c>
      <c r="F29442" s="14" t="s">
        <v>61</v>
      </c>
      <c r="G29442" s="16">
        <v>2.4903112031300241</v>
      </c>
    </row>
    <row r="29443" spans="1:7" x14ac:dyDescent="0.3">
      <c r="A29443" s="13" t="s">
        <v>184</v>
      </c>
      <c r="B29443" s="14" t="s">
        <v>1</v>
      </c>
      <c r="C29443" s="14" t="s">
        <v>70</v>
      </c>
      <c r="D29443" s="14" t="s">
        <v>185</v>
      </c>
      <c r="E29443" s="15">
        <v>45619</v>
      </c>
      <c r="F29443" s="14" t="s">
        <v>61</v>
      </c>
      <c r="G29443" s="16">
        <v>2.4903112031300241</v>
      </c>
    </row>
    <row r="29444" spans="1:7" x14ac:dyDescent="0.3">
      <c r="A29444" s="13" t="s">
        <v>184</v>
      </c>
      <c r="B29444" s="14" t="s">
        <v>1</v>
      </c>
      <c r="C29444" s="14" t="s">
        <v>70</v>
      </c>
      <c r="D29444" s="14" t="s">
        <v>185</v>
      </c>
      <c r="E29444" s="15">
        <v>45620</v>
      </c>
      <c r="F29444" s="14" t="s">
        <v>61</v>
      </c>
      <c r="G29444" s="16">
        <v>2.4903112031300241</v>
      </c>
    </row>
    <row r="29445" spans="1:7" x14ac:dyDescent="0.3">
      <c r="A29445" s="13" t="s">
        <v>184</v>
      </c>
      <c r="B29445" s="14" t="s">
        <v>1</v>
      </c>
      <c r="C29445" s="14" t="s">
        <v>70</v>
      </c>
      <c r="D29445" s="14" t="s">
        <v>185</v>
      </c>
      <c r="E29445" s="15">
        <v>45621</v>
      </c>
      <c r="F29445" s="14" t="s">
        <v>61</v>
      </c>
      <c r="G29445" s="16">
        <v>2.4780234446506264</v>
      </c>
    </row>
    <row r="29446" spans="1:7" x14ac:dyDescent="0.3">
      <c r="A29446" s="13" t="s">
        <v>184</v>
      </c>
      <c r="B29446" s="14" t="s">
        <v>1</v>
      </c>
      <c r="C29446" s="14" t="s">
        <v>70</v>
      </c>
      <c r="D29446" s="14" t="s">
        <v>185</v>
      </c>
      <c r="E29446" s="15">
        <v>45622</v>
      </c>
      <c r="F29446" s="14" t="s">
        <v>61</v>
      </c>
      <c r="G29446" s="16">
        <v>2.5039290454241883</v>
      </c>
    </row>
    <row r="29447" spans="1:7" x14ac:dyDescent="0.3">
      <c r="A29447" s="13" t="s">
        <v>184</v>
      </c>
      <c r="B29447" s="14" t="s">
        <v>1</v>
      </c>
      <c r="C29447" s="14" t="s">
        <v>70</v>
      </c>
      <c r="D29447" s="14" t="s">
        <v>185</v>
      </c>
      <c r="E29447" s="15">
        <v>45623</v>
      </c>
      <c r="F29447" s="14" t="s">
        <v>61</v>
      </c>
      <c r="G29447" s="16">
        <v>2.4961773548315263</v>
      </c>
    </row>
    <row r="29448" spans="1:7" x14ac:dyDescent="0.3">
      <c r="A29448" s="13" t="s">
        <v>184</v>
      </c>
      <c r="B29448" s="14" t="s">
        <v>1</v>
      </c>
      <c r="C29448" s="14" t="s">
        <v>70</v>
      </c>
      <c r="D29448" s="14" t="s">
        <v>185</v>
      </c>
      <c r="E29448" s="15">
        <v>45624</v>
      </c>
      <c r="F29448" s="14" t="s">
        <v>61</v>
      </c>
      <c r="G29448" s="16">
        <v>2.5080805657218788</v>
      </c>
    </row>
    <row r="29449" spans="1:7" x14ac:dyDescent="0.3">
      <c r="A29449" s="13" t="s">
        <v>184</v>
      </c>
      <c r="B29449" s="14" t="s">
        <v>1</v>
      </c>
      <c r="C29449" s="14" t="s">
        <v>70</v>
      </c>
      <c r="D29449" s="14" t="s">
        <v>185</v>
      </c>
      <c r="E29449" s="15">
        <v>45625</v>
      </c>
      <c r="F29449" s="14" t="s">
        <v>61</v>
      </c>
      <c r="G29449" s="16">
        <v>2.5083883872022605</v>
      </c>
    </row>
    <row r="29450" spans="1:7" x14ac:dyDescent="0.3">
      <c r="A29450" s="13" t="s">
        <v>184</v>
      </c>
      <c r="B29450" s="14" t="s">
        <v>1</v>
      </c>
      <c r="C29450" s="14" t="s">
        <v>70</v>
      </c>
      <c r="D29450" s="14" t="s">
        <v>185</v>
      </c>
      <c r="E29450" s="15">
        <v>45626</v>
      </c>
      <c r="F29450" s="14" t="s">
        <v>61</v>
      </c>
      <c r="G29450" s="16">
        <v>2.5083883872022605</v>
      </c>
    </row>
    <row r="29451" spans="1:7" x14ac:dyDescent="0.3">
      <c r="A29451" s="13" t="s">
        <v>184</v>
      </c>
      <c r="B29451" s="14" t="s">
        <v>1</v>
      </c>
      <c r="C29451" s="14" t="s">
        <v>70</v>
      </c>
      <c r="D29451" s="14" t="s">
        <v>185</v>
      </c>
      <c r="E29451" s="15">
        <v>45627</v>
      </c>
      <c r="F29451" s="14" t="s">
        <v>61</v>
      </c>
      <c r="G29451" s="16">
        <v>2.5083883872022605</v>
      </c>
    </row>
    <row r="29452" spans="1:7" x14ac:dyDescent="0.3">
      <c r="A29452" s="13" t="s">
        <v>184</v>
      </c>
      <c r="B29452" s="14" t="s">
        <v>1</v>
      </c>
      <c r="C29452" s="14" t="s">
        <v>70</v>
      </c>
      <c r="D29452" s="14" t="s">
        <v>185</v>
      </c>
      <c r="E29452" s="15">
        <v>45628</v>
      </c>
      <c r="F29452" s="14" t="s">
        <v>61</v>
      </c>
      <c r="G29452" s="16">
        <v>2.5404583879834757</v>
      </c>
    </row>
    <row r="29453" spans="1:7" x14ac:dyDescent="0.3">
      <c r="A29453" s="13" t="s">
        <v>184</v>
      </c>
      <c r="B29453" s="14" t="s">
        <v>1</v>
      </c>
      <c r="C29453" s="14" t="s">
        <v>70</v>
      </c>
      <c r="D29453" s="14" t="s">
        <v>185</v>
      </c>
      <c r="E29453" s="15">
        <v>45629</v>
      </c>
      <c r="F29453" s="14" t="s">
        <v>61</v>
      </c>
      <c r="G29453" s="16">
        <v>2.5594271456322306</v>
      </c>
    </row>
    <row r="29454" spans="1:7" x14ac:dyDescent="0.3">
      <c r="A29454" s="13" t="s">
        <v>184</v>
      </c>
      <c r="B29454" s="14" t="s">
        <v>1</v>
      </c>
      <c r="C29454" s="14" t="s">
        <v>70</v>
      </c>
      <c r="D29454" s="14" t="s">
        <v>185</v>
      </c>
      <c r="E29454" s="15">
        <v>45630</v>
      </c>
      <c r="F29454" s="14" t="s">
        <v>61</v>
      </c>
      <c r="G29454" s="16">
        <v>2.5667339855939475</v>
      </c>
    </row>
    <row r="29455" spans="1:7" x14ac:dyDescent="0.3">
      <c r="A29455" s="13" t="s">
        <v>184</v>
      </c>
      <c r="B29455" s="14" t="s">
        <v>1</v>
      </c>
      <c r="C29455" s="14" t="s">
        <v>70</v>
      </c>
      <c r="D29455" s="14" t="s">
        <v>185</v>
      </c>
      <c r="E29455" s="15">
        <v>45631</v>
      </c>
      <c r="F29455" s="14" t="s">
        <v>61</v>
      </c>
      <c r="G29455" s="16">
        <v>2.5544870383686331</v>
      </c>
    </row>
    <row r="29456" spans="1:7" x14ac:dyDescent="0.3">
      <c r="A29456" s="13" t="s">
        <v>184</v>
      </c>
      <c r="B29456" s="14" t="s">
        <v>1</v>
      </c>
      <c r="C29456" s="14" t="s">
        <v>70</v>
      </c>
      <c r="D29456" s="14" t="s">
        <v>185</v>
      </c>
      <c r="E29456" s="15">
        <v>45632</v>
      </c>
      <c r="F29456" s="14" t="s">
        <v>61</v>
      </c>
      <c r="G29456" s="16">
        <v>2.5678448131785867</v>
      </c>
    </row>
    <row r="29457" spans="1:7" x14ac:dyDescent="0.3">
      <c r="A29457" s="13" t="s">
        <v>184</v>
      </c>
      <c r="B29457" s="14" t="s">
        <v>1</v>
      </c>
      <c r="C29457" s="14" t="s">
        <v>70</v>
      </c>
      <c r="D29457" s="14" t="s">
        <v>185</v>
      </c>
      <c r="E29457" s="15">
        <v>45633</v>
      </c>
      <c r="F29457" s="14" t="s">
        <v>61</v>
      </c>
      <c r="G29457" s="16">
        <v>2.5678448131785867</v>
      </c>
    </row>
    <row r="29458" spans="1:7" x14ac:dyDescent="0.3">
      <c r="A29458" s="13" t="s">
        <v>184</v>
      </c>
      <c r="B29458" s="14" t="s">
        <v>1</v>
      </c>
      <c r="C29458" s="14" t="s">
        <v>70</v>
      </c>
      <c r="D29458" s="14" t="s">
        <v>185</v>
      </c>
      <c r="E29458" s="15">
        <v>45634</v>
      </c>
      <c r="F29458" s="14" t="s">
        <v>61</v>
      </c>
      <c r="G29458" s="16">
        <v>2.5678448131785867</v>
      </c>
    </row>
    <row r="29459" spans="1:7" x14ac:dyDescent="0.3">
      <c r="A29459" s="13" t="s">
        <v>184</v>
      </c>
      <c r="B29459" s="14" t="s">
        <v>1</v>
      </c>
      <c r="C29459" s="14" t="s">
        <v>70</v>
      </c>
      <c r="D29459" s="14" t="s">
        <v>185</v>
      </c>
      <c r="E29459" s="15">
        <v>45635</v>
      </c>
      <c r="F29459" s="14" t="s">
        <v>61</v>
      </c>
      <c r="G29459" s="16">
        <v>2.5766693927713762</v>
      </c>
    </row>
    <row r="29460" spans="1:7" x14ac:dyDescent="0.3">
      <c r="A29460" s="13" t="s">
        <v>184</v>
      </c>
      <c r="B29460" s="14" t="s">
        <v>1</v>
      </c>
      <c r="C29460" s="14" t="s">
        <v>70</v>
      </c>
      <c r="D29460" s="14" t="s">
        <v>185</v>
      </c>
      <c r="E29460" s="15">
        <v>45636</v>
      </c>
      <c r="F29460" s="14" t="s">
        <v>61</v>
      </c>
      <c r="G29460" s="16">
        <v>2.6036630585565135</v>
      </c>
    </row>
    <row r="29461" spans="1:7" x14ac:dyDescent="0.3">
      <c r="A29461" s="13" t="s">
        <v>184</v>
      </c>
      <c r="B29461" s="14" t="s">
        <v>1</v>
      </c>
      <c r="C29461" s="14" t="s">
        <v>70</v>
      </c>
      <c r="D29461" s="14" t="s">
        <v>185</v>
      </c>
      <c r="E29461" s="15">
        <v>45637</v>
      </c>
      <c r="F29461" s="14" t="s">
        <v>61</v>
      </c>
      <c r="G29461" s="16">
        <v>2.6180000017044449</v>
      </c>
    </row>
    <row r="29462" spans="1:7" x14ac:dyDescent="0.3">
      <c r="A29462" s="13" t="s">
        <v>184</v>
      </c>
      <c r="B29462" s="14" t="s">
        <v>1</v>
      </c>
      <c r="C29462" s="14" t="s">
        <v>70</v>
      </c>
      <c r="D29462" s="14" t="s">
        <v>185</v>
      </c>
      <c r="E29462" s="15">
        <v>45638</v>
      </c>
      <c r="F29462" s="14" t="s">
        <v>61</v>
      </c>
      <c r="G29462" s="16">
        <v>2.6313513849115275</v>
      </c>
    </row>
    <row r="29463" spans="1:7" x14ac:dyDescent="0.3">
      <c r="A29463" s="13" t="s">
        <v>184</v>
      </c>
      <c r="B29463" s="14" t="s">
        <v>1</v>
      </c>
      <c r="C29463" s="14" t="s">
        <v>70</v>
      </c>
      <c r="D29463" s="14" t="s">
        <v>185</v>
      </c>
      <c r="E29463" s="15">
        <v>45639</v>
      </c>
      <c r="F29463" s="14" t="s">
        <v>61</v>
      </c>
      <c r="G29463" s="16">
        <v>2.6296094836800878</v>
      </c>
    </row>
    <row r="29464" spans="1:7" x14ac:dyDescent="0.3">
      <c r="A29464" s="13" t="s">
        <v>184</v>
      </c>
      <c r="B29464" s="14" t="s">
        <v>1</v>
      </c>
      <c r="C29464" s="14" t="s">
        <v>70</v>
      </c>
      <c r="D29464" s="14" t="s">
        <v>185</v>
      </c>
      <c r="E29464" s="15">
        <v>45640</v>
      </c>
      <c r="F29464" s="14" t="s">
        <v>61</v>
      </c>
      <c r="G29464" s="16">
        <v>2.6296094836800878</v>
      </c>
    </row>
    <row r="29465" spans="1:7" x14ac:dyDescent="0.3">
      <c r="A29465" s="13" t="s">
        <v>184</v>
      </c>
      <c r="B29465" s="14" t="s">
        <v>1</v>
      </c>
      <c r="C29465" s="14" t="s">
        <v>70</v>
      </c>
      <c r="D29465" s="14" t="s">
        <v>185</v>
      </c>
      <c r="E29465" s="15">
        <v>45641</v>
      </c>
      <c r="F29465" s="14" t="s">
        <v>61</v>
      </c>
      <c r="G29465" s="16">
        <v>2.6296094836800878</v>
      </c>
    </row>
    <row r="29466" spans="1:7" x14ac:dyDescent="0.3">
      <c r="A29466" s="13" t="s">
        <v>184</v>
      </c>
      <c r="B29466" s="14" t="s">
        <v>1</v>
      </c>
      <c r="C29466" s="14" t="s">
        <v>70</v>
      </c>
      <c r="D29466" s="14" t="s">
        <v>185</v>
      </c>
      <c r="E29466" s="15">
        <v>45642</v>
      </c>
      <c r="F29466" s="14" t="s">
        <v>61</v>
      </c>
      <c r="G29466" s="16">
        <v>2.635620837112528</v>
      </c>
    </row>
    <row r="29467" spans="1:7" x14ac:dyDescent="0.3">
      <c r="A29467" s="13" t="s">
        <v>184</v>
      </c>
      <c r="B29467" s="14" t="s">
        <v>1</v>
      </c>
      <c r="C29467" s="14" t="s">
        <v>70</v>
      </c>
      <c r="D29467" s="14" t="s">
        <v>185</v>
      </c>
      <c r="E29467" s="15">
        <v>45643</v>
      </c>
      <c r="F29467" s="14" t="s">
        <v>61</v>
      </c>
      <c r="G29467" s="16">
        <v>2.660852857586919</v>
      </c>
    </row>
    <row r="29468" spans="1:7" x14ac:dyDescent="0.3">
      <c r="A29468" s="13" t="s">
        <v>184</v>
      </c>
      <c r="B29468" s="14" t="s">
        <v>1</v>
      </c>
      <c r="C29468" s="14" t="s">
        <v>70</v>
      </c>
      <c r="D29468" s="14" t="s">
        <v>185</v>
      </c>
      <c r="E29468" s="15">
        <v>45644</v>
      </c>
      <c r="F29468" s="14" t="s">
        <v>61</v>
      </c>
      <c r="G29468" s="16">
        <v>2.7019767832868391</v>
      </c>
    </row>
    <row r="29469" spans="1:7" x14ac:dyDescent="0.3">
      <c r="A29469" s="13" t="s">
        <v>184</v>
      </c>
      <c r="B29469" s="14" t="s">
        <v>1</v>
      </c>
      <c r="C29469" s="14" t="s">
        <v>70</v>
      </c>
      <c r="D29469" s="14" t="s">
        <v>185</v>
      </c>
      <c r="E29469" s="15">
        <v>45645</v>
      </c>
      <c r="F29469" s="14" t="s">
        <v>61</v>
      </c>
      <c r="G29469" s="16">
        <v>2.7044794257294891</v>
      </c>
    </row>
    <row r="29470" spans="1:7" x14ac:dyDescent="0.3">
      <c r="A29470" s="13" t="s">
        <v>184</v>
      </c>
      <c r="B29470" s="14" t="s">
        <v>1</v>
      </c>
      <c r="C29470" s="14" t="s">
        <v>70</v>
      </c>
      <c r="D29470" s="14" t="s">
        <v>185</v>
      </c>
      <c r="E29470" s="15">
        <v>45646</v>
      </c>
      <c r="F29470" s="14" t="s">
        <v>61</v>
      </c>
      <c r="G29470" s="16">
        <v>2.6954131708967464</v>
      </c>
    </row>
    <row r="29471" spans="1:7" x14ac:dyDescent="0.3">
      <c r="A29471" s="13" t="s">
        <v>184</v>
      </c>
      <c r="B29471" s="14" t="s">
        <v>1</v>
      </c>
      <c r="C29471" s="14" t="s">
        <v>70</v>
      </c>
      <c r="D29471" s="14" t="s">
        <v>185</v>
      </c>
      <c r="E29471" s="15">
        <v>45647</v>
      </c>
      <c r="F29471" s="14" t="s">
        <v>61</v>
      </c>
      <c r="G29471" s="16">
        <v>2.6954131708967464</v>
      </c>
    </row>
    <row r="29472" spans="1:7" x14ac:dyDescent="0.3">
      <c r="A29472" s="13" t="s">
        <v>184</v>
      </c>
      <c r="B29472" s="14" t="s">
        <v>1</v>
      </c>
      <c r="C29472" s="14" t="s">
        <v>70</v>
      </c>
      <c r="D29472" s="14" t="s">
        <v>185</v>
      </c>
      <c r="E29472" s="15">
        <v>45648</v>
      </c>
      <c r="F29472" s="14" t="s">
        <v>61</v>
      </c>
      <c r="G29472" s="16">
        <v>2.6954131708967464</v>
      </c>
    </row>
    <row r="29473" spans="1:7" x14ac:dyDescent="0.3">
      <c r="A29473" s="13" t="s">
        <v>184</v>
      </c>
      <c r="B29473" s="14" t="s">
        <v>1</v>
      </c>
      <c r="C29473" s="14" t="s">
        <v>70</v>
      </c>
      <c r="D29473" s="14" t="s">
        <v>185</v>
      </c>
      <c r="E29473" s="15">
        <v>45649</v>
      </c>
      <c r="F29473" s="14" t="s">
        <v>61</v>
      </c>
      <c r="G29473" s="16">
        <v>2.7069982452682515</v>
      </c>
    </row>
    <row r="29474" spans="1:7" x14ac:dyDescent="0.3">
      <c r="A29474" s="13" t="s">
        <v>184</v>
      </c>
      <c r="B29474" s="14" t="s">
        <v>1</v>
      </c>
      <c r="C29474" s="14" t="s">
        <v>70</v>
      </c>
      <c r="D29474" s="14" t="s">
        <v>185</v>
      </c>
      <c r="E29474" s="15">
        <v>45650</v>
      </c>
      <c r="F29474" s="14" t="s">
        <v>61</v>
      </c>
      <c r="G29474" s="16">
        <v>2.7258100950004325</v>
      </c>
    </row>
    <row r="29475" spans="1:7" x14ac:dyDescent="0.3">
      <c r="A29475" s="13" t="s">
        <v>184</v>
      </c>
      <c r="B29475" s="14" t="s">
        <v>1</v>
      </c>
      <c r="C29475" s="14" t="s">
        <v>70</v>
      </c>
      <c r="D29475" s="14" t="s">
        <v>185</v>
      </c>
      <c r="E29475" s="15">
        <v>45651</v>
      </c>
      <c r="F29475" s="14" t="s">
        <v>61</v>
      </c>
      <c r="G29475" s="16">
        <v>2.7258100950004325</v>
      </c>
    </row>
    <row r="29476" spans="1:7" x14ac:dyDescent="0.3">
      <c r="A29476" s="13" t="s">
        <v>184</v>
      </c>
      <c r="B29476" s="14" t="s">
        <v>1</v>
      </c>
      <c r="C29476" s="14" t="s">
        <v>70</v>
      </c>
      <c r="D29476" s="14" t="s">
        <v>185</v>
      </c>
      <c r="E29476" s="15">
        <v>45652</v>
      </c>
      <c r="F29476" s="14" t="s">
        <v>61</v>
      </c>
      <c r="G29476" s="16">
        <v>2.7258100950004325</v>
      </c>
    </row>
    <row r="29477" spans="1:7" x14ac:dyDescent="0.3">
      <c r="A29477" s="13" t="s">
        <v>184</v>
      </c>
      <c r="B29477" s="14" t="s">
        <v>1</v>
      </c>
      <c r="C29477" s="14" t="s">
        <v>70</v>
      </c>
      <c r="D29477" s="14" t="s">
        <v>185</v>
      </c>
      <c r="E29477" s="15">
        <v>45653</v>
      </c>
      <c r="F29477" s="14" t="s">
        <v>61</v>
      </c>
      <c r="G29477" s="16">
        <v>2.7258100950004325</v>
      </c>
    </row>
    <row r="29478" spans="1:7" x14ac:dyDescent="0.3">
      <c r="A29478" s="13" t="s">
        <v>184</v>
      </c>
      <c r="B29478" s="14" t="s">
        <v>1</v>
      </c>
      <c r="C29478" s="14" t="s">
        <v>70</v>
      </c>
      <c r="D29478" s="14" t="s">
        <v>185</v>
      </c>
      <c r="E29478" s="15">
        <v>45654</v>
      </c>
      <c r="F29478" s="14" t="s">
        <v>61</v>
      </c>
      <c r="G29478" s="16">
        <v>2.7258100950004325</v>
      </c>
    </row>
    <row r="29479" spans="1:7" x14ac:dyDescent="0.3">
      <c r="A29479" s="13" t="s">
        <v>184</v>
      </c>
      <c r="B29479" s="14" t="s">
        <v>1</v>
      </c>
      <c r="C29479" s="14" t="s">
        <v>70</v>
      </c>
      <c r="D29479" s="14" t="s">
        <v>185</v>
      </c>
      <c r="E29479" s="15">
        <v>45655</v>
      </c>
      <c r="F29479" s="14" t="s">
        <v>61</v>
      </c>
      <c r="G29479" s="16">
        <v>2.7258100950004325</v>
      </c>
    </row>
    <row r="29480" spans="1:7" x14ac:dyDescent="0.3">
      <c r="A29480" s="13" t="s">
        <v>184</v>
      </c>
      <c r="B29480" s="14" t="s">
        <v>1</v>
      </c>
      <c r="C29480" s="14" t="s">
        <v>70</v>
      </c>
      <c r="D29480" s="14" t="s">
        <v>185</v>
      </c>
      <c r="E29480" s="15">
        <v>45656</v>
      </c>
      <c r="F29480" s="14" t="s">
        <v>61</v>
      </c>
      <c r="G29480" s="16">
        <v>2.7288043451275215</v>
      </c>
    </row>
    <row r="29481" spans="1:7" x14ac:dyDescent="0.3">
      <c r="A29481" s="13" t="s">
        <v>184</v>
      </c>
      <c r="B29481" s="14" t="s">
        <v>1</v>
      </c>
      <c r="C29481" s="14" t="s">
        <v>70</v>
      </c>
      <c r="D29481" s="14" t="s">
        <v>185</v>
      </c>
      <c r="E29481" s="15">
        <v>45657</v>
      </c>
      <c r="F29481" s="14" t="s">
        <v>61</v>
      </c>
      <c r="G29481" s="16">
        <v>2.7751521699955286</v>
      </c>
    </row>
    <row r="29482" spans="1:7" x14ac:dyDescent="0.3">
      <c r="A29482" s="13" t="s">
        <v>184</v>
      </c>
      <c r="B29482" s="14" t="s">
        <v>1</v>
      </c>
      <c r="C29482" s="14" t="s">
        <v>70</v>
      </c>
      <c r="D29482" s="14" t="s">
        <v>185</v>
      </c>
      <c r="E29482" s="15">
        <v>45658</v>
      </c>
      <c r="F29482" s="14" t="s">
        <v>61</v>
      </c>
      <c r="G29482" s="16">
        <v>2.7751521699955286</v>
      </c>
    </row>
    <row r="29483" spans="1:7" x14ac:dyDescent="0.3">
      <c r="A29483" s="13" t="s">
        <v>184</v>
      </c>
      <c r="B29483" s="14" t="s">
        <v>1</v>
      </c>
      <c r="C29483" s="14" t="s">
        <v>70</v>
      </c>
      <c r="D29483" s="14" t="s">
        <v>185</v>
      </c>
      <c r="E29483" s="15">
        <v>45659</v>
      </c>
      <c r="F29483" s="14" t="s">
        <v>61</v>
      </c>
      <c r="G29483" s="16">
        <v>2.7751521699955286</v>
      </c>
    </row>
    <row r="29484" spans="1:7" x14ac:dyDescent="0.3">
      <c r="A29484" s="13" t="s">
        <v>184</v>
      </c>
      <c r="B29484" s="14" t="s">
        <v>1</v>
      </c>
      <c r="C29484" s="14" t="s">
        <v>70</v>
      </c>
      <c r="D29484" s="14" t="s">
        <v>185</v>
      </c>
      <c r="E29484" s="15">
        <v>45660</v>
      </c>
      <c r="F29484" s="14" t="s">
        <v>61</v>
      </c>
      <c r="G29484" s="16">
        <v>2.7994316969735382</v>
      </c>
    </row>
    <row r="29485" spans="1:7" x14ac:dyDescent="0.3">
      <c r="A29485" s="13" t="s">
        <v>184</v>
      </c>
      <c r="B29485" s="14" t="s">
        <v>1</v>
      </c>
      <c r="C29485" s="14" t="s">
        <v>70</v>
      </c>
      <c r="D29485" s="14" t="s">
        <v>185</v>
      </c>
      <c r="E29485" s="15">
        <v>45661</v>
      </c>
      <c r="F29485" s="14" t="s">
        <v>61</v>
      </c>
      <c r="G29485" s="16">
        <v>2.7994316969735382</v>
      </c>
    </row>
    <row r="29486" spans="1:7" x14ac:dyDescent="0.3">
      <c r="A29486" s="13" t="s">
        <v>184</v>
      </c>
      <c r="B29486" s="14" t="s">
        <v>1</v>
      </c>
      <c r="C29486" s="14" t="s">
        <v>70</v>
      </c>
      <c r="D29486" s="14" t="s">
        <v>185</v>
      </c>
      <c r="E29486" s="15">
        <v>45662</v>
      </c>
      <c r="F29486" s="14" t="s">
        <v>61</v>
      </c>
      <c r="G29486" s="16">
        <v>2.7994316969735382</v>
      </c>
    </row>
    <row r="29487" spans="1:7" x14ac:dyDescent="0.3">
      <c r="A29487" s="13" t="s">
        <v>184</v>
      </c>
      <c r="B29487" s="14" t="s">
        <v>1</v>
      </c>
      <c r="C29487" s="14" t="s">
        <v>70</v>
      </c>
      <c r="D29487" s="14" t="s">
        <v>185</v>
      </c>
      <c r="E29487" s="15">
        <v>45663</v>
      </c>
      <c r="F29487" s="14" t="s">
        <v>61</v>
      </c>
      <c r="G29487" s="16">
        <v>2.8087658120621111</v>
      </c>
    </row>
    <row r="29488" spans="1:7" x14ac:dyDescent="0.3">
      <c r="A29488" s="13" t="s">
        <v>184</v>
      </c>
      <c r="B29488" s="14" t="s">
        <v>1</v>
      </c>
      <c r="C29488" s="14" t="s">
        <v>70</v>
      </c>
      <c r="D29488" s="14" t="s">
        <v>185</v>
      </c>
      <c r="E29488" s="15">
        <v>45664</v>
      </c>
      <c r="F29488" s="14" t="s">
        <v>61</v>
      </c>
      <c r="G29488" s="16">
        <v>2.8453488301813952</v>
      </c>
    </row>
    <row r="29489" spans="1:7" x14ac:dyDescent="0.3">
      <c r="A29489" s="13" t="s">
        <v>184</v>
      </c>
      <c r="B29489" s="14" t="s">
        <v>1</v>
      </c>
      <c r="C29489" s="14" t="s">
        <v>70</v>
      </c>
      <c r="D29489" s="14" t="s">
        <v>185</v>
      </c>
      <c r="E29489" s="15">
        <v>45665</v>
      </c>
      <c r="F29489" s="14" t="s">
        <v>61</v>
      </c>
      <c r="G29489" s="16">
        <v>2.8565027462999777</v>
      </c>
    </row>
    <row r="29490" spans="1:7" x14ac:dyDescent="0.3">
      <c r="A29490" s="13" t="s">
        <v>184</v>
      </c>
      <c r="B29490" s="14" t="s">
        <v>1</v>
      </c>
      <c r="C29490" s="14" t="s">
        <v>70</v>
      </c>
      <c r="D29490" s="14" t="s">
        <v>185</v>
      </c>
      <c r="E29490" s="15">
        <v>45666</v>
      </c>
      <c r="F29490" s="14" t="s">
        <v>61</v>
      </c>
      <c r="G29490" s="16">
        <v>2.8759824862669263</v>
      </c>
    </row>
    <row r="29491" spans="1:7" x14ac:dyDescent="0.3">
      <c r="A29491" s="13" t="s">
        <v>184</v>
      </c>
      <c r="B29491" s="14" t="s">
        <v>1</v>
      </c>
      <c r="C29491" s="14" t="s">
        <v>70</v>
      </c>
      <c r="D29491" s="14" t="s">
        <v>185</v>
      </c>
      <c r="E29491" s="15">
        <v>45667</v>
      </c>
      <c r="F29491" s="14" t="s">
        <v>61</v>
      </c>
      <c r="G29491" s="16">
        <v>2.8963653700883119</v>
      </c>
    </row>
    <row r="29492" spans="1:7" x14ac:dyDescent="0.3">
      <c r="A29492" s="13" t="s">
        <v>184</v>
      </c>
      <c r="B29492" s="14" t="s">
        <v>1</v>
      </c>
      <c r="C29492" s="14" t="s">
        <v>70</v>
      </c>
      <c r="D29492" s="14" t="s">
        <v>185</v>
      </c>
      <c r="E29492" s="15">
        <v>45668</v>
      </c>
      <c r="F29492" s="14" t="s">
        <v>61</v>
      </c>
      <c r="G29492" s="16">
        <v>2.8963653700883119</v>
      </c>
    </row>
    <row r="29493" spans="1:7" x14ac:dyDescent="0.3">
      <c r="A29493" s="13" t="s">
        <v>184</v>
      </c>
      <c r="B29493" s="14" t="s">
        <v>1</v>
      </c>
      <c r="C29493" s="14" t="s">
        <v>70</v>
      </c>
      <c r="D29493" s="14" t="s">
        <v>185</v>
      </c>
      <c r="E29493" s="15">
        <v>45669</v>
      </c>
      <c r="F29493" s="14" t="s">
        <v>61</v>
      </c>
      <c r="G29493" s="16">
        <v>2.8963653700883119</v>
      </c>
    </row>
    <row r="29494" spans="1:7" x14ac:dyDescent="0.3">
      <c r="A29494" s="13" t="s">
        <v>184</v>
      </c>
      <c r="B29494" s="14" t="s">
        <v>1</v>
      </c>
      <c r="C29494" s="14" t="s">
        <v>70</v>
      </c>
      <c r="D29494" s="14" t="s">
        <v>185</v>
      </c>
      <c r="E29494" s="15">
        <v>45670</v>
      </c>
      <c r="F29494" s="14" t="s">
        <v>61</v>
      </c>
      <c r="G29494" s="16">
        <v>2.9166424081706519</v>
      </c>
    </row>
    <row r="29495" spans="1:7" x14ac:dyDescent="0.3">
      <c r="A29495" s="13" t="s">
        <v>184</v>
      </c>
      <c r="B29495" s="14" t="s">
        <v>1</v>
      </c>
      <c r="C29495" s="14" t="s">
        <v>70</v>
      </c>
      <c r="D29495" s="14" t="s">
        <v>185</v>
      </c>
      <c r="E29495" s="15">
        <v>45671</v>
      </c>
      <c r="F29495" s="14" t="s">
        <v>61</v>
      </c>
      <c r="G29495" s="16">
        <v>2.9143174736468027</v>
      </c>
    </row>
    <row r="29496" spans="1:7" x14ac:dyDescent="0.3">
      <c r="A29496" s="13" t="s">
        <v>184</v>
      </c>
      <c r="B29496" s="14" t="s">
        <v>1</v>
      </c>
      <c r="C29496" s="14" t="s">
        <v>70</v>
      </c>
      <c r="D29496" s="14" t="s">
        <v>185</v>
      </c>
      <c r="E29496" s="15">
        <v>45672</v>
      </c>
      <c r="F29496" s="14" t="s">
        <v>61</v>
      </c>
      <c r="G29496" s="16">
        <v>2.9252967249307558</v>
      </c>
    </row>
    <row r="29497" spans="1:7" x14ac:dyDescent="0.3">
      <c r="A29497" s="13" t="s">
        <v>184</v>
      </c>
      <c r="B29497" s="14" t="s">
        <v>1</v>
      </c>
      <c r="C29497" s="14" t="s">
        <v>70</v>
      </c>
      <c r="D29497" s="14" t="s">
        <v>185</v>
      </c>
      <c r="E29497" s="15">
        <v>45673</v>
      </c>
      <c r="F29497" s="14" t="s">
        <v>61</v>
      </c>
      <c r="G29497" s="16">
        <v>2.931754567508233</v>
      </c>
    </row>
    <row r="29498" spans="1:7" x14ac:dyDescent="0.3">
      <c r="A29498" s="13" t="s">
        <v>184</v>
      </c>
      <c r="B29498" s="14" t="s">
        <v>1</v>
      </c>
      <c r="C29498" s="14" t="s">
        <v>70</v>
      </c>
      <c r="D29498" s="14" t="s">
        <v>185</v>
      </c>
      <c r="E29498" s="15">
        <v>45674</v>
      </c>
      <c r="F29498" s="14" t="s">
        <v>61</v>
      </c>
      <c r="G29498" s="16">
        <v>2.9445383770317104</v>
      </c>
    </row>
    <row r="29499" spans="1:7" x14ac:dyDescent="0.3">
      <c r="A29499" s="13" t="s">
        <v>184</v>
      </c>
      <c r="B29499" s="14" t="s">
        <v>1</v>
      </c>
      <c r="C29499" s="14" t="s">
        <v>70</v>
      </c>
      <c r="D29499" s="14" t="s">
        <v>185</v>
      </c>
      <c r="E29499" s="15">
        <v>45675</v>
      </c>
      <c r="F29499" s="14" t="s">
        <v>61</v>
      </c>
      <c r="G29499" s="16">
        <v>2.9445383770317104</v>
      </c>
    </row>
    <row r="29500" spans="1:7" x14ac:dyDescent="0.3">
      <c r="A29500" s="13" t="s">
        <v>184</v>
      </c>
      <c r="B29500" s="14" t="s">
        <v>1</v>
      </c>
      <c r="C29500" s="14" t="s">
        <v>70</v>
      </c>
      <c r="D29500" s="14" t="s">
        <v>185</v>
      </c>
      <c r="E29500" s="15">
        <v>45676</v>
      </c>
      <c r="F29500" s="14" t="s">
        <v>61</v>
      </c>
      <c r="G29500" s="16">
        <v>2.9445383770317104</v>
      </c>
    </row>
    <row r="29501" spans="1:7" x14ac:dyDescent="0.3">
      <c r="A29501" s="13" t="s">
        <v>184</v>
      </c>
      <c r="B29501" s="14" t="s">
        <v>1</v>
      </c>
      <c r="C29501" s="14" t="s">
        <v>70</v>
      </c>
      <c r="D29501" s="14" t="s">
        <v>185</v>
      </c>
      <c r="E29501" s="15">
        <v>45677</v>
      </c>
      <c r="F29501" s="14" t="s">
        <v>61</v>
      </c>
      <c r="G29501" s="16">
        <v>2.9135576382184967</v>
      </c>
    </row>
    <row r="29502" spans="1:7" x14ac:dyDescent="0.3">
      <c r="A29502" s="13" t="s">
        <v>184</v>
      </c>
      <c r="B29502" s="14" t="s">
        <v>1</v>
      </c>
      <c r="C29502" s="14" t="s">
        <v>70</v>
      </c>
      <c r="D29502" s="14" t="s">
        <v>185</v>
      </c>
      <c r="E29502" s="15">
        <v>45678</v>
      </c>
      <c r="F29502" s="14" t="s">
        <v>61</v>
      </c>
      <c r="G29502" s="16">
        <v>2.9432726774579607</v>
      </c>
    </row>
    <row r="29503" spans="1:7" x14ac:dyDescent="0.3">
      <c r="A29503" s="13" t="s">
        <v>184</v>
      </c>
      <c r="B29503" s="14" t="s">
        <v>1</v>
      </c>
      <c r="C29503" s="14" t="s">
        <v>70</v>
      </c>
      <c r="D29503" s="14" t="s">
        <v>185</v>
      </c>
      <c r="E29503" s="15">
        <v>45679</v>
      </c>
      <c r="F29503" s="14" t="s">
        <v>61</v>
      </c>
      <c r="G29503" s="16">
        <v>2.9539974819908323</v>
      </c>
    </row>
    <row r="29504" spans="1:7" x14ac:dyDescent="0.3">
      <c r="A29504" s="13" t="s">
        <v>184</v>
      </c>
      <c r="B29504" s="14" t="s">
        <v>1</v>
      </c>
      <c r="C29504" s="14" t="s">
        <v>70</v>
      </c>
      <c r="D29504" s="14" t="s">
        <v>185</v>
      </c>
      <c r="E29504" s="15">
        <v>45680</v>
      </c>
      <c r="F29504" s="14" t="s">
        <v>61</v>
      </c>
      <c r="G29504" s="16">
        <v>2.9572770646057327</v>
      </c>
    </row>
    <row r="29505" spans="1:7" x14ac:dyDescent="0.3">
      <c r="A29505" s="13" t="s">
        <v>184</v>
      </c>
      <c r="B29505" s="14" t="s">
        <v>1</v>
      </c>
      <c r="C29505" s="14" t="s">
        <v>70</v>
      </c>
      <c r="D29505" s="14" t="s">
        <v>185</v>
      </c>
      <c r="E29505" s="15">
        <v>45681</v>
      </c>
      <c r="F29505" s="14" t="s">
        <v>61</v>
      </c>
      <c r="G29505" s="16">
        <v>2.9399683137417103</v>
      </c>
    </row>
    <row r="29506" spans="1:7" x14ac:dyDescent="0.3">
      <c r="A29506" s="13" t="s">
        <v>184</v>
      </c>
      <c r="B29506" s="14" t="s">
        <v>1</v>
      </c>
      <c r="C29506" s="14" t="s">
        <v>70</v>
      </c>
      <c r="D29506" s="14" t="s">
        <v>185</v>
      </c>
      <c r="E29506" s="15">
        <v>45682</v>
      </c>
      <c r="F29506" s="14" t="s">
        <v>61</v>
      </c>
      <c r="G29506" s="16">
        <v>2.9399683137417103</v>
      </c>
    </row>
    <row r="29507" spans="1:7" x14ac:dyDescent="0.3">
      <c r="A29507" s="13" t="s">
        <v>184</v>
      </c>
      <c r="B29507" s="14" t="s">
        <v>1</v>
      </c>
      <c r="C29507" s="14" t="s">
        <v>70</v>
      </c>
      <c r="D29507" s="14" t="s">
        <v>185</v>
      </c>
      <c r="E29507" s="15">
        <v>45683</v>
      </c>
      <c r="F29507" s="14" t="s">
        <v>61</v>
      </c>
      <c r="G29507" s="16">
        <v>2.9399683137417103</v>
      </c>
    </row>
    <row r="29508" spans="1:7" x14ac:dyDescent="0.3">
      <c r="A29508" s="13" t="s">
        <v>184</v>
      </c>
      <c r="B29508" s="14" t="s">
        <v>1</v>
      </c>
      <c r="C29508" s="14" t="s">
        <v>70</v>
      </c>
      <c r="D29508" s="14" t="s">
        <v>185</v>
      </c>
      <c r="E29508" s="15">
        <v>45684</v>
      </c>
      <c r="F29508" s="14" t="s">
        <v>61</v>
      </c>
      <c r="G29508" s="16">
        <v>2.9522480692880713</v>
      </c>
    </row>
    <row r="29509" spans="1:7" x14ac:dyDescent="0.3">
      <c r="A29509" s="13" t="s">
        <v>184</v>
      </c>
      <c r="B29509" s="14" t="s">
        <v>1</v>
      </c>
      <c r="C29509" s="14" t="s">
        <v>70</v>
      </c>
      <c r="D29509" s="14" t="s">
        <v>185</v>
      </c>
      <c r="E29509" s="15">
        <v>45685</v>
      </c>
      <c r="F29509" s="14" t="s">
        <v>61</v>
      </c>
      <c r="G29509" s="16">
        <v>2.9827048332160473</v>
      </c>
    </row>
    <row r="29510" spans="1:7" x14ac:dyDescent="0.3">
      <c r="A29510" s="13" t="s">
        <v>184</v>
      </c>
      <c r="B29510" s="14" t="s">
        <v>1</v>
      </c>
      <c r="C29510" s="14" t="s">
        <v>70</v>
      </c>
      <c r="D29510" s="14" t="s">
        <v>185</v>
      </c>
      <c r="E29510" s="15">
        <v>45686</v>
      </c>
      <c r="F29510" s="14" t="s">
        <v>61</v>
      </c>
      <c r="G29510" s="16">
        <v>2.9912226054535926</v>
      </c>
    </row>
    <row r="29511" spans="1:7" x14ac:dyDescent="0.3">
      <c r="A29511" s="13" t="s">
        <v>184</v>
      </c>
      <c r="B29511" s="14" t="s">
        <v>1</v>
      </c>
      <c r="C29511" s="14" t="s">
        <v>70</v>
      </c>
      <c r="D29511" s="14" t="s">
        <v>185</v>
      </c>
      <c r="E29511" s="15">
        <v>45687</v>
      </c>
      <c r="F29511" s="14" t="s">
        <v>61</v>
      </c>
      <c r="G29511" s="16">
        <v>3.0063008310314556</v>
      </c>
    </row>
    <row r="29512" spans="1:7" x14ac:dyDescent="0.3">
      <c r="A29512" s="13" t="s">
        <v>184</v>
      </c>
      <c r="B29512" s="14" t="s">
        <v>1</v>
      </c>
      <c r="C29512" s="14" t="s">
        <v>70</v>
      </c>
      <c r="D29512" s="14" t="s">
        <v>185</v>
      </c>
      <c r="E29512" s="15">
        <v>45688</v>
      </c>
      <c r="F29512" s="14" t="s">
        <v>61</v>
      </c>
      <c r="G29512" s="16">
        <v>3.0192066929772969</v>
      </c>
    </row>
    <row r="29513" spans="1:7" x14ac:dyDescent="0.3">
      <c r="A29513" s="13" t="s">
        <v>184</v>
      </c>
      <c r="B29513" s="14" t="s">
        <v>1</v>
      </c>
      <c r="C29513" s="14" t="s">
        <v>70</v>
      </c>
      <c r="D29513" s="14" t="s">
        <v>185</v>
      </c>
      <c r="E29513" s="15">
        <v>45689</v>
      </c>
      <c r="F29513" s="14" t="s">
        <v>61</v>
      </c>
      <c r="G29513" s="16">
        <v>3.0192066929772969</v>
      </c>
    </row>
    <row r="29514" spans="1:7" x14ac:dyDescent="0.3">
      <c r="A29514" s="13" t="s">
        <v>184</v>
      </c>
      <c r="B29514" s="14" t="s">
        <v>1</v>
      </c>
      <c r="C29514" s="14" t="s">
        <v>70</v>
      </c>
      <c r="D29514" s="14" t="s">
        <v>185</v>
      </c>
      <c r="E29514" s="15">
        <v>45690</v>
      </c>
      <c r="F29514" s="14" t="s">
        <v>61</v>
      </c>
      <c r="G29514" s="16">
        <v>3.0192066929772969</v>
      </c>
    </row>
    <row r="29515" spans="1:7" x14ac:dyDescent="0.3">
      <c r="A29515" s="13" t="s">
        <v>184</v>
      </c>
      <c r="B29515" s="14" t="s">
        <v>1</v>
      </c>
      <c r="C29515" s="14" t="s">
        <v>70</v>
      </c>
      <c r="D29515" s="14" t="s">
        <v>185</v>
      </c>
      <c r="E29515" s="15">
        <v>45691</v>
      </c>
      <c r="F29515" s="14" t="s">
        <v>61</v>
      </c>
      <c r="G29515" s="16">
        <v>3.0192066929772969</v>
      </c>
    </row>
    <row r="29516" spans="1:7" x14ac:dyDescent="0.3">
      <c r="A29516" s="13" t="s">
        <v>184</v>
      </c>
      <c r="B29516" s="14" t="s">
        <v>1</v>
      </c>
      <c r="C29516" s="14" t="s">
        <v>70</v>
      </c>
      <c r="D29516" s="14" t="s">
        <v>185</v>
      </c>
      <c r="E29516" s="15">
        <v>45692</v>
      </c>
      <c r="F29516" s="14" t="s">
        <v>61</v>
      </c>
      <c r="G29516" s="16">
        <v>3.021743746578502</v>
      </c>
    </row>
    <row r="29517" spans="1:7" x14ac:dyDescent="0.3">
      <c r="A29517" s="13" t="s">
        <v>184</v>
      </c>
      <c r="B29517" s="14" t="s">
        <v>1</v>
      </c>
      <c r="C29517" s="14" t="s">
        <v>70</v>
      </c>
      <c r="D29517" s="14" t="s">
        <v>185</v>
      </c>
      <c r="E29517" s="15">
        <v>45693</v>
      </c>
      <c r="F29517" s="14" t="s">
        <v>61</v>
      </c>
      <c r="G29517" s="16">
        <v>3.0318568197599247</v>
      </c>
    </row>
    <row r="29518" spans="1:7" x14ac:dyDescent="0.3">
      <c r="A29518" s="13" t="s">
        <v>184</v>
      </c>
      <c r="B29518" s="14" t="s">
        <v>1</v>
      </c>
      <c r="C29518" s="14" t="s">
        <v>70</v>
      </c>
      <c r="D29518" s="14" t="s">
        <v>185</v>
      </c>
      <c r="E29518" s="15">
        <v>45694</v>
      </c>
      <c r="F29518" s="14" t="s">
        <v>61</v>
      </c>
      <c r="G29518" s="16">
        <v>3.0422297301489327</v>
      </c>
    </row>
    <row r="29519" spans="1:7" x14ac:dyDescent="0.3">
      <c r="A29519" s="13" t="s">
        <v>184</v>
      </c>
      <c r="B29519" s="14" t="s">
        <v>1</v>
      </c>
      <c r="C29519" s="14" t="s">
        <v>70</v>
      </c>
      <c r="D29519" s="14" t="s">
        <v>185</v>
      </c>
      <c r="E29519" s="15">
        <v>45695</v>
      </c>
      <c r="F29519" s="14" t="s">
        <v>61</v>
      </c>
      <c r="G29519" s="16">
        <v>3.0665342736077119</v>
      </c>
    </row>
    <row r="29520" spans="1:7" x14ac:dyDescent="0.3">
      <c r="A29520" s="13" t="s">
        <v>184</v>
      </c>
      <c r="B29520" s="14" t="s">
        <v>1</v>
      </c>
      <c r="C29520" s="14" t="s">
        <v>70</v>
      </c>
      <c r="D29520" s="14" t="s">
        <v>185</v>
      </c>
      <c r="E29520" s="15">
        <v>45696</v>
      </c>
      <c r="F29520" s="14" t="s">
        <v>61</v>
      </c>
      <c r="G29520" s="16">
        <v>3.0665342736077119</v>
      </c>
    </row>
    <row r="29521" spans="1:7" x14ac:dyDescent="0.3">
      <c r="A29521" s="13" t="s">
        <v>184</v>
      </c>
      <c r="B29521" s="14" t="s">
        <v>1</v>
      </c>
      <c r="C29521" s="14" t="s">
        <v>70</v>
      </c>
      <c r="D29521" s="14" t="s">
        <v>185</v>
      </c>
      <c r="E29521" s="15">
        <v>45697</v>
      </c>
      <c r="F29521" s="14" t="s">
        <v>61</v>
      </c>
      <c r="G29521" s="16">
        <v>3.0665342736077119</v>
      </c>
    </row>
    <row r="29522" spans="1:7" x14ac:dyDescent="0.3">
      <c r="A29522" s="13" t="s">
        <v>184</v>
      </c>
      <c r="B29522" s="14" t="s">
        <v>1</v>
      </c>
      <c r="C29522" s="14" t="s">
        <v>70</v>
      </c>
      <c r="D29522" s="14" t="s">
        <v>185</v>
      </c>
      <c r="E29522" s="15">
        <v>45698</v>
      </c>
      <c r="F29522" s="14" t="s">
        <v>61</v>
      </c>
      <c r="G29522" s="16">
        <v>3.077585918419032</v>
      </c>
    </row>
    <row r="29523" spans="1:7" x14ac:dyDescent="0.3">
      <c r="A29523" s="13" t="s">
        <v>184</v>
      </c>
      <c r="B29523" s="14" t="s">
        <v>1</v>
      </c>
      <c r="C29523" s="14" t="s">
        <v>70</v>
      </c>
      <c r="D29523" s="14" t="s">
        <v>185</v>
      </c>
      <c r="E29523" s="15">
        <v>45699</v>
      </c>
      <c r="F29523" s="14" t="s">
        <v>61</v>
      </c>
      <c r="G29523" s="16">
        <v>3.0782169601524112</v>
      </c>
    </row>
    <row r="29524" spans="1:7" x14ac:dyDescent="0.3">
      <c r="A29524" s="13" t="s">
        <v>184</v>
      </c>
      <c r="B29524" s="14" t="s">
        <v>1</v>
      </c>
      <c r="C29524" s="14" t="s">
        <v>70</v>
      </c>
      <c r="D29524" s="14" t="s">
        <v>185</v>
      </c>
      <c r="E29524" s="15">
        <v>45700</v>
      </c>
      <c r="F29524" s="14" t="s">
        <v>61</v>
      </c>
      <c r="G29524" s="16">
        <v>3.0774185020675726</v>
      </c>
    </row>
    <row r="29525" spans="1:7" x14ac:dyDescent="0.3">
      <c r="A29525" s="13" t="s">
        <v>184</v>
      </c>
      <c r="B29525" s="14" t="s">
        <v>1</v>
      </c>
      <c r="C29525" s="14" t="s">
        <v>70</v>
      </c>
      <c r="D29525" s="14" t="s">
        <v>185</v>
      </c>
      <c r="E29525" s="15">
        <v>45701</v>
      </c>
      <c r="F29525" s="14" t="s">
        <v>61</v>
      </c>
      <c r="G29525" s="16">
        <v>3.0654010728964107</v>
      </c>
    </row>
    <row r="29526" spans="1:7" x14ac:dyDescent="0.3">
      <c r="A29526" s="13" t="s">
        <v>184</v>
      </c>
      <c r="B29526" s="14" t="s">
        <v>1</v>
      </c>
      <c r="C29526" s="14" t="s">
        <v>70</v>
      </c>
      <c r="D29526" s="14" t="s">
        <v>185</v>
      </c>
      <c r="E29526" s="15">
        <v>45702</v>
      </c>
      <c r="F29526" s="14" t="s">
        <v>61</v>
      </c>
      <c r="G29526" s="16">
        <v>3.0716156202274156</v>
      </c>
    </row>
    <row r="29527" spans="1:7" x14ac:dyDescent="0.3">
      <c r="A29527" s="13" t="s">
        <v>184</v>
      </c>
      <c r="B29527" s="14" t="s">
        <v>1</v>
      </c>
      <c r="C29527" s="14" t="s">
        <v>70</v>
      </c>
      <c r="D29527" s="14" t="s">
        <v>185</v>
      </c>
      <c r="E29527" s="15">
        <v>45703</v>
      </c>
      <c r="F29527" s="14" t="s">
        <v>61</v>
      </c>
      <c r="G29527" s="16">
        <v>3.0716156202274156</v>
      </c>
    </row>
    <row r="29528" spans="1:7" x14ac:dyDescent="0.3">
      <c r="A29528" s="13" t="s">
        <v>184</v>
      </c>
      <c r="B29528" s="14" t="s">
        <v>1</v>
      </c>
      <c r="C29528" s="14" t="s">
        <v>70</v>
      </c>
      <c r="D29528" s="14" t="s">
        <v>185</v>
      </c>
      <c r="E29528" s="15">
        <v>45704</v>
      </c>
      <c r="F29528" s="14" t="s">
        <v>61</v>
      </c>
      <c r="G29528" s="16">
        <v>3.0716156202274156</v>
      </c>
    </row>
    <row r="29529" spans="1:7" x14ac:dyDescent="0.3">
      <c r="A29529" s="13" t="s">
        <v>184</v>
      </c>
      <c r="B29529" s="14" t="s">
        <v>1</v>
      </c>
      <c r="C29529" s="14" t="s">
        <v>70</v>
      </c>
      <c r="D29529" s="14" t="s">
        <v>185</v>
      </c>
      <c r="E29529" s="15">
        <v>45705</v>
      </c>
      <c r="F29529" s="14" t="s">
        <v>61</v>
      </c>
      <c r="G29529" s="16">
        <v>3.1218226744871735</v>
      </c>
    </row>
    <row r="29530" spans="1:7" x14ac:dyDescent="0.3">
      <c r="A29530" s="13" t="s">
        <v>184</v>
      </c>
      <c r="B29530" s="14" t="s">
        <v>1</v>
      </c>
      <c r="C29530" s="14" t="s">
        <v>70</v>
      </c>
      <c r="D29530" s="14" t="s">
        <v>185</v>
      </c>
      <c r="E29530" s="15">
        <v>45706</v>
      </c>
      <c r="F29530" s="14" t="s">
        <v>61</v>
      </c>
      <c r="G29530" s="16">
        <v>3.1487718049372817</v>
      </c>
    </row>
    <row r="29531" spans="1:7" x14ac:dyDescent="0.3">
      <c r="A29531" s="13" t="s">
        <v>184</v>
      </c>
      <c r="B29531" s="14" t="s">
        <v>1</v>
      </c>
      <c r="C29531" s="14" t="s">
        <v>70</v>
      </c>
      <c r="D29531" s="14" t="s">
        <v>185</v>
      </c>
      <c r="E29531" s="15">
        <v>45707</v>
      </c>
      <c r="F29531" s="14" t="s">
        <v>61</v>
      </c>
      <c r="G29531" s="16">
        <v>3.1742781093838075</v>
      </c>
    </row>
    <row r="29532" spans="1:7" x14ac:dyDescent="0.3">
      <c r="A29532" s="13" t="s">
        <v>184</v>
      </c>
      <c r="B29532" s="14" t="s">
        <v>1</v>
      </c>
      <c r="C29532" s="14" t="s">
        <v>70</v>
      </c>
      <c r="D29532" s="14" t="s">
        <v>185</v>
      </c>
      <c r="E29532" s="15">
        <v>45708</v>
      </c>
      <c r="F29532" s="14" t="s">
        <v>61</v>
      </c>
      <c r="G29532" s="16">
        <v>3.1550610136968928</v>
      </c>
    </row>
    <row r="29533" spans="1:7" x14ac:dyDescent="0.3">
      <c r="A29533" s="13" t="s">
        <v>184</v>
      </c>
      <c r="B29533" s="14" t="s">
        <v>1</v>
      </c>
      <c r="C29533" s="14" t="s">
        <v>70</v>
      </c>
      <c r="D29533" s="14" t="s">
        <v>185</v>
      </c>
      <c r="E29533" s="15">
        <v>45709</v>
      </c>
      <c r="F29533" s="14" t="s">
        <v>61</v>
      </c>
      <c r="G29533" s="16">
        <v>3.1736851537654558</v>
      </c>
    </row>
    <row r="29534" spans="1:7" x14ac:dyDescent="0.3">
      <c r="A29534" s="13" t="s">
        <v>184</v>
      </c>
      <c r="B29534" s="14" t="s">
        <v>1</v>
      </c>
      <c r="C29534" s="14" t="s">
        <v>70</v>
      </c>
      <c r="D29534" s="14" t="s">
        <v>185</v>
      </c>
      <c r="E29534" s="15">
        <v>45710</v>
      </c>
      <c r="F29534" s="14" t="s">
        <v>61</v>
      </c>
      <c r="G29534" s="16">
        <v>3.1736851537654558</v>
      </c>
    </row>
    <row r="29535" spans="1:7" x14ac:dyDescent="0.3">
      <c r="A29535" s="13" t="s">
        <v>184</v>
      </c>
      <c r="B29535" s="14" t="s">
        <v>1</v>
      </c>
      <c r="C29535" s="14" t="s">
        <v>70</v>
      </c>
      <c r="D29535" s="14" t="s">
        <v>185</v>
      </c>
      <c r="E29535" s="15">
        <v>45711</v>
      </c>
      <c r="F29535" s="14" t="s">
        <v>61</v>
      </c>
      <c r="G29535" s="16">
        <v>3.1736851537654558</v>
      </c>
    </row>
    <row r="29536" spans="1:7" x14ac:dyDescent="0.3">
      <c r="A29536" s="13" t="s">
        <v>184</v>
      </c>
      <c r="B29536" s="14" t="s">
        <v>1</v>
      </c>
      <c r="C29536" s="14" t="s">
        <v>70</v>
      </c>
      <c r="D29536" s="14" t="s">
        <v>185</v>
      </c>
      <c r="E29536" s="15">
        <v>45712</v>
      </c>
      <c r="F29536" s="14" t="s">
        <v>61</v>
      </c>
      <c r="G29536" s="16">
        <v>3.1762295879979443</v>
      </c>
    </row>
    <row r="29537" spans="1:7" x14ac:dyDescent="0.3">
      <c r="A29537" s="13" t="s">
        <v>184</v>
      </c>
      <c r="B29537" s="14" t="s">
        <v>1</v>
      </c>
      <c r="C29537" s="14" t="s">
        <v>70</v>
      </c>
      <c r="D29537" s="14" t="s">
        <v>185</v>
      </c>
      <c r="E29537" s="15">
        <v>45713</v>
      </c>
      <c r="F29537" s="14" t="s">
        <v>61</v>
      </c>
      <c r="G29537" s="16">
        <v>3.1780550932779845</v>
      </c>
    </row>
    <row r="29538" spans="1:7" x14ac:dyDescent="0.3">
      <c r="A29538" s="13" t="s">
        <v>184</v>
      </c>
      <c r="B29538" s="14" t="s">
        <v>1</v>
      </c>
      <c r="C29538" s="14" t="s">
        <v>70</v>
      </c>
      <c r="D29538" s="14" t="s">
        <v>185</v>
      </c>
      <c r="E29538" s="15">
        <v>45714</v>
      </c>
      <c r="F29538" s="14" t="s">
        <v>61</v>
      </c>
      <c r="G29538" s="16">
        <v>3.1918527637249028</v>
      </c>
    </row>
    <row r="29539" spans="1:7" x14ac:dyDescent="0.3">
      <c r="A29539" s="13" t="s">
        <v>184</v>
      </c>
      <c r="B29539" s="14" t="s">
        <v>1</v>
      </c>
      <c r="C29539" s="14" t="s">
        <v>70</v>
      </c>
      <c r="D29539" s="14" t="s">
        <v>185</v>
      </c>
      <c r="E29539" s="15">
        <v>45715</v>
      </c>
      <c r="F29539" s="14" t="s">
        <v>61</v>
      </c>
      <c r="G29539" s="16">
        <v>3.224770342139951</v>
      </c>
    </row>
    <row r="29540" spans="1:7" x14ac:dyDescent="0.3">
      <c r="A29540" s="13" t="s">
        <v>184</v>
      </c>
      <c r="B29540" s="14" t="s">
        <v>1</v>
      </c>
      <c r="C29540" s="14" t="s">
        <v>70</v>
      </c>
      <c r="D29540" s="14" t="s">
        <v>185</v>
      </c>
      <c r="E29540" s="15">
        <v>45716</v>
      </c>
      <c r="F29540" s="14" t="s">
        <v>61</v>
      </c>
      <c r="G29540" s="16">
        <v>3.2418071137720186</v>
      </c>
    </row>
    <row r="29541" spans="1:7" x14ac:dyDescent="0.3">
      <c r="A29541" s="13" t="s">
        <v>184</v>
      </c>
      <c r="B29541" s="14" t="s">
        <v>1</v>
      </c>
      <c r="C29541" s="14" t="s">
        <v>70</v>
      </c>
      <c r="D29541" s="14" t="s">
        <v>185</v>
      </c>
      <c r="E29541" s="15">
        <v>45717</v>
      </c>
      <c r="F29541" s="14" t="s">
        <v>61</v>
      </c>
      <c r="G29541" s="16">
        <v>3.2418071137720186</v>
      </c>
    </row>
    <row r="29542" spans="1:7" x14ac:dyDescent="0.3">
      <c r="A29542" s="13" t="s">
        <v>184</v>
      </c>
      <c r="B29542" s="14" t="s">
        <v>1</v>
      </c>
      <c r="C29542" s="14" t="s">
        <v>70</v>
      </c>
      <c r="D29542" s="14" t="s">
        <v>185</v>
      </c>
      <c r="E29542" s="15">
        <v>45718</v>
      </c>
      <c r="F29542" s="14" t="s">
        <v>61</v>
      </c>
      <c r="G29542" s="16">
        <v>3.2418071137720186</v>
      </c>
    </row>
    <row r="29543" spans="1:7" x14ac:dyDescent="0.3">
      <c r="A29543" s="13" t="s">
        <v>184</v>
      </c>
      <c r="B29543" s="14" t="s">
        <v>1</v>
      </c>
      <c r="C29543" s="14" t="s">
        <v>70</v>
      </c>
      <c r="D29543" s="14" t="s">
        <v>185</v>
      </c>
      <c r="E29543" s="15">
        <v>45719</v>
      </c>
      <c r="F29543" s="14" t="s">
        <v>61</v>
      </c>
      <c r="G29543" s="16">
        <v>3.2349185970632814</v>
      </c>
    </row>
    <row r="29544" spans="1:7" x14ac:dyDescent="0.3">
      <c r="A29544" s="13" t="s">
        <v>184</v>
      </c>
      <c r="B29544" s="14" t="s">
        <v>1</v>
      </c>
      <c r="C29544" s="14" t="s">
        <v>70</v>
      </c>
      <c r="D29544" s="14" t="s">
        <v>185</v>
      </c>
      <c r="E29544" s="15">
        <v>45720</v>
      </c>
      <c r="F29544" s="14" t="s">
        <v>61</v>
      </c>
      <c r="G29544" s="16">
        <v>3.2092887071516438</v>
      </c>
    </row>
    <row r="29545" spans="1:7" x14ac:dyDescent="0.3">
      <c r="A29545" s="13" t="s">
        <v>184</v>
      </c>
      <c r="B29545" s="14" t="s">
        <v>1</v>
      </c>
      <c r="C29545" s="14" t="s">
        <v>70</v>
      </c>
      <c r="D29545" s="14" t="s">
        <v>185</v>
      </c>
      <c r="E29545" s="15">
        <v>45721</v>
      </c>
      <c r="F29545" s="14" t="s">
        <v>61</v>
      </c>
      <c r="G29545" s="16">
        <v>3.1658657178664464</v>
      </c>
    </row>
    <row r="29546" spans="1:7" x14ac:dyDescent="0.3">
      <c r="A29546" s="13" t="s">
        <v>184</v>
      </c>
      <c r="B29546" s="14" t="s">
        <v>1</v>
      </c>
      <c r="C29546" s="14" t="s">
        <v>70</v>
      </c>
      <c r="D29546" s="14" t="s">
        <v>185</v>
      </c>
      <c r="E29546" s="15">
        <v>45722</v>
      </c>
      <c r="F29546" s="14" t="s">
        <v>61</v>
      </c>
      <c r="G29546" s="16">
        <v>3.1750146151904466</v>
      </c>
    </row>
    <row r="29547" spans="1:7" x14ac:dyDescent="0.3">
      <c r="A29547" s="13" t="s">
        <v>184</v>
      </c>
      <c r="B29547" s="14" t="s">
        <v>1</v>
      </c>
      <c r="C29547" s="14" t="s">
        <v>70</v>
      </c>
      <c r="D29547" s="14" t="s">
        <v>185</v>
      </c>
      <c r="E29547" s="15">
        <v>45723</v>
      </c>
      <c r="F29547" s="14" t="s">
        <v>61</v>
      </c>
      <c r="G29547" s="16">
        <v>3.2059580212246082</v>
      </c>
    </row>
    <row r="29548" spans="1:7" x14ac:dyDescent="0.3">
      <c r="A29548" s="13" t="s">
        <v>184</v>
      </c>
      <c r="B29548" s="14" t="s">
        <v>1</v>
      </c>
      <c r="C29548" s="14" t="s">
        <v>70</v>
      </c>
      <c r="D29548" s="14" t="s">
        <v>185</v>
      </c>
      <c r="E29548" s="15">
        <v>45724</v>
      </c>
      <c r="F29548" s="14" t="s">
        <v>61</v>
      </c>
      <c r="G29548" s="16">
        <v>3.2059580212246082</v>
      </c>
    </row>
    <row r="29549" spans="1:7" x14ac:dyDescent="0.3">
      <c r="A29549" s="13" t="s">
        <v>184</v>
      </c>
      <c r="B29549" s="14" t="s">
        <v>1</v>
      </c>
      <c r="C29549" s="14" t="s">
        <v>70</v>
      </c>
      <c r="D29549" s="14" t="s">
        <v>185</v>
      </c>
      <c r="E29549" s="15">
        <v>45725</v>
      </c>
      <c r="F29549" s="14" t="s">
        <v>61</v>
      </c>
      <c r="G29549" s="16">
        <v>3.2059580212246082</v>
      </c>
    </row>
    <row r="29550" spans="1:7" x14ac:dyDescent="0.3">
      <c r="A29550" s="13" t="s">
        <v>184</v>
      </c>
      <c r="B29550" s="14" t="s">
        <v>1</v>
      </c>
      <c r="C29550" s="14" t="s">
        <v>70</v>
      </c>
      <c r="D29550" s="14" t="s">
        <v>185</v>
      </c>
      <c r="E29550" s="15">
        <v>45726</v>
      </c>
      <c r="F29550" s="14" t="s">
        <v>61</v>
      </c>
      <c r="G29550" s="16">
        <v>3.2149727444898937</v>
      </c>
    </row>
    <row r="29551" spans="1:7" x14ac:dyDescent="0.3">
      <c r="A29551" s="13" t="s">
        <v>184</v>
      </c>
      <c r="B29551" s="14" t="s">
        <v>1</v>
      </c>
      <c r="C29551" s="14" t="s">
        <v>70</v>
      </c>
      <c r="D29551" s="14" t="s">
        <v>185</v>
      </c>
      <c r="E29551" s="15">
        <v>45727</v>
      </c>
      <c r="F29551" s="14" t="s">
        <v>61</v>
      </c>
      <c r="G29551" s="16">
        <v>3.2090726724592331</v>
      </c>
    </row>
    <row r="29552" spans="1:7" x14ac:dyDescent="0.3">
      <c r="A29552" s="13" t="s">
        <v>184</v>
      </c>
      <c r="B29552" s="14" t="s">
        <v>1</v>
      </c>
      <c r="C29552" s="14" t="s">
        <v>70</v>
      </c>
      <c r="D29552" s="14" t="s">
        <v>185</v>
      </c>
      <c r="E29552" s="15">
        <v>45728</v>
      </c>
      <c r="F29552" s="14" t="s">
        <v>61</v>
      </c>
      <c r="G29552" s="16">
        <v>3.2339855484194548</v>
      </c>
    </row>
    <row r="29553" spans="1:7" x14ac:dyDescent="0.3">
      <c r="A29553" s="13" t="s">
        <v>184</v>
      </c>
      <c r="B29553" s="14" t="s">
        <v>1</v>
      </c>
      <c r="C29553" s="14" t="s">
        <v>70</v>
      </c>
      <c r="D29553" s="14" t="s">
        <v>185</v>
      </c>
      <c r="E29553" s="15">
        <v>45729</v>
      </c>
      <c r="F29553" s="14" t="s">
        <v>61</v>
      </c>
      <c r="G29553" s="16">
        <v>3.2499539777949242</v>
      </c>
    </row>
    <row r="29554" spans="1:7" x14ac:dyDescent="0.3">
      <c r="A29554" s="13" t="s">
        <v>184</v>
      </c>
      <c r="B29554" s="14" t="s">
        <v>1</v>
      </c>
      <c r="C29554" s="14" t="s">
        <v>70</v>
      </c>
      <c r="D29554" s="14" t="s">
        <v>185</v>
      </c>
      <c r="E29554" s="15">
        <v>45730</v>
      </c>
      <c r="F29554" s="14" t="s">
        <v>61</v>
      </c>
      <c r="G29554" s="16">
        <v>3.2554387550717254</v>
      </c>
    </row>
    <row r="29555" spans="1:7" x14ac:dyDescent="0.3">
      <c r="A29555" s="13" t="s">
        <v>184</v>
      </c>
      <c r="B29555" s="14" t="s">
        <v>1</v>
      </c>
      <c r="C29555" s="14" t="s">
        <v>70</v>
      </c>
      <c r="D29555" s="14" t="s">
        <v>185</v>
      </c>
      <c r="E29555" s="15">
        <v>45731</v>
      </c>
      <c r="F29555" s="14" t="s">
        <v>61</v>
      </c>
      <c r="G29555" s="16">
        <v>3.2554387550717254</v>
      </c>
    </row>
    <row r="29556" spans="1:7" x14ac:dyDescent="0.3">
      <c r="A29556" s="13" t="s">
        <v>184</v>
      </c>
      <c r="B29556" s="14" t="s">
        <v>1</v>
      </c>
      <c r="C29556" s="14" t="s">
        <v>70</v>
      </c>
      <c r="D29556" s="14" t="s">
        <v>185</v>
      </c>
      <c r="E29556" s="15">
        <v>45732</v>
      </c>
      <c r="F29556" s="14" t="s">
        <v>61</v>
      </c>
      <c r="G29556" s="16">
        <v>3.2554387550717254</v>
      </c>
    </row>
    <row r="29557" spans="1:7" x14ac:dyDescent="0.3">
      <c r="A29557" s="13" t="s">
        <v>184</v>
      </c>
      <c r="B29557" s="14" t="s">
        <v>1</v>
      </c>
      <c r="C29557" s="14" t="s">
        <v>70</v>
      </c>
      <c r="D29557" s="14" t="s">
        <v>185</v>
      </c>
      <c r="E29557" s="15">
        <v>45733</v>
      </c>
      <c r="F29557" s="14" t="s">
        <v>61</v>
      </c>
      <c r="G29557" s="16">
        <v>3.2554387550717254</v>
      </c>
    </row>
    <row r="29558" spans="1:7" x14ac:dyDescent="0.3">
      <c r="A29558" s="13" t="s">
        <v>184</v>
      </c>
      <c r="B29558" s="14" t="s">
        <v>1</v>
      </c>
      <c r="C29558" s="14" t="s">
        <v>70</v>
      </c>
      <c r="D29558" s="14" t="s">
        <v>185</v>
      </c>
      <c r="E29558" s="15">
        <v>45734</v>
      </c>
      <c r="F29558" s="14" t="s">
        <v>61</v>
      </c>
      <c r="G29558" s="16">
        <v>3.2475067814714431</v>
      </c>
    </row>
    <row r="29559" spans="1:7" x14ac:dyDescent="0.3">
      <c r="A29559" s="13" t="s">
        <v>184</v>
      </c>
      <c r="B29559" s="14" t="s">
        <v>1</v>
      </c>
      <c r="C29559" s="14" t="s">
        <v>70</v>
      </c>
      <c r="D29559" s="14" t="s">
        <v>185</v>
      </c>
      <c r="E29559" s="15">
        <v>45735</v>
      </c>
      <c r="F29559" s="14" t="s">
        <v>61</v>
      </c>
      <c r="G29559" s="16">
        <v>3.2886338695609725</v>
      </c>
    </row>
    <row r="29560" spans="1:7" x14ac:dyDescent="0.3">
      <c r="A29560" s="13" t="s">
        <v>184</v>
      </c>
      <c r="B29560" s="14" t="s">
        <v>1</v>
      </c>
      <c r="C29560" s="14" t="s">
        <v>70</v>
      </c>
      <c r="D29560" s="14" t="s">
        <v>185</v>
      </c>
      <c r="E29560" s="15">
        <v>45736</v>
      </c>
      <c r="F29560" s="14" t="s">
        <v>61</v>
      </c>
      <c r="G29560" s="16">
        <v>3.3089841948477408</v>
      </c>
    </row>
    <row r="29561" spans="1:7" x14ac:dyDescent="0.3">
      <c r="A29561" s="13" t="s">
        <v>184</v>
      </c>
      <c r="B29561" s="14" t="s">
        <v>1</v>
      </c>
      <c r="C29561" s="14" t="s">
        <v>70</v>
      </c>
      <c r="D29561" s="14" t="s">
        <v>185</v>
      </c>
      <c r="E29561" s="15">
        <v>45737</v>
      </c>
      <c r="F29561" s="14" t="s">
        <v>61</v>
      </c>
      <c r="G29561" s="16">
        <v>3.3258059564594427</v>
      </c>
    </row>
    <row r="29562" spans="1:7" x14ac:dyDescent="0.3">
      <c r="A29562" s="13" t="s">
        <v>184</v>
      </c>
      <c r="B29562" s="14" t="s">
        <v>1</v>
      </c>
      <c r="C29562" s="14" t="s">
        <v>70</v>
      </c>
      <c r="D29562" s="14" t="s">
        <v>185</v>
      </c>
      <c r="E29562" s="15">
        <v>45738</v>
      </c>
      <c r="F29562" s="14" t="s">
        <v>61</v>
      </c>
      <c r="G29562" s="16">
        <v>3.3258059564594427</v>
      </c>
    </row>
    <row r="29563" spans="1:7" x14ac:dyDescent="0.3">
      <c r="A29563" s="13" t="s">
        <v>184</v>
      </c>
      <c r="B29563" s="14" t="s">
        <v>1</v>
      </c>
      <c r="C29563" s="14" t="s">
        <v>70</v>
      </c>
      <c r="D29563" s="14" t="s">
        <v>185</v>
      </c>
      <c r="E29563" s="15">
        <v>45739</v>
      </c>
      <c r="F29563" s="14" t="s">
        <v>61</v>
      </c>
      <c r="G29563" s="16">
        <v>3.3258059564594427</v>
      </c>
    </row>
    <row r="29564" spans="1:7" x14ac:dyDescent="0.3">
      <c r="A29564" s="13" t="s">
        <v>184</v>
      </c>
      <c r="B29564" s="14" t="s">
        <v>1</v>
      </c>
      <c r="C29564" s="14" t="s">
        <v>70</v>
      </c>
      <c r="D29564" s="14" t="s">
        <v>185</v>
      </c>
      <c r="E29564" s="15">
        <v>45740</v>
      </c>
      <c r="F29564" s="14" t="s">
        <v>61</v>
      </c>
      <c r="G29564" s="16">
        <v>3.3354501823203666</v>
      </c>
    </row>
    <row r="29565" spans="1:7" x14ac:dyDescent="0.3">
      <c r="A29565" s="13" t="s">
        <v>184</v>
      </c>
      <c r="B29565" s="14" t="s">
        <v>1</v>
      </c>
      <c r="C29565" s="14" t="s">
        <v>70</v>
      </c>
      <c r="D29565" s="14" t="s">
        <v>185</v>
      </c>
      <c r="E29565" s="15">
        <v>45741</v>
      </c>
      <c r="F29565" s="14" t="s">
        <v>61</v>
      </c>
      <c r="G29565" s="16">
        <v>3.3542815191039432</v>
      </c>
    </row>
    <row r="29566" spans="1:7" x14ac:dyDescent="0.3">
      <c r="A29566" s="13" t="s">
        <v>184</v>
      </c>
      <c r="B29566" s="14" t="s">
        <v>1</v>
      </c>
      <c r="C29566" s="14" t="s">
        <v>70</v>
      </c>
      <c r="D29566" s="14" t="s">
        <v>185</v>
      </c>
      <c r="E29566" s="15">
        <v>45742</v>
      </c>
      <c r="F29566" s="14" t="s">
        <v>61</v>
      </c>
      <c r="G29566" s="16">
        <v>3.3711303050434638</v>
      </c>
    </row>
    <row r="29567" spans="1:7" x14ac:dyDescent="0.3">
      <c r="A29567" s="13" t="s">
        <v>184</v>
      </c>
      <c r="B29567" s="14" t="s">
        <v>1</v>
      </c>
      <c r="C29567" s="14" t="s">
        <v>70</v>
      </c>
      <c r="D29567" s="14" t="s">
        <v>185</v>
      </c>
      <c r="E29567" s="15">
        <v>45743</v>
      </c>
      <c r="F29567" s="14" t="s">
        <v>61</v>
      </c>
      <c r="G29567" s="16">
        <v>3.3690362245608987</v>
      </c>
    </row>
    <row r="29568" spans="1:7" x14ac:dyDescent="0.3">
      <c r="A29568" s="13" t="s">
        <v>184</v>
      </c>
      <c r="B29568" s="14" t="s">
        <v>1</v>
      </c>
      <c r="C29568" s="14" t="s">
        <v>70</v>
      </c>
      <c r="D29568" s="14" t="s">
        <v>185</v>
      </c>
      <c r="E29568" s="15">
        <v>45744</v>
      </c>
      <c r="F29568" s="14" t="s">
        <v>61</v>
      </c>
      <c r="G29568" s="16">
        <v>3.4602325003217898</v>
      </c>
    </row>
    <row r="29569" spans="1:7" x14ac:dyDescent="0.3">
      <c r="A29569" s="13" t="s">
        <v>184</v>
      </c>
      <c r="B29569" s="14" t="s">
        <v>1</v>
      </c>
      <c r="C29569" s="14" t="s">
        <v>70</v>
      </c>
      <c r="D29569" s="14" t="s">
        <v>185</v>
      </c>
      <c r="E29569" s="15">
        <v>45745</v>
      </c>
      <c r="F29569" s="14" t="s">
        <v>61</v>
      </c>
      <c r="G29569" s="16">
        <v>3.4602325003217898</v>
      </c>
    </row>
    <row r="29570" spans="1:7" x14ac:dyDescent="0.3">
      <c r="A29570" s="13" t="s">
        <v>184</v>
      </c>
      <c r="B29570" s="14" t="s">
        <v>1</v>
      </c>
      <c r="C29570" s="14" t="s">
        <v>70</v>
      </c>
      <c r="D29570" s="14" t="s">
        <v>185</v>
      </c>
      <c r="E29570" s="15">
        <v>45746</v>
      </c>
      <c r="F29570" s="14" t="s">
        <v>61</v>
      </c>
      <c r="G29570" s="16">
        <v>3.4602325003217898</v>
      </c>
    </row>
    <row r="29571" spans="1:7" x14ac:dyDescent="0.3">
      <c r="A29571" s="13" t="s">
        <v>184</v>
      </c>
      <c r="B29571" s="14" t="s">
        <v>1</v>
      </c>
      <c r="C29571" s="14" t="s">
        <v>70</v>
      </c>
      <c r="D29571" s="14" t="s">
        <v>185</v>
      </c>
      <c r="E29571" s="15">
        <v>45747</v>
      </c>
      <c r="F29571" s="14" t="s">
        <v>61</v>
      </c>
      <c r="G29571" s="16">
        <v>3.512427710044046</v>
      </c>
    </row>
    <row r="29572" spans="1:7" x14ac:dyDescent="0.3">
      <c r="A29572" s="13" t="s">
        <v>186</v>
      </c>
      <c r="B29572" s="14" t="s">
        <v>1</v>
      </c>
      <c r="C29572" s="14" t="s">
        <v>70</v>
      </c>
      <c r="D29572" s="14" t="s">
        <v>187</v>
      </c>
      <c r="E29572" s="15">
        <v>45383</v>
      </c>
      <c r="F29572" s="14" t="s">
        <v>15</v>
      </c>
      <c r="G29572" s="16">
        <v>0</v>
      </c>
    </row>
    <row r="29573" spans="1:7" x14ac:dyDescent="0.3">
      <c r="A29573" s="13" t="s">
        <v>186</v>
      </c>
      <c r="B29573" s="14" t="s">
        <v>1</v>
      </c>
      <c r="C29573" s="14" t="s">
        <v>70</v>
      </c>
      <c r="D29573" s="14" t="s">
        <v>187</v>
      </c>
      <c r="E29573" s="15">
        <v>45384</v>
      </c>
      <c r="F29573" s="14" t="s">
        <v>15</v>
      </c>
      <c r="G29573" s="16">
        <v>0</v>
      </c>
    </row>
    <row r="29574" spans="1:7" x14ac:dyDescent="0.3">
      <c r="A29574" s="13" t="s">
        <v>186</v>
      </c>
      <c r="B29574" s="14" t="s">
        <v>1</v>
      </c>
      <c r="C29574" s="14" t="s">
        <v>70</v>
      </c>
      <c r="D29574" s="14" t="s">
        <v>187</v>
      </c>
      <c r="E29574" s="15">
        <v>45385</v>
      </c>
      <c r="F29574" s="14" t="s">
        <v>15</v>
      </c>
      <c r="G29574" s="16">
        <v>3.3801173416132785E-2</v>
      </c>
    </row>
    <row r="29575" spans="1:7" x14ac:dyDescent="0.3">
      <c r="A29575" s="13" t="s">
        <v>186</v>
      </c>
      <c r="B29575" s="14" t="s">
        <v>1</v>
      </c>
      <c r="C29575" s="14" t="s">
        <v>70</v>
      </c>
      <c r="D29575" s="14" t="s">
        <v>187</v>
      </c>
      <c r="E29575" s="15">
        <v>45386</v>
      </c>
      <c r="F29575" s="14" t="s">
        <v>15</v>
      </c>
      <c r="G29575" s="16">
        <v>4.3018808974284985E-2</v>
      </c>
    </row>
    <row r="29576" spans="1:7" x14ac:dyDescent="0.3">
      <c r="A29576" s="13" t="s">
        <v>186</v>
      </c>
      <c r="B29576" s="14" t="s">
        <v>1</v>
      </c>
      <c r="C29576" s="14" t="s">
        <v>70</v>
      </c>
      <c r="D29576" s="14" t="s">
        <v>187</v>
      </c>
      <c r="E29576" s="15">
        <v>45387</v>
      </c>
      <c r="F29576" s="14" t="s">
        <v>15</v>
      </c>
      <c r="G29576" s="16">
        <v>6.1316177295224823E-2</v>
      </c>
    </row>
    <row r="29577" spans="1:7" x14ac:dyDescent="0.3">
      <c r="A29577" s="13" t="s">
        <v>186</v>
      </c>
      <c r="B29577" s="14" t="s">
        <v>1</v>
      </c>
      <c r="C29577" s="14" t="s">
        <v>70</v>
      </c>
      <c r="D29577" s="14" t="s">
        <v>187</v>
      </c>
      <c r="E29577" s="15">
        <v>45388</v>
      </c>
      <c r="F29577" s="14" t="s">
        <v>15</v>
      </c>
      <c r="G29577" s="16">
        <v>6.1316177295224823E-2</v>
      </c>
    </row>
    <row r="29578" spans="1:7" x14ac:dyDescent="0.3">
      <c r="A29578" s="13" t="s">
        <v>186</v>
      </c>
      <c r="B29578" s="14" t="s">
        <v>1</v>
      </c>
      <c r="C29578" s="14" t="s">
        <v>70</v>
      </c>
      <c r="D29578" s="14" t="s">
        <v>187</v>
      </c>
      <c r="E29578" s="15">
        <v>45389</v>
      </c>
      <c r="F29578" s="14" t="s">
        <v>15</v>
      </c>
      <c r="G29578" s="16">
        <v>6.1316177295224823E-2</v>
      </c>
    </row>
    <row r="29579" spans="1:7" x14ac:dyDescent="0.3">
      <c r="A29579" s="13" t="s">
        <v>186</v>
      </c>
      <c r="B29579" s="14" t="s">
        <v>1</v>
      </c>
      <c r="C29579" s="14" t="s">
        <v>70</v>
      </c>
      <c r="D29579" s="14" t="s">
        <v>187</v>
      </c>
      <c r="E29579" s="15">
        <v>45390</v>
      </c>
      <c r="F29579" s="14" t="s">
        <v>15</v>
      </c>
      <c r="G29579" s="16">
        <v>8.1721988325396136E-2</v>
      </c>
    </row>
    <row r="29580" spans="1:7" x14ac:dyDescent="0.3">
      <c r="A29580" s="13" t="s">
        <v>186</v>
      </c>
      <c r="B29580" s="14" t="s">
        <v>1</v>
      </c>
      <c r="C29580" s="14" t="s">
        <v>70</v>
      </c>
      <c r="D29580" s="14" t="s">
        <v>187</v>
      </c>
      <c r="E29580" s="15">
        <v>45391</v>
      </c>
      <c r="F29580" s="14" t="s">
        <v>15</v>
      </c>
      <c r="G29580" s="16">
        <v>9.709455724564138E-2</v>
      </c>
    </row>
    <row r="29581" spans="1:7" x14ac:dyDescent="0.3">
      <c r="A29581" s="13" t="s">
        <v>186</v>
      </c>
      <c r="B29581" s="14" t="s">
        <v>1</v>
      </c>
      <c r="C29581" s="14" t="s">
        <v>70</v>
      </c>
      <c r="D29581" s="14" t="s">
        <v>187</v>
      </c>
      <c r="E29581" s="15">
        <v>45392</v>
      </c>
      <c r="F29581" s="14" t="s">
        <v>15</v>
      </c>
      <c r="G29581" s="16">
        <v>0.11513888332392083</v>
      </c>
    </row>
    <row r="29582" spans="1:7" x14ac:dyDescent="0.3">
      <c r="A29582" s="13" t="s">
        <v>186</v>
      </c>
      <c r="B29582" s="14" t="s">
        <v>1</v>
      </c>
      <c r="C29582" s="14" t="s">
        <v>70</v>
      </c>
      <c r="D29582" s="14" t="s">
        <v>187</v>
      </c>
      <c r="E29582" s="15">
        <v>45393</v>
      </c>
      <c r="F29582" s="14" t="s">
        <v>15</v>
      </c>
      <c r="G29582" s="16">
        <v>0.11903836314930498</v>
      </c>
    </row>
    <row r="29583" spans="1:7" x14ac:dyDescent="0.3">
      <c r="A29583" s="13" t="s">
        <v>186</v>
      </c>
      <c r="B29583" s="14" t="s">
        <v>1</v>
      </c>
      <c r="C29583" s="14" t="s">
        <v>70</v>
      </c>
      <c r="D29583" s="14" t="s">
        <v>187</v>
      </c>
      <c r="E29583" s="15">
        <v>45394</v>
      </c>
      <c r="F29583" s="14" t="s">
        <v>15</v>
      </c>
      <c r="G29583" s="16">
        <v>0.12327461877158</v>
      </c>
    </row>
    <row r="29584" spans="1:7" x14ac:dyDescent="0.3">
      <c r="A29584" s="13" t="s">
        <v>186</v>
      </c>
      <c r="B29584" s="14" t="s">
        <v>1</v>
      </c>
      <c r="C29584" s="14" t="s">
        <v>70</v>
      </c>
      <c r="D29584" s="14" t="s">
        <v>187</v>
      </c>
      <c r="E29584" s="15">
        <v>45395</v>
      </c>
      <c r="F29584" s="14" t="s">
        <v>15</v>
      </c>
      <c r="G29584" s="16">
        <v>0.12327461877158</v>
      </c>
    </row>
    <row r="29585" spans="1:7" x14ac:dyDescent="0.3">
      <c r="A29585" s="13" t="s">
        <v>186</v>
      </c>
      <c r="B29585" s="14" t="s">
        <v>1</v>
      </c>
      <c r="C29585" s="14" t="s">
        <v>70</v>
      </c>
      <c r="D29585" s="14" t="s">
        <v>187</v>
      </c>
      <c r="E29585" s="15">
        <v>45396</v>
      </c>
      <c r="F29585" s="14" t="s">
        <v>15</v>
      </c>
      <c r="G29585" s="16">
        <v>0.12327461877158</v>
      </c>
    </row>
    <row r="29586" spans="1:7" x14ac:dyDescent="0.3">
      <c r="A29586" s="13" t="s">
        <v>186</v>
      </c>
      <c r="B29586" s="14" t="s">
        <v>1</v>
      </c>
      <c r="C29586" s="14" t="s">
        <v>70</v>
      </c>
      <c r="D29586" s="14" t="s">
        <v>187</v>
      </c>
      <c r="E29586" s="15">
        <v>45397</v>
      </c>
      <c r="F29586" s="14" t="s">
        <v>15</v>
      </c>
      <c r="G29586" s="16">
        <v>0.14946166631063526</v>
      </c>
    </row>
    <row r="29587" spans="1:7" x14ac:dyDescent="0.3">
      <c r="A29587" s="13" t="s">
        <v>186</v>
      </c>
      <c r="B29587" s="14" t="s">
        <v>1</v>
      </c>
      <c r="C29587" s="14" t="s">
        <v>70</v>
      </c>
      <c r="D29587" s="14" t="s">
        <v>187</v>
      </c>
      <c r="E29587" s="15">
        <v>45398</v>
      </c>
      <c r="F29587" s="14" t="s">
        <v>15</v>
      </c>
      <c r="G29587" s="16">
        <v>0.16490927868400557</v>
      </c>
    </row>
    <row r="29588" spans="1:7" x14ac:dyDescent="0.3">
      <c r="A29588" s="13" t="s">
        <v>186</v>
      </c>
      <c r="B29588" s="14" t="s">
        <v>1</v>
      </c>
      <c r="C29588" s="14" t="s">
        <v>70</v>
      </c>
      <c r="D29588" s="14" t="s">
        <v>187</v>
      </c>
      <c r="E29588" s="15">
        <v>45399</v>
      </c>
      <c r="F29588" s="14" t="s">
        <v>15</v>
      </c>
      <c r="G29588" s="16">
        <v>0.20869425999411637</v>
      </c>
    </row>
    <row r="29589" spans="1:7" x14ac:dyDescent="0.3">
      <c r="A29589" s="13" t="s">
        <v>186</v>
      </c>
      <c r="B29589" s="14" t="s">
        <v>1</v>
      </c>
      <c r="C29589" s="14" t="s">
        <v>70</v>
      </c>
      <c r="D29589" s="14" t="s">
        <v>187</v>
      </c>
      <c r="E29589" s="15">
        <v>45400</v>
      </c>
      <c r="F29589" s="14" t="s">
        <v>15</v>
      </c>
      <c r="G29589" s="16">
        <v>0.21296918232810666</v>
      </c>
    </row>
    <row r="29590" spans="1:7" x14ac:dyDescent="0.3">
      <c r="A29590" s="13" t="s">
        <v>186</v>
      </c>
      <c r="B29590" s="14" t="s">
        <v>1</v>
      </c>
      <c r="C29590" s="14" t="s">
        <v>70</v>
      </c>
      <c r="D29590" s="14" t="s">
        <v>187</v>
      </c>
      <c r="E29590" s="15">
        <v>45401</v>
      </c>
      <c r="F29590" s="14" t="s">
        <v>15</v>
      </c>
      <c r="G29590" s="16">
        <v>0.22238662715823967</v>
      </c>
    </row>
    <row r="29591" spans="1:7" x14ac:dyDescent="0.3">
      <c r="A29591" s="13" t="s">
        <v>186</v>
      </c>
      <c r="B29591" s="14" t="s">
        <v>1</v>
      </c>
      <c r="C29591" s="14" t="s">
        <v>70</v>
      </c>
      <c r="D29591" s="14" t="s">
        <v>187</v>
      </c>
      <c r="E29591" s="15">
        <v>45402</v>
      </c>
      <c r="F29591" s="14" t="s">
        <v>15</v>
      </c>
      <c r="G29591" s="16">
        <v>0.22238662715823967</v>
      </c>
    </row>
    <row r="29592" spans="1:7" x14ac:dyDescent="0.3">
      <c r="A29592" s="13" t="s">
        <v>186</v>
      </c>
      <c r="B29592" s="14" t="s">
        <v>1</v>
      </c>
      <c r="C29592" s="14" t="s">
        <v>70</v>
      </c>
      <c r="D29592" s="14" t="s">
        <v>187</v>
      </c>
      <c r="E29592" s="15">
        <v>45403</v>
      </c>
      <c r="F29592" s="14" t="s">
        <v>15</v>
      </c>
      <c r="G29592" s="16">
        <v>0.22238662715823967</v>
      </c>
    </row>
    <row r="29593" spans="1:7" x14ac:dyDescent="0.3">
      <c r="A29593" s="13" t="s">
        <v>186</v>
      </c>
      <c r="B29593" s="14" t="s">
        <v>1</v>
      </c>
      <c r="C29593" s="14" t="s">
        <v>70</v>
      </c>
      <c r="D29593" s="14" t="s">
        <v>187</v>
      </c>
      <c r="E29593" s="15">
        <v>45404</v>
      </c>
      <c r="F29593" s="14" t="s">
        <v>15</v>
      </c>
      <c r="G29593" s="16">
        <v>0.23145224245226062</v>
      </c>
    </row>
    <row r="29594" spans="1:7" x14ac:dyDescent="0.3">
      <c r="A29594" s="13" t="s">
        <v>186</v>
      </c>
      <c r="B29594" s="14" t="s">
        <v>1</v>
      </c>
      <c r="C29594" s="14" t="s">
        <v>70</v>
      </c>
      <c r="D29594" s="14" t="s">
        <v>187</v>
      </c>
      <c r="E29594" s="15">
        <v>45405</v>
      </c>
      <c r="F29594" s="14" t="s">
        <v>15</v>
      </c>
      <c r="G29594" s="16">
        <v>0.26371762199196158</v>
      </c>
    </row>
    <row r="29595" spans="1:7" x14ac:dyDescent="0.3">
      <c r="A29595" s="13" t="s">
        <v>186</v>
      </c>
      <c r="B29595" s="14" t="s">
        <v>1</v>
      </c>
      <c r="C29595" s="14" t="s">
        <v>70</v>
      </c>
      <c r="D29595" s="14" t="s">
        <v>187</v>
      </c>
      <c r="E29595" s="15">
        <v>45406</v>
      </c>
      <c r="F29595" s="14" t="s">
        <v>15</v>
      </c>
      <c r="G29595" s="16">
        <v>0.27186300708765615</v>
      </c>
    </row>
    <row r="29596" spans="1:7" x14ac:dyDescent="0.3">
      <c r="A29596" s="13" t="s">
        <v>186</v>
      </c>
      <c r="B29596" s="14" t="s">
        <v>1</v>
      </c>
      <c r="C29596" s="14" t="s">
        <v>70</v>
      </c>
      <c r="D29596" s="14" t="s">
        <v>187</v>
      </c>
      <c r="E29596" s="15">
        <v>45407</v>
      </c>
      <c r="F29596" s="14" t="s">
        <v>15</v>
      </c>
      <c r="G29596" s="16">
        <v>0.32077523191170759</v>
      </c>
    </row>
    <row r="29597" spans="1:7" x14ac:dyDescent="0.3">
      <c r="A29597" s="13" t="s">
        <v>186</v>
      </c>
      <c r="B29597" s="14" t="s">
        <v>1</v>
      </c>
      <c r="C29597" s="14" t="s">
        <v>70</v>
      </c>
      <c r="D29597" s="14" t="s">
        <v>187</v>
      </c>
      <c r="E29597" s="15">
        <v>45408</v>
      </c>
      <c r="F29597" s="14" t="s">
        <v>15</v>
      </c>
      <c r="G29597" s="16">
        <v>0.32606066933885464</v>
      </c>
    </row>
    <row r="29598" spans="1:7" x14ac:dyDescent="0.3">
      <c r="A29598" s="13" t="s">
        <v>186</v>
      </c>
      <c r="B29598" s="14" t="s">
        <v>1</v>
      </c>
      <c r="C29598" s="14" t="s">
        <v>70</v>
      </c>
      <c r="D29598" s="14" t="s">
        <v>187</v>
      </c>
      <c r="E29598" s="15">
        <v>45409</v>
      </c>
      <c r="F29598" s="14" t="s">
        <v>15</v>
      </c>
      <c r="G29598" s="16">
        <v>0.32606066933885464</v>
      </c>
    </row>
    <row r="29599" spans="1:7" x14ac:dyDescent="0.3">
      <c r="A29599" s="13" t="s">
        <v>186</v>
      </c>
      <c r="B29599" s="14" t="s">
        <v>1</v>
      </c>
      <c r="C29599" s="14" t="s">
        <v>70</v>
      </c>
      <c r="D29599" s="14" t="s">
        <v>187</v>
      </c>
      <c r="E29599" s="15">
        <v>45410</v>
      </c>
      <c r="F29599" s="14" t="s">
        <v>15</v>
      </c>
      <c r="G29599" s="16">
        <v>0.32606066933885464</v>
      </c>
    </row>
    <row r="29600" spans="1:7" x14ac:dyDescent="0.3">
      <c r="A29600" s="13" t="s">
        <v>186</v>
      </c>
      <c r="B29600" s="14" t="s">
        <v>1</v>
      </c>
      <c r="C29600" s="14" t="s">
        <v>70</v>
      </c>
      <c r="D29600" s="14" t="s">
        <v>187</v>
      </c>
      <c r="E29600" s="15">
        <v>45411</v>
      </c>
      <c r="F29600" s="14" t="s">
        <v>15</v>
      </c>
      <c r="G29600" s="16">
        <v>0.33032312822790377</v>
      </c>
    </row>
    <row r="29601" spans="1:7" x14ac:dyDescent="0.3">
      <c r="A29601" s="13" t="s">
        <v>186</v>
      </c>
      <c r="B29601" s="14" t="s">
        <v>1</v>
      </c>
      <c r="C29601" s="14" t="s">
        <v>70</v>
      </c>
      <c r="D29601" s="14" t="s">
        <v>187</v>
      </c>
      <c r="E29601" s="15">
        <v>45412</v>
      </c>
      <c r="F29601" s="14" t="s">
        <v>15</v>
      </c>
      <c r="G29601" s="16">
        <v>0.34483091426361229</v>
      </c>
    </row>
    <row r="29602" spans="1:7" x14ac:dyDescent="0.3">
      <c r="A29602" s="13" t="s">
        <v>186</v>
      </c>
      <c r="B29602" s="14" t="s">
        <v>1</v>
      </c>
      <c r="C29602" s="14" t="s">
        <v>70</v>
      </c>
      <c r="D29602" s="14" t="s">
        <v>187</v>
      </c>
      <c r="E29602" s="15">
        <v>45413</v>
      </c>
      <c r="F29602" s="14" t="s">
        <v>15</v>
      </c>
      <c r="G29602" s="16">
        <v>0.34483091426361229</v>
      </c>
    </row>
    <row r="29603" spans="1:7" x14ac:dyDescent="0.3">
      <c r="A29603" s="13" t="s">
        <v>186</v>
      </c>
      <c r="B29603" s="14" t="s">
        <v>1</v>
      </c>
      <c r="C29603" s="14" t="s">
        <v>70</v>
      </c>
      <c r="D29603" s="14" t="s">
        <v>187</v>
      </c>
      <c r="E29603" s="15">
        <v>45414</v>
      </c>
      <c r="F29603" s="14" t="s">
        <v>15</v>
      </c>
      <c r="G29603" s="16">
        <v>0.38649474488241486</v>
      </c>
    </row>
    <row r="29604" spans="1:7" x14ac:dyDescent="0.3">
      <c r="A29604" s="13" t="s">
        <v>186</v>
      </c>
      <c r="B29604" s="14" t="s">
        <v>1</v>
      </c>
      <c r="C29604" s="14" t="s">
        <v>70</v>
      </c>
      <c r="D29604" s="14" t="s">
        <v>187</v>
      </c>
      <c r="E29604" s="15">
        <v>45415</v>
      </c>
      <c r="F29604" s="14" t="s">
        <v>15</v>
      </c>
      <c r="G29604" s="16">
        <v>0.39660875363087478</v>
      </c>
    </row>
    <row r="29605" spans="1:7" x14ac:dyDescent="0.3">
      <c r="A29605" s="13" t="s">
        <v>186</v>
      </c>
      <c r="B29605" s="14" t="s">
        <v>1</v>
      </c>
      <c r="C29605" s="14" t="s">
        <v>70</v>
      </c>
      <c r="D29605" s="14" t="s">
        <v>187</v>
      </c>
      <c r="E29605" s="15">
        <v>45416</v>
      </c>
      <c r="F29605" s="14" t="s">
        <v>15</v>
      </c>
      <c r="G29605" s="16">
        <v>0.39660875363087478</v>
      </c>
    </row>
    <row r="29606" spans="1:7" x14ac:dyDescent="0.3">
      <c r="A29606" s="13" t="s">
        <v>186</v>
      </c>
      <c r="B29606" s="14" t="s">
        <v>1</v>
      </c>
      <c r="C29606" s="14" t="s">
        <v>70</v>
      </c>
      <c r="D29606" s="14" t="s">
        <v>187</v>
      </c>
      <c r="E29606" s="15">
        <v>45417</v>
      </c>
      <c r="F29606" s="14" t="s">
        <v>15</v>
      </c>
      <c r="G29606" s="16">
        <v>0.39660875363087478</v>
      </c>
    </row>
    <row r="29607" spans="1:7" x14ac:dyDescent="0.3">
      <c r="A29607" s="13" t="s">
        <v>186</v>
      </c>
      <c r="B29607" s="14" t="s">
        <v>1</v>
      </c>
      <c r="C29607" s="14" t="s">
        <v>70</v>
      </c>
      <c r="D29607" s="14" t="s">
        <v>187</v>
      </c>
      <c r="E29607" s="15">
        <v>45418</v>
      </c>
      <c r="F29607" s="14" t="s">
        <v>15</v>
      </c>
      <c r="G29607" s="16">
        <v>0.39660875363087478</v>
      </c>
    </row>
    <row r="29608" spans="1:7" x14ac:dyDescent="0.3">
      <c r="A29608" s="13" t="s">
        <v>186</v>
      </c>
      <c r="B29608" s="14" t="s">
        <v>1</v>
      </c>
      <c r="C29608" s="14" t="s">
        <v>70</v>
      </c>
      <c r="D29608" s="14" t="s">
        <v>187</v>
      </c>
      <c r="E29608" s="15">
        <v>45419</v>
      </c>
      <c r="F29608" s="14" t="s">
        <v>15</v>
      </c>
      <c r="G29608" s="16">
        <v>0.42444976037842624</v>
      </c>
    </row>
    <row r="29609" spans="1:7" x14ac:dyDescent="0.3">
      <c r="A29609" s="13" t="s">
        <v>186</v>
      </c>
      <c r="B29609" s="14" t="s">
        <v>1</v>
      </c>
      <c r="C29609" s="14" t="s">
        <v>70</v>
      </c>
      <c r="D29609" s="14" t="s">
        <v>187</v>
      </c>
      <c r="E29609" s="15">
        <v>45420</v>
      </c>
      <c r="F29609" s="14" t="s">
        <v>15</v>
      </c>
      <c r="G29609" s="16">
        <v>0.44777115409341883</v>
      </c>
    </row>
    <row r="29610" spans="1:7" x14ac:dyDescent="0.3">
      <c r="A29610" s="13" t="s">
        <v>186</v>
      </c>
      <c r="B29610" s="14" t="s">
        <v>1</v>
      </c>
      <c r="C29610" s="14" t="s">
        <v>70</v>
      </c>
      <c r="D29610" s="14" t="s">
        <v>187</v>
      </c>
      <c r="E29610" s="15">
        <v>45421</v>
      </c>
      <c r="F29610" s="14" t="s">
        <v>15</v>
      </c>
      <c r="G29610" s="16">
        <v>0.44777115409341883</v>
      </c>
    </row>
    <row r="29611" spans="1:7" x14ac:dyDescent="0.3">
      <c r="A29611" s="13" t="s">
        <v>186</v>
      </c>
      <c r="B29611" s="14" t="s">
        <v>1</v>
      </c>
      <c r="C29611" s="14" t="s">
        <v>70</v>
      </c>
      <c r="D29611" s="14" t="s">
        <v>187</v>
      </c>
      <c r="E29611" s="15">
        <v>45422</v>
      </c>
      <c r="F29611" s="14" t="s">
        <v>15</v>
      </c>
      <c r="G29611" s="16">
        <v>0.4519980426987063</v>
      </c>
    </row>
    <row r="29612" spans="1:7" x14ac:dyDescent="0.3">
      <c r="A29612" s="13" t="s">
        <v>186</v>
      </c>
      <c r="B29612" s="14" t="s">
        <v>1</v>
      </c>
      <c r="C29612" s="14" t="s">
        <v>70</v>
      </c>
      <c r="D29612" s="14" t="s">
        <v>187</v>
      </c>
      <c r="E29612" s="15">
        <v>45423</v>
      </c>
      <c r="F29612" s="14" t="s">
        <v>15</v>
      </c>
      <c r="G29612" s="16">
        <v>0.4519980426987063</v>
      </c>
    </row>
    <row r="29613" spans="1:7" x14ac:dyDescent="0.3">
      <c r="A29613" s="13" t="s">
        <v>186</v>
      </c>
      <c r="B29613" s="14" t="s">
        <v>1</v>
      </c>
      <c r="C29613" s="14" t="s">
        <v>70</v>
      </c>
      <c r="D29613" s="14" t="s">
        <v>187</v>
      </c>
      <c r="E29613" s="15">
        <v>45424</v>
      </c>
      <c r="F29613" s="14" t="s">
        <v>15</v>
      </c>
      <c r="G29613" s="16">
        <v>0.4519980426987063</v>
      </c>
    </row>
    <row r="29614" spans="1:7" x14ac:dyDescent="0.3">
      <c r="A29614" s="13" t="s">
        <v>186</v>
      </c>
      <c r="B29614" s="14" t="s">
        <v>1</v>
      </c>
      <c r="C29614" s="14" t="s">
        <v>70</v>
      </c>
      <c r="D29614" s="14" t="s">
        <v>187</v>
      </c>
      <c r="E29614" s="15">
        <v>45425</v>
      </c>
      <c r="F29614" s="14" t="s">
        <v>15</v>
      </c>
      <c r="G29614" s="16">
        <v>0.56830773868611639</v>
      </c>
    </row>
    <row r="29615" spans="1:7" x14ac:dyDescent="0.3">
      <c r="A29615" s="13" t="s">
        <v>186</v>
      </c>
      <c r="B29615" s="14" t="s">
        <v>1</v>
      </c>
      <c r="C29615" s="14" t="s">
        <v>70</v>
      </c>
      <c r="D29615" s="14" t="s">
        <v>187</v>
      </c>
      <c r="E29615" s="15">
        <v>45426</v>
      </c>
      <c r="F29615" s="14" t="s">
        <v>15</v>
      </c>
      <c r="G29615" s="16">
        <v>0.60620973758895358</v>
      </c>
    </row>
    <row r="29616" spans="1:7" x14ac:dyDescent="0.3">
      <c r="A29616" s="13" t="s">
        <v>186</v>
      </c>
      <c r="B29616" s="14" t="s">
        <v>1</v>
      </c>
      <c r="C29616" s="14" t="s">
        <v>70</v>
      </c>
      <c r="D29616" s="14" t="s">
        <v>187</v>
      </c>
      <c r="E29616" s="15">
        <v>45427</v>
      </c>
      <c r="F29616" s="14" t="s">
        <v>15</v>
      </c>
      <c r="G29616" s="16">
        <v>0.61660951430564659</v>
      </c>
    </row>
    <row r="29617" spans="1:7" x14ac:dyDescent="0.3">
      <c r="A29617" s="13" t="s">
        <v>186</v>
      </c>
      <c r="B29617" s="14" t="s">
        <v>1</v>
      </c>
      <c r="C29617" s="14" t="s">
        <v>70</v>
      </c>
      <c r="D29617" s="14" t="s">
        <v>187</v>
      </c>
      <c r="E29617" s="15">
        <v>45428</v>
      </c>
      <c r="F29617" s="14" t="s">
        <v>15</v>
      </c>
      <c r="G29617" s="16">
        <v>0.62279318494187008</v>
      </c>
    </row>
    <row r="29618" spans="1:7" x14ac:dyDescent="0.3">
      <c r="A29618" s="13" t="s">
        <v>186</v>
      </c>
      <c r="B29618" s="14" t="s">
        <v>1</v>
      </c>
      <c r="C29618" s="14" t="s">
        <v>70</v>
      </c>
      <c r="D29618" s="14" t="s">
        <v>187</v>
      </c>
      <c r="E29618" s="15">
        <v>45429</v>
      </c>
      <c r="F29618" s="14" t="s">
        <v>15</v>
      </c>
      <c r="G29618" s="16">
        <v>0.71404149176867804</v>
      </c>
    </row>
    <row r="29619" spans="1:7" x14ac:dyDescent="0.3">
      <c r="A29619" s="13" t="s">
        <v>186</v>
      </c>
      <c r="B29619" s="14" t="s">
        <v>1</v>
      </c>
      <c r="C29619" s="14" t="s">
        <v>70</v>
      </c>
      <c r="D29619" s="14" t="s">
        <v>187</v>
      </c>
      <c r="E29619" s="15">
        <v>45430</v>
      </c>
      <c r="F29619" s="14" t="s">
        <v>15</v>
      </c>
      <c r="G29619" s="16">
        <v>0.71404149176867804</v>
      </c>
    </row>
    <row r="29620" spans="1:7" x14ac:dyDescent="0.3">
      <c r="A29620" s="13" t="s">
        <v>186</v>
      </c>
      <c r="B29620" s="14" t="s">
        <v>1</v>
      </c>
      <c r="C29620" s="14" t="s">
        <v>70</v>
      </c>
      <c r="D29620" s="14" t="s">
        <v>187</v>
      </c>
      <c r="E29620" s="15">
        <v>45431</v>
      </c>
      <c r="F29620" s="14" t="s">
        <v>15</v>
      </c>
      <c r="G29620" s="16">
        <v>0.71404149176867804</v>
      </c>
    </row>
    <row r="29621" spans="1:7" x14ac:dyDescent="0.3">
      <c r="A29621" s="13" t="s">
        <v>186</v>
      </c>
      <c r="B29621" s="14" t="s">
        <v>1</v>
      </c>
      <c r="C29621" s="14" t="s">
        <v>70</v>
      </c>
      <c r="D29621" s="14" t="s">
        <v>187</v>
      </c>
      <c r="E29621" s="15">
        <v>45432</v>
      </c>
      <c r="F29621" s="14" t="s">
        <v>15</v>
      </c>
      <c r="G29621" s="16">
        <v>0.71404149176867804</v>
      </c>
    </row>
    <row r="29622" spans="1:7" x14ac:dyDescent="0.3">
      <c r="A29622" s="13" t="s">
        <v>186</v>
      </c>
      <c r="B29622" s="14" t="s">
        <v>1</v>
      </c>
      <c r="C29622" s="14" t="s">
        <v>70</v>
      </c>
      <c r="D29622" s="14" t="s">
        <v>187</v>
      </c>
      <c r="E29622" s="15">
        <v>45433</v>
      </c>
      <c r="F29622" s="14" t="s">
        <v>15</v>
      </c>
      <c r="G29622" s="16">
        <v>0.71799887688543773</v>
      </c>
    </row>
    <row r="29623" spans="1:7" x14ac:dyDescent="0.3">
      <c r="A29623" s="13" t="s">
        <v>186</v>
      </c>
      <c r="B29623" s="14" t="s">
        <v>1</v>
      </c>
      <c r="C29623" s="14" t="s">
        <v>70</v>
      </c>
      <c r="D29623" s="14" t="s">
        <v>187</v>
      </c>
      <c r="E29623" s="15">
        <v>45434</v>
      </c>
      <c r="F29623" s="14" t="s">
        <v>15</v>
      </c>
      <c r="G29623" s="16">
        <v>0.75493634553204358</v>
      </c>
    </row>
    <row r="29624" spans="1:7" x14ac:dyDescent="0.3">
      <c r="A29624" s="13" t="s">
        <v>186</v>
      </c>
      <c r="B29624" s="14" t="s">
        <v>1</v>
      </c>
      <c r="C29624" s="14" t="s">
        <v>70</v>
      </c>
      <c r="D29624" s="14" t="s">
        <v>187</v>
      </c>
      <c r="E29624" s="15">
        <v>45435</v>
      </c>
      <c r="F29624" s="14" t="s">
        <v>15</v>
      </c>
      <c r="G29624" s="16">
        <v>0.76001111484144945</v>
      </c>
    </row>
    <row r="29625" spans="1:7" x14ac:dyDescent="0.3">
      <c r="A29625" s="13" t="s">
        <v>186</v>
      </c>
      <c r="B29625" s="14" t="s">
        <v>1</v>
      </c>
      <c r="C29625" s="14" t="s">
        <v>70</v>
      </c>
      <c r="D29625" s="14" t="s">
        <v>187</v>
      </c>
      <c r="E29625" s="15">
        <v>45436</v>
      </c>
      <c r="F29625" s="14" t="s">
        <v>15</v>
      </c>
      <c r="G29625" s="16">
        <v>0.76422570532067913</v>
      </c>
    </row>
    <row r="29626" spans="1:7" x14ac:dyDescent="0.3">
      <c r="A29626" s="13" t="s">
        <v>186</v>
      </c>
      <c r="B29626" s="14" t="s">
        <v>1</v>
      </c>
      <c r="C29626" s="14" t="s">
        <v>70</v>
      </c>
      <c r="D29626" s="14" t="s">
        <v>187</v>
      </c>
      <c r="E29626" s="15">
        <v>45437</v>
      </c>
      <c r="F29626" s="14" t="s">
        <v>15</v>
      </c>
      <c r="G29626" s="16">
        <v>0.76422570532067913</v>
      </c>
    </row>
    <row r="29627" spans="1:7" x14ac:dyDescent="0.3">
      <c r="A29627" s="13" t="s">
        <v>186</v>
      </c>
      <c r="B29627" s="14" t="s">
        <v>1</v>
      </c>
      <c r="C29627" s="14" t="s">
        <v>70</v>
      </c>
      <c r="D29627" s="14" t="s">
        <v>187</v>
      </c>
      <c r="E29627" s="15">
        <v>45438</v>
      </c>
      <c r="F29627" s="14" t="s">
        <v>15</v>
      </c>
      <c r="G29627" s="16">
        <v>0.76422570532067913</v>
      </c>
    </row>
    <row r="29628" spans="1:7" x14ac:dyDescent="0.3">
      <c r="A29628" s="13" t="s">
        <v>186</v>
      </c>
      <c r="B29628" s="14" t="s">
        <v>1</v>
      </c>
      <c r="C29628" s="14" t="s">
        <v>70</v>
      </c>
      <c r="D29628" s="14" t="s">
        <v>187</v>
      </c>
      <c r="E29628" s="15">
        <v>45439</v>
      </c>
      <c r="F29628" s="14" t="s">
        <v>15</v>
      </c>
      <c r="G29628" s="16">
        <v>0.76016828398071956</v>
      </c>
    </row>
    <row r="29629" spans="1:7" x14ac:dyDescent="0.3">
      <c r="A29629" s="13" t="s">
        <v>186</v>
      </c>
      <c r="B29629" s="14" t="s">
        <v>1</v>
      </c>
      <c r="C29629" s="14" t="s">
        <v>70</v>
      </c>
      <c r="D29629" s="14" t="s">
        <v>187</v>
      </c>
      <c r="E29629" s="15">
        <v>45440</v>
      </c>
      <c r="F29629" s="14" t="s">
        <v>15</v>
      </c>
      <c r="G29629" s="16">
        <v>0.77284767868433513</v>
      </c>
    </row>
    <row r="29630" spans="1:7" x14ac:dyDescent="0.3">
      <c r="A29630" s="13" t="s">
        <v>186</v>
      </c>
      <c r="B29630" s="14" t="s">
        <v>1</v>
      </c>
      <c r="C29630" s="14" t="s">
        <v>70</v>
      </c>
      <c r="D29630" s="14" t="s">
        <v>187</v>
      </c>
      <c r="E29630" s="15">
        <v>45441</v>
      </c>
      <c r="F29630" s="14" t="s">
        <v>15</v>
      </c>
      <c r="G29630" s="16">
        <v>0.77888673472272374</v>
      </c>
    </row>
    <row r="29631" spans="1:7" x14ac:dyDescent="0.3">
      <c r="A29631" s="13" t="s">
        <v>186</v>
      </c>
      <c r="B29631" s="14" t="s">
        <v>1</v>
      </c>
      <c r="C29631" s="14" t="s">
        <v>70</v>
      </c>
      <c r="D29631" s="14" t="s">
        <v>187</v>
      </c>
      <c r="E29631" s="15">
        <v>45442</v>
      </c>
      <c r="F29631" s="14" t="s">
        <v>15</v>
      </c>
      <c r="G29631" s="16">
        <v>0.77988242261691154</v>
      </c>
    </row>
    <row r="29632" spans="1:7" x14ac:dyDescent="0.3">
      <c r="A29632" s="13" t="s">
        <v>186</v>
      </c>
      <c r="B29632" s="14" t="s">
        <v>1</v>
      </c>
      <c r="C29632" s="14" t="s">
        <v>70</v>
      </c>
      <c r="D29632" s="14" t="s">
        <v>187</v>
      </c>
      <c r="E29632" s="15">
        <v>45443</v>
      </c>
      <c r="F29632" s="14" t="s">
        <v>15</v>
      </c>
      <c r="G29632" s="16">
        <v>0.78806374727397299</v>
      </c>
    </row>
    <row r="29633" spans="1:7" x14ac:dyDescent="0.3">
      <c r="A29633" s="13" t="s">
        <v>186</v>
      </c>
      <c r="B29633" s="14" t="s">
        <v>1</v>
      </c>
      <c r="C29633" s="14" t="s">
        <v>70</v>
      </c>
      <c r="D29633" s="14" t="s">
        <v>187</v>
      </c>
      <c r="E29633" s="15">
        <v>45444</v>
      </c>
      <c r="F29633" s="14" t="s">
        <v>15</v>
      </c>
      <c r="G29633" s="16">
        <v>0.78806374727397299</v>
      </c>
    </row>
    <row r="29634" spans="1:7" x14ac:dyDescent="0.3">
      <c r="A29634" s="13" t="s">
        <v>186</v>
      </c>
      <c r="B29634" s="14" t="s">
        <v>1</v>
      </c>
      <c r="C29634" s="14" t="s">
        <v>70</v>
      </c>
      <c r="D29634" s="14" t="s">
        <v>187</v>
      </c>
      <c r="E29634" s="15">
        <v>45445</v>
      </c>
      <c r="F29634" s="14" t="s">
        <v>15</v>
      </c>
      <c r="G29634" s="16">
        <v>0.78806374727397299</v>
      </c>
    </row>
    <row r="29635" spans="1:7" x14ac:dyDescent="0.3">
      <c r="A29635" s="13" t="s">
        <v>186</v>
      </c>
      <c r="B29635" s="14" t="s">
        <v>1</v>
      </c>
      <c r="C29635" s="14" t="s">
        <v>70</v>
      </c>
      <c r="D29635" s="14" t="s">
        <v>187</v>
      </c>
      <c r="E29635" s="15">
        <v>45446</v>
      </c>
      <c r="F29635" s="14" t="s">
        <v>15</v>
      </c>
      <c r="G29635" s="16">
        <v>0.78806374727397299</v>
      </c>
    </row>
    <row r="29636" spans="1:7" x14ac:dyDescent="0.3">
      <c r="A29636" s="13" t="s">
        <v>186</v>
      </c>
      <c r="B29636" s="14" t="s">
        <v>1</v>
      </c>
      <c r="C29636" s="14" t="s">
        <v>70</v>
      </c>
      <c r="D29636" s="14" t="s">
        <v>187</v>
      </c>
      <c r="E29636" s="15">
        <v>45447</v>
      </c>
      <c r="F29636" s="14" t="s">
        <v>15</v>
      </c>
      <c r="G29636" s="16">
        <v>0.8042659665689702</v>
      </c>
    </row>
    <row r="29637" spans="1:7" x14ac:dyDescent="0.3">
      <c r="A29637" s="13" t="s">
        <v>186</v>
      </c>
      <c r="B29637" s="14" t="s">
        <v>1</v>
      </c>
      <c r="C29637" s="14" t="s">
        <v>70</v>
      </c>
      <c r="D29637" s="14" t="s">
        <v>187</v>
      </c>
      <c r="E29637" s="15">
        <v>45448</v>
      </c>
      <c r="F29637" s="14" t="s">
        <v>15</v>
      </c>
      <c r="G29637" s="16">
        <v>0.84090158319084995</v>
      </c>
    </row>
    <row r="29638" spans="1:7" x14ac:dyDescent="0.3">
      <c r="A29638" s="13" t="s">
        <v>186</v>
      </c>
      <c r="B29638" s="14" t="s">
        <v>1</v>
      </c>
      <c r="C29638" s="14" t="s">
        <v>70</v>
      </c>
      <c r="D29638" s="14" t="s">
        <v>187</v>
      </c>
      <c r="E29638" s="15">
        <v>45449</v>
      </c>
      <c r="F29638" s="14" t="s">
        <v>15</v>
      </c>
      <c r="G29638" s="16">
        <v>0.84492914474310121</v>
      </c>
    </row>
    <row r="29639" spans="1:7" x14ac:dyDescent="0.3">
      <c r="A29639" s="13" t="s">
        <v>186</v>
      </c>
      <c r="B29639" s="14" t="s">
        <v>1</v>
      </c>
      <c r="C29639" s="14" t="s">
        <v>70</v>
      </c>
      <c r="D29639" s="14" t="s">
        <v>187</v>
      </c>
      <c r="E29639" s="15">
        <v>45450</v>
      </c>
      <c r="F29639" s="14" t="s">
        <v>15</v>
      </c>
      <c r="G29639" s="16">
        <v>0.84891973074142946</v>
      </c>
    </row>
    <row r="29640" spans="1:7" x14ac:dyDescent="0.3">
      <c r="A29640" s="13" t="s">
        <v>186</v>
      </c>
      <c r="B29640" s="14" t="s">
        <v>1</v>
      </c>
      <c r="C29640" s="14" t="s">
        <v>70</v>
      </c>
      <c r="D29640" s="14" t="s">
        <v>187</v>
      </c>
      <c r="E29640" s="15">
        <v>45451</v>
      </c>
      <c r="F29640" s="14" t="s">
        <v>15</v>
      </c>
      <c r="G29640" s="16">
        <v>0.84891973074142946</v>
      </c>
    </row>
    <row r="29641" spans="1:7" x14ac:dyDescent="0.3">
      <c r="A29641" s="13" t="s">
        <v>186</v>
      </c>
      <c r="B29641" s="14" t="s">
        <v>1</v>
      </c>
      <c r="C29641" s="14" t="s">
        <v>70</v>
      </c>
      <c r="D29641" s="14" t="s">
        <v>187</v>
      </c>
      <c r="E29641" s="15">
        <v>45452</v>
      </c>
      <c r="F29641" s="14" t="s">
        <v>15</v>
      </c>
      <c r="G29641" s="16">
        <v>0.84891973074142946</v>
      </c>
    </row>
    <row r="29642" spans="1:7" x14ac:dyDescent="0.3">
      <c r="A29642" s="13" t="s">
        <v>186</v>
      </c>
      <c r="B29642" s="14" t="s">
        <v>1</v>
      </c>
      <c r="C29642" s="14" t="s">
        <v>70</v>
      </c>
      <c r="D29642" s="14" t="s">
        <v>187</v>
      </c>
      <c r="E29642" s="15">
        <v>45453</v>
      </c>
      <c r="F29642" s="14" t="s">
        <v>15</v>
      </c>
      <c r="G29642" s="16">
        <v>0.86182089759283365</v>
      </c>
    </row>
    <row r="29643" spans="1:7" x14ac:dyDescent="0.3">
      <c r="A29643" s="13" t="s">
        <v>186</v>
      </c>
      <c r="B29643" s="14" t="s">
        <v>1</v>
      </c>
      <c r="C29643" s="14" t="s">
        <v>70</v>
      </c>
      <c r="D29643" s="14" t="s">
        <v>187</v>
      </c>
      <c r="E29643" s="15">
        <v>45454</v>
      </c>
      <c r="F29643" s="14" t="s">
        <v>15</v>
      </c>
      <c r="G29643" s="16">
        <v>0.8750817136026483</v>
      </c>
    </row>
    <row r="29644" spans="1:7" x14ac:dyDescent="0.3">
      <c r="A29644" s="13" t="s">
        <v>186</v>
      </c>
      <c r="B29644" s="14" t="s">
        <v>1</v>
      </c>
      <c r="C29644" s="14" t="s">
        <v>70</v>
      </c>
      <c r="D29644" s="14" t="s">
        <v>187</v>
      </c>
      <c r="E29644" s="15">
        <v>45455</v>
      </c>
      <c r="F29644" s="14" t="s">
        <v>15</v>
      </c>
      <c r="G29644" s="16">
        <v>0.88704814169790847</v>
      </c>
    </row>
    <row r="29645" spans="1:7" x14ac:dyDescent="0.3">
      <c r="A29645" s="13" t="s">
        <v>186</v>
      </c>
      <c r="B29645" s="14" t="s">
        <v>1</v>
      </c>
      <c r="C29645" s="14" t="s">
        <v>70</v>
      </c>
      <c r="D29645" s="14" t="s">
        <v>187</v>
      </c>
      <c r="E29645" s="15">
        <v>45456</v>
      </c>
      <c r="F29645" s="14" t="s">
        <v>15</v>
      </c>
      <c r="G29645" s="16">
        <v>0.89515928991947813</v>
      </c>
    </row>
    <row r="29646" spans="1:7" x14ac:dyDescent="0.3">
      <c r="A29646" s="13" t="s">
        <v>186</v>
      </c>
      <c r="B29646" s="14" t="s">
        <v>1</v>
      </c>
      <c r="C29646" s="14" t="s">
        <v>70</v>
      </c>
      <c r="D29646" s="14" t="s">
        <v>187</v>
      </c>
      <c r="E29646" s="15">
        <v>45457</v>
      </c>
      <c r="F29646" s="14" t="s">
        <v>15</v>
      </c>
      <c r="G29646" s="16">
        <v>0.90420136163696263</v>
      </c>
    </row>
    <row r="29647" spans="1:7" x14ac:dyDescent="0.3">
      <c r="A29647" s="13" t="s">
        <v>186</v>
      </c>
      <c r="B29647" s="14" t="s">
        <v>1</v>
      </c>
      <c r="C29647" s="14" t="s">
        <v>70</v>
      </c>
      <c r="D29647" s="14" t="s">
        <v>187</v>
      </c>
      <c r="E29647" s="15">
        <v>45458</v>
      </c>
      <c r="F29647" s="14" t="s">
        <v>15</v>
      </c>
      <c r="G29647" s="16">
        <v>0.90420136163696263</v>
      </c>
    </row>
    <row r="29648" spans="1:7" x14ac:dyDescent="0.3">
      <c r="A29648" s="13" t="s">
        <v>186</v>
      </c>
      <c r="B29648" s="14" t="s">
        <v>1</v>
      </c>
      <c r="C29648" s="14" t="s">
        <v>70</v>
      </c>
      <c r="D29648" s="14" t="s">
        <v>187</v>
      </c>
      <c r="E29648" s="15">
        <v>45459</v>
      </c>
      <c r="F29648" s="14" t="s">
        <v>15</v>
      </c>
      <c r="G29648" s="16">
        <v>0.90420136163696263</v>
      </c>
    </row>
    <row r="29649" spans="1:7" x14ac:dyDescent="0.3">
      <c r="A29649" s="13" t="s">
        <v>186</v>
      </c>
      <c r="B29649" s="14" t="s">
        <v>1</v>
      </c>
      <c r="C29649" s="14" t="s">
        <v>70</v>
      </c>
      <c r="D29649" s="14" t="s">
        <v>187</v>
      </c>
      <c r="E29649" s="15">
        <v>45460</v>
      </c>
      <c r="F29649" s="14" t="s">
        <v>15</v>
      </c>
      <c r="G29649" s="16">
        <v>0.92473714832203768</v>
      </c>
    </row>
    <row r="29650" spans="1:7" x14ac:dyDescent="0.3">
      <c r="A29650" s="13" t="s">
        <v>186</v>
      </c>
      <c r="B29650" s="14" t="s">
        <v>1</v>
      </c>
      <c r="C29650" s="14" t="s">
        <v>70</v>
      </c>
      <c r="D29650" s="14" t="s">
        <v>187</v>
      </c>
      <c r="E29650" s="15">
        <v>45461</v>
      </c>
      <c r="F29650" s="14" t="s">
        <v>15</v>
      </c>
      <c r="G29650" s="16">
        <v>0.93561013907077073</v>
      </c>
    </row>
    <row r="29651" spans="1:7" x14ac:dyDescent="0.3">
      <c r="A29651" s="13" t="s">
        <v>186</v>
      </c>
      <c r="B29651" s="14" t="s">
        <v>1</v>
      </c>
      <c r="C29651" s="14" t="s">
        <v>70</v>
      </c>
      <c r="D29651" s="14" t="s">
        <v>187</v>
      </c>
      <c r="E29651" s="15">
        <v>45462</v>
      </c>
      <c r="F29651" s="14" t="s">
        <v>15</v>
      </c>
      <c r="G29651" s="16">
        <v>0.94054646313930801</v>
      </c>
    </row>
    <row r="29652" spans="1:7" x14ac:dyDescent="0.3">
      <c r="A29652" s="13" t="s">
        <v>186</v>
      </c>
      <c r="B29652" s="14" t="s">
        <v>1</v>
      </c>
      <c r="C29652" s="14" t="s">
        <v>70</v>
      </c>
      <c r="D29652" s="14" t="s">
        <v>187</v>
      </c>
      <c r="E29652" s="15">
        <v>45463</v>
      </c>
      <c r="F29652" s="14" t="s">
        <v>15</v>
      </c>
      <c r="G29652" s="16">
        <v>0.95126814229086765</v>
      </c>
    </row>
    <row r="29653" spans="1:7" x14ac:dyDescent="0.3">
      <c r="A29653" s="13" t="s">
        <v>186</v>
      </c>
      <c r="B29653" s="14" t="s">
        <v>1</v>
      </c>
      <c r="C29653" s="14" t="s">
        <v>70</v>
      </c>
      <c r="D29653" s="14" t="s">
        <v>187</v>
      </c>
      <c r="E29653" s="15">
        <v>45464</v>
      </c>
      <c r="F29653" s="14" t="s">
        <v>15</v>
      </c>
      <c r="G29653" s="16">
        <v>0.95516732439519525</v>
      </c>
    </row>
    <row r="29654" spans="1:7" x14ac:dyDescent="0.3">
      <c r="A29654" s="13" t="s">
        <v>186</v>
      </c>
      <c r="B29654" s="14" t="s">
        <v>1</v>
      </c>
      <c r="C29654" s="14" t="s">
        <v>70</v>
      </c>
      <c r="D29654" s="14" t="s">
        <v>187</v>
      </c>
      <c r="E29654" s="15">
        <v>45465</v>
      </c>
      <c r="F29654" s="14" t="s">
        <v>15</v>
      </c>
      <c r="G29654" s="16">
        <v>0.95516732439519525</v>
      </c>
    </row>
    <row r="29655" spans="1:7" x14ac:dyDescent="0.3">
      <c r="A29655" s="13" t="s">
        <v>186</v>
      </c>
      <c r="B29655" s="14" t="s">
        <v>1</v>
      </c>
      <c r="C29655" s="14" t="s">
        <v>70</v>
      </c>
      <c r="D29655" s="14" t="s">
        <v>187</v>
      </c>
      <c r="E29655" s="15">
        <v>45466</v>
      </c>
      <c r="F29655" s="14" t="s">
        <v>15</v>
      </c>
      <c r="G29655" s="16">
        <v>0.95516732439519525</v>
      </c>
    </row>
    <row r="29656" spans="1:7" x14ac:dyDescent="0.3">
      <c r="A29656" s="13" t="s">
        <v>186</v>
      </c>
      <c r="B29656" s="14" t="s">
        <v>1</v>
      </c>
      <c r="C29656" s="14" t="s">
        <v>70</v>
      </c>
      <c r="D29656" s="14" t="s">
        <v>187</v>
      </c>
      <c r="E29656" s="15">
        <v>45467</v>
      </c>
      <c r="F29656" s="14" t="s">
        <v>15</v>
      </c>
      <c r="G29656" s="16">
        <v>0.95934412756300624</v>
      </c>
    </row>
    <row r="29657" spans="1:7" x14ac:dyDescent="0.3">
      <c r="A29657" s="13" t="s">
        <v>186</v>
      </c>
      <c r="B29657" s="14" t="s">
        <v>1</v>
      </c>
      <c r="C29657" s="14" t="s">
        <v>70</v>
      </c>
      <c r="D29657" s="14" t="s">
        <v>187</v>
      </c>
      <c r="E29657" s="15">
        <v>45468</v>
      </c>
      <c r="F29657" s="14" t="s">
        <v>15</v>
      </c>
      <c r="G29657" s="16">
        <v>0.97729154429772047</v>
      </c>
    </row>
    <row r="29658" spans="1:7" x14ac:dyDescent="0.3">
      <c r="A29658" s="13" t="s">
        <v>186</v>
      </c>
      <c r="B29658" s="14" t="s">
        <v>1</v>
      </c>
      <c r="C29658" s="14" t="s">
        <v>70</v>
      </c>
      <c r="D29658" s="14" t="s">
        <v>187</v>
      </c>
      <c r="E29658" s="15">
        <v>45469</v>
      </c>
      <c r="F29658" s="14" t="s">
        <v>15</v>
      </c>
      <c r="G29658" s="16">
        <v>0.98127194273947926</v>
      </c>
    </row>
    <row r="29659" spans="1:7" x14ac:dyDescent="0.3">
      <c r="A29659" s="13" t="s">
        <v>186</v>
      </c>
      <c r="B29659" s="14" t="s">
        <v>1</v>
      </c>
      <c r="C29659" s="14" t="s">
        <v>70</v>
      </c>
      <c r="D29659" s="14" t="s">
        <v>187</v>
      </c>
      <c r="E29659" s="15">
        <v>45470</v>
      </c>
      <c r="F29659" s="14" t="s">
        <v>15</v>
      </c>
      <c r="G29659" s="16">
        <v>0.9853123300601605</v>
      </c>
    </row>
    <row r="29660" spans="1:7" x14ac:dyDescent="0.3">
      <c r="A29660" s="13" t="s">
        <v>186</v>
      </c>
      <c r="B29660" s="14" t="s">
        <v>1</v>
      </c>
      <c r="C29660" s="14" t="s">
        <v>70</v>
      </c>
      <c r="D29660" s="14" t="s">
        <v>187</v>
      </c>
      <c r="E29660" s="15">
        <v>45471</v>
      </c>
      <c r="F29660" s="14" t="s">
        <v>15</v>
      </c>
      <c r="G29660" s="16">
        <v>1.0133372290478262</v>
      </c>
    </row>
    <row r="29661" spans="1:7" x14ac:dyDescent="0.3">
      <c r="A29661" s="13" t="s">
        <v>186</v>
      </c>
      <c r="B29661" s="14" t="s">
        <v>1</v>
      </c>
      <c r="C29661" s="14" t="s">
        <v>70</v>
      </c>
      <c r="D29661" s="14" t="s">
        <v>187</v>
      </c>
      <c r="E29661" s="15">
        <v>45472</v>
      </c>
      <c r="F29661" s="14" t="s">
        <v>15</v>
      </c>
      <c r="G29661" s="16">
        <v>1.0133372290478262</v>
      </c>
    </row>
    <row r="29662" spans="1:7" x14ac:dyDescent="0.3">
      <c r="A29662" s="13" t="s">
        <v>186</v>
      </c>
      <c r="B29662" s="14" t="s">
        <v>1</v>
      </c>
      <c r="C29662" s="14" t="s">
        <v>70</v>
      </c>
      <c r="D29662" s="14" t="s">
        <v>187</v>
      </c>
      <c r="E29662" s="15">
        <v>45473</v>
      </c>
      <c r="F29662" s="14" t="s">
        <v>15</v>
      </c>
      <c r="G29662" s="16">
        <v>1.0133372290478262</v>
      </c>
    </row>
    <row r="29663" spans="1:7" x14ac:dyDescent="0.3">
      <c r="A29663" s="13" t="s">
        <v>186</v>
      </c>
      <c r="B29663" s="14" t="s">
        <v>1</v>
      </c>
      <c r="C29663" s="14" t="s">
        <v>70</v>
      </c>
      <c r="D29663" s="14" t="s">
        <v>187</v>
      </c>
      <c r="E29663" s="15">
        <v>45474</v>
      </c>
      <c r="F29663" s="14" t="s">
        <v>15</v>
      </c>
      <c r="G29663" s="16">
        <v>1.0224180215978493</v>
      </c>
    </row>
    <row r="29664" spans="1:7" x14ac:dyDescent="0.3">
      <c r="A29664" s="13" t="s">
        <v>186</v>
      </c>
      <c r="B29664" s="14" t="s">
        <v>1</v>
      </c>
      <c r="C29664" s="14" t="s">
        <v>70</v>
      </c>
      <c r="D29664" s="14" t="s">
        <v>187</v>
      </c>
      <c r="E29664" s="15">
        <v>45475</v>
      </c>
      <c r="F29664" s="14" t="s">
        <v>15</v>
      </c>
      <c r="G29664" s="16">
        <v>1.0367121237237695</v>
      </c>
    </row>
    <row r="29665" spans="1:7" x14ac:dyDescent="0.3">
      <c r="A29665" s="13" t="s">
        <v>186</v>
      </c>
      <c r="B29665" s="14" t="s">
        <v>1</v>
      </c>
      <c r="C29665" s="14" t="s">
        <v>70</v>
      </c>
      <c r="D29665" s="14" t="s">
        <v>187</v>
      </c>
      <c r="E29665" s="15">
        <v>45476</v>
      </c>
      <c r="F29665" s="14" t="s">
        <v>15</v>
      </c>
      <c r="G29665" s="16">
        <v>1.0729870764903695</v>
      </c>
    </row>
    <row r="29666" spans="1:7" x14ac:dyDescent="0.3">
      <c r="A29666" s="13" t="s">
        <v>186</v>
      </c>
      <c r="B29666" s="14" t="s">
        <v>1</v>
      </c>
      <c r="C29666" s="14" t="s">
        <v>70</v>
      </c>
      <c r="D29666" s="14" t="s">
        <v>187</v>
      </c>
      <c r="E29666" s="15">
        <v>45477</v>
      </c>
      <c r="F29666" s="14" t="s">
        <v>15</v>
      </c>
      <c r="G29666" s="16">
        <v>1.0770066016434148</v>
      </c>
    </row>
    <row r="29667" spans="1:7" x14ac:dyDescent="0.3">
      <c r="A29667" s="13" t="s">
        <v>186</v>
      </c>
      <c r="B29667" s="14" t="s">
        <v>1</v>
      </c>
      <c r="C29667" s="14" t="s">
        <v>70</v>
      </c>
      <c r="D29667" s="14" t="s">
        <v>187</v>
      </c>
      <c r="E29667" s="15">
        <v>45478</v>
      </c>
      <c r="F29667" s="14" t="s">
        <v>15</v>
      </c>
      <c r="G29667" s="16">
        <v>1.081086683905629</v>
      </c>
    </row>
    <row r="29668" spans="1:7" x14ac:dyDescent="0.3">
      <c r="A29668" s="13" t="s">
        <v>186</v>
      </c>
      <c r="B29668" s="14" t="s">
        <v>1</v>
      </c>
      <c r="C29668" s="14" t="s">
        <v>70</v>
      </c>
      <c r="D29668" s="14" t="s">
        <v>187</v>
      </c>
      <c r="E29668" s="15">
        <v>45479</v>
      </c>
      <c r="F29668" s="14" t="s">
        <v>15</v>
      </c>
      <c r="G29668" s="16">
        <v>1.081086683905629</v>
      </c>
    </row>
    <row r="29669" spans="1:7" x14ac:dyDescent="0.3">
      <c r="A29669" s="13" t="s">
        <v>186</v>
      </c>
      <c r="B29669" s="14" t="s">
        <v>1</v>
      </c>
      <c r="C29669" s="14" t="s">
        <v>70</v>
      </c>
      <c r="D29669" s="14" t="s">
        <v>187</v>
      </c>
      <c r="E29669" s="15">
        <v>45480</v>
      </c>
      <c r="F29669" s="14" t="s">
        <v>15</v>
      </c>
      <c r="G29669" s="16">
        <v>1.081086683905629</v>
      </c>
    </row>
    <row r="29670" spans="1:7" x14ac:dyDescent="0.3">
      <c r="A29670" s="13" t="s">
        <v>186</v>
      </c>
      <c r="B29670" s="14" t="s">
        <v>1</v>
      </c>
      <c r="C29670" s="14" t="s">
        <v>70</v>
      </c>
      <c r="D29670" s="14" t="s">
        <v>187</v>
      </c>
      <c r="E29670" s="15">
        <v>45481</v>
      </c>
      <c r="F29670" s="14" t="s">
        <v>15</v>
      </c>
      <c r="G29670" s="16">
        <v>1.1036283639501219</v>
      </c>
    </row>
    <row r="29671" spans="1:7" x14ac:dyDescent="0.3">
      <c r="A29671" s="13" t="s">
        <v>186</v>
      </c>
      <c r="B29671" s="14" t="s">
        <v>1</v>
      </c>
      <c r="C29671" s="14" t="s">
        <v>70</v>
      </c>
      <c r="D29671" s="14" t="s">
        <v>187</v>
      </c>
      <c r="E29671" s="15">
        <v>45482</v>
      </c>
      <c r="F29671" s="14" t="s">
        <v>15</v>
      </c>
      <c r="G29671" s="16">
        <v>1.1154110101483861</v>
      </c>
    </row>
    <row r="29672" spans="1:7" x14ac:dyDescent="0.3">
      <c r="A29672" s="13" t="s">
        <v>186</v>
      </c>
      <c r="B29672" s="14" t="s">
        <v>1</v>
      </c>
      <c r="C29672" s="14" t="s">
        <v>70</v>
      </c>
      <c r="D29672" s="14" t="s">
        <v>187</v>
      </c>
      <c r="E29672" s="15">
        <v>45483</v>
      </c>
      <c r="F29672" s="14" t="s">
        <v>15</v>
      </c>
      <c r="G29672" s="16">
        <v>1.1223291589665974</v>
      </c>
    </row>
    <row r="29673" spans="1:7" x14ac:dyDescent="0.3">
      <c r="A29673" s="13" t="s">
        <v>186</v>
      </c>
      <c r="B29673" s="14" t="s">
        <v>1</v>
      </c>
      <c r="C29673" s="14" t="s">
        <v>70</v>
      </c>
      <c r="D29673" s="14" t="s">
        <v>187</v>
      </c>
      <c r="E29673" s="15">
        <v>45484</v>
      </c>
      <c r="F29673" s="14" t="s">
        <v>15</v>
      </c>
      <c r="G29673" s="16">
        <v>1.1391445392858701</v>
      </c>
    </row>
    <row r="29674" spans="1:7" x14ac:dyDescent="0.3">
      <c r="A29674" s="13" t="s">
        <v>186</v>
      </c>
      <c r="B29674" s="14" t="s">
        <v>1</v>
      </c>
      <c r="C29674" s="14" t="s">
        <v>70</v>
      </c>
      <c r="D29674" s="14" t="s">
        <v>187</v>
      </c>
      <c r="E29674" s="15">
        <v>45485</v>
      </c>
      <c r="F29674" s="14" t="s">
        <v>15</v>
      </c>
      <c r="G29674" s="16">
        <v>1.1456225531899857</v>
      </c>
    </row>
    <row r="29675" spans="1:7" x14ac:dyDescent="0.3">
      <c r="A29675" s="13" t="s">
        <v>186</v>
      </c>
      <c r="B29675" s="14" t="s">
        <v>1</v>
      </c>
      <c r="C29675" s="14" t="s">
        <v>70</v>
      </c>
      <c r="D29675" s="14" t="s">
        <v>187</v>
      </c>
      <c r="E29675" s="15">
        <v>45486</v>
      </c>
      <c r="F29675" s="14" t="s">
        <v>15</v>
      </c>
      <c r="G29675" s="16">
        <v>1.1456225531899857</v>
      </c>
    </row>
    <row r="29676" spans="1:7" x14ac:dyDescent="0.3">
      <c r="A29676" s="13" t="s">
        <v>186</v>
      </c>
      <c r="B29676" s="14" t="s">
        <v>1</v>
      </c>
      <c r="C29676" s="14" t="s">
        <v>70</v>
      </c>
      <c r="D29676" s="14" t="s">
        <v>187</v>
      </c>
      <c r="E29676" s="15">
        <v>45487</v>
      </c>
      <c r="F29676" s="14" t="s">
        <v>15</v>
      </c>
      <c r="G29676" s="16">
        <v>1.1456225531899857</v>
      </c>
    </row>
    <row r="29677" spans="1:7" x14ac:dyDescent="0.3">
      <c r="A29677" s="13" t="s">
        <v>186</v>
      </c>
      <c r="B29677" s="14" t="s">
        <v>1</v>
      </c>
      <c r="C29677" s="14" t="s">
        <v>70</v>
      </c>
      <c r="D29677" s="14" t="s">
        <v>187</v>
      </c>
      <c r="E29677" s="15">
        <v>45488</v>
      </c>
      <c r="F29677" s="14" t="s">
        <v>15</v>
      </c>
      <c r="G29677" s="16">
        <v>1.1484702660759536</v>
      </c>
    </row>
    <row r="29678" spans="1:7" x14ac:dyDescent="0.3">
      <c r="A29678" s="13" t="s">
        <v>186</v>
      </c>
      <c r="B29678" s="14" t="s">
        <v>1</v>
      </c>
      <c r="C29678" s="14" t="s">
        <v>70</v>
      </c>
      <c r="D29678" s="14" t="s">
        <v>187</v>
      </c>
      <c r="E29678" s="15">
        <v>45489</v>
      </c>
      <c r="F29678" s="14" t="s">
        <v>15</v>
      </c>
      <c r="G29678" s="16">
        <v>1.1599429631700242</v>
      </c>
    </row>
    <row r="29679" spans="1:7" x14ac:dyDescent="0.3">
      <c r="A29679" s="13" t="s">
        <v>186</v>
      </c>
      <c r="B29679" s="14" t="s">
        <v>1</v>
      </c>
      <c r="C29679" s="14" t="s">
        <v>70</v>
      </c>
      <c r="D29679" s="14" t="s">
        <v>187</v>
      </c>
      <c r="E29679" s="15">
        <v>45490</v>
      </c>
      <c r="F29679" s="14" t="s">
        <v>15</v>
      </c>
      <c r="G29679" s="16">
        <v>1.1636564795681101</v>
      </c>
    </row>
    <row r="29680" spans="1:7" x14ac:dyDescent="0.3">
      <c r="A29680" s="13" t="s">
        <v>186</v>
      </c>
      <c r="B29680" s="14" t="s">
        <v>1</v>
      </c>
      <c r="C29680" s="14" t="s">
        <v>70</v>
      </c>
      <c r="D29680" s="14" t="s">
        <v>187</v>
      </c>
      <c r="E29680" s="15">
        <v>45491</v>
      </c>
      <c r="F29680" s="14" t="s">
        <v>15</v>
      </c>
      <c r="G29680" s="16">
        <v>1.1808398120466268</v>
      </c>
    </row>
    <row r="29681" spans="1:7" x14ac:dyDescent="0.3">
      <c r="A29681" s="13" t="s">
        <v>186</v>
      </c>
      <c r="B29681" s="14" t="s">
        <v>1</v>
      </c>
      <c r="C29681" s="14" t="s">
        <v>70</v>
      </c>
      <c r="D29681" s="14" t="s">
        <v>187</v>
      </c>
      <c r="E29681" s="15">
        <v>45492</v>
      </c>
      <c r="F29681" s="14" t="s">
        <v>15</v>
      </c>
      <c r="G29681" s="16">
        <v>1.1847371257541808</v>
      </c>
    </row>
    <row r="29682" spans="1:7" x14ac:dyDescent="0.3">
      <c r="A29682" s="13" t="s">
        <v>186</v>
      </c>
      <c r="B29682" s="14" t="s">
        <v>1</v>
      </c>
      <c r="C29682" s="14" t="s">
        <v>70</v>
      </c>
      <c r="D29682" s="14" t="s">
        <v>187</v>
      </c>
      <c r="E29682" s="15">
        <v>45493</v>
      </c>
      <c r="F29682" s="14" t="s">
        <v>15</v>
      </c>
      <c r="G29682" s="16">
        <v>1.1847371257541808</v>
      </c>
    </row>
    <row r="29683" spans="1:7" x14ac:dyDescent="0.3">
      <c r="A29683" s="13" t="s">
        <v>186</v>
      </c>
      <c r="B29683" s="14" t="s">
        <v>1</v>
      </c>
      <c r="C29683" s="14" t="s">
        <v>70</v>
      </c>
      <c r="D29683" s="14" t="s">
        <v>187</v>
      </c>
      <c r="E29683" s="15">
        <v>45494</v>
      </c>
      <c r="F29683" s="14" t="s">
        <v>15</v>
      </c>
      <c r="G29683" s="16">
        <v>1.1847371257541808</v>
      </c>
    </row>
    <row r="29684" spans="1:7" x14ac:dyDescent="0.3">
      <c r="A29684" s="13" t="s">
        <v>186</v>
      </c>
      <c r="B29684" s="14" t="s">
        <v>1</v>
      </c>
      <c r="C29684" s="14" t="s">
        <v>70</v>
      </c>
      <c r="D29684" s="14" t="s">
        <v>187</v>
      </c>
      <c r="E29684" s="15">
        <v>45495</v>
      </c>
      <c r="F29684" s="14" t="s">
        <v>15</v>
      </c>
      <c r="G29684" s="16">
        <v>1.1922542276261663</v>
      </c>
    </row>
    <row r="29685" spans="1:7" x14ac:dyDescent="0.3">
      <c r="A29685" s="13" t="s">
        <v>186</v>
      </c>
      <c r="B29685" s="14" t="s">
        <v>1</v>
      </c>
      <c r="C29685" s="14" t="s">
        <v>70</v>
      </c>
      <c r="D29685" s="14" t="s">
        <v>187</v>
      </c>
      <c r="E29685" s="15">
        <v>45496</v>
      </c>
      <c r="F29685" s="14" t="s">
        <v>15</v>
      </c>
      <c r="G29685" s="16">
        <v>1.2240395839127511</v>
      </c>
    </row>
    <row r="29686" spans="1:7" x14ac:dyDescent="0.3">
      <c r="A29686" s="13" t="s">
        <v>186</v>
      </c>
      <c r="B29686" s="14" t="s">
        <v>1</v>
      </c>
      <c r="C29686" s="14" t="s">
        <v>70</v>
      </c>
      <c r="D29686" s="14" t="s">
        <v>187</v>
      </c>
      <c r="E29686" s="15">
        <v>45497</v>
      </c>
      <c r="F29686" s="14" t="s">
        <v>15</v>
      </c>
      <c r="G29686" s="16">
        <v>1.2291117332826886</v>
      </c>
    </row>
    <row r="29687" spans="1:7" x14ac:dyDescent="0.3">
      <c r="A29687" s="13" t="s">
        <v>186</v>
      </c>
      <c r="B29687" s="14" t="s">
        <v>1</v>
      </c>
      <c r="C29687" s="14" t="s">
        <v>70</v>
      </c>
      <c r="D29687" s="14" t="s">
        <v>187</v>
      </c>
      <c r="E29687" s="15">
        <v>45498</v>
      </c>
      <c r="F29687" s="14" t="s">
        <v>15</v>
      </c>
      <c r="G29687" s="16">
        <v>1.2330436057748169</v>
      </c>
    </row>
    <row r="29688" spans="1:7" x14ac:dyDescent="0.3">
      <c r="A29688" s="13" t="s">
        <v>186</v>
      </c>
      <c r="B29688" s="14" t="s">
        <v>1</v>
      </c>
      <c r="C29688" s="14" t="s">
        <v>70</v>
      </c>
      <c r="D29688" s="14" t="s">
        <v>187</v>
      </c>
      <c r="E29688" s="15">
        <v>45499</v>
      </c>
      <c r="F29688" s="14" t="s">
        <v>15</v>
      </c>
      <c r="G29688" s="16">
        <v>1.2369652084394538</v>
      </c>
    </row>
    <row r="29689" spans="1:7" x14ac:dyDescent="0.3">
      <c r="A29689" s="13" t="s">
        <v>186</v>
      </c>
      <c r="B29689" s="14" t="s">
        <v>1</v>
      </c>
      <c r="C29689" s="14" t="s">
        <v>70</v>
      </c>
      <c r="D29689" s="14" t="s">
        <v>187</v>
      </c>
      <c r="E29689" s="15">
        <v>45500</v>
      </c>
      <c r="F29689" s="14" t="s">
        <v>15</v>
      </c>
      <c r="G29689" s="16">
        <v>1.2369652084394538</v>
      </c>
    </row>
    <row r="29690" spans="1:7" x14ac:dyDescent="0.3">
      <c r="A29690" s="13" t="s">
        <v>186</v>
      </c>
      <c r="B29690" s="14" t="s">
        <v>1</v>
      </c>
      <c r="C29690" s="14" t="s">
        <v>70</v>
      </c>
      <c r="D29690" s="14" t="s">
        <v>187</v>
      </c>
      <c r="E29690" s="15">
        <v>45501</v>
      </c>
      <c r="F29690" s="14" t="s">
        <v>15</v>
      </c>
      <c r="G29690" s="16">
        <v>1.2369652084394538</v>
      </c>
    </row>
    <row r="29691" spans="1:7" x14ac:dyDescent="0.3">
      <c r="A29691" s="13" t="s">
        <v>186</v>
      </c>
      <c r="B29691" s="14" t="s">
        <v>1</v>
      </c>
      <c r="C29691" s="14" t="s">
        <v>70</v>
      </c>
      <c r="D29691" s="14" t="s">
        <v>187</v>
      </c>
      <c r="E29691" s="15">
        <v>45502</v>
      </c>
      <c r="F29691" s="14" t="s">
        <v>15</v>
      </c>
      <c r="G29691" s="16">
        <v>1.2420649885357373</v>
      </c>
    </row>
    <row r="29692" spans="1:7" x14ac:dyDescent="0.3">
      <c r="A29692" s="13" t="s">
        <v>186</v>
      </c>
      <c r="B29692" s="14" t="s">
        <v>1</v>
      </c>
      <c r="C29692" s="14" t="s">
        <v>70</v>
      </c>
      <c r="D29692" s="14" t="s">
        <v>187</v>
      </c>
      <c r="E29692" s="15">
        <v>45503</v>
      </c>
      <c r="F29692" s="14" t="s">
        <v>15</v>
      </c>
      <c r="G29692" s="16">
        <v>1.2537065264841596</v>
      </c>
    </row>
    <row r="29693" spans="1:7" x14ac:dyDescent="0.3">
      <c r="A29693" s="13" t="s">
        <v>186</v>
      </c>
      <c r="B29693" s="14" t="s">
        <v>1</v>
      </c>
      <c r="C29693" s="14" t="s">
        <v>70</v>
      </c>
      <c r="D29693" s="14" t="s">
        <v>187</v>
      </c>
      <c r="E29693" s="15">
        <v>45504</v>
      </c>
      <c r="F29693" s="14" t="s">
        <v>15</v>
      </c>
      <c r="G29693" s="16">
        <v>1.2582461119427601</v>
      </c>
    </row>
    <row r="29694" spans="1:7" x14ac:dyDescent="0.3">
      <c r="A29694" s="13" t="s">
        <v>186</v>
      </c>
      <c r="B29694" s="14" t="s">
        <v>1</v>
      </c>
      <c r="C29694" s="14" t="s">
        <v>70</v>
      </c>
      <c r="D29694" s="14" t="s">
        <v>187</v>
      </c>
      <c r="E29694" s="15">
        <v>45505</v>
      </c>
      <c r="F29694" s="14" t="s">
        <v>15</v>
      </c>
      <c r="G29694" s="16">
        <v>1.2582461119427601</v>
      </c>
    </row>
    <row r="29695" spans="1:7" x14ac:dyDescent="0.3">
      <c r="A29695" s="13" t="s">
        <v>186</v>
      </c>
      <c r="B29695" s="14" t="s">
        <v>1</v>
      </c>
      <c r="C29695" s="14" t="s">
        <v>70</v>
      </c>
      <c r="D29695" s="14" t="s">
        <v>187</v>
      </c>
      <c r="E29695" s="15">
        <v>45506</v>
      </c>
      <c r="F29695" s="14" t="s">
        <v>15</v>
      </c>
      <c r="G29695" s="16">
        <v>1.273000944775408</v>
      </c>
    </row>
    <row r="29696" spans="1:7" x14ac:dyDescent="0.3">
      <c r="A29696" s="13" t="s">
        <v>186</v>
      </c>
      <c r="B29696" s="14" t="s">
        <v>1</v>
      </c>
      <c r="C29696" s="14" t="s">
        <v>70</v>
      </c>
      <c r="D29696" s="14" t="s">
        <v>187</v>
      </c>
      <c r="E29696" s="15">
        <v>45507</v>
      </c>
      <c r="F29696" s="14" t="s">
        <v>15</v>
      </c>
      <c r="G29696" s="16">
        <v>1.273000944775408</v>
      </c>
    </row>
    <row r="29697" spans="1:7" x14ac:dyDescent="0.3">
      <c r="A29697" s="13" t="s">
        <v>186</v>
      </c>
      <c r="B29697" s="14" t="s">
        <v>1</v>
      </c>
      <c r="C29697" s="14" t="s">
        <v>70</v>
      </c>
      <c r="D29697" s="14" t="s">
        <v>187</v>
      </c>
      <c r="E29697" s="15">
        <v>45508</v>
      </c>
      <c r="F29697" s="14" t="s">
        <v>15</v>
      </c>
      <c r="G29697" s="16">
        <v>1.273000944775408</v>
      </c>
    </row>
    <row r="29698" spans="1:7" x14ac:dyDescent="0.3">
      <c r="A29698" s="13" t="s">
        <v>186</v>
      </c>
      <c r="B29698" s="14" t="s">
        <v>1</v>
      </c>
      <c r="C29698" s="14" t="s">
        <v>70</v>
      </c>
      <c r="D29698" s="14" t="s">
        <v>187</v>
      </c>
      <c r="E29698" s="15">
        <v>45509</v>
      </c>
      <c r="F29698" s="14" t="s">
        <v>15</v>
      </c>
      <c r="G29698" s="16">
        <v>1.273000944775408</v>
      </c>
    </row>
    <row r="29699" spans="1:7" x14ac:dyDescent="0.3">
      <c r="A29699" s="13" t="s">
        <v>186</v>
      </c>
      <c r="B29699" s="14" t="s">
        <v>1</v>
      </c>
      <c r="C29699" s="14" t="s">
        <v>70</v>
      </c>
      <c r="D29699" s="14" t="s">
        <v>187</v>
      </c>
      <c r="E29699" s="15">
        <v>45510</v>
      </c>
      <c r="F29699" s="14" t="s">
        <v>15</v>
      </c>
      <c r="G29699" s="16">
        <v>1.2781784816865573</v>
      </c>
    </row>
    <row r="29700" spans="1:7" x14ac:dyDescent="0.3">
      <c r="A29700" s="13" t="s">
        <v>186</v>
      </c>
      <c r="B29700" s="14" t="s">
        <v>1</v>
      </c>
      <c r="C29700" s="14" t="s">
        <v>70</v>
      </c>
      <c r="D29700" s="14" t="s">
        <v>187</v>
      </c>
      <c r="E29700" s="15">
        <v>45511</v>
      </c>
      <c r="F29700" s="14" t="s">
        <v>15</v>
      </c>
      <c r="G29700" s="16">
        <v>1.3238038066646027</v>
      </c>
    </row>
    <row r="29701" spans="1:7" x14ac:dyDescent="0.3">
      <c r="A29701" s="13" t="s">
        <v>186</v>
      </c>
      <c r="B29701" s="14" t="s">
        <v>1</v>
      </c>
      <c r="C29701" s="14" t="s">
        <v>70</v>
      </c>
      <c r="D29701" s="14" t="s">
        <v>187</v>
      </c>
      <c r="E29701" s="15">
        <v>45512</v>
      </c>
      <c r="F29701" s="14" t="s">
        <v>15</v>
      </c>
      <c r="G29701" s="16">
        <v>1.3278674590970583</v>
      </c>
    </row>
    <row r="29702" spans="1:7" x14ac:dyDescent="0.3">
      <c r="A29702" s="13" t="s">
        <v>186</v>
      </c>
      <c r="B29702" s="14" t="s">
        <v>1</v>
      </c>
      <c r="C29702" s="14" t="s">
        <v>70</v>
      </c>
      <c r="D29702" s="14" t="s">
        <v>187</v>
      </c>
      <c r="E29702" s="15">
        <v>45513</v>
      </c>
      <c r="F29702" s="14" t="s">
        <v>15</v>
      </c>
      <c r="G29702" s="16">
        <v>1.3456323551640847</v>
      </c>
    </row>
    <row r="29703" spans="1:7" x14ac:dyDescent="0.3">
      <c r="A29703" s="13" t="s">
        <v>186</v>
      </c>
      <c r="B29703" s="14" t="s">
        <v>1</v>
      </c>
      <c r="C29703" s="14" t="s">
        <v>70</v>
      </c>
      <c r="D29703" s="14" t="s">
        <v>187</v>
      </c>
      <c r="E29703" s="15">
        <v>45514</v>
      </c>
      <c r="F29703" s="14" t="s">
        <v>15</v>
      </c>
      <c r="G29703" s="16">
        <v>1.3456323551640847</v>
      </c>
    </row>
    <row r="29704" spans="1:7" x14ac:dyDescent="0.3">
      <c r="A29704" s="13" t="s">
        <v>186</v>
      </c>
      <c r="B29704" s="14" t="s">
        <v>1</v>
      </c>
      <c r="C29704" s="14" t="s">
        <v>70</v>
      </c>
      <c r="D29704" s="14" t="s">
        <v>187</v>
      </c>
      <c r="E29704" s="15">
        <v>45515</v>
      </c>
      <c r="F29704" s="14" t="s">
        <v>15</v>
      </c>
      <c r="G29704" s="16">
        <v>1.3456323551640847</v>
      </c>
    </row>
    <row r="29705" spans="1:7" x14ac:dyDescent="0.3">
      <c r="A29705" s="13" t="s">
        <v>186</v>
      </c>
      <c r="B29705" s="14" t="s">
        <v>1</v>
      </c>
      <c r="C29705" s="14" t="s">
        <v>70</v>
      </c>
      <c r="D29705" s="14" t="s">
        <v>187</v>
      </c>
      <c r="E29705" s="15">
        <v>45516</v>
      </c>
      <c r="F29705" s="14" t="s">
        <v>15</v>
      </c>
      <c r="G29705" s="16">
        <v>1.3632540055829969</v>
      </c>
    </row>
    <row r="29706" spans="1:7" x14ac:dyDescent="0.3">
      <c r="A29706" s="13" t="s">
        <v>186</v>
      </c>
      <c r="B29706" s="14" t="s">
        <v>1</v>
      </c>
      <c r="C29706" s="14" t="s">
        <v>70</v>
      </c>
      <c r="D29706" s="14" t="s">
        <v>187</v>
      </c>
      <c r="E29706" s="15">
        <v>45517</v>
      </c>
      <c r="F29706" s="14" t="s">
        <v>15</v>
      </c>
      <c r="G29706" s="16">
        <v>1.3786632647729373</v>
      </c>
    </row>
    <row r="29707" spans="1:7" x14ac:dyDescent="0.3">
      <c r="A29707" s="13" t="s">
        <v>186</v>
      </c>
      <c r="B29707" s="14" t="s">
        <v>1</v>
      </c>
      <c r="C29707" s="14" t="s">
        <v>70</v>
      </c>
      <c r="D29707" s="14" t="s">
        <v>187</v>
      </c>
      <c r="E29707" s="15">
        <v>45518</v>
      </c>
      <c r="F29707" s="14" t="s">
        <v>15</v>
      </c>
      <c r="G29707" s="16">
        <v>1.3819921827466475</v>
      </c>
    </row>
    <row r="29708" spans="1:7" x14ac:dyDescent="0.3">
      <c r="A29708" s="13" t="s">
        <v>186</v>
      </c>
      <c r="B29708" s="14" t="s">
        <v>1</v>
      </c>
      <c r="C29708" s="14" t="s">
        <v>70</v>
      </c>
      <c r="D29708" s="14" t="s">
        <v>187</v>
      </c>
      <c r="E29708" s="15">
        <v>45519</v>
      </c>
      <c r="F29708" s="14" t="s">
        <v>15</v>
      </c>
      <c r="G29708" s="16">
        <v>1.3859863637551266</v>
      </c>
    </row>
    <row r="29709" spans="1:7" x14ac:dyDescent="0.3">
      <c r="A29709" s="13" t="s">
        <v>186</v>
      </c>
      <c r="B29709" s="14" t="s">
        <v>1</v>
      </c>
      <c r="C29709" s="14" t="s">
        <v>70</v>
      </c>
      <c r="D29709" s="14" t="s">
        <v>187</v>
      </c>
      <c r="E29709" s="15">
        <v>45520</v>
      </c>
      <c r="F29709" s="14" t="s">
        <v>15</v>
      </c>
      <c r="G29709" s="16">
        <v>1.4423112838844141</v>
      </c>
    </row>
    <row r="29710" spans="1:7" x14ac:dyDescent="0.3">
      <c r="A29710" s="13" t="s">
        <v>186</v>
      </c>
      <c r="B29710" s="14" t="s">
        <v>1</v>
      </c>
      <c r="C29710" s="14" t="s">
        <v>70</v>
      </c>
      <c r="D29710" s="14" t="s">
        <v>187</v>
      </c>
      <c r="E29710" s="15">
        <v>45521</v>
      </c>
      <c r="F29710" s="14" t="s">
        <v>15</v>
      </c>
      <c r="G29710" s="16">
        <v>1.4423112838844141</v>
      </c>
    </row>
    <row r="29711" spans="1:7" x14ac:dyDescent="0.3">
      <c r="A29711" s="13" t="s">
        <v>186</v>
      </c>
      <c r="B29711" s="14" t="s">
        <v>1</v>
      </c>
      <c r="C29711" s="14" t="s">
        <v>70</v>
      </c>
      <c r="D29711" s="14" t="s">
        <v>187</v>
      </c>
      <c r="E29711" s="15">
        <v>45522</v>
      </c>
      <c r="F29711" s="14" t="s">
        <v>15</v>
      </c>
      <c r="G29711" s="16">
        <v>1.4423112838844141</v>
      </c>
    </row>
    <row r="29712" spans="1:7" x14ac:dyDescent="0.3">
      <c r="A29712" s="13" t="s">
        <v>186</v>
      </c>
      <c r="B29712" s="14" t="s">
        <v>1</v>
      </c>
      <c r="C29712" s="14" t="s">
        <v>70</v>
      </c>
      <c r="D29712" s="14" t="s">
        <v>187</v>
      </c>
      <c r="E29712" s="15">
        <v>45523</v>
      </c>
      <c r="F29712" s="14" t="s">
        <v>15</v>
      </c>
      <c r="G29712" s="16">
        <v>1.4588318769841795</v>
      </c>
    </row>
    <row r="29713" spans="1:7" x14ac:dyDescent="0.3">
      <c r="A29713" s="13" t="s">
        <v>186</v>
      </c>
      <c r="B29713" s="14" t="s">
        <v>1</v>
      </c>
      <c r="C29713" s="14" t="s">
        <v>70</v>
      </c>
      <c r="D29713" s="14" t="s">
        <v>187</v>
      </c>
      <c r="E29713" s="15">
        <v>45524</v>
      </c>
      <c r="F29713" s="14" t="s">
        <v>15</v>
      </c>
      <c r="G29713" s="16">
        <v>1.4827613488911922</v>
      </c>
    </row>
    <row r="29714" spans="1:7" x14ac:dyDescent="0.3">
      <c r="A29714" s="13" t="s">
        <v>186</v>
      </c>
      <c r="B29714" s="14" t="s">
        <v>1</v>
      </c>
      <c r="C29714" s="14" t="s">
        <v>70</v>
      </c>
      <c r="D29714" s="14" t="s">
        <v>187</v>
      </c>
      <c r="E29714" s="15">
        <v>45525</v>
      </c>
      <c r="F29714" s="14" t="s">
        <v>15</v>
      </c>
      <c r="G29714" s="16">
        <v>1.4941278975676791</v>
      </c>
    </row>
    <row r="29715" spans="1:7" x14ac:dyDescent="0.3">
      <c r="A29715" s="13" t="s">
        <v>186</v>
      </c>
      <c r="B29715" s="14" t="s">
        <v>1</v>
      </c>
      <c r="C29715" s="14" t="s">
        <v>70</v>
      </c>
      <c r="D29715" s="14" t="s">
        <v>187</v>
      </c>
      <c r="E29715" s="15">
        <v>45526</v>
      </c>
      <c r="F29715" s="14" t="s">
        <v>15</v>
      </c>
      <c r="G29715" s="16">
        <v>1.4992176634018948</v>
      </c>
    </row>
    <row r="29716" spans="1:7" x14ac:dyDescent="0.3">
      <c r="A29716" s="13" t="s">
        <v>186</v>
      </c>
      <c r="B29716" s="14" t="s">
        <v>1</v>
      </c>
      <c r="C29716" s="14" t="s">
        <v>70</v>
      </c>
      <c r="D29716" s="14" t="s">
        <v>187</v>
      </c>
      <c r="E29716" s="15">
        <v>45527</v>
      </c>
      <c r="F29716" s="14" t="s">
        <v>15</v>
      </c>
      <c r="G29716" s="16">
        <v>1.5040472978127195</v>
      </c>
    </row>
    <row r="29717" spans="1:7" x14ac:dyDescent="0.3">
      <c r="A29717" s="13" t="s">
        <v>186</v>
      </c>
      <c r="B29717" s="14" t="s">
        <v>1</v>
      </c>
      <c r="C29717" s="14" t="s">
        <v>70</v>
      </c>
      <c r="D29717" s="14" t="s">
        <v>187</v>
      </c>
      <c r="E29717" s="15">
        <v>45528</v>
      </c>
      <c r="F29717" s="14" t="s">
        <v>15</v>
      </c>
      <c r="G29717" s="16">
        <v>1.5040472978127195</v>
      </c>
    </row>
    <row r="29718" spans="1:7" x14ac:dyDescent="0.3">
      <c r="A29718" s="13" t="s">
        <v>186</v>
      </c>
      <c r="B29718" s="14" t="s">
        <v>1</v>
      </c>
      <c r="C29718" s="14" t="s">
        <v>70</v>
      </c>
      <c r="D29718" s="14" t="s">
        <v>187</v>
      </c>
      <c r="E29718" s="15">
        <v>45529</v>
      </c>
      <c r="F29718" s="14" t="s">
        <v>15</v>
      </c>
      <c r="G29718" s="16">
        <v>1.5040472978127195</v>
      </c>
    </row>
    <row r="29719" spans="1:7" x14ac:dyDescent="0.3">
      <c r="A29719" s="13" t="s">
        <v>186</v>
      </c>
      <c r="B29719" s="14" t="s">
        <v>1</v>
      </c>
      <c r="C29719" s="14" t="s">
        <v>70</v>
      </c>
      <c r="D29719" s="14" t="s">
        <v>187</v>
      </c>
      <c r="E29719" s="15">
        <v>45530</v>
      </c>
      <c r="F29719" s="14" t="s">
        <v>15</v>
      </c>
      <c r="G29719" s="16">
        <v>1.5076660072886079</v>
      </c>
    </row>
    <row r="29720" spans="1:7" x14ac:dyDescent="0.3">
      <c r="A29720" s="13" t="s">
        <v>186</v>
      </c>
      <c r="B29720" s="14" t="s">
        <v>1</v>
      </c>
      <c r="C29720" s="14" t="s">
        <v>70</v>
      </c>
      <c r="D29720" s="14" t="s">
        <v>187</v>
      </c>
      <c r="E29720" s="15">
        <v>45531</v>
      </c>
      <c r="F29720" s="14" t="s">
        <v>15</v>
      </c>
      <c r="G29720" s="16">
        <v>1.5193669211349718</v>
      </c>
    </row>
    <row r="29721" spans="1:7" x14ac:dyDescent="0.3">
      <c r="A29721" s="13" t="s">
        <v>186</v>
      </c>
      <c r="B29721" s="14" t="s">
        <v>1</v>
      </c>
      <c r="C29721" s="14" t="s">
        <v>70</v>
      </c>
      <c r="D29721" s="14" t="s">
        <v>187</v>
      </c>
      <c r="E29721" s="15">
        <v>45532</v>
      </c>
      <c r="F29721" s="14" t="s">
        <v>15</v>
      </c>
      <c r="G29721" s="16">
        <v>1.5320942825811672</v>
      </c>
    </row>
    <row r="29722" spans="1:7" x14ac:dyDescent="0.3">
      <c r="A29722" s="13" t="s">
        <v>186</v>
      </c>
      <c r="B29722" s="14" t="s">
        <v>1</v>
      </c>
      <c r="C29722" s="14" t="s">
        <v>70</v>
      </c>
      <c r="D29722" s="14" t="s">
        <v>187</v>
      </c>
      <c r="E29722" s="15">
        <v>45533</v>
      </c>
      <c r="F29722" s="14" t="s">
        <v>15</v>
      </c>
      <c r="G29722" s="16">
        <v>1.536509260735595</v>
      </c>
    </row>
    <row r="29723" spans="1:7" x14ac:dyDescent="0.3">
      <c r="A29723" s="13" t="s">
        <v>186</v>
      </c>
      <c r="B29723" s="14" t="s">
        <v>1</v>
      </c>
      <c r="C29723" s="14" t="s">
        <v>70</v>
      </c>
      <c r="D29723" s="14" t="s">
        <v>187</v>
      </c>
      <c r="E29723" s="15">
        <v>45534</v>
      </c>
      <c r="F29723" s="14" t="s">
        <v>15</v>
      </c>
      <c r="G29723" s="16">
        <v>1.5441956620307327</v>
      </c>
    </row>
    <row r="29724" spans="1:7" x14ac:dyDescent="0.3">
      <c r="A29724" s="13" t="s">
        <v>186</v>
      </c>
      <c r="B29724" s="14" t="s">
        <v>1</v>
      </c>
      <c r="C29724" s="14" t="s">
        <v>70</v>
      </c>
      <c r="D29724" s="14" t="s">
        <v>187</v>
      </c>
      <c r="E29724" s="15">
        <v>45535</v>
      </c>
      <c r="F29724" s="14" t="s">
        <v>15</v>
      </c>
      <c r="G29724" s="16">
        <v>1.5441956620307327</v>
      </c>
    </row>
    <row r="29725" spans="1:7" x14ac:dyDescent="0.3">
      <c r="A29725" s="13" t="s">
        <v>186</v>
      </c>
      <c r="B29725" s="14" t="s">
        <v>1</v>
      </c>
      <c r="C29725" s="14" t="s">
        <v>70</v>
      </c>
      <c r="D29725" s="14" t="s">
        <v>187</v>
      </c>
      <c r="E29725" s="15">
        <v>45536</v>
      </c>
      <c r="F29725" s="14" t="s">
        <v>15</v>
      </c>
      <c r="G29725" s="16">
        <v>1.5441956620307327</v>
      </c>
    </row>
    <row r="29726" spans="1:7" x14ac:dyDescent="0.3">
      <c r="A29726" s="13" t="s">
        <v>186</v>
      </c>
      <c r="B29726" s="14" t="s">
        <v>1</v>
      </c>
      <c r="C29726" s="14" t="s">
        <v>70</v>
      </c>
      <c r="D29726" s="14" t="s">
        <v>187</v>
      </c>
      <c r="E29726" s="15">
        <v>45537</v>
      </c>
      <c r="F29726" s="14" t="s">
        <v>15</v>
      </c>
      <c r="G29726" s="16">
        <v>1.5537737079563516</v>
      </c>
    </row>
    <row r="29727" spans="1:7" x14ac:dyDescent="0.3">
      <c r="A29727" s="13" t="s">
        <v>186</v>
      </c>
      <c r="B29727" s="14" t="s">
        <v>1</v>
      </c>
      <c r="C29727" s="14" t="s">
        <v>70</v>
      </c>
      <c r="D29727" s="14" t="s">
        <v>187</v>
      </c>
      <c r="E29727" s="15">
        <v>45538</v>
      </c>
      <c r="F29727" s="14" t="s">
        <v>15</v>
      </c>
      <c r="G29727" s="16">
        <v>1.5603064157361852</v>
      </c>
    </row>
    <row r="29728" spans="1:7" x14ac:dyDescent="0.3">
      <c r="A29728" s="13" t="s">
        <v>186</v>
      </c>
      <c r="B29728" s="14" t="s">
        <v>1</v>
      </c>
      <c r="C29728" s="14" t="s">
        <v>70</v>
      </c>
      <c r="D29728" s="14" t="s">
        <v>187</v>
      </c>
      <c r="E29728" s="15">
        <v>45539</v>
      </c>
      <c r="F29728" s="14" t="s">
        <v>15</v>
      </c>
      <c r="G29728" s="16">
        <v>1.5641737268020213</v>
      </c>
    </row>
    <row r="29729" spans="1:7" x14ac:dyDescent="0.3">
      <c r="A29729" s="13" t="s">
        <v>186</v>
      </c>
      <c r="B29729" s="14" t="s">
        <v>1</v>
      </c>
      <c r="C29729" s="14" t="s">
        <v>70</v>
      </c>
      <c r="D29729" s="14" t="s">
        <v>187</v>
      </c>
      <c r="E29729" s="15">
        <v>45540</v>
      </c>
      <c r="F29729" s="14" t="s">
        <v>15</v>
      </c>
      <c r="G29729" s="16">
        <v>1.5763543402043194</v>
      </c>
    </row>
    <row r="29730" spans="1:7" x14ac:dyDescent="0.3">
      <c r="A29730" s="13" t="s">
        <v>186</v>
      </c>
      <c r="B29730" s="14" t="s">
        <v>1</v>
      </c>
      <c r="C29730" s="14" t="s">
        <v>70</v>
      </c>
      <c r="D29730" s="14" t="s">
        <v>187</v>
      </c>
      <c r="E29730" s="15">
        <v>45541</v>
      </c>
      <c r="F29730" s="14" t="s">
        <v>15</v>
      </c>
      <c r="G29730" s="16">
        <v>1.580246924999263</v>
      </c>
    </row>
    <row r="29731" spans="1:7" x14ac:dyDescent="0.3">
      <c r="A29731" s="13" t="s">
        <v>186</v>
      </c>
      <c r="B29731" s="14" t="s">
        <v>1</v>
      </c>
      <c r="C29731" s="14" t="s">
        <v>70</v>
      </c>
      <c r="D29731" s="14" t="s">
        <v>187</v>
      </c>
      <c r="E29731" s="15">
        <v>45542</v>
      </c>
      <c r="F29731" s="14" t="s">
        <v>15</v>
      </c>
      <c r="G29731" s="16">
        <v>1.580246924999263</v>
      </c>
    </row>
    <row r="29732" spans="1:7" x14ac:dyDescent="0.3">
      <c r="A29732" s="13" t="s">
        <v>186</v>
      </c>
      <c r="B29732" s="14" t="s">
        <v>1</v>
      </c>
      <c r="C29732" s="14" t="s">
        <v>70</v>
      </c>
      <c r="D29732" s="14" t="s">
        <v>187</v>
      </c>
      <c r="E29732" s="15">
        <v>45543</v>
      </c>
      <c r="F29732" s="14" t="s">
        <v>15</v>
      </c>
      <c r="G29732" s="16">
        <v>1.580246924999263</v>
      </c>
    </row>
    <row r="29733" spans="1:7" x14ac:dyDescent="0.3">
      <c r="A29733" s="13" t="s">
        <v>186</v>
      </c>
      <c r="B29733" s="14" t="s">
        <v>1</v>
      </c>
      <c r="C29733" s="14" t="s">
        <v>70</v>
      </c>
      <c r="D29733" s="14" t="s">
        <v>187</v>
      </c>
      <c r="E29733" s="15">
        <v>45544</v>
      </c>
      <c r="F29733" s="14" t="s">
        <v>15</v>
      </c>
      <c r="G29733" s="16">
        <v>1.5840146868147471</v>
      </c>
    </row>
    <row r="29734" spans="1:7" x14ac:dyDescent="0.3">
      <c r="A29734" s="13" t="s">
        <v>186</v>
      </c>
      <c r="B29734" s="14" t="s">
        <v>1</v>
      </c>
      <c r="C29734" s="14" t="s">
        <v>70</v>
      </c>
      <c r="D29734" s="14" t="s">
        <v>187</v>
      </c>
      <c r="E29734" s="15">
        <v>45545</v>
      </c>
      <c r="F29734" s="14" t="s">
        <v>15</v>
      </c>
      <c r="G29734" s="16">
        <v>1.5966241598914528</v>
      </c>
    </row>
    <row r="29735" spans="1:7" x14ac:dyDescent="0.3">
      <c r="A29735" s="13" t="s">
        <v>186</v>
      </c>
      <c r="B29735" s="14" t="s">
        <v>1</v>
      </c>
      <c r="C29735" s="14" t="s">
        <v>70</v>
      </c>
      <c r="D29735" s="14" t="s">
        <v>187</v>
      </c>
      <c r="E29735" s="15">
        <v>45546</v>
      </c>
      <c r="F29735" s="14" t="s">
        <v>15</v>
      </c>
      <c r="G29735" s="16">
        <v>1.6035498428278374</v>
      </c>
    </row>
    <row r="29736" spans="1:7" x14ac:dyDescent="0.3">
      <c r="A29736" s="13" t="s">
        <v>186</v>
      </c>
      <c r="B29736" s="14" t="s">
        <v>1</v>
      </c>
      <c r="C29736" s="14" t="s">
        <v>70</v>
      </c>
      <c r="D29736" s="14" t="s">
        <v>187</v>
      </c>
      <c r="E29736" s="15">
        <v>45547</v>
      </c>
      <c r="F29736" s="14" t="s">
        <v>15</v>
      </c>
      <c r="G29736" s="16">
        <v>1.6074448505587944</v>
      </c>
    </row>
    <row r="29737" spans="1:7" x14ac:dyDescent="0.3">
      <c r="A29737" s="13" t="s">
        <v>186</v>
      </c>
      <c r="B29737" s="14" t="s">
        <v>1</v>
      </c>
      <c r="C29737" s="14" t="s">
        <v>70</v>
      </c>
      <c r="D29737" s="14" t="s">
        <v>187</v>
      </c>
      <c r="E29737" s="15">
        <v>45548</v>
      </c>
      <c r="F29737" s="14" t="s">
        <v>15</v>
      </c>
      <c r="G29737" s="16">
        <v>1.6332480457247394</v>
      </c>
    </row>
    <row r="29738" spans="1:7" x14ac:dyDescent="0.3">
      <c r="A29738" s="13" t="s">
        <v>186</v>
      </c>
      <c r="B29738" s="14" t="s">
        <v>1</v>
      </c>
      <c r="C29738" s="14" t="s">
        <v>70</v>
      </c>
      <c r="D29738" s="14" t="s">
        <v>187</v>
      </c>
      <c r="E29738" s="15">
        <v>45549</v>
      </c>
      <c r="F29738" s="14" t="s">
        <v>15</v>
      </c>
      <c r="G29738" s="16">
        <v>1.6332480457247394</v>
      </c>
    </row>
    <row r="29739" spans="1:7" x14ac:dyDescent="0.3">
      <c r="A29739" s="13" t="s">
        <v>186</v>
      </c>
      <c r="B29739" s="14" t="s">
        <v>1</v>
      </c>
      <c r="C29739" s="14" t="s">
        <v>70</v>
      </c>
      <c r="D29739" s="14" t="s">
        <v>187</v>
      </c>
      <c r="E29739" s="15">
        <v>45550</v>
      </c>
      <c r="F29739" s="14" t="s">
        <v>15</v>
      </c>
      <c r="G29739" s="16">
        <v>1.6332480457247394</v>
      </c>
    </row>
    <row r="29740" spans="1:7" x14ac:dyDescent="0.3">
      <c r="A29740" s="13" t="s">
        <v>186</v>
      </c>
      <c r="B29740" s="14" t="s">
        <v>1</v>
      </c>
      <c r="C29740" s="14" t="s">
        <v>70</v>
      </c>
      <c r="D29740" s="14" t="s">
        <v>187</v>
      </c>
      <c r="E29740" s="15">
        <v>45551</v>
      </c>
      <c r="F29740" s="14" t="s">
        <v>15</v>
      </c>
      <c r="G29740" s="16">
        <v>1.6485126389247644</v>
      </c>
    </row>
    <row r="29741" spans="1:7" x14ac:dyDescent="0.3">
      <c r="A29741" s="13" t="s">
        <v>186</v>
      </c>
      <c r="B29741" s="14" t="s">
        <v>1</v>
      </c>
      <c r="C29741" s="14" t="s">
        <v>70</v>
      </c>
      <c r="D29741" s="14" t="s">
        <v>187</v>
      </c>
      <c r="E29741" s="15">
        <v>45552</v>
      </c>
      <c r="F29741" s="14" t="s">
        <v>15</v>
      </c>
      <c r="G29741" s="16">
        <v>1.6623443161212967</v>
      </c>
    </row>
    <row r="29742" spans="1:7" x14ac:dyDescent="0.3">
      <c r="A29742" s="13" t="s">
        <v>186</v>
      </c>
      <c r="B29742" s="14" t="s">
        <v>1</v>
      </c>
      <c r="C29742" s="14" t="s">
        <v>70</v>
      </c>
      <c r="D29742" s="14" t="s">
        <v>187</v>
      </c>
      <c r="E29742" s="15">
        <v>45553</v>
      </c>
      <c r="F29742" s="14" t="s">
        <v>15</v>
      </c>
      <c r="G29742" s="16">
        <v>1.6672705755493533</v>
      </c>
    </row>
    <row r="29743" spans="1:7" x14ac:dyDescent="0.3">
      <c r="A29743" s="13" t="s">
        <v>186</v>
      </c>
      <c r="B29743" s="14" t="s">
        <v>1</v>
      </c>
      <c r="C29743" s="14" t="s">
        <v>70</v>
      </c>
      <c r="D29743" s="14" t="s">
        <v>187</v>
      </c>
      <c r="E29743" s="15">
        <v>45554</v>
      </c>
      <c r="F29743" s="14" t="s">
        <v>15</v>
      </c>
      <c r="G29743" s="16">
        <v>1.6710526243323658</v>
      </c>
    </row>
    <row r="29744" spans="1:7" x14ac:dyDescent="0.3">
      <c r="A29744" s="13" t="s">
        <v>186</v>
      </c>
      <c r="B29744" s="14" t="s">
        <v>1</v>
      </c>
      <c r="C29744" s="14" t="s">
        <v>70</v>
      </c>
      <c r="D29744" s="14" t="s">
        <v>187</v>
      </c>
      <c r="E29744" s="15">
        <v>45555</v>
      </c>
      <c r="F29744" s="14" t="s">
        <v>15</v>
      </c>
      <c r="G29744" s="16">
        <v>1.6748555604948061</v>
      </c>
    </row>
    <row r="29745" spans="1:7" x14ac:dyDescent="0.3">
      <c r="A29745" s="13" t="s">
        <v>186</v>
      </c>
      <c r="B29745" s="14" t="s">
        <v>1</v>
      </c>
      <c r="C29745" s="14" t="s">
        <v>70</v>
      </c>
      <c r="D29745" s="14" t="s">
        <v>187</v>
      </c>
      <c r="E29745" s="15">
        <v>45556</v>
      </c>
      <c r="F29745" s="14" t="s">
        <v>15</v>
      </c>
      <c r="G29745" s="16">
        <v>1.6748555604948061</v>
      </c>
    </row>
    <row r="29746" spans="1:7" x14ac:dyDescent="0.3">
      <c r="A29746" s="13" t="s">
        <v>186</v>
      </c>
      <c r="B29746" s="14" t="s">
        <v>1</v>
      </c>
      <c r="C29746" s="14" t="s">
        <v>70</v>
      </c>
      <c r="D29746" s="14" t="s">
        <v>187</v>
      </c>
      <c r="E29746" s="15">
        <v>45557</v>
      </c>
      <c r="F29746" s="14" t="s">
        <v>15</v>
      </c>
      <c r="G29746" s="16">
        <v>1.6748555604948061</v>
      </c>
    </row>
    <row r="29747" spans="1:7" x14ac:dyDescent="0.3">
      <c r="A29747" s="13" t="s">
        <v>186</v>
      </c>
      <c r="B29747" s="14" t="s">
        <v>1</v>
      </c>
      <c r="C29747" s="14" t="s">
        <v>70</v>
      </c>
      <c r="D29747" s="14" t="s">
        <v>187</v>
      </c>
      <c r="E29747" s="15">
        <v>45558</v>
      </c>
      <c r="F29747" s="14" t="s">
        <v>15</v>
      </c>
      <c r="G29747" s="16">
        <v>1.6786475516704262</v>
      </c>
    </row>
    <row r="29748" spans="1:7" x14ac:dyDescent="0.3">
      <c r="A29748" s="13" t="s">
        <v>186</v>
      </c>
      <c r="B29748" s="14" t="s">
        <v>1</v>
      </c>
      <c r="C29748" s="14" t="s">
        <v>70</v>
      </c>
      <c r="D29748" s="14" t="s">
        <v>187</v>
      </c>
      <c r="E29748" s="15">
        <v>45559</v>
      </c>
      <c r="F29748" s="14" t="s">
        <v>15</v>
      </c>
      <c r="G29748" s="16">
        <v>1.6913281671614624</v>
      </c>
    </row>
    <row r="29749" spans="1:7" x14ac:dyDescent="0.3">
      <c r="A29749" s="13" t="s">
        <v>186</v>
      </c>
      <c r="B29749" s="14" t="s">
        <v>1</v>
      </c>
      <c r="C29749" s="14" t="s">
        <v>70</v>
      </c>
      <c r="D29749" s="14" t="s">
        <v>187</v>
      </c>
      <c r="E29749" s="15">
        <v>45560</v>
      </c>
      <c r="F29749" s="14" t="s">
        <v>15</v>
      </c>
      <c r="G29749" s="16">
        <v>1.6951550402607265</v>
      </c>
    </row>
    <row r="29750" spans="1:7" x14ac:dyDescent="0.3">
      <c r="A29750" s="13" t="s">
        <v>186</v>
      </c>
      <c r="B29750" s="14" t="s">
        <v>1</v>
      </c>
      <c r="C29750" s="14" t="s">
        <v>70</v>
      </c>
      <c r="D29750" s="14" t="s">
        <v>187</v>
      </c>
      <c r="E29750" s="15">
        <v>45561</v>
      </c>
      <c r="F29750" s="14" t="s">
        <v>15</v>
      </c>
      <c r="G29750" s="16">
        <v>1.7058082013802431</v>
      </c>
    </row>
    <row r="29751" spans="1:7" x14ac:dyDescent="0.3">
      <c r="A29751" s="13" t="s">
        <v>186</v>
      </c>
      <c r="B29751" s="14" t="s">
        <v>1</v>
      </c>
      <c r="C29751" s="14" t="s">
        <v>70</v>
      </c>
      <c r="D29751" s="14" t="s">
        <v>187</v>
      </c>
      <c r="E29751" s="15">
        <v>45562</v>
      </c>
      <c r="F29751" s="14" t="s">
        <v>15</v>
      </c>
      <c r="G29751" s="16">
        <v>1.7137241132005312</v>
      </c>
    </row>
    <row r="29752" spans="1:7" x14ac:dyDescent="0.3">
      <c r="A29752" s="13" t="s">
        <v>186</v>
      </c>
      <c r="B29752" s="14" t="s">
        <v>1</v>
      </c>
      <c r="C29752" s="14" t="s">
        <v>70</v>
      </c>
      <c r="D29752" s="14" t="s">
        <v>187</v>
      </c>
      <c r="E29752" s="15">
        <v>45563</v>
      </c>
      <c r="F29752" s="14" t="s">
        <v>15</v>
      </c>
      <c r="G29752" s="16">
        <v>1.7137241132005312</v>
      </c>
    </row>
    <row r="29753" spans="1:7" x14ac:dyDescent="0.3">
      <c r="A29753" s="13" t="s">
        <v>186</v>
      </c>
      <c r="B29753" s="14" t="s">
        <v>1</v>
      </c>
      <c r="C29753" s="14" t="s">
        <v>70</v>
      </c>
      <c r="D29753" s="14" t="s">
        <v>187</v>
      </c>
      <c r="E29753" s="15">
        <v>45564</v>
      </c>
      <c r="F29753" s="14" t="s">
        <v>15</v>
      </c>
      <c r="G29753" s="16">
        <v>1.7137241132005312</v>
      </c>
    </row>
    <row r="29754" spans="1:7" x14ac:dyDescent="0.3">
      <c r="A29754" s="13" t="s">
        <v>186</v>
      </c>
      <c r="B29754" s="14" t="s">
        <v>1</v>
      </c>
      <c r="C29754" s="14" t="s">
        <v>70</v>
      </c>
      <c r="D29754" s="14" t="s">
        <v>187</v>
      </c>
      <c r="E29754" s="15">
        <v>45565</v>
      </c>
      <c r="F29754" s="14" t="s">
        <v>15</v>
      </c>
      <c r="G29754" s="16">
        <v>1.7319107672329599</v>
      </c>
    </row>
    <row r="29755" spans="1:7" x14ac:dyDescent="0.3">
      <c r="A29755" s="13" t="s">
        <v>186</v>
      </c>
      <c r="B29755" s="14" t="s">
        <v>1</v>
      </c>
      <c r="C29755" s="14" t="s">
        <v>70</v>
      </c>
      <c r="D29755" s="14" t="s">
        <v>187</v>
      </c>
      <c r="E29755" s="15">
        <v>45566</v>
      </c>
      <c r="F29755" s="14" t="s">
        <v>15</v>
      </c>
      <c r="G29755" s="16">
        <v>1.7481749886376308</v>
      </c>
    </row>
    <row r="29756" spans="1:7" x14ac:dyDescent="0.3">
      <c r="A29756" s="13" t="s">
        <v>186</v>
      </c>
      <c r="B29756" s="14" t="s">
        <v>1</v>
      </c>
      <c r="C29756" s="14" t="s">
        <v>70</v>
      </c>
      <c r="D29756" s="14" t="s">
        <v>187</v>
      </c>
      <c r="E29756" s="15">
        <v>45567</v>
      </c>
      <c r="F29756" s="14" t="s">
        <v>15</v>
      </c>
      <c r="G29756" s="16">
        <v>1.7533540271315202</v>
      </c>
    </row>
    <row r="29757" spans="1:7" x14ac:dyDescent="0.3">
      <c r="A29757" s="13" t="s">
        <v>186</v>
      </c>
      <c r="B29757" s="14" t="s">
        <v>1</v>
      </c>
      <c r="C29757" s="14" t="s">
        <v>70</v>
      </c>
      <c r="D29757" s="14" t="s">
        <v>187</v>
      </c>
      <c r="E29757" s="15">
        <v>45568</v>
      </c>
      <c r="F29757" s="14" t="s">
        <v>15</v>
      </c>
      <c r="G29757" s="16">
        <v>1.7564049340850489</v>
      </c>
    </row>
    <row r="29758" spans="1:7" x14ac:dyDescent="0.3">
      <c r="A29758" s="13" t="s">
        <v>186</v>
      </c>
      <c r="B29758" s="14" t="s">
        <v>1</v>
      </c>
      <c r="C29758" s="14" t="s">
        <v>70</v>
      </c>
      <c r="D29758" s="14" t="s">
        <v>187</v>
      </c>
      <c r="E29758" s="15">
        <v>45569</v>
      </c>
      <c r="F29758" s="14" t="s">
        <v>15</v>
      </c>
      <c r="G29758" s="16">
        <v>1.7625003854639449</v>
      </c>
    </row>
    <row r="29759" spans="1:7" x14ac:dyDescent="0.3">
      <c r="A29759" s="13" t="s">
        <v>186</v>
      </c>
      <c r="B29759" s="14" t="s">
        <v>1</v>
      </c>
      <c r="C29759" s="14" t="s">
        <v>70</v>
      </c>
      <c r="D29759" s="14" t="s">
        <v>187</v>
      </c>
      <c r="E29759" s="15">
        <v>45570</v>
      </c>
      <c r="F29759" s="14" t="s">
        <v>15</v>
      </c>
      <c r="G29759" s="16">
        <v>1.7625003854639449</v>
      </c>
    </row>
    <row r="29760" spans="1:7" x14ac:dyDescent="0.3">
      <c r="A29760" s="13" t="s">
        <v>186</v>
      </c>
      <c r="B29760" s="14" t="s">
        <v>1</v>
      </c>
      <c r="C29760" s="14" t="s">
        <v>70</v>
      </c>
      <c r="D29760" s="14" t="s">
        <v>187</v>
      </c>
      <c r="E29760" s="15">
        <v>45571</v>
      </c>
      <c r="F29760" s="14" t="s">
        <v>15</v>
      </c>
      <c r="G29760" s="16">
        <v>1.7625003854639449</v>
      </c>
    </row>
    <row r="29761" spans="1:7" x14ac:dyDescent="0.3">
      <c r="A29761" s="13" t="s">
        <v>186</v>
      </c>
      <c r="B29761" s="14" t="s">
        <v>1</v>
      </c>
      <c r="C29761" s="14" t="s">
        <v>70</v>
      </c>
      <c r="D29761" s="14" t="s">
        <v>187</v>
      </c>
      <c r="E29761" s="15">
        <v>45572</v>
      </c>
      <c r="F29761" s="14" t="s">
        <v>15</v>
      </c>
      <c r="G29761" s="16">
        <v>1.7819235305837287</v>
      </c>
    </row>
    <row r="29762" spans="1:7" x14ac:dyDescent="0.3">
      <c r="A29762" s="13" t="s">
        <v>186</v>
      </c>
      <c r="B29762" s="14" t="s">
        <v>1</v>
      </c>
      <c r="C29762" s="14" t="s">
        <v>70</v>
      </c>
      <c r="D29762" s="14" t="s">
        <v>187</v>
      </c>
      <c r="E29762" s="15">
        <v>45573</v>
      </c>
      <c r="F29762" s="14" t="s">
        <v>15</v>
      </c>
      <c r="G29762" s="16">
        <v>1.793568675127021</v>
      </c>
    </row>
    <row r="29763" spans="1:7" x14ac:dyDescent="0.3">
      <c r="A29763" s="13" t="s">
        <v>186</v>
      </c>
      <c r="B29763" s="14" t="s">
        <v>1</v>
      </c>
      <c r="C29763" s="14" t="s">
        <v>70</v>
      </c>
      <c r="D29763" s="14" t="s">
        <v>187</v>
      </c>
      <c r="E29763" s="15">
        <v>45574</v>
      </c>
      <c r="F29763" s="14" t="s">
        <v>15</v>
      </c>
      <c r="G29763" s="16">
        <v>1.7973717366137376</v>
      </c>
    </row>
    <row r="29764" spans="1:7" x14ac:dyDescent="0.3">
      <c r="A29764" s="13" t="s">
        <v>186</v>
      </c>
      <c r="B29764" s="14" t="s">
        <v>1</v>
      </c>
      <c r="C29764" s="14" t="s">
        <v>70</v>
      </c>
      <c r="D29764" s="14" t="s">
        <v>187</v>
      </c>
      <c r="E29764" s="15">
        <v>45575</v>
      </c>
      <c r="F29764" s="14" t="s">
        <v>15</v>
      </c>
      <c r="G29764" s="16">
        <v>1.8012316117724974</v>
      </c>
    </row>
    <row r="29765" spans="1:7" x14ac:dyDescent="0.3">
      <c r="A29765" s="13" t="s">
        <v>186</v>
      </c>
      <c r="B29765" s="14" t="s">
        <v>1</v>
      </c>
      <c r="C29765" s="14" t="s">
        <v>70</v>
      </c>
      <c r="D29765" s="14" t="s">
        <v>187</v>
      </c>
      <c r="E29765" s="15">
        <v>45576</v>
      </c>
      <c r="F29765" s="14" t="s">
        <v>15</v>
      </c>
      <c r="G29765" s="16">
        <v>1.8185054037744224</v>
      </c>
    </row>
    <row r="29766" spans="1:7" x14ac:dyDescent="0.3">
      <c r="A29766" s="13" t="s">
        <v>186</v>
      </c>
      <c r="B29766" s="14" t="s">
        <v>1</v>
      </c>
      <c r="C29766" s="14" t="s">
        <v>70</v>
      </c>
      <c r="D29766" s="14" t="s">
        <v>187</v>
      </c>
      <c r="E29766" s="15">
        <v>45577</v>
      </c>
      <c r="F29766" s="14" t="s">
        <v>15</v>
      </c>
      <c r="G29766" s="16">
        <v>1.8185054037744224</v>
      </c>
    </row>
    <row r="29767" spans="1:7" x14ac:dyDescent="0.3">
      <c r="A29767" s="13" t="s">
        <v>186</v>
      </c>
      <c r="B29767" s="14" t="s">
        <v>1</v>
      </c>
      <c r="C29767" s="14" t="s">
        <v>70</v>
      </c>
      <c r="D29767" s="14" t="s">
        <v>187</v>
      </c>
      <c r="E29767" s="15">
        <v>45578</v>
      </c>
      <c r="F29767" s="14" t="s">
        <v>15</v>
      </c>
      <c r="G29767" s="16">
        <v>1.8185054037744224</v>
      </c>
    </row>
    <row r="29768" spans="1:7" x14ac:dyDescent="0.3">
      <c r="A29768" s="13" t="s">
        <v>186</v>
      </c>
      <c r="B29768" s="14" t="s">
        <v>1</v>
      </c>
      <c r="C29768" s="14" t="s">
        <v>70</v>
      </c>
      <c r="D29768" s="14" t="s">
        <v>187</v>
      </c>
      <c r="E29768" s="15">
        <v>45579</v>
      </c>
      <c r="F29768" s="14" t="s">
        <v>15</v>
      </c>
      <c r="G29768" s="16">
        <v>1.8223671170225717</v>
      </c>
    </row>
    <row r="29769" spans="1:7" x14ac:dyDescent="0.3">
      <c r="A29769" s="13" t="s">
        <v>186</v>
      </c>
      <c r="B29769" s="14" t="s">
        <v>1</v>
      </c>
      <c r="C29769" s="14" t="s">
        <v>70</v>
      </c>
      <c r="D29769" s="14" t="s">
        <v>187</v>
      </c>
      <c r="E29769" s="15">
        <v>45580</v>
      </c>
      <c r="F29769" s="14" t="s">
        <v>15</v>
      </c>
      <c r="G29769" s="16">
        <v>1.833921443240113</v>
      </c>
    </row>
    <row r="29770" spans="1:7" x14ac:dyDescent="0.3">
      <c r="A29770" s="13" t="s">
        <v>186</v>
      </c>
      <c r="B29770" s="14" t="s">
        <v>1</v>
      </c>
      <c r="C29770" s="14" t="s">
        <v>70</v>
      </c>
      <c r="D29770" s="14" t="s">
        <v>187</v>
      </c>
      <c r="E29770" s="15">
        <v>45581</v>
      </c>
      <c r="F29770" s="14" t="s">
        <v>15</v>
      </c>
      <c r="G29770" s="16">
        <v>1.8413840153773045</v>
      </c>
    </row>
    <row r="29771" spans="1:7" x14ac:dyDescent="0.3">
      <c r="A29771" s="13" t="s">
        <v>186</v>
      </c>
      <c r="B29771" s="14" t="s">
        <v>1</v>
      </c>
      <c r="C29771" s="14" t="s">
        <v>70</v>
      </c>
      <c r="D29771" s="14" t="s">
        <v>187</v>
      </c>
      <c r="E29771" s="15">
        <v>45582</v>
      </c>
      <c r="F29771" s="14" t="s">
        <v>15</v>
      </c>
      <c r="G29771" s="16">
        <v>1.8458675459110134</v>
      </c>
    </row>
    <row r="29772" spans="1:7" x14ac:dyDescent="0.3">
      <c r="A29772" s="13" t="s">
        <v>186</v>
      </c>
      <c r="B29772" s="14" t="s">
        <v>1</v>
      </c>
      <c r="C29772" s="14" t="s">
        <v>70</v>
      </c>
      <c r="D29772" s="14" t="s">
        <v>187</v>
      </c>
      <c r="E29772" s="15">
        <v>45583</v>
      </c>
      <c r="F29772" s="14" t="s">
        <v>15</v>
      </c>
      <c r="G29772" s="16">
        <v>1.855822817909095</v>
      </c>
    </row>
    <row r="29773" spans="1:7" x14ac:dyDescent="0.3">
      <c r="A29773" s="13" t="s">
        <v>186</v>
      </c>
      <c r="B29773" s="14" t="s">
        <v>1</v>
      </c>
      <c r="C29773" s="14" t="s">
        <v>70</v>
      </c>
      <c r="D29773" s="14" t="s">
        <v>187</v>
      </c>
      <c r="E29773" s="15">
        <v>45584</v>
      </c>
      <c r="F29773" s="14" t="s">
        <v>15</v>
      </c>
      <c r="G29773" s="16">
        <v>1.855822817909095</v>
      </c>
    </row>
    <row r="29774" spans="1:7" x14ac:dyDescent="0.3">
      <c r="A29774" s="13" t="s">
        <v>186</v>
      </c>
      <c r="B29774" s="14" t="s">
        <v>1</v>
      </c>
      <c r="C29774" s="14" t="s">
        <v>70</v>
      </c>
      <c r="D29774" s="14" t="s">
        <v>187</v>
      </c>
      <c r="E29774" s="15">
        <v>45585</v>
      </c>
      <c r="F29774" s="14" t="s">
        <v>15</v>
      </c>
      <c r="G29774" s="16">
        <v>1.855822817909095</v>
      </c>
    </row>
    <row r="29775" spans="1:7" x14ac:dyDescent="0.3">
      <c r="A29775" s="13" t="s">
        <v>186</v>
      </c>
      <c r="B29775" s="14" t="s">
        <v>1</v>
      </c>
      <c r="C29775" s="14" t="s">
        <v>70</v>
      </c>
      <c r="D29775" s="14" t="s">
        <v>187</v>
      </c>
      <c r="E29775" s="15">
        <v>45586</v>
      </c>
      <c r="F29775" s="14" t="s">
        <v>15</v>
      </c>
      <c r="G29775" s="16">
        <v>1.8649664898921376</v>
      </c>
    </row>
    <row r="29776" spans="1:7" x14ac:dyDescent="0.3">
      <c r="A29776" s="13" t="s">
        <v>186</v>
      </c>
      <c r="B29776" s="14" t="s">
        <v>1</v>
      </c>
      <c r="C29776" s="14" t="s">
        <v>70</v>
      </c>
      <c r="D29776" s="14" t="s">
        <v>187</v>
      </c>
      <c r="E29776" s="15">
        <v>45587</v>
      </c>
      <c r="F29776" s="14" t="s">
        <v>15</v>
      </c>
      <c r="G29776" s="16">
        <v>1.8765724914863826</v>
      </c>
    </row>
    <row r="29777" spans="1:7" x14ac:dyDescent="0.3">
      <c r="A29777" s="13" t="s">
        <v>186</v>
      </c>
      <c r="B29777" s="14" t="s">
        <v>1</v>
      </c>
      <c r="C29777" s="14" t="s">
        <v>70</v>
      </c>
      <c r="D29777" s="14" t="s">
        <v>187</v>
      </c>
      <c r="E29777" s="15">
        <v>45588</v>
      </c>
      <c r="F29777" s="14" t="s">
        <v>15</v>
      </c>
      <c r="G29777" s="16">
        <v>1.8806733234542192</v>
      </c>
    </row>
    <row r="29778" spans="1:7" x14ac:dyDescent="0.3">
      <c r="A29778" s="13" t="s">
        <v>186</v>
      </c>
      <c r="B29778" s="14" t="s">
        <v>1</v>
      </c>
      <c r="C29778" s="14" t="s">
        <v>70</v>
      </c>
      <c r="D29778" s="14" t="s">
        <v>187</v>
      </c>
      <c r="E29778" s="15">
        <v>45589</v>
      </c>
      <c r="F29778" s="14" t="s">
        <v>15</v>
      </c>
      <c r="G29778" s="16">
        <v>1.8867446707972559</v>
      </c>
    </row>
    <row r="29779" spans="1:7" x14ac:dyDescent="0.3">
      <c r="A29779" s="13" t="s">
        <v>186</v>
      </c>
      <c r="B29779" s="14" t="s">
        <v>1</v>
      </c>
      <c r="C29779" s="14" t="s">
        <v>70</v>
      </c>
      <c r="D29779" s="14" t="s">
        <v>187</v>
      </c>
      <c r="E29779" s="15">
        <v>45590</v>
      </c>
      <c r="F29779" s="14" t="s">
        <v>15</v>
      </c>
      <c r="G29779" s="16">
        <v>1.8906417672661557</v>
      </c>
    </row>
    <row r="29780" spans="1:7" x14ac:dyDescent="0.3">
      <c r="A29780" s="13" t="s">
        <v>186</v>
      </c>
      <c r="B29780" s="14" t="s">
        <v>1</v>
      </c>
      <c r="C29780" s="14" t="s">
        <v>70</v>
      </c>
      <c r="D29780" s="14" t="s">
        <v>187</v>
      </c>
      <c r="E29780" s="15">
        <v>45591</v>
      </c>
      <c r="F29780" s="14" t="s">
        <v>15</v>
      </c>
      <c r="G29780" s="16">
        <v>1.8906417672661557</v>
      </c>
    </row>
    <row r="29781" spans="1:7" x14ac:dyDescent="0.3">
      <c r="A29781" s="13" t="s">
        <v>186</v>
      </c>
      <c r="B29781" s="14" t="s">
        <v>1</v>
      </c>
      <c r="C29781" s="14" t="s">
        <v>70</v>
      </c>
      <c r="D29781" s="14" t="s">
        <v>187</v>
      </c>
      <c r="E29781" s="15">
        <v>45592</v>
      </c>
      <c r="F29781" s="14" t="s">
        <v>15</v>
      </c>
      <c r="G29781" s="16">
        <v>1.8906417672661557</v>
      </c>
    </row>
    <row r="29782" spans="1:7" x14ac:dyDescent="0.3">
      <c r="A29782" s="13" t="s">
        <v>186</v>
      </c>
      <c r="B29782" s="14" t="s">
        <v>1</v>
      </c>
      <c r="C29782" s="14" t="s">
        <v>70</v>
      </c>
      <c r="D29782" s="14" t="s">
        <v>187</v>
      </c>
      <c r="E29782" s="15">
        <v>45593</v>
      </c>
      <c r="F29782" s="14" t="s">
        <v>15</v>
      </c>
      <c r="G29782" s="16">
        <v>1.8906417672661557</v>
      </c>
    </row>
    <row r="29783" spans="1:7" x14ac:dyDescent="0.3">
      <c r="A29783" s="13" t="s">
        <v>186</v>
      </c>
      <c r="B29783" s="14" t="s">
        <v>1</v>
      </c>
      <c r="C29783" s="14" t="s">
        <v>70</v>
      </c>
      <c r="D29783" s="14" t="s">
        <v>187</v>
      </c>
      <c r="E29783" s="15">
        <v>45594</v>
      </c>
      <c r="F29783" s="14" t="s">
        <v>15</v>
      </c>
      <c r="G29783" s="16">
        <v>1.8949646738520665</v>
      </c>
    </row>
    <row r="29784" spans="1:7" x14ac:dyDescent="0.3">
      <c r="A29784" s="13" t="s">
        <v>186</v>
      </c>
      <c r="B29784" s="14" t="s">
        <v>1</v>
      </c>
      <c r="C29784" s="14" t="s">
        <v>70</v>
      </c>
      <c r="D29784" s="14" t="s">
        <v>187</v>
      </c>
      <c r="E29784" s="15">
        <v>45595</v>
      </c>
      <c r="F29784" s="14" t="s">
        <v>15</v>
      </c>
      <c r="G29784" s="16">
        <v>1.9188816551061814</v>
      </c>
    </row>
    <row r="29785" spans="1:7" x14ac:dyDescent="0.3">
      <c r="A29785" s="13" t="s">
        <v>186</v>
      </c>
      <c r="B29785" s="14" t="s">
        <v>1</v>
      </c>
      <c r="C29785" s="14" t="s">
        <v>70</v>
      </c>
      <c r="D29785" s="14" t="s">
        <v>187</v>
      </c>
      <c r="E29785" s="15">
        <v>45596</v>
      </c>
      <c r="F29785" s="14" t="s">
        <v>15</v>
      </c>
      <c r="G29785" s="16">
        <v>1.9228069495373084</v>
      </c>
    </row>
    <row r="29786" spans="1:7" x14ac:dyDescent="0.3">
      <c r="A29786" s="13" t="s">
        <v>186</v>
      </c>
      <c r="B29786" s="14" t="s">
        <v>1</v>
      </c>
      <c r="C29786" s="14" t="s">
        <v>70</v>
      </c>
      <c r="D29786" s="14" t="s">
        <v>187</v>
      </c>
      <c r="E29786" s="15">
        <v>45597</v>
      </c>
      <c r="F29786" s="14" t="s">
        <v>15</v>
      </c>
      <c r="G29786" s="16">
        <v>1.9286284838223908</v>
      </c>
    </row>
    <row r="29787" spans="1:7" x14ac:dyDescent="0.3">
      <c r="A29787" s="13" t="s">
        <v>186</v>
      </c>
      <c r="B29787" s="14" t="s">
        <v>1</v>
      </c>
      <c r="C29787" s="14" t="s">
        <v>70</v>
      </c>
      <c r="D29787" s="14" t="s">
        <v>187</v>
      </c>
      <c r="E29787" s="15">
        <v>45598</v>
      </c>
      <c r="F29787" s="14" t="s">
        <v>15</v>
      </c>
      <c r="G29787" s="16">
        <v>1.9286284838223908</v>
      </c>
    </row>
    <row r="29788" spans="1:7" x14ac:dyDescent="0.3">
      <c r="A29788" s="13" t="s">
        <v>186</v>
      </c>
      <c r="B29788" s="14" t="s">
        <v>1</v>
      </c>
      <c r="C29788" s="14" t="s">
        <v>70</v>
      </c>
      <c r="D29788" s="14" t="s">
        <v>187</v>
      </c>
      <c r="E29788" s="15">
        <v>45599</v>
      </c>
      <c r="F29788" s="14" t="s">
        <v>15</v>
      </c>
      <c r="G29788" s="16">
        <v>1.9286284838223908</v>
      </c>
    </row>
    <row r="29789" spans="1:7" x14ac:dyDescent="0.3">
      <c r="A29789" s="13" t="s">
        <v>186</v>
      </c>
      <c r="B29789" s="14" t="s">
        <v>1</v>
      </c>
      <c r="C29789" s="14" t="s">
        <v>70</v>
      </c>
      <c r="D29789" s="14" t="s">
        <v>187</v>
      </c>
      <c r="E29789" s="15">
        <v>45600</v>
      </c>
      <c r="F29789" s="14" t="s">
        <v>15</v>
      </c>
      <c r="G29789" s="16">
        <v>1.9271120310660035</v>
      </c>
    </row>
    <row r="29790" spans="1:7" x14ac:dyDescent="0.3">
      <c r="A29790" s="13" t="s">
        <v>186</v>
      </c>
      <c r="B29790" s="14" t="s">
        <v>1</v>
      </c>
      <c r="C29790" s="14" t="s">
        <v>70</v>
      </c>
      <c r="D29790" s="14" t="s">
        <v>187</v>
      </c>
      <c r="E29790" s="15">
        <v>45601</v>
      </c>
      <c r="F29790" s="14" t="s">
        <v>15</v>
      </c>
      <c r="G29790" s="16">
        <v>1.9383026662329512</v>
      </c>
    </row>
    <row r="29791" spans="1:7" x14ac:dyDescent="0.3">
      <c r="A29791" s="13" t="s">
        <v>186</v>
      </c>
      <c r="B29791" s="14" t="s">
        <v>1</v>
      </c>
      <c r="C29791" s="14" t="s">
        <v>70</v>
      </c>
      <c r="D29791" s="14" t="s">
        <v>187</v>
      </c>
      <c r="E29791" s="15">
        <v>45602</v>
      </c>
      <c r="F29791" s="14" t="s">
        <v>15</v>
      </c>
      <c r="G29791" s="16">
        <v>1.9439318277535054</v>
      </c>
    </row>
    <row r="29792" spans="1:7" x14ac:dyDescent="0.3">
      <c r="A29792" s="13" t="s">
        <v>186</v>
      </c>
      <c r="B29792" s="14" t="s">
        <v>1</v>
      </c>
      <c r="C29792" s="14" t="s">
        <v>70</v>
      </c>
      <c r="D29792" s="14" t="s">
        <v>187</v>
      </c>
      <c r="E29792" s="15">
        <v>45603</v>
      </c>
      <c r="F29792" s="14" t="s">
        <v>15</v>
      </c>
      <c r="G29792" s="16">
        <v>1.9477750765582407</v>
      </c>
    </row>
    <row r="29793" spans="1:7" x14ac:dyDescent="0.3">
      <c r="A29793" s="13" t="s">
        <v>186</v>
      </c>
      <c r="B29793" s="14" t="s">
        <v>1</v>
      </c>
      <c r="C29793" s="14" t="s">
        <v>70</v>
      </c>
      <c r="D29793" s="14" t="s">
        <v>187</v>
      </c>
      <c r="E29793" s="15">
        <v>45604</v>
      </c>
      <c r="F29793" s="14" t="s">
        <v>15</v>
      </c>
      <c r="G29793" s="16">
        <v>1.9646424419312631</v>
      </c>
    </row>
    <row r="29794" spans="1:7" x14ac:dyDescent="0.3">
      <c r="A29794" s="13" t="s">
        <v>186</v>
      </c>
      <c r="B29794" s="14" t="s">
        <v>1</v>
      </c>
      <c r="C29794" s="14" t="s">
        <v>70</v>
      </c>
      <c r="D29794" s="14" t="s">
        <v>187</v>
      </c>
      <c r="E29794" s="15">
        <v>45605</v>
      </c>
      <c r="F29794" s="14" t="s">
        <v>15</v>
      </c>
      <c r="G29794" s="16">
        <v>1.9646424419312631</v>
      </c>
    </row>
    <row r="29795" spans="1:7" x14ac:dyDescent="0.3">
      <c r="A29795" s="13" t="s">
        <v>186</v>
      </c>
      <c r="B29795" s="14" t="s">
        <v>1</v>
      </c>
      <c r="C29795" s="14" t="s">
        <v>70</v>
      </c>
      <c r="D29795" s="14" t="s">
        <v>187</v>
      </c>
      <c r="E29795" s="15">
        <v>45606</v>
      </c>
      <c r="F29795" s="14" t="s">
        <v>15</v>
      </c>
      <c r="G29795" s="16">
        <v>1.9646424419312631</v>
      </c>
    </row>
    <row r="29796" spans="1:7" x14ac:dyDescent="0.3">
      <c r="A29796" s="13" t="s">
        <v>186</v>
      </c>
      <c r="B29796" s="14" t="s">
        <v>1</v>
      </c>
      <c r="C29796" s="14" t="s">
        <v>70</v>
      </c>
      <c r="D29796" s="14" t="s">
        <v>187</v>
      </c>
      <c r="E29796" s="15">
        <v>45607</v>
      </c>
      <c r="F29796" s="14" t="s">
        <v>15</v>
      </c>
      <c r="G29796" s="16">
        <v>1.974117513076304</v>
      </c>
    </row>
    <row r="29797" spans="1:7" x14ac:dyDescent="0.3">
      <c r="A29797" s="13" t="s">
        <v>186</v>
      </c>
      <c r="B29797" s="14" t="s">
        <v>1</v>
      </c>
      <c r="C29797" s="14" t="s">
        <v>70</v>
      </c>
      <c r="D29797" s="14" t="s">
        <v>187</v>
      </c>
      <c r="E29797" s="15">
        <v>45608</v>
      </c>
      <c r="F29797" s="14" t="s">
        <v>15</v>
      </c>
      <c r="G29797" s="16">
        <v>1.9855044478351123</v>
      </c>
    </row>
    <row r="29798" spans="1:7" x14ac:dyDescent="0.3">
      <c r="A29798" s="13" t="s">
        <v>186</v>
      </c>
      <c r="B29798" s="14" t="s">
        <v>1</v>
      </c>
      <c r="C29798" s="14" t="s">
        <v>70</v>
      </c>
      <c r="D29798" s="14" t="s">
        <v>187</v>
      </c>
      <c r="E29798" s="15">
        <v>45609</v>
      </c>
      <c r="F29798" s="14" t="s">
        <v>15</v>
      </c>
      <c r="G29798" s="16">
        <v>1.988423806073006</v>
      </c>
    </row>
    <row r="29799" spans="1:7" x14ac:dyDescent="0.3">
      <c r="A29799" s="13" t="s">
        <v>186</v>
      </c>
      <c r="B29799" s="14" t="s">
        <v>1</v>
      </c>
      <c r="C29799" s="14" t="s">
        <v>70</v>
      </c>
      <c r="D29799" s="14" t="s">
        <v>187</v>
      </c>
      <c r="E29799" s="15">
        <v>45610</v>
      </c>
      <c r="F29799" s="14" t="s">
        <v>15</v>
      </c>
      <c r="G29799" s="16">
        <v>1.9921272347598531</v>
      </c>
    </row>
    <row r="29800" spans="1:7" x14ac:dyDescent="0.3">
      <c r="A29800" s="13" t="s">
        <v>186</v>
      </c>
      <c r="B29800" s="14" t="s">
        <v>1</v>
      </c>
      <c r="C29800" s="14" t="s">
        <v>70</v>
      </c>
      <c r="D29800" s="14" t="s">
        <v>187</v>
      </c>
      <c r="E29800" s="15">
        <v>45611</v>
      </c>
      <c r="F29800" s="14" t="s">
        <v>15</v>
      </c>
      <c r="G29800" s="16">
        <v>2.0291439866705416</v>
      </c>
    </row>
    <row r="29801" spans="1:7" x14ac:dyDescent="0.3">
      <c r="A29801" s="13" t="s">
        <v>186</v>
      </c>
      <c r="B29801" s="14" t="s">
        <v>1</v>
      </c>
      <c r="C29801" s="14" t="s">
        <v>70</v>
      </c>
      <c r="D29801" s="14" t="s">
        <v>187</v>
      </c>
      <c r="E29801" s="15">
        <v>45612</v>
      </c>
      <c r="F29801" s="14" t="s">
        <v>15</v>
      </c>
      <c r="G29801" s="16">
        <v>2.0291439866705416</v>
      </c>
    </row>
    <row r="29802" spans="1:7" x14ac:dyDescent="0.3">
      <c r="A29802" s="13" t="s">
        <v>186</v>
      </c>
      <c r="B29802" s="14" t="s">
        <v>1</v>
      </c>
      <c r="C29802" s="14" t="s">
        <v>70</v>
      </c>
      <c r="D29802" s="14" t="s">
        <v>187</v>
      </c>
      <c r="E29802" s="15">
        <v>45613</v>
      </c>
      <c r="F29802" s="14" t="s">
        <v>15</v>
      </c>
      <c r="G29802" s="16">
        <v>2.0291439866705416</v>
      </c>
    </row>
    <row r="29803" spans="1:7" x14ac:dyDescent="0.3">
      <c r="A29803" s="13" t="s">
        <v>186</v>
      </c>
      <c r="B29803" s="14" t="s">
        <v>1</v>
      </c>
      <c r="C29803" s="14" t="s">
        <v>70</v>
      </c>
      <c r="D29803" s="14" t="s">
        <v>187</v>
      </c>
      <c r="E29803" s="15">
        <v>45614</v>
      </c>
      <c r="F29803" s="14" t="s">
        <v>15</v>
      </c>
      <c r="G29803" s="16">
        <v>2.0386408224649464</v>
      </c>
    </row>
    <row r="29804" spans="1:7" x14ac:dyDescent="0.3">
      <c r="A29804" s="13" t="s">
        <v>186</v>
      </c>
      <c r="B29804" s="14" t="s">
        <v>1</v>
      </c>
      <c r="C29804" s="14" t="s">
        <v>70</v>
      </c>
      <c r="D29804" s="14" t="s">
        <v>187</v>
      </c>
      <c r="E29804" s="15">
        <v>45615</v>
      </c>
      <c r="F29804" s="14" t="s">
        <v>15</v>
      </c>
      <c r="G29804" s="16">
        <v>2.0710439700076662</v>
      </c>
    </row>
    <row r="29805" spans="1:7" x14ac:dyDescent="0.3">
      <c r="A29805" s="13" t="s">
        <v>186</v>
      </c>
      <c r="B29805" s="14" t="s">
        <v>1</v>
      </c>
      <c r="C29805" s="14" t="s">
        <v>70</v>
      </c>
      <c r="D29805" s="14" t="s">
        <v>187</v>
      </c>
      <c r="E29805" s="15">
        <v>45616</v>
      </c>
      <c r="F29805" s="14" t="s">
        <v>15</v>
      </c>
      <c r="G29805" s="16">
        <v>2.0746936345798668</v>
      </c>
    </row>
    <row r="29806" spans="1:7" x14ac:dyDescent="0.3">
      <c r="A29806" s="13" t="s">
        <v>186</v>
      </c>
      <c r="B29806" s="14" t="s">
        <v>1</v>
      </c>
      <c r="C29806" s="14" t="s">
        <v>70</v>
      </c>
      <c r="D29806" s="14" t="s">
        <v>187</v>
      </c>
      <c r="E29806" s="15">
        <v>45617</v>
      </c>
      <c r="F29806" s="14" t="s">
        <v>15</v>
      </c>
      <c r="G29806" s="16">
        <v>2.0811804318997185</v>
      </c>
    </row>
    <row r="29807" spans="1:7" x14ac:dyDescent="0.3">
      <c r="A29807" s="13" t="s">
        <v>186</v>
      </c>
      <c r="B29807" s="14" t="s">
        <v>1</v>
      </c>
      <c r="C29807" s="14" t="s">
        <v>70</v>
      </c>
      <c r="D29807" s="14" t="s">
        <v>187</v>
      </c>
      <c r="E29807" s="15">
        <v>45618</v>
      </c>
      <c r="F29807" s="14" t="s">
        <v>15</v>
      </c>
      <c r="G29807" s="16">
        <v>2.0879475796262472</v>
      </c>
    </row>
    <row r="29808" spans="1:7" x14ac:dyDescent="0.3">
      <c r="A29808" s="13" t="s">
        <v>186</v>
      </c>
      <c r="B29808" s="14" t="s">
        <v>1</v>
      </c>
      <c r="C29808" s="14" t="s">
        <v>70</v>
      </c>
      <c r="D29808" s="14" t="s">
        <v>187</v>
      </c>
      <c r="E29808" s="15">
        <v>45619</v>
      </c>
      <c r="F29808" s="14" t="s">
        <v>15</v>
      </c>
      <c r="G29808" s="16">
        <v>2.0879475796262472</v>
      </c>
    </row>
    <row r="29809" spans="1:7" x14ac:dyDescent="0.3">
      <c r="A29809" s="13" t="s">
        <v>186</v>
      </c>
      <c r="B29809" s="14" t="s">
        <v>1</v>
      </c>
      <c r="C29809" s="14" t="s">
        <v>70</v>
      </c>
      <c r="D29809" s="14" t="s">
        <v>187</v>
      </c>
      <c r="E29809" s="15">
        <v>45620</v>
      </c>
      <c r="F29809" s="14" t="s">
        <v>15</v>
      </c>
      <c r="G29809" s="16">
        <v>2.0879475796262472</v>
      </c>
    </row>
    <row r="29810" spans="1:7" x14ac:dyDescent="0.3">
      <c r="A29810" s="13" t="s">
        <v>186</v>
      </c>
      <c r="B29810" s="14" t="s">
        <v>1</v>
      </c>
      <c r="C29810" s="14" t="s">
        <v>70</v>
      </c>
      <c r="D29810" s="14" t="s">
        <v>187</v>
      </c>
      <c r="E29810" s="15">
        <v>45621</v>
      </c>
      <c r="F29810" s="14" t="s">
        <v>15</v>
      </c>
      <c r="G29810" s="16">
        <v>2.0917017228703445</v>
      </c>
    </row>
    <row r="29811" spans="1:7" x14ac:dyDescent="0.3">
      <c r="A29811" s="13" t="s">
        <v>186</v>
      </c>
      <c r="B29811" s="14" t="s">
        <v>1</v>
      </c>
      <c r="C29811" s="14" t="s">
        <v>70</v>
      </c>
      <c r="D29811" s="14" t="s">
        <v>187</v>
      </c>
      <c r="E29811" s="15">
        <v>45622</v>
      </c>
      <c r="F29811" s="14" t="s">
        <v>15</v>
      </c>
      <c r="G29811" s="16">
        <v>2.1126102948655019</v>
      </c>
    </row>
    <row r="29812" spans="1:7" x14ac:dyDescent="0.3">
      <c r="A29812" s="13" t="s">
        <v>186</v>
      </c>
      <c r="B29812" s="14" t="s">
        <v>1</v>
      </c>
      <c r="C29812" s="14" t="s">
        <v>70</v>
      </c>
      <c r="D29812" s="14" t="s">
        <v>187</v>
      </c>
      <c r="E29812" s="15">
        <v>45623</v>
      </c>
      <c r="F29812" s="14" t="s">
        <v>15</v>
      </c>
      <c r="G29812" s="16">
        <v>2.1220240824393022</v>
      </c>
    </row>
    <row r="29813" spans="1:7" x14ac:dyDescent="0.3">
      <c r="A29813" s="13" t="s">
        <v>186</v>
      </c>
      <c r="B29813" s="14" t="s">
        <v>1</v>
      </c>
      <c r="C29813" s="14" t="s">
        <v>70</v>
      </c>
      <c r="D29813" s="14" t="s">
        <v>187</v>
      </c>
      <c r="E29813" s="15">
        <v>45624</v>
      </c>
      <c r="F29813" s="14" t="s">
        <v>15</v>
      </c>
      <c r="G29813" s="16">
        <v>2.1303128757571317</v>
      </c>
    </row>
    <row r="29814" spans="1:7" x14ac:dyDescent="0.3">
      <c r="A29814" s="13" t="s">
        <v>186</v>
      </c>
      <c r="B29814" s="14" t="s">
        <v>1</v>
      </c>
      <c r="C29814" s="14" t="s">
        <v>70</v>
      </c>
      <c r="D29814" s="14" t="s">
        <v>187</v>
      </c>
      <c r="E29814" s="15">
        <v>45625</v>
      </c>
      <c r="F29814" s="14" t="s">
        <v>15</v>
      </c>
      <c r="G29814" s="16">
        <v>2.1340418288216392</v>
      </c>
    </row>
    <row r="29815" spans="1:7" x14ac:dyDescent="0.3">
      <c r="A29815" s="13" t="s">
        <v>186</v>
      </c>
      <c r="B29815" s="14" t="s">
        <v>1</v>
      </c>
      <c r="C29815" s="14" t="s">
        <v>70</v>
      </c>
      <c r="D29815" s="14" t="s">
        <v>187</v>
      </c>
      <c r="E29815" s="15">
        <v>45626</v>
      </c>
      <c r="F29815" s="14" t="s">
        <v>15</v>
      </c>
      <c r="G29815" s="16">
        <v>2.1340418288216392</v>
      </c>
    </row>
    <row r="29816" spans="1:7" x14ac:dyDescent="0.3">
      <c r="A29816" s="13" t="s">
        <v>186</v>
      </c>
      <c r="B29816" s="14" t="s">
        <v>1</v>
      </c>
      <c r="C29816" s="14" t="s">
        <v>70</v>
      </c>
      <c r="D29816" s="14" t="s">
        <v>187</v>
      </c>
      <c r="E29816" s="15">
        <v>45627</v>
      </c>
      <c r="F29816" s="14" t="s">
        <v>15</v>
      </c>
      <c r="G29816" s="16">
        <v>2.1340418288216392</v>
      </c>
    </row>
    <row r="29817" spans="1:7" x14ac:dyDescent="0.3">
      <c r="A29817" s="13" t="s">
        <v>186</v>
      </c>
      <c r="B29817" s="14" t="s">
        <v>1</v>
      </c>
      <c r="C29817" s="14" t="s">
        <v>70</v>
      </c>
      <c r="D29817" s="14" t="s">
        <v>187</v>
      </c>
      <c r="E29817" s="15">
        <v>45628</v>
      </c>
      <c r="F29817" s="14" t="s">
        <v>15</v>
      </c>
      <c r="G29817" s="16">
        <v>2.1456603210687817</v>
      </c>
    </row>
    <row r="29818" spans="1:7" x14ac:dyDescent="0.3">
      <c r="A29818" s="13" t="s">
        <v>186</v>
      </c>
      <c r="B29818" s="14" t="s">
        <v>1</v>
      </c>
      <c r="C29818" s="14" t="s">
        <v>70</v>
      </c>
      <c r="D29818" s="14" t="s">
        <v>187</v>
      </c>
      <c r="E29818" s="15">
        <v>45629</v>
      </c>
      <c r="F29818" s="14" t="s">
        <v>15</v>
      </c>
      <c r="G29818" s="16">
        <v>2.1635161607858362</v>
      </c>
    </row>
    <row r="29819" spans="1:7" x14ac:dyDescent="0.3">
      <c r="A29819" s="13" t="s">
        <v>186</v>
      </c>
      <c r="B29819" s="14" t="s">
        <v>1</v>
      </c>
      <c r="C29819" s="14" t="s">
        <v>70</v>
      </c>
      <c r="D29819" s="14" t="s">
        <v>187</v>
      </c>
      <c r="E29819" s="15">
        <v>45630</v>
      </c>
      <c r="F29819" s="14" t="s">
        <v>15</v>
      </c>
      <c r="G29819" s="16">
        <v>2.1700622782632624</v>
      </c>
    </row>
    <row r="29820" spans="1:7" x14ac:dyDescent="0.3">
      <c r="A29820" s="13" t="s">
        <v>186</v>
      </c>
      <c r="B29820" s="14" t="s">
        <v>1</v>
      </c>
      <c r="C29820" s="14" t="s">
        <v>70</v>
      </c>
      <c r="D29820" s="14" t="s">
        <v>187</v>
      </c>
      <c r="E29820" s="15">
        <v>45631</v>
      </c>
      <c r="F29820" s="14" t="s">
        <v>15</v>
      </c>
      <c r="G29820" s="16">
        <v>2.1748573231737547</v>
      </c>
    </row>
    <row r="29821" spans="1:7" x14ac:dyDescent="0.3">
      <c r="A29821" s="13" t="s">
        <v>186</v>
      </c>
      <c r="B29821" s="14" t="s">
        <v>1</v>
      </c>
      <c r="C29821" s="14" t="s">
        <v>70</v>
      </c>
      <c r="D29821" s="14" t="s">
        <v>187</v>
      </c>
      <c r="E29821" s="15">
        <v>45632</v>
      </c>
      <c r="F29821" s="14" t="s">
        <v>15</v>
      </c>
      <c r="G29821" s="16">
        <v>2.1828774630173866</v>
      </c>
    </row>
    <row r="29822" spans="1:7" x14ac:dyDescent="0.3">
      <c r="A29822" s="13" t="s">
        <v>186</v>
      </c>
      <c r="B29822" s="14" t="s">
        <v>1</v>
      </c>
      <c r="C29822" s="14" t="s">
        <v>70</v>
      </c>
      <c r="D29822" s="14" t="s">
        <v>187</v>
      </c>
      <c r="E29822" s="15">
        <v>45633</v>
      </c>
      <c r="F29822" s="14" t="s">
        <v>15</v>
      </c>
      <c r="G29822" s="16">
        <v>2.1828774630173866</v>
      </c>
    </row>
    <row r="29823" spans="1:7" x14ac:dyDescent="0.3">
      <c r="A29823" s="13" t="s">
        <v>186</v>
      </c>
      <c r="B29823" s="14" t="s">
        <v>1</v>
      </c>
      <c r="C29823" s="14" t="s">
        <v>70</v>
      </c>
      <c r="D29823" s="14" t="s">
        <v>187</v>
      </c>
      <c r="E29823" s="15">
        <v>45634</v>
      </c>
      <c r="F29823" s="14" t="s">
        <v>15</v>
      </c>
      <c r="G29823" s="16">
        <v>2.1828774630173866</v>
      </c>
    </row>
    <row r="29824" spans="1:7" x14ac:dyDescent="0.3">
      <c r="A29824" s="13" t="s">
        <v>186</v>
      </c>
      <c r="B29824" s="14" t="s">
        <v>1</v>
      </c>
      <c r="C29824" s="14" t="s">
        <v>70</v>
      </c>
      <c r="D29824" s="14" t="s">
        <v>187</v>
      </c>
      <c r="E29824" s="15">
        <v>45635</v>
      </c>
      <c r="F29824" s="14" t="s">
        <v>15</v>
      </c>
      <c r="G29824" s="16">
        <v>2.1865360256132229</v>
      </c>
    </row>
    <row r="29825" spans="1:7" x14ac:dyDescent="0.3">
      <c r="A29825" s="13" t="s">
        <v>186</v>
      </c>
      <c r="B29825" s="14" t="s">
        <v>1</v>
      </c>
      <c r="C29825" s="14" t="s">
        <v>70</v>
      </c>
      <c r="D29825" s="14" t="s">
        <v>187</v>
      </c>
      <c r="E29825" s="15">
        <v>45636</v>
      </c>
      <c r="F29825" s="14" t="s">
        <v>15</v>
      </c>
      <c r="G29825" s="16">
        <v>2.2029729856457601</v>
      </c>
    </row>
    <row r="29826" spans="1:7" x14ac:dyDescent="0.3">
      <c r="A29826" s="13" t="s">
        <v>186</v>
      </c>
      <c r="B29826" s="14" t="s">
        <v>1</v>
      </c>
      <c r="C29826" s="14" t="s">
        <v>70</v>
      </c>
      <c r="D29826" s="14" t="s">
        <v>187</v>
      </c>
      <c r="E29826" s="15">
        <v>45637</v>
      </c>
      <c r="F29826" s="14" t="s">
        <v>15</v>
      </c>
      <c r="G29826" s="16">
        <v>2.2079533016117754</v>
      </c>
    </row>
    <row r="29827" spans="1:7" x14ac:dyDescent="0.3">
      <c r="A29827" s="13" t="s">
        <v>186</v>
      </c>
      <c r="B29827" s="14" t="s">
        <v>1</v>
      </c>
      <c r="C29827" s="14" t="s">
        <v>70</v>
      </c>
      <c r="D29827" s="14" t="s">
        <v>187</v>
      </c>
      <c r="E29827" s="15">
        <v>45638</v>
      </c>
      <c r="F29827" s="14" t="s">
        <v>15</v>
      </c>
      <c r="G29827" s="16">
        <v>2.2127928784152076</v>
      </c>
    </row>
    <row r="29828" spans="1:7" x14ac:dyDescent="0.3">
      <c r="A29828" s="13" t="s">
        <v>186</v>
      </c>
      <c r="B29828" s="14" t="s">
        <v>1</v>
      </c>
      <c r="C29828" s="14" t="s">
        <v>70</v>
      </c>
      <c r="D29828" s="14" t="s">
        <v>187</v>
      </c>
      <c r="E29828" s="15">
        <v>45639</v>
      </c>
      <c r="F29828" s="14" t="s">
        <v>15</v>
      </c>
      <c r="G29828" s="16">
        <v>2.2185391763595916</v>
      </c>
    </row>
    <row r="29829" spans="1:7" x14ac:dyDescent="0.3">
      <c r="A29829" s="13" t="s">
        <v>186</v>
      </c>
      <c r="B29829" s="14" t="s">
        <v>1</v>
      </c>
      <c r="C29829" s="14" t="s">
        <v>70</v>
      </c>
      <c r="D29829" s="14" t="s">
        <v>187</v>
      </c>
      <c r="E29829" s="15">
        <v>45640</v>
      </c>
      <c r="F29829" s="14" t="s">
        <v>15</v>
      </c>
      <c r="G29829" s="16">
        <v>2.2185391763595916</v>
      </c>
    </row>
    <row r="29830" spans="1:7" x14ac:dyDescent="0.3">
      <c r="A29830" s="13" t="s">
        <v>186</v>
      </c>
      <c r="B29830" s="14" t="s">
        <v>1</v>
      </c>
      <c r="C29830" s="14" t="s">
        <v>70</v>
      </c>
      <c r="D29830" s="14" t="s">
        <v>187</v>
      </c>
      <c r="E29830" s="15">
        <v>45641</v>
      </c>
      <c r="F29830" s="14" t="s">
        <v>15</v>
      </c>
      <c r="G29830" s="16">
        <v>2.2185391763595916</v>
      </c>
    </row>
    <row r="29831" spans="1:7" x14ac:dyDescent="0.3">
      <c r="A29831" s="13" t="s">
        <v>186</v>
      </c>
      <c r="B29831" s="14" t="s">
        <v>1</v>
      </c>
      <c r="C29831" s="14" t="s">
        <v>70</v>
      </c>
      <c r="D29831" s="14" t="s">
        <v>187</v>
      </c>
      <c r="E29831" s="15">
        <v>45642</v>
      </c>
      <c r="F29831" s="14" t="s">
        <v>15</v>
      </c>
      <c r="G29831" s="16">
        <v>2.2260312832512943</v>
      </c>
    </row>
    <row r="29832" spans="1:7" x14ac:dyDescent="0.3">
      <c r="A29832" s="13" t="s">
        <v>186</v>
      </c>
      <c r="B29832" s="14" t="s">
        <v>1</v>
      </c>
      <c r="C29832" s="14" t="s">
        <v>70</v>
      </c>
      <c r="D29832" s="14" t="s">
        <v>187</v>
      </c>
      <c r="E29832" s="15">
        <v>45643</v>
      </c>
      <c r="F29832" s="14" t="s">
        <v>15</v>
      </c>
      <c r="G29832" s="16">
        <v>2.2420685423911046</v>
      </c>
    </row>
    <row r="29833" spans="1:7" x14ac:dyDescent="0.3">
      <c r="A29833" s="13" t="s">
        <v>186</v>
      </c>
      <c r="B29833" s="14" t="s">
        <v>1</v>
      </c>
      <c r="C29833" s="14" t="s">
        <v>70</v>
      </c>
      <c r="D29833" s="14" t="s">
        <v>187</v>
      </c>
      <c r="E29833" s="15">
        <v>45644</v>
      </c>
      <c r="F29833" s="14" t="s">
        <v>15</v>
      </c>
      <c r="G29833" s="16">
        <v>2.242584431653023</v>
      </c>
    </row>
    <row r="29834" spans="1:7" x14ac:dyDescent="0.3">
      <c r="A29834" s="13" t="s">
        <v>186</v>
      </c>
      <c r="B29834" s="14" t="s">
        <v>1</v>
      </c>
      <c r="C29834" s="14" t="s">
        <v>70</v>
      </c>
      <c r="D29834" s="14" t="s">
        <v>187</v>
      </c>
      <c r="E29834" s="15">
        <v>45645</v>
      </c>
      <c r="F29834" s="14" t="s">
        <v>15</v>
      </c>
      <c r="G29834" s="16">
        <v>2.2464746352867113</v>
      </c>
    </row>
    <row r="29835" spans="1:7" x14ac:dyDescent="0.3">
      <c r="A29835" s="13" t="s">
        <v>186</v>
      </c>
      <c r="B29835" s="14" t="s">
        <v>1</v>
      </c>
      <c r="C29835" s="14" t="s">
        <v>70</v>
      </c>
      <c r="D29835" s="14" t="s">
        <v>187</v>
      </c>
      <c r="E29835" s="15">
        <v>45646</v>
      </c>
      <c r="F29835" s="14" t="s">
        <v>15</v>
      </c>
      <c r="G29835" s="16">
        <v>2.253455502679544</v>
      </c>
    </row>
    <row r="29836" spans="1:7" x14ac:dyDescent="0.3">
      <c r="A29836" s="13" t="s">
        <v>186</v>
      </c>
      <c r="B29836" s="14" t="s">
        <v>1</v>
      </c>
      <c r="C29836" s="14" t="s">
        <v>70</v>
      </c>
      <c r="D29836" s="14" t="s">
        <v>187</v>
      </c>
      <c r="E29836" s="15">
        <v>45647</v>
      </c>
      <c r="F29836" s="14" t="s">
        <v>15</v>
      </c>
      <c r="G29836" s="16">
        <v>2.253455502679544</v>
      </c>
    </row>
    <row r="29837" spans="1:7" x14ac:dyDescent="0.3">
      <c r="A29837" s="13" t="s">
        <v>186</v>
      </c>
      <c r="B29837" s="14" t="s">
        <v>1</v>
      </c>
      <c r="C29837" s="14" t="s">
        <v>70</v>
      </c>
      <c r="D29837" s="14" t="s">
        <v>187</v>
      </c>
      <c r="E29837" s="15">
        <v>45648</v>
      </c>
      <c r="F29837" s="14" t="s">
        <v>15</v>
      </c>
      <c r="G29837" s="16">
        <v>2.253455502679544</v>
      </c>
    </row>
    <row r="29838" spans="1:7" x14ac:dyDescent="0.3">
      <c r="A29838" s="13" t="s">
        <v>186</v>
      </c>
      <c r="B29838" s="14" t="s">
        <v>1</v>
      </c>
      <c r="C29838" s="14" t="s">
        <v>70</v>
      </c>
      <c r="D29838" s="14" t="s">
        <v>187</v>
      </c>
      <c r="E29838" s="15">
        <v>45649</v>
      </c>
      <c r="F29838" s="14" t="s">
        <v>15</v>
      </c>
      <c r="G29838" s="16">
        <v>2.2572704281977751</v>
      </c>
    </row>
    <row r="29839" spans="1:7" x14ac:dyDescent="0.3">
      <c r="A29839" s="13" t="s">
        <v>186</v>
      </c>
      <c r="B29839" s="14" t="s">
        <v>1</v>
      </c>
      <c r="C29839" s="14" t="s">
        <v>70</v>
      </c>
      <c r="D29839" s="14" t="s">
        <v>187</v>
      </c>
      <c r="E29839" s="15">
        <v>45650</v>
      </c>
      <c r="F29839" s="14" t="s">
        <v>15</v>
      </c>
      <c r="G29839" s="16">
        <v>2.2705174258693703</v>
      </c>
    </row>
    <row r="29840" spans="1:7" x14ac:dyDescent="0.3">
      <c r="A29840" s="13" t="s">
        <v>186</v>
      </c>
      <c r="B29840" s="14" t="s">
        <v>1</v>
      </c>
      <c r="C29840" s="14" t="s">
        <v>70</v>
      </c>
      <c r="D29840" s="14" t="s">
        <v>187</v>
      </c>
      <c r="E29840" s="15">
        <v>45651</v>
      </c>
      <c r="F29840" s="14" t="s">
        <v>15</v>
      </c>
      <c r="G29840" s="16">
        <v>2.2705174258693703</v>
      </c>
    </row>
    <row r="29841" spans="1:7" x14ac:dyDescent="0.3">
      <c r="A29841" s="13" t="s">
        <v>186</v>
      </c>
      <c r="B29841" s="14" t="s">
        <v>1</v>
      </c>
      <c r="C29841" s="14" t="s">
        <v>70</v>
      </c>
      <c r="D29841" s="14" t="s">
        <v>187</v>
      </c>
      <c r="E29841" s="15">
        <v>45652</v>
      </c>
      <c r="F29841" s="14" t="s">
        <v>15</v>
      </c>
      <c r="G29841" s="16">
        <v>2.2705174258693703</v>
      </c>
    </row>
    <row r="29842" spans="1:7" x14ac:dyDescent="0.3">
      <c r="A29842" s="13" t="s">
        <v>186</v>
      </c>
      <c r="B29842" s="14" t="s">
        <v>1</v>
      </c>
      <c r="C29842" s="14" t="s">
        <v>70</v>
      </c>
      <c r="D29842" s="14" t="s">
        <v>187</v>
      </c>
      <c r="E29842" s="15">
        <v>45653</v>
      </c>
      <c r="F29842" s="14" t="s">
        <v>15</v>
      </c>
      <c r="G29842" s="16">
        <v>2.2705174258693703</v>
      </c>
    </row>
    <row r="29843" spans="1:7" x14ac:dyDescent="0.3">
      <c r="A29843" s="13" t="s">
        <v>186</v>
      </c>
      <c r="B29843" s="14" t="s">
        <v>1</v>
      </c>
      <c r="C29843" s="14" t="s">
        <v>70</v>
      </c>
      <c r="D29843" s="14" t="s">
        <v>187</v>
      </c>
      <c r="E29843" s="15">
        <v>45654</v>
      </c>
      <c r="F29843" s="14" t="s">
        <v>15</v>
      </c>
      <c r="G29843" s="16">
        <v>2.2705174258693703</v>
      </c>
    </row>
    <row r="29844" spans="1:7" x14ac:dyDescent="0.3">
      <c r="A29844" s="13" t="s">
        <v>186</v>
      </c>
      <c r="B29844" s="14" t="s">
        <v>1</v>
      </c>
      <c r="C29844" s="14" t="s">
        <v>70</v>
      </c>
      <c r="D29844" s="14" t="s">
        <v>187</v>
      </c>
      <c r="E29844" s="15">
        <v>45655</v>
      </c>
      <c r="F29844" s="14" t="s">
        <v>15</v>
      </c>
      <c r="G29844" s="16">
        <v>2.2705174258693703</v>
      </c>
    </row>
    <row r="29845" spans="1:7" x14ac:dyDescent="0.3">
      <c r="A29845" s="13" t="s">
        <v>186</v>
      </c>
      <c r="B29845" s="14" t="s">
        <v>1</v>
      </c>
      <c r="C29845" s="14" t="s">
        <v>70</v>
      </c>
      <c r="D29845" s="14" t="s">
        <v>187</v>
      </c>
      <c r="E29845" s="15">
        <v>45656</v>
      </c>
      <c r="F29845" s="14" t="s">
        <v>15</v>
      </c>
      <c r="G29845" s="16">
        <v>2.2744694143714059</v>
      </c>
    </row>
    <row r="29846" spans="1:7" x14ac:dyDescent="0.3">
      <c r="A29846" s="13" t="s">
        <v>186</v>
      </c>
      <c r="B29846" s="14" t="s">
        <v>1</v>
      </c>
      <c r="C29846" s="14" t="s">
        <v>70</v>
      </c>
      <c r="D29846" s="14" t="s">
        <v>187</v>
      </c>
      <c r="E29846" s="15">
        <v>45657</v>
      </c>
      <c r="F29846" s="14" t="s">
        <v>15</v>
      </c>
      <c r="G29846" s="16">
        <v>2.2987280713781972</v>
      </c>
    </row>
    <row r="29847" spans="1:7" x14ac:dyDescent="0.3">
      <c r="A29847" s="13" t="s">
        <v>186</v>
      </c>
      <c r="B29847" s="14" t="s">
        <v>1</v>
      </c>
      <c r="C29847" s="14" t="s">
        <v>70</v>
      </c>
      <c r="D29847" s="14" t="s">
        <v>187</v>
      </c>
      <c r="E29847" s="15">
        <v>45658</v>
      </c>
      <c r="F29847" s="14" t="s">
        <v>15</v>
      </c>
      <c r="G29847" s="16">
        <v>2.2987280713781972</v>
      </c>
    </row>
    <row r="29848" spans="1:7" x14ac:dyDescent="0.3">
      <c r="A29848" s="13" t="s">
        <v>186</v>
      </c>
      <c r="B29848" s="14" t="s">
        <v>1</v>
      </c>
      <c r="C29848" s="14" t="s">
        <v>70</v>
      </c>
      <c r="D29848" s="14" t="s">
        <v>187</v>
      </c>
      <c r="E29848" s="15">
        <v>45659</v>
      </c>
      <c r="F29848" s="14" t="s">
        <v>15</v>
      </c>
      <c r="G29848" s="16">
        <v>2.2987280713781972</v>
      </c>
    </row>
    <row r="29849" spans="1:7" x14ac:dyDescent="0.3">
      <c r="A29849" s="13" t="s">
        <v>186</v>
      </c>
      <c r="B29849" s="14" t="s">
        <v>1</v>
      </c>
      <c r="C29849" s="14" t="s">
        <v>70</v>
      </c>
      <c r="D29849" s="14" t="s">
        <v>187</v>
      </c>
      <c r="E29849" s="15">
        <v>45660</v>
      </c>
      <c r="F29849" s="14" t="s">
        <v>15</v>
      </c>
      <c r="G29849" s="16">
        <v>2.30960944800534</v>
      </c>
    </row>
    <row r="29850" spans="1:7" x14ac:dyDescent="0.3">
      <c r="A29850" s="13" t="s">
        <v>186</v>
      </c>
      <c r="B29850" s="14" t="s">
        <v>1</v>
      </c>
      <c r="C29850" s="14" t="s">
        <v>70</v>
      </c>
      <c r="D29850" s="14" t="s">
        <v>187</v>
      </c>
      <c r="E29850" s="15">
        <v>45661</v>
      </c>
      <c r="F29850" s="14" t="s">
        <v>15</v>
      </c>
      <c r="G29850" s="16">
        <v>2.30960944800534</v>
      </c>
    </row>
    <row r="29851" spans="1:7" x14ac:dyDescent="0.3">
      <c r="A29851" s="13" t="s">
        <v>186</v>
      </c>
      <c r="B29851" s="14" t="s">
        <v>1</v>
      </c>
      <c r="C29851" s="14" t="s">
        <v>70</v>
      </c>
      <c r="D29851" s="14" t="s">
        <v>187</v>
      </c>
      <c r="E29851" s="15">
        <v>45662</v>
      </c>
      <c r="F29851" s="14" t="s">
        <v>15</v>
      </c>
      <c r="G29851" s="16">
        <v>2.30960944800534</v>
      </c>
    </row>
    <row r="29852" spans="1:7" x14ac:dyDescent="0.3">
      <c r="A29852" s="13" t="s">
        <v>186</v>
      </c>
      <c r="B29852" s="14" t="s">
        <v>1</v>
      </c>
      <c r="C29852" s="14" t="s">
        <v>70</v>
      </c>
      <c r="D29852" s="14" t="s">
        <v>187</v>
      </c>
      <c r="E29852" s="15">
        <v>45663</v>
      </c>
      <c r="F29852" s="14" t="s">
        <v>15</v>
      </c>
      <c r="G29852" s="16">
        <v>2.3372438397257027</v>
      </c>
    </row>
    <row r="29853" spans="1:7" x14ac:dyDescent="0.3">
      <c r="A29853" s="13" t="s">
        <v>186</v>
      </c>
      <c r="B29853" s="14" t="s">
        <v>1</v>
      </c>
      <c r="C29853" s="14" t="s">
        <v>70</v>
      </c>
      <c r="D29853" s="14" t="s">
        <v>187</v>
      </c>
      <c r="E29853" s="15">
        <v>45664</v>
      </c>
      <c r="F29853" s="14" t="s">
        <v>15</v>
      </c>
      <c r="G29853" s="16">
        <v>2.3566907227501592</v>
      </c>
    </row>
    <row r="29854" spans="1:7" x14ac:dyDescent="0.3">
      <c r="A29854" s="13" t="s">
        <v>186</v>
      </c>
      <c r="B29854" s="14" t="s">
        <v>1</v>
      </c>
      <c r="C29854" s="14" t="s">
        <v>70</v>
      </c>
      <c r="D29854" s="14" t="s">
        <v>187</v>
      </c>
      <c r="E29854" s="15">
        <v>45665</v>
      </c>
      <c r="F29854" s="14" t="s">
        <v>15</v>
      </c>
      <c r="G29854" s="16">
        <v>2.3605930267155042</v>
      </c>
    </row>
    <row r="29855" spans="1:7" x14ac:dyDescent="0.3">
      <c r="A29855" s="13" t="s">
        <v>186</v>
      </c>
      <c r="B29855" s="14" t="s">
        <v>1</v>
      </c>
      <c r="C29855" s="14" t="s">
        <v>70</v>
      </c>
      <c r="D29855" s="14" t="s">
        <v>187</v>
      </c>
      <c r="E29855" s="15">
        <v>45666</v>
      </c>
      <c r="F29855" s="14" t="s">
        <v>15</v>
      </c>
      <c r="G29855" s="16">
        <v>2.3734378668328073</v>
      </c>
    </row>
    <row r="29856" spans="1:7" x14ac:dyDescent="0.3">
      <c r="A29856" s="13" t="s">
        <v>186</v>
      </c>
      <c r="B29856" s="14" t="s">
        <v>1</v>
      </c>
      <c r="C29856" s="14" t="s">
        <v>70</v>
      </c>
      <c r="D29856" s="14" t="s">
        <v>187</v>
      </c>
      <c r="E29856" s="15">
        <v>45667</v>
      </c>
      <c r="F29856" s="14" t="s">
        <v>15</v>
      </c>
      <c r="G29856" s="16">
        <v>2.3773591786410671</v>
      </c>
    </row>
    <row r="29857" spans="1:7" x14ac:dyDescent="0.3">
      <c r="A29857" s="13" t="s">
        <v>186</v>
      </c>
      <c r="B29857" s="14" t="s">
        <v>1</v>
      </c>
      <c r="C29857" s="14" t="s">
        <v>70</v>
      </c>
      <c r="D29857" s="14" t="s">
        <v>187</v>
      </c>
      <c r="E29857" s="15">
        <v>45668</v>
      </c>
      <c r="F29857" s="14" t="s">
        <v>15</v>
      </c>
      <c r="G29857" s="16">
        <v>2.3773591786410671</v>
      </c>
    </row>
    <row r="29858" spans="1:7" x14ac:dyDescent="0.3">
      <c r="A29858" s="13" t="s">
        <v>186</v>
      </c>
      <c r="B29858" s="14" t="s">
        <v>1</v>
      </c>
      <c r="C29858" s="14" t="s">
        <v>70</v>
      </c>
      <c r="D29858" s="14" t="s">
        <v>187</v>
      </c>
      <c r="E29858" s="15">
        <v>45669</v>
      </c>
      <c r="F29858" s="14" t="s">
        <v>15</v>
      </c>
      <c r="G29858" s="16">
        <v>2.3773591786410671</v>
      </c>
    </row>
    <row r="29859" spans="1:7" x14ac:dyDescent="0.3">
      <c r="A29859" s="13" t="s">
        <v>186</v>
      </c>
      <c r="B29859" s="14" t="s">
        <v>1</v>
      </c>
      <c r="C29859" s="14" t="s">
        <v>70</v>
      </c>
      <c r="D29859" s="14" t="s">
        <v>187</v>
      </c>
      <c r="E29859" s="15">
        <v>45670</v>
      </c>
      <c r="F29859" s="14" t="s">
        <v>15</v>
      </c>
      <c r="G29859" s="16">
        <v>2.3960685050452573</v>
      </c>
    </row>
    <row r="29860" spans="1:7" x14ac:dyDescent="0.3">
      <c r="A29860" s="13" t="s">
        <v>186</v>
      </c>
      <c r="B29860" s="14" t="s">
        <v>1</v>
      </c>
      <c r="C29860" s="14" t="s">
        <v>70</v>
      </c>
      <c r="D29860" s="14" t="s">
        <v>187</v>
      </c>
      <c r="E29860" s="15">
        <v>45671</v>
      </c>
      <c r="F29860" s="14" t="s">
        <v>15</v>
      </c>
      <c r="G29860" s="16">
        <v>2.40819283456656</v>
      </c>
    </row>
    <row r="29861" spans="1:7" x14ac:dyDescent="0.3">
      <c r="A29861" s="13" t="s">
        <v>186</v>
      </c>
      <c r="B29861" s="14" t="s">
        <v>1</v>
      </c>
      <c r="C29861" s="14" t="s">
        <v>70</v>
      </c>
      <c r="D29861" s="14" t="s">
        <v>187</v>
      </c>
      <c r="E29861" s="15">
        <v>45672</v>
      </c>
      <c r="F29861" s="14" t="s">
        <v>15</v>
      </c>
      <c r="G29861" s="16">
        <v>2.4121979378291374</v>
      </c>
    </row>
    <row r="29862" spans="1:7" x14ac:dyDescent="0.3">
      <c r="A29862" s="13" t="s">
        <v>186</v>
      </c>
      <c r="B29862" s="14" t="s">
        <v>1</v>
      </c>
      <c r="C29862" s="14" t="s">
        <v>70</v>
      </c>
      <c r="D29862" s="14" t="s">
        <v>187</v>
      </c>
      <c r="E29862" s="15">
        <v>45673</v>
      </c>
      <c r="F29862" s="14" t="s">
        <v>15</v>
      </c>
      <c r="G29862" s="16">
        <v>2.4200956380600513</v>
      </c>
    </row>
    <row r="29863" spans="1:7" x14ac:dyDescent="0.3">
      <c r="A29863" s="13" t="s">
        <v>186</v>
      </c>
      <c r="B29863" s="14" t="s">
        <v>1</v>
      </c>
      <c r="C29863" s="14" t="s">
        <v>70</v>
      </c>
      <c r="D29863" s="14" t="s">
        <v>187</v>
      </c>
      <c r="E29863" s="15">
        <v>45674</v>
      </c>
      <c r="F29863" s="14" t="s">
        <v>15</v>
      </c>
      <c r="G29863" s="16">
        <v>2.4236819584349196</v>
      </c>
    </row>
    <row r="29864" spans="1:7" x14ac:dyDescent="0.3">
      <c r="A29864" s="13" t="s">
        <v>186</v>
      </c>
      <c r="B29864" s="14" t="s">
        <v>1</v>
      </c>
      <c r="C29864" s="14" t="s">
        <v>70</v>
      </c>
      <c r="D29864" s="14" t="s">
        <v>187</v>
      </c>
      <c r="E29864" s="15">
        <v>45675</v>
      </c>
      <c r="F29864" s="14" t="s">
        <v>15</v>
      </c>
      <c r="G29864" s="16">
        <v>2.4236819584349196</v>
      </c>
    </row>
    <row r="29865" spans="1:7" x14ac:dyDescent="0.3">
      <c r="A29865" s="13" t="s">
        <v>186</v>
      </c>
      <c r="B29865" s="14" t="s">
        <v>1</v>
      </c>
      <c r="C29865" s="14" t="s">
        <v>70</v>
      </c>
      <c r="D29865" s="14" t="s">
        <v>187</v>
      </c>
      <c r="E29865" s="15">
        <v>45676</v>
      </c>
      <c r="F29865" s="14" t="s">
        <v>15</v>
      </c>
      <c r="G29865" s="16">
        <v>2.4236819584349196</v>
      </c>
    </row>
    <row r="29866" spans="1:7" x14ac:dyDescent="0.3">
      <c r="A29866" s="13" t="s">
        <v>186</v>
      </c>
      <c r="B29866" s="14" t="s">
        <v>1</v>
      </c>
      <c r="C29866" s="14" t="s">
        <v>70</v>
      </c>
      <c r="D29866" s="14" t="s">
        <v>187</v>
      </c>
      <c r="E29866" s="15">
        <v>45677</v>
      </c>
      <c r="F29866" s="14" t="s">
        <v>15</v>
      </c>
      <c r="G29866" s="16">
        <v>2.4326760537150753</v>
      </c>
    </row>
    <row r="29867" spans="1:7" x14ac:dyDescent="0.3">
      <c r="A29867" s="13" t="s">
        <v>186</v>
      </c>
      <c r="B29867" s="14" t="s">
        <v>1</v>
      </c>
      <c r="C29867" s="14" t="s">
        <v>70</v>
      </c>
      <c r="D29867" s="14" t="s">
        <v>187</v>
      </c>
      <c r="E29867" s="15">
        <v>45678</v>
      </c>
      <c r="F29867" s="14" t="s">
        <v>15</v>
      </c>
      <c r="G29867" s="16">
        <v>2.4623955423398698</v>
      </c>
    </row>
    <row r="29868" spans="1:7" x14ac:dyDescent="0.3">
      <c r="A29868" s="13" t="s">
        <v>186</v>
      </c>
      <c r="B29868" s="14" t="s">
        <v>1</v>
      </c>
      <c r="C29868" s="14" t="s">
        <v>70</v>
      </c>
      <c r="D29868" s="14" t="s">
        <v>187</v>
      </c>
      <c r="E29868" s="15">
        <v>45679</v>
      </c>
      <c r="F29868" s="14" t="s">
        <v>15</v>
      </c>
      <c r="G29868" s="16">
        <v>2.4662616180541539</v>
      </c>
    </row>
    <row r="29869" spans="1:7" x14ac:dyDescent="0.3">
      <c r="A29869" s="13" t="s">
        <v>186</v>
      </c>
      <c r="B29869" s="14" t="s">
        <v>1</v>
      </c>
      <c r="C29869" s="14" t="s">
        <v>70</v>
      </c>
      <c r="D29869" s="14" t="s">
        <v>187</v>
      </c>
      <c r="E29869" s="15">
        <v>45680</v>
      </c>
      <c r="F29869" s="14" t="s">
        <v>15</v>
      </c>
      <c r="G29869" s="16">
        <v>2.470049918557979</v>
      </c>
    </row>
    <row r="29870" spans="1:7" x14ac:dyDescent="0.3">
      <c r="A29870" s="13" t="s">
        <v>186</v>
      </c>
      <c r="B29870" s="14" t="s">
        <v>1</v>
      </c>
      <c r="C29870" s="14" t="s">
        <v>70</v>
      </c>
      <c r="D29870" s="14" t="s">
        <v>187</v>
      </c>
      <c r="E29870" s="15">
        <v>45681</v>
      </c>
      <c r="F29870" s="14" t="s">
        <v>15</v>
      </c>
      <c r="G29870" s="16">
        <v>2.4736079451483239</v>
      </c>
    </row>
    <row r="29871" spans="1:7" x14ac:dyDescent="0.3">
      <c r="A29871" s="13" t="s">
        <v>186</v>
      </c>
      <c r="B29871" s="14" t="s">
        <v>1</v>
      </c>
      <c r="C29871" s="14" t="s">
        <v>70</v>
      </c>
      <c r="D29871" s="14" t="s">
        <v>187</v>
      </c>
      <c r="E29871" s="15">
        <v>45682</v>
      </c>
      <c r="F29871" s="14" t="s">
        <v>15</v>
      </c>
      <c r="G29871" s="16">
        <v>2.4736079451483239</v>
      </c>
    </row>
    <row r="29872" spans="1:7" x14ac:dyDescent="0.3">
      <c r="A29872" s="13" t="s">
        <v>186</v>
      </c>
      <c r="B29872" s="14" t="s">
        <v>1</v>
      </c>
      <c r="C29872" s="14" t="s">
        <v>70</v>
      </c>
      <c r="D29872" s="14" t="s">
        <v>187</v>
      </c>
      <c r="E29872" s="15">
        <v>45683</v>
      </c>
      <c r="F29872" s="14" t="s">
        <v>15</v>
      </c>
      <c r="G29872" s="16">
        <v>2.4736079451483239</v>
      </c>
    </row>
    <row r="29873" spans="1:7" x14ac:dyDescent="0.3">
      <c r="A29873" s="13" t="s">
        <v>186</v>
      </c>
      <c r="B29873" s="14" t="s">
        <v>1</v>
      </c>
      <c r="C29873" s="14" t="s">
        <v>70</v>
      </c>
      <c r="D29873" s="14" t="s">
        <v>187</v>
      </c>
      <c r="E29873" s="15">
        <v>45684</v>
      </c>
      <c r="F29873" s="14" t="s">
        <v>15</v>
      </c>
      <c r="G29873" s="16">
        <v>2.4841044011502542</v>
      </c>
    </row>
    <row r="29874" spans="1:7" x14ac:dyDescent="0.3">
      <c r="A29874" s="13" t="s">
        <v>186</v>
      </c>
      <c r="B29874" s="14" t="s">
        <v>1</v>
      </c>
      <c r="C29874" s="14" t="s">
        <v>70</v>
      </c>
      <c r="D29874" s="14" t="s">
        <v>187</v>
      </c>
      <c r="E29874" s="15">
        <v>45685</v>
      </c>
      <c r="F29874" s="14" t="s">
        <v>15</v>
      </c>
      <c r="G29874" s="16">
        <v>2.4931053845936679</v>
      </c>
    </row>
    <row r="29875" spans="1:7" x14ac:dyDescent="0.3">
      <c r="A29875" s="13" t="s">
        <v>186</v>
      </c>
      <c r="B29875" s="14" t="s">
        <v>1</v>
      </c>
      <c r="C29875" s="14" t="s">
        <v>70</v>
      </c>
      <c r="D29875" s="14" t="s">
        <v>187</v>
      </c>
      <c r="E29875" s="15">
        <v>45686</v>
      </c>
      <c r="F29875" s="14" t="s">
        <v>15</v>
      </c>
      <c r="G29875" s="16">
        <v>2.497126618365141</v>
      </c>
    </row>
    <row r="29876" spans="1:7" x14ac:dyDescent="0.3">
      <c r="A29876" s="13" t="s">
        <v>186</v>
      </c>
      <c r="B29876" s="14" t="s">
        <v>1</v>
      </c>
      <c r="C29876" s="14" t="s">
        <v>70</v>
      </c>
      <c r="D29876" s="14" t="s">
        <v>187</v>
      </c>
      <c r="E29876" s="15">
        <v>45687</v>
      </c>
      <c r="F29876" s="14" t="s">
        <v>15</v>
      </c>
      <c r="G29876" s="16">
        <v>2.5021234863489878</v>
      </c>
    </row>
    <row r="29877" spans="1:7" x14ac:dyDescent="0.3">
      <c r="A29877" s="13" t="s">
        <v>186</v>
      </c>
      <c r="B29877" s="14" t="s">
        <v>1</v>
      </c>
      <c r="C29877" s="14" t="s">
        <v>70</v>
      </c>
      <c r="D29877" s="14" t="s">
        <v>187</v>
      </c>
      <c r="E29877" s="15">
        <v>45688</v>
      </c>
      <c r="F29877" s="14" t="s">
        <v>15</v>
      </c>
      <c r="G29877" s="16">
        <v>2.5061614609729372</v>
      </c>
    </row>
    <row r="29878" spans="1:7" x14ac:dyDescent="0.3">
      <c r="A29878" s="13" t="s">
        <v>186</v>
      </c>
      <c r="B29878" s="14" t="s">
        <v>1</v>
      </c>
      <c r="C29878" s="14" t="s">
        <v>70</v>
      </c>
      <c r="D29878" s="14" t="s">
        <v>187</v>
      </c>
      <c r="E29878" s="15">
        <v>45689</v>
      </c>
      <c r="F29878" s="14" t="s">
        <v>15</v>
      </c>
      <c r="G29878" s="16">
        <v>2.5061614609729372</v>
      </c>
    </row>
    <row r="29879" spans="1:7" x14ac:dyDescent="0.3">
      <c r="A29879" s="13" t="s">
        <v>186</v>
      </c>
      <c r="B29879" s="14" t="s">
        <v>1</v>
      </c>
      <c r="C29879" s="14" t="s">
        <v>70</v>
      </c>
      <c r="D29879" s="14" t="s">
        <v>187</v>
      </c>
      <c r="E29879" s="15">
        <v>45690</v>
      </c>
      <c r="F29879" s="14" t="s">
        <v>15</v>
      </c>
      <c r="G29879" s="16">
        <v>2.5061614609729372</v>
      </c>
    </row>
    <row r="29880" spans="1:7" x14ac:dyDescent="0.3">
      <c r="A29880" s="13" t="s">
        <v>186</v>
      </c>
      <c r="B29880" s="14" t="s">
        <v>1</v>
      </c>
      <c r="C29880" s="14" t="s">
        <v>70</v>
      </c>
      <c r="D29880" s="14" t="s">
        <v>187</v>
      </c>
      <c r="E29880" s="15">
        <v>45691</v>
      </c>
      <c r="F29880" s="14" t="s">
        <v>15</v>
      </c>
      <c r="G29880" s="16">
        <v>2.5061614609729372</v>
      </c>
    </row>
    <row r="29881" spans="1:7" x14ac:dyDescent="0.3">
      <c r="A29881" s="13" t="s">
        <v>186</v>
      </c>
      <c r="B29881" s="14" t="s">
        <v>1</v>
      </c>
      <c r="C29881" s="14" t="s">
        <v>70</v>
      </c>
      <c r="D29881" s="14" t="s">
        <v>187</v>
      </c>
      <c r="E29881" s="15">
        <v>45692</v>
      </c>
      <c r="F29881" s="14" t="s">
        <v>15</v>
      </c>
      <c r="G29881" s="16">
        <v>2.5120310330840145</v>
      </c>
    </row>
    <row r="29882" spans="1:7" x14ac:dyDescent="0.3">
      <c r="A29882" s="13" t="s">
        <v>186</v>
      </c>
      <c r="B29882" s="14" t="s">
        <v>1</v>
      </c>
      <c r="C29882" s="14" t="s">
        <v>70</v>
      </c>
      <c r="D29882" s="14" t="s">
        <v>187</v>
      </c>
      <c r="E29882" s="15">
        <v>45693</v>
      </c>
      <c r="F29882" s="14" t="s">
        <v>15</v>
      </c>
      <c r="G29882" s="16">
        <v>2.523085386713888</v>
      </c>
    </row>
    <row r="29883" spans="1:7" x14ac:dyDescent="0.3">
      <c r="A29883" s="13" t="s">
        <v>186</v>
      </c>
      <c r="B29883" s="14" t="s">
        <v>1</v>
      </c>
      <c r="C29883" s="14" t="s">
        <v>70</v>
      </c>
      <c r="D29883" s="14" t="s">
        <v>187</v>
      </c>
      <c r="E29883" s="15">
        <v>45694</v>
      </c>
      <c r="F29883" s="14" t="s">
        <v>15</v>
      </c>
      <c r="G29883" s="16">
        <v>2.5270711333657911</v>
      </c>
    </row>
    <row r="29884" spans="1:7" x14ac:dyDescent="0.3">
      <c r="A29884" s="13" t="s">
        <v>186</v>
      </c>
      <c r="B29884" s="14" t="s">
        <v>1</v>
      </c>
      <c r="C29884" s="14" t="s">
        <v>70</v>
      </c>
      <c r="D29884" s="14" t="s">
        <v>187</v>
      </c>
      <c r="E29884" s="15">
        <v>45695</v>
      </c>
      <c r="F29884" s="14" t="s">
        <v>15</v>
      </c>
      <c r="G29884" s="16">
        <v>2.53323907629547</v>
      </c>
    </row>
    <row r="29885" spans="1:7" x14ac:dyDescent="0.3">
      <c r="A29885" s="13" t="s">
        <v>186</v>
      </c>
      <c r="B29885" s="14" t="s">
        <v>1</v>
      </c>
      <c r="C29885" s="14" t="s">
        <v>70</v>
      </c>
      <c r="D29885" s="14" t="s">
        <v>187</v>
      </c>
      <c r="E29885" s="15">
        <v>45696</v>
      </c>
      <c r="F29885" s="14" t="s">
        <v>15</v>
      </c>
      <c r="G29885" s="16">
        <v>2.53323907629547</v>
      </c>
    </row>
    <row r="29886" spans="1:7" x14ac:dyDescent="0.3">
      <c r="A29886" s="13" t="s">
        <v>186</v>
      </c>
      <c r="B29886" s="14" t="s">
        <v>1</v>
      </c>
      <c r="C29886" s="14" t="s">
        <v>70</v>
      </c>
      <c r="D29886" s="14" t="s">
        <v>187</v>
      </c>
      <c r="E29886" s="15">
        <v>45697</v>
      </c>
      <c r="F29886" s="14" t="s">
        <v>15</v>
      </c>
      <c r="G29886" s="16">
        <v>2.53323907629547</v>
      </c>
    </row>
    <row r="29887" spans="1:7" x14ac:dyDescent="0.3">
      <c r="A29887" s="13" t="s">
        <v>186</v>
      </c>
      <c r="B29887" s="14" t="s">
        <v>1</v>
      </c>
      <c r="C29887" s="14" t="s">
        <v>70</v>
      </c>
      <c r="D29887" s="14" t="s">
        <v>187</v>
      </c>
      <c r="E29887" s="15">
        <v>45698</v>
      </c>
      <c r="F29887" s="14" t="s">
        <v>15</v>
      </c>
      <c r="G29887" s="16">
        <v>2.5372081318296069</v>
      </c>
    </row>
    <row r="29888" spans="1:7" x14ac:dyDescent="0.3">
      <c r="A29888" s="13" t="s">
        <v>186</v>
      </c>
      <c r="B29888" s="14" t="s">
        <v>1</v>
      </c>
      <c r="C29888" s="14" t="s">
        <v>70</v>
      </c>
      <c r="D29888" s="14" t="s">
        <v>187</v>
      </c>
      <c r="E29888" s="15">
        <v>45699</v>
      </c>
      <c r="F29888" s="14" t="s">
        <v>15</v>
      </c>
      <c r="G29888" s="16">
        <v>2.5497657616196956</v>
      </c>
    </row>
    <row r="29889" spans="1:7" x14ac:dyDescent="0.3">
      <c r="A29889" s="13" t="s">
        <v>186</v>
      </c>
      <c r="B29889" s="14" t="s">
        <v>1</v>
      </c>
      <c r="C29889" s="14" t="s">
        <v>70</v>
      </c>
      <c r="D29889" s="14" t="s">
        <v>187</v>
      </c>
      <c r="E29889" s="15">
        <v>45700</v>
      </c>
      <c r="F29889" s="14" t="s">
        <v>15</v>
      </c>
      <c r="G29889" s="16">
        <v>2.5537122231324907</v>
      </c>
    </row>
    <row r="29890" spans="1:7" x14ac:dyDescent="0.3">
      <c r="A29890" s="13" t="s">
        <v>186</v>
      </c>
      <c r="B29890" s="14" t="s">
        <v>1</v>
      </c>
      <c r="C29890" s="14" t="s">
        <v>70</v>
      </c>
      <c r="D29890" s="14" t="s">
        <v>187</v>
      </c>
      <c r="E29890" s="15">
        <v>45701</v>
      </c>
      <c r="F29890" s="14" t="s">
        <v>15</v>
      </c>
      <c r="G29890" s="16">
        <v>2.5645313830982959</v>
      </c>
    </row>
    <row r="29891" spans="1:7" x14ac:dyDescent="0.3">
      <c r="A29891" s="13" t="s">
        <v>186</v>
      </c>
      <c r="B29891" s="14" t="s">
        <v>1</v>
      </c>
      <c r="C29891" s="14" t="s">
        <v>70</v>
      </c>
      <c r="D29891" s="14" t="s">
        <v>187</v>
      </c>
      <c r="E29891" s="15">
        <v>45702</v>
      </c>
      <c r="F29891" s="14" t="s">
        <v>15</v>
      </c>
      <c r="G29891" s="16">
        <v>2.5786798334104115</v>
      </c>
    </row>
    <row r="29892" spans="1:7" x14ac:dyDescent="0.3">
      <c r="A29892" s="13" t="s">
        <v>186</v>
      </c>
      <c r="B29892" s="14" t="s">
        <v>1</v>
      </c>
      <c r="C29892" s="14" t="s">
        <v>70</v>
      </c>
      <c r="D29892" s="14" t="s">
        <v>187</v>
      </c>
      <c r="E29892" s="15">
        <v>45703</v>
      </c>
      <c r="F29892" s="14" t="s">
        <v>15</v>
      </c>
      <c r="G29892" s="16">
        <v>2.5786798334104115</v>
      </c>
    </row>
    <row r="29893" spans="1:7" x14ac:dyDescent="0.3">
      <c r="A29893" s="13" t="s">
        <v>186</v>
      </c>
      <c r="B29893" s="14" t="s">
        <v>1</v>
      </c>
      <c r="C29893" s="14" t="s">
        <v>70</v>
      </c>
      <c r="D29893" s="14" t="s">
        <v>187</v>
      </c>
      <c r="E29893" s="15">
        <v>45704</v>
      </c>
      <c r="F29893" s="14" t="s">
        <v>15</v>
      </c>
      <c r="G29893" s="16">
        <v>2.5786798334104115</v>
      </c>
    </row>
    <row r="29894" spans="1:7" x14ac:dyDescent="0.3">
      <c r="A29894" s="13" t="s">
        <v>186</v>
      </c>
      <c r="B29894" s="14" t="s">
        <v>1</v>
      </c>
      <c r="C29894" s="14" t="s">
        <v>70</v>
      </c>
      <c r="D29894" s="14" t="s">
        <v>187</v>
      </c>
      <c r="E29894" s="15">
        <v>45705</v>
      </c>
      <c r="F29894" s="14" t="s">
        <v>15</v>
      </c>
      <c r="G29894" s="16">
        <v>2.6253744022360501</v>
      </c>
    </row>
    <row r="29895" spans="1:7" x14ac:dyDescent="0.3">
      <c r="A29895" s="13" t="s">
        <v>186</v>
      </c>
      <c r="B29895" s="14" t="s">
        <v>1</v>
      </c>
      <c r="C29895" s="14" t="s">
        <v>70</v>
      </c>
      <c r="D29895" s="14" t="s">
        <v>187</v>
      </c>
      <c r="E29895" s="15">
        <v>45706</v>
      </c>
      <c r="F29895" s="14" t="s">
        <v>15</v>
      </c>
      <c r="G29895" s="16">
        <v>2.6371003005622127</v>
      </c>
    </row>
    <row r="29896" spans="1:7" x14ac:dyDescent="0.3">
      <c r="A29896" s="13" t="s">
        <v>186</v>
      </c>
      <c r="B29896" s="14" t="s">
        <v>1</v>
      </c>
      <c r="C29896" s="14" t="s">
        <v>70</v>
      </c>
      <c r="D29896" s="14" t="s">
        <v>187</v>
      </c>
      <c r="E29896" s="15">
        <v>45707</v>
      </c>
      <c r="F29896" s="14" t="s">
        <v>15</v>
      </c>
      <c r="G29896" s="16">
        <v>2.6537400920221565</v>
      </c>
    </row>
    <row r="29897" spans="1:7" x14ac:dyDescent="0.3">
      <c r="A29897" s="13" t="s">
        <v>186</v>
      </c>
      <c r="B29897" s="14" t="s">
        <v>1</v>
      </c>
      <c r="C29897" s="14" t="s">
        <v>70</v>
      </c>
      <c r="D29897" s="14" t="s">
        <v>187</v>
      </c>
      <c r="E29897" s="15">
        <v>45708</v>
      </c>
      <c r="F29897" s="14" t="s">
        <v>15</v>
      </c>
      <c r="G29897" s="16">
        <v>2.6573292089454754</v>
      </c>
    </row>
    <row r="29898" spans="1:7" x14ac:dyDescent="0.3">
      <c r="A29898" s="13" t="s">
        <v>186</v>
      </c>
      <c r="B29898" s="14" t="s">
        <v>1</v>
      </c>
      <c r="C29898" s="14" t="s">
        <v>70</v>
      </c>
      <c r="D29898" s="14" t="s">
        <v>187</v>
      </c>
      <c r="E29898" s="15">
        <v>45709</v>
      </c>
      <c r="F29898" s="14" t="s">
        <v>15</v>
      </c>
      <c r="G29898" s="16">
        <v>2.6616967249335066</v>
      </c>
    </row>
    <row r="29899" spans="1:7" x14ac:dyDescent="0.3">
      <c r="A29899" s="13" t="s">
        <v>186</v>
      </c>
      <c r="B29899" s="14" t="s">
        <v>1</v>
      </c>
      <c r="C29899" s="14" t="s">
        <v>70</v>
      </c>
      <c r="D29899" s="14" t="s">
        <v>187</v>
      </c>
      <c r="E29899" s="15">
        <v>45710</v>
      </c>
      <c r="F29899" s="14" t="s">
        <v>15</v>
      </c>
      <c r="G29899" s="16">
        <v>2.6616967249335066</v>
      </c>
    </row>
    <row r="29900" spans="1:7" x14ac:dyDescent="0.3">
      <c r="A29900" s="13" t="s">
        <v>186</v>
      </c>
      <c r="B29900" s="14" t="s">
        <v>1</v>
      </c>
      <c r="C29900" s="14" t="s">
        <v>70</v>
      </c>
      <c r="D29900" s="14" t="s">
        <v>187</v>
      </c>
      <c r="E29900" s="15">
        <v>45711</v>
      </c>
      <c r="F29900" s="14" t="s">
        <v>15</v>
      </c>
      <c r="G29900" s="16">
        <v>2.6616967249335066</v>
      </c>
    </row>
    <row r="29901" spans="1:7" x14ac:dyDescent="0.3">
      <c r="A29901" s="13" t="s">
        <v>186</v>
      </c>
      <c r="B29901" s="14" t="s">
        <v>1</v>
      </c>
      <c r="C29901" s="14" t="s">
        <v>70</v>
      </c>
      <c r="D29901" s="14" t="s">
        <v>187</v>
      </c>
      <c r="E29901" s="15">
        <v>45712</v>
      </c>
      <c r="F29901" s="14" t="s">
        <v>15</v>
      </c>
      <c r="G29901" s="16">
        <v>2.665532843551377</v>
      </c>
    </row>
    <row r="29902" spans="1:7" x14ac:dyDescent="0.3">
      <c r="A29902" s="13" t="s">
        <v>186</v>
      </c>
      <c r="B29902" s="14" t="s">
        <v>1</v>
      </c>
      <c r="C29902" s="14" t="s">
        <v>70</v>
      </c>
      <c r="D29902" s="14" t="s">
        <v>187</v>
      </c>
      <c r="E29902" s="15">
        <v>45713</v>
      </c>
      <c r="F29902" s="14" t="s">
        <v>15</v>
      </c>
      <c r="G29902" s="16">
        <v>2.6770591613556873</v>
      </c>
    </row>
    <row r="29903" spans="1:7" x14ac:dyDescent="0.3">
      <c r="A29903" s="13" t="s">
        <v>186</v>
      </c>
      <c r="B29903" s="14" t="s">
        <v>1</v>
      </c>
      <c r="C29903" s="14" t="s">
        <v>70</v>
      </c>
      <c r="D29903" s="14" t="s">
        <v>187</v>
      </c>
      <c r="E29903" s="15">
        <v>45714</v>
      </c>
      <c r="F29903" s="14" t="s">
        <v>15</v>
      </c>
      <c r="G29903" s="16">
        <v>2.6808133985396259</v>
      </c>
    </row>
    <row r="29904" spans="1:7" x14ac:dyDescent="0.3">
      <c r="A29904" s="13" t="s">
        <v>186</v>
      </c>
      <c r="B29904" s="14" t="s">
        <v>1</v>
      </c>
      <c r="C29904" s="14" t="s">
        <v>70</v>
      </c>
      <c r="D29904" s="14" t="s">
        <v>187</v>
      </c>
      <c r="E29904" s="15">
        <v>45715</v>
      </c>
      <c r="F29904" s="14" t="s">
        <v>15</v>
      </c>
      <c r="G29904" s="16">
        <v>2.686219363772115</v>
      </c>
    </row>
    <row r="29905" spans="1:7" x14ac:dyDescent="0.3">
      <c r="A29905" s="13" t="s">
        <v>186</v>
      </c>
      <c r="B29905" s="14" t="s">
        <v>1</v>
      </c>
      <c r="C29905" s="14" t="s">
        <v>70</v>
      </c>
      <c r="D29905" s="14" t="s">
        <v>187</v>
      </c>
      <c r="E29905" s="15">
        <v>45716</v>
      </c>
      <c r="F29905" s="14" t="s">
        <v>15</v>
      </c>
      <c r="G29905" s="16">
        <v>2.6944488810825096</v>
      </c>
    </row>
    <row r="29906" spans="1:7" x14ac:dyDescent="0.3">
      <c r="A29906" s="13" t="s">
        <v>186</v>
      </c>
      <c r="B29906" s="14" t="s">
        <v>1</v>
      </c>
      <c r="C29906" s="14" t="s">
        <v>70</v>
      </c>
      <c r="D29906" s="14" t="s">
        <v>187</v>
      </c>
      <c r="E29906" s="15">
        <v>45717</v>
      </c>
      <c r="F29906" s="14" t="s">
        <v>15</v>
      </c>
      <c r="G29906" s="16">
        <v>2.6944488810825096</v>
      </c>
    </row>
    <row r="29907" spans="1:7" x14ac:dyDescent="0.3">
      <c r="A29907" s="13" t="s">
        <v>186</v>
      </c>
      <c r="B29907" s="14" t="s">
        <v>1</v>
      </c>
      <c r="C29907" s="14" t="s">
        <v>70</v>
      </c>
      <c r="D29907" s="14" t="s">
        <v>187</v>
      </c>
      <c r="E29907" s="15">
        <v>45718</v>
      </c>
      <c r="F29907" s="14" t="s">
        <v>15</v>
      </c>
      <c r="G29907" s="16">
        <v>2.6944488810825096</v>
      </c>
    </row>
    <row r="29908" spans="1:7" x14ac:dyDescent="0.3">
      <c r="A29908" s="13" t="s">
        <v>186</v>
      </c>
      <c r="B29908" s="14" t="s">
        <v>1</v>
      </c>
      <c r="C29908" s="14" t="s">
        <v>70</v>
      </c>
      <c r="D29908" s="14" t="s">
        <v>187</v>
      </c>
      <c r="E29908" s="15">
        <v>45719</v>
      </c>
      <c r="F29908" s="14" t="s">
        <v>15</v>
      </c>
      <c r="G29908" s="16">
        <v>2.7216886401401754</v>
      </c>
    </row>
    <row r="29909" spans="1:7" x14ac:dyDescent="0.3">
      <c r="A29909" s="13" t="s">
        <v>186</v>
      </c>
      <c r="B29909" s="14" t="s">
        <v>1</v>
      </c>
      <c r="C29909" s="14" t="s">
        <v>70</v>
      </c>
      <c r="D29909" s="14" t="s">
        <v>187</v>
      </c>
      <c r="E29909" s="15">
        <v>45720</v>
      </c>
      <c r="F29909" s="14" t="s">
        <v>15</v>
      </c>
      <c r="G29909" s="16">
        <v>2.7344983509009309</v>
      </c>
    </row>
    <row r="29910" spans="1:7" x14ac:dyDescent="0.3">
      <c r="A29910" s="13" t="s">
        <v>186</v>
      </c>
      <c r="B29910" s="14" t="s">
        <v>1</v>
      </c>
      <c r="C29910" s="14" t="s">
        <v>70</v>
      </c>
      <c r="D29910" s="14" t="s">
        <v>187</v>
      </c>
      <c r="E29910" s="15">
        <v>45721</v>
      </c>
      <c r="F29910" s="14" t="s">
        <v>15</v>
      </c>
      <c r="G29910" s="16">
        <v>2.7382921714090802</v>
      </c>
    </row>
    <row r="29911" spans="1:7" x14ac:dyDescent="0.3">
      <c r="A29911" s="13" t="s">
        <v>186</v>
      </c>
      <c r="B29911" s="14" t="s">
        <v>1</v>
      </c>
      <c r="C29911" s="14" t="s">
        <v>70</v>
      </c>
      <c r="D29911" s="14" t="s">
        <v>187</v>
      </c>
      <c r="E29911" s="15">
        <v>45722</v>
      </c>
      <c r="F29911" s="14" t="s">
        <v>15</v>
      </c>
      <c r="G29911" s="16">
        <v>2.7449482953689479</v>
      </c>
    </row>
    <row r="29912" spans="1:7" x14ac:dyDescent="0.3">
      <c r="A29912" s="13" t="s">
        <v>186</v>
      </c>
      <c r="B29912" s="14" t="s">
        <v>1</v>
      </c>
      <c r="C29912" s="14" t="s">
        <v>70</v>
      </c>
      <c r="D29912" s="14" t="s">
        <v>187</v>
      </c>
      <c r="E29912" s="15">
        <v>45723</v>
      </c>
      <c r="F29912" s="14" t="s">
        <v>15</v>
      </c>
      <c r="G29912" s="16">
        <v>2.7897297723603991</v>
      </c>
    </row>
    <row r="29913" spans="1:7" x14ac:dyDescent="0.3">
      <c r="A29913" s="13" t="s">
        <v>186</v>
      </c>
      <c r="B29913" s="14" t="s">
        <v>1</v>
      </c>
      <c r="C29913" s="14" t="s">
        <v>70</v>
      </c>
      <c r="D29913" s="14" t="s">
        <v>187</v>
      </c>
      <c r="E29913" s="15">
        <v>45724</v>
      </c>
      <c r="F29913" s="14" t="s">
        <v>15</v>
      </c>
      <c r="G29913" s="16">
        <v>2.7897297723603991</v>
      </c>
    </row>
    <row r="29914" spans="1:7" x14ac:dyDescent="0.3">
      <c r="A29914" s="13" t="s">
        <v>186</v>
      </c>
      <c r="B29914" s="14" t="s">
        <v>1</v>
      </c>
      <c r="C29914" s="14" t="s">
        <v>70</v>
      </c>
      <c r="D29914" s="14" t="s">
        <v>187</v>
      </c>
      <c r="E29914" s="15">
        <v>45725</v>
      </c>
      <c r="F29914" s="14" t="s">
        <v>15</v>
      </c>
      <c r="G29914" s="16">
        <v>2.7897297723603991</v>
      </c>
    </row>
    <row r="29915" spans="1:7" x14ac:dyDescent="0.3">
      <c r="A29915" s="13" t="s">
        <v>186</v>
      </c>
      <c r="B29915" s="14" t="s">
        <v>1</v>
      </c>
      <c r="C29915" s="14" t="s">
        <v>70</v>
      </c>
      <c r="D29915" s="14" t="s">
        <v>187</v>
      </c>
      <c r="E29915" s="15">
        <v>45726</v>
      </c>
      <c r="F29915" s="14" t="s">
        <v>15</v>
      </c>
      <c r="G29915" s="16">
        <v>2.7978021824061154</v>
      </c>
    </row>
    <row r="29916" spans="1:7" x14ac:dyDescent="0.3">
      <c r="A29916" s="13" t="s">
        <v>186</v>
      </c>
      <c r="B29916" s="14" t="s">
        <v>1</v>
      </c>
      <c r="C29916" s="14" t="s">
        <v>70</v>
      </c>
      <c r="D29916" s="14" t="s">
        <v>187</v>
      </c>
      <c r="E29916" s="15">
        <v>45727</v>
      </c>
      <c r="F29916" s="14" t="s">
        <v>15</v>
      </c>
      <c r="G29916" s="16">
        <v>2.8123842635178113</v>
      </c>
    </row>
    <row r="29917" spans="1:7" x14ac:dyDescent="0.3">
      <c r="A29917" s="13" t="s">
        <v>186</v>
      </c>
      <c r="B29917" s="14" t="s">
        <v>1</v>
      </c>
      <c r="C29917" s="14" t="s">
        <v>70</v>
      </c>
      <c r="D29917" s="14" t="s">
        <v>187</v>
      </c>
      <c r="E29917" s="15">
        <v>45728</v>
      </c>
      <c r="F29917" s="14" t="s">
        <v>15</v>
      </c>
      <c r="G29917" s="16">
        <v>2.8270377479395776</v>
      </c>
    </row>
    <row r="29918" spans="1:7" x14ac:dyDescent="0.3">
      <c r="A29918" s="13" t="s">
        <v>186</v>
      </c>
      <c r="B29918" s="14" t="s">
        <v>1</v>
      </c>
      <c r="C29918" s="14" t="s">
        <v>70</v>
      </c>
      <c r="D29918" s="14" t="s">
        <v>187</v>
      </c>
      <c r="E29918" s="15">
        <v>45729</v>
      </c>
      <c r="F29918" s="14" t="s">
        <v>15</v>
      </c>
      <c r="G29918" s="16">
        <v>2.8310612716219725</v>
      </c>
    </row>
    <row r="29919" spans="1:7" x14ac:dyDescent="0.3">
      <c r="A29919" s="13" t="s">
        <v>186</v>
      </c>
      <c r="B29919" s="14" t="s">
        <v>1</v>
      </c>
      <c r="C29919" s="14" t="s">
        <v>70</v>
      </c>
      <c r="D29919" s="14" t="s">
        <v>187</v>
      </c>
      <c r="E29919" s="15">
        <v>45730</v>
      </c>
      <c r="F29919" s="14" t="s">
        <v>15</v>
      </c>
      <c r="G29919" s="16">
        <v>2.8440832239838758</v>
      </c>
    </row>
    <row r="29920" spans="1:7" x14ac:dyDescent="0.3">
      <c r="A29920" s="13" t="s">
        <v>186</v>
      </c>
      <c r="B29920" s="14" t="s">
        <v>1</v>
      </c>
      <c r="C29920" s="14" t="s">
        <v>70</v>
      </c>
      <c r="D29920" s="14" t="s">
        <v>187</v>
      </c>
      <c r="E29920" s="15">
        <v>45731</v>
      </c>
      <c r="F29920" s="14" t="s">
        <v>15</v>
      </c>
      <c r="G29920" s="16">
        <v>2.8440832239838758</v>
      </c>
    </row>
    <row r="29921" spans="1:7" x14ac:dyDescent="0.3">
      <c r="A29921" s="13" t="s">
        <v>186</v>
      </c>
      <c r="B29921" s="14" t="s">
        <v>1</v>
      </c>
      <c r="C29921" s="14" t="s">
        <v>70</v>
      </c>
      <c r="D29921" s="14" t="s">
        <v>187</v>
      </c>
      <c r="E29921" s="15">
        <v>45732</v>
      </c>
      <c r="F29921" s="14" t="s">
        <v>15</v>
      </c>
      <c r="G29921" s="16">
        <v>2.8440832239838758</v>
      </c>
    </row>
    <row r="29922" spans="1:7" x14ac:dyDescent="0.3">
      <c r="A29922" s="13" t="s">
        <v>186</v>
      </c>
      <c r="B29922" s="14" t="s">
        <v>1</v>
      </c>
      <c r="C29922" s="14" t="s">
        <v>70</v>
      </c>
      <c r="D29922" s="14" t="s">
        <v>187</v>
      </c>
      <c r="E29922" s="15">
        <v>45733</v>
      </c>
      <c r="F29922" s="14" t="s">
        <v>15</v>
      </c>
      <c r="G29922" s="16">
        <v>2.8440832239838758</v>
      </c>
    </row>
    <row r="29923" spans="1:7" x14ac:dyDescent="0.3">
      <c r="A29923" s="13" t="s">
        <v>186</v>
      </c>
      <c r="B29923" s="14" t="s">
        <v>1</v>
      </c>
      <c r="C29923" s="14" t="s">
        <v>70</v>
      </c>
      <c r="D29923" s="14" t="s">
        <v>187</v>
      </c>
      <c r="E29923" s="15">
        <v>45734</v>
      </c>
      <c r="F29923" s="14" t="s">
        <v>15</v>
      </c>
      <c r="G29923" s="16">
        <v>2.853752175392243</v>
      </c>
    </row>
    <row r="29924" spans="1:7" x14ac:dyDescent="0.3">
      <c r="A29924" s="13" t="s">
        <v>186</v>
      </c>
      <c r="B29924" s="14" t="s">
        <v>1</v>
      </c>
      <c r="C29924" s="14" t="s">
        <v>70</v>
      </c>
      <c r="D29924" s="14" t="s">
        <v>187</v>
      </c>
      <c r="E29924" s="15">
        <v>45735</v>
      </c>
      <c r="F29924" s="14" t="s">
        <v>15</v>
      </c>
      <c r="G29924" s="16">
        <v>2.8773293724279969</v>
      </c>
    </row>
    <row r="29925" spans="1:7" x14ac:dyDescent="0.3">
      <c r="A29925" s="13" t="s">
        <v>186</v>
      </c>
      <c r="B29925" s="14" t="s">
        <v>1</v>
      </c>
      <c r="C29925" s="14" t="s">
        <v>70</v>
      </c>
      <c r="D29925" s="14" t="s">
        <v>187</v>
      </c>
      <c r="E29925" s="15">
        <v>45736</v>
      </c>
      <c r="F29925" s="14" t="s">
        <v>15</v>
      </c>
      <c r="G29925" s="16">
        <v>2.8812284887130981</v>
      </c>
    </row>
    <row r="29926" spans="1:7" x14ac:dyDescent="0.3">
      <c r="A29926" s="13" t="s">
        <v>186</v>
      </c>
      <c r="B29926" s="14" t="s">
        <v>1</v>
      </c>
      <c r="C29926" s="14" t="s">
        <v>70</v>
      </c>
      <c r="D29926" s="14" t="s">
        <v>187</v>
      </c>
      <c r="E29926" s="15">
        <v>45737</v>
      </c>
      <c r="F29926" s="14" t="s">
        <v>15</v>
      </c>
      <c r="G29926" s="16">
        <v>2.88480872990251</v>
      </c>
    </row>
    <row r="29927" spans="1:7" x14ac:dyDescent="0.3">
      <c r="A29927" s="13" t="s">
        <v>186</v>
      </c>
      <c r="B29927" s="14" t="s">
        <v>1</v>
      </c>
      <c r="C29927" s="14" t="s">
        <v>70</v>
      </c>
      <c r="D29927" s="14" t="s">
        <v>187</v>
      </c>
      <c r="E29927" s="15">
        <v>45738</v>
      </c>
      <c r="F29927" s="14" t="s">
        <v>15</v>
      </c>
      <c r="G29927" s="16">
        <v>2.88480872990251</v>
      </c>
    </row>
    <row r="29928" spans="1:7" x14ac:dyDescent="0.3">
      <c r="A29928" s="13" t="s">
        <v>186</v>
      </c>
      <c r="B29928" s="14" t="s">
        <v>1</v>
      </c>
      <c r="C29928" s="14" t="s">
        <v>70</v>
      </c>
      <c r="D29928" s="14" t="s">
        <v>187</v>
      </c>
      <c r="E29928" s="15">
        <v>45739</v>
      </c>
      <c r="F29928" s="14" t="s">
        <v>15</v>
      </c>
      <c r="G29928" s="16">
        <v>2.88480872990251</v>
      </c>
    </row>
    <row r="29929" spans="1:7" x14ac:dyDescent="0.3">
      <c r="A29929" s="13" t="s">
        <v>186</v>
      </c>
      <c r="B29929" s="14" t="s">
        <v>1</v>
      </c>
      <c r="C29929" s="14" t="s">
        <v>70</v>
      </c>
      <c r="D29929" s="14" t="s">
        <v>187</v>
      </c>
      <c r="E29929" s="15">
        <v>45740</v>
      </c>
      <c r="F29929" s="14" t="s">
        <v>15</v>
      </c>
      <c r="G29929" s="16">
        <v>2.8887601787703523</v>
      </c>
    </row>
    <row r="29930" spans="1:7" x14ac:dyDescent="0.3">
      <c r="A29930" s="13" t="s">
        <v>186</v>
      </c>
      <c r="B29930" s="14" t="s">
        <v>1</v>
      </c>
      <c r="C29930" s="14" t="s">
        <v>70</v>
      </c>
      <c r="D29930" s="14" t="s">
        <v>187</v>
      </c>
      <c r="E29930" s="15">
        <v>45741</v>
      </c>
      <c r="F29930" s="14" t="s">
        <v>15</v>
      </c>
      <c r="G29930" s="16">
        <v>2.9006884770773569</v>
      </c>
    </row>
    <row r="29931" spans="1:7" x14ac:dyDescent="0.3">
      <c r="A29931" s="13" t="s">
        <v>186</v>
      </c>
      <c r="B29931" s="14" t="s">
        <v>1</v>
      </c>
      <c r="C29931" s="14" t="s">
        <v>70</v>
      </c>
      <c r="D29931" s="14" t="s">
        <v>187</v>
      </c>
      <c r="E29931" s="15">
        <v>45742</v>
      </c>
      <c r="F29931" s="14" t="s">
        <v>15</v>
      </c>
      <c r="G29931" s="16">
        <v>2.9045775270740446</v>
      </c>
    </row>
    <row r="29932" spans="1:7" x14ac:dyDescent="0.3">
      <c r="A29932" s="13" t="s">
        <v>186</v>
      </c>
      <c r="B29932" s="14" t="s">
        <v>1</v>
      </c>
      <c r="C29932" s="14" t="s">
        <v>70</v>
      </c>
      <c r="D29932" s="14" t="s">
        <v>187</v>
      </c>
      <c r="E29932" s="15">
        <v>45743</v>
      </c>
      <c r="F29932" s="14" t="s">
        <v>15</v>
      </c>
      <c r="G29932" s="16">
        <v>2.9158233868414389</v>
      </c>
    </row>
    <row r="29933" spans="1:7" x14ac:dyDescent="0.3">
      <c r="A29933" s="13" t="s">
        <v>186</v>
      </c>
      <c r="B29933" s="14" t="s">
        <v>1</v>
      </c>
      <c r="C29933" s="14" t="s">
        <v>70</v>
      </c>
      <c r="D29933" s="14" t="s">
        <v>187</v>
      </c>
      <c r="E29933" s="15">
        <v>45744</v>
      </c>
      <c r="F29933" s="14" t="s">
        <v>15</v>
      </c>
      <c r="G29933" s="16">
        <v>3.0105246088507722</v>
      </c>
    </row>
    <row r="29934" spans="1:7" x14ac:dyDescent="0.3">
      <c r="A29934" s="13" t="s">
        <v>186</v>
      </c>
      <c r="B29934" s="14" t="s">
        <v>1</v>
      </c>
      <c r="C29934" s="14" t="s">
        <v>70</v>
      </c>
      <c r="D29934" s="14" t="s">
        <v>187</v>
      </c>
      <c r="E29934" s="15">
        <v>45745</v>
      </c>
      <c r="F29934" s="14" t="s">
        <v>15</v>
      </c>
      <c r="G29934" s="16">
        <v>3.0105246088507722</v>
      </c>
    </row>
    <row r="29935" spans="1:7" x14ac:dyDescent="0.3">
      <c r="A29935" s="13" t="s">
        <v>186</v>
      </c>
      <c r="B29935" s="14" t="s">
        <v>1</v>
      </c>
      <c r="C29935" s="14" t="s">
        <v>70</v>
      </c>
      <c r="D29935" s="14" t="s">
        <v>187</v>
      </c>
      <c r="E29935" s="15">
        <v>45746</v>
      </c>
      <c r="F29935" s="14" t="s">
        <v>15</v>
      </c>
      <c r="G29935" s="16">
        <v>3.0105246088507722</v>
      </c>
    </row>
    <row r="29936" spans="1:7" x14ac:dyDescent="0.3">
      <c r="A29936" s="13" t="s">
        <v>186</v>
      </c>
      <c r="B29936" s="14" t="s">
        <v>1</v>
      </c>
      <c r="C29936" s="14" t="s">
        <v>70</v>
      </c>
      <c r="D29936" s="14" t="s">
        <v>187</v>
      </c>
      <c r="E29936" s="15">
        <v>45747</v>
      </c>
      <c r="F29936" s="14" t="s">
        <v>15</v>
      </c>
      <c r="G29936" s="16">
        <v>3.0583066073722756</v>
      </c>
    </row>
    <row r="29937" spans="1:7" x14ac:dyDescent="0.3">
      <c r="A29937" s="13" t="s">
        <v>188</v>
      </c>
      <c r="B29937" s="14" t="s">
        <v>1</v>
      </c>
      <c r="C29937" s="14" t="s">
        <v>70</v>
      </c>
      <c r="D29937" s="14" t="s">
        <v>189</v>
      </c>
      <c r="E29937" s="15">
        <v>45383</v>
      </c>
      <c r="F29937" s="14" t="s">
        <v>15</v>
      </c>
      <c r="G29937" s="16">
        <v>0</v>
      </c>
    </row>
    <row r="29938" spans="1:7" x14ac:dyDescent="0.3">
      <c r="A29938" s="13" t="s">
        <v>188</v>
      </c>
      <c r="B29938" s="14" t="s">
        <v>1</v>
      </c>
      <c r="C29938" s="14" t="s">
        <v>70</v>
      </c>
      <c r="D29938" s="14" t="s">
        <v>189</v>
      </c>
      <c r="E29938" s="15">
        <v>45384</v>
      </c>
      <c r="F29938" s="14" t="s">
        <v>15</v>
      </c>
      <c r="G29938" s="16">
        <v>0</v>
      </c>
    </row>
    <row r="29939" spans="1:7" x14ac:dyDescent="0.3">
      <c r="A29939" s="13" t="s">
        <v>188</v>
      </c>
      <c r="B29939" s="14" t="s">
        <v>1</v>
      </c>
      <c r="C29939" s="14" t="s">
        <v>70</v>
      </c>
      <c r="D29939" s="14" t="s">
        <v>189</v>
      </c>
      <c r="E29939" s="15">
        <v>45385</v>
      </c>
      <c r="F29939" s="14" t="s">
        <v>15</v>
      </c>
      <c r="G29939" s="16">
        <v>4.0827525968203292E-2</v>
      </c>
    </row>
    <row r="29940" spans="1:7" x14ac:dyDescent="0.3">
      <c r="A29940" s="13" t="s">
        <v>188</v>
      </c>
      <c r="B29940" s="14" t="s">
        <v>1</v>
      </c>
      <c r="C29940" s="14" t="s">
        <v>70</v>
      </c>
      <c r="D29940" s="14" t="s">
        <v>189</v>
      </c>
      <c r="E29940" s="15">
        <v>45386</v>
      </c>
      <c r="F29940" s="14" t="s">
        <v>15</v>
      </c>
      <c r="G29940" s="16">
        <v>5.1469676994627345E-2</v>
      </c>
    </row>
    <row r="29941" spans="1:7" x14ac:dyDescent="0.3">
      <c r="A29941" s="13" t="s">
        <v>188</v>
      </c>
      <c r="B29941" s="14" t="s">
        <v>1</v>
      </c>
      <c r="C29941" s="14" t="s">
        <v>70</v>
      </c>
      <c r="D29941" s="14" t="s">
        <v>189</v>
      </c>
      <c r="E29941" s="15">
        <v>45387</v>
      </c>
      <c r="F29941" s="14" t="s">
        <v>15</v>
      </c>
      <c r="G29941" s="16">
        <v>7.1228735333580512E-2</v>
      </c>
    </row>
    <row r="29942" spans="1:7" x14ac:dyDescent="0.3">
      <c r="A29942" s="13" t="s">
        <v>188</v>
      </c>
      <c r="B29942" s="14" t="s">
        <v>1</v>
      </c>
      <c r="C29942" s="14" t="s">
        <v>70</v>
      </c>
      <c r="D29942" s="14" t="s">
        <v>189</v>
      </c>
      <c r="E29942" s="15">
        <v>45388</v>
      </c>
      <c r="F29942" s="14" t="s">
        <v>15</v>
      </c>
      <c r="G29942" s="16">
        <v>7.1228735333580512E-2</v>
      </c>
    </row>
    <row r="29943" spans="1:7" x14ac:dyDescent="0.3">
      <c r="A29943" s="13" t="s">
        <v>188</v>
      </c>
      <c r="B29943" s="14" t="s">
        <v>1</v>
      </c>
      <c r="C29943" s="14" t="s">
        <v>70</v>
      </c>
      <c r="D29943" s="14" t="s">
        <v>189</v>
      </c>
      <c r="E29943" s="15">
        <v>45389</v>
      </c>
      <c r="F29943" s="14" t="s">
        <v>15</v>
      </c>
      <c r="G29943" s="16">
        <v>7.1228735333580512E-2</v>
      </c>
    </row>
    <row r="29944" spans="1:7" x14ac:dyDescent="0.3">
      <c r="A29944" s="13" t="s">
        <v>188</v>
      </c>
      <c r="B29944" s="14" t="s">
        <v>1</v>
      </c>
      <c r="C29944" s="14" t="s">
        <v>70</v>
      </c>
      <c r="D29944" s="14" t="s">
        <v>189</v>
      </c>
      <c r="E29944" s="15">
        <v>45390</v>
      </c>
      <c r="F29944" s="14" t="s">
        <v>15</v>
      </c>
      <c r="G29944" s="16">
        <v>9.3104235218877424E-2</v>
      </c>
    </row>
    <row r="29945" spans="1:7" x14ac:dyDescent="0.3">
      <c r="A29945" s="13" t="s">
        <v>188</v>
      </c>
      <c r="B29945" s="14" t="s">
        <v>1</v>
      </c>
      <c r="C29945" s="14" t="s">
        <v>70</v>
      </c>
      <c r="D29945" s="14" t="s">
        <v>189</v>
      </c>
      <c r="E29945" s="15">
        <v>45391</v>
      </c>
      <c r="F29945" s="14" t="s">
        <v>15</v>
      </c>
      <c r="G29945" s="16">
        <v>0.11265090417729963</v>
      </c>
    </row>
    <row r="29946" spans="1:7" x14ac:dyDescent="0.3">
      <c r="A29946" s="13" t="s">
        <v>188</v>
      </c>
      <c r="B29946" s="14" t="s">
        <v>1</v>
      </c>
      <c r="C29946" s="14" t="s">
        <v>70</v>
      </c>
      <c r="D29946" s="14" t="s">
        <v>189</v>
      </c>
      <c r="E29946" s="15">
        <v>45392</v>
      </c>
      <c r="F29946" s="14" t="s">
        <v>15</v>
      </c>
      <c r="G29946" s="16">
        <v>0.13215472264666733</v>
      </c>
    </row>
    <row r="29947" spans="1:7" x14ac:dyDescent="0.3">
      <c r="A29947" s="13" t="s">
        <v>188</v>
      </c>
      <c r="B29947" s="14" t="s">
        <v>1</v>
      </c>
      <c r="C29947" s="14" t="s">
        <v>70</v>
      </c>
      <c r="D29947" s="14" t="s">
        <v>189</v>
      </c>
      <c r="E29947" s="15">
        <v>45393</v>
      </c>
      <c r="F29947" s="14" t="s">
        <v>15</v>
      </c>
      <c r="G29947" s="16">
        <v>0.13746198778580679</v>
      </c>
    </row>
    <row r="29948" spans="1:7" x14ac:dyDescent="0.3">
      <c r="A29948" s="13" t="s">
        <v>188</v>
      </c>
      <c r="B29948" s="14" t="s">
        <v>1</v>
      </c>
      <c r="C29948" s="14" t="s">
        <v>70</v>
      </c>
      <c r="D29948" s="14" t="s">
        <v>189</v>
      </c>
      <c r="E29948" s="15">
        <v>45394</v>
      </c>
      <c r="F29948" s="14" t="s">
        <v>15</v>
      </c>
      <c r="G29948" s="16">
        <v>0.14309715231945022</v>
      </c>
    </row>
    <row r="29949" spans="1:7" x14ac:dyDescent="0.3">
      <c r="A29949" s="13" t="s">
        <v>188</v>
      </c>
      <c r="B29949" s="14" t="s">
        <v>1</v>
      </c>
      <c r="C29949" s="14" t="s">
        <v>70</v>
      </c>
      <c r="D29949" s="14" t="s">
        <v>189</v>
      </c>
      <c r="E29949" s="15">
        <v>45395</v>
      </c>
      <c r="F29949" s="14" t="s">
        <v>15</v>
      </c>
      <c r="G29949" s="16">
        <v>0.14309715231945022</v>
      </c>
    </row>
    <row r="29950" spans="1:7" x14ac:dyDescent="0.3">
      <c r="A29950" s="13" t="s">
        <v>188</v>
      </c>
      <c r="B29950" s="14" t="s">
        <v>1</v>
      </c>
      <c r="C29950" s="14" t="s">
        <v>70</v>
      </c>
      <c r="D29950" s="14" t="s">
        <v>189</v>
      </c>
      <c r="E29950" s="15">
        <v>45396</v>
      </c>
      <c r="F29950" s="14" t="s">
        <v>15</v>
      </c>
      <c r="G29950" s="16">
        <v>0.14309715231945022</v>
      </c>
    </row>
    <row r="29951" spans="1:7" x14ac:dyDescent="0.3">
      <c r="A29951" s="13" t="s">
        <v>188</v>
      </c>
      <c r="B29951" s="14" t="s">
        <v>1</v>
      </c>
      <c r="C29951" s="14" t="s">
        <v>70</v>
      </c>
      <c r="D29951" s="14" t="s">
        <v>189</v>
      </c>
      <c r="E29951" s="15">
        <v>45397</v>
      </c>
      <c r="F29951" s="14" t="s">
        <v>15</v>
      </c>
      <c r="G29951" s="16">
        <v>0.17076771508318217</v>
      </c>
    </row>
    <row r="29952" spans="1:7" x14ac:dyDescent="0.3">
      <c r="A29952" s="13" t="s">
        <v>188</v>
      </c>
      <c r="B29952" s="14" t="s">
        <v>1</v>
      </c>
      <c r="C29952" s="14" t="s">
        <v>70</v>
      </c>
      <c r="D29952" s="14" t="s">
        <v>189</v>
      </c>
      <c r="E29952" s="15">
        <v>45398</v>
      </c>
      <c r="F29952" s="14" t="s">
        <v>15</v>
      </c>
      <c r="G29952" s="16">
        <v>0.19035723453065886</v>
      </c>
    </row>
    <row r="29953" spans="1:7" x14ac:dyDescent="0.3">
      <c r="A29953" s="13" t="s">
        <v>188</v>
      </c>
      <c r="B29953" s="14" t="s">
        <v>1</v>
      </c>
      <c r="C29953" s="14" t="s">
        <v>70</v>
      </c>
      <c r="D29953" s="14" t="s">
        <v>189</v>
      </c>
      <c r="E29953" s="15">
        <v>45399</v>
      </c>
      <c r="F29953" s="14" t="s">
        <v>15</v>
      </c>
      <c r="G29953" s="16">
        <v>0.23568499338195487</v>
      </c>
    </row>
    <row r="29954" spans="1:7" x14ac:dyDescent="0.3">
      <c r="A29954" s="13" t="s">
        <v>188</v>
      </c>
      <c r="B29954" s="14" t="s">
        <v>1</v>
      </c>
      <c r="C29954" s="14" t="s">
        <v>70</v>
      </c>
      <c r="D29954" s="14" t="s">
        <v>189</v>
      </c>
      <c r="E29954" s="15">
        <v>45400</v>
      </c>
      <c r="F29954" s="14" t="s">
        <v>15</v>
      </c>
      <c r="G29954" s="16">
        <v>0.24133692549827182</v>
      </c>
    </row>
    <row r="29955" spans="1:7" x14ac:dyDescent="0.3">
      <c r="A29955" s="13" t="s">
        <v>188</v>
      </c>
      <c r="B29955" s="14" t="s">
        <v>1</v>
      </c>
      <c r="C29955" s="14" t="s">
        <v>70</v>
      </c>
      <c r="D29955" s="14" t="s">
        <v>189</v>
      </c>
      <c r="E29955" s="15">
        <v>45401</v>
      </c>
      <c r="F29955" s="14" t="s">
        <v>15</v>
      </c>
      <c r="G29955" s="16">
        <v>0.25215234154565536</v>
      </c>
    </row>
    <row r="29956" spans="1:7" x14ac:dyDescent="0.3">
      <c r="A29956" s="13" t="s">
        <v>188</v>
      </c>
      <c r="B29956" s="14" t="s">
        <v>1</v>
      </c>
      <c r="C29956" s="14" t="s">
        <v>70</v>
      </c>
      <c r="D29956" s="14" t="s">
        <v>189</v>
      </c>
      <c r="E29956" s="15">
        <v>45402</v>
      </c>
      <c r="F29956" s="14" t="s">
        <v>15</v>
      </c>
      <c r="G29956" s="16">
        <v>0.25215234154565536</v>
      </c>
    </row>
    <row r="29957" spans="1:7" x14ac:dyDescent="0.3">
      <c r="A29957" s="13" t="s">
        <v>188</v>
      </c>
      <c r="B29957" s="14" t="s">
        <v>1</v>
      </c>
      <c r="C29957" s="14" t="s">
        <v>70</v>
      </c>
      <c r="D29957" s="14" t="s">
        <v>189</v>
      </c>
      <c r="E29957" s="15">
        <v>45403</v>
      </c>
      <c r="F29957" s="14" t="s">
        <v>15</v>
      </c>
      <c r="G29957" s="16">
        <v>0.25215234154565536</v>
      </c>
    </row>
    <row r="29958" spans="1:7" x14ac:dyDescent="0.3">
      <c r="A29958" s="13" t="s">
        <v>188</v>
      </c>
      <c r="B29958" s="14" t="s">
        <v>1</v>
      </c>
      <c r="C29958" s="14" t="s">
        <v>70</v>
      </c>
      <c r="D29958" s="14" t="s">
        <v>189</v>
      </c>
      <c r="E29958" s="15">
        <v>45404</v>
      </c>
      <c r="F29958" s="14" t="s">
        <v>15</v>
      </c>
      <c r="G29958" s="16">
        <v>0.26261284375978322</v>
      </c>
    </row>
    <row r="29959" spans="1:7" x14ac:dyDescent="0.3">
      <c r="A29959" s="13" t="s">
        <v>188</v>
      </c>
      <c r="B29959" s="14" t="s">
        <v>1</v>
      </c>
      <c r="C29959" s="14" t="s">
        <v>70</v>
      </c>
      <c r="D29959" s="14" t="s">
        <v>189</v>
      </c>
      <c r="E29959" s="15">
        <v>45405</v>
      </c>
      <c r="F29959" s="14" t="s">
        <v>15</v>
      </c>
      <c r="G29959" s="16">
        <v>0.29904353693804703</v>
      </c>
    </row>
    <row r="29960" spans="1:7" x14ac:dyDescent="0.3">
      <c r="A29960" s="13" t="s">
        <v>188</v>
      </c>
      <c r="B29960" s="14" t="s">
        <v>1</v>
      </c>
      <c r="C29960" s="14" t="s">
        <v>70</v>
      </c>
      <c r="D29960" s="14" t="s">
        <v>189</v>
      </c>
      <c r="E29960" s="15">
        <v>45406</v>
      </c>
      <c r="F29960" s="14" t="s">
        <v>15</v>
      </c>
      <c r="G29960" s="16">
        <v>0.30858741129935696</v>
      </c>
    </row>
    <row r="29961" spans="1:7" x14ac:dyDescent="0.3">
      <c r="A29961" s="13" t="s">
        <v>188</v>
      </c>
      <c r="B29961" s="14" t="s">
        <v>1</v>
      </c>
      <c r="C29961" s="14" t="s">
        <v>70</v>
      </c>
      <c r="D29961" s="14" t="s">
        <v>189</v>
      </c>
      <c r="E29961" s="15">
        <v>45407</v>
      </c>
      <c r="F29961" s="14" t="s">
        <v>15</v>
      </c>
      <c r="G29961" s="16">
        <v>0.35907399641986582</v>
      </c>
    </row>
    <row r="29962" spans="1:7" x14ac:dyDescent="0.3">
      <c r="A29962" s="13" t="s">
        <v>188</v>
      </c>
      <c r="B29962" s="14" t="s">
        <v>1</v>
      </c>
      <c r="C29962" s="14" t="s">
        <v>70</v>
      </c>
      <c r="D29962" s="14" t="s">
        <v>189</v>
      </c>
      <c r="E29962" s="15">
        <v>45408</v>
      </c>
      <c r="F29962" s="14" t="s">
        <v>15</v>
      </c>
      <c r="G29962" s="16">
        <v>0.36575247720874909</v>
      </c>
    </row>
    <row r="29963" spans="1:7" x14ac:dyDescent="0.3">
      <c r="A29963" s="13" t="s">
        <v>188</v>
      </c>
      <c r="B29963" s="14" t="s">
        <v>1</v>
      </c>
      <c r="C29963" s="14" t="s">
        <v>70</v>
      </c>
      <c r="D29963" s="14" t="s">
        <v>189</v>
      </c>
      <c r="E29963" s="15">
        <v>45409</v>
      </c>
      <c r="F29963" s="14" t="s">
        <v>15</v>
      </c>
      <c r="G29963" s="16">
        <v>0.36575247720874909</v>
      </c>
    </row>
    <row r="29964" spans="1:7" x14ac:dyDescent="0.3">
      <c r="A29964" s="13" t="s">
        <v>188</v>
      </c>
      <c r="B29964" s="14" t="s">
        <v>1</v>
      </c>
      <c r="C29964" s="14" t="s">
        <v>70</v>
      </c>
      <c r="D29964" s="14" t="s">
        <v>189</v>
      </c>
      <c r="E29964" s="15">
        <v>45410</v>
      </c>
      <c r="F29964" s="14" t="s">
        <v>15</v>
      </c>
      <c r="G29964" s="16">
        <v>0.36575247720874909</v>
      </c>
    </row>
    <row r="29965" spans="1:7" x14ac:dyDescent="0.3">
      <c r="A29965" s="13" t="s">
        <v>188</v>
      </c>
      <c r="B29965" s="14" t="s">
        <v>1</v>
      </c>
      <c r="C29965" s="14" t="s">
        <v>70</v>
      </c>
      <c r="D29965" s="14" t="s">
        <v>189</v>
      </c>
      <c r="E29965" s="15">
        <v>45411</v>
      </c>
      <c r="F29965" s="14" t="s">
        <v>15</v>
      </c>
      <c r="G29965" s="16">
        <v>0.3713960255337293</v>
      </c>
    </row>
    <row r="29966" spans="1:7" x14ac:dyDescent="0.3">
      <c r="A29966" s="13" t="s">
        <v>188</v>
      </c>
      <c r="B29966" s="14" t="s">
        <v>1</v>
      </c>
      <c r="C29966" s="14" t="s">
        <v>70</v>
      </c>
      <c r="D29966" s="14" t="s">
        <v>189</v>
      </c>
      <c r="E29966" s="15">
        <v>45412</v>
      </c>
      <c r="F29966" s="14" t="s">
        <v>15</v>
      </c>
      <c r="G29966" s="16">
        <v>0.39002606663933365</v>
      </c>
    </row>
    <row r="29967" spans="1:7" x14ac:dyDescent="0.3">
      <c r="A29967" s="13" t="s">
        <v>188</v>
      </c>
      <c r="B29967" s="14" t="s">
        <v>1</v>
      </c>
      <c r="C29967" s="14" t="s">
        <v>70</v>
      </c>
      <c r="D29967" s="14" t="s">
        <v>189</v>
      </c>
      <c r="E29967" s="15">
        <v>45413</v>
      </c>
      <c r="F29967" s="14" t="s">
        <v>15</v>
      </c>
      <c r="G29967" s="16">
        <v>0.39002606663933365</v>
      </c>
    </row>
    <row r="29968" spans="1:7" x14ac:dyDescent="0.3">
      <c r="A29968" s="13" t="s">
        <v>188</v>
      </c>
      <c r="B29968" s="14" t="s">
        <v>1</v>
      </c>
      <c r="C29968" s="14" t="s">
        <v>70</v>
      </c>
      <c r="D29968" s="14" t="s">
        <v>189</v>
      </c>
      <c r="E29968" s="15">
        <v>45414</v>
      </c>
      <c r="F29968" s="14" t="s">
        <v>15</v>
      </c>
      <c r="G29968" s="16">
        <v>0.4332373839442859</v>
      </c>
    </row>
    <row r="29969" spans="1:7" x14ac:dyDescent="0.3">
      <c r="A29969" s="13" t="s">
        <v>188</v>
      </c>
      <c r="B29969" s="14" t="s">
        <v>1</v>
      </c>
      <c r="C29969" s="14" t="s">
        <v>70</v>
      </c>
      <c r="D29969" s="14" t="s">
        <v>189</v>
      </c>
      <c r="E29969" s="15">
        <v>45415</v>
      </c>
      <c r="F29969" s="14" t="s">
        <v>15</v>
      </c>
      <c r="G29969" s="16">
        <v>0.44609844507783614</v>
      </c>
    </row>
    <row r="29970" spans="1:7" x14ac:dyDescent="0.3">
      <c r="A29970" s="13" t="s">
        <v>188</v>
      </c>
      <c r="B29970" s="14" t="s">
        <v>1</v>
      </c>
      <c r="C29970" s="14" t="s">
        <v>70</v>
      </c>
      <c r="D29970" s="14" t="s">
        <v>189</v>
      </c>
      <c r="E29970" s="15">
        <v>45416</v>
      </c>
      <c r="F29970" s="14" t="s">
        <v>15</v>
      </c>
      <c r="G29970" s="16">
        <v>0.44609844507783614</v>
      </c>
    </row>
    <row r="29971" spans="1:7" x14ac:dyDescent="0.3">
      <c r="A29971" s="13" t="s">
        <v>188</v>
      </c>
      <c r="B29971" s="14" t="s">
        <v>1</v>
      </c>
      <c r="C29971" s="14" t="s">
        <v>70</v>
      </c>
      <c r="D29971" s="14" t="s">
        <v>189</v>
      </c>
      <c r="E29971" s="15">
        <v>45417</v>
      </c>
      <c r="F29971" s="14" t="s">
        <v>15</v>
      </c>
      <c r="G29971" s="16">
        <v>0.44609844507783614</v>
      </c>
    </row>
    <row r="29972" spans="1:7" x14ac:dyDescent="0.3">
      <c r="A29972" s="13" t="s">
        <v>188</v>
      </c>
      <c r="B29972" s="14" t="s">
        <v>1</v>
      </c>
      <c r="C29972" s="14" t="s">
        <v>70</v>
      </c>
      <c r="D29972" s="14" t="s">
        <v>189</v>
      </c>
      <c r="E29972" s="15">
        <v>45418</v>
      </c>
      <c r="F29972" s="14" t="s">
        <v>15</v>
      </c>
      <c r="G29972" s="16">
        <v>0.44609844507783614</v>
      </c>
    </row>
    <row r="29973" spans="1:7" x14ac:dyDescent="0.3">
      <c r="A29973" s="13" t="s">
        <v>188</v>
      </c>
      <c r="B29973" s="14" t="s">
        <v>1</v>
      </c>
      <c r="C29973" s="14" t="s">
        <v>70</v>
      </c>
      <c r="D29973" s="14" t="s">
        <v>189</v>
      </c>
      <c r="E29973" s="15">
        <v>45419</v>
      </c>
      <c r="F29973" s="14" t="s">
        <v>15</v>
      </c>
      <c r="G29973" s="16">
        <v>0.47542434086439067</v>
      </c>
    </row>
    <row r="29974" spans="1:7" x14ac:dyDescent="0.3">
      <c r="A29974" s="13" t="s">
        <v>188</v>
      </c>
      <c r="B29974" s="14" t="s">
        <v>1</v>
      </c>
      <c r="C29974" s="14" t="s">
        <v>70</v>
      </c>
      <c r="D29974" s="14" t="s">
        <v>189</v>
      </c>
      <c r="E29974" s="15">
        <v>45420</v>
      </c>
      <c r="F29974" s="14" t="s">
        <v>15</v>
      </c>
      <c r="G29974" s="16">
        <v>0.50429005965979468</v>
      </c>
    </row>
    <row r="29975" spans="1:7" x14ac:dyDescent="0.3">
      <c r="A29975" s="13" t="s">
        <v>188</v>
      </c>
      <c r="B29975" s="14" t="s">
        <v>1</v>
      </c>
      <c r="C29975" s="14" t="s">
        <v>70</v>
      </c>
      <c r="D29975" s="14" t="s">
        <v>189</v>
      </c>
      <c r="E29975" s="15">
        <v>45421</v>
      </c>
      <c r="F29975" s="14" t="s">
        <v>15</v>
      </c>
      <c r="G29975" s="16">
        <v>0.50429005965979468</v>
      </c>
    </row>
    <row r="29976" spans="1:7" x14ac:dyDescent="0.3">
      <c r="A29976" s="13" t="s">
        <v>188</v>
      </c>
      <c r="B29976" s="14" t="s">
        <v>1</v>
      </c>
      <c r="C29976" s="14" t="s">
        <v>70</v>
      </c>
      <c r="D29976" s="14" t="s">
        <v>189</v>
      </c>
      <c r="E29976" s="15">
        <v>45422</v>
      </c>
      <c r="F29976" s="14" t="s">
        <v>15</v>
      </c>
      <c r="G29976" s="16">
        <v>0.50992242959632594</v>
      </c>
    </row>
    <row r="29977" spans="1:7" x14ac:dyDescent="0.3">
      <c r="A29977" s="13" t="s">
        <v>188</v>
      </c>
      <c r="B29977" s="14" t="s">
        <v>1</v>
      </c>
      <c r="C29977" s="14" t="s">
        <v>70</v>
      </c>
      <c r="D29977" s="14" t="s">
        <v>189</v>
      </c>
      <c r="E29977" s="15">
        <v>45423</v>
      </c>
      <c r="F29977" s="14" t="s">
        <v>15</v>
      </c>
      <c r="G29977" s="16">
        <v>0.50992242959632594</v>
      </c>
    </row>
    <row r="29978" spans="1:7" x14ac:dyDescent="0.3">
      <c r="A29978" s="13" t="s">
        <v>188</v>
      </c>
      <c r="B29978" s="14" t="s">
        <v>1</v>
      </c>
      <c r="C29978" s="14" t="s">
        <v>70</v>
      </c>
      <c r="D29978" s="14" t="s">
        <v>189</v>
      </c>
      <c r="E29978" s="15">
        <v>45424</v>
      </c>
      <c r="F29978" s="14" t="s">
        <v>15</v>
      </c>
      <c r="G29978" s="16">
        <v>0.50992242959632594</v>
      </c>
    </row>
    <row r="29979" spans="1:7" x14ac:dyDescent="0.3">
      <c r="A29979" s="13" t="s">
        <v>188</v>
      </c>
      <c r="B29979" s="14" t="s">
        <v>1</v>
      </c>
      <c r="C29979" s="14" t="s">
        <v>70</v>
      </c>
      <c r="D29979" s="14" t="s">
        <v>189</v>
      </c>
      <c r="E29979" s="15">
        <v>45425</v>
      </c>
      <c r="F29979" s="14" t="s">
        <v>15</v>
      </c>
      <c r="G29979" s="16">
        <v>0.62948493460505084</v>
      </c>
    </row>
    <row r="29980" spans="1:7" x14ac:dyDescent="0.3">
      <c r="A29980" s="13" t="s">
        <v>188</v>
      </c>
      <c r="B29980" s="14" t="s">
        <v>1</v>
      </c>
      <c r="C29980" s="14" t="s">
        <v>70</v>
      </c>
      <c r="D29980" s="14" t="s">
        <v>189</v>
      </c>
      <c r="E29980" s="15">
        <v>45426</v>
      </c>
      <c r="F29980" s="14" t="s">
        <v>15</v>
      </c>
      <c r="G29980" s="16">
        <v>0.67169392307907616</v>
      </c>
    </row>
    <row r="29981" spans="1:7" x14ac:dyDescent="0.3">
      <c r="A29981" s="13" t="s">
        <v>188</v>
      </c>
      <c r="B29981" s="14" t="s">
        <v>1</v>
      </c>
      <c r="C29981" s="14" t="s">
        <v>70</v>
      </c>
      <c r="D29981" s="14" t="s">
        <v>189</v>
      </c>
      <c r="E29981" s="15">
        <v>45427</v>
      </c>
      <c r="F29981" s="14" t="s">
        <v>15</v>
      </c>
      <c r="G29981" s="16">
        <v>0.68353588779902608</v>
      </c>
    </row>
    <row r="29982" spans="1:7" x14ac:dyDescent="0.3">
      <c r="A29982" s="13" t="s">
        <v>188</v>
      </c>
      <c r="B29982" s="14" t="s">
        <v>1</v>
      </c>
      <c r="C29982" s="14" t="s">
        <v>70</v>
      </c>
      <c r="D29982" s="14" t="s">
        <v>189</v>
      </c>
      <c r="E29982" s="15">
        <v>45428</v>
      </c>
      <c r="F29982" s="14" t="s">
        <v>15</v>
      </c>
      <c r="G29982" s="16">
        <v>0.69114496942628856</v>
      </c>
    </row>
    <row r="29983" spans="1:7" x14ac:dyDescent="0.3">
      <c r="A29983" s="13" t="s">
        <v>188</v>
      </c>
      <c r="B29983" s="14" t="s">
        <v>1</v>
      </c>
      <c r="C29983" s="14" t="s">
        <v>70</v>
      </c>
      <c r="D29983" s="14" t="s">
        <v>189</v>
      </c>
      <c r="E29983" s="15">
        <v>45429</v>
      </c>
      <c r="F29983" s="14" t="s">
        <v>15</v>
      </c>
      <c r="G29983" s="16">
        <v>0.78420072082532566</v>
      </c>
    </row>
    <row r="29984" spans="1:7" x14ac:dyDescent="0.3">
      <c r="A29984" s="13" t="s">
        <v>188</v>
      </c>
      <c r="B29984" s="14" t="s">
        <v>1</v>
      </c>
      <c r="C29984" s="14" t="s">
        <v>70</v>
      </c>
      <c r="D29984" s="14" t="s">
        <v>189</v>
      </c>
      <c r="E29984" s="15">
        <v>45430</v>
      </c>
      <c r="F29984" s="14" t="s">
        <v>15</v>
      </c>
      <c r="G29984" s="16">
        <v>0.78420072082532566</v>
      </c>
    </row>
    <row r="29985" spans="1:7" x14ac:dyDescent="0.3">
      <c r="A29985" s="13" t="s">
        <v>188</v>
      </c>
      <c r="B29985" s="14" t="s">
        <v>1</v>
      </c>
      <c r="C29985" s="14" t="s">
        <v>70</v>
      </c>
      <c r="D29985" s="14" t="s">
        <v>189</v>
      </c>
      <c r="E29985" s="15">
        <v>45431</v>
      </c>
      <c r="F29985" s="14" t="s">
        <v>15</v>
      </c>
      <c r="G29985" s="16">
        <v>0.78420072082532566</v>
      </c>
    </row>
    <row r="29986" spans="1:7" x14ac:dyDescent="0.3">
      <c r="A29986" s="13" t="s">
        <v>188</v>
      </c>
      <c r="B29986" s="14" t="s">
        <v>1</v>
      </c>
      <c r="C29986" s="14" t="s">
        <v>70</v>
      </c>
      <c r="D29986" s="14" t="s">
        <v>189</v>
      </c>
      <c r="E29986" s="15">
        <v>45432</v>
      </c>
      <c r="F29986" s="14" t="s">
        <v>15</v>
      </c>
      <c r="G29986" s="16">
        <v>0.78420072082532566</v>
      </c>
    </row>
    <row r="29987" spans="1:7" x14ac:dyDescent="0.3">
      <c r="A29987" s="13" t="s">
        <v>188</v>
      </c>
      <c r="B29987" s="14" t="s">
        <v>1</v>
      </c>
      <c r="C29987" s="14" t="s">
        <v>70</v>
      </c>
      <c r="D29987" s="14" t="s">
        <v>189</v>
      </c>
      <c r="E29987" s="15">
        <v>45433</v>
      </c>
      <c r="F29987" s="14" t="s">
        <v>15</v>
      </c>
      <c r="G29987" s="16">
        <v>0.78958344008649595</v>
      </c>
    </row>
    <row r="29988" spans="1:7" x14ac:dyDescent="0.3">
      <c r="A29988" s="13" t="s">
        <v>188</v>
      </c>
      <c r="B29988" s="14" t="s">
        <v>1</v>
      </c>
      <c r="C29988" s="14" t="s">
        <v>70</v>
      </c>
      <c r="D29988" s="14" t="s">
        <v>189</v>
      </c>
      <c r="E29988" s="15">
        <v>45434</v>
      </c>
      <c r="F29988" s="14" t="s">
        <v>15</v>
      </c>
      <c r="G29988" s="16">
        <v>0.83224701635744724</v>
      </c>
    </row>
    <row r="29989" spans="1:7" x14ac:dyDescent="0.3">
      <c r="A29989" s="13" t="s">
        <v>188</v>
      </c>
      <c r="B29989" s="14" t="s">
        <v>1</v>
      </c>
      <c r="C29989" s="14" t="s">
        <v>70</v>
      </c>
      <c r="D29989" s="14" t="s">
        <v>189</v>
      </c>
      <c r="E29989" s="15">
        <v>45435</v>
      </c>
      <c r="F29989" s="14" t="s">
        <v>15</v>
      </c>
      <c r="G29989" s="16">
        <v>0.8387503690606295</v>
      </c>
    </row>
    <row r="29990" spans="1:7" x14ac:dyDescent="0.3">
      <c r="A29990" s="13" t="s">
        <v>188</v>
      </c>
      <c r="B29990" s="14" t="s">
        <v>1</v>
      </c>
      <c r="C29990" s="14" t="s">
        <v>70</v>
      </c>
      <c r="D29990" s="14" t="s">
        <v>189</v>
      </c>
      <c r="E29990" s="15">
        <v>45436</v>
      </c>
      <c r="F29990" s="14" t="s">
        <v>15</v>
      </c>
      <c r="G29990" s="16">
        <v>0.84438646512664373</v>
      </c>
    </row>
    <row r="29991" spans="1:7" x14ac:dyDescent="0.3">
      <c r="A29991" s="13" t="s">
        <v>188</v>
      </c>
      <c r="B29991" s="14" t="s">
        <v>1</v>
      </c>
      <c r="C29991" s="14" t="s">
        <v>70</v>
      </c>
      <c r="D29991" s="14" t="s">
        <v>189</v>
      </c>
      <c r="E29991" s="15">
        <v>45437</v>
      </c>
      <c r="F29991" s="14" t="s">
        <v>15</v>
      </c>
      <c r="G29991" s="16">
        <v>0.84438646512664373</v>
      </c>
    </row>
    <row r="29992" spans="1:7" x14ac:dyDescent="0.3">
      <c r="A29992" s="13" t="s">
        <v>188</v>
      </c>
      <c r="B29992" s="14" t="s">
        <v>1</v>
      </c>
      <c r="C29992" s="14" t="s">
        <v>70</v>
      </c>
      <c r="D29992" s="14" t="s">
        <v>189</v>
      </c>
      <c r="E29992" s="15">
        <v>45438</v>
      </c>
      <c r="F29992" s="14" t="s">
        <v>15</v>
      </c>
      <c r="G29992" s="16">
        <v>0.84438646512664373</v>
      </c>
    </row>
    <row r="29993" spans="1:7" x14ac:dyDescent="0.3">
      <c r="A29993" s="13" t="s">
        <v>188</v>
      </c>
      <c r="B29993" s="14" t="s">
        <v>1</v>
      </c>
      <c r="C29993" s="14" t="s">
        <v>70</v>
      </c>
      <c r="D29993" s="14" t="s">
        <v>189</v>
      </c>
      <c r="E29993" s="15">
        <v>45439</v>
      </c>
      <c r="F29993" s="14" t="s">
        <v>15</v>
      </c>
      <c r="G29993" s="16">
        <v>0.84170770325134447</v>
      </c>
    </row>
    <row r="29994" spans="1:7" x14ac:dyDescent="0.3">
      <c r="A29994" s="13" t="s">
        <v>188</v>
      </c>
      <c r="B29994" s="14" t="s">
        <v>1</v>
      </c>
      <c r="C29994" s="14" t="s">
        <v>70</v>
      </c>
      <c r="D29994" s="14" t="s">
        <v>189</v>
      </c>
      <c r="E29994" s="15">
        <v>45440</v>
      </c>
      <c r="F29994" s="14" t="s">
        <v>15</v>
      </c>
      <c r="G29994" s="16">
        <v>0.85858739503230985</v>
      </c>
    </row>
    <row r="29995" spans="1:7" x14ac:dyDescent="0.3">
      <c r="A29995" s="13" t="s">
        <v>188</v>
      </c>
      <c r="B29995" s="14" t="s">
        <v>1</v>
      </c>
      <c r="C29995" s="14" t="s">
        <v>70</v>
      </c>
      <c r="D29995" s="14" t="s">
        <v>189</v>
      </c>
      <c r="E29995" s="15">
        <v>45441</v>
      </c>
      <c r="F29995" s="14" t="s">
        <v>15</v>
      </c>
      <c r="G29995" s="16">
        <v>0.86605022607736459</v>
      </c>
    </row>
    <row r="29996" spans="1:7" x14ac:dyDescent="0.3">
      <c r="A29996" s="13" t="s">
        <v>188</v>
      </c>
      <c r="B29996" s="14" t="s">
        <v>1</v>
      </c>
      <c r="C29996" s="14" t="s">
        <v>70</v>
      </c>
      <c r="D29996" s="14" t="s">
        <v>189</v>
      </c>
      <c r="E29996" s="15">
        <v>45442</v>
      </c>
      <c r="F29996" s="14" t="s">
        <v>15</v>
      </c>
      <c r="G29996" s="16">
        <v>0.86844365796079848</v>
      </c>
    </row>
    <row r="29997" spans="1:7" x14ac:dyDescent="0.3">
      <c r="A29997" s="13" t="s">
        <v>188</v>
      </c>
      <c r="B29997" s="14" t="s">
        <v>1</v>
      </c>
      <c r="C29997" s="14" t="s">
        <v>70</v>
      </c>
      <c r="D29997" s="14" t="s">
        <v>189</v>
      </c>
      <c r="E29997" s="15">
        <v>45443</v>
      </c>
      <c r="F29997" s="14" t="s">
        <v>15</v>
      </c>
      <c r="G29997" s="16">
        <v>0.87804528732909493</v>
      </c>
    </row>
    <row r="29998" spans="1:7" x14ac:dyDescent="0.3">
      <c r="A29998" s="13" t="s">
        <v>188</v>
      </c>
      <c r="B29998" s="14" t="s">
        <v>1</v>
      </c>
      <c r="C29998" s="14" t="s">
        <v>70</v>
      </c>
      <c r="D29998" s="14" t="s">
        <v>189</v>
      </c>
      <c r="E29998" s="15">
        <v>45444</v>
      </c>
      <c r="F29998" s="14" t="s">
        <v>15</v>
      </c>
      <c r="G29998" s="16">
        <v>0.87804528732909493</v>
      </c>
    </row>
    <row r="29999" spans="1:7" x14ac:dyDescent="0.3">
      <c r="A29999" s="13" t="s">
        <v>188</v>
      </c>
      <c r="B29999" s="14" t="s">
        <v>1</v>
      </c>
      <c r="C29999" s="14" t="s">
        <v>70</v>
      </c>
      <c r="D29999" s="14" t="s">
        <v>189</v>
      </c>
      <c r="E29999" s="15">
        <v>45445</v>
      </c>
      <c r="F29999" s="14" t="s">
        <v>15</v>
      </c>
      <c r="G29999" s="16">
        <v>0.87804528732909493</v>
      </c>
    </row>
    <row r="30000" spans="1:7" x14ac:dyDescent="0.3">
      <c r="A30000" s="13" t="s">
        <v>188</v>
      </c>
      <c r="B30000" s="14" t="s">
        <v>1</v>
      </c>
      <c r="C30000" s="14" t="s">
        <v>70</v>
      </c>
      <c r="D30000" s="14" t="s">
        <v>189</v>
      </c>
      <c r="E30000" s="15">
        <v>45446</v>
      </c>
      <c r="F30000" s="14" t="s">
        <v>15</v>
      </c>
      <c r="G30000" s="16">
        <v>0.87804528732909493</v>
      </c>
    </row>
    <row r="30001" spans="1:7" x14ac:dyDescent="0.3">
      <c r="A30001" s="13" t="s">
        <v>188</v>
      </c>
      <c r="B30001" s="14" t="s">
        <v>1</v>
      </c>
      <c r="C30001" s="14" t="s">
        <v>70</v>
      </c>
      <c r="D30001" s="14" t="s">
        <v>189</v>
      </c>
      <c r="E30001" s="15">
        <v>45447</v>
      </c>
      <c r="F30001" s="14" t="s">
        <v>15</v>
      </c>
      <c r="G30001" s="16">
        <v>0.89570746630149012</v>
      </c>
    </row>
    <row r="30002" spans="1:7" x14ac:dyDescent="0.3">
      <c r="A30002" s="13" t="s">
        <v>188</v>
      </c>
      <c r="B30002" s="14" t="s">
        <v>1</v>
      </c>
      <c r="C30002" s="14" t="s">
        <v>70</v>
      </c>
      <c r="D30002" s="14" t="s">
        <v>189</v>
      </c>
      <c r="E30002" s="15">
        <v>45448</v>
      </c>
      <c r="F30002" s="14" t="s">
        <v>15</v>
      </c>
      <c r="G30002" s="16">
        <v>0.93801985486866868</v>
      </c>
    </row>
    <row r="30003" spans="1:7" x14ac:dyDescent="0.3">
      <c r="A30003" s="13" t="s">
        <v>188</v>
      </c>
      <c r="B30003" s="14" t="s">
        <v>1</v>
      </c>
      <c r="C30003" s="14" t="s">
        <v>70</v>
      </c>
      <c r="D30003" s="14" t="s">
        <v>189</v>
      </c>
      <c r="E30003" s="15">
        <v>45449</v>
      </c>
      <c r="F30003" s="14" t="s">
        <v>15</v>
      </c>
      <c r="G30003" s="16">
        <v>0.94365314668855171</v>
      </c>
    </row>
    <row r="30004" spans="1:7" x14ac:dyDescent="0.3">
      <c r="A30004" s="13" t="s">
        <v>188</v>
      </c>
      <c r="B30004" s="14" t="s">
        <v>1</v>
      </c>
      <c r="C30004" s="14" t="s">
        <v>70</v>
      </c>
      <c r="D30004" s="14" t="s">
        <v>189</v>
      </c>
      <c r="E30004" s="15">
        <v>45450</v>
      </c>
      <c r="F30004" s="14" t="s">
        <v>15</v>
      </c>
      <c r="G30004" s="16">
        <v>0.94925450065776573</v>
      </c>
    </row>
    <row r="30005" spans="1:7" x14ac:dyDescent="0.3">
      <c r="A30005" s="13" t="s">
        <v>188</v>
      </c>
      <c r="B30005" s="14" t="s">
        <v>1</v>
      </c>
      <c r="C30005" s="14" t="s">
        <v>70</v>
      </c>
      <c r="D30005" s="14" t="s">
        <v>189</v>
      </c>
      <c r="E30005" s="15">
        <v>45451</v>
      </c>
      <c r="F30005" s="14" t="s">
        <v>15</v>
      </c>
      <c r="G30005" s="16">
        <v>0.94925450065776573</v>
      </c>
    </row>
    <row r="30006" spans="1:7" x14ac:dyDescent="0.3">
      <c r="A30006" s="13" t="s">
        <v>188</v>
      </c>
      <c r="B30006" s="14" t="s">
        <v>1</v>
      </c>
      <c r="C30006" s="14" t="s">
        <v>70</v>
      </c>
      <c r="D30006" s="14" t="s">
        <v>189</v>
      </c>
      <c r="E30006" s="15">
        <v>45452</v>
      </c>
      <c r="F30006" s="14" t="s">
        <v>15</v>
      </c>
      <c r="G30006" s="16">
        <v>0.94925450065776573</v>
      </c>
    </row>
    <row r="30007" spans="1:7" x14ac:dyDescent="0.3">
      <c r="A30007" s="13" t="s">
        <v>188</v>
      </c>
      <c r="B30007" s="14" t="s">
        <v>1</v>
      </c>
      <c r="C30007" s="14" t="s">
        <v>70</v>
      </c>
      <c r="D30007" s="14" t="s">
        <v>189</v>
      </c>
      <c r="E30007" s="15">
        <v>45453</v>
      </c>
      <c r="F30007" s="14" t="s">
        <v>15</v>
      </c>
      <c r="G30007" s="16">
        <v>0.96423090857605187</v>
      </c>
    </row>
    <row r="30008" spans="1:7" x14ac:dyDescent="0.3">
      <c r="A30008" s="13" t="s">
        <v>188</v>
      </c>
      <c r="B30008" s="14" t="s">
        <v>1</v>
      </c>
      <c r="C30008" s="14" t="s">
        <v>70</v>
      </c>
      <c r="D30008" s="14" t="s">
        <v>189</v>
      </c>
      <c r="E30008" s="15">
        <v>45454</v>
      </c>
      <c r="F30008" s="14" t="s">
        <v>15</v>
      </c>
      <c r="G30008" s="16">
        <v>0.98233981541535642</v>
      </c>
    </row>
    <row r="30009" spans="1:7" x14ac:dyDescent="0.3">
      <c r="A30009" s="13" t="s">
        <v>188</v>
      </c>
      <c r="B30009" s="14" t="s">
        <v>1</v>
      </c>
      <c r="C30009" s="14" t="s">
        <v>70</v>
      </c>
      <c r="D30009" s="14" t="s">
        <v>189</v>
      </c>
      <c r="E30009" s="15">
        <v>45455</v>
      </c>
      <c r="F30009" s="14" t="s">
        <v>15</v>
      </c>
      <c r="G30009" s="16">
        <v>0.99632787633321096</v>
      </c>
    </row>
    <row r="30010" spans="1:7" x14ac:dyDescent="0.3">
      <c r="A30010" s="13" t="s">
        <v>188</v>
      </c>
      <c r="B30010" s="14" t="s">
        <v>1</v>
      </c>
      <c r="C30010" s="14" t="s">
        <v>70</v>
      </c>
      <c r="D30010" s="14" t="s">
        <v>189</v>
      </c>
      <c r="E30010" s="15">
        <v>45456</v>
      </c>
      <c r="F30010" s="14" t="s">
        <v>15</v>
      </c>
      <c r="G30010" s="16">
        <v>1.0062598302161063</v>
      </c>
    </row>
    <row r="30011" spans="1:7" x14ac:dyDescent="0.3">
      <c r="A30011" s="13" t="s">
        <v>188</v>
      </c>
      <c r="B30011" s="14" t="s">
        <v>1</v>
      </c>
      <c r="C30011" s="14" t="s">
        <v>70</v>
      </c>
      <c r="D30011" s="14" t="s">
        <v>189</v>
      </c>
      <c r="E30011" s="15">
        <v>45457</v>
      </c>
      <c r="F30011" s="14" t="s">
        <v>15</v>
      </c>
      <c r="G30011" s="16">
        <v>1.0171792679142804</v>
      </c>
    </row>
    <row r="30012" spans="1:7" x14ac:dyDescent="0.3">
      <c r="A30012" s="13" t="s">
        <v>188</v>
      </c>
      <c r="B30012" s="14" t="s">
        <v>1</v>
      </c>
      <c r="C30012" s="14" t="s">
        <v>70</v>
      </c>
      <c r="D30012" s="14" t="s">
        <v>189</v>
      </c>
      <c r="E30012" s="15">
        <v>45458</v>
      </c>
      <c r="F30012" s="14" t="s">
        <v>15</v>
      </c>
      <c r="G30012" s="16">
        <v>1.0171792679142804</v>
      </c>
    </row>
    <row r="30013" spans="1:7" x14ac:dyDescent="0.3">
      <c r="A30013" s="13" t="s">
        <v>188</v>
      </c>
      <c r="B30013" s="14" t="s">
        <v>1</v>
      </c>
      <c r="C30013" s="14" t="s">
        <v>70</v>
      </c>
      <c r="D30013" s="14" t="s">
        <v>189</v>
      </c>
      <c r="E30013" s="15">
        <v>45459</v>
      </c>
      <c r="F30013" s="14" t="s">
        <v>15</v>
      </c>
      <c r="G30013" s="16">
        <v>1.0171792679142804</v>
      </c>
    </row>
    <row r="30014" spans="1:7" x14ac:dyDescent="0.3">
      <c r="A30014" s="13" t="s">
        <v>188</v>
      </c>
      <c r="B30014" s="14" t="s">
        <v>1</v>
      </c>
      <c r="C30014" s="14" t="s">
        <v>70</v>
      </c>
      <c r="D30014" s="14" t="s">
        <v>189</v>
      </c>
      <c r="E30014" s="15">
        <v>45460</v>
      </c>
      <c r="F30014" s="14" t="s">
        <v>15</v>
      </c>
      <c r="G30014" s="16">
        <v>1.0401884768683887</v>
      </c>
    </row>
    <row r="30015" spans="1:7" x14ac:dyDescent="0.3">
      <c r="A30015" s="13" t="s">
        <v>188</v>
      </c>
      <c r="B30015" s="14" t="s">
        <v>1</v>
      </c>
      <c r="C30015" s="14" t="s">
        <v>70</v>
      </c>
      <c r="D30015" s="14" t="s">
        <v>189</v>
      </c>
      <c r="E30015" s="15">
        <v>45461</v>
      </c>
      <c r="F30015" s="14" t="s">
        <v>15</v>
      </c>
      <c r="G30015" s="16">
        <v>1.055787241282143</v>
      </c>
    </row>
    <row r="30016" spans="1:7" x14ac:dyDescent="0.3">
      <c r="A30016" s="13" t="s">
        <v>188</v>
      </c>
      <c r="B30016" s="14" t="s">
        <v>1</v>
      </c>
      <c r="C30016" s="14" t="s">
        <v>70</v>
      </c>
      <c r="D30016" s="14" t="s">
        <v>189</v>
      </c>
      <c r="E30016" s="15">
        <v>45462</v>
      </c>
      <c r="F30016" s="14" t="s">
        <v>15</v>
      </c>
      <c r="G30016" s="16">
        <v>1.0623821213627078</v>
      </c>
    </row>
    <row r="30017" spans="1:7" x14ac:dyDescent="0.3">
      <c r="A30017" s="13" t="s">
        <v>188</v>
      </c>
      <c r="B30017" s="14" t="s">
        <v>1</v>
      </c>
      <c r="C30017" s="14" t="s">
        <v>70</v>
      </c>
      <c r="D30017" s="14" t="s">
        <v>189</v>
      </c>
      <c r="E30017" s="15">
        <v>45463</v>
      </c>
      <c r="F30017" s="14" t="s">
        <v>15</v>
      </c>
      <c r="G30017" s="16">
        <v>1.0750693622546668</v>
      </c>
    </row>
    <row r="30018" spans="1:7" x14ac:dyDescent="0.3">
      <c r="A30018" s="13" t="s">
        <v>188</v>
      </c>
      <c r="B30018" s="14" t="s">
        <v>1</v>
      </c>
      <c r="C30018" s="14" t="s">
        <v>70</v>
      </c>
      <c r="D30018" s="14" t="s">
        <v>189</v>
      </c>
      <c r="E30018" s="15">
        <v>45464</v>
      </c>
      <c r="F30018" s="14" t="s">
        <v>15</v>
      </c>
      <c r="G30018" s="16">
        <v>1.0805792185976399</v>
      </c>
    </row>
    <row r="30019" spans="1:7" x14ac:dyDescent="0.3">
      <c r="A30019" s="13" t="s">
        <v>188</v>
      </c>
      <c r="B30019" s="14" t="s">
        <v>1</v>
      </c>
      <c r="C30019" s="14" t="s">
        <v>70</v>
      </c>
      <c r="D30019" s="14" t="s">
        <v>189</v>
      </c>
      <c r="E30019" s="15">
        <v>45465</v>
      </c>
      <c r="F30019" s="14" t="s">
        <v>15</v>
      </c>
      <c r="G30019" s="16">
        <v>1.0805792185976399</v>
      </c>
    </row>
    <row r="30020" spans="1:7" x14ac:dyDescent="0.3">
      <c r="A30020" s="13" t="s">
        <v>188</v>
      </c>
      <c r="B30020" s="14" t="s">
        <v>1</v>
      </c>
      <c r="C30020" s="14" t="s">
        <v>70</v>
      </c>
      <c r="D30020" s="14" t="s">
        <v>189</v>
      </c>
      <c r="E30020" s="15">
        <v>45466</v>
      </c>
      <c r="F30020" s="14" t="s">
        <v>15</v>
      </c>
      <c r="G30020" s="16">
        <v>1.0805792185976399</v>
      </c>
    </row>
    <row r="30021" spans="1:7" x14ac:dyDescent="0.3">
      <c r="A30021" s="13" t="s">
        <v>188</v>
      </c>
      <c r="B30021" s="14" t="s">
        <v>1</v>
      </c>
      <c r="C30021" s="14" t="s">
        <v>70</v>
      </c>
      <c r="D30021" s="14" t="s">
        <v>189</v>
      </c>
      <c r="E30021" s="15">
        <v>45467</v>
      </c>
      <c r="F30021" s="14" t="s">
        <v>15</v>
      </c>
      <c r="G30021" s="16">
        <v>1.0863834210778598</v>
      </c>
    </row>
    <row r="30022" spans="1:7" x14ac:dyDescent="0.3">
      <c r="A30022" s="13" t="s">
        <v>188</v>
      </c>
      <c r="B30022" s="14" t="s">
        <v>1</v>
      </c>
      <c r="C30022" s="14" t="s">
        <v>70</v>
      </c>
      <c r="D30022" s="14" t="s">
        <v>189</v>
      </c>
      <c r="E30022" s="15">
        <v>45468</v>
      </c>
      <c r="F30022" s="14" t="s">
        <v>15</v>
      </c>
      <c r="G30022" s="16">
        <v>1.1094452843263141</v>
      </c>
    </row>
    <row r="30023" spans="1:7" x14ac:dyDescent="0.3">
      <c r="A30023" s="13" t="s">
        <v>188</v>
      </c>
      <c r="B30023" s="14" t="s">
        <v>1</v>
      </c>
      <c r="C30023" s="14" t="s">
        <v>70</v>
      </c>
      <c r="D30023" s="14" t="s">
        <v>189</v>
      </c>
      <c r="E30023" s="15">
        <v>45469</v>
      </c>
      <c r="F30023" s="14" t="s">
        <v>15</v>
      </c>
      <c r="G30023" s="16">
        <v>1.1150483646658347</v>
      </c>
    </row>
    <row r="30024" spans="1:7" x14ac:dyDescent="0.3">
      <c r="A30024" s="13" t="s">
        <v>188</v>
      </c>
      <c r="B30024" s="14" t="s">
        <v>1</v>
      </c>
      <c r="C30024" s="14" t="s">
        <v>70</v>
      </c>
      <c r="D30024" s="14" t="s">
        <v>189</v>
      </c>
      <c r="E30024" s="15">
        <v>45470</v>
      </c>
      <c r="F30024" s="14" t="s">
        <v>15</v>
      </c>
      <c r="G30024" s="16">
        <v>1.1207135943363866</v>
      </c>
    </row>
    <row r="30025" spans="1:7" x14ac:dyDescent="0.3">
      <c r="A30025" s="13" t="s">
        <v>188</v>
      </c>
      <c r="B30025" s="14" t="s">
        <v>1</v>
      </c>
      <c r="C30025" s="14" t="s">
        <v>70</v>
      </c>
      <c r="D30025" s="14" t="s">
        <v>189</v>
      </c>
      <c r="E30025" s="15">
        <v>45471</v>
      </c>
      <c r="F30025" s="14" t="s">
        <v>15</v>
      </c>
      <c r="G30025" s="16">
        <v>1.1516105892205768</v>
      </c>
    </row>
    <row r="30026" spans="1:7" x14ac:dyDescent="0.3">
      <c r="A30026" s="13" t="s">
        <v>188</v>
      </c>
      <c r="B30026" s="14" t="s">
        <v>1</v>
      </c>
      <c r="C30026" s="14" t="s">
        <v>70</v>
      </c>
      <c r="D30026" s="14" t="s">
        <v>189</v>
      </c>
      <c r="E30026" s="15">
        <v>45472</v>
      </c>
      <c r="F30026" s="14" t="s">
        <v>15</v>
      </c>
      <c r="G30026" s="16">
        <v>1.1516105892205768</v>
      </c>
    </row>
    <row r="30027" spans="1:7" x14ac:dyDescent="0.3">
      <c r="A30027" s="13" t="s">
        <v>188</v>
      </c>
      <c r="B30027" s="14" t="s">
        <v>1</v>
      </c>
      <c r="C30027" s="14" t="s">
        <v>70</v>
      </c>
      <c r="D30027" s="14" t="s">
        <v>189</v>
      </c>
      <c r="E30027" s="15">
        <v>45473</v>
      </c>
      <c r="F30027" s="14" t="s">
        <v>15</v>
      </c>
      <c r="G30027" s="16">
        <v>1.1516105892205768</v>
      </c>
    </row>
    <row r="30028" spans="1:7" x14ac:dyDescent="0.3">
      <c r="A30028" s="13" t="s">
        <v>188</v>
      </c>
      <c r="B30028" s="14" t="s">
        <v>1</v>
      </c>
      <c r="C30028" s="14" t="s">
        <v>70</v>
      </c>
      <c r="D30028" s="14" t="s">
        <v>189</v>
      </c>
      <c r="E30028" s="15">
        <v>45474</v>
      </c>
      <c r="F30028" s="14" t="s">
        <v>15</v>
      </c>
      <c r="G30028" s="16">
        <v>1.1625740493615646</v>
      </c>
    </row>
    <row r="30029" spans="1:7" x14ac:dyDescent="0.3">
      <c r="A30029" s="13" t="s">
        <v>188</v>
      </c>
      <c r="B30029" s="14" t="s">
        <v>1</v>
      </c>
      <c r="C30029" s="14" t="s">
        <v>70</v>
      </c>
      <c r="D30029" s="14" t="s">
        <v>189</v>
      </c>
      <c r="E30029" s="15">
        <v>45475</v>
      </c>
      <c r="F30029" s="14" t="s">
        <v>15</v>
      </c>
      <c r="G30029" s="16">
        <v>1.1817904227524445</v>
      </c>
    </row>
    <row r="30030" spans="1:7" x14ac:dyDescent="0.3">
      <c r="A30030" s="13" t="s">
        <v>188</v>
      </c>
      <c r="B30030" s="14" t="s">
        <v>1</v>
      </c>
      <c r="C30030" s="14" t="s">
        <v>70</v>
      </c>
      <c r="D30030" s="14" t="s">
        <v>189</v>
      </c>
      <c r="E30030" s="15">
        <v>45476</v>
      </c>
      <c r="F30030" s="14" t="s">
        <v>15</v>
      </c>
      <c r="G30030" s="16">
        <v>1.2213658811670622</v>
      </c>
    </row>
    <row r="30031" spans="1:7" x14ac:dyDescent="0.3">
      <c r="A30031" s="13" t="s">
        <v>188</v>
      </c>
      <c r="B30031" s="14" t="s">
        <v>1</v>
      </c>
      <c r="C30031" s="14" t="s">
        <v>70</v>
      </c>
      <c r="D30031" s="14" t="s">
        <v>189</v>
      </c>
      <c r="E30031" s="15">
        <v>45477</v>
      </c>
      <c r="F30031" s="14" t="s">
        <v>15</v>
      </c>
      <c r="G30031" s="16">
        <v>1.2270043520978644</v>
      </c>
    </row>
    <row r="30032" spans="1:7" x14ac:dyDescent="0.3">
      <c r="A30032" s="13" t="s">
        <v>188</v>
      </c>
      <c r="B30032" s="14" t="s">
        <v>1</v>
      </c>
      <c r="C30032" s="14" t="s">
        <v>70</v>
      </c>
      <c r="D30032" s="14" t="s">
        <v>189</v>
      </c>
      <c r="E30032" s="15">
        <v>45478</v>
      </c>
      <c r="F30032" s="14" t="s">
        <v>15</v>
      </c>
      <c r="G30032" s="16">
        <v>1.2327118778409238</v>
      </c>
    </row>
    <row r="30033" spans="1:7" x14ac:dyDescent="0.3">
      <c r="A30033" s="13" t="s">
        <v>188</v>
      </c>
      <c r="B30033" s="14" t="s">
        <v>1</v>
      </c>
      <c r="C30033" s="14" t="s">
        <v>70</v>
      </c>
      <c r="D30033" s="14" t="s">
        <v>189</v>
      </c>
      <c r="E30033" s="15">
        <v>45479</v>
      </c>
      <c r="F30033" s="14" t="s">
        <v>15</v>
      </c>
      <c r="G30033" s="16">
        <v>1.2327118778409238</v>
      </c>
    </row>
    <row r="30034" spans="1:7" x14ac:dyDescent="0.3">
      <c r="A30034" s="13" t="s">
        <v>188</v>
      </c>
      <c r="B30034" s="14" t="s">
        <v>1</v>
      </c>
      <c r="C30034" s="14" t="s">
        <v>70</v>
      </c>
      <c r="D30034" s="14" t="s">
        <v>189</v>
      </c>
      <c r="E30034" s="15">
        <v>45480</v>
      </c>
      <c r="F30034" s="14" t="s">
        <v>15</v>
      </c>
      <c r="G30034" s="16">
        <v>1.2327118778409238</v>
      </c>
    </row>
    <row r="30035" spans="1:7" x14ac:dyDescent="0.3">
      <c r="A30035" s="13" t="s">
        <v>188</v>
      </c>
      <c r="B30035" s="14" t="s">
        <v>1</v>
      </c>
      <c r="C30035" s="14" t="s">
        <v>70</v>
      </c>
      <c r="D30035" s="14" t="s">
        <v>189</v>
      </c>
      <c r="E30035" s="15">
        <v>45481</v>
      </c>
      <c r="F30035" s="14" t="s">
        <v>15</v>
      </c>
      <c r="G30035" s="16">
        <v>1.2578497013828613</v>
      </c>
    </row>
    <row r="30036" spans="1:7" x14ac:dyDescent="0.3">
      <c r="A30036" s="13" t="s">
        <v>188</v>
      </c>
      <c r="B30036" s="14" t="s">
        <v>1</v>
      </c>
      <c r="C30036" s="14" t="s">
        <v>70</v>
      </c>
      <c r="D30036" s="14" t="s">
        <v>189</v>
      </c>
      <c r="E30036" s="15">
        <v>45482</v>
      </c>
      <c r="F30036" s="14" t="s">
        <v>15</v>
      </c>
      <c r="G30036" s="16">
        <v>1.27446443472195</v>
      </c>
    </row>
    <row r="30037" spans="1:7" x14ac:dyDescent="0.3">
      <c r="A30037" s="13" t="s">
        <v>188</v>
      </c>
      <c r="B30037" s="14" t="s">
        <v>1</v>
      </c>
      <c r="C30037" s="14" t="s">
        <v>70</v>
      </c>
      <c r="D30037" s="14" t="s">
        <v>189</v>
      </c>
      <c r="E30037" s="15">
        <v>45483</v>
      </c>
      <c r="F30037" s="14" t="s">
        <v>15</v>
      </c>
      <c r="G30037" s="16">
        <v>1.2831654865763604</v>
      </c>
    </row>
    <row r="30038" spans="1:7" x14ac:dyDescent="0.3">
      <c r="A30038" s="13" t="s">
        <v>188</v>
      </c>
      <c r="B30038" s="14" t="s">
        <v>1</v>
      </c>
      <c r="C30038" s="14" t="s">
        <v>70</v>
      </c>
      <c r="D30038" s="14" t="s">
        <v>189</v>
      </c>
      <c r="E30038" s="15">
        <v>45484</v>
      </c>
      <c r="F30038" s="14" t="s">
        <v>15</v>
      </c>
      <c r="G30038" s="16">
        <v>1.3022800041191611</v>
      </c>
    </row>
    <row r="30039" spans="1:7" x14ac:dyDescent="0.3">
      <c r="A30039" s="13" t="s">
        <v>188</v>
      </c>
      <c r="B30039" s="14" t="s">
        <v>1</v>
      </c>
      <c r="C30039" s="14" t="s">
        <v>70</v>
      </c>
      <c r="D30039" s="14" t="s">
        <v>189</v>
      </c>
      <c r="E30039" s="15">
        <v>45485</v>
      </c>
      <c r="F30039" s="14" t="s">
        <v>15</v>
      </c>
      <c r="G30039" s="16">
        <v>1.3105244310275206</v>
      </c>
    </row>
    <row r="30040" spans="1:7" x14ac:dyDescent="0.3">
      <c r="A30040" s="13" t="s">
        <v>188</v>
      </c>
      <c r="B30040" s="14" t="s">
        <v>1</v>
      </c>
      <c r="C30040" s="14" t="s">
        <v>70</v>
      </c>
      <c r="D30040" s="14" t="s">
        <v>189</v>
      </c>
      <c r="E30040" s="15">
        <v>45486</v>
      </c>
      <c r="F30040" s="14" t="s">
        <v>15</v>
      </c>
      <c r="G30040" s="16">
        <v>1.3105244310275206</v>
      </c>
    </row>
    <row r="30041" spans="1:7" x14ac:dyDescent="0.3">
      <c r="A30041" s="13" t="s">
        <v>188</v>
      </c>
      <c r="B30041" s="14" t="s">
        <v>1</v>
      </c>
      <c r="C30041" s="14" t="s">
        <v>70</v>
      </c>
      <c r="D30041" s="14" t="s">
        <v>189</v>
      </c>
      <c r="E30041" s="15">
        <v>45487</v>
      </c>
      <c r="F30041" s="14" t="s">
        <v>15</v>
      </c>
      <c r="G30041" s="16">
        <v>1.3105244310275206</v>
      </c>
    </row>
    <row r="30042" spans="1:7" x14ac:dyDescent="0.3">
      <c r="A30042" s="13" t="s">
        <v>188</v>
      </c>
      <c r="B30042" s="14" t="s">
        <v>1</v>
      </c>
      <c r="C30042" s="14" t="s">
        <v>70</v>
      </c>
      <c r="D30042" s="14" t="s">
        <v>189</v>
      </c>
      <c r="E30042" s="15">
        <v>45488</v>
      </c>
      <c r="F30042" s="14" t="s">
        <v>15</v>
      </c>
      <c r="G30042" s="16">
        <v>1.3149527163735149</v>
      </c>
    </row>
    <row r="30043" spans="1:7" x14ac:dyDescent="0.3">
      <c r="A30043" s="13" t="s">
        <v>188</v>
      </c>
      <c r="B30043" s="14" t="s">
        <v>1</v>
      </c>
      <c r="C30043" s="14" t="s">
        <v>70</v>
      </c>
      <c r="D30043" s="14" t="s">
        <v>189</v>
      </c>
      <c r="E30043" s="15">
        <v>45489</v>
      </c>
      <c r="F30043" s="14" t="s">
        <v>15</v>
      </c>
      <c r="G30043" s="16">
        <v>1.3312886409081153</v>
      </c>
    </row>
    <row r="30044" spans="1:7" x14ac:dyDescent="0.3">
      <c r="A30044" s="13" t="s">
        <v>188</v>
      </c>
      <c r="B30044" s="14" t="s">
        <v>1</v>
      </c>
      <c r="C30044" s="14" t="s">
        <v>70</v>
      </c>
      <c r="D30044" s="14" t="s">
        <v>189</v>
      </c>
      <c r="E30044" s="15">
        <v>45490</v>
      </c>
      <c r="F30044" s="14" t="s">
        <v>15</v>
      </c>
      <c r="G30044" s="16">
        <v>1.3366280366796517</v>
      </c>
    </row>
    <row r="30045" spans="1:7" x14ac:dyDescent="0.3">
      <c r="A30045" s="13" t="s">
        <v>188</v>
      </c>
      <c r="B30045" s="14" t="s">
        <v>1</v>
      </c>
      <c r="C30045" s="14" t="s">
        <v>70</v>
      </c>
      <c r="D30045" s="14" t="s">
        <v>189</v>
      </c>
      <c r="E30045" s="15">
        <v>45491</v>
      </c>
      <c r="F30045" s="14" t="s">
        <v>15</v>
      </c>
      <c r="G30045" s="16">
        <v>1.356145687310097</v>
      </c>
    </row>
    <row r="30046" spans="1:7" x14ac:dyDescent="0.3">
      <c r="A30046" s="13" t="s">
        <v>188</v>
      </c>
      <c r="B30046" s="14" t="s">
        <v>1</v>
      </c>
      <c r="C30046" s="14" t="s">
        <v>70</v>
      </c>
      <c r="D30046" s="14" t="s">
        <v>189</v>
      </c>
      <c r="E30046" s="15">
        <v>45492</v>
      </c>
      <c r="F30046" s="14" t="s">
        <v>15</v>
      </c>
      <c r="G30046" s="16">
        <v>1.361681065841656</v>
      </c>
    </row>
    <row r="30047" spans="1:7" x14ac:dyDescent="0.3">
      <c r="A30047" s="13" t="s">
        <v>188</v>
      </c>
      <c r="B30047" s="14" t="s">
        <v>1</v>
      </c>
      <c r="C30047" s="14" t="s">
        <v>70</v>
      </c>
      <c r="D30047" s="14" t="s">
        <v>189</v>
      </c>
      <c r="E30047" s="15">
        <v>45493</v>
      </c>
      <c r="F30047" s="14" t="s">
        <v>15</v>
      </c>
      <c r="G30047" s="16">
        <v>1.361681065841656</v>
      </c>
    </row>
    <row r="30048" spans="1:7" x14ac:dyDescent="0.3">
      <c r="A30048" s="13" t="s">
        <v>188</v>
      </c>
      <c r="B30048" s="14" t="s">
        <v>1</v>
      </c>
      <c r="C30048" s="14" t="s">
        <v>70</v>
      </c>
      <c r="D30048" s="14" t="s">
        <v>189</v>
      </c>
      <c r="E30048" s="15">
        <v>45494</v>
      </c>
      <c r="F30048" s="14" t="s">
        <v>15</v>
      </c>
      <c r="G30048" s="16">
        <v>1.361681065841656</v>
      </c>
    </row>
    <row r="30049" spans="1:7" x14ac:dyDescent="0.3">
      <c r="A30049" s="13" t="s">
        <v>188</v>
      </c>
      <c r="B30049" s="14" t="s">
        <v>1</v>
      </c>
      <c r="C30049" s="14" t="s">
        <v>70</v>
      </c>
      <c r="D30049" s="14" t="s">
        <v>189</v>
      </c>
      <c r="E30049" s="15">
        <v>45495</v>
      </c>
      <c r="F30049" s="14" t="s">
        <v>15</v>
      </c>
      <c r="G30049" s="16">
        <v>1.3710238770803798</v>
      </c>
    </row>
    <row r="30050" spans="1:7" x14ac:dyDescent="0.3">
      <c r="A30050" s="13" t="s">
        <v>188</v>
      </c>
      <c r="B30050" s="14" t="s">
        <v>1</v>
      </c>
      <c r="C30050" s="14" t="s">
        <v>70</v>
      </c>
      <c r="D30050" s="14" t="s">
        <v>189</v>
      </c>
      <c r="E30050" s="15">
        <v>45496</v>
      </c>
      <c r="F30050" s="14" t="s">
        <v>15</v>
      </c>
      <c r="G30050" s="16">
        <v>1.4087036810815656</v>
      </c>
    </row>
    <row r="30051" spans="1:7" x14ac:dyDescent="0.3">
      <c r="A30051" s="13" t="s">
        <v>188</v>
      </c>
      <c r="B30051" s="14" t="s">
        <v>1</v>
      </c>
      <c r="C30051" s="14" t="s">
        <v>70</v>
      </c>
      <c r="D30051" s="14" t="s">
        <v>189</v>
      </c>
      <c r="E30051" s="15">
        <v>45497</v>
      </c>
      <c r="F30051" s="14" t="s">
        <v>15</v>
      </c>
      <c r="G30051" s="16">
        <v>1.415469441006961</v>
      </c>
    </row>
    <row r="30052" spans="1:7" x14ac:dyDescent="0.3">
      <c r="A30052" s="13" t="s">
        <v>188</v>
      </c>
      <c r="B30052" s="14" t="s">
        <v>1</v>
      </c>
      <c r="C30052" s="14" t="s">
        <v>70</v>
      </c>
      <c r="D30052" s="14" t="s">
        <v>189</v>
      </c>
      <c r="E30052" s="15">
        <v>45498</v>
      </c>
      <c r="F30052" s="14" t="s">
        <v>15</v>
      </c>
      <c r="G30052" s="16">
        <v>1.4210324685586062</v>
      </c>
    </row>
    <row r="30053" spans="1:7" x14ac:dyDescent="0.3">
      <c r="A30053" s="13" t="s">
        <v>188</v>
      </c>
      <c r="B30053" s="14" t="s">
        <v>1</v>
      </c>
      <c r="C30053" s="14" t="s">
        <v>70</v>
      </c>
      <c r="D30053" s="14" t="s">
        <v>189</v>
      </c>
      <c r="E30053" s="15">
        <v>45499</v>
      </c>
      <c r="F30053" s="14" t="s">
        <v>15</v>
      </c>
      <c r="G30053" s="16">
        <v>1.4265792319807893</v>
      </c>
    </row>
    <row r="30054" spans="1:7" x14ac:dyDescent="0.3">
      <c r="A30054" s="13" t="s">
        <v>188</v>
      </c>
      <c r="B30054" s="14" t="s">
        <v>1</v>
      </c>
      <c r="C30054" s="14" t="s">
        <v>70</v>
      </c>
      <c r="D30054" s="14" t="s">
        <v>189</v>
      </c>
      <c r="E30054" s="15">
        <v>45500</v>
      </c>
      <c r="F30054" s="14" t="s">
        <v>15</v>
      </c>
      <c r="G30054" s="16">
        <v>1.4265792319807893</v>
      </c>
    </row>
    <row r="30055" spans="1:7" x14ac:dyDescent="0.3">
      <c r="A30055" s="13" t="s">
        <v>188</v>
      </c>
      <c r="B30055" s="14" t="s">
        <v>1</v>
      </c>
      <c r="C30055" s="14" t="s">
        <v>70</v>
      </c>
      <c r="D30055" s="14" t="s">
        <v>189</v>
      </c>
      <c r="E30055" s="15">
        <v>45501</v>
      </c>
      <c r="F30055" s="14" t="s">
        <v>15</v>
      </c>
      <c r="G30055" s="16">
        <v>1.4265792319807893</v>
      </c>
    </row>
    <row r="30056" spans="1:7" x14ac:dyDescent="0.3">
      <c r="A30056" s="13" t="s">
        <v>188</v>
      </c>
      <c r="B30056" s="14" t="s">
        <v>1</v>
      </c>
      <c r="C30056" s="14" t="s">
        <v>70</v>
      </c>
      <c r="D30056" s="14" t="s">
        <v>189</v>
      </c>
      <c r="E30056" s="15">
        <v>45502</v>
      </c>
      <c r="F30056" s="14" t="s">
        <v>15</v>
      </c>
      <c r="G30056" s="16">
        <v>1.4333636956550664</v>
      </c>
    </row>
    <row r="30057" spans="1:7" x14ac:dyDescent="0.3">
      <c r="A30057" s="13" t="s">
        <v>188</v>
      </c>
      <c r="B30057" s="14" t="s">
        <v>1</v>
      </c>
      <c r="C30057" s="14" t="s">
        <v>70</v>
      </c>
      <c r="D30057" s="14" t="s">
        <v>189</v>
      </c>
      <c r="E30057" s="15">
        <v>45503</v>
      </c>
      <c r="F30057" s="14" t="s">
        <v>15</v>
      </c>
      <c r="G30057" s="16">
        <v>1.449842393695449</v>
      </c>
    </row>
    <row r="30058" spans="1:7" x14ac:dyDescent="0.3">
      <c r="A30058" s="13" t="s">
        <v>188</v>
      </c>
      <c r="B30058" s="14" t="s">
        <v>1</v>
      </c>
      <c r="C30058" s="14" t="s">
        <v>70</v>
      </c>
      <c r="D30058" s="14" t="s">
        <v>189</v>
      </c>
      <c r="E30058" s="15">
        <v>45504</v>
      </c>
      <c r="F30058" s="14" t="s">
        <v>15</v>
      </c>
      <c r="G30058" s="16">
        <v>1.4560446015349693</v>
      </c>
    </row>
    <row r="30059" spans="1:7" x14ac:dyDescent="0.3">
      <c r="A30059" s="13" t="s">
        <v>188</v>
      </c>
      <c r="B30059" s="14" t="s">
        <v>1</v>
      </c>
      <c r="C30059" s="14" t="s">
        <v>70</v>
      </c>
      <c r="D30059" s="14" t="s">
        <v>189</v>
      </c>
      <c r="E30059" s="15">
        <v>45505</v>
      </c>
      <c r="F30059" s="14" t="s">
        <v>15</v>
      </c>
      <c r="G30059" s="16">
        <v>1.4560446015349693</v>
      </c>
    </row>
    <row r="30060" spans="1:7" x14ac:dyDescent="0.3">
      <c r="A30060" s="13" t="s">
        <v>188</v>
      </c>
      <c r="B30060" s="14" t="s">
        <v>1</v>
      </c>
      <c r="C30060" s="14" t="s">
        <v>70</v>
      </c>
      <c r="D30060" s="14" t="s">
        <v>189</v>
      </c>
      <c r="E30060" s="15">
        <v>45506</v>
      </c>
      <c r="F30060" s="14" t="s">
        <v>15</v>
      </c>
      <c r="G30060" s="16">
        <v>1.4729998385686023</v>
      </c>
    </row>
    <row r="30061" spans="1:7" x14ac:dyDescent="0.3">
      <c r="A30061" s="13" t="s">
        <v>188</v>
      </c>
      <c r="B30061" s="14" t="s">
        <v>1</v>
      </c>
      <c r="C30061" s="14" t="s">
        <v>70</v>
      </c>
      <c r="D30061" s="14" t="s">
        <v>189</v>
      </c>
      <c r="E30061" s="15">
        <v>45507</v>
      </c>
      <c r="F30061" s="14" t="s">
        <v>15</v>
      </c>
      <c r="G30061" s="16">
        <v>1.4729998385686023</v>
      </c>
    </row>
    <row r="30062" spans="1:7" x14ac:dyDescent="0.3">
      <c r="A30062" s="13" t="s">
        <v>188</v>
      </c>
      <c r="B30062" s="14" t="s">
        <v>1</v>
      </c>
      <c r="C30062" s="14" t="s">
        <v>70</v>
      </c>
      <c r="D30062" s="14" t="s">
        <v>189</v>
      </c>
      <c r="E30062" s="15">
        <v>45508</v>
      </c>
      <c r="F30062" s="14" t="s">
        <v>15</v>
      </c>
      <c r="G30062" s="16">
        <v>1.4729998385686023</v>
      </c>
    </row>
    <row r="30063" spans="1:7" x14ac:dyDescent="0.3">
      <c r="A30063" s="13" t="s">
        <v>188</v>
      </c>
      <c r="B30063" s="14" t="s">
        <v>1</v>
      </c>
      <c r="C30063" s="14" t="s">
        <v>70</v>
      </c>
      <c r="D30063" s="14" t="s">
        <v>189</v>
      </c>
      <c r="E30063" s="15">
        <v>45509</v>
      </c>
      <c r="F30063" s="14" t="s">
        <v>15</v>
      </c>
      <c r="G30063" s="16">
        <v>1.4729998385686023</v>
      </c>
    </row>
    <row r="30064" spans="1:7" x14ac:dyDescent="0.3">
      <c r="A30064" s="13" t="s">
        <v>188</v>
      </c>
      <c r="B30064" s="14" t="s">
        <v>1</v>
      </c>
      <c r="C30064" s="14" t="s">
        <v>70</v>
      </c>
      <c r="D30064" s="14" t="s">
        <v>189</v>
      </c>
      <c r="E30064" s="15">
        <v>45510</v>
      </c>
      <c r="F30064" s="14" t="s">
        <v>15</v>
      </c>
      <c r="G30064" s="16">
        <v>1.481288734218158</v>
      </c>
    </row>
    <row r="30065" spans="1:7" x14ac:dyDescent="0.3">
      <c r="A30065" s="13" t="s">
        <v>188</v>
      </c>
      <c r="B30065" s="14" t="s">
        <v>1</v>
      </c>
      <c r="C30065" s="14" t="s">
        <v>70</v>
      </c>
      <c r="D30065" s="14" t="s">
        <v>189</v>
      </c>
      <c r="E30065" s="15">
        <v>45511</v>
      </c>
      <c r="F30065" s="14" t="s">
        <v>15</v>
      </c>
      <c r="G30065" s="16">
        <v>1.5349301548738123</v>
      </c>
    </row>
    <row r="30066" spans="1:7" x14ac:dyDescent="0.3">
      <c r="A30066" s="13" t="s">
        <v>188</v>
      </c>
      <c r="B30066" s="14" t="s">
        <v>1</v>
      </c>
      <c r="C30066" s="14" t="s">
        <v>70</v>
      </c>
      <c r="D30066" s="14" t="s">
        <v>189</v>
      </c>
      <c r="E30066" s="15">
        <v>45512</v>
      </c>
      <c r="F30066" s="14" t="s">
        <v>15</v>
      </c>
      <c r="G30066" s="16">
        <v>1.5406086577446412</v>
      </c>
    </row>
    <row r="30067" spans="1:7" x14ac:dyDescent="0.3">
      <c r="A30067" s="13" t="s">
        <v>188</v>
      </c>
      <c r="B30067" s="14" t="s">
        <v>1</v>
      </c>
      <c r="C30067" s="14" t="s">
        <v>70</v>
      </c>
      <c r="D30067" s="14" t="s">
        <v>189</v>
      </c>
      <c r="E30067" s="15">
        <v>45513</v>
      </c>
      <c r="F30067" s="14" t="s">
        <v>15</v>
      </c>
      <c r="G30067" s="16">
        <v>1.5607142566551544</v>
      </c>
    </row>
    <row r="30068" spans="1:7" x14ac:dyDescent="0.3">
      <c r="A30068" s="13" t="s">
        <v>188</v>
      </c>
      <c r="B30068" s="14" t="s">
        <v>1</v>
      </c>
      <c r="C30068" s="14" t="s">
        <v>70</v>
      </c>
      <c r="D30068" s="14" t="s">
        <v>189</v>
      </c>
      <c r="E30068" s="15">
        <v>45514</v>
      </c>
      <c r="F30068" s="14" t="s">
        <v>15</v>
      </c>
      <c r="G30068" s="16">
        <v>1.5607142566551544</v>
      </c>
    </row>
    <row r="30069" spans="1:7" x14ac:dyDescent="0.3">
      <c r="A30069" s="13" t="s">
        <v>188</v>
      </c>
      <c r="B30069" s="14" t="s">
        <v>1</v>
      </c>
      <c r="C30069" s="14" t="s">
        <v>70</v>
      </c>
      <c r="D30069" s="14" t="s">
        <v>189</v>
      </c>
      <c r="E30069" s="15">
        <v>45515</v>
      </c>
      <c r="F30069" s="14" t="s">
        <v>15</v>
      </c>
      <c r="G30069" s="16">
        <v>1.5607142566551544</v>
      </c>
    </row>
    <row r="30070" spans="1:7" x14ac:dyDescent="0.3">
      <c r="A30070" s="13" t="s">
        <v>188</v>
      </c>
      <c r="B30070" s="14" t="s">
        <v>1</v>
      </c>
      <c r="C30070" s="14" t="s">
        <v>70</v>
      </c>
      <c r="D30070" s="14" t="s">
        <v>189</v>
      </c>
      <c r="E30070" s="15">
        <v>45516</v>
      </c>
      <c r="F30070" s="14" t="s">
        <v>15</v>
      </c>
      <c r="G30070" s="16">
        <v>1.5806767312263985</v>
      </c>
    </row>
    <row r="30071" spans="1:7" x14ac:dyDescent="0.3">
      <c r="A30071" s="13" t="s">
        <v>188</v>
      </c>
      <c r="B30071" s="14" t="s">
        <v>1</v>
      </c>
      <c r="C30071" s="14" t="s">
        <v>70</v>
      </c>
      <c r="D30071" s="14" t="s">
        <v>189</v>
      </c>
      <c r="E30071" s="15">
        <v>45517</v>
      </c>
      <c r="F30071" s="14" t="s">
        <v>15</v>
      </c>
      <c r="G30071" s="16">
        <v>1.6010970410420109</v>
      </c>
    </row>
    <row r="30072" spans="1:7" x14ac:dyDescent="0.3">
      <c r="A30072" s="13" t="s">
        <v>188</v>
      </c>
      <c r="B30072" s="14" t="s">
        <v>1</v>
      </c>
      <c r="C30072" s="14" t="s">
        <v>70</v>
      </c>
      <c r="D30072" s="14" t="s">
        <v>189</v>
      </c>
      <c r="E30072" s="15">
        <v>45518</v>
      </c>
      <c r="F30072" s="14" t="s">
        <v>15</v>
      </c>
      <c r="G30072" s="16">
        <v>1.6060168222734159</v>
      </c>
    </row>
    <row r="30073" spans="1:7" x14ac:dyDescent="0.3">
      <c r="A30073" s="13" t="s">
        <v>188</v>
      </c>
      <c r="B30073" s="14" t="s">
        <v>1</v>
      </c>
      <c r="C30073" s="14" t="s">
        <v>70</v>
      </c>
      <c r="D30073" s="14" t="s">
        <v>189</v>
      </c>
      <c r="E30073" s="15">
        <v>45519</v>
      </c>
      <c r="F30073" s="14" t="s">
        <v>15</v>
      </c>
      <c r="G30073" s="16">
        <v>1.6116465327558571</v>
      </c>
    </row>
    <row r="30074" spans="1:7" x14ac:dyDescent="0.3">
      <c r="A30074" s="13" t="s">
        <v>188</v>
      </c>
      <c r="B30074" s="14" t="s">
        <v>1</v>
      </c>
      <c r="C30074" s="14" t="s">
        <v>70</v>
      </c>
      <c r="D30074" s="14" t="s">
        <v>189</v>
      </c>
      <c r="E30074" s="15">
        <v>45520</v>
      </c>
      <c r="F30074" s="14" t="s">
        <v>15</v>
      </c>
      <c r="G30074" s="16">
        <v>1.6723766742377297</v>
      </c>
    </row>
    <row r="30075" spans="1:7" x14ac:dyDescent="0.3">
      <c r="A30075" s="13" t="s">
        <v>188</v>
      </c>
      <c r="B30075" s="14" t="s">
        <v>1</v>
      </c>
      <c r="C30075" s="14" t="s">
        <v>70</v>
      </c>
      <c r="D30075" s="14" t="s">
        <v>189</v>
      </c>
      <c r="E30075" s="15">
        <v>45521</v>
      </c>
      <c r="F30075" s="14" t="s">
        <v>15</v>
      </c>
      <c r="G30075" s="16">
        <v>1.6723766742377297</v>
      </c>
    </row>
    <row r="30076" spans="1:7" x14ac:dyDescent="0.3">
      <c r="A30076" s="13" t="s">
        <v>188</v>
      </c>
      <c r="B30076" s="14" t="s">
        <v>1</v>
      </c>
      <c r="C30076" s="14" t="s">
        <v>70</v>
      </c>
      <c r="D30076" s="14" t="s">
        <v>189</v>
      </c>
      <c r="E30076" s="15">
        <v>45522</v>
      </c>
      <c r="F30076" s="14" t="s">
        <v>15</v>
      </c>
      <c r="G30076" s="16">
        <v>1.6723766742377297</v>
      </c>
    </row>
    <row r="30077" spans="1:7" x14ac:dyDescent="0.3">
      <c r="A30077" s="13" t="s">
        <v>188</v>
      </c>
      <c r="B30077" s="14" t="s">
        <v>1</v>
      </c>
      <c r="C30077" s="14" t="s">
        <v>70</v>
      </c>
      <c r="D30077" s="14" t="s">
        <v>189</v>
      </c>
      <c r="E30077" s="15">
        <v>45523</v>
      </c>
      <c r="F30077" s="14" t="s">
        <v>15</v>
      </c>
      <c r="G30077" s="16">
        <v>1.6912063521919123</v>
      </c>
    </row>
    <row r="30078" spans="1:7" x14ac:dyDescent="0.3">
      <c r="A30078" s="13" t="s">
        <v>188</v>
      </c>
      <c r="B30078" s="14" t="s">
        <v>1</v>
      </c>
      <c r="C30078" s="14" t="s">
        <v>70</v>
      </c>
      <c r="D30078" s="14" t="s">
        <v>189</v>
      </c>
      <c r="E30078" s="15">
        <v>45524</v>
      </c>
      <c r="F30078" s="14" t="s">
        <v>15</v>
      </c>
      <c r="G30078" s="16">
        <v>1.7206768368469165</v>
      </c>
    </row>
    <row r="30079" spans="1:7" x14ac:dyDescent="0.3">
      <c r="A30079" s="13" t="s">
        <v>188</v>
      </c>
      <c r="B30079" s="14" t="s">
        <v>1</v>
      </c>
      <c r="C30079" s="14" t="s">
        <v>70</v>
      </c>
      <c r="D30079" s="14" t="s">
        <v>189</v>
      </c>
      <c r="E30079" s="15">
        <v>45525</v>
      </c>
      <c r="F30079" s="14" t="s">
        <v>15</v>
      </c>
      <c r="G30079" s="16">
        <v>1.7340905596900962</v>
      </c>
    </row>
    <row r="30080" spans="1:7" x14ac:dyDescent="0.3">
      <c r="A30080" s="13" t="s">
        <v>188</v>
      </c>
      <c r="B30080" s="14" t="s">
        <v>1</v>
      </c>
      <c r="C30080" s="14" t="s">
        <v>70</v>
      </c>
      <c r="D30080" s="14" t="s">
        <v>189</v>
      </c>
      <c r="E30080" s="15">
        <v>45526</v>
      </c>
      <c r="F30080" s="14" t="s">
        <v>15</v>
      </c>
      <c r="G30080" s="16">
        <v>1.7408953535262015</v>
      </c>
    </row>
    <row r="30081" spans="1:7" x14ac:dyDescent="0.3">
      <c r="A30081" s="13" t="s">
        <v>188</v>
      </c>
      <c r="B30081" s="14" t="s">
        <v>1</v>
      </c>
      <c r="C30081" s="14" t="s">
        <v>70</v>
      </c>
      <c r="D30081" s="14" t="s">
        <v>189</v>
      </c>
      <c r="E30081" s="15">
        <v>45527</v>
      </c>
      <c r="F30081" s="14" t="s">
        <v>15</v>
      </c>
      <c r="G30081" s="16">
        <v>1.7474293496067563</v>
      </c>
    </row>
    <row r="30082" spans="1:7" x14ac:dyDescent="0.3">
      <c r="A30082" s="13" t="s">
        <v>188</v>
      </c>
      <c r="B30082" s="14" t="s">
        <v>1</v>
      </c>
      <c r="C30082" s="14" t="s">
        <v>70</v>
      </c>
      <c r="D30082" s="14" t="s">
        <v>189</v>
      </c>
      <c r="E30082" s="15">
        <v>45528</v>
      </c>
      <c r="F30082" s="14" t="s">
        <v>15</v>
      </c>
      <c r="G30082" s="16">
        <v>1.7474293496067563</v>
      </c>
    </row>
    <row r="30083" spans="1:7" x14ac:dyDescent="0.3">
      <c r="A30083" s="13" t="s">
        <v>188</v>
      </c>
      <c r="B30083" s="14" t="s">
        <v>1</v>
      </c>
      <c r="C30083" s="14" t="s">
        <v>70</v>
      </c>
      <c r="D30083" s="14" t="s">
        <v>189</v>
      </c>
      <c r="E30083" s="15">
        <v>45529</v>
      </c>
      <c r="F30083" s="14" t="s">
        <v>15</v>
      </c>
      <c r="G30083" s="16">
        <v>1.7474293496067563</v>
      </c>
    </row>
    <row r="30084" spans="1:7" x14ac:dyDescent="0.3">
      <c r="A30084" s="13" t="s">
        <v>188</v>
      </c>
      <c r="B30084" s="14" t="s">
        <v>1</v>
      </c>
      <c r="C30084" s="14" t="s">
        <v>70</v>
      </c>
      <c r="D30084" s="14" t="s">
        <v>189</v>
      </c>
      <c r="E30084" s="15">
        <v>45530</v>
      </c>
      <c r="F30084" s="14" t="s">
        <v>15</v>
      </c>
      <c r="G30084" s="16">
        <v>1.7526841719050879</v>
      </c>
    </row>
    <row r="30085" spans="1:7" x14ac:dyDescent="0.3">
      <c r="A30085" s="13" t="s">
        <v>188</v>
      </c>
      <c r="B30085" s="14" t="s">
        <v>1</v>
      </c>
      <c r="C30085" s="14" t="s">
        <v>70</v>
      </c>
      <c r="D30085" s="14" t="s">
        <v>189</v>
      </c>
      <c r="E30085" s="15">
        <v>45531</v>
      </c>
      <c r="F30085" s="14" t="s">
        <v>15</v>
      </c>
      <c r="G30085" s="16">
        <v>1.7693198187947832</v>
      </c>
    </row>
    <row r="30086" spans="1:7" x14ac:dyDescent="0.3">
      <c r="A30086" s="13" t="s">
        <v>188</v>
      </c>
      <c r="B30086" s="14" t="s">
        <v>1</v>
      </c>
      <c r="C30086" s="14" t="s">
        <v>70</v>
      </c>
      <c r="D30086" s="14" t="s">
        <v>189</v>
      </c>
      <c r="E30086" s="15">
        <v>45532</v>
      </c>
      <c r="F30086" s="14" t="s">
        <v>15</v>
      </c>
      <c r="G30086" s="16">
        <v>1.7841769831277574</v>
      </c>
    </row>
    <row r="30087" spans="1:7" x14ac:dyDescent="0.3">
      <c r="A30087" s="13" t="s">
        <v>188</v>
      </c>
      <c r="B30087" s="14" t="s">
        <v>1</v>
      </c>
      <c r="C30087" s="14" t="s">
        <v>70</v>
      </c>
      <c r="D30087" s="14" t="s">
        <v>189</v>
      </c>
      <c r="E30087" s="15">
        <v>45533</v>
      </c>
      <c r="F30087" s="14" t="s">
        <v>15</v>
      </c>
      <c r="G30087" s="16">
        <v>1.7902807929840299</v>
      </c>
    </row>
    <row r="30088" spans="1:7" x14ac:dyDescent="0.3">
      <c r="A30088" s="13" t="s">
        <v>188</v>
      </c>
      <c r="B30088" s="14" t="s">
        <v>1</v>
      </c>
      <c r="C30088" s="14" t="s">
        <v>70</v>
      </c>
      <c r="D30088" s="14" t="s">
        <v>189</v>
      </c>
      <c r="E30088" s="15">
        <v>45534</v>
      </c>
      <c r="F30088" s="14" t="s">
        <v>15</v>
      </c>
      <c r="G30088" s="16">
        <v>1.7998293454604537</v>
      </c>
    </row>
    <row r="30089" spans="1:7" x14ac:dyDescent="0.3">
      <c r="A30089" s="13" t="s">
        <v>188</v>
      </c>
      <c r="B30089" s="14" t="s">
        <v>1</v>
      </c>
      <c r="C30089" s="14" t="s">
        <v>70</v>
      </c>
      <c r="D30089" s="14" t="s">
        <v>189</v>
      </c>
      <c r="E30089" s="15">
        <v>45535</v>
      </c>
      <c r="F30089" s="14" t="s">
        <v>15</v>
      </c>
      <c r="G30089" s="16">
        <v>1.7998293454604537</v>
      </c>
    </row>
    <row r="30090" spans="1:7" x14ac:dyDescent="0.3">
      <c r="A30090" s="13" t="s">
        <v>188</v>
      </c>
      <c r="B30090" s="14" t="s">
        <v>1</v>
      </c>
      <c r="C30090" s="14" t="s">
        <v>70</v>
      </c>
      <c r="D30090" s="14" t="s">
        <v>189</v>
      </c>
      <c r="E30090" s="15">
        <v>45536</v>
      </c>
      <c r="F30090" s="14" t="s">
        <v>15</v>
      </c>
      <c r="G30090" s="16">
        <v>1.7998293454604537</v>
      </c>
    </row>
    <row r="30091" spans="1:7" x14ac:dyDescent="0.3">
      <c r="A30091" s="13" t="s">
        <v>188</v>
      </c>
      <c r="B30091" s="14" t="s">
        <v>1</v>
      </c>
      <c r="C30091" s="14" t="s">
        <v>70</v>
      </c>
      <c r="D30091" s="14" t="s">
        <v>189</v>
      </c>
      <c r="E30091" s="15">
        <v>45537</v>
      </c>
      <c r="F30091" s="14" t="s">
        <v>15</v>
      </c>
      <c r="G30091" s="16">
        <v>1.8113718802089767</v>
      </c>
    </row>
    <row r="30092" spans="1:7" x14ac:dyDescent="0.3">
      <c r="A30092" s="13" t="s">
        <v>188</v>
      </c>
      <c r="B30092" s="14" t="s">
        <v>1</v>
      </c>
      <c r="C30092" s="14" t="s">
        <v>70</v>
      </c>
      <c r="D30092" s="14" t="s">
        <v>189</v>
      </c>
      <c r="E30092" s="15">
        <v>45538</v>
      </c>
      <c r="F30092" s="14" t="s">
        <v>15</v>
      </c>
      <c r="G30092" s="16">
        <v>1.8225866927488303</v>
      </c>
    </row>
    <row r="30093" spans="1:7" x14ac:dyDescent="0.3">
      <c r="A30093" s="13" t="s">
        <v>188</v>
      </c>
      <c r="B30093" s="14" t="s">
        <v>1</v>
      </c>
      <c r="C30093" s="14" t="s">
        <v>70</v>
      </c>
      <c r="D30093" s="14" t="s">
        <v>189</v>
      </c>
      <c r="E30093" s="15">
        <v>45539</v>
      </c>
      <c r="F30093" s="14" t="s">
        <v>15</v>
      </c>
      <c r="G30093" s="16">
        <v>1.8281196316609705</v>
      </c>
    </row>
    <row r="30094" spans="1:7" x14ac:dyDescent="0.3">
      <c r="A30094" s="13" t="s">
        <v>188</v>
      </c>
      <c r="B30094" s="14" t="s">
        <v>1</v>
      </c>
      <c r="C30094" s="14" t="s">
        <v>70</v>
      </c>
      <c r="D30094" s="14" t="s">
        <v>189</v>
      </c>
      <c r="E30094" s="15">
        <v>45540</v>
      </c>
      <c r="F30094" s="14" t="s">
        <v>15</v>
      </c>
      <c r="G30094" s="16">
        <v>1.8423994193980269</v>
      </c>
    </row>
    <row r="30095" spans="1:7" x14ac:dyDescent="0.3">
      <c r="A30095" s="13" t="s">
        <v>188</v>
      </c>
      <c r="B30095" s="14" t="s">
        <v>1</v>
      </c>
      <c r="C30095" s="14" t="s">
        <v>70</v>
      </c>
      <c r="D30095" s="14" t="s">
        <v>189</v>
      </c>
      <c r="E30095" s="15">
        <v>45541</v>
      </c>
      <c r="F30095" s="14" t="s">
        <v>15</v>
      </c>
      <c r="G30095" s="16">
        <v>1.8479486224396293</v>
      </c>
    </row>
    <row r="30096" spans="1:7" x14ac:dyDescent="0.3">
      <c r="A30096" s="13" t="s">
        <v>188</v>
      </c>
      <c r="B30096" s="14" t="s">
        <v>1</v>
      </c>
      <c r="C30096" s="14" t="s">
        <v>70</v>
      </c>
      <c r="D30096" s="14" t="s">
        <v>189</v>
      </c>
      <c r="E30096" s="15">
        <v>45542</v>
      </c>
      <c r="F30096" s="14" t="s">
        <v>15</v>
      </c>
      <c r="G30096" s="16">
        <v>1.8479486224396293</v>
      </c>
    </row>
    <row r="30097" spans="1:7" x14ac:dyDescent="0.3">
      <c r="A30097" s="13" t="s">
        <v>188</v>
      </c>
      <c r="B30097" s="14" t="s">
        <v>1</v>
      </c>
      <c r="C30097" s="14" t="s">
        <v>70</v>
      </c>
      <c r="D30097" s="14" t="s">
        <v>189</v>
      </c>
      <c r="E30097" s="15">
        <v>45543</v>
      </c>
      <c r="F30097" s="14" t="s">
        <v>15</v>
      </c>
      <c r="G30097" s="16">
        <v>1.8479486224396293</v>
      </c>
    </row>
    <row r="30098" spans="1:7" x14ac:dyDescent="0.3">
      <c r="A30098" s="13" t="s">
        <v>188</v>
      </c>
      <c r="B30098" s="14" t="s">
        <v>1</v>
      </c>
      <c r="C30098" s="14" t="s">
        <v>70</v>
      </c>
      <c r="D30098" s="14" t="s">
        <v>189</v>
      </c>
      <c r="E30098" s="15">
        <v>45544</v>
      </c>
      <c r="F30098" s="14" t="s">
        <v>15</v>
      </c>
      <c r="G30098" s="16">
        <v>1.8533644596196392</v>
      </c>
    </row>
    <row r="30099" spans="1:7" x14ac:dyDescent="0.3">
      <c r="A30099" s="13" t="s">
        <v>188</v>
      </c>
      <c r="B30099" s="14" t="s">
        <v>1</v>
      </c>
      <c r="C30099" s="14" t="s">
        <v>70</v>
      </c>
      <c r="D30099" s="14" t="s">
        <v>189</v>
      </c>
      <c r="E30099" s="15">
        <v>45545</v>
      </c>
      <c r="F30099" s="14" t="s">
        <v>15</v>
      </c>
      <c r="G30099" s="16">
        <v>1.8709190298239646</v>
      </c>
    </row>
    <row r="30100" spans="1:7" x14ac:dyDescent="0.3">
      <c r="A30100" s="13" t="s">
        <v>188</v>
      </c>
      <c r="B30100" s="14" t="s">
        <v>1</v>
      </c>
      <c r="C30100" s="14" t="s">
        <v>70</v>
      </c>
      <c r="D30100" s="14" t="s">
        <v>189</v>
      </c>
      <c r="E30100" s="15">
        <v>45546</v>
      </c>
      <c r="F30100" s="14" t="s">
        <v>15</v>
      </c>
      <c r="G30100" s="16">
        <v>1.8796576286531574</v>
      </c>
    </row>
    <row r="30101" spans="1:7" x14ac:dyDescent="0.3">
      <c r="A30101" s="13" t="s">
        <v>188</v>
      </c>
      <c r="B30101" s="14" t="s">
        <v>1</v>
      </c>
      <c r="C30101" s="14" t="s">
        <v>70</v>
      </c>
      <c r="D30101" s="14" t="s">
        <v>189</v>
      </c>
      <c r="E30101" s="15">
        <v>45547</v>
      </c>
      <c r="F30101" s="14" t="s">
        <v>15</v>
      </c>
      <c r="G30101" s="16">
        <v>1.8852052052818131</v>
      </c>
    </row>
    <row r="30102" spans="1:7" x14ac:dyDescent="0.3">
      <c r="A30102" s="13" t="s">
        <v>188</v>
      </c>
      <c r="B30102" s="14" t="s">
        <v>1</v>
      </c>
      <c r="C30102" s="14" t="s">
        <v>70</v>
      </c>
      <c r="D30102" s="14" t="s">
        <v>189</v>
      </c>
      <c r="E30102" s="15">
        <v>45548</v>
      </c>
      <c r="F30102" s="14" t="s">
        <v>15</v>
      </c>
      <c r="G30102" s="16">
        <v>1.9138267023788762</v>
      </c>
    </row>
    <row r="30103" spans="1:7" x14ac:dyDescent="0.3">
      <c r="A30103" s="13" t="s">
        <v>188</v>
      </c>
      <c r="B30103" s="14" t="s">
        <v>1</v>
      </c>
      <c r="C30103" s="14" t="s">
        <v>70</v>
      </c>
      <c r="D30103" s="14" t="s">
        <v>189</v>
      </c>
      <c r="E30103" s="15">
        <v>45549</v>
      </c>
      <c r="F30103" s="14" t="s">
        <v>15</v>
      </c>
      <c r="G30103" s="16">
        <v>1.9138267023788762</v>
      </c>
    </row>
    <row r="30104" spans="1:7" x14ac:dyDescent="0.3">
      <c r="A30104" s="13" t="s">
        <v>188</v>
      </c>
      <c r="B30104" s="14" t="s">
        <v>1</v>
      </c>
      <c r="C30104" s="14" t="s">
        <v>70</v>
      </c>
      <c r="D30104" s="14" t="s">
        <v>189</v>
      </c>
      <c r="E30104" s="15">
        <v>45550</v>
      </c>
      <c r="F30104" s="14" t="s">
        <v>15</v>
      </c>
      <c r="G30104" s="16">
        <v>1.9138267023788762</v>
      </c>
    </row>
    <row r="30105" spans="1:7" x14ac:dyDescent="0.3">
      <c r="A30105" s="13" t="s">
        <v>188</v>
      </c>
      <c r="B30105" s="14" t="s">
        <v>1</v>
      </c>
      <c r="C30105" s="14" t="s">
        <v>70</v>
      </c>
      <c r="D30105" s="14" t="s">
        <v>189</v>
      </c>
      <c r="E30105" s="15">
        <v>45551</v>
      </c>
      <c r="F30105" s="14" t="s">
        <v>15</v>
      </c>
      <c r="G30105" s="16">
        <v>1.9313544367695883</v>
      </c>
    </row>
    <row r="30106" spans="1:7" x14ac:dyDescent="0.3">
      <c r="A30106" s="13" t="s">
        <v>188</v>
      </c>
      <c r="B30106" s="14" t="s">
        <v>1</v>
      </c>
      <c r="C30106" s="14" t="s">
        <v>70</v>
      </c>
      <c r="D30106" s="14" t="s">
        <v>189</v>
      </c>
      <c r="E30106" s="15">
        <v>45552</v>
      </c>
      <c r="F30106" s="14" t="s">
        <v>15</v>
      </c>
      <c r="G30106" s="16">
        <v>1.9502459184157281</v>
      </c>
    </row>
    <row r="30107" spans="1:7" x14ac:dyDescent="0.3">
      <c r="A30107" s="13" t="s">
        <v>188</v>
      </c>
      <c r="B30107" s="14" t="s">
        <v>1</v>
      </c>
      <c r="C30107" s="14" t="s">
        <v>70</v>
      </c>
      <c r="D30107" s="14" t="s">
        <v>189</v>
      </c>
      <c r="E30107" s="15">
        <v>45553</v>
      </c>
      <c r="F30107" s="14" t="s">
        <v>15</v>
      </c>
      <c r="G30107" s="16">
        <v>1.9568962030219399</v>
      </c>
    </row>
    <row r="30108" spans="1:7" x14ac:dyDescent="0.3">
      <c r="A30108" s="13" t="s">
        <v>188</v>
      </c>
      <c r="B30108" s="14" t="s">
        <v>1</v>
      </c>
      <c r="C30108" s="14" t="s">
        <v>70</v>
      </c>
      <c r="D30108" s="14" t="s">
        <v>189</v>
      </c>
      <c r="E30108" s="15">
        <v>45554</v>
      </c>
      <c r="F30108" s="14" t="s">
        <v>15</v>
      </c>
      <c r="G30108" s="16">
        <v>1.9623421288414551</v>
      </c>
    </row>
    <row r="30109" spans="1:7" x14ac:dyDescent="0.3">
      <c r="A30109" s="13" t="s">
        <v>188</v>
      </c>
      <c r="B30109" s="14" t="s">
        <v>1</v>
      </c>
      <c r="C30109" s="14" t="s">
        <v>70</v>
      </c>
      <c r="D30109" s="14" t="s">
        <v>189</v>
      </c>
      <c r="E30109" s="15">
        <v>45555</v>
      </c>
      <c r="F30109" s="14" t="s">
        <v>15</v>
      </c>
      <c r="G30109" s="16">
        <v>1.9678067584098524</v>
      </c>
    </row>
    <row r="30110" spans="1:7" x14ac:dyDescent="0.3">
      <c r="A30110" s="13" t="s">
        <v>188</v>
      </c>
      <c r="B30110" s="14" t="s">
        <v>1</v>
      </c>
      <c r="C30110" s="14" t="s">
        <v>70</v>
      </c>
      <c r="D30110" s="14" t="s">
        <v>189</v>
      </c>
      <c r="E30110" s="15">
        <v>45556</v>
      </c>
      <c r="F30110" s="14" t="s">
        <v>15</v>
      </c>
      <c r="G30110" s="16">
        <v>1.9678067584098524</v>
      </c>
    </row>
    <row r="30111" spans="1:7" x14ac:dyDescent="0.3">
      <c r="A30111" s="13" t="s">
        <v>188</v>
      </c>
      <c r="B30111" s="14" t="s">
        <v>1</v>
      </c>
      <c r="C30111" s="14" t="s">
        <v>70</v>
      </c>
      <c r="D30111" s="14" t="s">
        <v>189</v>
      </c>
      <c r="E30111" s="15">
        <v>45557</v>
      </c>
      <c r="F30111" s="14" t="s">
        <v>15</v>
      </c>
      <c r="G30111" s="16">
        <v>1.9678067584098524</v>
      </c>
    </row>
    <row r="30112" spans="1:7" x14ac:dyDescent="0.3">
      <c r="A30112" s="13" t="s">
        <v>188</v>
      </c>
      <c r="B30112" s="14" t="s">
        <v>1</v>
      </c>
      <c r="C30112" s="14" t="s">
        <v>70</v>
      </c>
      <c r="D30112" s="14" t="s">
        <v>189</v>
      </c>
      <c r="E30112" s="15">
        <v>45558</v>
      </c>
      <c r="F30112" s="14" t="s">
        <v>15</v>
      </c>
      <c r="G30112" s="16">
        <v>1.9732697615653039</v>
      </c>
    </row>
    <row r="30113" spans="1:7" x14ac:dyDescent="0.3">
      <c r="A30113" s="13" t="s">
        <v>188</v>
      </c>
      <c r="B30113" s="14" t="s">
        <v>1</v>
      </c>
      <c r="C30113" s="14" t="s">
        <v>70</v>
      </c>
      <c r="D30113" s="14" t="s">
        <v>189</v>
      </c>
      <c r="E30113" s="15">
        <v>45559</v>
      </c>
      <c r="F30113" s="14" t="s">
        <v>15</v>
      </c>
      <c r="G30113" s="16">
        <v>1.9909780277930493</v>
      </c>
    </row>
    <row r="30114" spans="1:7" x14ac:dyDescent="0.3">
      <c r="A30114" s="13" t="s">
        <v>188</v>
      </c>
      <c r="B30114" s="14" t="s">
        <v>1</v>
      </c>
      <c r="C30114" s="14" t="s">
        <v>70</v>
      </c>
      <c r="D30114" s="14" t="s">
        <v>189</v>
      </c>
      <c r="E30114" s="15">
        <v>45560</v>
      </c>
      <c r="F30114" s="14" t="s">
        <v>15</v>
      </c>
      <c r="G30114" s="16">
        <v>1.9964776252397911</v>
      </c>
    </row>
    <row r="30115" spans="1:7" x14ac:dyDescent="0.3">
      <c r="A30115" s="13" t="s">
        <v>188</v>
      </c>
      <c r="B30115" s="14" t="s">
        <v>1</v>
      </c>
      <c r="C30115" s="14" t="s">
        <v>70</v>
      </c>
      <c r="D30115" s="14" t="s">
        <v>189</v>
      </c>
      <c r="E30115" s="15">
        <v>45561</v>
      </c>
      <c r="F30115" s="14" t="s">
        <v>15</v>
      </c>
      <c r="G30115" s="16">
        <v>2.0091716603542569</v>
      </c>
    </row>
    <row r="30116" spans="1:7" x14ac:dyDescent="0.3">
      <c r="A30116" s="13" t="s">
        <v>188</v>
      </c>
      <c r="B30116" s="14" t="s">
        <v>1</v>
      </c>
      <c r="C30116" s="14" t="s">
        <v>70</v>
      </c>
      <c r="D30116" s="14" t="s">
        <v>189</v>
      </c>
      <c r="E30116" s="15">
        <v>45562</v>
      </c>
      <c r="F30116" s="14" t="s">
        <v>15</v>
      </c>
      <c r="G30116" s="16">
        <v>2.0189779992826606</v>
      </c>
    </row>
    <row r="30117" spans="1:7" x14ac:dyDescent="0.3">
      <c r="A30117" s="13" t="s">
        <v>188</v>
      </c>
      <c r="B30117" s="14" t="s">
        <v>1</v>
      </c>
      <c r="C30117" s="14" t="s">
        <v>70</v>
      </c>
      <c r="D30117" s="14" t="s">
        <v>189</v>
      </c>
      <c r="E30117" s="15">
        <v>45563</v>
      </c>
      <c r="F30117" s="14" t="s">
        <v>15</v>
      </c>
      <c r="G30117" s="16">
        <v>2.0189779992826606</v>
      </c>
    </row>
    <row r="30118" spans="1:7" x14ac:dyDescent="0.3">
      <c r="A30118" s="13" t="s">
        <v>188</v>
      </c>
      <c r="B30118" s="14" t="s">
        <v>1</v>
      </c>
      <c r="C30118" s="14" t="s">
        <v>70</v>
      </c>
      <c r="D30118" s="14" t="s">
        <v>189</v>
      </c>
      <c r="E30118" s="15">
        <v>45564</v>
      </c>
      <c r="F30118" s="14" t="s">
        <v>15</v>
      </c>
      <c r="G30118" s="16">
        <v>2.0189779992826606</v>
      </c>
    </row>
    <row r="30119" spans="1:7" x14ac:dyDescent="0.3">
      <c r="A30119" s="13" t="s">
        <v>188</v>
      </c>
      <c r="B30119" s="14" t="s">
        <v>1</v>
      </c>
      <c r="C30119" s="14" t="s">
        <v>70</v>
      </c>
      <c r="D30119" s="14" t="s">
        <v>189</v>
      </c>
      <c r="E30119" s="15">
        <v>45565</v>
      </c>
      <c r="F30119" s="14" t="s">
        <v>15</v>
      </c>
      <c r="G30119" s="16">
        <v>2.0396105559877582</v>
      </c>
    </row>
    <row r="30120" spans="1:7" x14ac:dyDescent="0.3">
      <c r="A30120" s="13" t="s">
        <v>188</v>
      </c>
      <c r="B30120" s="14" t="s">
        <v>1</v>
      </c>
      <c r="C30120" s="14" t="s">
        <v>70</v>
      </c>
      <c r="D30120" s="14" t="s">
        <v>189</v>
      </c>
      <c r="E30120" s="15">
        <v>45566</v>
      </c>
      <c r="F30120" s="14" t="s">
        <v>15</v>
      </c>
      <c r="G30120" s="16">
        <v>2.0611408926391839</v>
      </c>
    </row>
    <row r="30121" spans="1:7" x14ac:dyDescent="0.3">
      <c r="A30121" s="13" t="s">
        <v>188</v>
      </c>
      <c r="B30121" s="14" t="s">
        <v>1</v>
      </c>
      <c r="C30121" s="14" t="s">
        <v>70</v>
      </c>
      <c r="D30121" s="14" t="s">
        <v>189</v>
      </c>
      <c r="E30121" s="15">
        <v>45567</v>
      </c>
      <c r="F30121" s="14" t="s">
        <v>15</v>
      </c>
      <c r="G30121" s="16">
        <v>2.068074986304516</v>
      </c>
    </row>
    <row r="30122" spans="1:7" x14ac:dyDescent="0.3">
      <c r="A30122" s="13" t="s">
        <v>188</v>
      </c>
      <c r="B30122" s="14" t="s">
        <v>1</v>
      </c>
      <c r="C30122" s="14" t="s">
        <v>70</v>
      </c>
      <c r="D30122" s="14" t="s">
        <v>189</v>
      </c>
      <c r="E30122" s="15">
        <v>45568</v>
      </c>
      <c r="F30122" s="14" t="s">
        <v>15</v>
      </c>
      <c r="G30122" s="16">
        <v>2.0727654433104998</v>
      </c>
    </row>
    <row r="30123" spans="1:7" x14ac:dyDescent="0.3">
      <c r="A30123" s="13" t="s">
        <v>188</v>
      </c>
      <c r="B30123" s="14" t="s">
        <v>1</v>
      </c>
      <c r="C30123" s="14" t="s">
        <v>70</v>
      </c>
      <c r="D30123" s="14" t="s">
        <v>189</v>
      </c>
      <c r="E30123" s="15">
        <v>45569</v>
      </c>
      <c r="F30123" s="14" t="s">
        <v>15</v>
      </c>
      <c r="G30123" s="16">
        <v>2.0806623734400103</v>
      </c>
    </row>
    <row r="30124" spans="1:7" x14ac:dyDescent="0.3">
      <c r="A30124" s="13" t="s">
        <v>188</v>
      </c>
      <c r="B30124" s="14" t="s">
        <v>1</v>
      </c>
      <c r="C30124" s="14" t="s">
        <v>70</v>
      </c>
      <c r="D30124" s="14" t="s">
        <v>189</v>
      </c>
      <c r="E30124" s="15">
        <v>45570</v>
      </c>
      <c r="F30124" s="14" t="s">
        <v>15</v>
      </c>
      <c r="G30124" s="16">
        <v>2.0806623734400103</v>
      </c>
    </row>
    <row r="30125" spans="1:7" x14ac:dyDescent="0.3">
      <c r="A30125" s="13" t="s">
        <v>188</v>
      </c>
      <c r="B30125" s="14" t="s">
        <v>1</v>
      </c>
      <c r="C30125" s="14" t="s">
        <v>70</v>
      </c>
      <c r="D30125" s="14" t="s">
        <v>189</v>
      </c>
      <c r="E30125" s="15">
        <v>45571</v>
      </c>
      <c r="F30125" s="14" t="s">
        <v>15</v>
      </c>
      <c r="G30125" s="16">
        <v>2.0806623734400103</v>
      </c>
    </row>
    <row r="30126" spans="1:7" x14ac:dyDescent="0.3">
      <c r="A30126" s="13" t="s">
        <v>188</v>
      </c>
      <c r="B30126" s="14" t="s">
        <v>1</v>
      </c>
      <c r="C30126" s="14" t="s">
        <v>70</v>
      </c>
      <c r="D30126" s="14" t="s">
        <v>189</v>
      </c>
      <c r="E30126" s="15">
        <v>45572</v>
      </c>
      <c r="F30126" s="14" t="s">
        <v>15</v>
      </c>
      <c r="G30126" s="16">
        <v>2.1025944340891587</v>
      </c>
    </row>
    <row r="30127" spans="1:7" x14ac:dyDescent="0.3">
      <c r="A30127" s="13" t="s">
        <v>188</v>
      </c>
      <c r="B30127" s="14" t="s">
        <v>1</v>
      </c>
      <c r="C30127" s="14" t="s">
        <v>70</v>
      </c>
      <c r="D30127" s="14" t="s">
        <v>189</v>
      </c>
      <c r="E30127" s="15">
        <v>45573</v>
      </c>
      <c r="F30127" s="14" t="s">
        <v>15</v>
      </c>
      <c r="G30127" s="16">
        <v>2.1192300809788542</v>
      </c>
    </row>
    <row r="30128" spans="1:7" x14ac:dyDescent="0.3">
      <c r="A30128" s="13" t="s">
        <v>188</v>
      </c>
      <c r="B30128" s="14" t="s">
        <v>1</v>
      </c>
      <c r="C30128" s="14" t="s">
        <v>70</v>
      </c>
      <c r="D30128" s="14" t="s">
        <v>189</v>
      </c>
      <c r="E30128" s="15">
        <v>45574</v>
      </c>
      <c r="F30128" s="14" t="s">
        <v>15</v>
      </c>
      <c r="G30128" s="16">
        <v>2.1247044690249295</v>
      </c>
    </row>
    <row r="30129" spans="1:7" x14ac:dyDescent="0.3">
      <c r="A30129" s="13" t="s">
        <v>188</v>
      </c>
      <c r="B30129" s="14" t="s">
        <v>1</v>
      </c>
      <c r="C30129" s="14" t="s">
        <v>70</v>
      </c>
      <c r="D30129" s="14" t="s">
        <v>189</v>
      </c>
      <c r="E30129" s="15">
        <v>45575</v>
      </c>
      <c r="F30129" s="14" t="s">
        <v>15</v>
      </c>
      <c r="G30129" s="16">
        <v>2.1302357815241231</v>
      </c>
    </row>
    <row r="30130" spans="1:7" x14ac:dyDescent="0.3">
      <c r="A30130" s="13" t="s">
        <v>188</v>
      </c>
      <c r="B30130" s="14" t="s">
        <v>1</v>
      </c>
      <c r="C30130" s="14" t="s">
        <v>70</v>
      </c>
      <c r="D30130" s="14" t="s">
        <v>189</v>
      </c>
      <c r="E30130" s="15">
        <v>45576</v>
      </c>
      <c r="F30130" s="14" t="s">
        <v>15</v>
      </c>
      <c r="G30130" s="16">
        <v>2.1499030621456225</v>
      </c>
    </row>
    <row r="30131" spans="1:7" x14ac:dyDescent="0.3">
      <c r="A30131" s="13" t="s">
        <v>188</v>
      </c>
      <c r="B30131" s="14" t="s">
        <v>1</v>
      </c>
      <c r="C30131" s="14" t="s">
        <v>70</v>
      </c>
      <c r="D30131" s="14" t="s">
        <v>189</v>
      </c>
      <c r="E30131" s="15">
        <v>45577</v>
      </c>
      <c r="F30131" s="14" t="s">
        <v>15</v>
      </c>
      <c r="G30131" s="16">
        <v>2.1499030621456225</v>
      </c>
    </row>
    <row r="30132" spans="1:7" x14ac:dyDescent="0.3">
      <c r="A30132" s="13" t="s">
        <v>188</v>
      </c>
      <c r="B30132" s="14" t="s">
        <v>1</v>
      </c>
      <c r="C30132" s="14" t="s">
        <v>70</v>
      </c>
      <c r="D30132" s="14" t="s">
        <v>189</v>
      </c>
      <c r="E30132" s="15">
        <v>45578</v>
      </c>
      <c r="F30132" s="14" t="s">
        <v>15</v>
      </c>
      <c r="G30132" s="16">
        <v>2.1499030621456225</v>
      </c>
    </row>
    <row r="30133" spans="1:7" x14ac:dyDescent="0.3">
      <c r="A30133" s="13" t="s">
        <v>188</v>
      </c>
      <c r="B30133" s="14" t="s">
        <v>1</v>
      </c>
      <c r="C30133" s="14" t="s">
        <v>70</v>
      </c>
      <c r="D30133" s="14" t="s">
        <v>189</v>
      </c>
      <c r="E30133" s="15">
        <v>45579</v>
      </c>
      <c r="F30133" s="14" t="s">
        <v>15</v>
      </c>
      <c r="G30133" s="16">
        <v>2.1554376274707088</v>
      </c>
    </row>
    <row r="30134" spans="1:7" x14ac:dyDescent="0.3">
      <c r="A30134" s="13" t="s">
        <v>188</v>
      </c>
      <c r="B30134" s="14" t="s">
        <v>1</v>
      </c>
      <c r="C30134" s="14" t="s">
        <v>70</v>
      </c>
      <c r="D30134" s="14" t="s">
        <v>189</v>
      </c>
      <c r="E30134" s="15">
        <v>45580</v>
      </c>
      <c r="F30134" s="14" t="s">
        <v>15</v>
      </c>
      <c r="G30134" s="16">
        <v>2.1719773159965756</v>
      </c>
    </row>
    <row r="30135" spans="1:7" x14ac:dyDescent="0.3">
      <c r="A30135" s="13" t="s">
        <v>188</v>
      </c>
      <c r="B30135" s="14" t="s">
        <v>1</v>
      </c>
      <c r="C30135" s="14" t="s">
        <v>70</v>
      </c>
      <c r="D30135" s="14" t="s">
        <v>189</v>
      </c>
      <c r="E30135" s="15">
        <v>45581</v>
      </c>
      <c r="F30135" s="14" t="s">
        <v>15</v>
      </c>
      <c r="G30135" s="16">
        <v>2.1813144347899875</v>
      </c>
    </row>
    <row r="30136" spans="1:7" x14ac:dyDescent="0.3">
      <c r="A30136" s="13" t="s">
        <v>188</v>
      </c>
      <c r="B30136" s="14" t="s">
        <v>1</v>
      </c>
      <c r="C30136" s="14" t="s">
        <v>70</v>
      </c>
      <c r="D30136" s="14" t="s">
        <v>189</v>
      </c>
      <c r="E30136" s="15">
        <v>45582</v>
      </c>
      <c r="F30136" s="14" t="s">
        <v>15</v>
      </c>
      <c r="G30136" s="16">
        <v>2.1875076973583041</v>
      </c>
    </row>
    <row r="30137" spans="1:7" x14ac:dyDescent="0.3">
      <c r="A30137" s="13" t="s">
        <v>188</v>
      </c>
      <c r="B30137" s="14" t="s">
        <v>1</v>
      </c>
      <c r="C30137" s="14" t="s">
        <v>70</v>
      </c>
      <c r="D30137" s="14" t="s">
        <v>189</v>
      </c>
      <c r="E30137" s="15">
        <v>45583</v>
      </c>
      <c r="F30137" s="14" t="s">
        <v>15</v>
      </c>
      <c r="G30137" s="16">
        <v>2.1994665938210658</v>
      </c>
    </row>
    <row r="30138" spans="1:7" x14ac:dyDescent="0.3">
      <c r="A30138" s="13" t="s">
        <v>188</v>
      </c>
      <c r="B30138" s="14" t="s">
        <v>1</v>
      </c>
      <c r="C30138" s="14" t="s">
        <v>70</v>
      </c>
      <c r="D30138" s="14" t="s">
        <v>189</v>
      </c>
      <c r="E30138" s="15">
        <v>45584</v>
      </c>
      <c r="F30138" s="14" t="s">
        <v>15</v>
      </c>
      <c r="G30138" s="16">
        <v>2.1994665938210658</v>
      </c>
    </row>
    <row r="30139" spans="1:7" x14ac:dyDescent="0.3">
      <c r="A30139" s="13" t="s">
        <v>188</v>
      </c>
      <c r="B30139" s="14" t="s">
        <v>1</v>
      </c>
      <c r="C30139" s="14" t="s">
        <v>70</v>
      </c>
      <c r="D30139" s="14" t="s">
        <v>189</v>
      </c>
      <c r="E30139" s="15">
        <v>45585</v>
      </c>
      <c r="F30139" s="14" t="s">
        <v>15</v>
      </c>
      <c r="G30139" s="16">
        <v>2.1994665938210658</v>
      </c>
    </row>
    <row r="30140" spans="1:7" x14ac:dyDescent="0.3">
      <c r="A30140" s="13" t="s">
        <v>188</v>
      </c>
      <c r="B30140" s="14" t="s">
        <v>1</v>
      </c>
      <c r="C30140" s="14" t="s">
        <v>70</v>
      </c>
      <c r="D30140" s="14" t="s">
        <v>189</v>
      </c>
      <c r="E30140" s="15">
        <v>45586</v>
      </c>
      <c r="F30140" s="14" t="s">
        <v>15</v>
      </c>
      <c r="G30140" s="16">
        <v>2.2105716234870481</v>
      </c>
    </row>
    <row r="30141" spans="1:7" x14ac:dyDescent="0.3">
      <c r="A30141" s="13" t="s">
        <v>188</v>
      </c>
      <c r="B30141" s="14" t="s">
        <v>1</v>
      </c>
      <c r="C30141" s="14" t="s">
        <v>70</v>
      </c>
      <c r="D30141" s="14" t="s">
        <v>189</v>
      </c>
      <c r="E30141" s="15">
        <v>45587</v>
      </c>
      <c r="F30141" s="14" t="s">
        <v>15</v>
      </c>
      <c r="G30141" s="16">
        <v>2.2271690496725065</v>
      </c>
    </row>
    <row r="30142" spans="1:7" x14ac:dyDescent="0.3">
      <c r="A30142" s="13" t="s">
        <v>188</v>
      </c>
      <c r="B30142" s="14" t="s">
        <v>1</v>
      </c>
      <c r="C30142" s="14" t="s">
        <v>70</v>
      </c>
      <c r="D30142" s="14" t="s">
        <v>189</v>
      </c>
      <c r="E30142" s="15">
        <v>45588</v>
      </c>
      <c r="F30142" s="14" t="s">
        <v>15</v>
      </c>
      <c r="G30142" s="16">
        <v>2.2329524561783685</v>
      </c>
    </row>
    <row r="30143" spans="1:7" x14ac:dyDescent="0.3">
      <c r="A30143" s="13" t="s">
        <v>188</v>
      </c>
      <c r="B30143" s="14" t="s">
        <v>1</v>
      </c>
      <c r="C30143" s="14" t="s">
        <v>70</v>
      </c>
      <c r="D30143" s="14" t="s">
        <v>189</v>
      </c>
      <c r="E30143" s="15">
        <v>45589</v>
      </c>
      <c r="F30143" s="14" t="s">
        <v>15</v>
      </c>
      <c r="G30143" s="16">
        <v>2.2408103523971681</v>
      </c>
    </row>
    <row r="30144" spans="1:7" x14ac:dyDescent="0.3">
      <c r="A30144" s="13" t="s">
        <v>188</v>
      </c>
      <c r="B30144" s="14" t="s">
        <v>1</v>
      </c>
      <c r="C30144" s="14" t="s">
        <v>70</v>
      </c>
      <c r="D30144" s="14" t="s">
        <v>189</v>
      </c>
      <c r="E30144" s="15">
        <v>45590</v>
      </c>
      <c r="F30144" s="14" t="s">
        <v>15</v>
      </c>
      <c r="G30144" s="16">
        <v>2.2463741931552867</v>
      </c>
    </row>
    <row r="30145" spans="1:7" x14ac:dyDescent="0.3">
      <c r="A30145" s="13" t="s">
        <v>188</v>
      </c>
      <c r="B30145" s="14" t="s">
        <v>1</v>
      </c>
      <c r="C30145" s="14" t="s">
        <v>70</v>
      </c>
      <c r="D30145" s="14" t="s">
        <v>189</v>
      </c>
      <c r="E30145" s="15">
        <v>45591</v>
      </c>
      <c r="F30145" s="14" t="s">
        <v>15</v>
      </c>
      <c r="G30145" s="16">
        <v>2.2463741931552867</v>
      </c>
    </row>
    <row r="30146" spans="1:7" x14ac:dyDescent="0.3">
      <c r="A30146" s="13" t="s">
        <v>188</v>
      </c>
      <c r="B30146" s="14" t="s">
        <v>1</v>
      </c>
      <c r="C30146" s="14" t="s">
        <v>70</v>
      </c>
      <c r="D30146" s="14" t="s">
        <v>189</v>
      </c>
      <c r="E30146" s="15">
        <v>45592</v>
      </c>
      <c r="F30146" s="14" t="s">
        <v>15</v>
      </c>
      <c r="G30146" s="16">
        <v>2.2463741931552867</v>
      </c>
    </row>
    <row r="30147" spans="1:7" x14ac:dyDescent="0.3">
      <c r="A30147" s="13" t="s">
        <v>188</v>
      </c>
      <c r="B30147" s="14" t="s">
        <v>1</v>
      </c>
      <c r="C30147" s="14" t="s">
        <v>70</v>
      </c>
      <c r="D30147" s="14" t="s">
        <v>189</v>
      </c>
      <c r="E30147" s="15">
        <v>45593</v>
      </c>
      <c r="F30147" s="14" t="s">
        <v>15</v>
      </c>
      <c r="G30147" s="16">
        <v>2.2463741931552867</v>
      </c>
    </row>
    <row r="30148" spans="1:7" x14ac:dyDescent="0.3">
      <c r="A30148" s="13" t="s">
        <v>188</v>
      </c>
      <c r="B30148" s="14" t="s">
        <v>1</v>
      </c>
      <c r="C30148" s="14" t="s">
        <v>70</v>
      </c>
      <c r="D30148" s="14" t="s">
        <v>189</v>
      </c>
      <c r="E30148" s="15">
        <v>45594</v>
      </c>
      <c r="F30148" s="14" t="s">
        <v>15</v>
      </c>
      <c r="G30148" s="16">
        <v>2.2523877370930427</v>
      </c>
    </row>
    <row r="30149" spans="1:7" x14ac:dyDescent="0.3">
      <c r="A30149" s="13" t="s">
        <v>188</v>
      </c>
      <c r="B30149" s="14" t="s">
        <v>1</v>
      </c>
      <c r="C30149" s="14" t="s">
        <v>70</v>
      </c>
      <c r="D30149" s="14" t="s">
        <v>189</v>
      </c>
      <c r="E30149" s="15">
        <v>45595</v>
      </c>
      <c r="F30149" s="14" t="s">
        <v>15</v>
      </c>
      <c r="G30149" s="16">
        <v>2.2833528952456477</v>
      </c>
    </row>
    <row r="30150" spans="1:7" x14ac:dyDescent="0.3">
      <c r="A30150" s="13" t="s">
        <v>188</v>
      </c>
      <c r="B30150" s="14" t="s">
        <v>1</v>
      </c>
      <c r="C30150" s="14" t="s">
        <v>70</v>
      </c>
      <c r="D30150" s="14" t="s">
        <v>189</v>
      </c>
      <c r="E30150" s="15">
        <v>45596</v>
      </c>
      <c r="F30150" s="14" t="s">
        <v>15</v>
      </c>
      <c r="G30150" s="16">
        <v>2.2889460114367988</v>
      </c>
    </row>
    <row r="30151" spans="1:7" x14ac:dyDescent="0.3">
      <c r="A30151" s="13" t="s">
        <v>188</v>
      </c>
      <c r="B30151" s="14" t="s">
        <v>1</v>
      </c>
      <c r="C30151" s="14" t="s">
        <v>70</v>
      </c>
      <c r="D30151" s="14" t="s">
        <v>189</v>
      </c>
      <c r="E30151" s="15">
        <v>45597</v>
      </c>
      <c r="F30151" s="14" t="s">
        <v>15</v>
      </c>
      <c r="G30151" s="16">
        <v>2.2965339231065216</v>
      </c>
    </row>
    <row r="30152" spans="1:7" x14ac:dyDescent="0.3">
      <c r="A30152" s="13" t="s">
        <v>188</v>
      </c>
      <c r="B30152" s="14" t="s">
        <v>1</v>
      </c>
      <c r="C30152" s="14" t="s">
        <v>70</v>
      </c>
      <c r="D30152" s="14" t="s">
        <v>189</v>
      </c>
      <c r="E30152" s="15">
        <v>45598</v>
      </c>
      <c r="F30152" s="14" t="s">
        <v>15</v>
      </c>
      <c r="G30152" s="16">
        <v>2.2965339231065216</v>
      </c>
    </row>
    <row r="30153" spans="1:7" x14ac:dyDescent="0.3">
      <c r="A30153" s="13" t="s">
        <v>188</v>
      </c>
      <c r="B30153" s="14" t="s">
        <v>1</v>
      </c>
      <c r="C30153" s="14" t="s">
        <v>70</v>
      </c>
      <c r="D30153" s="14" t="s">
        <v>189</v>
      </c>
      <c r="E30153" s="15">
        <v>45599</v>
      </c>
      <c r="F30153" s="14" t="s">
        <v>15</v>
      </c>
      <c r="G30153" s="16">
        <v>2.2965339231065216</v>
      </c>
    </row>
    <row r="30154" spans="1:7" x14ac:dyDescent="0.3">
      <c r="A30154" s="13" t="s">
        <v>188</v>
      </c>
      <c r="B30154" s="14" t="s">
        <v>1</v>
      </c>
      <c r="C30154" s="14" t="s">
        <v>70</v>
      </c>
      <c r="D30154" s="14" t="s">
        <v>189</v>
      </c>
      <c r="E30154" s="15">
        <v>45600</v>
      </c>
      <c r="F30154" s="14" t="s">
        <v>15</v>
      </c>
      <c r="G30154" s="16">
        <v>2.2963817355650549</v>
      </c>
    </row>
    <row r="30155" spans="1:7" x14ac:dyDescent="0.3">
      <c r="A30155" s="13" t="s">
        <v>188</v>
      </c>
      <c r="B30155" s="14" t="s">
        <v>1</v>
      </c>
      <c r="C30155" s="14" t="s">
        <v>70</v>
      </c>
      <c r="D30155" s="14" t="s">
        <v>189</v>
      </c>
      <c r="E30155" s="15">
        <v>45601</v>
      </c>
      <c r="F30155" s="14" t="s">
        <v>15</v>
      </c>
      <c r="G30155" s="16">
        <v>2.3124660284659724</v>
      </c>
    </row>
    <row r="30156" spans="1:7" x14ac:dyDescent="0.3">
      <c r="A30156" s="13" t="s">
        <v>188</v>
      </c>
      <c r="B30156" s="14" t="s">
        <v>1</v>
      </c>
      <c r="C30156" s="14" t="s">
        <v>70</v>
      </c>
      <c r="D30156" s="14" t="s">
        <v>189</v>
      </c>
      <c r="E30156" s="15">
        <v>45602</v>
      </c>
      <c r="F30156" s="14" t="s">
        <v>15</v>
      </c>
      <c r="G30156" s="16">
        <v>2.3198449460721027</v>
      </c>
    </row>
    <row r="30157" spans="1:7" x14ac:dyDescent="0.3">
      <c r="A30157" s="13" t="s">
        <v>188</v>
      </c>
      <c r="B30157" s="14" t="s">
        <v>1</v>
      </c>
      <c r="C30157" s="14" t="s">
        <v>70</v>
      </c>
      <c r="D30157" s="14" t="s">
        <v>189</v>
      </c>
      <c r="E30157" s="15">
        <v>45603</v>
      </c>
      <c r="F30157" s="14" t="s">
        <v>15</v>
      </c>
      <c r="G30157" s="16">
        <v>2.3253461699317906</v>
      </c>
    </row>
    <row r="30158" spans="1:7" x14ac:dyDescent="0.3">
      <c r="A30158" s="13" t="s">
        <v>188</v>
      </c>
      <c r="B30158" s="14" t="s">
        <v>1</v>
      </c>
      <c r="C30158" s="14" t="s">
        <v>70</v>
      </c>
      <c r="D30158" s="14" t="s">
        <v>189</v>
      </c>
      <c r="E30158" s="15">
        <v>45604</v>
      </c>
      <c r="F30158" s="14" t="s">
        <v>15</v>
      </c>
      <c r="G30158" s="16">
        <v>2.3445735058513306</v>
      </c>
    </row>
    <row r="30159" spans="1:7" x14ac:dyDescent="0.3">
      <c r="A30159" s="13" t="s">
        <v>188</v>
      </c>
      <c r="B30159" s="14" t="s">
        <v>1</v>
      </c>
      <c r="C30159" s="14" t="s">
        <v>70</v>
      </c>
      <c r="D30159" s="14" t="s">
        <v>189</v>
      </c>
      <c r="E30159" s="15">
        <v>45605</v>
      </c>
      <c r="F30159" s="14" t="s">
        <v>15</v>
      </c>
      <c r="G30159" s="16">
        <v>2.3445735058513306</v>
      </c>
    </row>
    <row r="30160" spans="1:7" x14ac:dyDescent="0.3">
      <c r="A30160" s="13" t="s">
        <v>188</v>
      </c>
      <c r="B30160" s="14" t="s">
        <v>1</v>
      </c>
      <c r="C30160" s="14" t="s">
        <v>70</v>
      </c>
      <c r="D30160" s="14" t="s">
        <v>189</v>
      </c>
      <c r="E30160" s="15">
        <v>45606</v>
      </c>
      <c r="F30160" s="14" t="s">
        <v>15</v>
      </c>
      <c r="G30160" s="16">
        <v>2.3445735058513306</v>
      </c>
    </row>
    <row r="30161" spans="1:7" x14ac:dyDescent="0.3">
      <c r="A30161" s="13" t="s">
        <v>188</v>
      </c>
      <c r="B30161" s="14" t="s">
        <v>1</v>
      </c>
      <c r="C30161" s="14" t="s">
        <v>70</v>
      </c>
      <c r="D30161" s="14" t="s">
        <v>189</v>
      </c>
      <c r="E30161" s="15">
        <v>45607</v>
      </c>
      <c r="F30161" s="14" t="s">
        <v>15</v>
      </c>
      <c r="G30161" s="16">
        <v>2.3560217086489712</v>
      </c>
    </row>
    <row r="30162" spans="1:7" x14ac:dyDescent="0.3">
      <c r="A30162" s="13" t="s">
        <v>188</v>
      </c>
      <c r="B30162" s="14" t="s">
        <v>1</v>
      </c>
      <c r="C30162" s="14" t="s">
        <v>70</v>
      </c>
      <c r="D30162" s="14" t="s">
        <v>189</v>
      </c>
      <c r="E30162" s="15">
        <v>45608</v>
      </c>
      <c r="F30162" s="14" t="s">
        <v>15</v>
      </c>
      <c r="G30162" s="16">
        <v>2.3723621615889225</v>
      </c>
    </row>
    <row r="30163" spans="1:7" x14ac:dyDescent="0.3">
      <c r="A30163" s="13" t="s">
        <v>188</v>
      </c>
      <c r="B30163" s="14" t="s">
        <v>1</v>
      </c>
      <c r="C30163" s="14" t="s">
        <v>70</v>
      </c>
      <c r="D30163" s="14" t="s">
        <v>189</v>
      </c>
      <c r="E30163" s="15">
        <v>45609</v>
      </c>
      <c r="F30163" s="14" t="s">
        <v>15</v>
      </c>
      <c r="G30163" s="16">
        <v>2.3769021753973787</v>
      </c>
    </row>
    <row r="30164" spans="1:7" x14ac:dyDescent="0.3">
      <c r="A30164" s="13" t="s">
        <v>188</v>
      </c>
      <c r="B30164" s="14" t="s">
        <v>1</v>
      </c>
      <c r="C30164" s="14" t="s">
        <v>70</v>
      </c>
      <c r="D30164" s="14" t="s">
        <v>189</v>
      </c>
      <c r="E30164" s="15">
        <v>45610</v>
      </c>
      <c r="F30164" s="14" t="s">
        <v>15</v>
      </c>
      <c r="G30164" s="16">
        <v>2.3822578352983776</v>
      </c>
    </row>
    <row r="30165" spans="1:7" x14ac:dyDescent="0.3">
      <c r="A30165" s="13" t="s">
        <v>188</v>
      </c>
      <c r="B30165" s="14" t="s">
        <v>1</v>
      </c>
      <c r="C30165" s="14" t="s">
        <v>70</v>
      </c>
      <c r="D30165" s="14" t="s">
        <v>189</v>
      </c>
      <c r="E30165" s="15">
        <v>45611</v>
      </c>
      <c r="F30165" s="14" t="s">
        <v>15</v>
      </c>
      <c r="G30165" s="16">
        <v>2.4227244978829581</v>
      </c>
    </row>
    <row r="30166" spans="1:7" x14ac:dyDescent="0.3">
      <c r="A30166" s="13" t="s">
        <v>188</v>
      </c>
      <c r="B30166" s="14" t="s">
        <v>1</v>
      </c>
      <c r="C30166" s="14" t="s">
        <v>70</v>
      </c>
      <c r="D30166" s="14" t="s">
        <v>189</v>
      </c>
      <c r="E30166" s="15">
        <v>45612</v>
      </c>
      <c r="F30166" s="14" t="s">
        <v>15</v>
      </c>
      <c r="G30166" s="16">
        <v>2.4227244978829581</v>
      </c>
    </row>
    <row r="30167" spans="1:7" x14ac:dyDescent="0.3">
      <c r="A30167" s="13" t="s">
        <v>188</v>
      </c>
      <c r="B30167" s="14" t="s">
        <v>1</v>
      </c>
      <c r="C30167" s="14" t="s">
        <v>70</v>
      </c>
      <c r="D30167" s="14" t="s">
        <v>189</v>
      </c>
      <c r="E30167" s="15">
        <v>45613</v>
      </c>
      <c r="F30167" s="14" t="s">
        <v>15</v>
      </c>
      <c r="G30167" s="16">
        <v>2.4227244978829581</v>
      </c>
    </row>
    <row r="30168" spans="1:7" x14ac:dyDescent="0.3">
      <c r="A30168" s="13" t="s">
        <v>188</v>
      </c>
      <c r="B30168" s="14" t="s">
        <v>1</v>
      </c>
      <c r="C30168" s="14" t="s">
        <v>70</v>
      </c>
      <c r="D30168" s="14" t="s">
        <v>189</v>
      </c>
      <c r="E30168" s="15">
        <v>45614</v>
      </c>
      <c r="F30168" s="14" t="s">
        <v>15</v>
      </c>
      <c r="G30168" s="16">
        <v>2.4341865251906412</v>
      </c>
    </row>
    <row r="30169" spans="1:7" x14ac:dyDescent="0.3">
      <c r="A30169" s="13" t="s">
        <v>188</v>
      </c>
      <c r="B30169" s="14" t="s">
        <v>1</v>
      </c>
      <c r="C30169" s="14" t="s">
        <v>70</v>
      </c>
      <c r="D30169" s="14" t="s">
        <v>189</v>
      </c>
      <c r="E30169" s="15">
        <v>45615</v>
      </c>
      <c r="F30169" s="14" t="s">
        <v>15</v>
      </c>
      <c r="G30169" s="16">
        <v>2.4726307432765635</v>
      </c>
    </row>
    <row r="30170" spans="1:7" x14ac:dyDescent="0.3">
      <c r="A30170" s="13" t="s">
        <v>188</v>
      </c>
      <c r="B30170" s="14" t="s">
        <v>1</v>
      </c>
      <c r="C30170" s="14" t="s">
        <v>70</v>
      </c>
      <c r="D30170" s="14" t="s">
        <v>189</v>
      </c>
      <c r="E30170" s="15">
        <v>45616</v>
      </c>
      <c r="F30170" s="14" t="s">
        <v>15</v>
      </c>
      <c r="G30170" s="16">
        <v>2.4779270391050243</v>
      </c>
    </row>
    <row r="30171" spans="1:7" x14ac:dyDescent="0.3">
      <c r="A30171" s="13" t="s">
        <v>188</v>
      </c>
      <c r="B30171" s="14" t="s">
        <v>1</v>
      </c>
      <c r="C30171" s="14" t="s">
        <v>70</v>
      </c>
      <c r="D30171" s="14" t="s">
        <v>189</v>
      </c>
      <c r="E30171" s="15">
        <v>45617</v>
      </c>
      <c r="F30171" s="14" t="s">
        <v>15</v>
      </c>
      <c r="G30171" s="16">
        <v>2.4862134951351607</v>
      </c>
    </row>
    <row r="30172" spans="1:7" x14ac:dyDescent="0.3">
      <c r="A30172" s="13" t="s">
        <v>188</v>
      </c>
      <c r="B30172" s="14" t="s">
        <v>1</v>
      </c>
      <c r="C30172" s="14" t="s">
        <v>70</v>
      </c>
      <c r="D30172" s="14" t="s">
        <v>189</v>
      </c>
      <c r="E30172" s="15">
        <v>45618</v>
      </c>
      <c r="F30172" s="14" t="s">
        <v>15</v>
      </c>
      <c r="G30172" s="16">
        <v>2.4947951451150407</v>
      </c>
    </row>
    <row r="30173" spans="1:7" x14ac:dyDescent="0.3">
      <c r="A30173" s="13" t="s">
        <v>188</v>
      </c>
      <c r="B30173" s="14" t="s">
        <v>1</v>
      </c>
      <c r="C30173" s="14" t="s">
        <v>70</v>
      </c>
      <c r="D30173" s="14" t="s">
        <v>189</v>
      </c>
      <c r="E30173" s="15">
        <v>45619</v>
      </c>
      <c r="F30173" s="14" t="s">
        <v>15</v>
      </c>
      <c r="G30173" s="16">
        <v>2.4947951451150407</v>
      </c>
    </row>
    <row r="30174" spans="1:7" x14ac:dyDescent="0.3">
      <c r="A30174" s="13" t="s">
        <v>188</v>
      </c>
      <c r="B30174" s="14" t="s">
        <v>1</v>
      </c>
      <c r="C30174" s="14" t="s">
        <v>70</v>
      </c>
      <c r="D30174" s="14" t="s">
        <v>189</v>
      </c>
      <c r="E30174" s="15">
        <v>45620</v>
      </c>
      <c r="F30174" s="14" t="s">
        <v>15</v>
      </c>
      <c r="G30174" s="16">
        <v>2.4947951451150407</v>
      </c>
    </row>
    <row r="30175" spans="1:7" x14ac:dyDescent="0.3">
      <c r="A30175" s="13" t="s">
        <v>188</v>
      </c>
      <c r="B30175" s="14" t="s">
        <v>1</v>
      </c>
      <c r="C30175" s="14" t="s">
        <v>70</v>
      </c>
      <c r="D30175" s="14" t="s">
        <v>189</v>
      </c>
      <c r="E30175" s="15">
        <v>45621</v>
      </c>
      <c r="F30175" s="14" t="s">
        <v>15</v>
      </c>
      <c r="G30175" s="16">
        <v>2.5002028502303197</v>
      </c>
    </row>
    <row r="30176" spans="1:7" x14ac:dyDescent="0.3">
      <c r="A30176" s="13" t="s">
        <v>188</v>
      </c>
      <c r="B30176" s="14" t="s">
        <v>1</v>
      </c>
      <c r="C30176" s="14" t="s">
        <v>70</v>
      </c>
      <c r="D30176" s="14" t="s">
        <v>189</v>
      </c>
      <c r="E30176" s="15">
        <v>45622</v>
      </c>
      <c r="F30176" s="14" t="s">
        <v>15</v>
      </c>
      <c r="G30176" s="16">
        <v>2.526562006919153</v>
      </c>
    </row>
    <row r="30177" spans="1:7" x14ac:dyDescent="0.3">
      <c r="A30177" s="13" t="s">
        <v>188</v>
      </c>
      <c r="B30177" s="14" t="s">
        <v>1</v>
      </c>
      <c r="C30177" s="14" t="s">
        <v>70</v>
      </c>
      <c r="D30177" s="14" t="s">
        <v>189</v>
      </c>
      <c r="E30177" s="15">
        <v>45623</v>
      </c>
      <c r="F30177" s="14" t="s">
        <v>15</v>
      </c>
      <c r="G30177" s="16">
        <v>2.5379475928183624</v>
      </c>
    </row>
    <row r="30178" spans="1:7" x14ac:dyDescent="0.3">
      <c r="A30178" s="13" t="s">
        <v>188</v>
      </c>
      <c r="B30178" s="14" t="s">
        <v>1</v>
      </c>
      <c r="C30178" s="14" t="s">
        <v>70</v>
      </c>
      <c r="D30178" s="14" t="s">
        <v>189</v>
      </c>
      <c r="E30178" s="15">
        <v>45624</v>
      </c>
      <c r="F30178" s="14" t="s">
        <v>15</v>
      </c>
      <c r="G30178" s="16">
        <v>2.5481434576473925</v>
      </c>
    </row>
    <row r="30179" spans="1:7" x14ac:dyDescent="0.3">
      <c r="A30179" s="13" t="s">
        <v>188</v>
      </c>
      <c r="B30179" s="14" t="s">
        <v>1</v>
      </c>
      <c r="C30179" s="14" t="s">
        <v>70</v>
      </c>
      <c r="D30179" s="14" t="s">
        <v>189</v>
      </c>
      <c r="E30179" s="15">
        <v>45625</v>
      </c>
      <c r="F30179" s="14" t="s">
        <v>15</v>
      </c>
      <c r="G30179" s="16">
        <v>2.5535324590137902</v>
      </c>
    </row>
    <row r="30180" spans="1:7" x14ac:dyDescent="0.3">
      <c r="A30180" s="13" t="s">
        <v>188</v>
      </c>
      <c r="B30180" s="14" t="s">
        <v>1</v>
      </c>
      <c r="C30180" s="14" t="s">
        <v>70</v>
      </c>
      <c r="D30180" s="14" t="s">
        <v>189</v>
      </c>
      <c r="E30180" s="15">
        <v>45626</v>
      </c>
      <c r="F30180" s="14" t="s">
        <v>15</v>
      </c>
      <c r="G30180" s="16">
        <v>2.5535324590137902</v>
      </c>
    </row>
    <row r="30181" spans="1:7" x14ac:dyDescent="0.3">
      <c r="A30181" s="13" t="s">
        <v>188</v>
      </c>
      <c r="B30181" s="14" t="s">
        <v>1</v>
      </c>
      <c r="C30181" s="14" t="s">
        <v>70</v>
      </c>
      <c r="D30181" s="14" t="s">
        <v>189</v>
      </c>
      <c r="E30181" s="15">
        <v>45627</v>
      </c>
      <c r="F30181" s="14" t="s">
        <v>15</v>
      </c>
      <c r="G30181" s="16">
        <v>2.5535324590137902</v>
      </c>
    </row>
    <row r="30182" spans="1:7" x14ac:dyDescent="0.3">
      <c r="A30182" s="13" t="s">
        <v>188</v>
      </c>
      <c r="B30182" s="14" t="s">
        <v>1</v>
      </c>
      <c r="C30182" s="14" t="s">
        <v>70</v>
      </c>
      <c r="D30182" s="14" t="s">
        <v>189</v>
      </c>
      <c r="E30182" s="15">
        <v>45628</v>
      </c>
      <c r="F30182" s="14" t="s">
        <v>15</v>
      </c>
      <c r="G30182" s="16">
        <v>2.567240562600241</v>
      </c>
    </row>
    <row r="30183" spans="1:7" x14ac:dyDescent="0.3">
      <c r="A30183" s="13" t="s">
        <v>188</v>
      </c>
      <c r="B30183" s="14" t="s">
        <v>1</v>
      </c>
      <c r="C30183" s="14" t="s">
        <v>70</v>
      </c>
      <c r="D30183" s="14" t="s">
        <v>189</v>
      </c>
      <c r="E30183" s="15">
        <v>45629</v>
      </c>
      <c r="F30183" s="14" t="s">
        <v>15</v>
      </c>
      <c r="G30183" s="16">
        <v>2.5904103235014837</v>
      </c>
    </row>
    <row r="30184" spans="1:7" x14ac:dyDescent="0.3">
      <c r="A30184" s="13" t="s">
        <v>188</v>
      </c>
      <c r="B30184" s="14" t="s">
        <v>1</v>
      </c>
      <c r="C30184" s="14" t="s">
        <v>70</v>
      </c>
      <c r="D30184" s="14" t="s">
        <v>189</v>
      </c>
      <c r="E30184" s="15">
        <v>45630</v>
      </c>
      <c r="F30184" s="14" t="s">
        <v>15</v>
      </c>
      <c r="G30184" s="16">
        <v>2.5987772869724592</v>
      </c>
    </row>
    <row r="30185" spans="1:7" x14ac:dyDescent="0.3">
      <c r="A30185" s="13" t="s">
        <v>188</v>
      </c>
      <c r="B30185" s="14" t="s">
        <v>1</v>
      </c>
      <c r="C30185" s="14" t="s">
        <v>70</v>
      </c>
      <c r="D30185" s="14" t="s">
        <v>189</v>
      </c>
      <c r="E30185" s="15">
        <v>45631</v>
      </c>
      <c r="F30185" s="14" t="s">
        <v>15</v>
      </c>
      <c r="G30185" s="16">
        <v>2.6052998981623903</v>
      </c>
    </row>
    <row r="30186" spans="1:7" x14ac:dyDescent="0.3">
      <c r="A30186" s="13" t="s">
        <v>188</v>
      </c>
      <c r="B30186" s="14" t="s">
        <v>1</v>
      </c>
      <c r="C30186" s="14" t="s">
        <v>70</v>
      </c>
      <c r="D30186" s="14" t="s">
        <v>189</v>
      </c>
      <c r="E30186" s="15">
        <v>45632</v>
      </c>
      <c r="F30186" s="14" t="s">
        <v>15</v>
      </c>
      <c r="G30186" s="16">
        <v>2.6152233388229242</v>
      </c>
    </row>
    <row r="30187" spans="1:7" x14ac:dyDescent="0.3">
      <c r="A30187" s="13" t="s">
        <v>188</v>
      </c>
      <c r="B30187" s="14" t="s">
        <v>1</v>
      </c>
      <c r="C30187" s="14" t="s">
        <v>70</v>
      </c>
      <c r="D30187" s="14" t="s">
        <v>189</v>
      </c>
      <c r="E30187" s="15">
        <v>45633</v>
      </c>
      <c r="F30187" s="14" t="s">
        <v>15</v>
      </c>
      <c r="G30187" s="16">
        <v>2.6152233388229242</v>
      </c>
    </row>
    <row r="30188" spans="1:7" x14ac:dyDescent="0.3">
      <c r="A30188" s="13" t="s">
        <v>188</v>
      </c>
      <c r="B30188" s="14" t="s">
        <v>1</v>
      </c>
      <c r="C30188" s="14" t="s">
        <v>70</v>
      </c>
      <c r="D30188" s="14" t="s">
        <v>189</v>
      </c>
      <c r="E30188" s="15">
        <v>45634</v>
      </c>
      <c r="F30188" s="14" t="s">
        <v>15</v>
      </c>
      <c r="G30188" s="16">
        <v>2.6152233388229242</v>
      </c>
    </row>
    <row r="30189" spans="1:7" x14ac:dyDescent="0.3">
      <c r="A30189" s="13" t="s">
        <v>188</v>
      </c>
      <c r="B30189" s="14" t="s">
        <v>1</v>
      </c>
      <c r="C30189" s="14" t="s">
        <v>70</v>
      </c>
      <c r="D30189" s="14" t="s">
        <v>189</v>
      </c>
      <c r="E30189" s="15">
        <v>45635</v>
      </c>
      <c r="F30189" s="14" t="s">
        <v>15</v>
      </c>
      <c r="G30189" s="16">
        <v>2.6205497232908908</v>
      </c>
    </row>
    <row r="30190" spans="1:7" x14ac:dyDescent="0.3">
      <c r="A30190" s="13" t="s">
        <v>188</v>
      </c>
      <c r="B30190" s="14" t="s">
        <v>1</v>
      </c>
      <c r="C30190" s="14" t="s">
        <v>70</v>
      </c>
      <c r="D30190" s="14" t="s">
        <v>189</v>
      </c>
      <c r="E30190" s="15">
        <v>45636</v>
      </c>
      <c r="F30190" s="14" t="s">
        <v>15</v>
      </c>
      <c r="G30190" s="16">
        <v>2.6422475804757801</v>
      </c>
    </row>
    <row r="30191" spans="1:7" x14ac:dyDescent="0.3">
      <c r="A30191" s="13" t="s">
        <v>188</v>
      </c>
      <c r="B30191" s="14" t="s">
        <v>1</v>
      </c>
      <c r="C30191" s="14" t="s">
        <v>70</v>
      </c>
      <c r="D30191" s="14" t="s">
        <v>189</v>
      </c>
      <c r="E30191" s="15">
        <v>45637</v>
      </c>
      <c r="F30191" s="14" t="s">
        <v>15</v>
      </c>
      <c r="G30191" s="16">
        <v>2.6489710536645732</v>
      </c>
    </row>
    <row r="30192" spans="1:7" x14ac:dyDescent="0.3">
      <c r="A30192" s="13" t="s">
        <v>188</v>
      </c>
      <c r="B30192" s="14" t="s">
        <v>1</v>
      </c>
      <c r="C30192" s="14" t="s">
        <v>70</v>
      </c>
      <c r="D30192" s="14" t="s">
        <v>189</v>
      </c>
      <c r="E30192" s="15">
        <v>45638</v>
      </c>
      <c r="F30192" s="14" t="s">
        <v>15</v>
      </c>
      <c r="G30192" s="16">
        <v>2.6555416440364183</v>
      </c>
    </row>
    <row r="30193" spans="1:7" x14ac:dyDescent="0.3">
      <c r="A30193" s="13" t="s">
        <v>188</v>
      </c>
      <c r="B30193" s="14" t="s">
        <v>1</v>
      </c>
      <c r="C30193" s="14" t="s">
        <v>70</v>
      </c>
      <c r="D30193" s="14" t="s">
        <v>189</v>
      </c>
      <c r="E30193" s="15">
        <v>45639</v>
      </c>
      <c r="F30193" s="14" t="s">
        <v>15</v>
      </c>
      <c r="G30193" s="16">
        <v>2.6630677520141841</v>
      </c>
    </row>
    <row r="30194" spans="1:7" x14ac:dyDescent="0.3">
      <c r="A30194" s="13" t="s">
        <v>188</v>
      </c>
      <c r="B30194" s="14" t="s">
        <v>1</v>
      </c>
      <c r="C30194" s="14" t="s">
        <v>70</v>
      </c>
      <c r="D30194" s="14" t="s">
        <v>189</v>
      </c>
      <c r="E30194" s="15">
        <v>45640</v>
      </c>
      <c r="F30194" s="14" t="s">
        <v>15</v>
      </c>
      <c r="G30194" s="16">
        <v>2.6630677520141841</v>
      </c>
    </row>
    <row r="30195" spans="1:7" x14ac:dyDescent="0.3">
      <c r="A30195" s="13" t="s">
        <v>188</v>
      </c>
      <c r="B30195" s="14" t="s">
        <v>1</v>
      </c>
      <c r="C30195" s="14" t="s">
        <v>70</v>
      </c>
      <c r="D30195" s="14" t="s">
        <v>189</v>
      </c>
      <c r="E30195" s="15">
        <v>45641</v>
      </c>
      <c r="F30195" s="14" t="s">
        <v>15</v>
      </c>
      <c r="G30195" s="16">
        <v>2.6630677520141841</v>
      </c>
    </row>
    <row r="30196" spans="1:7" x14ac:dyDescent="0.3">
      <c r="A30196" s="13" t="s">
        <v>188</v>
      </c>
      <c r="B30196" s="14" t="s">
        <v>1</v>
      </c>
      <c r="C30196" s="14" t="s">
        <v>70</v>
      </c>
      <c r="D30196" s="14" t="s">
        <v>189</v>
      </c>
      <c r="E30196" s="15">
        <v>45642</v>
      </c>
      <c r="F30196" s="14" t="s">
        <v>15</v>
      </c>
      <c r="G30196" s="16">
        <v>2.6724317066212087</v>
      </c>
    </row>
    <row r="30197" spans="1:7" x14ac:dyDescent="0.3">
      <c r="A30197" s="13" t="s">
        <v>188</v>
      </c>
      <c r="B30197" s="14" t="s">
        <v>1</v>
      </c>
      <c r="C30197" s="14" t="s">
        <v>70</v>
      </c>
      <c r="D30197" s="14" t="s">
        <v>189</v>
      </c>
      <c r="E30197" s="15">
        <v>45643</v>
      </c>
      <c r="F30197" s="14" t="s">
        <v>15</v>
      </c>
      <c r="G30197" s="16">
        <v>2.6936831134523533</v>
      </c>
    </row>
    <row r="30198" spans="1:7" x14ac:dyDescent="0.3">
      <c r="A30198" s="13" t="s">
        <v>188</v>
      </c>
      <c r="B30198" s="14" t="s">
        <v>1</v>
      </c>
      <c r="C30198" s="14" t="s">
        <v>70</v>
      </c>
      <c r="D30198" s="14" t="s">
        <v>189</v>
      </c>
      <c r="E30198" s="15">
        <v>45644</v>
      </c>
      <c r="F30198" s="14" t="s">
        <v>15</v>
      </c>
      <c r="G30198" s="16">
        <v>2.6990282016692015</v>
      </c>
    </row>
    <row r="30199" spans="1:7" x14ac:dyDescent="0.3">
      <c r="A30199" s="13" t="s">
        <v>188</v>
      </c>
      <c r="B30199" s="14" t="s">
        <v>1</v>
      </c>
      <c r="C30199" s="14" t="s">
        <v>70</v>
      </c>
      <c r="D30199" s="14" t="s">
        <v>189</v>
      </c>
      <c r="E30199" s="15">
        <v>45645</v>
      </c>
      <c r="F30199" s="14" t="s">
        <v>15</v>
      </c>
      <c r="G30199" s="16">
        <v>2.7045863499820082</v>
      </c>
    </row>
    <row r="30200" spans="1:7" x14ac:dyDescent="0.3">
      <c r="A30200" s="13" t="s">
        <v>188</v>
      </c>
      <c r="B30200" s="14" t="s">
        <v>1</v>
      </c>
      <c r="C30200" s="14" t="s">
        <v>70</v>
      </c>
      <c r="D30200" s="14" t="s">
        <v>189</v>
      </c>
      <c r="E30200" s="15">
        <v>45646</v>
      </c>
      <c r="F30200" s="14" t="s">
        <v>15</v>
      </c>
      <c r="G30200" s="16">
        <v>2.713387565709632</v>
      </c>
    </row>
    <row r="30201" spans="1:7" x14ac:dyDescent="0.3">
      <c r="A30201" s="13" t="s">
        <v>188</v>
      </c>
      <c r="B30201" s="14" t="s">
        <v>1</v>
      </c>
      <c r="C30201" s="14" t="s">
        <v>70</v>
      </c>
      <c r="D30201" s="14" t="s">
        <v>189</v>
      </c>
      <c r="E30201" s="15">
        <v>45647</v>
      </c>
      <c r="F30201" s="14" t="s">
        <v>15</v>
      </c>
      <c r="G30201" s="16">
        <v>2.713387565709632</v>
      </c>
    </row>
    <row r="30202" spans="1:7" x14ac:dyDescent="0.3">
      <c r="A30202" s="13" t="s">
        <v>188</v>
      </c>
      <c r="B30202" s="14" t="s">
        <v>1</v>
      </c>
      <c r="C30202" s="14" t="s">
        <v>70</v>
      </c>
      <c r="D30202" s="14" t="s">
        <v>189</v>
      </c>
      <c r="E30202" s="15">
        <v>45648</v>
      </c>
      <c r="F30202" s="14" t="s">
        <v>15</v>
      </c>
      <c r="G30202" s="16">
        <v>2.713387565709632</v>
      </c>
    </row>
    <row r="30203" spans="1:7" x14ac:dyDescent="0.3">
      <c r="A30203" s="13" t="s">
        <v>188</v>
      </c>
      <c r="B30203" s="14" t="s">
        <v>1</v>
      </c>
      <c r="C30203" s="14" t="s">
        <v>70</v>
      </c>
      <c r="D30203" s="14" t="s">
        <v>189</v>
      </c>
      <c r="E30203" s="15">
        <v>45649</v>
      </c>
      <c r="F30203" s="14" t="s">
        <v>15</v>
      </c>
      <c r="G30203" s="16">
        <v>2.718841623593879</v>
      </c>
    </row>
    <row r="30204" spans="1:7" x14ac:dyDescent="0.3">
      <c r="A30204" s="13" t="s">
        <v>188</v>
      </c>
      <c r="B30204" s="14" t="s">
        <v>1</v>
      </c>
      <c r="C30204" s="14" t="s">
        <v>70</v>
      </c>
      <c r="D30204" s="14" t="s">
        <v>189</v>
      </c>
      <c r="E30204" s="15">
        <v>45650</v>
      </c>
      <c r="F30204" s="14" t="s">
        <v>15</v>
      </c>
      <c r="G30204" s="16">
        <v>2.7370679023450037</v>
      </c>
    </row>
    <row r="30205" spans="1:7" x14ac:dyDescent="0.3">
      <c r="A30205" s="13" t="s">
        <v>188</v>
      </c>
      <c r="B30205" s="14" t="s">
        <v>1</v>
      </c>
      <c r="C30205" s="14" t="s">
        <v>70</v>
      </c>
      <c r="D30205" s="14" t="s">
        <v>189</v>
      </c>
      <c r="E30205" s="15">
        <v>45651</v>
      </c>
      <c r="F30205" s="14" t="s">
        <v>15</v>
      </c>
      <c r="G30205" s="16">
        <v>2.7370679023450037</v>
      </c>
    </row>
    <row r="30206" spans="1:7" x14ac:dyDescent="0.3">
      <c r="A30206" s="13" t="s">
        <v>188</v>
      </c>
      <c r="B30206" s="14" t="s">
        <v>1</v>
      </c>
      <c r="C30206" s="14" t="s">
        <v>70</v>
      </c>
      <c r="D30206" s="14" t="s">
        <v>189</v>
      </c>
      <c r="E30206" s="15">
        <v>45652</v>
      </c>
      <c r="F30206" s="14" t="s">
        <v>15</v>
      </c>
      <c r="G30206" s="16">
        <v>2.7370679023450037</v>
      </c>
    </row>
    <row r="30207" spans="1:7" x14ac:dyDescent="0.3">
      <c r="A30207" s="13" t="s">
        <v>188</v>
      </c>
      <c r="B30207" s="14" t="s">
        <v>1</v>
      </c>
      <c r="C30207" s="14" t="s">
        <v>70</v>
      </c>
      <c r="D30207" s="14" t="s">
        <v>189</v>
      </c>
      <c r="E30207" s="15">
        <v>45653</v>
      </c>
      <c r="F30207" s="14" t="s">
        <v>15</v>
      </c>
      <c r="G30207" s="16">
        <v>2.7370679023450037</v>
      </c>
    </row>
    <row r="30208" spans="1:7" x14ac:dyDescent="0.3">
      <c r="A30208" s="13" t="s">
        <v>188</v>
      </c>
      <c r="B30208" s="14" t="s">
        <v>1</v>
      </c>
      <c r="C30208" s="14" t="s">
        <v>70</v>
      </c>
      <c r="D30208" s="14" t="s">
        <v>189</v>
      </c>
      <c r="E30208" s="15">
        <v>45654</v>
      </c>
      <c r="F30208" s="14" t="s">
        <v>15</v>
      </c>
      <c r="G30208" s="16">
        <v>2.7370679023450037</v>
      </c>
    </row>
    <row r="30209" spans="1:7" x14ac:dyDescent="0.3">
      <c r="A30209" s="13" t="s">
        <v>188</v>
      </c>
      <c r="B30209" s="14" t="s">
        <v>1</v>
      </c>
      <c r="C30209" s="14" t="s">
        <v>70</v>
      </c>
      <c r="D30209" s="14" t="s">
        <v>189</v>
      </c>
      <c r="E30209" s="15">
        <v>45655</v>
      </c>
      <c r="F30209" s="14" t="s">
        <v>15</v>
      </c>
      <c r="G30209" s="16">
        <v>2.7370679023450037</v>
      </c>
    </row>
    <row r="30210" spans="1:7" x14ac:dyDescent="0.3">
      <c r="A30210" s="13" t="s">
        <v>188</v>
      </c>
      <c r="B30210" s="14" t="s">
        <v>1</v>
      </c>
      <c r="C30210" s="14" t="s">
        <v>70</v>
      </c>
      <c r="D30210" s="14" t="s">
        <v>189</v>
      </c>
      <c r="E30210" s="15">
        <v>45656</v>
      </c>
      <c r="F30210" s="14" t="s">
        <v>15</v>
      </c>
      <c r="G30210" s="16">
        <v>2.7426707770138319</v>
      </c>
    </row>
    <row r="30211" spans="1:7" x14ac:dyDescent="0.3">
      <c r="A30211" s="13" t="s">
        <v>188</v>
      </c>
      <c r="B30211" s="14" t="s">
        <v>1</v>
      </c>
      <c r="C30211" s="14" t="s">
        <v>70</v>
      </c>
      <c r="D30211" s="14" t="s">
        <v>189</v>
      </c>
      <c r="E30211" s="15">
        <v>45657</v>
      </c>
      <c r="F30211" s="14" t="s">
        <v>15</v>
      </c>
      <c r="G30211" s="16">
        <v>2.7767846706303714</v>
      </c>
    </row>
    <row r="30212" spans="1:7" x14ac:dyDescent="0.3">
      <c r="A30212" s="13" t="s">
        <v>188</v>
      </c>
      <c r="B30212" s="14" t="s">
        <v>1</v>
      </c>
      <c r="C30212" s="14" t="s">
        <v>70</v>
      </c>
      <c r="D30212" s="14" t="s">
        <v>189</v>
      </c>
      <c r="E30212" s="15">
        <v>45658</v>
      </c>
      <c r="F30212" s="14" t="s">
        <v>15</v>
      </c>
      <c r="G30212" s="16">
        <v>2.7767846706303714</v>
      </c>
    </row>
    <row r="30213" spans="1:7" x14ac:dyDescent="0.3">
      <c r="A30213" s="13" t="s">
        <v>188</v>
      </c>
      <c r="B30213" s="14" t="s">
        <v>1</v>
      </c>
      <c r="C30213" s="14" t="s">
        <v>70</v>
      </c>
      <c r="D30213" s="14" t="s">
        <v>189</v>
      </c>
      <c r="E30213" s="15">
        <v>45659</v>
      </c>
      <c r="F30213" s="14" t="s">
        <v>15</v>
      </c>
      <c r="G30213" s="16">
        <v>2.7767846706303714</v>
      </c>
    </row>
    <row r="30214" spans="1:7" x14ac:dyDescent="0.3">
      <c r="A30214" s="13" t="s">
        <v>188</v>
      </c>
      <c r="B30214" s="14" t="s">
        <v>1</v>
      </c>
      <c r="C30214" s="14" t="s">
        <v>70</v>
      </c>
      <c r="D30214" s="14" t="s">
        <v>189</v>
      </c>
      <c r="E30214" s="15">
        <v>45660</v>
      </c>
      <c r="F30214" s="14" t="s">
        <v>15</v>
      </c>
      <c r="G30214" s="16">
        <v>2.7896966450796343</v>
      </c>
    </row>
    <row r="30215" spans="1:7" x14ac:dyDescent="0.3">
      <c r="A30215" s="13" t="s">
        <v>188</v>
      </c>
      <c r="B30215" s="14" t="s">
        <v>1</v>
      </c>
      <c r="C30215" s="14" t="s">
        <v>70</v>
      </c>
      <c r="D30215" s="14" t="s">
        <v>189</v>
      </c>
      <c r="E30215" s="15">
        <v>45661</v>
      </c>
      <c r="F30215" s="14" t="s">
        <v>15</v>
      </c>
      <c r="G30215" s="16">
        <v>2.7896966450796343</v>
      </c>
    </row>
    <row r="30216" spans="1:7" x14ac:dyDescent="0.3">
      <c r="A30216" s="13" t="s">
        <v>188</v>
      </c>
      <c r="B30216" s="14" t="s">
        <v>1</v>
      </c>
      <c r="C30216" s="14" t="s">
        <v>70</v>
      </c>
      <c r="D30216" s="14" t="s">
        <v>189</v>
      </c>
      <c r="E30216" s="15">
        <v>45662</v>
      </c>
      <c r="F30216" s="14" t="s">
        <v>15</v>
      </c>
      <c r="G30216" s="16">
        <v>2.7896966450796343</v>
      </c>
    </row>
    <row r="30217" spans="1:7" x14ac:dyDescent="0.3">
      <c r="A30217" s="13" t="s">
        <v>188</v>
      </c>
      <c r="B30217" s="14" t="s">
        <v>1</v>
      </c>
      <c r="C30217" s="14" t="s">
        <v>70</v>
      </c>
      <c r="D30217" s="14" t="s">
        <v>189</v>
      </c>
      <c r="E30217" s="15">
        <v>45663</v>
      </c>
      <c r="F30217" s="14" t="s">
        <v>15</v>
      </c>
      <c r="G30217" s="16">
        <v>2.8231201264004917</v>
      </c>
    </row>
    <row r="30218" spans="1:7" x14ac:dyDescent="0.3">
      <c r="A30218" s="13" t="s">
        <v>188</v>
      </c>
      <c r="B30218" s="14" t="s">
        <v>1</v>
      </c>
      <c r="C30218" s="14" t="s">
        <v>70</v>
      </c>
      <c r="D30218" s="14" t="s">
        <v>189</v>
      </c>
      <c r="E30218" s="15">
        <v>45664</v>
      </c>
      <c r="F30218" s="14" t="s">
        <v>15</v>
      </c>
      <c r="G30218" s="16">
        <v>2.8479163002479817</v>
      </c>
    </row>
    <row r="30219" spans="1:7" x14ac:dyDescent="0.3">
      <c r="A30219" s="13" t="s">
        <v>188</v>
      </c>
      <c r="B30219" s="14" t="s">
        <v>1</v>
      </c>
      <c r="C30219" s="14" t="s">
        <v>70</v>
      </c>
      <c r="D30219" s="14" t="s">
        <v>189</v>
      </c>
      <c r="E30219" s="15">
        <v>45665</v>
      </c>
      <c r="F30219" s="14" t="s">
        <v>15</v>
      </c>
      <c r="G30219" s="16">
        <v>2.8534809542125736</v>
      </c>
    </row>
    <row r="30220" spans="1:7" x14ac:dyDescent="0.3">
      <c r="A30220" s="13" t="s">
        <v>188</v>
      </c>
      <c r="B30220" s="14" t="s">
        <v>1</v>
      </c>
      <c r="C30220" s="14" t="s">
        <v>70</v>
      </c>
      <c r="D30220" s="14" t="s">
        <v>189</v>
      </c>
      <c r="E30220" s="15">
        <v>45666</v>
      </c>
      <c r="F30220" s="14" t="s">
        <v>15</v>
      </c>
      <c r="G30220" s="16">
        <v>2.8684763636459789</v>
      </c>
    </row>
    <row r="30221" spans="1:7" x14ac:dyDescent="0.3">
      <c r="A30221" s="13" t="s">
        <v>188</v>
      </c>
      <c r="B30221" s="14" t="s">
        <v>1</v>
      </c>
      <c r="C30221" s="14" t="s">
        <v>70</v>
      </c>
      <c r="D30221" s="14" t="s">
        <v>189</v>
      </c>
      <c r="E30221" s="15">
        <v>45667</v>
      </c>
      <c r="F30221" s="14" t="s">
        <v>15</v>
      </c>
      <c r="G30221" s="16">
        <v>2.8740580949465064</v>
      </c>
    </row>
    <row r="30222" spans="1:7" x14ac:dyDescent="0.3">
      <c r="A30222" s="13" t="s">
        <v>188</v>
      </c>
      <c r="B30222" s="14" t="s">
        <v>1</v>
      </c>
      <c r="C30222" s="14" t="s">
        <v>70</v>
      </c>
      <c r="D30222" s="14" t="s">
        <v>189</v>
      </c>
      <c r="E30222" s="15">
        <v>45668</v>
      </c>
      <c r="F30222" s="14" t="s">
        <v>15</v>
      </c>
      <c r="G30222" s="16">
        <v>2.8740580949465064</v>
      </c>
    </row>
    <row r="30223" spans="1:7" x14ac:dyDescent="0.3">
      <c r="A30223" s="13" t="s">
        <v>188</v>
      </c>
      <c r="B30223" s="14" t="s">
        <v>1</v>
      </c>
      <c r="C30223" s="14" t="s">
        <v>70</v>
      </c>
      <c r="D30223" s="14" t="s">
        <v>189</v>
      </c>
      <c r="E30223" s="15">
        <v>45669</v>
      </c>
      <c r="F30223" s="14" t="s">
        <v>15</v>
      </c>
      <c r="G30223" s="16">
        <v>2.8740580949465064</v>
      </c>
    </row>
    <row r="30224" spans="1:7" x14ac:dyDescent="0.3">
      <c r="A30224" s="13" t="s">
        <v>188</v>
      </c>
      <c r="B30224" s="14" t="s">
        <v>1</v>
      </c>
      <c r="C30224" s="14" t="s">
        <v>70</v>
      </c>
      <c r="D30224" s="14" t="s">
        <v>189</v>
      </c>
      <c r="E30224" s="15">
        <v>45670</v>
      </c>
      <c r="F30224" s="14" t="s">
        <v>15</v>
      </c>
      <c r="G30224" s="16">
        <v>2.8952371264015433</v>
      </c>
    </row>
    <row r="30225" spans="1:7" x14ac:dyDescent="0.3">
      <c r="A30225" s="13" t="s">
        <v>188</v>
      </c>
      <c r="B30225" s="14" t="s">
        <v>1</v>
      </c>
      <c r="C30225" s="14" t="s">
        <v>70</v>
      </c>
      <c r="D30225" s="14" t="s">
        <v>189</v>
      </c>
      <c r="E30225" s="15">
        <v>45671</v>
      </c>
      <c r="F30225" s="14" t="s">
        <v>15</v>
      </c>
      <c r="G30225" s="16">
        <v>2.9122810029407464</v>
      </c>
    </row>
    <row r="30226" spans="1:7" x14ac:dyDescent="0.3">
      <c r="A30226" s="13" t="s">
        <v>188</v>
      </c>
      <c r="B30226" s="14" t="s">
        <v>1</v>
      </c>
      <c r="C30226" s="14" t="s">
        <v>70</v>
      </c>
      <c r="D30226" s="14" t="s">
        <v>189</v>
      </c>
      <c r="E30226" s="15">
        <v>45672</v>
      </c>
      <c r="F30226" s="14" t="s">
        <v>15</v>
      </c>
      <c r="G30226" s="16">
        <v>2.9179384114615723</v>
      </c>
    </row>
    <row r="30227" spans="1:7" x14ac:dyDescent="0.3">
      <c r="A30227" s="13" t="s">
        <v>188</v>
      </c>
      <c r="B30227" s="14" t="s">
        <v>1</v>
      </c>
      <c r="C30227" s="14" t="s">
        <v>70</v>
      </c>
      <c r="D30227" s="14" t="s">
        <v>189</v>
      </c>
      <c r="E30227" s="15">
        <v>45673</v>
      </c>
      <c r="F30227" s="14" t="s">
        <v>15</v>
      </c>
      <c r="G30227" s="16">
        <v>2.9277051936174128</v>
      </c>
    </row>
    <row r="30228" spans="1:7" x14ac:dyDescent="0.3">
      <c r="A30228" s="13" t="s">
        <v>188</v>
      </c>
      <c r="B30228" s="14" t="s">
        <v>1</v>
      </c>
      <c r="C30228" s="14" t="s">
        <v>70</v>
      </c>
      <c r="D30228" s="14" t="s">
        <v>189</v>
      </c>
      <c r="E30228" s="15">
        <v>45674</v>
      </c>
      <c r="F30228" s="14" t="s">
        <v>15</v>
      </c>
      <c r="G30228" s="16">
        <v>2.9329362895672602</v>
      </c>
    </row>
    <row r="30229" spans="1:7" x14ac:dyDescent="0.3">
      <c r="A30229" s="13" t="s">
        <v>188</v>
      </c>
      <c r="B30229" s="14" t="s">
        <v>1</v>
      </c>
      <c r="C30229" s="14" t="s">
        <v>70</v>
      </c>
      <c r="D30229" s="14" t="s">
        <v>189</v>
      </c>
      <c r="E30229" s="15">
        <v>45675</v>
      </c>
      <c r="F30229" s="14" t="s">
        <v>15</v>
      </c>
      <c r="G30229" s="16">
        <v>2.9329362895672602</v>
      </c>
    </row>
    <row r="30230" spans="1:7" x14ac:dyDescent="0.3">
      <c r="A30230" s="13" t="s">
        <v>188</v>
      </c>
      <c r="B30230" s="14" t="s">
        <v>1</v>
      </c>
      <c r="C30230" s="14" t="s">
        <v>70</v>
      </c>
      <c r="D30230" s="14" t="s">
        <v>189</v>
      </c>
      <c r="E30230" s="15">
        <v>45676</v>
      </c>
      <c r="F30230" s="14" t="s">
        <v>15</v>
      </c>
      <c r="G30230" s="16">
        <v>2.9329362895672602</v>
      </c>
    </row>
    <row r="30231" spans="1:7" x14ac:dyDescent="0.3">
      <c r="A30231" s="13" t="s">
        <v>188</v>
      </c>
      <c r="B30231" s="14" t="s">
        <v>1</v>
      </c>
      <c r="C30231" s="14" t="s">
        <v>70</v>
      </c>
      <c r="D30231" s="14" t="s">
        <v>189</v>
      </c>
      <c r="E30231" s="15">
        <v>45677</v>
      </c>
      <c r="F30231" s="14" t="s">
        <v>15</v>
      </c>
      <c r="G30231" s="16">
        <v>2.9438780520672951</v>
      </c>
    </row>
    <row r="30232" spans="1:7" x14ac:dyDescent="0.3">
      <c r="A30232" s="13" t="s">
        <v>188</v>
      </c>
      <c r="B30232" s="14" t="s">
        <v>1</v>
      </c>
      <c r="C30232" s="14" t="s">
        <v>70</v>
      </c>
      <c r="D30232" s="14" t="s">
        <v>189</v>
      </c>
      <c r="E30232" s="15">
        <v>45678</v>
      </c>
      <c r="F30232" s="14" t="s">
        <v>15</v>
      </c>
      <c r="G30232" s="16">
        <v>2.9795581739628045</v>
      </c>
    </row>
    <row r="30233" spans="1:7" x14ac:dyDescent="0.3">
      <c r="A30233" s="13" t="s">
        <v>188</v>
      </c>
      <c r="B30233" s="14" t="s">
        <v>1</v>
      </c>
      <c r="C30233" s="14" t="s">
        <v>70</v>
      </c>
      <c r="D30233" s="14" t="s">
        <v>189</v>
      </c>
      <c r="E30233" s="15">
        <v>45679</v>
      </c>
      <c r="F30233" s="14" t="s">
        <v>15</v>
      </c>
      <c r="G30233" s="16">
        <v>2.9850959004708764</v>
      </c>
    </row>
    <row r="30234" spans="1:7" x14ac:dyDescent="0.3">
      <c r="A30234" s="13" t="s">
        <v>188</v>
      </c>
      <c r="B30234" s="14" t="s">
        <v>1</v>
      </c>
      <c r="C30234" s="14" t="s">
        <v>70</v>
      </c>
      <c r="D30234" s="14" t="s">
        <v>189</v>
      </c>
      <c r="E30234" s="15">
        <v>45680</v>
      </c>
      <c r="F30234" s="14" t="s">
        <v>15</v>
      </c>
      <c r="G30234" s="16">
        <v>2.9905593717155607</v>
      </c>
    </row>
    <row r="30235" spans="1:7" x14ac:dyDescent="0.3">
      <c r="A30235" s="13" t="s">
        <v>188</v>
      </c>
      <c r="B30235" s="14" t="s">
        <v>1</v>
      </c>
      <c r="C30235" s="14" t="s">
        <v>70</v>
      </c>
      <c r="D30235" s="14" t="s">
        <v>189</v>
      </c>
      <c r="E30235" s="15">
        <v>45681</v>
      </c>
      <c r="F30235" s="14" t="s">
        <v>15</v>
      </c>
      <c r="G30235" s="16">
        <v>2.9957799845694004</v>
      </c>
    </row>
    <row r="30236" spans="1:7" x14ac:dyDescent="0.3">
      <c r="A30236" s="13" t="s">
        <v>188</v>
      </c>
      <c r="B30236" s="14" t="s">
        <v>1</v>
      </c>
      <c r="C30236" s="14" t="s">
        <v>70</v>
      </c>
      <c r="D30236" s="14" t="s">
        <v>189</v>
      </c>
      <c r="E30236" s="15">
        <v>45682</v>
      </c>
      <c r="F30236" s="14" t="s">
        <v>15</v>
      </c>
      <c r="G30236" s="16">
        <v>2.9957799845694004</v>
      </c>
    </row>
    <row r="30237" spans="1:7" x14ac:dyDescent="0.3">
      <c r="A30237" s="13" t="s">
        <v>188</v>
      </c>
      <c r="B30237" s="14" t="s">
        <v>1</v>
      </c>
      <c r="C30237" s="14" t="s">
        <v>70</v>
      </c>
      <c r="D30237" s="14" t="s">
        <v>189</v>
      </c>
      <c r="E30237" s="15">
        <v>45683</v>
      </c>
      <c r="F30237" s="14" t="s">
        <v>15</v>
      </c>
      <c r="G30237" s="16">
        <v>2.9957799845694004</v>
      </c>
    </row>
    <row r="30238" spans="1:7" x14ac:dyDescent="0.3">
      <c r="A30238" s="13" t="s">
        <v>188</v>
      </c>
      <c r="B30238" s="14" t="s">
        <v>1</v>
      </c>
      <c r="C30238" s="14" t="s">
        <v>70</v>
      </c>
      <c r="D30238" s="14" t="s">
        <v>189</v>
      </c>
      <c r="E30238" s="15">
        <v>45684</v>
      </c>
      <c r="F30238" s="14" t="s">
        <v>15</v>
      </c>
      <c r="G30238" s="16">
        <v>3.0083230399846097</v>
      </c>
    </row>
    <row r="30239" spans="1:7" x14ac:dyDescent="0.3">
      <c r="A30239" s="13" t="s">
        <v>188</v>
      </c>
      <c r="B30239" s="14" t="s">
        <v>1</v>
      </c>
      <c r="C30239" s="14" t="s">
        <v>70</v>
      </c>
      <c r="D30239" s="14" t="s">
        <v>189</v>
      </c>
      <c r="E30239" s="15">
        <v>45685</v>
      </c>
      <c r="F30239" s="14" t="s">
        <v>15</v>
      </c>
      <c r="G30239" s="16">
        <v>3.0221878390881214</v>
      </c>
    </row>
    <row r="30240" spans="1:7" x14ac:dyDescent="0.3">
      <c r="A30240" s="13" t="s">
        <v>188</v>
      </c>
      <c r="B30240" s="14" t="s">
        <v>1</v>
      </c>
      <c r="C30240" s="14" t="s">
        <v>70</v>
      </c>
      <c r="D30240" s="14" t="s">
        <v>189</v>
      </c>
      <c r="E30240" s="15">
        <v>45686</v>
      </c>
      <c r="F30240" s="14" t="s">
        <v>15</v>
      </c>
      <c r="G30240" s="16">
        <v>3.0279029046369903</v>
      </c>
    </row>
    <row r="30241" spans="1:7" x14ac:dyDescent="0.3">
      <c r="A30241" s="13" t="s">
        <v>188</v>
      </c>
      <c r="B30241" s="14" t="s">
        <v>1</v>
      </c>
      <c r="C30241" s="14" t="s">
        <v>70</v>
      </c>
      <c r="D30241" s="14" t="s">
        <v>189</v>
      </c>
      <c r="E30241" s="15">
        <v>45687</v>
      </c>
      <c r="F30241" s="14" t="s">
        <v>15</v>
      </c>
      <c r="G30241" s="16">
        <v>3.0346461871859467</v>
      </c>
    </row>
    <row r="30242" spans="1:7" x14ac:dyDescent="0.3">
      <c r="A30242" s="13" t="s">
        <v>188</v>
      </c>
      <c r="B30242" s="14" t="s">
        <v>1</v>
      </c>
      <c r="C30242" s="14" t="s">
        <v>70</v>
      </c>
      <c r="D30242" s="14" t="s">
        <v>189</v>
      </c>
      <c r="E30242" s="15">
        <v>45688</v>
      </c>
      <c r="F30242" s="14" t="s">
        <v>15</v>
      </c>
      <c r="G30242" s="16">
        <v>3.0403769773788274</v>
      </c>
    </row>
    <row r="30243" spans="1:7" x14ac:dyDescent="0.3">
      <c r="A30243" s="13" t="s">
        <v>188</v>
      </c>
      <c r="B30243" s="14" t="s">
        <v>1</v>
      </c>
      <c r="C30243" s="14" t="s">
        <v>70</v>
      </c>
      <c r="D30243" s="14" t="s">
        <v>189</v>
      </c>
      <c r="E30243" s="15">
        <v>45689</v>
      </c>
      <c r="F30243" s="14" t="s">
        <v>15</v>
      </c>
      <c r="G30243" s="16">
        <v>3.0403769773788274</v>
      </c>
    </row>
    <row r="30244" spans="1:7" x14ac:dyDescent="0.3">
      <c r="A30244" s="13" t="s">
        <v>188</v>
      </c>
      <c r="B30244" s="14" t="s">
        <v>1</v>
      </c>
      <c r="C30244" s="14" t="s">
        <v>70</v>
      </c>
      <c r="D30244" s="14" t="s">
        <v>189</v>
      </c>
      <c r="E30244" s="15">
        <v>45690</v>
      </c>
      <c r="F30244" s="14" t="s">
        <v>15</v>
      </c>
      <c r="G30244" s="16">
        <v>3.0403769773788274</v>
      </c>
    </row>
    <row r="30245" spans="1:7" x14ac:dyDescent="0.3">
      <c r="A30245" s="13" t="s">
        <v>188</v>
      </c>
      <c r="B30245" s="14" t="s">
        <v>1</v>
      </c>
      <c r="C30245" s="14" t="s">
        <v>70</v>
      </c>
      <c r="D30245" s="14" t="s">
        <v>189</v>
      </c>
      <c r="E30245" s="15">
        <v>45691</v>
      </c>
      <c r="F30245" s="14" t="s">
        <v>15</v>
      </c>
      <c r="G30245" s="16">
        <v>3.0403769773788274</v>
      </c>
    </row>
    <row r="30246" spans="1:7" x14ac:dyDescent="0.3">
      <c r="A30246" s="13" t="s">
        <v>188</v>
      </c>
      <c r="B30246" s="14" t="s">
        <v>1</v>
      </c>
      <c r="C30246" s="14" t="s">
        <v>70</v>
      </c>
      <c r="D30246" s="14" t="s">
        <v>189</v>
      </c>
      <c r="E30246" s="15">
        <v>45692</v>
      </c>
      <c r="F30246" s="14" t="s">
        <v>15</v>
      </c>
      <c r="G30246" s="16">
        <v>3.04804714033313</v>
      </c>
    </row>
    <row r="30247" spans="1:7" x14ac:dyDescent="0.3">
      <c r="A30247" s="13" t="s">
        <v>188</v>
      </c>
      <c r="B30247" s="14" t="s">
        <v>1</v>
      </c>
      <c r="C30247" s="14" t="s">
        <v>70</v>
      </c>
      <c r="D30247" s="14" t="s">
        <v>189</v>
      </c>
      <c r="E30247" s="15">
        <v>45693</v>
      </c>
      <c r="F30247" s="14" t="s">
        <v>15</v>
      </c>
      <c r="G30247" s="16">
        <v>3.0655373434726334</v>
      </c>
    </row>
    <row r="30248" spans="1:7" x14ac:dyDescent="0.3">
      <c r="A30248" s="13" t="s">
        <v>188</v>
      </c>
      <c r="B30248" s="14" t="s">
        <v>1</v>
      </c>
      <c r="C30248" s="14" t="s">
        <v>70</v>
      </c>
      <c r="D30248" s="14" t="s">
        <v>189</v>
      </c>
      <c r="E30248" s="15">
        <v>45694</v>
      </c>
      <c r="F30248" s="14" t="s">
        <v>15</v>
      </c>
      <c r="G30248" s="16">
        <v>3.0712157181854751</v>
      </c>
    </row>
    <row r="30249" spans="1:7" x14ac:dyDescent="0.3">
      <c r="A30249" s="13" t="s">
        <v>188</v>
      </c>
      <c r="B30249" s="14" t="s">
        <v>1</v>
      </c>
      <c r="C30249" s="14" t="s">
        <v>70</v>
      </c>
      <c r="D30249" s="14" t="s">
        <v>189</v>
      </c>
      <c r="E30249" s="15">
        <v>45695</v>
      </c>
      <c r="F30249" s="14" t="s">
        <v>15</v>
      </c>
      <c r="G30249" s="16">
        <v>3.0792021212026768</v>
      </c>
    </row>
    <row r="30250" spans="1:7" x14ac:dyDescent="0.3">
      <c r="A30250" s="13" t="s">
        <v>188</v>
      </c>
      <c r="B30250" s="14" t="s">
        <v>1</v>
      </c>
      <c r="C30250" s="14" t="s">
        <v>70</v>
      </c>
      <c r="D30250" s="14" t="s">
        <v>189</v>
      </c>
      <c r="E30250" s="15">
        <v>45696</v>
      </c>
      <c r="F30250" s="14" t="s">
        <v>15</v>
      </c>
      <c r="G30250" s="16">
        <v>3.0792021212026768</v>
      </c>
    </row>
    <row r="30251" spans="1:7" x14ac:dyDescent="0.3">
      <c r="A30251" s="13" t="s">
        <v>188</v>
      </c>
      <c r="B30251" s="14" t="s">
        <v>1</v>
      </c>
      <c r="C30251" s="14" t="s">
        <v>70</v>
      </c>
      <c r="D30251" s="14" t="s">
        <v>189</v>
      </c>
      <c r="E30251" s="15">
        <v>45697</v>
      </c>
      <c r="F30251" s="14" t="s">
        <v>15</v>
      </c>
      <c r="G30251" s="16">
        <v>3.0792021212026768</v>
      </c>
    </row>
    <row r="30252" spans="1:7" x14ac:dyDescent="0.3">
      <c r="A30252" s="13" t="s">
        <v>188</v>
      </c>
      <c r="B30252" s="14" t="s">
        <v>1</v>
      </c>
      <c r="C30252" s="14" t="s">
        <v>70</v>
      </c>
      <c r="D30252" s="14" t="s">
        <v>189</v>
      </c>
      <c r="E30252" s="15">
        <v>45698</v>
      </c>
      <c r="F30252" s="14" t="s">
        <v>15</v>
      </c>
      <c r="G30252" s="16">
        <v>3.0848708864108447</v>
      </c>
    </row>
    <row r="30253" spans="1:7" x14ac:dyDescent="0.3">
      <c r="A30253" s="13" t="s">
        <v>188</v>
      </c>
      <c r="B30253" s="14" t="s">
        <v>1</v>
      </c>
      <c r="C30253" s="14" t="s">
        <v>70</v>
      </c>
      <c r="D30253" s="14" t="s">
        <v>189</v>
      </c>
      <c r="E30253" s="15">
        <v>45699</v>
      </c>
      <c r="F30253" s="14" t="s">
        <v>15</v>
      </c>
      <c r="G30253" s="16">
        <v>3.1025008641637846</v>
      </c>
    </row>
    <row r="30254" spans="1:7" x14ac:dyDescent="0.3">
      <c r="A30254" s="13" t="s">
        <v>188</v>
      </c>
      <c r="B30254" s="14" t="s">
        <v>1</v>
      </c>
      <c r="C30254" s="14" t="s">
        <v>70</v>
      </c>
      <c r="D30254" s="14" t="s">
        <v>189</v>
      </c>
      <c r="E30254" s="15">
        <v>45700</v>
      </c>
      <c r="F30254" s="14" t="s">
        <v>15</v>
      </c>
      <c r="G30254" s="16">
        <v>3.1081451688146013</v>
      </c>
    </row>
    <row r="30255" spans="1:7" x14ac:dyDescent="0.3">
      <c r="A30255" s="13" t="s">
        <v>188</v>
      </c>
      <c r="B30255" s="14" t="s">
        <v>1</v>
      </c>
      <c r="C30255" s="14" t="s">
        <v>70</v>
      </c>
      <c r="D30255" s="14" t="s">
        <v>189</v>
      </c>
      <c r="E30255" s="15">
        <v>45701</v>
      </c>
      <c r="F30255" s="14" t="s">
        <v>15</v>
      </c>
      <c r="G30255" s="16">
        <v>3.1210429023114039</v>
      </c>
    </row>
    <row r="30256" spans="1:7" x14ac:dyDescent="0.3">
      <c r="A30256" s="13" t="s">
        <v>188</v>
      </c>
      <c r="B30256" s="14" t="s">
        <v>1</v>
      </c>
      <c r="C30256" s="14" t="s">
        <v>70</v>
      </c>
      <c r="D30256" s="14" t="s">
        <v>189</v>
      </c>
      <c r="E30256" s="15">
        <v>45702</v>
      </c>
      <c r="F30256" s="14" t="s">
        <v>15</v>
      </c>
      <c r="G30256" s="16">
        <v>3.1374498521967804</v>
      </c>
    </row>
    <row r="30257" spans="1:7" x14ac:dyDescent="0.3">
      <c r="A30257" s="13" t="s">
        <v>188</v>
      </c>
      <c r="B30257" s="14" t="s">
        <v>1</v>
      </c>
      <c r="C30257" s="14" t="s">
        <v>70</v>
      </c>
      <c r="D30257" s="14" t="s">
        <v>189</v>
      </c>
      <c r="E30257" s="15">
        <v>45703</v>
      </c>
      <c r="F30257" s="14" t="s">
        <v>15</v>
      </c>
      <c r="G30257" s="16">
        <v>3.1374498521967804</v>
      </c>
    </row>
    <row r="30258" spans="1:7" x14ac:dyDescent="0.3">
      <c r="A30258" s="13" t="s">
        <v>188</v>
      </c>
      <c r="B30258" s="14" t="s">
        <v>1</v>
      </c>
      <c r="C30258" s="14" t="s">
        <v>70</v>
      </c>
      <c r="D30258" s="14" t="s">
        <v>189</v>
      </c>
      <c r="E30258" s="15">
        <v>45704</v>
      </c>
      <c r="F30258" s="14" t="s">
        <v>15</v>
      </c>
      <c r="G30258" s="16">
        <v>3.1374498521967804</v>
      </c>
    </row>
    <row r="30259" spans="1:7" x14ac:dyDescent="0.3">
      <c r="A30259" s="13" t="s">
        <v>188</v>
      </c>
      <c r="B30259" s="14" t="s">
        <v>1</v>
      </c>
      <c r="C30259" s="14" t="s">
        <v>70</v>
      </c>
      <c r="D30259" s="14" t="s">
        <v>189</v>
      </c>
      <c r="E30259" s="15">
        <v>45705</v>
      </c>
      <c r="F30259" s="14" t="s">
        <v>15</v>
      </c>
      <c r="G30259" s="16">
        <v>3.1882099076993491</v>
      </c>
    </row>
    <row r="30260" spans="1:7" x14ac:dyDescent="0.3">
      <c r="A30260" s="13" t="s">
        <v>188</v>
      </c>
      <c r="B30260" s="14" t="s">
        <v>1</v>
      </c>
      <c r="C30260" s="14" t="s">
        <v>70</v>
      </c>
      <c r="D30260" s="14" t="s">
        <v>189</v>
      </c>
      <c r="E30260" s="15">
        <v>45706</v>
      </c>
      <c r="F30260" s="14" t="s">
        <v>15</v>
      </c>
      <c r="G30260" s="16">
        <v>3.2050003641803402</v>
      </c>
    </row>
    <row r="30261" spans="1:7" x14ac:dyDescent="0.3">
      <c r="A30261" s="13" t="s">
        <v>188</v>
      </c>
      <c r="B30261" s="14" t="s">
        <v>1</v>
      </c>
      <c r="C30261" s="14" t="s">
        <v>70</v>
      </c>
      <c r="D30261" s="14" t="s">
        <v>189</v>
      </c>
      <c r="E30261" s="15">
        <v>45707</v>
      </c>
      <c r="F30261" s="14" t="s">
        <v>15</v>
      </c>
      <c r="G30261" s="16">
        <v>3.2240490542596536</v>
      </c>
    </row>
    <row r="30262" spans="1:7" x14ac:dyDescent="0.3">
      <c r="A30262" s="13" t="s">
        <v>188</v>
      </c>
      <c r="B30262" s="14" t="s">
        <v>1</v>
      </c>
      <c r="C30262" s="14" t="s">
        <v>70</v>
      </c>
      <c r="D30262" s="14" t="s">
        <v>189</v>
      </c>
      <c r="E30262" s="15">
        <v>45708</v>
      </c>
      <c r="F30262" s="14" t="s">
        <v>15</v>
      </c>
      <c r="G30262" s="16">
        <v>3.2293290713242033</v>
      </c>
    </row>
    <row r="30263" spans="1:7" x14ac:dyDescent="0.3">
      <c r="A30263" s="13" t="s">
        <v>188</v>
      </c>
      <c r="B30263" s="14" t="s">
        <v>1</v>
      </c>
      <c r="C30263" s="14" t="s">
        <v>70</v>
      </c>
      <c r="D30263" s="14" t="s">
        <v>189</v>
      </c>
      <c r="E30263" s="15">
        <v>45709</v>
      </c>
      <c r="F30263" s="14" t="s">
        <v>15</v>
      </c>
      <c r="G30263" s="16">
        <v>3.2354293906513547</v>
      </c>
    </row>
    <row r="30264" spans="1:7" x14ac:dyDescent="0.3">
      <c r="A30264" s="13" t="s">
        <v>188</v>
      </c>
      <c r="B30264" s="14" t="s">
        <v>1</v>
      </c>
      <c r="C30264" s="14" t="s">
        <v>70</v>
      </c>
      <c r="D30264" s="14" t="s">
        <v>189</v>
      </c>
      <c r="E30264" s="15">
        <v>45710</v>
      </c>
      <c r="F30264" s="14" t="s">
        <v>15</v>
      </c>
      <c r="G30264" s="16">
        <v>3.2354293906513547</v>
      </c>
    </row>
    <row r="30265" spans="1:7" x14ac:dyDescent="0.3">
      <c r="A30265" s="13" t="s">
        <v>188</v>
      </c>
      <c r="B30265" s="14" t="s">
        <v>1</v>
      </c>
      <c r="C30265" s="14" t="s">
        <v>70</v>
      </c>
      <c r="D30265" s="14" t="s">
        <v>189</v>
      </c>
      <c r="E30265" s="15">
        <v>45711</v>
      </c>
      <c r="F30265" s="14" t="s">
        <v>15</v>
      </c>
      <c r="G30265" s="16">
        <v>3.2354293906513547</v>
      </c>
    </row>
    <row r="30266" spans="1:7" x14ac:dyDescent="0.3">
      <c r="A30266" s="13" t="s">
        <v>188</v>
      </c>
      <c r="B30266" s="14" t="s">
        <v>1</v>
      </c>
      <c r="C30266" s="14" t="s">
        <v>70</v>
      </c>
      <c r="D30266" s="14" t="s">
        <v>189</v>
      </c>
      <c r="E30266" s="15">
        <v>45712</v>
      </c>
      <c r="F30266" s="14" t="s">
        <v>15</v>
      </c>
      <c r="G30266" s="16">
        <v>3.2409714851160967</v>
      </c>
    </row>
    <row r="30267" spans="1:7" x14ac:dyDescent="0.3">
      <c r="A30267" s="13" t="s">
        <v>188</v>
      </c>
      <c r="B30267" s="14" t="s">
        <v>1</v>
      </c>
      <c r="C30267" s="14" t="s">
        <v>70</v>
      </c>
      <c r="D30267" s="14" t="s">
        <v>189</v>
      </c>
      <c r="E30267" s="15">
        <v>45713</v>
      </c>
      <c r="F30267" s="14" t="s">
        <v>15</v>
      </c>
      <c r="G30267" s="16">
        <v>3.2575714986862812</v>
      </c>
    </row>
    <row r="30268" spans="1:7" x14ac:dyDescent="0.3">
      <c r="A30268" s="13" t="s">
        <v>188</v>
      </c>
      <c r="B30268" s="14" t="s">
        <v>1</v>
      </c>
      <c r="C30268" s="14" t="s">
        <v>70</v>
      </c>
      <c r="D30268" s="14" t="s">
        <v>189</v>
      </c>
      <c r="E30268" s="15">
        <v>45714</v>
      </c>
      <c r="F30268" s="14" t="s">
        <v>15</v>
      </c>
      <c r="G30268" s="16">
        <v>3.2630271076089601</v>
      </c>
    </row>
    <row r="30269" spans="1:7" x14ac:dyDescent="0.3">
      <c r="A30269" s="13" t="s">
        <v>188</v>
      </c>
      <c r="B30269" s="14" t="s">
        <v>1</v>
      </c>
      <c r="C30269" s="14" t="s">
        <v>70</v>
      </c>
      <c r="D30269" s="14" t="s">
        <v>189</v>
      </c>
      <c r="E30269" s="15">
        <v>45715</v>
      </c>
      <c r="F30269" s="14" t="s">
        <v>15</v>
      </c>
      <c r="G30269" s="16">
        <v>3.270227278425585</v>
      </c>
    </row>
    <row r="30270" spans="1:7" x14ac:dyDescent="0.3">
      <c r="A30270" s="13" t="s">
        <v>188</v>
      </c>
      <c r="B30270" s="14" t="s">
        <v>1</v>
      </c>
      <c r="C30270" s="14" t="s">
        <v>70</v>
      </c>
      <c r="D30270" s="14" t="s">
        <v>189</v>
      </c>
      <c r="E30270" s="15">
        <v>45716</v>
      </c>
      <c r="F30270" s="14" t="s">
        <v>15</v>
      </c>
      <c r="G30270" s="16">
        <v>3.2804098900563967</v>
      </c>
    </row>
    <row r="30271" spans="1:7" x14ac:dyDescent="0.3">
      <c r="A30271" s="13" t="s">
        <v>188</v>
      </c>
      <c r="B30271" s="14" t="s">
        <v>1</v>
      </c>
      <c r="C30271" s="14" t="s">
        <v>70</v>
      </c>
      <c r="D30271" s="14" t="s">
        <v>189</v>
      </c>
      <c r="E30271" s="15">
        <v>45717</v>
      </c>
      <c r="F30271" s="14" t="s">
        <v>15</v>
      </c>
      <c r="G30271" s="16">
        <v>3.2804098900563967</v>
      </c>
    </row>
    <row r="30272" spans="1:7" x14ac:dyDescent="0.3">
      <c r="A30272" s="13" t="s">
        <v>188</v>
      </c>
      <c r="B30272" s="14" t="s">
        <v>1</v>
      </c>
      <c r="C30272" s="14" t="s">
        <v>70</v>
      </c>
      <c r="D30272" s="14" t="s">
        <v>189</v>
      </c>
      <c r="E30272" s="15">
        <v>45718</v>
      </c>
      <c r="F30272" s="14" t="s">
        <v>15</v>
      </c>
      <c r="G30272" s="16">
        <v>3.2804098900563967</v>
      </c>
    </row>
    <row r="30273" spans="1:7" x14ac:dyDescent="0.3">
      <c r="A30273" s="13" t="s">
        <v>188</v>
      </c>
      <c r="B30273" s="14" t="s">
        <v>1</v>
      </c>
      <c r="C30273" s="14" t="s">
        <v>70</v>
      </c>
      <c r="D30273" s="14" t="s">
        <v>189</v>
      </c>
      <c r="E30273" s="15">
        <v>45719</v>
      </c>
      <c r="F30273" s="14" t="s">
        <v>15</v>
      </c>
      <c r="G30273" s="16">
        <v>3.3106484115325827</v>
      </c>
    </row>
    <row r="30274" spans="1:7" x14ac:dyDescent="0.3">
      <c r="A30274" s="13" t="s">
        <v>188</v>
      </c>
      <c r="B30274" s="14" t="s">
        <v>1</v>
      </c>
      <c r="C30274" s="14" t="s">
        <v>70</v>
      </c>
      <c r="D30274" s="14" t="s">
        <v>189</v>
      </c>
      <c r="E30274" s="15">
        <v>45720</v>
      </c>
      <c r="F30274" s="14" t="s">
        <v>15</v>
      </c>
      <c r="G30274" s="16">
        <v>3.3286016180790927</v>
      </c>
    </row>
    <row r="30275" spans="1:7" x14ac:dyDescent="0.3">
      <c r="A30275" s="13" t="s">
        <v>188</v>
      </c>
      <c r="B30275" s="14" t="s">
        <v>1</v>
      </c>
      <c r="C30275" s="14" t="s">
        <v>70</v>
      </c>
      <c r="D30275" s="14" t="s">
        <v>189</v>
      </c>
      <c r="E30275" s="15">
        <v>45721</v>
      </c>
      <c r="F30275" s="14" t="s">
        <v>15</v>
      </c>
      <c r="G30275" s="16">
        <v>3.3341026537511378</v>
      </c>
    </row>
    <row r="30276" spans="1:7" x14ac:dyDescent="0.3">
      <c r="A30276" s="13" t="s">
        <v>188</v>
      </c>
      <c r="B30276" s="14" t="s">
        <v>1</v>
      </c>
      <c r="C30276" s="14" t="s">
        <v>70</v>
      </c>
      <c r="D30276" s="14" t="s">
        <v>189</v>
      </c>
      <c r="E30276" s="15">
        <v>45722</v>
      </c>
      <c r="F30276" s="14" t="s">
        <v>15</v>
      </c>
      <c r="G30276" s="16">
        <v>3.3426149587513914</v>
      </c>
    </row>
    <row r="30277" spans="1:7" x14ac:dyDescent="0.3">
      <c r="A30277" s="13" t="s">
        <v>188</v>
      </c>
      <c r="B30277" s="14" t="s">
        <v>1</v>
      </c>
      <c r="C30277" s="14" t="s">
        <v>70</v>
      </c>
      <c r="D30277" s="14" t="s">
        <v>189</v>
      </c>
      <c r="E30277" s="15">
        <v>45723</v>
      </c>
      <c r="F30277" s="14" t="s">
        <v>15</v>
      </c>
      <c r="G30277" s="16">
        <v>3.3913771108731612</v>
      </c>
    </row>
    <row r="30278" spans="1:7" x14ac:dyDescent="0.3">
      <c r="A30278" s="13" t="s">
        <v>188</v>
      </c>
      <c r="B30278" s="14" t="s">
        <v>1</v>
      </c>
      <c r="C30278" s="14" t="s">
        <v>70</v>
      </c>
      <c r="D30278" s="14" t="s">
        <v>189</v>
      </c>
      <c r="E30278" s="15">
        <v>45724</v>
      </c>
      <c r="F30278" s="14" t="s">
        <v>15</v>
      </c>
      <c r="G30278" s="16">
        <v>3.3913771108731612</v>
      </c>
    </row>
    <row r="30279" spans="1:7" x14ac:dyDescent="0.3">
      <c r="A30279" s="13" t="s">
        <v>188</v>
      </c>
      <c r="B30279" s="14" t="s">
        <v>1</v>
      </c>
      <c r="C30279" s="14" t="s">
        <v>70</v>
      </c>
      <c r="D30279" s="14" t="s">
        <v>189</v>
      </c>
      <c r="E30279" s="15">
        <v>45725</v>
      </c>
      <c r="F30279" s="14" t="s">
        <v>15</v>
      </c>
      <c r="G30279" s="16">
        <v>3.3913771108731612</v>
      </c>
    </row>
    <row r="30280" spans="1:7" x14ac:dyDescent="0.3">
      <c r="A30280" s="13" t="s">
        <v>188</v>
      </c>
      <c r="B30280" s="14" t="s">
        <v>1</v>
      </c>
      <c r="C30280" s="14" t="s">
        <v>70</v>
      </c>
      <c r="D30280" s="14" t="s">
        <v>189</v>
      </c>
      <c r="E30280" s="15">
        <v>45726</v>
      </c>
      <c r="F30280" s="14" t="s">
        <v>15</v>
      </c>
      <c r="G30280" s="16">
        <v>3.4013937401505179</v>
      </c>
    </row>
    <row r="30281" spans="1:7" x14ac:dyDescent="0.3">
      <c r="A30281" s="13" t="s">
        <v>188</v>
      </c>
      <c r="B30281" s="14" t="s">
        <v>1</v>
      </c>
      <c r="C30281" s="14" t="s">
        <v>70</v>
      </c>
      <c r="D30281" s="14" t="s">
        <v>189</v>
      </c>
      <c r="E30281" s="15">
        <v>45727</v>
      </c>
      <c r="F30281" s="14" t="s">
        <v>15</v>
      </c>
      <c r="G30281" s="16">
        <v>3.4212408927090836</v>
      </c>
    </row>
    <row r="30282" spans="1:7" x14ac:dyDescent="0.3">
      <c r="A30282" s="13" t="s">
        <v>188</v>
      </c>
      <c r="B30282" s="14" t="s">
        <v>1</v>
      </c>
      <c r="C30282" s="14" t="s">
        <v>70</v>
      </c>
      <c r="D30282" s="14" t="s">
        <v>189</v>
      </c>
      <c r="E30282" s="15">
        <v>45728</v>
      </c>
      <c r="F30282" s="14" t="s">
        <v>15</v>
      </c>
      <c r="G30282" s="16">
        <v>3.4382034466828677</v>
      </c>
    </row>
    <row r="30283" spans="1:7" x14ac:dyDescent="0.3">
      <c r="A30283" s="13" t="s">
        <v>188</v>
      </c>
      <c r="B30283" s="14" t="s">
        <v>1</v>
      </c>
      <c r="C30283" s="14" t="s">
        <v>70</v>
      </c>
      <c r="D30283" s="14" t="s">
        <v>189</v>
      </c>
      <c r="E30283" s="15">
        <v>45729</v>
      </c>
      <c r="F30283" s="14" t="s">
        <v>15</v>
      </c>
      <c r="G30283" s="16">
        <v>3.4439316161017457</v>
      </c>
    </row>
    <row r="30284" spans="1:7" x14ac:dyDescent="0.3">
      <c r="A30284" s="13" t="s">
        <v>188</v>
      </c>
      <c r="B30284" s="14" t="s">
        <v>1</v>
      </c>
      <c r="C30284" s="14" t="s">
        <v>70</v>
      </c>
      <c r="D30284" s="14" t="s">
        <v>189</v>
      </c>
      <c r="E30284" s="15">
        <v>45730</v>
      </c>
      <c r="F30284" s="14" t="s">
        <v>15</v>
      </c>
      <c r="G30284" s="16">
        <v>3.4591583440949232</v>
      </c>
    </row>
    <row r="30285" spans="1:7" x14ac:dyDescent="0.3">
      <c r="A30285" s="13" t="s">
        <v>188</v>
      </c>
      <c r="B30285" s="14" t="s">
        <v>1</v>
      </c>
      <c r="C30285" s="14" t="s">
        <v>70</v>
      </c>
      <c r="D30285" s="14" t="s">
        <v>189</v>
      </c>
      <c r="E30285" s="15">
        <v>45731</v>
      </c>
      <c r="F30285" s="14" t="s">
        <v>15</v>
      </c>
      <c r="G30285" s="16">
        <v>3.4591583440949232</v>
      </c>
    </row>
    <row r="30286" spans="1:7" x14ac:dyDescent="0.3">
      <c r="A30286" s="13" t="s">
        <v>188</v>
      </c>
      <c r="B30286" s="14" t="s">
        <v>1</v>
      </c>
      <c r="C30286" s="14" t="s">
        <v>70</v>
      </c>
      <c r="D30286" s="14" t="s">
        <v>189</v>
      </c>
      <c r="E30286" s="15">
        <v>45732</v>
      </c>
      <c r="F30286" s="14" t="s">
        <v>15</v>
      </c>
      <c r="G30286" s="16">
        <v>3.4591583440949232</v>
      </c>
    </row>
    <row r="30287" spans="1:7" x14ac:dyDescent="0.3">
      <c r="A30287" s="13" t="s">
        <v>188</v>
      </c>
      <c r="B30287" s="14" t="s">
        <v>1</v>
      </c>
      <c r="C30287" s="14" t="s">
        <v>70</v>
      </c>
      <c r="D30287" s="14" t="s">
        <v>189</v>
      </c>
      <c r="E30287" s="15">
        <v>45733</v>
      </c>
      <c r="F30287" s="14" t="s">
        <v>15</v>
      </c>
      <c r="G30287" s="16">
        <v>3.4591583440949232</v>
      </c>
    </row>
    <row r="30288" spans="1:7" x14ac:dyDescent="0.3">
      <c r="A30288" s="13" t="s">
        <v>188</v>
      </c>
      <c r="B30288" s="14" t="s">
        <v>1</v>
      </c>
      <c r="C30288" s="14" t="s">
        <v>70</v>
      </c>
      <c r="D30288" s="14" t="s">
        <v>189</v>
      </c>
      <c r="E30288" s="15">
        <v>45734</v>
      </c>
      <c r="F30288" s="14" t="s">
        <v>15</v>
      </c>
      <c r="G30288" s="16">
        <v>3.4708409120461683</v>
      </c>
    </row>
    <row r="30289" spans="1:7" x14ac:dyDescent="0.3">
      <c r="A30289" s="13" t="s">
        <v>188</v>
      </c>
      <c r="B30289" s="14" t="s">
        <v>1</v>
      </c>
      <c r="C30289" s="14" t="s">
        <v>70</v>
      </c>
      <c r="D30289" s="14" t="s">
        <v>189</v>
      </c>
      <c r="E30289" s="15">
        <v>45735</v>
      </c>
      <c r="F30289" s="14" t="s">
        <v>15</v>
      </c>
      <c r="G30289" s="16">
        <v>3.5015983467747347</v>
      </c>
    </row>
    <row r="30290" spans="1:7" x14ac:dyDescent="0.3">
      <c r="A30290" s="13" t="s">
        <v>188</v>
      </c>
      <c r="B30290" s="14" t="s">
        <v>1</v>
      </c>
      <c r="C30290" s="14" t="s">
        <v>70</v>
      </c>
      <c r="D30290" s="14" t="s">
        <v>189</v>
      </c>
      <c r="E30290" s="15">
        <v>45736</v>
      </c>
      <c r="F30290" s="14" t="s">
        <v>15</v>
      </c>
      <c r="G30290" s="16">
        <v>3.5072077077721926</v>
      </c>
    </row>
    <row r="30291" spans="1:7" x14ac:dyDescent="0.3">
      <c r="A30291" s="13" t="s">
        <v>188</v>
      </c>
      <c r="B30291" s="14" t="s">
        <v>1</v>
      </c>
      <c r="C30291" s="14" t="s">
        <v>70</v>
      </c>
      <c r="D30291" s="14" t="s">
        <v>189</v>
      </c>
      <c r="E30291" s="15">
        <v>45737</v>
      </c>
      <c r="F30291" s="14" t="s">
        <v>15</v>
      </c>
      <c r="G30291" s="16">
        <v>3.5124833568800722</v>
      </c>
    </row>
    <row r="30292" spans="1:7" x14ac:dyDescent="0.3">
      <c r="A30292" s="13" t="s">
        <v>188</v>
      </c>
      <c r="B30292" s="14" t="s">
        <v>1</v>
      </c>
      <c r="C30292" s="14" t="s">
        <v>70</v>
      </c>
      <c r="D30292" s="14" t="s">
        <v>189</v>
      </c>
      <c r="E30292" s="15">
        <v>45738</v>
      </c>
      <c r="F30292" s="14" t="s">
        <v>15</v>
      </c>
      <c r="G30292" s="16">
        <v>3.5124833568800722</v>
      </c>
    </row>
    <row r="30293" spans="1:7" x14ac:dyDescent="0.3">
      <c r="A30293" s="13" t="s">
        <v>188</v>
      </c>
      <c r="B30293" s="14" t="s">
        <v>1</v>
      </c>
      <c r="C30293" s="14" t="s">
        <v>70</v>
      </c>
      <c r="D30293" s="14" t="s">
        <v>189</v>
      </c>
      <c r="E30293" s="15">
        <v>45739</v>
      </c>
      <c r="F30293" s="14" t="s">
        <v>15</v>
      </c>
      <c r="G30293" s="16">
        <v>3.5124833568800722</v>
      </c>
    </row>
    <row r="30294" spans="1:7" x14ac:dyDescent="0.3">
      <c r="A30294" s="13" t="s">
        <v>188</v>
      </c>
      <c r="B30294" s="14" t="s">
        <v>1</v>
      </c>
      <c r="C30294" s="14" t="s">
        <v>70</v>
      </c>
      <c r="D30294" s="14" t="s">
        <v>189</v>
      </c>
      <c r="E30294" s="15">
        <v>45740</v>
      </c>
      <c r="F30294" s="14" t="s">
        <v>15</v>
      </c>
      <c r="G30294" s="16">
        <v>3.5181503749055723</v>
      </c>
    </row>
    <row r="30295" spans="1:7" x14ac:dyDescent="0.3">
      <c r="A30295" s="13" t="s">
        <v>188</v>
      </c>
      <c r="B30295" s="14" t="s">
        <v>1</v>
      </c>
      <c r="C30295" s="14" t="s">
        <v>70</v>
      </c>
      <c r="D30295" s="14" t="s">
        <v>189</v>
      </c>
      <c r="E30295" s="15">
        <v>45741</v>
      </c>
      <c r="F30295" s="14" t="s">
        <v>15</v>
      </c>
      <c r="G30295" s="16">
        <v>3.5351810690034062</v>
      </c>
    </row>
    <row r="30296" spans="1:7" x14ac:dyDescent="0.3">
      <c r="A30296" s="13" t="s">
        <v>188</v>
      </c>
      <c r="B30296" s="14" t="s">
        <v>1</v>
      </c>
      <c r="C30296" s="14" t="s">
        <v>70</v>
      </c>
      <c r="D30296" s="14" t="s">
        <v>189</v>
      </c>
      <c r="E30296" s="15">
        <v>45742</v>
      </c>
      <c r="F30296" s="14" t="s">
        <v>15</v>
      </c>
      <c r="G30296" s="16">
        <v>3.5407825676788587</v>
      </c>
    </row>
    <row r="30297" spans="1:7" x14ac:dyDescent="0.3">
      <c r="A30297" s="13" t="s">
        <v>188</v>
      </c>
      <c r="B30297" s="14" t="s">
        <v>1</v>
      </c>
      <c r="C30297" s="14" t="s">
        <v>70</v>
      </c>
      <c r="D30297" s="14" t="s">
        <v>189</v>
      </c>
      <c r="E30297" s="15">
        <v>45743</v>
      </c>
      <c r="F30297" s="14" t="s">
        <v>15</v>
      </c>
      <c r="G30297" s="16">
        <v>3.5540524510839342</v>
      </c>
    </row>
    <row r="30298" spans="1:7" x14ac:dyDescent="0.3">
      <c r="A30298" s="13" t="s">
        <v>188</v>
      </c>
      <c r="B30298" s="14" t="s">
        <v>1</v>
      </c>
      <c r="C30298" s="14" t="s">
        <v>70</v>
      </c>
      <c r="D30298" s="14" t="s">
        <v>189</v>
      </c>
      <c r="E30298" s="15">
        <v>45744</v>
      </c>
      <c r="F30298" s="14" t="s">
        <v>15</v>
      </c>
      <c r="G30298" s="16">
        <v>3.6614448119940328</v>
      </c>
    </row>
    <row r="30299" spans="1:7" x14ac:dyDescent="0.3">
      <c r="A30299" s="13" t="s">
        <v>188</v>
      </c>
      <c r="B30299" s="14" t="s">
        <v>1</v>
      </c>
      <c r="C30299" s="14" t="s">
        <v>70</v>
      </c>
      <c r="D30299" s="14" t="s">
        <v>189</v>
      </c>
      <c r="E30299" s="15">
        <v>45745</v>
      </c>
      <c r="F30299" s="14" t="s">
        <v>15</v>
      </c>
      <c r="G30299" s="16">
        <v>3.6614448119940328</v>
      </c>
    </row>
    <row r="30300" spans="1:7" x14ac:dyDescent="0.3">
      <c r="A30300" s="13" t="s">
        <v>188</v>
      </c>
      <c r="B30300" s="14" t="s">
        <v>1</v>
      </c>
      <c r="C30300" s="14" t="s">
        <v>70</v>
      </c>
      <c r="D30300" s="14" t="s">
        <v>189</v>
      </c>
      <c r="E30300" s="15">
        <v>45746</v>
      </c>
      <c r="F30300" s="14" t="s">
        <v>15</v>
      </c>
      <c r="G30300" s="16">
        <v>3.6614448119940328</v>
      </c>
    </row>
    <row r="30301" spans="1:7" x14ac:dyDescent="0.3">
      <c r="A30301" s="13" t="s">
        <v>188</v>
      </c>
      <c r="B30301" s="14" t="s">
        <v>1</v>
      </c>
      <c r="C30301" s="14" t="s">
        <v>70</v>
      </c>
      <c r="D30301" s="14" t="s">
        <v>189</v>
      </c>
      <c r="E30301" s="15">
        <v>45747</v>
      </c>
      <c r="F30301" s="14" t="s">
        <v>15</v>
      </c>
      <c r="G30301" s="16">
        <v>3.7133850893888001</v>
      </c>
    </row>
    <row r="30302" spans="1:7" x14ac:dyDescent="0.3">
      <c r="A30302" s="13" t="s">
        <v>190</v>
      </c>
      <c r="B30302" s="14" t="s">
        <v>1</v>
      </c>
      <c r="C30302" s="14" t="s">
        <v>191</v>
      </c>
      <c r="D30302" s="14" t="s">
        <v>92</v>
      </c>
      <c r="E30302" s="15">
        <v>45383</v>
      </c>
      <c r="F30302" s="14" t="s">
        <v>28</v>
      </c>
      <c r="G30302" s="16">
        <v>0</v>
      </c>
    </row>
    <row r="30303" spans="1:7" x14ac:dyDescent="0.3">
      <c r="A30303" s="13" t="s">
        <v>190</v>
      </c>
      <c r="B30303" s="14" t="s">
        <v>1</v>
      </c>
      <c r="C30303" s="14" t="s">
        <v>191</v>
      </c>
      <c r="D30303" s="14" t="s">
        <v>92</v>
      </c>
      <c r="E30303" s="15">
        <v>45384</v>
      </c>
      <c r="F30303" s="14" t="s">
        <v>28</v>
      </c>
      <c r="G30303" s="16">
        <v>0</v>
      </c>
    </row>
    <row r="30304" spans="1:7" x14ac:dyDescent="0.3">
      <c r="A30304" s="13" t="s">
        <v>190</v>
      </c>
      <c r="B30304" s="14" t="s">
        <v>1</v>
      </c>
      <c r="C30304" s="14" t="s">
        <v>191</v>
      </c>
      <c r="D30304" s="14" t="s">
        <v>92</v>
      </c>
      <c r="E30304" s="15">
        <v>45385</v>
      </c>
      <c r="F30304" s="14" t="s">
        <v>28</v>
      </c>
      <c r="G30304" s="16">
        <v>0</v>
      </c>
    </row>
    <row r="30305" spans="1:7" x14ac:dyDescent="0.3">
      <c r="A30305" s="13" t="s">
        <v>190</v>
      </c>
      <c r="B30305" s="14" t="s">
        <v>1</v>
      </c>
      <c r="C30305" s="14" t="s">
        <v>191</v>
      </c>
      <c r="D30305" s="14" t="s">
        <v>92</v>
      </c>
      <c r="E30305" s="15">
        <v>45386</v>
      </c>
      <c r="F30305" s="14" t="s">
        <v>28</v>
      </c>
      <c r="G30305" s="16">
        <v>0</v>
      </c>
    </row>
    <row r="30306" spans="1:7" x14ac:dyDescent="0.3">
      <c r="A30306" s="13" t="s">
        <v>190</v>
      </c>
      <c r="B30306" s="14" t="s">
        <v>1</v>
      </c>
      <c r="C30306" s="14" t="s">
        <v>191</v>
      </c>
      <c r="D30306" s="14" t="s">
        <v>92</v>
      </c>
      <c r="E30306" s="15">
        <v>45387</v>
      </c>
      <c r="F30306" s="14" t="s">
        <v>28</v>
      </c>
      <c r="G30306" s="16">
        <v>0</v>
      </c>
    </row>
    <row r="30307" spans="1:7" x14ac:dyDescent="0.3">
      <c r="A30307" s="13" t="s">
        <v>190</v>
      </c>
      <c r="B30307" s="14" t="s">
        <v>1</v>
      </c>
      <c r="C30307" s="14" t="s">
        <v>191</v>
      </c>
      <c r="D30307" s="14" t="s">
        <v>92</v>
      </c>
      <c r="E30307" s="15">
        <v>45388</v>
      </c>
      <c r="F30307" s="14" t="s">
        <v>28</v>
      </c>
      <c r="G30307" s="16">
        <v>0</v>
      </c>
    </row>
    <row r="30308" spans="1:7" x14ac:dyDescent="0.3">
      <c r="A30308" s="13" t="s">
        <v>190</v>
      </c>
      <c r="B30308" s="14" t="s">
        <v>1</v>
      </c>
      <c r="C30308" s="14" t="s">
        <v>191</v>
      </c>
      <c r="D30308" s="14" t="s">
        <v>92</v>
      </c>
      <c r="E30308" s="15">
        <v>45389</v>
      </c>
      <c r="F30308" s="14" t="s">
        <v>28</v>
      </c>
      <c r="G30308" s="16">
        <v>0</v>
      </c>
    </row>
    <row r="30309" spans="1:7" x14ac:dyDescent="0.3">
      <c r="A30309" s="13" t="s">
        <v>190</v>
      </c>
      <c r="B30309" s="14" t="s">
        <v>1</v>
      </c>
      <c r="C30309" s="14" t="s">
        <v>191</v>
      </c>
      <c r="D30309" s="14" t="s">
        <v>92</v>
      </c>
      <c r="E30309" s="15">
        <v>45390</v>
      </c>
      <c r="F30309" s="14" t="s">
        <v>28</v>
      </c>
      <c r="G30309" s="16">
        <v>0</v>
      </c>
    </row>
    <row r="30310" spans="1:7" x14ac:dyDescent="0.3">
      <c r="A30310" s="13" t="s">
        <v>190</v>
      </c>
      <c r="B30310" s="14" t="s">
        <v>1</v>
      </c>
      <c r="C30310" s="14" t="s">
        <v>191</v>
      </c>
      <c r="D30310" s="14" t="s">
        <v>92</v>
      </c>
      <c r="E30310" s="15">
        <v>45391</v>
      </c>
      <c r="F30310" s="14" t="s">
        <v>28</v>
      </c>
      <c r="G30310" s="16">
        <v>0</v>
      </c>
    </row>
    <row r="30311" spans="1:7" x14ac:dyDescent="0.3">
      <c r="A30311" s="13" t="s">
        <v>190</v>
      </c>
      <c r="B30311" s="14" t="s">
        <v>1</v>
      </c>
      <c r="C30311" s="14" t="s">
        <v>191</v>
      </c>
      <c r="D30311" s="14" t="s">
        <v>92</v>
      </c>
      <c r="E30311" s="15">
        <v>45392</v>
      </c>
      <c r="F30311" s="14" t="s">
        <v>28</v>
      </c>
      <c r="G30311" s="16">
        <v>0</v>
      </c>
    </row>
    <row r="30312" spans="1:7" x14ac:dyDescent="0.3">
      <c r="A30312" s="13" t="s">
        <v>190</v>
      </c>
      <c r="B30312" s="14" t="s">
        <v>1</v>
      </c>
      <c r="C30312" s="14" t="s">
        <v>191</v>
      </c>
      <c r="D30312" s="14" t="s">
        <v>92</v>
      </c>
      <c r="E30312" s="15">
        <v>45393</v>
      </c>
      <c r="F30312" s="14" t="s">
        <v>28</v>
      </c>
      <c r="G30312" s="16">
        <v>0</v>
      </c>
    </row>
    <row r="30313" spans="1:7" x14ac:dyDescent="0.3">
      <c r="A30313" s="13" t="s">
        <v>190</v>
      </c>
      <c r="B30313" s="14" t="s">
        <v>1</v>
      </c>
      <c r="C30313" s="14" t="s">
        <v>191</v>
      </c>
      <c r="D30313" s="14" t="s">
        <v>92</v>
      </c>
      <c r="E30313" s="15">
        <v>45394</v>
      </c>
      <c r="F30313" s="14" t="s">
        <v>28</v>
      </c>
      <c r="G30313" s="16">
        <v>0</v>
      </c>
    </row>
    <row r="30314" spans="1:7" x14ac:dyDescent="0.3">
      <c r="A30314" s="13" t="s">
        <v>190</v>
      </c>
      <c r="B30314" s="14" t="s">
        <v>1</v>
      </c>
      <c r="C30314" s="14" t="s">
        <v>191</v>
      </c>
      <c r="D30314" s="14" t="s">
        <v>92</v>
      </c>
      <c r="E30314" s="15">
        <v>45395</v>
      </c>
      <c r="F30314" s="14" t="s">
        <v>28</v>
      </c>
      <c r="G30314" s="16">
        <v>0</v>
      </c>
    </row>
    <row r="30315" spans="1:7" x14ac:dyDescent="0.3">
      <c r="A30315" s="13" t="s">
        <v>190</v>
      </c>
      <c r="B30315" s="14" t="s">
        <v>1</v>
      </c>
      <c r="C30315" s="14" t="s">
        <v>191</v>
      </c>
      <c r="D30315" s="14" t="s">
        <v>92</v>
      </c>
      <c r="E30315" s="15">
        <v>45396</v>
      </c>
      <c r="F30315" s="14" t="s">
        <v>28</v>
      </c>
      <c r="G30315" s="16">
        <v>0</v>
      </c>
    </row>
    <row r="30316" spans="1:7" x14ac:dyDescent="0.3">
      <c r="A30316" s="13" t="s">
        <v>190</v>
      </c>
      <c r="B30316" s="14" t="s">
        <v>1</v>
      </c>
      <c r="C30316" s="14" t="s">
        <v>191</v>
      </c>
      <c r="D30316" s="14" t="s">
        <v>92</v>
      </c>
      <c r="E30316" s="15">
        <v>45397</v>
      </c>
      <c r="F30316" s="14" t="s">
        <v>28</v>
      </c>
      <c r="G30316" s="16">
        <v>0</v>
      </c>
    </row>
    <row r="30317" spans="1:7" x14ac:dyDescent="0.3">
      <c r="A30317" s="13" t="s">
        <v>190</v>
      </c>
      <c r="B30317" s="14" t="s">
        <v>1</v>
      </c>
      <c r="C30317" s="14" t="s">
        <v>191</v>
      </c>
      <c r="D30317" s="14" t="s">
        <v>92</v>
      </c>
      <c r="E30317" s="15">
        <v>45398</v>
      </c>
      <c r="F30317" s="14" t="s">
        <v>28</v>
      </c>
      <c r="G30317" s="16">
        <v>0</v>
      </c>
    </row>
    <row r="30318" spans="1:7" x14ac:dyDescent="0.3">
      <c r="A30318" s="13" t="s">
        <v>190</v>
      </c>
      <c r="B30318" s="14" t="s">
        <v>1</v>
      </c>
      <c r="C30318" s="14" t="s">
        <v>191</v>
      </c>
      <c r="D30318" s="14" t="s">
        <v>92</v>
      </c>
      <c r="E30318" s="15">
        <v>45399</v>
      </c>
      <c r="F30318" s="14" t="s">
        <v>28</v>
      </c>
      <c r="G30318" s="16">
        <v>0</v>
      </c>
    </row>
    <row r="30319" spans="1:7" x14ac:dyDescent="0.3">
      <c r="A30319" s="13" t="s">
        <v>190</v>
      </c>
      <c r="B30319" s="14" t="s">
        <v>1</v>
      </c>
      <c r="C30319" s="14" t="s">
        <v>191</v>
      </c>
      <c r="D30319" s="14" t="s">
        <v>92</v>
      </c>
      <c r="E30319" s="15">
        <v>45400</v>
      </c>
      <c r="F30319" s="14" t="s">
        <v>28</v>
      </c>
      <c r="G30319" s="16">
        <v>0</v>
      </c>
    </row>
    <row r="30320" spans="1:7" x14ac:dyDescent="0.3">
      <c r="A30320" s="13" t="s">
        <v>190</v>
      </c>
      <c r="B30320" s="14" t="s">
        <v>1</v>
      </c>
      <c r="C30320" s="14" t="s">
        <v>191</v>
      </c>
      <c r="D30320" s="14" t="s">
        <v>92</v>
      </c>
      <c r="E30320" s="15">
        <v>45401</v>
      </c>
      <c r="F30320" s="14" t="s">
        <v>28</v>
      </c>
      <c r="G30320" s="16">
        <v>0</v>
      </c>
    </row>
    <row r="30321" spans="1:7" x14ac:dyDescent="0.3">
      <c r="A30321" s="13" t="s">
        <v>190</v>
      </c>
      <c r="B30321" s="14" t="s">
        <v>1</v>
      </c>
      <c r="C30321" s="14" t="s">
        <v>191</v>
      </c>
      <c r="D30321" s="14" t="s">
        <v>92</v>
      </c>
      <c r="E30321" s="15">
        <v>45402</v>
      </c>
      <c r="F30321" s="14" t="s">
        <v>28</v>
      </c>
      <c r="G30321" s="16">
        <v>0</v>
      </c>
    </row>
    <row r="30322" spans="1:7" x14ac:dyDescent="0.3">
      <c r="A30322" s="13" t="s">
        <v>190</v>
      </c>
      <c r="B30322" s="14" t="s">
        <v>1</v>
      </c>
      <c r="C30322" s="14" t="s">
        <v>191</v>
      </c>
      <c r="D30322" s="14" t="s">
        <v>92</v>
      </c>
      <c r="E30322" s="15">
        <v>45403</v>
      </c>
      <c r="F30322" s="14" t="s">
        <v>28</v>
      </c>
      <c r="G30322" s="16">
        <v>0</v>
      </c>
    </row>
    <row r="30323" spans="1:7" x14ac:dyDescent="0.3">
      <c r="A30323" s="13" t="s">
        <v>190</v>
      </c>
      <c r="B30323" s="14" t="s">
        <v>1</v>
      </c>
      <c r="C30323" s="14" t="s">
        <v>191</v>
      </c>
      <c r="D30323" s="14" t="s">
        <v>92</v>
      </c>
      <c r="E30323" s="15">
        <v>45404</v>
      </c>
      <c r="F30323" s="14" t="s">
        <v>28</v>
      </c>
      <c r="G30323" s="16">
        <v>0</v>
      </c>
    </row>
    <row r="30324" spans="1:7" x14ac:dyDescent="0.3">
      <c r="A30324" s="13" t="s">
        <v>190</v>
      </c>
      <c r="B30324" s="14" t="s">
        <v>1</v>
      </c>
      <c r="C30324" s="14" t="s">
        <v>191</v>
      </c>
      <c r="D30324" s="14" t="s">
        <v>92</v>
      </c>
      <c r="E30324" s="15">
        <v>45405</v>
      </c>
      <c r="F30324" s="14" t="s">
        <v>28</v>
      </c>
      <c r="G30324" s="16">
        <v>0</v>
      </c>
    </row>
    <row r="30325" spans="1:7" x14ac:dyDescent="0.3">
      <c r="A30325" s="13" t="s">
        <v>190</v>
      </c>
      <c r="B30325" s="14" t="s">
        <v>1</v>
      </c>
      <c r="C30325" s="14" t="s">
        <v>191</v>
      </c>
      <c r="D30325" s="14" t="s">
        <v>92</v>
      </c>
      <c r="E30325" s="15">
        <v>45406</v>
      </c>
      <c r="F30325" s="14" t="s">
        <v>28</v>
      </c>
      <c r="G30325" s="16">
        <v>0</v>
      </c>
    </row>
    <row r="30326" spans="1:7" x14ac:dyDescent="0.3">
      <c r="A30326" s="13" t="s">
        <v>190</v>
      </c>
      <c r="B30326" s="14" t="s">
        <v>1</v>
      </c>
      <c r="C30326" s="14" t="s">
        <v>191</v>
      </c>
      <c r="D30326" s="14" t="s">
        <v>92</v>
      </c>
      <c r="E30326" s="15">
        <v>45407</v>
      </c>
      <c r="F30326" s="14" t="s">
        <v>28</v>
      </c>
      <c r="G30326" s="16">
        <v>0</v>
      </c>
    </row>
    <row r="30327" spans="1:7" x14ac:dyDescent="0.3">
      <c r="A30327" s="13" t="s">
        <v>190</v>
      </c>
      <c r="B30327" s="14" t="s">
        <v>1</v>
      </c>
      <c r="C30327" s="14" t="s">
        <v>191</v>
      </c>
      <c r="D30327" s="14" t="s">
        <v>92</v>
      </c>
      <c r="E30327" s="15">
        <v>45408</v>
      </c>
      <c r="F30327" s="14" t="s">
        <v>28</v>
      </c>
      <c r="G30327" s="16">
        <v>0</v>
      </c>
    </row>
    <row r="30328" spans="1:7" x14ac:dyDescent="0.3">
      <c r="A30328" s="13" t="s">
        <v>190</v>
      </c>
      <c r="B30328" s="14" t="s">
        <v>1</v>
      </c>
      <c r="C30328" s="14" t="s">
        <v>191</v>
      </c>
      <c r="D30328" s="14" t="s">
        <v>92</v>
      </c>
      <c r="E30328" s="15">
        <v>45409</v>
      </c>
      <c r="F30328" s="14" t="s">
        <v>28</v>
      </c>
      <c r="G30328" s="16">
        <v>0</v>
      </c>
    </row>
    <row r="30329" spans="1:7" x14ac:dyDescent="0.3">
      <c r="A30329" s="13" t="s">
        <v>190</v>
      </c>
      <c r="B30329" s="14" t="s">
        <v>1</v>
      </c>
      <c r="C30329" s="14" t="s">
        <v>191</v>
      </c>
      <c r="D30329" s="14" t="s">
        <v>92</v>
      </c>
      <c r="E30329" s="15">
        <v>45410</v>
      </c>
      <c r="F30329" s="14" t="s">
        <v>28</v>
      </c>
      <c r="G30329" s="16">
        <v>0</v>
      </c>
    </row>
    <row r="30330" spans="1:7" x14ac:dyDescent="0.3">
      <c r="A30330" s="13" t="s">
        <v>190</v>
      </c>
      <c r="B30330" s="14" t="s">
        <v>1</v>
      </c>
      <c r="C30330" s="14" t="s">
        <v>191</v>
      </c>
      <c r="D30330" s="14" t="s">
        <v>92</v>
      </c>
      <c r="E30330" s="15">
        <v>45411</v>
      </c>
      <c r="F30330" s="14" t="s">
        <v>28</v>
      </c>
      <c r="G30330" s="16">
        <v>0</v>
      </c>
    </row>
    <row r="30331" spans="1:7" x14ac:dyDescent="0.3">
      <c r="A30331" s="13" t="s">
        <v>190</v>
      </c>
      <c r="B30331" s="14" t="s">
        <v>1</v>
      </c>
      <c r="C30331" s="14" t="s">
        <v>191</v>
      </c>
      <c r="D30331" s="14" t="s">
        <v>92</v>
      </c>
      <c r="E30331" s="15">
        <v>45412</v>
      </c>
      <c r="F30331" s="14" t="s">
        <v>28</v>
      </c>
      <c r="G30331" s="16">
        <v>0</v>
      </c>
    </row>
    <row r="30332" spans="1:7" x14ac:dyDescent="0.3">
      <c r="A30332" s="13" t="s">
        <v>190</v>
      </c>
      <c r="B30332" s="14" t="s">
        <v>1</v>
      </c>
      <c r="C30332" s="14" t="s">
        <v>191</v>
      </c>
      <c r="D30332" s="14" t="s">
        <v>92</v>
      </c>
      <c r="E30332" s="15">
        <v>45413</v>
      </c>
      <c r="F30332" s="14" t="s">
        <v>28</v>
      </c>
      <c r="G30332" s="16">
        <v>0</v>
      </c>
    </row>
    <row r="30333" spans="1:7" x14ac:dyDescent="0.3">
      <c r="A30333" s="13" t="s">
        <v>190</v>
      </c>
      <c r="B30333" s="14" t="s">
        <v>1</v>
      </c>
      <c r="C30333" s="14" t="s">
        <v>191</v>
      </c>
      <c r="D30333" s="14" t="s">
        <v>92</v>
      </c>
      <c r="E30333" s="15">
        <v>45414</v>
      </c>
      <c r="F30333" s="14" t="s">
        <v>28</v>
      </c>
      <c r="G30333" s="16">
        <v>0</v>
      </c>
    </row>
    <row r="30334" spans="1:7" x14ac:dyDescent="0.3">
      <c r="A30334" s="13" t="s">
        <v>190</v>
      </c>
      <c r="B30334" s="14" t="s">
        <v>1</v>
      </c>
      <c r="C30334" s="14" t="s">
        <v>191</v>
      </c>
      <c r="D30334" s="14" t="s">
        <v>92</v>
      </c>
      <c r="E30334" s="15">
        <v>45415</v>
      </c>
      <c r="F30334" s="14" t="s">
        <v>28</v>
      </c>
      <c r="G30334" s="16">
        <v>0</v>
      </c>
    </row>
    <row r="30335" spans="1:7" x14ac:dyDescent="0.3">
      <c r="A30335" s="13" t="s">
        <v>190</v>
      </c>
      <c r="B30335" s="14" t="s">
        <v>1</v>
      </c>
      <c r="C30335" s="14" t="s">
        <v>191</v>
      </c>
      <c r="D30335" s="14" t="s">
        <v>92</v>
      </c>
      <c r="E30335" s="15">
        <v>45416</v>
      </c>
      <c r="F30335" s="14" t="s">
        <v>28</v>
      </c>
      <c r="G30335" s="16">
        <v>0</v>
      </c>
    </row>
    <row r="30336" spans="1:7" x14ac:dyDescent="0.3">
      <c r="A30336" s="13" t="s">
        <v>190</v>
      </c>
      <c r="B30336" s="14" t="s">
        <v>1</v>
      </c>
      <c r="C30336" s="14" t="s">
        <v>191</v>
      </c>
      <c r="D30336" s="14" t="s">
        <v>92</v>
      </c>
      <c r="E30336" s="15">
        <v>45417</v>
      </c>
      <c r="F30336" s="14" t="s">
        <v>28</v>
      </c>
      <c r="G30336" s="16">
        <v>0</v>
      </c>
    </row>
    <row r="30337" spans="1:7" x14ac:dyDescent="0.3">
      <c r="A30337" s="13" t="s">
        <v>190</v>
      </c>
      <c r="B30337" s="14" t="s">
        <v>1</v>
      </c>
      <c r="C30337" s="14" t="s">
        <v>191</v>
      </c>
      <c r="D30337" s="14" t="s">
        <v>92</v>
      </c>
      <c r="E30337" s="15">
        <v>45418</v>
      </c>
      <c r="F30337" s="14" t="s">
        <v>28</v>
      </c>
      <c r="G30337" s="16">
        <v>0</v>
      </c>
    </row>
    <row r="30338" spans="1:7" x14ac:dyDescent="0.3">
      <c r="A30338" s="13" t="s">
        <v>190</v>
      </c>
      <c r="B30338" s="14" t="s">
        <v>1</v>
      </c>
      <c r="C30338" s="14" t="s">
        <v>191</v>
      </c>
      <c r="D30338" s="14" t="s">
        <v>92</v>
      </c>
      <c r="E30338" s="15">
        <v>45419</v>
      </c>
      <c r="F30338" s="14" t="s">
        <v>28</v>
      </c>
      <c r="G30338" s="16">
        <v>0</v>
      </c>
    </row>
    <row r="30339" spans="1:7" x14ac:dyDescent="0.3">
      <c r="A30339" s="13" t="s">
        <v>190</v>
      </c>
      <c r="B30339" s="14" t="s">
        <v>1</v>
      </c>
      <c r="C30339" s="14" t="s">
        <v>191</v>
      </c>
      <c r="D30339" s="14" t="s">
        <v>92</v>
      </c>
      <c r="E30339" s="15">
        <v>45420</v>
      </c>
      <c r="F30339" s="14" t="s">
        <v>28</v>
      </c>
      <c r="G30339" s="16">
        <v>2.4465974170639498E-3</v>
      </c>
    </row>
    <row r="30340" spans="1:7" x14ac:dyDescent="0.3">
      <c r="A30340" s="13" t="s">
        <v>190</v>
      </c>
      <c r="B30340" s="14" t="s">
        <v>1</v>
      </c>
      <c r="C30340" s="14" t="s">
        <v>191</v>
      </c>
      <c r="D30340" s="14" t="s">
        <v>92</v>
      </c>
      <c r="E30340" s="15">
        <v>45421</v>
      </c>
      <c r="F30340" s="14" t="s">
        <v>28</v>
      </c>
      <c r="G30340" s="16">
        <v>0</v>
      </c>
    </row>
    <row r="30341" spans="1:7" x14ac:dyDescent="0.3">
      <c r="A30341" s="13" t="s">
        <v>190</v>
      </c>
      <c r="B30341" s="14" t="s">
        <v>1</v>
      </c>
      <c r="C30341" s="14" t="s">
        <v>191</v>
      </c>
      <c r="D30341" s="14" t="s">
        <v>92</v>
      </c>
      <c r="E30341" s="15">
        <v>45422</v>
      </c>
      <c r="F30341" s="14" t="s">
        <v>28</v>
      </c>
      <c r="G30341" s="16">
        <v>0</v>
      </c>
    </row>
    <row r="30342" spans="1:7" x14ac:dyDescent="0.3">
      <c r="A30342" s="13" t="s">
        <v>190</v>
      </c>
      <c r="B30342" s="14" t="s">
        <v>1</v>
      </c>
      <c r="C30342" s="14" t="s">
        <v>191</v>
      </c>
      <c r="D30342" s="14" t="s">
        <v>92</v>
      </c>
      <c r="E30342" s="15">
        <v>45423</v>
      </c>
      <c r="F30342" s="14" t="s">
        <v>28</v>
      </c>
      <c r="G30342" s="16">
        <v>0</v>
      </c>
    </row>
    <row r="30343" spans="1:7" x14ac:dyDescent="0.3">
      <c r="A30343" s="13" t="s">
        <v>190</v>
      </c>
      <c r="B30343" s="14" t="s">
        <v>1</v>
      </c>
      <c r="C30343" s="14" t="s">
        <v>191</v>
      </c>
      <c r="D30343" s="14" t="s">
        <v>92</v>
      </c>
      <c r="E30343" s="15">
        <v>45424</v>
      </c>
      <c r="F30343" s="14" t="s">
        <v>28</v>
      </c>
      <c r="G30343" s="16">
        <v>0</v>
      </c>
    </row>
    <row r="30344" spans="1:7" x14ac:dyDescent="0.3">
      <c r="A30344" s="13" t="s">
        <v>190</v>
      </c>
      <c r="B30344" s="14" t="s">
        <v>1</v>
      </c>
      <c r="C30344" s="14" t="s">
        <v>191</v>
      </c>
      <c r="D30344" s="14" t="s">
        <v>92</v>
      </c>
      <c r="E30344" s="15">
        <v>45425</v>
      </c>
      <c r="F30344" s="14" t="s">
        <v>28</v>
      </c>
      <c r="G30344" s="16">
        <v>0</v>
      </c>
    </row>
    <row r="30345" spans="1:7" x14ac:dyDescent="0.3">
      <c r="A30345" s="13" t="s">
        <v>190</v>
      </c>
      <c r="B30345" s="14" t="s">
        <v>1</v>
      </c>
      <c r="C30345" s="14" t="s">
        <v>191</v>
      </c>
      <c r="D30345" s="14" t="s">
        <v>92</v>
      </c>
      <c r="E30345" s="15">
        <v>45426</v>
      </c>
      <c r="F30345" s="14" t="s">
        <v>28</v>
      </c>
      <c r="G30345" s="16">
        <v>0</v>
      </c>
    </row>
    <row r="30346" spans="1:7" x14ac:dyDescent="0.3">
      <c r="A30346" s="13" t="s">
        <v>190</v>
      </c>
      <c r="B30346" s="14" t="s">
        <v>1</v>
      </c>
      <c r="C30346" s="14" t="s">
        <v>191</v>
      </c>
      <c r="D30346" s="14" t="s">
        <v>92</v>
      </c>
      <c r="E30346" s="15">
        <v>45427</v>
      </c>
      <c r="F30346" s="14" t="s">
        <v>28</v>
      </c>
      <c r="G30346" s="16">
        <v>0</v>
      </c>
    </row>
    <row r="30347" spans="1:7" x14ac:dyDescent="0.3">
      <c r="A30347" s="13" t="s">
        <v>190</v>
      </c>
      <c r="B30347" s="14" t="s">
        <v>1</v>
      </c>
      <c r="C30347" s="14" t="s">
        <v>191</v>
      </c>
      <c r="D30347" s="14" t="s">
        <v>92</v>
      </c>
      <c r="E30347" s="15">
        <v>45428</v>
      </c>
      <c r="F30347" s="14" t="s">
        <v>28</v>
      </c>
      <c r="G30347" s="16">
        <v>0</v>
      </c>
    </row>
    <row r="30348" spans="1:7" x14ac:dyDescent="0.3">
      <c r="A30348" s="13" t="s">
        <v>190</v>
      </c>
      <c r="B30348" s="14" t="s">
        <v>1</v>
      </c>
      <c r="C30348" s="14" t="s">
        <v>191</v>
      </c>
      <c r="D30348" s="14" t="s">
        <v>92</v>
      </c>
      <c r="E30348" s="15">
        <v>45429</v>
      </c>
      <c r="F30348" s="14" t="s">
        <v>28</v>
      </c>
      <c r="G30348" s="16">
        <v>0</v>
      </c>
    </row>
    <row r="30349" spans="1:7" x14ac:dyDescent="0.3">
      <c r="A30349" s="13" t="s">
        <v>190</v>
      </c>
      <c r="B30349" s="14" t="s">
        <v>1</v>
      </c>
      <c r="C30349" s="14" t="s">
        <v>191</v>
      </c>
      <c r="D30349" s="14" t="s">
        <v>92</v>
      </c>
      <c r="E30349" s="15">
        <v>45430</v>
      </c>
      <c r="F30349" s="14" t="s">
        <v>28</v>
      </c>
      <c r="G30349" s="16">
        <v>0</v>
      </c>
    </row>
    <row r="30350" spans="1:7" x14ac:dyDescent="0.3">
      <c r="A30350" s="13" t="s">
        <v>190</v>
      </c>
      <c r="B30350" s="14" t="s">
        <v>1</v>
      </c>
      <c r="C30350" s="14" t="s">
        <v>191</v>
      </c>
      <c r="D30350" s="14" t="s">
        <v>92</v>
      </c>
      <c r="E30350" s="15">
        <v>45431</v>
      </c>
      <c r="F30350" s="14" t="s">
        <v>28</v>
      </c>
      <c r="G30350" s="16">
        <v>0</v>
      </c>
    </row>
    <row r="30351" spans="1:7" x14ac:dyDescent="0.3">
      <c r="A30351" s="13" t="s">
        <v>190</v>
      </c>
      <c r="B30351" s="14" t="s">
        <v>1</v>
      </c>
      <c r="C30351" s="14" t="s">
        <v>191</v>
      </c>
      <c r="D30351" s="14" t="s">
        <v>92</v>
      </c>
      <c r="E30351" s="15">
        <v>45432</v>
      </c>
      <c r="F30351" s="14" t="s">
        <v>28</v>
      </c>
      <c r="G30351" s="16">
        <v>0</v>
      </c>
    </row>
    <row r="30352" spans="1:7" x14ac:dyDescent="0.3">
      <c r="A30352" s="13" t="s">
        <v>190</v>
      </c>
      <c r="B30352" s="14" t="s">
        <v>1</v>
      </c>
      <c r="C30352" s="14" t="s">
        <v>191</v>
      </c>
      <c r="D30352" s="14" t="s">
        <v>92</v>
      </c>
      <c r="E30352" s="15">
        <v>45433</v>
      </c>
      <c r="F30352" s="14" t="s">
        <v>28</v>
      </c>
      <c r="G30352" s="16">
        <v>0</v>
      </c>
    </row>
    <row r="30353" spans="1:7" x14ac:dyDescent="0.3">
      <c r="A30353" s="13" t="s">
        <v>190</v>
      </c>
      <c r="B30353" s="14" t="s">
        <v>1</v>
      </c>
      <c r="C30353" s="14" t="s">
        <v>191</v>
      </c>
      <c r="D30353" s="14" t="s">
        <v>92</v>
      </c>
      <c r="E30353" s="15">
        <v>45434</v>
      </c>
      <c r="F30353" s="14" t="s">
        <v>28</v>
      </c>
      <c r="G30353" s="16">
        <v>0</v>
      </c>
    </row>
    <row r="30354" spans="1:7" x14ac:dyDescent="0.3">
      <c r="A30354" s="13" t="s">
        <v>190</v>
      </c>
      <c r="B30354" s="14" t="s">
        <v>1</v>
      </c>
      <c r="C30354" s="14" t="s">
        <v>191</v>
      </c>
      <c r="D30354" s="14" t="s">
        <v>92</v>
      </c>
      <c r="E30354" s="15">
        <v>45435</v>
      </c>
      <c r="F30354" s="14" t="s">
        <v>28</v>
      </c>
      <c r="G30354" s="16">
        <v>0</v>
      </c>
    </row>
    <row r="30355" spans="1:7" x14ac:dyDescent="0.3">
      <c r="A30355" s="13" t="s">
        <v>190</v>
      </c>
      <c r="B30355" s="14" t="s">
        <v>1</v>
      </c>
      <c r="C30355" s="14" t="s">
        <v>191</v>
      </c>
      <c r="D30355" s="14" t="s">
        <v>92</v>
      </c>
      <c r="E30355" s="15">
        <v>45436</v>
      </c>
      <c r="F30355" s="14" t="s">
        <v>28</v>
      </c>
      <c r="G30355" s="16">
        <v>0</v>
      </c>
    </row>
    <row r="30356" spans="1:7" x14ac:dyDescent="0.3">
      <c r="A30356" s="13" t="s">
        <v>190</v>
      </c>
      <c r="B30356" s="14" t="s">
        <v>1</v>
      </c>
      <c r="C30356" s="14" t="s">
        <v>191</v>
      </c>
      <c r="D30356" s="14" t="s">
        <v>92</v>
      </c>
      <c r="E30356" s="15">
        <v>45437</v>
      </c>
      <c r="F30356" s="14" t="s">
        <v>28</v>
      </c>
      <c r="G30356" s="16">
        <v>0</v>
      </c>
    </row>
    <row r="30357" spans="1:7" x14ac:dyDescent="0.3">
      <c r="A30357" s="13" t="s">
        <v>190</v>
      </c>
      <c r="B30357" s="14" t="s">
        <v>1</v>
      </c>
      <c r="C30357" s="14" t="s">
        <v>191</v>
      </c>
      <c r="D30357" s="14" t="s">
        <v>92</v>
      </c>
      <c r="E30357" s="15">
        <v>45438</v>
      </c>
      <c r="F30357" s="14" t="s">
        <v>28</v>
      </c>
      <c r="G30357" s="16">
        <v>0</v>
      </c>
    </row>
    <row r="30358" spans="1:7" x14ac:dyDescent="0.3">
      <c r="A30358" s="13" t="s">
        <v>190</v>
      </c>
      <c r="B30358" s="14" t="s">
        <v>1</v>
      </c>
      <c r="C30358" s="14" t="s">
        <v>191</v>
      </c>
      <c r="D30358" s="14" t="s">
        <v>92</v>
      </c>
      <c r="E30358" s="15">
        <v>45439</v>
      </c>
      <c r="F30358" s="14" t="s">
        <v>28</v>
      </c>
      <c r="G30358" s="16">
        <v>0</v>
      </c>
    </row>
    <row r="30359" spans="1:7" x14ac:dyDescent="0.3">
      <c r="A30359" s="13" t="s">
        <v>190</v>
      </c>
      <c r="B30359" s="14" t="s">
        <v>1</v>
      </c>
      <c r="C30359" s="14" t="s">
        <v>191</v>
      </c>
      <c r="D30359" s="14" t="s">
        <v>92</v>
      </c>
      <c r="E30359" s="15">
        <v>45440</v>
      </c>
      <c r="F30359" s="14" t="s">
        <v>28</v>
      </c>
      <c r="G30359" s="16">
        <v>0</v>
      </c>
    </row>
    <row r="30360" spans="1:7" x14ac:dyDescent="0.3">
      <c r="A30360" s="13" t="s">
        <v>190</v>
      </c>
      <c r="B30360" s="14" t="s">
        <v>1</v>
      </c>
      <c r="C30360" s="14" t="s">
        <v>191</v>
      </c>
      <c r="D30360" s="14" t="s">
        <v>92</v>
      </c>
      <c r="E30360" s="15">
        <v>45441</v>
      </c>
      <c r="F30360" s="14" t="s">
        <v>28</v>
      </c>
      <c r="G30360" s="16">
        <v>0</v>
      </c>
    </row>
    <row r="30361" spans="1:7" x14ac:dyDescent="0.3">
      <c r="A30361" s="13" t="s">
        <v>190</v>
      </c>
      <c r="B30361" s="14" t="s">
        <v>1</v>
      </c>
      <c r="C30361" s="14" t="s">
        <v>191</v>
      </c>
      <c r="D30361" s="14" t="s">
        <v>92</v>
      </c>
      <c r="E30361" s="15">
        <v>45442</v>
      </c>
      <c r="F30361" s="14" t="s">
        <v>28</v>
      </c>
      <c r="G30361" s="16">
        <v>0</v>
      </c>
    </row>
    <row r="30362" spans="1:7" x14ac:dyDescent="0.3">
      <c r="A30362" s="13" t="s">
        <v>190</v>
      </c>
      <c r="B30362" s="14" t="s">
        <v>1</v>
      </c>
      <c r="C30362" s="14" t="s">
        <v>191</v>
      </c>
      <c r="D30362" s="14" t="s">
        <v>92</v>
      </c>
      <c r="E30362" s="15">
        <v>45443</v>
      </c>
      <c r="F30362" s="14" t="s">
        <v>28</v>
      </c>
      <c r="G30362" s="16">
        <v>0</v>
      </c>
    </row>
    <row r="30363" spans="1:7" x14ac:dyDescent="0.3">
      <c r="A30363" s="13" t="s">
        <v>190</v>
      </c>
      <c r="B30363" s="14" t="s">
        <v>1</v>
      </c>
      <c r="C30363" s="14" t="s">
        <v>191</v>
      </c>
      <c r="D30363" s="14" t="s">
        <v>92</v>
      </c>
      <c r="E30363" s="15">
        <v>45444</v>
      </c>
      <c r="F30363" s="14" t="s">
        <v>28</v>
      </c>
      <c r="G30363" s="16">
        <v>0</v>
      </c>
    </row>
    <row r="30364" spans="1:7" x14ac:dyDescent="0.3">
      <c r="A30364" s="13" t="s">
        <v>190</v>
      </c>
      <c r="B30364" s="14" t="s">
        <v>1</v>
      </c>
      <c r="C30364" s="14" t="s">
        <v>191</v>
      </c>
      <c r="D30364" s="14" t="s">
        <v>92</v>
      </c>
      <c r="E30364" s="15">
        <v>45445</v>
      </c>
      <c r="F30364" s="14" t="s">
        <v>28</v>
      </c>
      <c r="G30364" s="16">
        <v>0</v>
      </c>
    </row>
    <row r="30365" spans="1:7" x14ac:dyDescent="0.3">
      <c r="A30365" s="13" t="s">
        <v>190</v>
      </c>
      <c r="B30365" s="14" t="s">
        <v>1</v>
      </c>
      <c r="C30365" s="14" t="s">
        <v>191</v>
      </c>
      <c r="D30365" s="14" t="s">
        <v>92</v>
      </c>
      <c r="E30365" s="15">
        <v>45446</v>
      </c>
      <c r="F30365" s="14" t="s">
        <v>28</v>
      </c>
      <c r="G30365" s="16">
        <v>0</v>
      </c>
    </row>
    <row r="30366" spans="1:7" x14ac:dyDescent="0.3">
      <c r="A30366" s="13" t="s">
        <v>190</v>
      </c>
      <c r="B30366" s="14" t="s">
        <v>1</v>
      </c>
      <c r="C30366" s="14" t="s">
        <v>191</v>
      </c>
      <c r="D30366" s="14" t="s">
        <v>92</v>
      </c>
      <c r="E30366" s="15">
        <v>45447</v>
      </c>
      <c r="F30366" s="14" t="s">
        <v>28</v>
      </c>
      <c r="G30366" s="16">
        <v>0</v>
      </c>
    </row>
    <row r="30367" spans="1:7" x14ac:dyDescent="0.3">
      <c r="A30367" s="13" t="s">
        <v>190</v>
      </c>
      <c r="B30367" s="14" t="s">
        <v>1</v>
      </c>
      <c r="C30367" s="14" t="s">
        <v>191</v>
      </c>
      <c r="D30367" s="14" t="s">
        <v>92</v>
      </c>
      <c r="E30367" s="15">
        <v>45448</v>
      </c>
      <c r="F30367" s="14" t="s">
        <v>28</v>
      </c>
      <c r="G30367" s="16">
        <v>0</v>
      </c>
    </row>
    <row r="30368" spans="1:7" x14ac:dyDescent="0.3">
      <c r="A30368" s="13" t="s">
        <v>190</v>
      </c>
      <c r="B30368" s="14" t="s">
        <v>1</v>
      </c>
      <c r="C30368" s="14" t="s">
        <v>191</v>
      </c>
      <c r="D30368" s="14" t="s">
        <v>92</v>
      </c>
      <c r="E30368" s="15">
        <v>45449</v>
      </c>
      <c r="F30368" s="14" t="s">
        <v>28</v>
      </c>
      <c r="G30368" s="16">
        <v>0</v>
      </c>
    </row>
    <row r="30369" spans="1:7" x14ac:dyDescent="0.3">
      <c r="A30369" s="13" t="s">
        <v>190</v>
      </c>
      <c r="B30369" s="14" t="s">
        <v>1</v>
      </c>
      <c r="C30369" s="14" t="s">
        <v>191</v>
      </c>
      <c r="D30369" s="14" t="s">
        <v>92</v>
      </c>
      <c r="E30369" s="15">
        <v>45450</v>
      </c>
      <c r="F30369" s="14" t="s">
        <v>28</v>
      </c>
      <c r="G30369" s="16">
        <v>0</v>
      </c>
    </row>
    <row r="30370" spans="1:7" x14ac:dyDescent="0.3">
      <c r="A30370" s="13" t="s">
        <v>190</v>
      </c>
      <c r="B30370" s="14" t="s">
        <v>1</v>
      </c>
      <c r="C30370" s="14" t="s">
        <v>191</v>
      </c>
      <c r="D30370" s="14" t="s">
        <v>92</v>
      </c>
      <c r="E30370" s="15">
        <v>45451</v>
      </c>
      <c r="F30370" s="14" t="s">
        <v>28</v>
      </c>
      <c r="G30370" s="16">
        <v>0</v>
      </c>
    </row>
    <row r="30371" spans="1:7" x14ac:dyDescent="0.3">
      <c r="A30371" s="13" t="s">
        <v>190</v>
      </c>
      <c r="B30371" s="14" t="s">
        <v>1</v>
      </c>
      <c r="C30371" s="14" t="s">
        <v>191</v>
      </c>
      <c r="D30371" s="14" t="s">
        <v>92</v>
      </c>
      <c r="E30371" s="15">
        <v>45452</v>
      </c>
      <c r="F30371" s="14" t="s">
        <v>28</v>
      </c>
      <c r="G30371" s="16">
        <v>0</v>
      </c>
    </row>
    <row r="30372" spans="1:7" x14ac:dyDescent="0.3">
      <c r="A30372" s="13" t="s">
        <v>190</v>
      </c>
      <c r="B30372" s="14" t="s">
        <v>1</v>
      </c>
      <c r="C30372" s="14" t="s">
        <v>191</v>
      </c>
      <c r="D30372" s="14" t="s">
        <v>92</v>
      </c>
      <c r="E30372" s="15">
        <v>45453</v>
      </c>
      <c r="F30372" s="14" t="s">
        <v>28</v>
      </c>
      <c r="G30372" s="16">
        <v>0</v>
      </c>
    </row>
    <row r="30373" spans="1:7" x14ac:dyDescent="0.3">
      <c r="A30373" s="13" t="s">
        <v>190</v>
      </c>
      <c r="B30373" s="14" t="s">
        <v>1</v>
      </c>
      <c r="C30373" s="14" t="s">
        <v>191</v>
      </c>
      <c r="D30373" s="14" t="s">
        <v>92</v>
      </c>
      <c r="E30373" s="15">
        <v>45454</v>
      </c>
      <c r="F30373" s="14" t="s">
        <v>28</v>
      </c>
      <c r="G30373" s="16">
        <v>0</v>
      </c>
    </row>
    <row r="30374" spans="1:7" x14ac:dyDescent="0.3">
      <c r="A30374" s="13" t="s">
        <v>190</v>
      </c>
      <c r="B30374" s="14" t="s">
        <v>1</v>
      </c>
      <c r="C30374" s="14" t="s">
        <v>191</v>
      </c>
      <c r="D30374" s="14" t="s">
        <v>92</v>
      </c>
      <c r="E30374" s="15">
        <v>45455</v>
      </c>
      <c r="F30374" s="14" t="s">
        <v>28</v>
      </c>
      <c r="G30374" s="16">
        <v>0</v>
      </c>
    </row>
    <row r="30375" spans="1:7" x14ac:dyDescent="0.3">
      <c r="A30375" s="13" t="s">
        <v>190</v>
      </c>
      <c r="B30375" s="14" t="s">
        <v>1</v>
      </c>
      <c r="C30375" s="14" t="s">
        <v>191</v>
      </c>
      <c r="D30375" s="14" t="s">
        <v>92</v>
      </c>
      <c r="E30375" s="15">
        <v>45456</v>
      </c>
      <c r="F30375" s="14" t="s">
        <v>28</v>
      </c>
      <c r="G30375" s="16">
        <v>0</v>
      </c>
    </row>
    <row r="30376" spans="1:7" x14ac:dyDescent="0.3">
      <c r="A30376" s="13" t="s">
        <v>190</v>
      </c>
      <c r="B30376" s="14" t="s">
        <v>1</v>
      </c>
      <c r="C30376" s="14" t="s">
        <v>191</v>
      </c>
      <c r="D30376" s="14" t="s">
        <v>92</v>
      </c>
      <c r="E30376" s="15">
        <v>45457</v>
      </c>
      <c r="F30376" s="14" t="s">
        <v>28</v>
      </c>
      <c r="G30376" s="16">
        <v>0</v>
      </c>
    </row>
    <row r="30377" spans="1:7" x14ac:dyDescent="0.3">
      <c r="A30377" s="13" t="s">
        <v>190</v>
      </c>
      <c r="B30377" s="14" t="s">
        <v>1</v>
      </c>
      <c r="C30377" s="14" t="s">
        <v>191</v>
      </c>
      <c r="D30377" s="14" t="s">
        <v>92</v>
      </c>
      <c r="E30377" s="15">
        <v>45458</v>
      </c>
      <c r="F30377" s="14" t="s">
        <v>28</v>
      </c>
      <c r="G30377" s="16">
        <v>0</v>
      </c>
    </row>
    <row r="30378" spans="1:7" x14ac:dyDescent="0.3">
      <c r="A30378" s="13" t="s">
        <v>190</v>
      </c>
      <c r="B30378" s="14" t="s">
        <v>1</v>
      </c>
      <c r="C30378" s="14" t="s">
        <v>191</v>
      </c>
      <c r="D30378" s="14" t="s">
        <v>92</v>
      </c>
      <c r="E30378" s="15">
        <v>45459</v>
      </c>
      <c r="F30378" s="14" t="s">
        <v>28</v>
      </c>
      <c r="G30378" s="16">
        <v>0</v>
      </c>
    </row>
    <row r="30379" spans="1:7" x14ac:dyDescent="0.3">
      <c r="A30379" s="13" t="s">
        <v>190</v>
      </c>
      <c r="B30379" s="14" t="s">
        <v>1</v>
      </c>
      <c r="C30379" s="14" t="s">
        <v>191</v>
      </c>
      <c r="D30379" s="14" t="s">
        <v>92</v>
      </c>
      <c r="E30379" s="15">
        <v>45460</v>
      </c>
      <c r="F30379" s="14" t="s">
        <v>28</v>
      </c>
      <c r="G30379" s="16">
        <v>0</v>
      </c>
    </row>
    <row r="30380" spans="1:7" x14ac:dyDescent="0.3">
      <c r="A30380" s="13" t="s">
        <v>190</v>
      </c>
      <c r="B30380" s="14" t="s">
        <v>1</v>
      </c>
      <c r="C30380" s="14" t="s">
        <v>191</v>
      </c>
      <c r="D30380" s="14" t="s">
        <v>92</v>
      </c>
      <c r="E30380" s="15">
        <v>45461</v>
      </c>
      <c r="F30380" s="14" t="s">
        <v>28</v>
      </c>
      <c r="G30380" s="16">
        <v>0</v>
      </c>
    </row>
    <row r="30381" spans="1:7" x14ac:dyDescent="0.3">
      <c r="A30381" s="13" t="s">
        <v>190</v>
      </c>
      <c r="B30381" s="14" t="s">
        <v>1</v>
      </c>
      <c r="C30381" s="14" t="s">
        <v>191</v>
      </c>
      <c r="D30381" s="14" t="s">
        <v>92</v>
      </c>
      <c r="E30381" s="15">
        <v>45462</v>
      </c>
      <c r="F30381" s="14" t="s">
        <v>28</v>
      </c>
      <c r="G30381" s="16">
        <v>0</v>
      </c>
    </row>
    <row r="30382" spans="1:7" x14ac:dyDescent="0.3">
      <c r="A30382" s="13" t="s">
        <v>190</v>
      </c>
      <c r="B30382" s="14" t="s">
        <v>1</v>
      </c>
      <c r="C30382" s="14" t="s">
        <v>191</v>
      </c>
      <c r="D30382" s="14" t="s">
        <v>92</v>
      </c>
      <c r="E30382" s="15">
        <v>45463</v>
      </c>
      <c r="F30382" s="14" t="s">
        <v>28</v>
      </c>
      <c r="G30382" s="16">
        <v>0</v>
      </c>
    </row>
    <row r="30383" spans="1:7" x14ac:dyDescent="0.3">
      <c r="A30383" s="13" t="s">
        <v>190</v>
      </c>
      <c r="B30383" s="14" t="s">
        <v>1</v>
      </c>
      <c r="C30383" s="14" t="s">
        <v>191</v>
      </c>
      <c r="D30383" s="14" t="s">
        <v>92</v>
      </c>
      <c r="E30383" s="15">
        <v>45464</v>
      </c>
      <c r="F30383" s="14" t="s">
        <v>28</v>
      </c>
      <c r="G30383" s="16">
        <v>0</v>
      </c>
    </row>
    <row r="30384" spans="1:7" x14ac:dyDescent="0.3">
      <c r="A30384" s="13" t="s">
        <v>190</v>
      </c>
      <c r="B30384" s="14" t="s">
        <v>1</v>
      </c>
      <c r="C30384" s="14" t="s">
        <v>191</v>
      </c>
      <c r="D30384" s="14" t="s">
        <v>92</v>
      </c>
      <c r="E30384" s="15">
        <v>45465</v>
      </c>
      <c r="F30384" s="14" t="s">
        <v>28</v>
      </c>
      <c r="G30384" s="16">
        <v>0</v>
      </c>
    </row>
    <row r="30385" spans="1:7" x14ac:dyDescent="0.3">
      <c r="A30385" s="13" t="s">
        <v>190</v>
      </c>
      <c r="B30385" s="14" t="s">
        <v>1</v>
      </c>
      <c r="C30385" s="14" t="s">
        <v>191</v>
      </c>
      <c r="D30385" s="14" t="s">
        <v>92</v>
      </c>
      <c r="E30385" s="15">
        <v>45466</v>
      </c>
      <c r="F30385" s="14" t="s">
        <v>28</v>
      </c>
      <c r="G30385" s="16">
        <v>0</v>
      </c>
    </row>
    <row r="30386" spans="1:7" x14ac:dyDescent="0.3">
      <c r="A30386" s="13" t="s">
        <v>190</v>
      </c>
      <c r="B30386" s="14" t="s">
        <v>1</v>
      </c>
      <c r="C30386" s="14" t="s">
        <v>191</v>
      </c>
      <c r="D30386" s="14" t="s">
        <v>92</v>
      </c>
      <c r="E30386" s="15">
        <v>45467</v>
      </c>
      <c r="F30386" s="14" t="s">
        <v>28</v>
      </c>
      <c r="G30386" s="16">
        <v>0</v>
      </c>
    </row>
    <row r="30387" spans="1:7" x14ac:dyDescent="0.3">
      <c r="A30387" s="13" t="s">
        <v>190</v>
      </c>
      <c r="B30387" s="14" t="s">
        <v>1</v>
      </c>
      <c r="C30387" s="14" t="s">
        <v>191</v>
      </c>
      <c r="D30387" s="14" t="s">
        <v>92</v>
      </c>
      <c r="E30387" s="15">
        <v>45468</v>
      </c>
      <c r="F30387" s="14" t="s">
        <v>28</v>
      </c>
      <c r="G30387" s="16">
        <v>0</v>
      </c>
    </row>
    <row r="30388" spans="1:7" x14ac:dyDescent="0.3">
      <c r="A30388" s="13" t="s">
        <v>190</v>
      </c>
      <c r="B30388" s="14" t="s">
        <v>1</v>
      </c>
      <c r="C30388" s="14" t="s">
        <v>191</v>
      </c>
      <c r="D30388" s="14" t="s">
        <v>92</v>
      </c>
      <c r="E30388" s="15">
        <v>45469</v>
      </c>
      <c r="F30388" s="14" t="s">
        <v>28</v>
      </c>
      <c r="G30388" s="16">
        <v>0</v>
      </c>
    </row>
    <row r="30389" spans="1:7" x14ac:dyDescent="0.3">
      <c r="A30389" s="13" t="s">
        <v>190</v>
      </c>
      <c r="B30389" s="14" t="s">
        <v>1</v>
      </c>
      <c r="C30389" s="14" t="s">
        <v>191</v>
      </c>
      <c r="D30389" s="14" t="s">
        <v>92</v>
      </c>
      <c r="E30389" s="15">
        <v>45470</v>
      </c>
      <c r="F30389" s="14" t="s">
        <v>28</v>
      </c>
      <c r="G30389" s="16">
        <v>0</v>
      </c>
    </row>
    <row r="30390" spans="1:7" x14ac:dyDescent="0.3">
      <c r="A30390" s="13" t="s">
        <v>190</v>
      </c>
      <c r="B30390" s="14" t="s">
        <v>1</v>
      </c>
      <c r="C30390" s="14" t="s">
        <v>191</v>
      </c>
      <c r="D30390" s="14" t="s">
        <v>92</v>
      </c>
      <c r="E30390" s="15">
        <v>45471</v>
      </c>
      <c r="F30390" s="14" t="s">
        <v>28</v>
      </c>
      <c r="G30390" s="16">
        <v>0.5363035363603027</v>
      </c>
    </row>
    <row r="30391" spans="1:7" x14ac:dyDescent="0.3">
      <c r="A30391" s="13" t="s">
        <v>190</v>
      </c>
      <c r="B30391" s="14" t="s">
        <v>1</v>
      </c>
      <c r="C30391" s="14" t="s">
        <v>191</v>
      </c>
      <c r="D30391" s="14" t="s">
        <v>92</v>
      </c>
      <c r="E30391" s="15">
        <v>45472</v>
      </c>
      <c r="F30391" s="14" t="s">
        <v>28</v>
      </c>
      <c r="G30391" s="16">
        <v>0.5363035363603027</v>
      </c>
    </row>
    <row r="30392" spans="1:7" x14ac:dyDescent="0.3">
      <c r="A30392" s="13" t="s">
        <v>190</v>
      </c>
      <c r="B30392" s="14" t="s">
        <v>1</v>
      </c>
      <c r="C30392" s="14" t="s">
        <v>191</v>
      </c>
      <c r="D30392" s="14" t="s">
        <v>92</v>
      </c>
      <c r="E30392" s="15">
        <v>45473</v>
      </c>
      <c r="F30392" s="14" t="s">
        <v>28</v>
      </c>
      <c r="G30392" s="16">
        <v>0.5363035363603027</v>
      </c>
    </row>
    <row r="30393" spans="1:7" x14ac:dyDescent="0.3">
      <c r="A30393" s="13" t="s">
        <v>190</v>
      </c>
      <c r="B30393" s="14" t="s">
        <v>1</v>
      </c>
      <c r="C30393" s="14" t="s">
        <v>191</v>
      </c>
      <c r="D30393" s="14" t="s">
        <v>92</v>
      </c>
      <c r="E30393" s="15">
        <v>45474</v>
      </c>
      <c r="F30393" s="14" t="s">
        <v>28</v>
      </c>
      <c r="G30393" s="16">
        <v>0.53391340757440586</v>
      </c>
    </row>
    <row r="30394" spans="1:7" x14ac:dyDescent="0.3">
      <c r="A30394" s="13" t="s">
        <v>190</v>
      </c>
      <c r="B30394" s="14" t="s">
        <v>1</v>
      </c>
      <c r="C30394" s="14" t="s">
        <v>191</v>
      </c>
      <c r="D30394" s="14" t="s">
        <v>92</v>
      </c>
      <c r="E30394" s="15">
        <v>45475</v>
      </c>
      <c r="F30394" s="14" t="s">
        <v>28</v>
      </c>
      <c r="G30394" s="16">
        <v>0.5235498354978565</v>
      </c>
    </row>
    <row r="30395" spans="1:7" x14ac:dyDescent="0.3">
      <c r="A30395" s="13" t="s">
        <v>190</v>
      </c>
      <c r="B30395" s="14" t="s">
        <v>1</v>
      </c>
      <c r="C30395" s="14" t="s">
        <v>191</v>
      </c>
      <c r="D30395" s="14" t="s">
        <v>92</v>
      </c>
      <c r="E30395" s="15">
        <v>45476</v>
      </c>
      <c r="F30395" s="14" t="s">
        <v>28</v>
      </c>
      <c r="G30395" s="16">
        <v>0.51951382874210683</v>
      </c>
    </row>
    <row r="30396" spans="1:7" x14ac:dyDescent="0.3">
      <c r="A30396" s="13" t="s">
        <v>190</v>
      </c>
      <c r="B30396" s="14" t="s">
        <v>1</v>
      </c>
      <c r="C30396" s="14" t="s">
        <v>191</v>
      </c>
      <c r="D30396" s="14" t="s">
        <v>92</v>
      </c>
      <c r="E30396" s="15">
        <v>45477</v>
      </c>
      <c r="F30396" s="14" t="s">
        <v>28</v>
      </c>
      <c r="G30396" s="16">
        <v>0.51559285519170905</v>
      </c>
    </row>
    <row r="30397" spans="1:7" x14ac:dyDescent="0.3">
      <c r="A30397" s="13" t="s">
        <v>190</v>
      </c>
      <c r="B30397" s="14" t="s">
        <v>1</v>
      </c>
      <c r="C30397" s="14" t="s">
        <v>191</v>
      </c>
      <c r="D30397" s="14" t="s">
        <v>92</v>
      </c>
      <c r="E30397" s="15">
        <v>45478</v>
      </c>
      <c r="F30397" s="14" t="s">
        <v>28</v>
      </c>
      <c r="G30397" s="16">
        <v>0.51113272800961007</v>
      </c>
    </row>
    <row r="30398" spans="1:7" x14ac:dyDescent="0.3">
      <c r="A30398" s="13" t="s">
        <v>190</v>
      </c>
      <c r="B30398" s="14" t="s">
        <v>1</v>
      </c>
      <c r="C30398" s="14" t="s">
        <v>191</v>
      </c>
      <c r="D30398" s="14" t="s">
        <v>92</v>
      </c>
      <c r="E30398" s="15">
        <v>45479</v>
      </c>
      <c r="F30398" s="14" t="s">
        <v>28</v>
      </c>
      <c r="G30398" s="16">
        <v>0.51113272800961007</v>
      </c>
    </row>
    <row r="30399" spans="1:7" x14ac:dyDescent="0.3">
      <c r="A30399" s="13" t="s">
        <v>190</v>
      </c>
      <c r="B30399" s="14" t="s">
        <v>1</v>
      </c>
      <c r="C30399" s="14" t="s">
        <v>191</v>
      </c>
      <c r="D30399" s="14" t="s">
        <v>92</v>
      </c>
      <c r="E30399" s="15">
        <v>45480</v>
      </c>
      <c r="F30399" s="14" t="s">
        <v>28</v>
      </c>
      <c r="G30399" s="16">
        <v>0.51113272800961007</v>
      </c>
    </row>
    <row r="30400" spans="1:7" x14ac:dyDescent="0.3">
      <c r="A30400" s="13" t="s">
        <v>190</v>
      </c>
      <c r="B30400" s="14" t="s">
        <v>1</v>
      </c>
      <c r="C30400" s="14" t="s">
        <v>191</v>
      </c>
      <c r="D30400" s="14" t="s">
        <v>92</v>
      </c>
      <c r="E30400" s="15">
        <v>45481</v>
      </c>
      <c r="F30400" s="14" t="s">
        <v>28</v>
      </c>
      <c r="G30400" s="16">
        <v>0.50836875522099056</v>
      </c>
    </row>
    <row r="30401" spans="1:7" x14ac:dyDescent="0.3">
      <c r="A30401" s="13" t="s">
        <v>190</v>
      </c>
      <c r="B30401" s="14" t="s">
        <v>1</v>
      </c>
      <c r="C30401" s="14" t="s">
        <v>191</v>
      </c>
      <c r="D30401" s="14" t="s">
        <v>92</v>
      </c>
      <c r="E30401" s="15">
        <v>45482</v>
      </c>
      <c r="F30401" s="14" t="s">
        <v>28</v>
      </c>
      <c r="G30401" s="16">
        <v>0.49890088718902481</v>
      </c>
    </row>
    <row r="30402" spans="1:7" x14ac:dyDescent="0.3">
      <c r="A30402" s="13" t="s">
        <v>190</v>
      </c>
      <c r="B30402" s="14" t="s">
        <v>1</v>
      </c>
      <c r="C30402" s="14" t="s">
        <v>191</v>
      </c>
      <c r="D30402" s="14" t="s">
        <v>92</v>
      </c>
      <c r="E30402" s="15">
        <v>45483</v>
      </c>
      <c r="F30402" s="14" t="s">
        <v>28</v>
      </c>
      <c r="G30402" s="16">
        <v>0.50201232845490051</v>
      </c>
    </row>
    <row r="30403" spans="1:7" x14ac:dyDescent="0.3">
      <c r="A30403" s="13" t="s">
        <v>190</v>
      </c>
      <c r="B30403" s="14" t="s">
        <v>1</v>
      </c>
      <c r="C30403" s="14" t="s">
        <v>191</v>
      </c>
      <c r="D30403" s="14" t="s">
        <v>92</v>
      </c>
      <c r="E30403" s="15">
        <v>45484</v>
      </c>
      <c r="F30403" s="14" t="s">
        <v>28</v>
      </c>
      <c r="G30403" s="16">
        <v>0.49647223041120886</v>
      </c>
    </row>
    <row r="30404" spans="1:7" x14ac:dyDescent="0.3">
      <c r="A30404" s="13" t="s">
        <v>190</v>
      </c>
      <c r="B30404" s="14" t="s">
        <v>1</v>
      </c>
      <c r="C30404" s="14" t="s">
        <v>191</v>
      </c>
      <c r="D30404" s="14" t="s">
        <v>92</v>
      </c>
      <c r="E30404" s="15">
        <v>45485</v>
      </c>
      <c r="F30404" s="14" t="s">
        <v>28</v>
      </c>
      <c r="G30404" s="16">
        <v>0.4926483720028374</v>
      </c>
    </row>
    <row r="30405" spans="1:7" x14ac:dyDescent="0.3">
      <c r="A30405" s="13" t="s">
        <v>190</v>
      </c>
      <c r="B30405" s="14" t="s">
        <v>1</v>
      </c>
      <c r="C30405" s="14" t="s">
        <v>191</v>
      </c>
      <c r="D30405" s="14" t="s">
        <v>92</v>
      </c>
      <c r="E30405" s="15">
        <v>45486</v>
      </c>
      <c r="F30405" s="14" t="s">
        <v>28</v>
      </c>
      <c r="G30405" s="16">
        <v>0.4926483720028374</v>
      </c>
    </row>
    <row r="30406" spans="1:7" x14ac:dyDescent="0.3">
      <c r="A30406" s="13" t="s">
        <v>190</v>
      </c>
      <c r="B30406" s="14" t="s">
        <v>1</v>
      </c>
      <c r="C30406" s="14" t="s">
        <v>191</v>
      </c>
      <c r="D30406" s="14" t="s">
        <v>92</v>
      </c>
      <c r="E30406" s="15">
        <v>45487</v>
      </c>
      <c r="F30406" s="14" t="s">
        <v>28</v>
      </c>
      <c r="G30406" s="16">
        <v>0.4926483720028374</v>
      </c>
    </row>
    <row r="30407" spans="1:7" x14ac:dyDescent="0.3">
      <c r="A30407" s="13" t="s">
        <v>190</v>
      </c>
      <c r="B30407" s="14" t="s">
        <v>1</v>
      </c>
      <c r="C30407" s="14" t="s">
        <v>191</v>
      </c>
      <c r="D30407" s="14" t="s">
        <v>92</v>
      </c>
      <c r="E30407" s="15">
        <v>45488</v>
      </c>
      <c r="F30407" s="14" t="s">
        <v>28</v>
      </c>
      <c r="G30407" s="16">
        <v>0.49040792789584886</v>
      </c>
    </row>
    <row r="30408" spans="1:7" x14ac:dyDescent="0.3">
      <c r="A30408" s="13" t="s">
        <v>190</v>
      </c>
      <c r="B30408" s="14" t="s">
        <v>1</v>
      </c>
      <c r="C30408" s="14" t="s">
        <v>191</v>
      </c>
      <c r="D30408" s="14" t="s">
        <v>92</v>
      </c>
      <c r="E30408" s="15">
        <v>45489</v>
      </c>
      <c r="F30408" s="14" t="s">
        <v>28</v>
      </c>
      <c r="G30408" s="16">
        <v>0.48024420271294493</v>
      </c>
    </row>
    <row r="30409" spans="1:7" x14ac:dyDescent="0.3">
      <c r="A30409" s="13" t="s">
        <v>190</v>
      </c>
      <c r="B30409" s="14" t="s">
        <v>1</v>
      </c>
      <c r="C30409" s="14" t="s">
        <v>191</v>
      </c>
      <c r="D30409" s="14" t="s">
        <v>92</v>
      </c>
      <c r="E30409" s="15">
        <v>45490</v>
      </c>
      <c r="F30409" s="14" t="s">
        <v>28</v>
      </c>
      <c r="G30409" s="16">
        <v>0.47566020213561405</v>
      </c>
    </row>
    <row r="30410" spans="1:7" x14ac:dyDescent="0.3">
      <c r="A30410" s="13" t="s">
        <v>190</v>
      </c>
      <c r="B30410" s="14" t="s">
        <v>1</v>
      </c>
      <c r="C30410" s="14" t="s">
        <v>191</v>
      </c>
      <c r="D30410" s="14" t="s">
        <v>92</v>
      </c>
      <c r="E30410" s="15">
        <v>45491</v>
      </c>
      <c r="F30410" s="14" t="s">
        <v>28</v>
      </c>
      <c r="G30410" s="16">
        <v>0.47325687190021182</v>
      </c>
    </row>
    <row r="30411" spans="1:7" x14ac:dyDescent="0.3">
      <c r="A30411" s="13" t="s">
        <v>190</v>
      </c>
      <c r="B30411" s="14" t="s">
        <v>1</v>
      </c>
      <c r="C30411" s="14" t="s">
        <v>191</v>
      </c>
      <c r="D30411" s="14" t="s">
        <v>92</v>
      </c>
      <c r="E30411" s="15">
        <v>45492</v>
      </c>
      <c r="F30411" s="14" t="s">
        <v>28</v>
      </c>
      <c r="G30411" s="16">
        <v>0.47016402713440691</v>
      </c>
    </row>
    <row r="30412" spans="1:7" x14ac:dyDescent="0.3">
      <c r="A30412" s="13" t="s">
        <v>190</v>
      </c>
      <c r="B30412" s="14" t="s">
        <v>1</v>
      </c>
      <c r="C30412" s="14" t="s">
        <v>191</v>
      </c>
      <c r="D30412" s="14" t="s">
        <v>92</v>
      </c>
      <c r="E30412" s="15">
        <v>45493</v>
      </c>
      <c r="F30412" s="14" t="s">
        <v>28</v>
      </c>
      <c r="G30412" s="16">
        <v>0.47016402713440691</v>
      </c>
    </row>
    <row r="30413" spans="1:7" x14ac:dyDescent="0.3">
      <c r="A30413" s="13" t="s">
        <v>190</v>
      </c>
      <c r="B30413" s="14" t="s">
        <v>1</v>
      </c>
      <c r="C30413" s="14" t="s">
        <v>191</v>
      </c>
      <c r="D30413" s="14" t="s">
        <v>92</v>
      </c>
      <c r="E30413" s="15">
        <v>45494</v>
      </c>
      <c r="F30413" s="14" t="s">
        <v>28</v>
      </c>
      <c r="G30413" s="16">
        <v>0.47016402713440691</v>
      </c>
    </row>
    <row r="30414" spans="1:7" x14ac:dyDescent="0.3">
      <c r="A30414" s="13" t="s">
        <v>190</v>
      </c>
      <c r="B30414" s="14" t="s">
        <v>1</v>
      </c>
      <c r="C30414" s="14" t="s">
        <v>191</v>
      </c>
      <c r="D30414" s="14" t="s">
        <v>92</v>
      </c>
      <c r="E30414" s="15">
        <v>45495</v>
      </c>
      <c r="F30414" s="14" t="s">
        <v>28</v>
      </c>
      <c r="G30414" s="16">
        <v>0.4678027404023728</v>
      </c>
    </row>
    <row r="30415" spans="1:7" x14ac:dyDescent="0.3">
      <c r="A30415" s="13" t="s">
        <v>190</v>
      </c>
      <c r="B30415" s="14" t="s">
        <v>1</v>
      </c>
      <c r="C30415" s="14" t="s">
        <v>191</v>
      </c>
      <c r="D30415" s="14" t="s">
        <v>92</v>
      </c>
      <c r="E30415" s="15">
        <v>45496</v>
      </c>
      <c r="F30415" s="14" t="s">
        <v>28</v>
      </c>
      <c r="G30415" s="16">
        <v>0.45758653853943421</v>
      </c>
    </row>
    <row r="30416" spans="1:7" x14ac:dyDescent="0.3">
      <c r="A30416" s="13" t="s">
        <v>190</v>
      </c>
      <c r="B30416" s="14" t="s">
        <v>1</v>
      </c>
      <c r="C30416" s="14" t="s">
        <v>191</v>
      </c>
      <c r="D30416" s="14" t="s">
        <v>92</v>
      </c>
      <c r="E30416" s="15">
        <v>45497</v>
      </c>
      <c r="F30416" s="14" t="s">
        <v>28</v>
      </c>
      <c r="G30416" s="16">
        <v>0.45348136197385797</v>
      </c>
    </row>
    <row r="30417" spans="1:7" x14ac:dyDescent="0.3">
      <c r="A30417" s="13" t="s">
        <v>190</v>
      </c>
      <c r="B30417" s="14" t="s">
        <v>1</v>
      </c>
      <c r="C30417" s="14" t="s">
        <v>191</v>
      </c>
      <c r="D30417" s="14" t="s">
        <v>92</v>
      </c>
      <c r="E30417" s="15">
        <v>45498</v>
      </c>
      <c r="F30417" s="14" t="s">
        <v>28</v>
      </c>
      <c r="G30417" s="16">
        <v>0.4500594970813605</v>
      </c>
    </row>
    <row r="30418" spans="1:7" x14ac:dyDescent="0.3">
      <c r="A30418" s="13" t="s">
        <v>190</v>
      </c>
      <c r="B30418" s="14" t="s">
        <v>1</v>
      </c>
      <c r="C30418" s="14" t="s">
        <v>191</v>
      </c>
      <c r="D30418" s="14" t="s">
        <v>92</v>
      </c>
      <c r="E30418" s="15">
        <v>45499</v>
      </c>
      <c r="F30418" s="14" t="s">
        <v>28</v>
      </c>
      <c r="G30418" s="16">
        <v>0.44622691018222349</v>
      </c>
    </row>
    <row r="30419" spans="1:7" x14ac:dyDescent="0.3">
      <c r="A30419" s="13" t="s">
        <v>190</v>
      </c>
      <c r="B30419" s="14" t="s">
        <v>1</v>
      </c>
      <c r="C30419" s="14" t="s">
        <v>191</v>
      </c>
      <c r="D30419" s="14" t="s">
        <v>92</v>
      </c>
      <c r="E30419" s="15">
        <v>45500</v>
      </c>
      <c r="F30419" s="14" t="s">
        <v>28</v>
      </c>
      <c r="G30419" s="16">
        <v>0.44622691018222349</v>
      </c>
    </row>
    <row r="30420" spans="1:7" x14ac:dyDescent="0.3">
      <c r="A30420" s="13" t="s">
        <v>190</v>
      </c>
      <c r="B30420" s="14" t="s">
        <v>1</v>
      </c>
      <c r="C30420" s="14" t="s">
        <v>191</v>
      </c>
      <c r="D30420" s="14" t="s">
        <v>92</v>
      </c>
      <c r="E30420" s="15">
        <v>45501</v>
      </c>
      <c r="F30420" s="14" t="s">
        <v>28</v>
      </c>
      <c r="G30420" s="16">
        <v>0.44622691018222349</v>
      </c>
    </row>
    <row r="30421" spans="1:7" x14ac:dyDescent="0.3">
      <c r="A30421" s="13" t="s">
        <v>190</v>
      </c>
      <c r="B30421" s="14" t="s">
        <v>1</v>
      </c>
      <c r="C30421" s="14" t="s">
        <v>191</v>
      </c>
      <c r="D30421" s="14" t="s">
        <v>92</v>
      </c>
      <c r="E30421" s="15">
        <v>45502</v>
      </c>
      <c r="F30421" s="14" t="s">
        <v>28</v>
      </c>
      <c r="G30421" s="16">
        <v>0.44053607938588929</v>
      </c>
    </row>
    <row r="30422" spans="1:7" x14ac:dyDescent="0.3">
      <c r="A30422" s="13" t="s">
        <v>190</v>
      </c>
      <c r="B30422" s="14" t="s">
        <v>1</v>
      </c>
      <c r="C30422" s="14" t="s">
        <v>191</v>
      </c>
      <c r="D30422" s="14" t="s">
        <v>92</v>
      </c>
      <c r="E30422" s="15">
        <v>45503</v>
      </c>
      <c r="F30422" s="14" t="s">
        <v>28</v>
      </c>
      <c r="G30422" s="16">
        <v>0.4300700571358434</v>
      </c>
    </row>
    <row r="30423" spans="1:7" x14ac:dyDescent="0.3">
      <c r="A30423" s="13" t="s">
        <v>190</v>
      </c>
      <c r="B30423" s="14" t="s">
        <v>1</v>
      </c>
      <c r="C30423" s="14" t="s">
        <v>191</v>
      </c>
      <c r="D30423" s="14" t="s">
        <v>92</v>
      </c>
      <c r="E30423" s="15">
        <v>45504</v>
      </c>
      <c r="F30423" s="14" t="s">
        <v>28</v>
      </c>
      <c r="G30423" s="16">
        <v>0.44056674490731568</v>
      </c>
    </row>
    <row r="30424" spans="1:7" x14ac:dyDescent="0.3">
      <c r="A30424" s="13" t="s">
        <v>190</v>
      </c>
      <c r="B30424" s="14" t="s">
        <v>1</v>
      </c>
      <c r="C30424" s="14" t="s">
        <v>191</v>
      </c>
      <c r="D30424" s="14" t="s">
        <v>92</v>
      </c>
      <c r="E30424" s="15">
        <v>45505</v>
      </c>
      <c r="F30424" s="14" t="s">
        <v>28</v>
      </c>
      <c r="G30424" s="16">
        <v>0.47049585241141345</v>
      </c>
    </row>
    <row r="30425" spans="1:7" x14ac:dyDescent="0.3">
      <c r="A30425" s="13" t="s">
        <v>190</v>
      </c>
      <c r="B30425" s="14" t="s">
        <v>1</v>
      </c>
      <c r="C30425" s="14" t="s">
        <v>191</v>
      </c>
      <c r="D30425" s="14" t="s">
        <v>92</v>
      </c>
      <c r="E30425" s="15">
        <v>45506</v>
      </c>
      <c r="F30425" s="14" t="s">
        <v>28</v>
      </c>
      <c r="G30425" s="16">
        <v>0.52673628294994901</v>
      </c>
    </row>
    <row r="30426" spans="1:7" x14ac:dyDescent="0.3">
      <c r="A30426" s="13" t="s">
        <v>190</v>
      </c>
      <c r="B30426" s="14" t="s">
        <v>1</v>
      </c>
      <c r="C30426" s="14" t="s">
        <v>191</v>
      </c>
      <c r="D30426" s="14" t="s">
        <v>92</v>
      </c>
      <c r="E30426" s="15">
        <v>45507</v>
      </c>
      <c r="F30426" s="14" t="s">
        <v>28</v>
      </c>
      <c r="G30426" s="16">
        <v>0.52673628294994901</v>
      </c>
    </row>
    <row r="30427" spans="1:7" x14ac:dyDescent="0.3">
      <c r="A30427" s="13" t="s">
        <v>190</v>
      </c>
      <c r="B30427" s="14" t="s">
        <v>1</v>
      </c>
      <c r="C30427" s="14" t="s">
        <v>191</v>
      </c>
      <c r="D30427" s="14" t="s">
        <v>92</v>
      </c>
      <c r="E30427" s="15">
        <v>45508</v>
      </c>
      <c r="F30427" s="14" t="s">
        <v>28</v>
      </c>
      <c r="G30427" s="16">
        <v>0.52673628294994901</v>
      </c>
    </row>
    <row r="30428" spans="1:7" x14ac:dyDescent="0.3">
      <c r="A30428" s="13" t="s">
        <v>190</v>
      </c>
      <c r="B30428" s="14" t="s">
        <v>1</v>
      </c>
      <c r="C30428" s="14" t="s">
        <v>191</v>
      </c>
      <c r="D30428" s="14" t="s">
        <v>92</v>
      </c>
      <c r="E30428" s="15">
        <v>45509</v>
      </c>
      <c r="F30428" s="14" t="s">
        <v>28</v>
      </c>
      <c r="G30428" s="16">
        <v>0.52673628294994901</v>
      </c>
    </row>
    <row r="30429" spans="1:7" x14ac:dyDescent="0.3">
      <c r="A30429" s="13" t="s">
        <v>190</v>
      </c>
      <c r="B30429" s="14" t="s">
        <v>1</v>
      </c>
      <c r="C30429" s="14" t="s">
        <v>191</v>
      </c>
      <c r="D30429" s="14" t="s">
        <v>92</v>
      </c>
      <c r="E30429" s="15">
        <v>45510</v>
      </c>
      <c r="F30429" s="14" t="s">
        <v>28</v>
      </c>
      <c r="G30429" s="16">
        <v>0.55091118164716091</v>
      </c>
    </row>
    <row r="30430" spans="1:7" x14ac:dyDescent="0.3">
      <c r="A30430" s="13" t="s">
        <v>190</v>
      </c>
      <c r="B30430" s="14" t="s">
        <v>1</v>
      </c>
      <c r="C30430" s="14" t="s">
        <v>191</v>
      </c>
      <c r="D30430" s="14" t="s">
        <v>92</v>
      </c>
      <c r="E30430" s="15">
        <v>45511</v>
      </c>
      <c r="F30430" s="14" t="s">
        <v>28</v>
      </c>
      <c r="G30430" s="16">
        <v>0.80290620455320394</v>
      </c>
    </row>
    <row r="30431" spans="1:7" x14ac:dyDescent="0.3">
      <c r="A30431" s="13" t="s">
        <v>190</v>
      </c>
      <c r="B30431" s="14" t="s">
        <v>1</v>
      </c>
      <c r="C30431" s="14" t="s">
        <v>191</v>
      </c>
      <c r="D30431" s="14" t="s">
        <v>92</v>
      </c>
      <c r="E30431" s="15">
        <v>45512</v>
      </c>
      <c r="F30431" s="14" t="s">
        <v>28</v>
      </c>
      <c r="G30431" s="16">
        <v>0.79805864746654764</v>
      </c>
    </row>
    <row r="30432" spans="1:7" x14ac:dyDescent="0.3">
      <c r="A30432" s="13" t="s">
        <v>190</v>
      </c>
      <c r="B30432" s="14" t="s">
        <v>1</v>
      </c>
      <c r="C30432" s="14" t="s">
        <v>191</v>
      </c>
      <c r="D30432" s="14" t="s">
        <v>92</v>
      </c>
      <c r="E30432" s="15">
        <v>45513</v>
      </c>
      <c r="F30432" s="14" t="s">
        <v>28</v>
      </c>
      <c r="G30432" s="16">
        <v>0.79805864746654764</v>
      </c>
    </row>
    <row r="30433" spans="1:7" x14ac:dyDescent="0.3">
      <c r="A30433" s="13" t="s">
        <v>190</v>
      </c>
      <c r="B30433" s="14" t="s">
        <v>1</v>
      </c>
      <c r="C30433" s="14" t="s">
        <v>191</v>
      </c>
      <c r="D30433" s="14" t="s">
        <v>92</v>
      </c>
      <c r="E30433" s="15">
        <v>45514</v>
      </c>
      <c r="F30433" s="14" t="s">
        <v>28</v>
      </c>
      <c r="G30433" s="16">
        <v>0.79805864746654764</v>
      </c>
    </row>
    <row r="30434" spans="1:7" x14ac:dyDescent="0.3">
      <c r="A30434" s="13" t="s">
        <v>190</v>
      </c>
      <c r="B30434" s="14" t="s">
        <v>1</v>
      </c>
      <c r="C30434" s="14" t="s">
        <v>191</v>
      </c>
      <c r="D30434" s="14" t="s">
        <v>92</v>
      </c>
      <c r="E30434" s="15">
        <v>45515</v>
      </c>
      <c r="F30434" s="14" t="s">
        <v>28</v>
      </c>
      <c r="G30434" s="16">
        <v>0.79805864746654764</v>
      </c>
    </row>
    <row r="30435" spans="1:7" x14ac:dyDescent="0.3">
      <c r="A30435" s="13" t="s">
        <v>190</v>
      </c>
      <c r="B30435" s="14" t="s">
        <v>1</v>
      </c>
      <c r="C30435" s="14" t="s">
        <v>191</v>
      </c>
      <c r="D30435" s="14" t="s">
        <v>92</v>
      </c>
      <c r="E30435" s="15">
        <v>45516</v>
      </c>
      <c r="F30435" s="14" t="s">
        <v>28</v>
      </c>
      <c r="G30435" s="16">
        <v>0.79875812627548071</v>
      </c>
    </row>
    <row r="30436" spans="1:7" x14ac:dyDescent="0.3">
      <c r="A30436" s="13" t="s">
        <v>190</v>
      </c>
      <c r="B30436" s="14" t="s">
        <v>1</v>
      </c>
      <c r="C30436" s="14" t="s">
        <v>191</v>
      </c>
      <c r="D30436" s="14" t="s">
        <v>92</v>
      </c>
      <c r="E30436" s="15">
        <v>45517</v>
      </c>
      <c r="F30436" s="14" t="s">
        <v>28</v>
      </c>
      <c r="G30436" s="16">
        <v>0.78092277880583327</v>
      </c>
    </row>
    <row r="30437" spans="1:7" x14ac:dyDescent="0.3">
      <c r="A30437" s="13" t="s">
        <v>190</v>
      </c>
      <c r="B30437" s="14" t="s">
        <v>1</v>
      </c>
      <c r="C30437" s="14" t="s">
        <v>191</v>
      </c>
      <c r="D30437" s="14" t="s">
        <v>92</v>
      </c>
      <c r="E30437" s="15">
        <v>45518</v>
      </c>
      <c r="F30437" s="14" t="s">
        <v>28</v>
      </c>
      <c r="G30437" s="16">
        <v>0.7766712954591507</v>
      </c>
    </row>
    <row r="30438" spans="1:7" x14ac:dyDescent="0.3">
      <c r="A30438" s="13" t="s">
        <v>190</v>
      </c>
      <c r="B30438" s="14" t="s">
        <v>1</v>
      </c>
      <c r="C30438" s="14" t="s">
        <v>191</v>
      </c>
      <c r="D30438" s="14" t="s">
        <v>92</v>
      </c>
      <c r="E30438" s="15">
        <v>45519</v>
      </c>
      <c r="F30438" s="14" t="s">
        <v>28</v>
      </c>
      <c r="G30438" s="16">
        <v>0.77721361117616805</v>
      </c>
    </row>
    <row r="30439" spans="1:7" x14ac:dyDescent="0.3">
      <c r="A30439" s="13" t="s">
        <v>190</v>
      </c>
      <c r="B30439" s="14" t="s">
        <v>1</v>
      </c>
      <c r="C30439" s="14" t="s">
        <v>191</v>
      </c>
      <c r="D30439" s="14" t="s">
        <v>92</v>
      </c>
      <c r="E30439" s="15">
        <v>45520</v>
      </c>
      <c r="F30439" s="14" t="s">
        <v>28</v>
      </c>
      <c r="G30439" s="16">
        <v>0.92748963769699366</v>
      </c>
    </row>
    <row r="30440" spans="1:7" x14ac:dyDescent="0.3">
      <c r="A30440" s="13" t="s">
        <v>190</v>
      </c>
      <c r="B30440" s="14" t="s">
        <v>1</v>
      </c>
      <c r="C30440" s="14" t="s">
        <v>191</v>
      </c>
      <c r="D30440" s="14" t="s">
        <v>92</v>
      </c>
      <c r="E30440" s="15">
        <v>45521</v>
      </c>
      <c r="F30440" s="14" t="s">
        <v>28</v>
      </c>
      <c r="G30440" s="16">
        <v>0.92748963769699366</v>
      </c>
    </row>
    <row r="30441" spans="1:7" x14ac:dyDescent="0.3">
      <c r="A30441" s="13" t="s">
        <v>190</v>
      </c>
      <c r="B30441" s="14" t="s">
        <v>1</v>
      </c>
      <c r="C30441" s="14" t="s">
        <v>191</v>
      </c>
      <c r="D30441" s="14" t="s">
        <v>92</v>
      </c>
      <c r="E30441" s="15">
        <v>45522</v>
      </c>
      <c r="F30441" s="14" t="s">
        <v>28</v>
      </c>
      <c r="G30441" s="16">
        <v>0.92748963769699366</v>
      </c>
    </row>
    <row r="30442" spans="1:7" x14ac:dyDescent="0.3">
      <c r="A30442" s="13" t="s">
        <v>190</v>
      </c>
      <c r="B30442" s="14" t="s">
        <v>1</v>
      </c>
      <c r="C30442" s="14" t="s">
        <v>191</v>
      </c>
      <c r="D30442" s="14" t="s">
        <v>92</v>
      </c>
      <c r="E30442" s="15">
        <v>45523</v>
      </c>
      <c r="F30442" s="14" t="s">
        <v>28</v>
      </c>
      <c r="G30442" s="16">
        <v>0.91870398353455307</v>
      </c>
    </row>
    <row r="30443" spans="1:7" x14ac:dyDescent="0.3">
      <c r="A30443" s="13" t="s">
        <v>190</v>
      </c>
      <c r="B30443" s="14" t="s">
        <v>1</v>
      </c>
      <c r="C30443" s="14" t="s">
        <v>191</v>
      </c>
      <c r="D30443" s="14" t="s">
        <v>92</v>
      </c>
      <c r="E30443" s="15">
        <v>45524</v>
      </c>
      <c r="F30443" s="14" t="s">
        <v>28</v>
      </c>
      <c r="G30443" s="16">
        <v>0.90568955457543798</v>
      </c>
    </row>
    <row r="30444" spans="1:7" x14ac:dyDescent="0.3">
      <c r="A30444" s="13" t="s">
        <v>190</v>
      </c>
      <c r="B30444" s="14" t="s">
        <v>1</v>
      </c>
      <c r="C30444" s="14" t="s">
        <v>191</v>
      </c>
      <c r="D30444" s="14" t="s">
        <v>92</v>
      </c>
      <c r="E30444" s="15">
        <v>45525</v>
      </c>
      <c r="F30444" s="14" t="s">
        <v>28</v>
      </c>
      <c r="G30444" s="16">
        <v>1.0646069487259897</v>
      </c>
    </row>
    <row r="30445" spans="1:7" x14ac:dyDescent="0.3">
      <c r="A30445" s="13" t="s">
        <v>190</v>
      </c>
      <c r="B30445" s="14" t="s">
        <v>1</v>
      </c>
      <c r="C30445" s="14" t="s">
        <v>191</v>
      </c>
      <c r="D30445" s="14" t="s">
        <v>92</v>
      </c>
      <c r="E30445" s="15">
        <v>45526</v>
      </c>
      <c r="F30445" s="14" t="s">
        <v>28</v>
      </c>
      <c r="G30445" s="16">
        <v>1.065751309932736</v>
      </c>
    </row>
    <row r="30446" spans="1:7" x14ac:dyDescent="0.3">
      <c r="A30446" s="13" t="s">
        <v>190</v>
      </c>
      <c r="B30446" s="14" t="s">
        <v>1</v>
      </c>
      <c r="C30446" s="14" t="s">
        <v>191</v>
      </c>
      <c r="D30446" s="14" t="s">
        <v>92</v>
      </c>
      <c r="E30446" s="15">
        <v>45527</v>
      </c>
      <c r="F30446" s="14" t="s">
        <v>28</v>
      </c>
      <c r="G30446" s="16">
        <v>1.0536493988514066</v>
      </c>
    </row>
    <row r="30447" spans="1:7" x14ac:dyDescent="0.3">
      <c r="A30447" s="13" t="s">
        <v>190</v>
      </c>
      <c r="B30447" s="14" t="s">
        <v>1</v>
      </c>
      <c r="C30447" s="14" t="s">
        <v>191</v>
      </c>
      <c r="D30447" s="14" t="s">
        <v>92</v>
      </c>
      <c r="E30447" s="15">
        <v>45528</v>
      </c>
      <c r="F30447" s="14" t="s">
        <v>28</v>
      </c>
      <c r="G30447" s="16">
        <v>1.0536493988514066</v>
      </c>
    </row>
    <row r="30448" spans="1:7" x14ac:dyDescent="0.3">
      <c r="A30448" s="13" t="s">
        <v>190</v>
      </c>
      <c r="B30448" s="14" t="s">
        <v>1</v>
      </c>
      <c r="C30448" s="14" t="s">
        <v>191</v>
      </c>
      <c r="D30448" s="14" t="s">
        <v>92</v>
      </c>
      <c r="E30448" s="15">
        <v>45529</v>
      </c>
      <c r="F30448" s="14" t="s">
        <v>28</v>
      </c>
      <c r="G30448" s="16">
        <v>1.0536493988514066</v>
      </c>
    </row>
    <row r="30449" spans="1:7" x14ac:dyDescent="0.3">
      <c r="A30449" s="13" t="s">
        <v>190</v>
      </c>
      <c r="B30449" s="14" t="s">
        <v>1</v>
      </c>
      <c r="C30449" s="14" t="s">
        <v>191</v>
      </c>
      <c r="D30449" s="14" t="s">
        <v>92</v>
      </c>
      <c r="E30449" s="15">
        <v>45530</v>
      </c>
      <c r="F30449" s="14" t="s">
        <v>28</v>
      </c>
      <c r="G30449" s="16">
        <v>1.1404597590212777</v>
      </c>
    </row>
    <row r="30450" spans="1:7" x14ac:dyDescent="0.3">
      <c r="A30450" s="13" t="s">
        <v>190</v>
      </c>
      <c r="B30450" s="14" t="s">
        <v>1</v>
      </c>
      <c r="C30450" s="14" t="s">
        <v>191</v>
      </c>
      <c r="D30450" s="14" t="s">
        <v>92</v>
      </c>
      <c r="E30450" s="15">
        <v>45531</v>
      </c>
      <c r="F30450" s="14" t="s">
        <v>28</v>
      </c>
      <c r="G30450" s="16">
        <v>1.1271442158214195</v>
      </c>
    </row>
    <row r="30451" spans="1:7" x14ac:dyDescent="0.3">
      <c r="A30451" s="13" t="s">
        <v>190</v>
      </c>
      <c r="B30451" s="14" t="s">
        <v>1</v>
      </c>
      <c r="C30451" s="14" t="s">
        <v>191</v>
      </c>
      <c r="D30451" s="14" t="s">
        <v>92</v>
      </c>
      <c r="E30451" s="15">
        <v>45532</v>
      </c>
      <c r="F30451" s="14" t="s">
        <v>28</v>
      </c>
      <c r="G30451" s="16">
        <v>1.1273769353807332</v>
      </c>
    </row>
    <row r="30452" spans="1:7" x14ac:dyDescent="0.3">
      <c r="A30452" s="13" t="s">
        <v>190</v>
      </c>
      <c r="B30452" s="14" t="s">
        <v>1</v>
      </c>
      <c r="C30452" s="14" t="s">
        <v>191</v>
      </c>
      <c r="D30452" s="14" t="s">
        <v>92</v>
      </c>
      <c r="E30452" s="15">
        <v>45533</v>
      </c>
      <c r="F30452" s="14" t="s">
        <v>28</v>
      </c>
      <c r="G30452" s="16">
        <v>1.1229860186618474</v>
      </c>
    </row>
    <row r="30453" spans="1:7" x14ac:dyDescent="0.3">
      <c r="A30453" s="13" t="s">
        <v>190</v>
      </c>
      <c r="B30453" s="14" t="s">
        <v>1</v>
      </c>
      <c r="C30453" s="14" t="s">
        <v>191</v>
      </c>
      <c r="D30453" s="14" t="s">
        <v>92</v>
      </c>
      <c r="E30453" s="15">
        <v>45534</v>
      </c>
      <c r="F30453" s="14" t="s">
        <v>28</v>
      </c>
      <c r="G30453" s="16">
        <v>1.3753567166620388</v>
      </c>
    </row>
    <row r="30454" spans="1:7" x14ac:dyDescent="0.3">
      <c r="A30454" s="13" t="s">
        <v>190</v>
      </c>
      <c r="B30454" s="14" t="s">
        <v>1</v>
      </c>
      <c r="C30454" s="14" t="s">
        <v>191</v>
      </c>
      <c r="D30454" s="14" t="s">
        <v>92</v>
      </c>
      <c r="E30454" s="15">
        <v>45535</v>
      </c>
      <c r="F30454" s="14" t="s">
        <v>28</v>
      </c>
      <c r="G30454" s="16">
        <v>1.3753567166620388</v>
      </c>
    </row>
    <row r="30455" spans="1:7" x14ac:dyDescent="0.3">
      <c r="A30455" s="13" t="s">
        <v>190</v>
      </c>
      <c r="B30455" s="14" t="s">
        <v>1</v>
      </c>
      <c r="C30455" s="14" t="s">
        <v>191</v>
      </c>
      <c r="D30455" s="14" t="s">
        <v>92</v>
      </c>
      <c r="E30455" s="15">
        <v>45536</v>
      </c>
      <c r="F30455" s="14" t="s">
        <v>28</v>
      </c>
      <c r="G30455" s="16">
        <v>1.3753567166620388</v>
      </c>
    </row>
    <row r="30456" spans="1:7" x14ac:dyDescent="0.3">
      <c r="A30456" s="13" t="s">
        <v>190</v>
      </c>
      <c r="B30456" s="14" t="s">
        <v>1</v>
      </c>
      <c r="C30456" s="14" t="s">
        <v>191</v>
      </c>
      <c r="D30456" s="14" t="s">
        <v>92</v>
      </c>
      <c r="E30456" s="15">
        <v>45537</v>
      </c>
      <c r="F30456" s="14" t="s">
        <v>28</v>
      </c>
      <c r="G30456" s="16">
        <v>1.376713116942899</v>
      </c>
    </row>
    <row r="30457" spans="1:7" x14ac:dyDescent="0.3">
      <c r="A30457" s="13" t="s">
        <v>190</v>
      </c>
      <c r="B30457" s="14" t="s">
        <v>1</v>
      </c>
      <c r="C30457" s="14" t="s">
        <v>191</v>
      </c>
      <c r="D30457" s="14" t="s">
        <v>92</v>
      </c>
      <c r="E30457" s="15">
        <v>45538</v>
      </c>
      <c r="F30457" s="14" t="s">
        <v>28</v>
      </c>
      <c r="G30457" s="16">
        <v>1.3656733156367875</v>
      </c>
    </row>
    <row r="30458" spans="1:7" x14ac:dyDescent="0.3">
      <c r="A30458" s="13" t="s">
        <v>190</v>
      </c>
      <c r="B30458" s="14" t="s">
        <v>1</v>
      </c>
      <c r="C30458" s="14" t="s">
        <v>191</v>
      </c>
      <c r="D30458" s="14" t="s">
        <v>92</v>
      </c>
      <c r="E30458" s="15">
        <v>45539</v>
      </c>
      <c r="F30458" s="14" t="s">
        <v>28</v>
      </c>
      <c r="G30458" s="16">
        <v>1.357181713599048</v>
      </c>
    </row>
    <row r="30459" spans="1:7" x14ac:dyDescent="0.3">
      <c r="A30459" s="13" t="s">
        <v>190</v>
      </c>
      <c r="B30459" s="14" t="s">
        <v>1</v>
      </c>
      <c r="C30459" s="14" t="s">
        <v>191</v>
      </c>
      <c r="D30459" s="14" t="s">
        <v>92</v>
      </c>
      <c r="E30459" s="15">
        <v>45540</v>
      </c>
      <c r="F30459" s="14" t="s">
        <v>28</v>
      </c>
      <c r="G30459" s="16">
        <v>1.3366362488662518</v>
      </c>
    </row>
    <row r="30460" spans="1:7" x14ac:dyDescent="0.3">
      <c r="A30460" s="13" t="s">
        <v>190</v>
      </c>
      <c r="B30460" s="14" t="s">
        <v>1</v>
      </c>
      <c r="C30460" s="14" t="s">
        <v>191</v>
      </c>
      <c r="D30460" s="14" t="s">
        <v>92</v>
      </c>
      <c r="E30460" s="15">
        <v>45541</v>
      </c>
      <c r="F30460" s="14" t="s">
        <v>28</v>
      </c>
      <c r="G30460" s="16">
        <v>1.328709505896007</v>
      </c>
    </row>
    <row r="30461" spans="1:7" x14ac:dyDescent="0.3">
      <c r="A30461" s="13" t="s">
        <v>190</v>
      </c>
      <c r="B30461" s="14" t="s">
        <v>1</v>
      </c>
      <c r="C30461" s="14" t="s">
        <v>191</v>
      </c>
      <c r="D30461" s="14" t="s">
        <v>92</v>
      </c>
      <c r="E30461" s="15">
        <v>45542</v>
      </c>
      <c r="F30461" s="14" t="s">
        <v>28</v>
      </c>
      <c r="G30461" s="16">
        <v>1.328709505896007</v>
      </c>
    </row>
    <row r="30462" spans="1:7" x14ac:dyDescent="0.3">
      <c r="A30462" s="13" t="s">
        <v>190</v>
      </c>
      <c r="B30462" s="14" t="s">
        <v>1</v>
      </c>
      <c r="C30462" s="14" t="s">
        <v>191</v>
      </c>
      <c r="D30462" s="14" t="s">
        <v>92</v>
      </c>
      <c r="E30462" s="15">
        <v>45543</v>
      </c>
      <c r="F30462" s="14" t="s">
        <v>28</v>
      </c>
      <c r="G30462" s="16">
        <v>1.328709505896007</v>
      </c>
    </row>
    <row r="30463" spans="1:7" x14ac:dyDescent="0.3">
      <c r="A30463" s="13" t="s">
        <v>190</v>
      </c>
      <c r="B30463" s="14" t="s">
        <v>1</v>
      </c>
      <c r="C30463" s="14" t="s">
        <v>191</v>
      </c>
      <c r="D30463" s="14" t="s">
        <v>92</v>
      </c>
      <c r="E30463" s="15">
        <v>45544</v>
      </c>
      <c r="F30463" s="14" t="s">
        <v>28</v>
      </c>
      <c r="G30463" s="16">
        <v>1.33442166991089</v>
      </c>
    </row>
    <row r="30464" spans="1:7" x14ac:dyDescent="0.3">
      <c r="A30464" s="13" t="s">
        <v>190</v>
      </c>
      <c r="B30464" s="14" t="s">
        <v>1</v>
      </c>
      <c r="C30464" s="14" t="s">
        <v>191</v>
      </c>
      <c r="D30464" s="14" t="s">
        <v>92</v>
      </c>
      <c r="E30464" s="15">
        <v>45545</v>
      </c>
      <c r="F30464" s="14" t="s">
        <v>28</v>
      </c>
      <c r="G30464" s="16">
        <v>1.3220134608819782</v>
      </c>
    </row>
    <row r="30465" spans="1:7" x14ac:dyDescent="0.3">
      <c r="A30465" s="13" t="s">
        <v>190</v>
      </c>
      <c r="B30465" s="14" t="s">
        <v>1</v>
      </c>
      <c r="C30465" s="14" t="s">
        <v>191</v>
      </c>
      <c r="D30465" s="14" t="s">
        <v>92</v>
      </c>
      <c r="E30465" s="15">
        <v>45546</v>
      </c>
      <c r="F30465" s="14" t="s">
        <v>28</v>
      </c>
      <c r="G30465" s="16">
        <v>1.3824493325824638</v>
      </c>
    </row>
    <row r="30466" spans="1:7" x14ac:dyDescent="0.3">
      <c r="A30466" s="13" t="s">
        <v>190</v>
      </c>
      <c r="B30466" s="14" t="s">
        <v>1</v>
      </c>
      <c r="C30466" s="14" t="s">
        <v>191</v>
      </c>
      <c r="D30466" s="14" t="s">
        <v>92</v>
      </c>
      <c r="E30466" s="15">
        <v>45547</v>
      </c>
      <c r="F30466" s="14" t="s">
        <v>28</v>
      </c>
      <c r="G30466" s="16">
        <v>1.3762357635747775</v>
      </c>
    </row>
    <row r="30467" spans="1:7" x14ac:dyDescent="0.3">
      <c r="A30467" s="13" t="s">
        <v>190</v>
      </c>
      <c r="B30467" s="14" t="s">
        <v>1</v>
      </c>
      <c r="C30467" s="14" t="s">
        <v>191</v>
      </c>
      <c r="D30467" s="14" t="s">
        <v>92</v>
      </c>
      <c r="E30467" s="15">
        <v>45548</v>
      </c>
      <c r="F30467" s="14" t="s">
        <v>28</v>
      </c>
      <c r="G30467" s="16">
        <v>1.3684350930882605</v>
      </c>
    </row>
    <row r="30468" spans="1:7" x14ac:dyDescent="0.3">
      <c r="A30468" s="13" t="s">
        <v>190</v>
      </c>
      <c r="B30468" s="14" t="s">
        <v>1</v>
      </c>
      <c r="C30468" s="14" t="s">
        <v>191</v>
      </c>
      <c r="D30468" s="14" t="s">
        <v>92</v>
      </c>
      <c r="E30468" s="15">
        <v>45549</v>
      </c>
      <c r="F30468" s="14" t="s">
        <v>28</v>
      </c>
      <c r="G30468" s="16">
        <v>1.3684350930882605</v>
      </c>
    </row>
    <row r="30469" spans="1:7" x14ac:dyDescent="0.3">
      <c r="A30469" s="13" t="s">
        <v>190</v>
      </c>
      <c r="B30469" s="14" t="s">
        <v>1</v>
      </c>
      <c r="C30469" s="14" t="s">
        <v>191</v>
      </c>
      <c r="D30469" s="14" t="s">
        <v>92</v>
      </c>
      <c r="E30469" s="15">
        <v>45550</v>
      </c>
      <c r="F30469" s="14" t="s">
        <v>28</v>
      </c>
      <c r="G30469" s="16">
        <v>1.3684350930882605</v>
      </c>
    </row>
    <row r="30470" spans="1:7" x14ac:dyDescent="0.3">
      <c r="A30470" s="13" t="s">
        <v>190</v>
      </c>
      <c r="B30470" s="14" t="s">
        <v>1</v>
      </c>
      <c r="C30470" s="14" t="s">
        <v>191</v>
      </c>
      <c r="D30470" s="14" t="s">
        <v>92</v>
      </c>
      <c r="E30470" s="15">
        <v>45551</v>
      </c>
      <c r="F30470" s="14" t="s">
        <v>28</v>
      </c>
      <c r="G30470" s="16">
        <v>1.3618003286509854</v>
      </c>
    </row>
    <row r="30471" spans="1:7" x14ac:dyDescent="0.3">
      <c r="A30471" s="13" t="s">
        <v>190</v>
      </c>
      <c r="B30471" s="14" t="s">
        <v>1</v>
      </c>
      <c r="C30471" s="14" t="s">
        <v>191</v>
      </c>
      <c r="D30471" s="14" t="s">
        <v>92</v>
      </c>
      <c r="E30471" s="15">
        <v>45552</v>
      </c>
      <c r="F30471" s="14" t="s">
        <v>28</v>
      </c>
      <c r="G30471" s="16">
        <v>1.3441350724496115</v>
      </c>
    </row>
    <row r="30472" spans="1:7" x14ac:dyDescent="0.3">
      <c r="A30472" s="13" t="s">
        <v>190</v>
      </c>
      <c r="B30472" s="14" t="s">
        <v>1</v>
      </c>
      <c r="C30472" s="14" t="s">
        <v>191</v>
      </c>
      <c r="D30472" s="14" t="s">
        <v>92</v>
      </c>
      <c r="E30472" s="15">
        <v>45553</v>
      </c>
      <c r="F30472" s="14" t="s">
        <v>28</v>
      </c>
      <c r="G30472" s="16">
        <v>1.336386782590157</v>
      </c>
    </row>
    <row r="30473" spans="1:7" x14ac:dyDescent="0.3">
      <c r="A30473" s="13" t="s">
        <v>190</v>
      </c>
      <c r="B30473" s="14" t="s">
        <v>1</v>
      </c>
      <c r="C30473" s="14" t="s">
        <v>191</v>
      </c>
      <c r="D30473" s="14" t="s">
        <v>92</v>
      </c>
      <c r="E30473" s="15">
        <v>45554</v>
      </c>
      <c r="F30473" s="14" t="s">
        <v>28</v>
      </c>
      <c r="G30473" s="16">
        <v>1.3270216323682205</v>
      </c>
    </row>
    <row r="30474" spans="1:7" x14ac:dyDescent="0.3">
      <c r="A30474" s="13" t="s">
        <v>190</v>
      </c>
      <c r="B30474" s="14" t="s">
        <v>1</v>
      </c>
      <c r="C30474" s="14" t="s">
        <v>191</v>
      </c>
      <c r="D30474" s="14" t="s">
        <v>92</v>
      </c>
      <c r="E30474" s="15">
        <v>45555</v>
      </c>
      <c r="F30474" s="14" t="s">
        <v>28</v>
      </c>
      <c r="G30474" s="16">
        <v>1.3226482795058316</v>
      </c>
    </row>
    <row r="30475" spans="1:7" x14ac:dyDescent="0.3">
      <c r="A30475" s="13" t="s">
        <v>190</v>
      </c>
      <c r="B30475" s="14" t="s">
        <v>1</v>
      </c>
      <c r="C30475" s="14" t="s">
        <v>191</v>
      </c>
      <c r="D30475" s="14" t="s">
        <v>92</v>
      </c>
      <c r="E30475" s="15">
        <v>45556</v>
      </c>
      <c r="F30475" s="14" t="s">
        <v>28</v>
      </c>
      <c r="G30475" s="16">
        <v>1.3226482795058316</v>
      </c>
    </row>
    <row r="30476" spans="1:7" x14ac:dyDescent="0.3">
      <c r="A30476" s="13" t="s">
        <v>190</v>
      </c>
      <c r="B30476" s="14" t="s">
        <v>1</v>
      </c>
      <c r="C30476" s="14" t="s">
        <v>191</v>
      </c>
      <c r="D30476" s="14" t="s">
        <v>92</v>
      </c>
      <c r="E30476" s="15">
        <v>45557</v>
      </c>
      <c r="F30476" s="14" t="s">
        <v>28</v>
      </c>
      <c r="G30476" s="16">
        <v>1.3226482795058316</v>
      </c>
    </row>
    <row r="30477" spans="1:7" x14ac:dyDescent="0.3">
      <c r="A30477" s="13" t="s">
        <v>190</v>
      </c>
      <c r="B30477" s="14" t="s">
        <v>1</v>
      </c>
      <c r="C30477" s="14" t="s">
        <v>191</v>
      </c>
      <c r="D30477" s="14" t="s">
        <v>92</v>
      </c>
      <c r="E30477" s="15">
        <v>45558</v>
      </c>
      <c r="F30477" s="14" t="s">
        <v>28</v>
      </c>
      <c r="G30477" s="16">
        <v>1.3178911771853614</v>
      </c>
    </row>
    <row r="30478" spans="1:7" x14ac:dyDescent="0.3">
      <c r="A30478" s="13" t="s">
        <v>190</v>
      </c>
      <c r="B30478" s="14" t="s">
        <v>1</v>
      </c>
      <c r="C30478" s="14" t="s">
        <v>191</v>
      </c>
      <c r="D30478" s="14" t="s">
        <v>92</v>
      </c>
      <c r="E30478" s="15">
        <v>45559</v>
      </c>
      <c r="F30478" s="14" t="s">
        <v>28</v>
      </c>
      <c r="G30478" s="16">
        <v>1.2993147963534031</v>
      </c>
    </row>
    <row r="30479" spans="1:7" x14ac:dyDescent="0.3">
      <c r="A30479" s="13" t="s">
        <v>190</v>
      </c>
      <c r="B30479" s="14" t="s">
        <v>1</v>
      </c>
      <c r="C30479" s="14" t="s">
        <v>191</v>
      </c>
      <c r="D30479" s="14" t="s">
        <v>92</v>
      </c>
      <c r="E30479" s="15">
        <v>45560</v>
      </c>
      <c r="F30479" s="14" t="s">
        <v>28</v>
      </c>
      <c r="G30479" s="16">
        <v>1.301637716200458</v>
      </c>
    </row>
    <row r="30480" spans="1:7" x14ac:dyDescent="0.3">
      <c r="A30480" s="13" t="s">
        <v>190</v>
      </c>
      <c r="B30480" s="14" t="s">
        <v>1</v>
      </c>
      <c r="C30480" s="14" t="s">
        <v>191</v>
      </c>
      <c r="D30480" s="14" t="s">
        <v>92</v>
      </c>
      <c r="E30480" s="15">
        <v>45561</v>
      </c>
      <c r="F30480" s="14" t="s">
        <v>28</v>
      </c>
      <c r="G30480" s="16">
        <v>1.2910261372934204</v>
      </c>
    </row>
    <row r="30481" spans="1:7" x14ac:dyDescent="0.3">
      <c r="A30481" s="13" t="s">
        <v>190</v>
      </c>
      <c r="B30481" s="14" t="s">
        <v>1</v>
      </c>
      <c r="C30481" s="14" t="s">
        <v>191</v>
      </c>
      <c r="D30481" s="14" t="s">
        <v>92</v>
      </c>
      <c r="E30481" s="15">
        <v>45562</v>
      </c>
      <c r="F30481" s="14" t="s">
        <v>28</v>
      </c>
      <c r="G30481" s="16">
        <v>1.2897655676365969</v>
      </c>
    </row>
    <row r="30482" spans="1:7" x14ac:dyDescent="0.3">
      <c r="A30482" s="13" t="s">
        <v>190</v>
      </c>
      <c r="B30482" s="14" t="s">
        <v>1</v>
      </c>
      <c r="C30482" s="14" t="s">
        <v>191</v>
      </c>
      <c r="D30482" s="14" t="s">
        <v>92</v>
      </c>
      <c r="E30482" s="15">
        <v>45563</v>
      </c>
      <c r="F30482" s="14" t="s">
        <v>28</v>
      </c>
      <c r="G30482" s="16">
        <v>1.2897655676365969</v>
      </c>
    </row>
    <row r="30483" spans="1:7" x14ac:dyDescent="0.3">
      <c r="A30483" s="13" t="s">
        <v>190</v>
      </c>
      <c r="B30483" s="14" t="s">
        <v>1</v>
      </c>
      <c r="C30483" s="14" t="s">
        <v>191</v>
      </c>
      <c r="D30483" s="14" t="s">
        <v>92</v>
      </c>
      <c r="E30483" s="15">
        <v>45564</v>
      </c>
      <c r="F30483" s="14" t="s">
        <v>28</v>
      </c>
      <c r="G30483" s="16">
        <v>1.2897655676365969</v>
      </c>
    </row>
    <row r="30484" spans="1:7" x14ac:dyDescent="0.3">
      <c r="A30484" s="13" t="s">
        <v>190</v>
      </c>
      <c r="B30484" s="14" t="s">
        <v>1</v>
      </c>
      <c r="C30484" s="14" t="s">
        <v>191</v>
      </c>
      <c r="D30484" s="14" t="s">
        <v>92</v>
      </c>
      <c r="E30484" s="15">
        <v>45565</v>
      </c>
      <c r="F30484" s="14" t="s">
        <v>28</v>
      </c>
      <c r="G30484" s="16">
        <v>1.3429603626482967</v>
      </c>
    </row>
    <row r="30485" spans="1:7" x14ac:dyDescent="0.3">
      <c r="A30485" s="13" t="s">
        <v>190</v>
      </c>
      <c r="B30485" s="14" t="s">
        <v>1</v>
      </c>
      <c r="C30485" s="14" t="s">
        <v>191</v>
      </c>
      <c r="D30485" s="14" t="s">
        <v>92</v>
      </c>
      <c r="E30485" s="15">
        <v>45566</v>
      </c>
      <c r="F30485" s="14" t="s">
        <v>28</v>
      </c>
      <c r="G30485" s="16">
        <v>1.3345273908385069</v>
      </c>
    </row>
    <row r="30486" spans="1:7" x14ac:dyDescent="0.3">
      <c r="A30486" s="13" t="s">
        <v>190</v>
      </c>
      <c r="B30486" s="14" t="s">
        <v>1</v>
      </c>
      <c r="C30486" s="14" t="s">
        <v>191</v>
      </c>
      <c r="D30486" s="14" t="s">
        <v>92</v>
      </c>
      <c r="E30486" s="15">
        <v>45567</v>
      </c>
      <c r="F30486" s="14" t="s">
        <v>28</v>
      </c>
      <c r="G30486" s="16">
        <v>1.3343779144243579</v>
      </c>
    </row>
    <row r="30487" spans="1:7" x14ac:dyDescent="0.3">
      <c r="A30487" s="13" t="s">
        <v>190</v>
      </c>
      <c r="B30487" s="14" t="s">
        <v>1</v>
      </c>
      <c r="C30487" s="14" t="s">
        <v>191</v>
      </c>
      <c r="D30487" s="14" t="s">
        <v>92</v>
      </c>
      <c r="E30487" s="15">
        <v>45568</v>
      </c>
      <c r="F30487" s="14" t="s">
        <v>28</v>
      </c>
      <c r="G30487" s="16">
        <v>1.3193298435271985</v>
      </c>
    </row>
    <row r="30488" spans="1:7" x14ac:dyDescent="0.3">
      <c r="A30488" s="13" t="s">
        <v>190</v>
      </c>
      <c r="B30488" s="14" t="s">
        <v>1</v>
      </c>
      <c r="C30488" s="14" t="s">
        <v>191</v>
      </c>
      <c r="D30488" s="14" t="s">
        <v>92</v>
      </c>
      <c r="E30488" s="15">
        <v>45569</v>
      </c>
      <c r="F30488" s="14" t="s">
        <v>28</v>
      </c>
      <c r="G30488" s="16">
        <v>1.3234466053888045</v>
      </c>
    </row>
    <row r="30489" spans="1:7" x14ac:dyDescent="0.3">
      <c r="A30489" s="13" t="s">
        <v>190</v>
      </c>
      <c r="B30489" s="14" t="s">
        <v>1</v>
      </c>
      <c r="C30489" s="14" t="s">
        <v>191</v>
      </c>
      <c r="D30489" s="14" t="s">
        <v>92</v>
      </c>
      <c r="E30489" s="15">
        <v>45570</v>
      </c>
      <c r="F30489" s="14" t="s">
        <v>28</v>
      </c>
      <c r="G30489" s="16">
        <v>1.3234466053888045</v>
      </c>
    </row>
    <row r="30490" spans="1:7" x14ac:dyDescent="0.3">
      <c r="A30490" s="13" t="s">
        <v>190</v>
      </c>
      <c r="B30490" s="14" t="s">
        <v>1</v>
      </c>
      <c r="C30490" s="14" t="s">
        <v>191</v>
      </c>
      <c r="D30490" s="14" t="s">
        <v>92</v>
      </c>
      <c r="E30490" s="15">
        <v>45571</v>
      </c>
      <c r="F30490" s="14" t="s">
        <v>28</v>
      </c>
      <c r="G30490" s="16">
        <v>1.3234466053888045</v>
      </c>
    </row>
    <row r="30491" spans="1:7" x14ac:dyDescent="0.3">
      <c r="A30491" s="13" t="s">
        <v>190</v>
      </c>
      <c r="B30491" s="14" t="s">
        <v>1</v>
      </c>
      <c r="C30491" s="14" t="s">
        <v>191</v>
      </c>
      <c r="D30491" s="14" t="s">
        <v>92</v>
      </c>
      <c r="E30491" s="15">
        <v>45572</v>
      </c>
      <c r="F30491" s="14" t="s">
        <v>28</v>
      </c>
      <c r="G30491" s="16">
        <v>1.3189617675559706</v>
      </c>
    </row>
    <row r="30492" spans="1:7" x14ac:dyDescent="0.3">
      <c r="A30492" s="13" t="s">
        <v>190</v>
      </c>
      <c r="B30492" s="14" t="s">
        <v>1</v>
      </c>
      <c r="C30492" s="14" t="s">
        <v>191</v>
      </c>
      <c r="D30492" s="14" t="s">
        <v>92</v>
      </c>
      <c r="E30492" s="15">
        <v>45573</v>
      </c>
      <c r="F30492" s="14" t="s">
        <v>28</v>
      </c>
      <c r="G30492" s="16">
        <v>1.3061050711301538</v>
      </c>
    </row>
    <row r="30493" spans="1:7" x14ac:dyDescent="0.3">
      <c r="A30493" s="13" t="s">
        <v>190</v>
      </c>
      <c r="B30493" s="14" t="s">
        <v>1</v>
      </c>
      <c r="C30493" s="14" t="s">
        <v>191</v>
      </c>
      <c r="D30493" s="14" t="s">
        <v>92</v>
      </c>
      <c r="E30493" s="15">
        <v>45574</v>
      </c>
      <c r="F30493" s="14" t="s">
        <v>28</v>
      </c>
      <c r="G30493" s="16">
        <v>1.3114075552377573</v>
      </c>
    </row>
    <row r="30494" spans="1:7" x14ac:dyDescent="0.3">
      <c r="A30494" s="13" t="s">
        <v>190</v>
      </c>
      <c r="B30494" s="14" t="s">
        <v>1</v>
      </c>
      <c r="C30494" s="14" t="s">
        <v>191</v>
      </c>
      <c r="D30494" s="14" t="s">
        <v>92</v>
      </c>
      <c r="E30494" s="15">
        <v>45575</v>
      </c>
      <c r="F30494" s="14" t="s">
        <v>28</v>
      </c>
      <c r="G30494" s="16">
        <v>1.3061473982916194</v>
      </c>
    </row>
    <row r="30495" spans="1:7" x14ac:dyDescent="0.3">
      <c r="A30495" s="13" t="s">
        <v>190</v>
      </c>
      <c r="B30495" s="14" t="s">
        <v>1</v>
      </c>
      <c r="C30495" s="14" t="s">
        <v>191</v>
      </c>
      <c r="D30495" s="14" t="s">
        <v>92</v>
      </c>
      <c r="E30495" s="15">
        <v>45576</v>
      </c>
      <c r="F30495" s="14" t="s">
        <v>28</v>
      </c>
      <c r="G30495" s="16">
        <v>1.3016952355159652</v>
      </c>
    </row>
    <row r="30496" spans="1:7" x14ac:dyDescent="0.3">
      <c r="A30496" s="13" t="s">
        <v>190</v>
      </c>
      <c r="B30496" s="14" t="s">
        <v>1</v>
      </c>
      <c r="C30496" s="14" t="s">
        <v>191</v>
      </c>
      <c r="D30496" s="14" t="s">
        <v>92</v>
      </c>
      <c r="E30496" s="15">
        <v>45577</v>
      </c>
      <c r="F30496" s="14" t="s">
        <v>28</v>
      </c>
      <c r="G30496" s="16">
        <v>1.3016952355159652</v>
      </c>
    </row>
    <row r="30497" spans="1:7" x14ac:dyDescent="0.3">
      <c r="A30497" s="13" t="s">
        <v>190</v>
      </c>
      <c r="B30497" s="14" t="s">
        <v>1</v>
      </c>
      <c r="C30497" s="14" t="s">
        <v>191</v>
      </c>
      <c r="D30497" s="14" t="s">
        <v>92</v>
      </c>
      <c r="E30497" s="15">
        <v>45578</v>
      </c>
      <c r="F30497" s="14" t="s">
        <v>28</v>
      </c>
      <c r="G30497" s="16">
        <v>1.3016952355159652</v>
      </c>
    </row>
    <row r="30498" spans="1:7" x14ac:dyDescent="0.3">
      <c r="A30498" s="13" t="s">
        <v>190</v>
      </c>
      <c r="B30498" s="14" t="s">
        <v>1</v>
      </c>
      <c r="C30498" s="14" t="s">
        <v>191</v>
      </c>
      <c r="D30498" s="14" t="s">
        <v>92</v>
      </c>
      <c r="E30498" s="15">
        <v>45579</v>
      </c>
      <c r="F30498" s="14" t="s">
        <v>28</v>
      </c>
      <c r="G30498" s="16">
        <v>1.3014462418453141</v>
      </c>
    </row>
    <row r="30499" spans="1:7" x14ac:dyDescent="0.3">
      <c r="A30499" s="13" t="s">
        <v>190</v>
      </c>
      <c r="B30499" s="14" t="s">
        <v>1</v>
      </c>
      <c r="C30499" s="14" t="s">
        <v>191</v>
      </c>
      <c r="D30499" s="14" t="s">
        <v>92</v>
      </c>
      <c r="E30499" s="15">
        <v>45580</v>
      </c>
      <c r="F30499" s="14" t="s">
        <v>28</v>
      </c>
      <c r="G30499" s="16">
        <v>1.2909249450070568</v>
      </c>
    </row>
    <row r="30500" spans="1:7" x14ac:dyDescent="0.3">
      <c r="A30500" s="13" t="s">
        <v>190</v>
      </c>
      <c r="B30500" s="14" t="s">
        <v>1</v>
      </c>
      <c r="C30500" s="14" t="s">
        <v>191</v>
      </c>
      <c r="D30500" s="14" t="s">
        <v>92</v>
      </c>
      <c r="E30500" s="15">
        <v>45581</v>
      </c>
      <c r="F30500" s="14" t="s">
        <v>28</v>
      </c>
      <c r="G30500" s="16">
        <v>1.2913214309786667</v>
      </c>
    </row>
    <row r="30501" spans="1:7" x14ac:dyDescent="0.3">
      <c r="A30501" s="13" t="s">
        <v>190</v>
      </c>
      <c r="B30501" s="14" t="s">
        <v>1</v>
      </c>
      <c r="C30501" s="14" t="s">
        <v>191</v>
      </c>
      <c r="D30501" s="14" t="s">
        <v>92</v>
      </c>
      <c r="E30501" s="15">
        <v>45582</v>
      </c>
      <c r="F30501" s="14" t="s">
        <v>28</v>
      </c>
      <c r="G30501" s="16">
        <v>1.2892363125754578</v>
      </c>
    </row>
    <row r="30502" spans="1:7" x14ac:dyDescent="0.3">
      <c r="A30502" s="13" t="s">
        <v>190</v>
      </c>
      <c r="B30502" s="14" t="s">
        <v>1</v>
      </c>
      <c r="C30502" s="14" t="s">
        <v>191</v>
      </c>
      <c r="D30502" s="14" t="s">
        <v>92</v>
      </c>
      <c r="E30502" s="15">
        <v>45583</v>
      </c>
      <c r="F30502" s="14" t="s">
        <v>28</v>
      </c>
      <c r="G30502" s="16">
        <v>1.2818938730027727</v>
      </c>
    </row>
    <row r="30503" spans="1:7" x14ac:dyDescent="0.3">
      <c r="A30503" s="13" t="s">
        <v>190</v>
      </c>
      <c r="B30503" s="14" t="s">
        <v>1</v>
      </c>
      <c r="C30503" s="14" t="s">
        <v>191</v>
      </c>
      <c r="D30503" s="14" t="s">
        <v>92</v>
      </c>
      <c r="E30503" s="15">
        <v>45584</v>
      </c>
      <c r="F30503" s="14" t="s">
        <v>28</v>
      </c>
      <c r="G30503" s="16">
        <v>1.2818938730027727</v>
      </c>
    </row>
    <row r="30504" spans="1:7" x14ac:dyDescent="0.3">
      <c r="A30504" s="13" t="s">
        <v>190</v>
      </c>
      <c r="B30504" s="14" t="s">
        <v>1</v>
      </c>
      <c r="C30504" s="14" t="s">
        <v>191</v>
      </c>
      <c r="D30504" s="14" t="s">
        <v>92</v>
      </c>
      <c r="E30504" s="15">
        <v>45585</v>
      </c>
      <c r="F30504" s="14" t="s">
        <v>28</v>
      </c>
      <c r="G30504" s="16">
        <v>1.2818938730027727</v>
      </c>
    </row>
    <row r="30505" spans="1:7" x14ac:dyDescent="0.3">
      <c r="A30505" s="13" t="s">
        <v>190</v>
      </c>
      <c r="B30505" s="14" t="s">
        <v>1</v>
      </c>
      <c r="C30505" s="14" t="s">
        <v>191</v>
      </c>
      <c r="D30505" s="14" t="s">
        <v>92</v>
      </c>
      <c r="E30505" s="15">
        <v>45586</v>
      </c>
      <c r="F30505" s="14" t="s">
        <v>28</v>
      </c>
      <c r="G30505" s="16">
        <v>1.2841535900848517</v>
      </c>
    </row>
    <row r="30506" spans="1:7" x14ac:dyDescent="0.3">
      <c r="A30506" s="13" t="s">
        <v>190</v>
      </c>
      <c r="B30506" s="14" t="s">
        <v>1</v>
      </c>
      <c r="C30506" s="14" t="s">
        <v>191</v>
      </c>
      <c r="D30506" s="14" t="s">
        <v>92</v>
      </c>
      <c r="E30506" s="15">
        <v>45587</v>
      </c>
      <c r="F30506" s="14" t="s">
        <v>28</v>
      </c>
      <c r="G30506" s="16">
        <v>1.2730511368514026</v>
      </c>
    </row>
    <row r="30507" spans="1:7" x14ac:dyDescent="0.3">
      <c r="A30507" s="13" t="s">
        <v>190</v>
      </c>
      <c r="B30507" s="14" t="s">
        <v>1</v>
      </c>
      <c r="C30507" s="14" t="s">
        <v>191</v>
      </c>
      <c r="D30507" s="14" t="s">
        <v>92</v>
      </c>
      <c r="E30507" s="15">
        <v>45588</v>
      </c>
      <c r="F30507" s="14" t="s">
        <v>28</v>
      </c>
      <c r="G30507" s="16">
        <v>1.2698550625498981</v>
      </c>
    </row>
    <row r="30508" spans="1:7" x14ac:dyDescent="0.3">
      <c r="A30508" s="13" t="s">
        <v>190</v>
      </c>
      <c r="B30508" s="14" t="s">
        <v>1</v>
      </c>
      <c r="C30508" s="14" t="s">
        <v>191</v>
      </c>
      <c r="D30508" s="14" t="s">
        <v>92</v>
      </c>
      <c r="E30508" s="15">
        <v>45589</v>
      </c>
      <c r="F30508" s="14" t="s">
        <v>28</v>
      </c>
      <c r="G30508" s="16">
        <v>1.2613847137147653</v>
      </c>
    </row>
    <row r="30509" spans="1:7" x14ac:dyDescent="0.3">
      <c r="A30509" s="13" t="s">
        <v>190</v>
      </c>
      <c r="B30509" s="14" t="s">
        <v>1</v>
      </c>
      <c r="C30509" s="14" t="s">
        <v>191</v>
      </c>
      <c r="D30509" s="14" t="s">
        <v>92</v>
      </c>
      <c r="E30509" s="15">
        <v>45590</v>
      </c>
      <c r="F30509" s="14" t="s">
        <v>28</v>
      </c>
      <c r="G30509" s="16">
        <v>1.2608072692294439</v>
      </c>
    </row>
    <row r="30510" spans="1:7" x14ac:dyDescent="0.3">
      <c r="A30510" s="13" t="s">
        <v>190</v>
      </c>
      <c r="B30510" s="14" t="s">
        <v>1</v>
      </c>
      <c r="C30510" s="14" t="s">
        <v>191</v>
      </c>
      <c r="D30510" s="14" t="s">
        <v>92</v>
      </c>
      <c r="E30510" s="15">
        <v>45591</v>
      </c>
      <c r="F30510" s="14" t="s">
        <v>28</v>
      </c>
      <c r="G30510" s="16">
        <v>1.2608072692294439</v>
      </c>
    </row>
    <row r="30511" spans="1:7" x14ac:dyDescent="0.3">
      <c r="A30511" s="13" t="s">
        <v>190</v>
      </c>
      <c r="B30511" s="14" t="s">
        <v>1</v>
      </c>
      <c r="C30511" s="14" t="s">
        <v>191</v>
      </c>
      <c r="D30511" s="14" t="s">
        <v>92</v>
      </c>
      <c r="E30511" s="15">
        <v>45592</v>
      </c>
      <c r="F30511" s="14" t="s">
        <v>28</v>
      </c>
      <c r="G30511" s="16">
        <v>1.2608072692294439</v>
      </c>
    </row>
    <row r="30512" spans="1:7" x14ac:dyDescent="0.3">
      <c r="A30512" s="13" t="s">
        <v>190</v>
      </c>
      <c r="B30512" s="14" t="s">
        <v>1</v>
      </c>
      <c r="C30512" s="14" t="s">
        <v>191</v>
      </c>
      <c r="D30512" s="14" t="s">
        <v>92</v>
      </c>
      <c r="E30512" s="15">
        <v>45593</v>
      </c>
      <c r="F30512" s="14" t="s">
        <v>28</v>
      </c>
      <c r="G30512" s="16">
        <v>1.2608072692294439</v>
      </c>
    </row>
    <row r="30513" spans="1:7" x14ac:dyDescent="0.3">
      <c r="A30513" s="13" t="s">
        <v>190</v>
      </c>
      <c r="B30513" s="14" t="s">
        <v>1</v>
      </c>
      <c r="C30513" s="14" t="s">
        <v>191</v>
      </c>
      <c r="D30513" s="14" t="s">
        <v>92</v>
      </c>
      <c r="E30513" s="15">
        <v>45594</v>
      </c>
      <c r="F30513" s="14" t="s">
        <v>28</v>
      </c>
      <c r="G30513" s="16">
        <v>1.2637443356475111</v>
      </c>
    </row>
    <row r="30514" spans="1:7" x14ac:dyDescent="0.3">
      <c r="A30514" s="13" t="s">
        <v>190</v>
      </c>
      <c r="B30514" s="14" t="s">
        <v>1</v>
      </c>
      <c r="C30514" s="14" t="s">
        <v>191</v>
      </c>
      <c r="D30514" s="14" t="s">
        <v>92</v>
      </c>
      <c r="E30514" s="15">
        <v>45595</v>
      </c>
      <c r="F30514" s="14" t="s">
        <v>28</v>
      </c>
      <c r="G30514" s="16">
        <v>1.2801605205878264</v>
      </c>
    </row>
    <row r="30515" spans="1:7" x14ac:dyDescent="0.3">
      <c r="A30515" s="13" t="s">
        <v>190</v>
      </c>
      <c r="B30515" s="14" t="s">
        <v>1</v>
      </c>
      <c r="C30515" s="14" t="s">
        <v>191</v>
      </c>
      <c r="D30515" s="14" t="s">
        <v>92</v>
      </c>
      <c r="E30515" s="15">
        <v>45596</v>
      </c>
      <c r="F30515" s="14" t="s">
        <v>28</v>
      </c>
      <c r="G30515" s="16">
        <v>1.2801605205878264</v>
      </c>
    </row>
    <row r="30516" spans="1:7" x14ac:dyDescent="0.3">
      <c r="A30516" s="13" t="s">
        <v>190</v>
      </c>
      <c r="B30516" s="14" t="s">
        <v>1</v>
      </c>
      <c r="C30516" s="14" t="s">
        <v>191</v>
      </c>
      <c r="D30516" s="14" t="s">
        <v>92</v>
      </c>
      <c r="E30516" s="15">
        <v>45597</v>
      </c>
      <c r="F30516" s="14" t="s">
        <v>28</v>
      </c>
      <c r="G30516" s="16">
        <v>1.2798839857365032</v>
      </c>
    </row>
    <row r="30517" spans="1:7" x14ac:dyDescent="0.3">
      <c r="A30517" s="13" t="s">
        <v>190</v>
      </c>
      <c r="B30517" s="14" t="s">
        <v>1</v>
      </c>
      <c r="C30517" s="14" t="s">
        <v>191</v>
      </c>
      <c r="D30517" s="14" t="s">
        <v>92</v>
      </c>
      <c r="E30517" s="15">
        <v>45598</v>
      </c>
      <c r="F30517" s="14" t="s">
        <v>28</v>
      </c>
      <c r="G30517" s="16">
        <v>1.2798839857365032</v>
      </c>
    </row>
    <row r="30518" spans="1:7" x14ac:dyDescent="0.3">
      <c r="A30518" s="13" t="s">
        <v>190</v>
      </c>
      <c r="B30518" s="14" t="s">
        <v>1</v>
      </c>
      <c r="C30518" s="14" t="s">
        <v>191</v>
      </c>
      <c r="D30518" s="14" t="s">
        <v>92</v>
      </c>
      <c r="E30518" s="15">
        <v>45599</v>
      </c>
      <c r="F30518" s="14" t="s">
        <v>28</v>
      </c>
      <c r="G30518" s="16">
        <v>1.2798839857365032</v>
      </c>
    </row>
    <row r="30519" spans="1:7" x14ac:dyDescent="0.3">
      <c r="A30519" s="13" t="s">
        <v>190</v>
      </c>
      <c r="B30519" s="14" t="s">
        <v>1</v>
      </c>
      <c r="C30519" s="14" t="s">
        <v>191</v>
      </c>
      <c r="D30519" s="14" t="s">
        <v>92</v>
      </c>
      <c r="E30519" s="15">
        <v>45600</v>
      </c>
      <c r="F30519" s="14" t="s">
        <v>28</v>
      </c>
      <c r="G30519" s="16">
        <v>1.2985489610187602</v>
      </c>
    </row>
    <row r="30520" spans="1:7" x14ac:dyDescent="0.3">
      <c r="A30520" s="13" t="s">
        <v>190</v>
      </c>
      <c r="B30520" s="14" t="s">
        <v>1</v>
      </c>
      <c r="C30520" s="14" t="s">
        <v>191</v>
      </c>
      <c r="D30520" s="14" t="s">
        <v>92</v>
      </c>
      <c r="E30520" s="15">
        <v>45601</v>
      </c>
      <c r="F30520" s="14" t="s">
        <v>28</v>
      </c>
      <c r="G30520" s="16">
        <v>1.3093722409277979</v>
      </c>
    </row>
    <row r="30521" spans="1:7" x14ac:dyDescent="0.3">
      <c r="A30521" s="13" t="s">
        <v>190</v>
      </c>
      <c r="B30521" s="14" t="s">
        <v>1</v>
      </c>
      <c r="C30521" s="14" t="s">
        <v>191</v>
      </c>
      <c r="D30521" s="14" t="s">
        <v>92</v>
      </c>
      <c r="E30521" s="15">
        <v>45602</v>
      </c>
      <c r="F30521" s="14" t="s">
        <v>28</v>
      </c>
      <c r="G30521" s="16">
        <v>1.3250889551906651</v>
      </c>
    </row>
    <row r="30522" spans="1:7" x14ac:dyDescent="0.3">
      <c r="A30522" s="13" t="s">
        <v>190</v>
      </c>
      <c r="B30522" s="14" t="s">
        <v>1</v>
      </c>
      <c r="C30522" s="14" t="s">
        <v>191</v>
      </c>
      <c r="D30522" s="14" t="s">
        <v>92</v>
      </c>
      <c r="E30522" s="15">
        <v>45603</v>
      </c>
      <c r="F30522" s="14" t="s">
        <v>28</v>
      </c>
      <c r="G30522" s="16">
        <v>1.3711618425684882</v>
      </c>
    </row>
    <row r="30523" spans="1:7" x14ac:dyDescent="0.3">
      <c r="A30523" s="13" t="s">
        <v>190</v>
      </c>
      <c r="B30523" s="14" t="s">
        <v>1</v>
      </c>
      <c r="C30523" s="14" t="s">
        <v>191</v>
      </c>
      <c r="D30523" s="14" t="s">
        <v>92</v>
      </c>
      <c r="E30523" s="15">
        <v>45604</v>
      </c>
      <c r="F30523" s="14" t="s">
        <v>28</v>
      </c>
      <c r="G30523" s="16">
        <v>1.3736971284061315</v>
      </c>
    </row>
    <row r="30524" spans="1:7" x14ac:dyDescent="0.3">
      <c r="A30524" s="13" t="s">
        <v>190</v>
      </c>
      <c r="B30524" s="14" t="s">
        <v>1</v>
      </c>
      <c r="C30524" s="14" t="s">
        <v>191</v>
      </c>
      <c r="D30524" s="14" t="s">
        <v>92</v>
      </c>
      <c r="E30524" s="15">
        <v>45605</v>
      </c>
      <c r="F30524" s="14" t="s">
        <v>28</v>
      </c>
      <c r="G30524" s="16">
        <v>1.3736971284061315</v>
      </c>
    </row>
    <row r="30525" spans="1:7" x14ac:dyDescent="0.3">
      <c r="A30525" s="13" t="s">
        <v>190</v>
      </c>
      <c r="B30525" s="14" t="s">
        <v>1</v>
      </c>
      <c r="C30525" s="14" t="s">
        <v>191</v>
      </c>
      <c r="D30525" s="14" t="s">
        <v>92</v>
      </c>
      <c r="E30525" s="15">
        <v>45606</v>
      </c>
      <c r="F30525" s="14" t="s">
        <v>28</v>
      </c>
      <c r="G30525" s="16">
        <v>1.3736971284061315</v>
      </c>
    </row>
    <row r="30526" spans="1:7" x14ac:dyDescent="0.3">
      <c r="A30526" s="13" t="s">
        <v>190</v>
      </c>
      <c r="B30526" s="14" t="s">
        <v>1</v>
      </c>
      <c r="C30526" s="14" t="s">
        <v>191</v>
      </c>
      <c r="D30526" s="14" t="s">
        <v>92</v>
      </c>
      <c r="E30526" s="15">
        <v>45607</v>
      </c>
      <c r="F30526" s="14" t="s">
        <v>28</v>
      </c>
      <c r="G30526" s="16">
        <v>1.3781908219336476</v>
      </c>
    </row>
    <row r="30527" spans="1:7" x14ac:dyDescent="0.3">
      <c r="A30527" s="13" t="s">
        <v>190</v>
      </c>
      <c r="B30527" s="14" t="s">
        <v>1</v>
      </c>
      <c r="C30527" s="14" t="s">
        <v>191</v>
      </c>
      <c r="D30527" s="14" t="s">
        <v>92</v>
      </c>
      <c r="E30527" s="15">
        <v>45608</v>
      </c>
      <c r="F30527" s="14" t="s">
        <v>28</v>
      </c>
      <c r="G30527" s="16">
        <v>1.3722311633139759</v>
      </c>
    </row>
    <row r="30528" spans="1:7" x14ac:dyDescent="0.3">
      <c r="A30528" s="13" t="s">
        <v>190</v>
      </c>
      <c r="B30528" s="14" t="s">
        <v>1</v>
      </c>
      <c r="C30528" s="14" t="s">
        <v>191</v>
      </c>
      <c r="D30528" s="14" t="s">
        <v>92</v>
      </c>
      <c r="E30528" s="15">
        <v>45609</v>
      </c>
      <c r="F30528" s="14" t="s">
        <v>28</v>
      </c>
      <c r="G30528" s="16">
        <v>1.3819696272683464</v>
      </c>
    </row>
    <row r="30529" spans="1:7" x14ac:dyDescent="0.3">
      <c r="A30529" s="13" t="s">
        <v>190</v>
      </c>
      <c r="B30529" s="14" t="s">
        <v>1</v>
      </c>
      <c r="C30529" s="14" t="s">
        <v>191</v>
      </c>
      <c r="D30529" s="14" t="s">
        <v>92</v>
      </c>
      <c r="E30529" s="15">
        <v>45610</v>
      </c>
      <c r="F30529" s="14" t="s">
        <v>28</v>
      </c>
      <c r="G30529" s="16">
        <v>1.3815551340068455</v>
      </c>
    </row>
    <row r="30530" spans="1:7" x14ac:dyDescent="0.3">
      <c r="A30530" s="13" t="s">
        <v>190</v>
      </c>
      <c r="B30530" s="14" t="s">
        <v>1</v>
      </c>
      <c r="C30530" s="14" t="s">
        <v>191</v>
      </c>
      <c r="D30530" s="14" t="s">
        <v>92</v>
      </c>
      <c r="E30530" s="15">
        <v>45611</v>
      </c>
      <c r="F30530" s="14" t="s">
        <v>28</v>
      </c>
      <c r="G30530" s="16">
        <v>1.3747969039976338</v>
      </c>
    </row>
    <row r="30531" spans="1:7" x14ac:dyDescent="0.3">
      <c r="A30531" s="13" t="s">
        <v>190</v>
      </c>
      <c r="B30531" s="14" t="s">
        <v>1</v>
      </c>
      <c r="C30531" s="14" t="s">
        <v>191</v>
      </c>
      <c r="D30531" s="14" t="s">
        <v>92</v>
      </c>
      <c r="E30531" s="15">
        <v>45612</v>
      </c>
      <c r="F30531" s="14" t="s">
        <v>28</v>
      </c>
      <c r="G30531" s="16">
        <v>1.3747969039976338</v>
      </c>
    </row>
    <row r="30532" spans="1:7" x14ac:dyDescent="0.3">
      <c r="A30532" s="13" t="s">
        <v>190</v>
      </c>
      <c r="B30532" s="14" t="s">
        <v>1</v>
      </c>
      <c r="C30532" s="14" t="s">
        <v>191</v>
      </c>
      <c r="D30532" s="14" t="s">
        <v>92</v>
      </c>
      <c r="E30532" s="15">
        <v>45613</v>
      </c>
      <c r="F30532" s="14" t="s">
        <v>28</v>
      </c>
      <c r="G30532" s="16">
        <v>1.3747969039976338</v>
      </c>
    </row>
    <row r="30533" spans="1:7" x14ac:dyDescent="0.3">
      <c r="A30533" s="13" t="s">
        <v>190</v>
      </c>
      <c r="B30533" s="14" t="s">
        <v>1</v>
      </c>
      <c r="C30533" s="14" t="s">
        <v>191</v>
      </c>
      <c r="D30533" s="14" t="s">
        <v>92</v>
      </c>
      <c r="E30533" s="15">
        <v>45614</v>
      </c>
      <c r="F30533" s="14" t="s">
        <v>28</v>
      </c>
      <c r="G30533" s="16">
        <v>1.3671893669735711</v>
      </c>
    </row>
    <row r="30534" spans="1:7" x14ac:dyDescent="0.3">
      <c r="A30534" s="13" t="s">
        <v>190</v>
      </c>
      <c r="B30534" s="14" t="s">
        <v>1</v>
      </c>
      <c r="C30534" s="14" t="s">
        <v>191</v>
      </c>
      <c r="D30534" s="14" t="s">
        <v>92</v>
      </c>
      <c r="E30534" s="15">
        <v>45615</v>
      </c>
      <c r="F30534" s="14" t="s">
        <v>28</v>
      </c>
      <c r="G30534" s="16">
        <v>1.6809328003057229</v>
      </c>
    </row>
    <row r="30535" spans="1:7" x14ac:dyDescent="0.3">
      <c r="A30535" s="13" t="s">
        <v>190</v>
      </c>
      <c r="B30535" s="14" t="s">
        <v>1</v>
      </c>
      <c r="C30535" s="14" t="s">
        <v>191</v>
      </c>
      <c r="D30535" s="14" t="s">
        <v>92</v>
      </c>
      <c r="E30535" s="15">
        <v>45616</v>
      </c>
      <c r="F30535" s="14" t="s">
        <v>28</v>
      </c>
      <c r="G30535" s="16">
        <v>1.6840371818790412</v>
      </c>
    </row>
    <row r="30536" spans="1:7" x14ac:dyDescent="0.3">
      <c r="A30536" s="13" t="s">
        <v>190</v>
      </c>
      <c r="B30536" s="14" t="s">
        <v>1</v>
      </c>
      <c r="C30536" s="14" t="s">
        <v>191</v>
      </c>
      <c r="D30536" s="14" t="s">
        <v>92</v>
      </c>
      <c r="E30536" s="15">
        <v>45617</v>
      </c>
      <c r="F30536" s="14" t="s">
        <v>28</v>
      </c>
      <c r="G30536" s="16">
        <v>1.6853394697214878</v>
      </c>
    </row>
    <row r="30537" spans="1:7" x14ac:dyDescent="0.3">
      <c r="A30537" s="13" t="s">
        <v>190</v>
      </c>
      <c r="B30537" s="14" t="s">
        <v>1</v>
      </c>
      <c r="C30537" s="14" t="s">
        <v>191</v>
      </c>
      <c r="D30537" s="14" t="s">
        <v>92</v>
      </c>
      <c r="E30537" s="15">
        <v>45618</v>
      </c>
      <c r="F30537" s="14" t="s">
        <v>28</v>
      </c>
      <c r="G30537" s="16">
        <v>1.6817834949873638</v>
      </c>
    </row>
    <row r="30538" spans="1:7" x14ac:dyDescent="0.3">
      <c r="A30538" s="13" t="s">
        <v>190</v>
      </c>
      <c r="B30538" s="14" t="s">
        <v>1</v>
      </c>
      <c r="C30538" s="14" t="s">
        <v>191</v>
      </c>
      <c r="D30538" s="14" t="s">
        <v>92</v>
      </c>
      <c r="E30538" s="15">
        <v>45619</v>
      </c>
      <c r="F30538" s="14" t="s">
        <v>28</v>
      </c>
      <c r="G30538" s="16">
        <v>1.6817834949873638</v>
      </c>
    </row>
    <row r="30539" spans="1:7" x14ac:dyDescent="0.3">
      <c r="A30539" s="13" t="s">
        <v>190</v>
      </c>
      <c r="B30539" s="14" t="s">
        <v>1</v>
      </c>
      <c r="C30539" s="14" t="s">
        <v>191</v>
      </c>
      <c r="D30539" s="14" t="s">
        <v>92</v>
      </c>
      <c r="E30539" s="15">
        <v>45620</v>
      </c>
      <c r="F30539" s="14" t="s">
        <v>28</v>
      </c>
      <c r="G30539" s="16">
        <v>1.6817834949873638</v>
      </c>
    </row>
    <row r="30540" spans="1:7" x14ac:dyDescent="0.3">
      <c r="A30540" s="13" t="s">
        <v>190</v>
      </c>
      <c r="B30540" s="14" t="s">
        <v>1</v>
      </c>
      <c r="C30540" s="14" t="s">
        <v>191</v>
      </c>
      <c r="D30540" s="14" t="s">
        <v>92</v>
      </c>
      <c r="E30540" s="15">
        <v>45621</v>
      </c>
      <c r="F30540" s="14" t="s">
        <v>28</v>
      </c>
      <c r="G30540" s="16">
        <v>1.677609899716997</v>
      </c>
    </row>
    <row r="30541" spans="1:7" x14ac:dyDescent="0.3">
      <c r="A30541" s="13" t="s">
        <v>190</v>
      </c>
      <c r="B30541" s="14" t="s">
        <v>1</v>
      </c>
      <c r="C30541" s="14" t="s">
        <v>191</v>
      </c>
      <c r="D30541" s="14" t="s">
        <v>92</v>
      </c>
      <c r="E30541" s="15">
        <v>45622</v>
      </c>
      <c r="F30541" s="14" t="s">
        <v>28</v>
      </c>
      <c r="G30541" s="16">
        <v>1.6684828962615506</v>
      </c>
    </row>
    <row r="30542" spans="1:7" x14ac:dyDescent="0.3">
      <c r="A30542" s="13" t="s">
        <v>190</v>
      </c>
      <c r="B30542" s="14" t="s">
        <v>1</v>
      </c>
      <c r="C30542" s="14" t="s">
        <v>191</v>
      </c>
      <c r="D30542" s="14" t="s">
        <v>92</v>
      </c>
      <c r="E30542" s="15">
        <v>45623</v>
      </c>
      <c r="F30542" s="14" t="s">
        <v>28</v>
      </c>
      <c r="G30542" s="16">
        <v>1.6572389543554036</v>
      </c>
    </row>
    <row r="30543" spans="1:7" x14ac:dyDescent="0.3">
      <c r="A30543" s="13" t="s">
        <v>190</v>
      </c>
      <c r="B30543" s="14" t="s">
        <v>1</v>
      </c>
      <c r="C30543" s="14" t="s">
        <v>191</v>
      </c>
      <c r="D30543" s="14" t="s">
        <v>92</v>
      </c>
      <c r="E30543" s="15">
        <v>45624</v>
      </c>
      <c r="F30543" s="14" t="s">
        <v>28</v>
      </c>
      <c r="G30543" s="16">
        <v>1.6570944042196267</v>
      </c>
    </row>
    <row r="30544" spans="1:7" x14ac:dyDescent="0.3">
      <c r="A30544" s="13" t="s">
        <v>190</v>
      </c>
      <c r="B30544" s="14" t="s">
        <v>1</v>
      </c>
      <c r="C30544" s="14" t="s">
        <v>191</v>
      </c>
      <c r="D30544" s="14" t="s">
        <v>92</v>
      </c>
      <c r="E30544" s="15">
        <v>45625</v>
      </c>
      <c r="F30544" s="14" t="s">
        <v>28</v>
      </c>
      <c r="G30544" s="16">
        <v>1.6723720608233259</v>
      </c>
    </row>
    <row r="30545" spans="1:7" x14ac:dyDescent="0.3">
      <c r="A30545" s="13" t="s">
        <v>190</v>
      </c>
      <c r="B30545" s="14" t="s">
        <v>1</v>
      </c>
      <c r="C30545" s="14" t="s">
        <v>191</v>
      </c>
      <c r="D30545" s="14" t="s">
        <v>92</v>
      </c>
      <c r="E30545" s="15">
        <v>45626</v>
      </c>
      <c r="F30545" s="14" t="s">
        <v>28</v>
      </c>
      <c r="G30545" s="16">
        <v>1.6723720608233259</v>
      </c>
    </row>
    <row r="30546" spans="1:7" x14ac:dyDescent="0.3">
      <c r="A30546" s="13" t="s">
        <v>190</v>
      </c>
      <c r="B30546" s="14" t="s">
        <v>1</v>
      </c>
      <c r="C30546" s="14" t="s">
        <v>191</v>
      </c>
      <c r="D30546" s="14" t="s">
        <v>92</v>
      </c>
      <c r="E30546" s="15">
        <v>45627</v>
      </c>
      <c r="F30546" s="14" t="s">
        <v>28</v>
      </c>
      <c r="G30546" s="16">
        <v>1.6723720608233259</v>
      </c>
    </row>
    <row r="30547" spans="1:7" x14ac:dyDescent="0.3">
      <c r="A30547" s="13" t="s">
        <v>190</v>
      </c>
      <c r="B30547" s="14" t="s">
        <v>1</v>
      </c>
      <c r="C30547" s="14" t="s">
        <v>191</v>
      </c>
      <c r="D30547" s="14" t="s">
        <v>92</v>
      </c>
      <c r="E30547" s="15">
        <v>45628</v>
      </c>
      <c r="F30547" s="14" t="s">
        <v>28</v>
      </c>
      <c r="G30547" s="16">
        <v>1.6758623537628543</v>
      </c>
    </row>
    <row r="30548" spans="1:7" x14ac:dyDescent="0.3">
      <c r="A30548" s="13" t="s">
        <v>190</v>
      </c>
      <c r="B30548" s="14" t="s">
        <v>1</v>
      </c>
      <c r="C30548" s="14" t="s">
        <v>191</v>
      </c>
      <c r="D30548" s="14" t="s">
        <v>92</v>
      </c>
      <c r="E30548" s="15">
        <v>45629</v>
      </c>
      <c r="F30548" s="14" t="s">
        <v>28</v>
      </c>
      <c r="G30548" s="16">
        <v>1.6657028267317513</v>
      </c>
    </row>
    <row r="30549" spans="1:7" x14ac:dyDescent="0.3">
      <c r="A30549" s="13" t="s">
        <v>190</v>
      </c>
      <c r="B30549" s="14" t="s">
        <v>1</v>
      </c>
      <c r="C30549" s="14" t="s">
        <v>191</v>
      </c>
      <c r="D30549" s="14" t="s">
        <v>92</v>
      </c>
      <c r="E30549" s="15">
        <v>45630</v>
      </c>
      <c r="F30549" s="14" t="s">
        <v>28</v>
      </c>
      <c r="G30549" s="16">
        <v>1.6587137380294339</v>
      </c>
    </row>
    <row r="30550" spans="1:7" x14ac:dyDescent="0.3">
      <c r="A30550" s="13" t="s">
        <v>190</v>
      </c>
      <c r="B30550" s="14" t="s">
        <v>1</v>
      </c>
      <c r="C30550" s="14" t="s">
        <v>191</v>
      </c>
      <c r="D30550" s="14" t="s">
        <v>92</v>
      </c>
      <c r="E30550" s="15">
        <v>45631</v>
      </c>
      <c r="F30550" s="14" t="s">
        <v>28</v>
      </c>
      <c r="G30550" s="16">
        <v>1.649055337456274</v>
      </c>
    </row>
    <row r="30551" spans="1:7" x14ac:dyDescent="0.3">
      <c r="A30551" s="13" t="s">
        <v>190</v>
      </c>
      <c r="B30551" s="14" t="s">
        <v>1</v>
      </c>
      <c r="C30551" s="14" t="s">
        <v>191</v>
      </c>
      <c r="D30551" s="14" t="s">
        <v>92</v>
      </c>
      <c r="E30551" s="15">
        <v>45632</v>
      </c>
      <c r="F30551" s="14" t="s">
        <v>28</v>
      </c>
      <c r="G30551" s="16">
        <v>1.6489309743717959</v>
      </c>
    </row>
    <row r="30552" spans="1:7" x14ac:dyDescent="0.3">
      <c r="A30552" s="13" t="s">
        <v>190</v>
      </c>
      <c r="B30552" s="14" t="s">
        <v>1</v>
      </c>
      <c r="C30552" s="14" t="s">
        <v>191</v>
      </c>
      <c r="D30552" s="14" t="s">
        <v>92</v>
      </c>
      <c r="E30552" s="15">
        <v>45633</v>
      </c>
      <c r="F30552" s="14" t="s">
        <v>28</v>
      </c>
      <c r="G30552" s="16">
        <v>1.6489309743717959</v>
      </c>
    </row>
    <row r="30553" spans="1:7" x14ac:dyDescent="0.3">
      <c r="A30553" s="13" t="s">
        <v>190</v>
      </c>
      <c r="B30553" s="14" t="s">
        <v>1</v>
      </c>
      <c r="C30553" s="14" t="s">
        <v>191</v>
      </c>
      <c r="D30553" s="14" t="s">
        <v>92</v>
      </c>
      <c r="E30553" s="15">
        <v>45634</v>
      </c>
      <c r="F30553" s="14" t="s">
        <v>28</v>
      </c>
      <c r="G30553" s="16">
        <v>1.6489309743717959</v>
      </c>
    </row>
    <row r="30554" spans="1:7" x14ac:dyDescent="0.3">
      <c r="A30554" s="13" t="s">
        <v>190</v>
      </c>
      <c r="B30554" s="14" t="s">
        <v>1</v>
      </c>
      <c r="C30554" s="14" t="s">
        <v>191</v>
      </c>
      <c r="D30554" s="14" t="s">
        <v>92</v>
      </c>
      <c r="E30554" s="15">
        <v>45635</v>
      </c>
      <c r="F30554" s="14" t="s">
        <v>28</v>
      </c>
      <c r="G30554" s="16">
        <v>1.6532024576308093</v>
      </c>
    </row>
    <row r="30555" spans="1:7" x14ac:dyDescent="0.3">
      <c r="A30555" s="13" t="s">
        <v>190</v>
      </c>
      <c r="B30555" s="14" t="s">
        <v>1</v>
      </c>
      <c r="C30555" s="14" t="s">
        <v>191</v>
      </c>
      <c r="D30555" s="14" t="s">
        <v>92</v>
      </c>
      <c r="E30555" s="15">
        <v>45636</v>
      </c>
      <c r="F30555" s="14" t="s">
        <v>28</v>
      </c>
      <c r="G30555" s="16">
        <v>1.6444767287962081</v>
      </c>
    </row>
    <row r="30556" spans="1:7" x14ac:dyDescent="0.3">
      <c r="A30556" s="13" t="s">
        <v>190</v>
      </c>
      <c r="B30556" s="14" t="s">
        <v>1</v>
      </c>
      <c r="C30556" s="14" t="s">
        <v>191</v>
      </c>
      <c r="D30556" s="14" t="s">
        <v>92</v>
      </c>
      <c r="E30556" s="15">
        <v>45637</v>
      </c>
      <c r="F30556" s="14" t="s">
        <v>28</v>
      </c>
      <c r="G30556" s="16">
        <v>1.6412642861510396</v>
      </c>
    </row>
    <row r="30557" spans="1:7" x14ac:dyDescent="0.3">
      <c r="A30557" s="13" t="s">
        <v>190</v>
      </c>
      <c r="B30557" s="14" t="s">
        <v>1</v>
      </c>
      <c r="C30557" s="14" t="s">
        <v>191</v>
      </c>
      <c r="D30557" s="14" t="s">
        <v>92</v>
      </c>
      <c r="E30557" s="15">
        <v>45638</v>
      </c>
      <c r="F30557" s="14" t="s">
        <v>28</v>
      </c>
      <c r="G30557" s="16">
        <v>1.6410363870308369</v>
      </c>
    </row>
    <row r="30558" spans="1:7" x14ac:dyDescent="0.3">
      <c r="A30558" s="13" t="s">
        <v>190</v>
      </c>
      <c r="B30558" s="14" t="s">
        <v>1</v>
      </c>
      <c r="C30558" s="14" t="s">
        <v>191</v>
      </c>
      <c r="D30558" s="14" t="s">
        <v>92</v>
      </c>
      <c r="E30558" s="15">
        <v>45639</v>
      </c>
      <c r="F30558" s="14" t="s">
        <v>28</v>
      </c>
      <c r="G30558" s="16">
        <v>1.6392347804180021</v>
      </c>
    </row>
    <row r="30559" spans="1:7" x14ac:dyDescent="0.3">
      <c r="A30559" s="13" t="s">
        <v>190</v>
      </c>
      <c r="B30559" s="14" t="s">
        <v>1</v>
      </c>
      <c r="C30559" s="14" t="s">
        <v>191</v>
      </c>
      <c r="D30559" s="14" t="s">
        <v>92</v>
      </c>
      <c r="E30559" s="15">
        <v>45640</v>
      </c>
      <c r="F30559" s="14" t="s">
        <v>28</v>
      </c>
      <c r="G30559" s="16">
        <v>1.6392347804180021</v>
      </c>
    </row>
    <row r="30560" spans="1:7" x14ac:dyDescent="0.3">
      <c r="A30560" s="13" t="s">
        <v>190</v>
      </c>
      <c r="B30560" s="14" t="s">
        <v>1</v>
      </c>
      <c r="C30560" s="14" t="s">
        <v>191</v>
      </c>
      <c r="D30560" s="14" t="s">
        <v>92</v>
      </c>
      <c r="E30560" s="15">
        <v>45641</v>
      </c>
      <c r="F30560" s="14" t="s">
        <v>28</v>
      </c>
      <c r="G30560" s="16">
        <v>1.6392347804180021</v>
      </c>
    </row>
    <row r="30561" spans="1:7" x14ac:dyDescent="0.3">
      <c r="A30561" s="13" t="s">
        <v>190</v>
      </c>
      <c r="B30561" s="14" t="s">
        <v>1</v>
      </c>
      <c r="C30561" s="14" t="s">
        <v>191</v>
      </c>
      <c r="D30561" s="14" t="s">
        <v>92</v>
      </c>
      <c r="E30561" s="15">
        <v>45642</v>
      </c>
      <c r="F30561" s="14" t="s">
        <v>28</v>
      </c>
      <c r="G30561" s="16">
        <v>1.6379205588896764</v>
      </c>
    </row>
    <row r="30562" spans="1:7" x14ac:dyDescent="0.3">
      <c r="A30562" s="13" t="s">
        <v>190</v>
      </c>
      <c r="B30562" s="14" t="s">
        <v>1</v>
      </c>
      <c r="C30562" s="14" t="s">
        <v>191</v>
      </c>
      <c r="D30562" s="14" t="s">
        <v>92</v>
      </c>
      <c r="E30562" s="15">
        <v>45643</v>
      </c>
      <c r="F30562" s="14" t="s">
        <v>28</v>
      </c>
      <c r="G30562" s="16">
        <v>1.6276589567109037</v>
      </c>
    </row>
    <row r="30563" spans="1:7" x14ac:dyDescent="0.3">
      <c r="A30563" s="13" t="s">
        <v>190</v>
      </c>
      <c r="B30563" s="14" t="s">
        <v>1</v>
      </c>
      <c r="C30563" s="14" t="s">
        <v>191</v>
      </c>
      <c r="D30563" s="14" t="s">
        <v>92</v>
      </c>
      <c r="E30563" s="15">
        <v>45644</v>
      </c>
      <c r="F30563" s="14" t="s">
        <v>28</v>
      </c>
      <c r="G30563" s="16">
        <v>1.6405937985286654</v>
      </c>
    </row>
    <row r="30564" spans="1:7" x14ac:dyDescent="0.3">
      <c r="A30564" s="13" t="s">
        <v>190</v>
      </c>
      <c r="B30564" s="14" t="s">
        <v>1</v>
      </c>
      <c r="C30564" s="14" t="s">
        <v>191</v>
      </c>
      <c r="D30564" s="14" t="s">
        <v>92</v>
      </c>
      <c r="E30564" s="15">
        <v>45645</v>
      </c>
      <c r="F30564" s="14" t="s">
        <v>28</v>
      </c>
      <c r="G30564" s="16">
        <v>1.6343635554252864</v>
      </c>
    </row>
    <row r="30565" spans="1:7" x14ac:dyDescent="0.3">
      <c r="A30565" s="13" t="s">
        <v>190</v>
      </c>
      <c r="B30565" s="14" t="s">
        <v>1</v>
      </c>
      <c r="C30565" s="14" t="s">
        <v>191</v>
      </c>
      <c r="D30565" s="14" t="s">
        <v>92</v>
      </c>
      <c r="E30565" s="15">
        <v>45646</v>
      </c>
      <c r="F30565" s="14" t="s">
        <v>28</v>
      </c>
      <c r="G30565" s="16">
        <v>1.6226583981102098</v>
      </c>
    </row>
    <row r="30566" spans="1:7" x14ac:dyDescent="0.3">
      <c r="A30566" s="13" t="s">
        <v>190</v>
      </c>
      <c r="B30566" s="14" t="s">
        <v>1</v>
      </c>
      <c r="C30566" s="14" t="s">
        <v>191</v>
      </c>
      <c r="D30566" s="14" t="s">
        <v>92</v>
      </c>
      <c r="E30566" s="15">
        <v>45647</v>
      </c>
      <c r="F30566" s="14" t="s">
        <v>28</v>
      </c>
      <c r="G30566" s="16">
        <v>1.6226583981102098</v>
      </c>
    </row>
    <row r="30567" spans="1:7" x14ac:dyDescent="0.3">
      <c r="A30567" s="13" t="s">
        <v>190</v>
      </c>
      <c r="B30567" s="14" t="s">
        <v>1</v>
      </c>
      <c r="C30567" s="14" t="s">
        <v>191</v>
      </c>
      <c r="D30567" s="14" t="s">
        <v>92</v>
      </c>
      <c r="E30567" s="15">
        <v>45648</v>
      </c>
      <c r="F30567" s="14" t="s">
        <v>28</v>
      </c>
      <c r="G30567" s="16">
        <v>1.6226583981102098</v>
      </c>
    </row>
    <row r="30568" spans="1:7" x14ac:dyDescent="0.3">
      <c r="A30568" s="13" t="s">
        <v>190</v>
      </c>
      <c r="B30568" s="14" t="s">
        <v>1</v>
      </c>
      <c r="C30568" s="14" t="s">
        <v>191</v>
      </c>
      <c r="D30568" s="14" t="s">
        <v>92</v>
      </c>
      <c r="E30568" s="15">
        <v>45649</v>
      </c>
      <c r="F30568" s="14" t="s">
        <v>28</v>
      </c>
      <c r="G30568" s="16">
        <v>1.6177503775833202</v>
      </c>
    </row>
    <row r="30569" spans="1:7" x14ac:dyDescent="0.3">
      <c r="A30569" s="13" t="s">
        <v>190</v>
      </c>
      <c r="B30569" s="14" t="s">
        <v>1</v>
      </c>
      <c r="C30569" s="14" t="s">
        <v>191</v>
      </c>
      <c r="D30569" s="14" t="s">
        <v>92</v>
      </c>
      <c r="E30569" s="15">
        <v>45650</v>
      </c>
      <c r="F30569" s="14" t="s">
        <v>28</v>
      </c>
      <c r="G30569" s="16">
        <v>1.6094687404619934</v>
      </c>
    </row>
    <row r="30570" spans="1:7" x14ac:dyDescent="0.3">
      <c r="A30570" s="13" t="s">
        <v>190</v>
      </c>
      <c r="B30570" s="14" t="s">
        <v>1</v>
      </c>
      <c r="C30570" s="14" t="s">
        <v>191</v>
      </c>
      <c r="D30570" s="14" t="s">
        <v>92</v>
      </c>
      <c r="E30570" s="15">
        <v>45651</v>
      </c>
      <c r="F30570" s="14" t="s">
        <v>28</v>
      </c>
      <c r="G30570" s="16">
        <v>1.6094687404619934</v>
      </c>
    </row>
    <row r="30571" spans="1:7" x14ac:dyDescent="0.3">
      <c r="A30571" s="13" t="s">
        <v>190</v>
      </c>
      <c r="B30571" s="14" t="s">
        <v>1</v>
      </c>
      <c r="C30571" s="14" t="s">
        <v>191</v>
      </c>
      <c r="D30571" s="14" t="s">
        <v>92</v>
      </c>
      <c r="E30571" s="15">
        <v>45652</v>
      </c>
      <c r="F30571" s="14" t="s">
        <v>28</v>
      </c>
      <c r="G30571" s="16">
        <v>1.6094687404619934</v>
      </c>
    </row>
    <row r="30572" spans="1:7" x14ac:dyDescent="0.3">
      <c r="A30572" s="13" t="s">
        <v>190</v>
      </c>
      <c r="B30572" s="14" t="s">
        <v>1</v>
      </c>
      <c r="C30572" s="14" t="s">
        <v>191</v>
      </c>
      <c r="D30572" s="14" t="s">
        <v>92</v>
      </c>
      <c r="E30572" s="15">
        <v>45653</v>
      </c>
      <c r="F30572" s="14" t="s">
        <v>28</v>
      </c>
      <c r="G30572" s="16">
        <v>1.6094687404619934</v>
      </c>
    </row>
    <row r="30573" spans="1:7" x14ac:dyDescent="0.3">
      <c r="A30573" s="13" t="s">
        <v>190</v>
      </c>
      <c r="B30573" s="14" t="s">
        <v>1</v>
      </c>
      <c r="C30573" s="14" t="s">
        <v>191</v>
      </c>
      <c r="D30573" s="14" t="s">
        <v>92</v>
      </c>
      <c r="E30573" s="15">
        <v>45654</v>
      </c>
      <c r="F30573" s="14" t="s">
        <v>28</v>
      </c>
      <c r="G30573" s="16">
        <v>1.6094687404619934</v>
      </c>
    </row>
    <row r="30574" spans="1:7" x14ac:dyDescent="0.3">
      <c r="A30574" s="13" t="s">
        <v>190</v>
      </c>
      <c r="B30574" s="14" t="s">
        <v>1</v>
      </c>
      <c r="C30574" s="14" t="s">
        <v>191</v>
      </c>
      <c r="D30574" s="14" t="s">
        <v>92</v>
      </c>
      <c r="E30574" s="15">
        <v>45655</v>
      </c>
      <c r="F30574" s="14" t="s">
        <v>28</v>
      </c>
      <c r="G30574" s="16">
        <v>1.6094687404619934</v>
      </c>
    </row>
    <row r="30575" spans="1:7" x14ac:dyDescent="0.3">
      <c r="A30575" s="13" t="s">
        <v>190</v>
      </c>
      <c r="B30575" s="14" t="s">
        <v>1</v>
      </c>
      <c r="C30575" s="14" t="s">
        <v>191</v>
      </c>
      <c r="D30575" s="14" t="s">
        <v>92</v>
      </c>
      <c r="E30575" s="15">
        <v>45656</v>
      </c>
      <c r="F30575" s="14" t="s">
        <v>28</v>
      </c>
      <c r="G30575" s="16">
        <v>1.6076053508345778</v>
      </c>
    </row>
    <row r="30576" spans="1:7" x14ac:dyDescent="0.3">
      <c r="A30576" s="13" t="s">
        <v>190</v>
      </c>
      <c r="B30576" s="14" t="s">
        <v>1</v>
      </c>
      <c r="C30576" s="14" t="s">
        <v>191</v>
      </c>
      <c r="D30576" s="14" t="s">
        <v>92</v>
      </c>
      <c r="E30576" s="15">
        <v>45657</v>
      </c>
      <c r="F30576" s="14" t="s">
        <v>28</v>
      </c>
      <c r="G30576" s="16">
        <v>1.9353216223385346</v>
      </c>
    </row>
    <row r="30577" spans="1:7" x14ac:dyDescent="0.3">
      <c r="A30577" s="13" t="s">
        <v>190</v>
      </c>
      <c r="B30577" s="14" t="s">
        <v>1</v>
      </c>
      <c r="C30577" s="14" t="s">
        <v>191</v>
      </c>
      <c r="D30577" s="14" t="s">
        <v>92</v>
      </c>
      <c r="E30577" s="15">
        <v>45658</v>
      </c>
      <c r="F30577" s="14" t="s">
        <v>28</v>
      </c>
      <c r="G30577" s="16">
        <v>1.9353216223385346</v>
      </c>
    </row>
    <row r="30578" spans="1:7" x14ac:dyDescent="0.3">
      <c r="A30578" s="13" t="s">
        <v>190</v>
      </c>
      <c r="B30578" s="14" t="s">
        <v>1</v>
      </c>
      <c r="C30578" s="14" t="s">
        <v>191</v>
      </c>
      <c r="D30578" s="14" t="s">
        <v>92</v>
      </c>
      <c r="E30578" s="15">
        <v>45659</v>
      </c>
      <c r="F30578" s="14" t="s">
        <v>28</v>
      </c>
      <c r="G30578" s="16">
        <v>1.9385110038508029</v>
      </c>
    </row>
    <row r="30579" spans="1:7" x14ac:dyDescent="0.3">
      <c r="A30579" s="13" t="s">
        <v>190</v>
      </c>
      <c r="B30579" s="14" t="s">
        <v>1</v>
      </c>
      <c r="C30579" s="14" t="s">
        <v>191</v>
      </c>
      <c r="D30579" s="14" t="s">
        <v>92</v>
      </c>
      <c r="E30579" s="15">
        <v>45660</v>
      </c>
      <c r="F30579" s="14" t="s">
        <v>28</v>
      </c>
      <c r="G30579" s="16">
        <v>1.9316470389413356</v>
      </c>
    </row>
    <row r="30580" spans="1:7" x14ac:dyDescent="0.3">
      <c r="A30580" s="13" t="s">
        <v>190</v>
      </c>
      <c r="B30580" s="14" t="s">
        <v>1</v>
      </c>
      <c r="C30580" s="14" t="s">
        <v>191</v>
      </c>
      <c r="D30580" s="14" t="s">
        <v>92</v>
      </c>
      <c r="E30580" s="15">
        <v>45661</v>
      </c>
      <c r="F30580" s="14" t="s">
        <v>28</v>
      </c>
      <c r="G30580" s="16">
        <v>1.9316470389413356</v>
      </c>
    </row>
    <row r="30581" spans="1:7" x14ac:dyDescent="0.3">
      <c r="A30581" s="13" t="s">
        <v>190</v>
      </c>
      <c r="B30581" s="14" t="s">
        <v>1</v>
      </c>
      <c r="C30581" s="14" t="s">
        <v>191</v>
      </c>
      <c r="D30581" s="14" t="s">
        <v>92</v>
      </c>
      <c r="E30581" s="15">
        <v>45662</v>
      </c>
      <c r="F30581" s="14" t="s">
        <v>28</v>
      </c>
      <c r="G30581" s="16">
        <v>1.9316470389413356</v>
      </c>
    </row>
    <row r="30582" spans="1:7" x14ac:dyDescent="0.3">
      <c r="A30582" s="13" t="s">
        <v>190</v>
      </c>
      <c r="B30582" s="14" t="s">
        <v>1</v>
      </c>
      <c r="C30582" s="14" t="s">
        <v>191</v>
      </c>
      <c r="D30582" s="14" t="s">
        <v>92</v>
      </c>
      <c r="E30582" s="15">
        <v>45663</v>
      </c>
      <c r="F30582" s="14" t="s">
        <v>28</v>
      </c>
      <c r="G30582" s="16">
        <v>1.9194699827372887</v>
      </c>
    </row>
    <row r="30583" spans="1:7" x14ac:dyDescent="0.3">
      <c r="A30583" s="13" t="s">
        <v>190</v>
      </c>
      <c r="B30583" s="14" t="s">
        <v>1</v>
      </c>
      <c r="C30583" s="14" t="s">
        <v>191</v>
      </c>
      <c r="D30583" s="14" t="s">
        <v>92</v>
      </c>
      <c r="E30583" s="15">
        <v>45664</v>
      </c>
      <c r="F30583" s="14" t="s">
        <v>28</v>
      </c>
      <c r="G30583" s="16">
        <v>1.9106940825783749</v>
      </c>
    </row>
    <row r="30584" spans="1:7" x14ac:dyDescent="0.3">
      <c r="A30584" s="13" t="s">
        <v>190</v>
      </c>
      <c r="B30584" s="14" t="s">
        <v>1</v>
      </c>
      <c r="C30584" s="14" t="s">
        <v>191</v>
      </c>
      <c r="D30584" s="14" t="s">
        <v>92</v>
      </c>
      <c r="E30584" s="15">
        <v>45665</v>
      </c>
      <c r="F30584" s="14" t="s">
        <v>28</v>
      </c>
      <c r="G30584" s="16">
        <v>1.9123562738268045</v>
      </c>
    </row>
    <row r="30585" spans="1:7" x14ac:dyDescent="0.3">
      <c r="A30585" s="13" t="s">
        <v>190</v>
      </c>
      <c r="B30585" s="14" t="s">
        <v>1</v>
      </c>
      <c r="C30585" s="14" t="s">
        <v>191</v>
      </c>
      <c r="D30585" s="14" t="s">
        <v>92</v>
      </c>
      <c r="E30585" s="15">
        <v>45666</v>
      </c>
      <c r="F30585" s="14" t="s">
        <v>28</v>
      </c>
      <c r="G30585" s="16">
        <v>1.9085814039913216</v>
      </c>
    </row>
    <row r="30586" spans="1:7" x14ac:dyDescent="0.3">
      <c r="A30586" s="13" t="s">
        <v>190</v>
      </c>
      <c r="B30586" s="14" t="s">
        <v>1</v>
      </c>
      <c r="C30586" s="14" t="s">
        <v>191</v>
      </c>
      <c r="D30586" s="14" t="s">
        <v>92</v>
      </c>
      <c r="E30586" s="15">
        <v>45667</v>
      </c>
      <c r="F30586" s="14" t="s">
        <v>28</v>
      </c>
      <c r="G30586" s="16">
        <v>1.9202340299583123</v>
      </c>
    </row>
    <row r="30587" spans="1:7" x14ac:dyDescent="0.3">
      <c r="A30587" s="13" t="s">
        <v>190</v>
      </c>
      <c r="B30587" s="14" t="s">
        <v>1</v>
      </c>
      <c r="C30587" s="14" t="s">
        <v>191</v>
      </c>
      <c r="D30587" s="14" t="s">
        <v>92</v>
      </c>
      <c r="E30587" s="15">
        <v>45668</v>
      </c>
      <c r="F30587" s="14" t="s">
        <v>28</v>
      </c>
      <c r="G30587" s="16">
        <v>1.9202340299583123</v>
      </c>
    </row>
    <row r="30588" spans="1:7" x14ac:dyDescent="0.3">
      <c r="A30588" s="13" t="s">
        <v>190</v>
      </c>
      <c r="B30588" s="14" t="s">
        <v>1</v>
      </c>
      <c r="C30588" s="14" t="s">
        <v>191</v>
      </c>
      <c r="D30588" s="14" t="s">
        <v>92</v>
      </c>
      <c r="E30588" s="15">
        <v>45669</v>
      </c>
      <c r="F30588" s="14" t="s">
        <v>28</v>
      </c>
      <c r="G30588" s="16">
        <v>1.9202340299583123</v>
      </c>
    </row>
    <row r="30589" spans="1:7" x14ac:dyDescent="0.3">
      <c r="A30589" s="13" t="s">
        <v>190</v>
      </c>
      <c r="B30589" s="14" t="s">
        <v>1</v>
      </c>
      <c r="C30589" s="14" t="s">
        <v>191</v>
      </c>
      <c r="D30589" s="14" t="s">
        <v>92</v>
      </c>
      <c r="E30589" s="15">
        <v>45670</v>
      </c>
      <c r="F30589" s="14" t="s">
        <v>28</v>
      </c>
      <c r="G30589" s="16">
        <v>1.9142894656576694</v>
      </c>
    </row>
    <row r="30590" spans="1:7" x14ac:dyDescent="0.3">
      <c r="A30590" s="13" t="s">
        <v>190</v>
      </c>
      <c r="B30590" s="14" t="s">
        <v>1</v>
      </c>
      <c r="C30590" s="14" t="s">
        <v>191</v>
      </c>
      <c r="D30590" s="14" t="s">
        <v>92</v>
      </c>
      <c r="E30590" s="15">
        <v>45671</v>
      </c>
      <c r="F30590" s="14" t="s">
        <v>28</v>
      </c>
      <c r="G30590" s="16">
        <v>1.900147297309271</v>
      </c>
    </row>
    <row r="30591" spans="1:7" x14ac:dyDescent="0.3">
      <c r="A30591" s="13" t="s">
        <v>190</v>
      </c>
      <c r="B30591" s="14" t="s">
        <v>1</v>
      </c>
      <c r="C30591" s="14" t="s">
        <v>191</v>
      </c>
      <c r="D30591" s="14" t="s">
        <v>92</v>
      </c>
      <c r="E30591" s="15">
        <v>45672</v>
      </c>
      <c r="F30591" s="14" t="s">
        <v>28</v>
      </c>
      <c r="G30591" s="16">
        <v>1.8976238630379494</v>
      </c>
    </row>
    <row r="30592" spans="1:7" x14ac:dyDescent="0.3">
      <c r="A30592" s="13" t="s">
        <v>190</v>
      </c>
      <c r="B30592" s="14" t="s">
        <v>1</v>
      </c>
      <c r="C30592" s="14" t="s">
        <v>191</v>
      </c>
      <c r="D30592" s="14" t="s">
        <v>92</v>
      </c>
      <c r="E30592" s="15">
        <v>45673</v>
      </c>
      <c r="F30592" s="14" t="s">
        <v>28</v>
      </c>
      <c r="G30592" s="16">
        <v>1.893275923807723</v>
      </c>
    </row>
    <row r="30593" spans="1:7" x14ac:dyDescent="0.3">
      <c r="A30593" s="13" t="s">
        <v>190</v>
      </c>
      <c r="B30593" s="14" t="s">
        <v>1</v>
      </c>
      <c r="C30593" s="14" t="s">
        <v>191</v>
      </c>
      <c r="D30593" s="14" t="s">
        <v>92</v>
      </c>
      <c r="E30593" s="15">
        <v>45674</v>
      </c>
      <c r="F30593" s="14" t="s">
        <v>28</v>
      </c>
      <c r="G30593" s="16">
        <v>1.8947233190138784</v>
      </c>
    </row>
    <row r="30594" spans="1:7" x14ac:dyDescent="0.3">
      <c r="A30594" s="13" t="s">
        <v>190</v>
      </c>
      <c r="B30594" s="14" t="s">
        <v>1</v>
      </c>
      <c r="C30594" s="14" t="s">
        <v>191</v>
      </c>
      <c r="D30594" s="14" t="s">
        <v>92</v>
      </c>
      <c r="E30594" s="15">
        <v>45675</v>
      </c>
      <c r="F30594" s="14" t="s">
        <v>28</v>
      </c>
      <c r="G30594" s="16">
        <v>1.8947233190138784</v>
      </c>
    </row>
    <row r="30595" spans="1:7" x14ac:dyDescent="0.3">
      <c r="A30595" s="13" t="s">
        <v>190</v>
      </c>
      <c r="B30595" s="14" t="s">
        <v>1</v>
      </c>
      <c r="C30595" s="14" t="s">
        <v>191</v>
      </c>
      <c r="D30595" s="14" t="s">
        <v>92</v>
      </c>
      <c r="E30595" s="15">
        <v>45676</v>
      </c>
      <c r="F30595" s="14" t="s">
        <v>28</v>
      </c>
      <c r="G30595" s="16">
        <v>1.8947233190138784</v>
      </c>
    </row>
    <row r="30596" spans="1:7" x14ac:dyDescent="0.3">
      <c r="A30596" s="13" t="s">
        <v>190</v>
      </c>
      <c r="B30596" s="14" t="s">
        <v>1</v>
      </c>
      <c r="C30596" s="14" t="s">
        <v>191</v>
      </c>
      <c r="D30596" s="14" t="s">
        <v>92</v>
      </c>
      <c r="E30596" s="15">
        <v>45677</v>
      </c>
      <c r="F30596" s="14" t="s">
        <v>28</v>
      </c>
      <c r="G30596" s="16">
        <v>1.8727607794428924</v>
      </c>
    </row>
    <row r="30597" spans="1:7" x14ac:dyDescent="0.3">
      <c r="A30597" s="13" t="s">
        <v>190</v>
      </c>
      <c r="B30597" s="14" t="s">
        <v>1</v>
      </c>
      <c r="C30597" s="14" t="s">
        <v>191</v>
      </c>
      <c r="D30597" s="14" t="s">
        <v>92</v>
      </c>
      <c r="E30597" s="15">
        <v>45678</v>
      </c>
      <c r="F30597" s="14" t="s">
        <v>28</v>
      </c>
      <c r="G30597" s="16">
        <v>1.8570156852615765</v>
      </c>
    </row>
    <row r="30598" spans="1:7" x14ac:dyDescent="0.3">
      <c r="A30598" s="13" t="s">
        <v>190</v>
      </c>
      <c r="B30598" s="14" t="s">
        <v>1</v>
      </c>
      <c r="C30598" s="14" t="s">
        <v>191</v>
      </c>
      <c r="D30598" s="14" t="s">
        <v>92</v>
      </c>
      <c r="E30598" s="15">
        <v>45679</v>
      </c>
      <c r="F30598" s="14" t="s">
        <v>28</v>
      </c>
      <c r="G30598" s="16">
        <v>1.8593314008546036</v>
      </c>
    </row>
    <row r="30599" spans="1:7" x14ac:dyDescent="0.3">
      <c r="A30599" s="13" t="s">
        <v>190</v>
      </c>
      <c r="B30599" s="14" t="s">
        <v>1</v>
      </c>
      <c r="C30599" s="14" t="s">
        <v>191</v>
      </c>
      <c r="D30599" s="14" t="s">
        <v>92</v>
      </c>
      <c r="E30599" s="15">
        <v>45680</v>
      </c>
      <c r="F30599" s="14" t="s">
        <v>28</v>
      </c>
      <c r="G30599" s="16">
        <v>1.8560159637763205</v>
      </c>
    </row>
    <row r="30600" spans="1:7" x14ac:dyDescent="0.3">
      <c r="A30600" s="13" t="s">
        <v>190</v>
      </c>
      <c r="B30600" s="14" t="s">
        <v>1</v>
      </c>
      <c r="C30600" s="14" t="s">
        <v>191</v>
      </c>
      <c r="D30600" s="14" t="s">
        <v>92</v>
      </c>
      <c r="E30600" s="15">
        <v>45681</v>
      </c>
      <c r="F30600" s="14" t="s">
        <v>28</v>
      </c>
      <c r="G30600" s="16">
        <v>1.8396967445532451</v>
      </c>
    </row>
    <row r="30601" spans="1:7" x14ac:dyDescent="0.3">
      <c r="A30601" s="13" t="s">
        <v>190</v>
      </c>
      <c r="B30601" s="14" t="s">
        <v>1</v>
      </c>
      <c r="C30601" s="14" t="s">
        <v>191</v>
      </c>
      <c r="D30601" s="14" t="s">
        <v>92</v>
      </c>
      <c r="E30601" s="15">
        <v>45682</v>
      </c>
      <c r="F30601" s="14" t="s">
        <v>28</v>
      </c>
      <c r="G30601" s="16">
        <v>1.8396967445532451</v>
      </c>
    </row>
    <row r="30602" spans="1:7" x14ac:dyDescent="0.3">
      <c r="A30602" s="13" t="s">
        <v>190</v>
      </c>
      <c r="B30602" s="14" t="s">
        <v>1</v>
      </c>
      <c r="C30602" s="14" t="s">
        <v>191</v>
      </c>
      <c r="D30602" s="14" t="s">
        <v>92</v>
      </c>
      <c r="E30602" s="15">
        <v>45683</v>
      </c>
      <c r="F30602" s="14" t="s">
        <v>28</v>
      </c>
      <c r="G30602" s="16">
        <v>1.8396967445532451</v>
      </c>
    </row>
    <row r="30603" spans="1:7" x14ac:dyDescent="0.3">
      <c r="A30603" s="13" t="s">
        <v>190</v>
      </c>
      <c r="B30603" s="14" t="s">
        <v>1</v>
      </c>
      <c r="C30603" s="14" t="s">
        <v>191</v>
      </c>
      <c r="D30603" s="14" t="s">
        <v>92</v>
      </c>
      <c r="E30603" s="15">
        <v>45684</v>
      </c>
      <c r="F30603" s="14" t="s">
        <v>28</v>
      </c>
      <c r="G30603" s="16">
        <v>1.8359295657410202</v>
      </c>
    </row>
    <row r="30604" spans="1:7" x14ac:dyDescent="0.3">
      <c r="A30604" s="13" t="s">
        <v>190</v>
      </c>
      <c r="B30604" s="14" t="s">
        <v>1</v>
      </c>
      <c r="C30604" s="14" t="s">
        <v>191</v>
      </c>
      <c r="D30604" s="14" t="s">
        <v>92</v>
      </c>
      <c r="E30604" s="15">
        <v>45685</v>
      </c>
      <c r="F30604" s="14" t="s">
        <v>28</v>
      </c>
      <c r="G30604" s="16">
        <v>1.835187339982753</v>
      </c>
    </row>
    <row r="30605" spans="1:7" x14ac:dyDescent="0.3">
      <c r="A30605" s="13" t="s">
        <v>190</v>
      </c>
      <c r="B30605" s="14" t="s">
        <v>1</v>
      </c>
      <c r="C30605" s="14" t="s">
        <v>191</v>
      </c>
      <c r="D30605" s="14" t="s">
        <v>92</v>
      </c>
      <c r="E30605" s="15">
        <v>45686</v>
      </c>
      <c r="F30605" s="14" t="s">
        <v>28</v>
      </c>
      <c r="G30605" s="16">
        <v>1.835187339982753</v>
      </c>
    </row>
    <row r="30606" spans="1:7" x14ac:dyDescent="0.3">
      <c r="A30606" s="13" t="s">
        <v>190</v>
      </c>
      <c r="B30606" s="14" t="s">
        <v>1</v>
      </c>
      <c r="C30606" s="14" t="s">
        <v>191</v>
      </c>
      <c r="D30606" s="14" t="s">
        <v>92</v>
      </c>
      <c r="E30606" s="15">
        <v>45687</v>
      </c>
      <c r="F30606" s="14" t="s">
        <v>28</v>
      </c>
      <c r="G30606" s="16">
        <v>1.835187339982753</v>
      </c>
    </row>
    <row r="30607" spans="1:7" x14ac:dyDescent="0.3">
      <c r="A30607" s="13" t="s">
        <v>190</v>
      </c>
      <c r="B30607" s="14" t="s">
        <v>1</v>
      </c>
      <c r="C30607" s="14" t="s">
        <v>191</v>
      </c>
      <c r="D30607" s="14" t="s">
        <v>92</v>
      </c>
      <c r="E30607" s="15">
        <v>45688</v>
      </c>
      <c r="F30607" s="14" t="s">
        <v>28</v>
      </c>
      <c r="G30607" s="16">
        <v>1.8639457777880231</v>
      </c>
    </row>
    <row r="30608" spans="1:7" x14ac:dyDescent="0.3">
      <c r="A30608" s="13" t="s">
        <v>190</v>
      </c>
      <c r="B30608" s="14" t="s">
        <v>1</v>
      </c>
      <c r="C30608" s="14" t="s">
        <v>191</v>
      </c>
      <c r="D30608" s="14" t="s">
        <v>92</v>
      </c>
      <c r="E30608" s="15">
        <v>45689</v>
      </c>
      <c r="F30608" s="14" t="s">
        <v>28</v>
      </c>
      <c r="G30608" s="16">
        <v>1.8639457777880231</v>
      </c>
    </row>
    <row r="30609" spans="1:7" x14ac:dyDescent="0.3">
      <c r="A30609" s="13" t="s">
        <v>190</v>
      </c>
      <c r="B30609" s="14" t="s">
        <v>1</v>
      </c>
      <c r="C30609" s="14" t="s">
        <v>191</v>
      </c>
      <c r="D30609" s="14" t="s">
        <v>92</v>
      </c>
      <c r="E30609" s="15">
        <v>45690</v>
      </c>
      <c r="F30609" s="14" t="s">
        <v>28</v>
      </c>
      <c r="G30609" s="16">
        <v>1.8639457777880231</v>
      </c>
    </row>
    <row r="30610" spans="1:7" x14ac:dyDescent="0.3">
      <c r="A30610" s="13" t="s">
        <v>190</v>
      </c>
      <c r="B30610" s="14" t="s">
        <v>1</v>
      </c>
      <c r="C30610" s="14" t="s">
        <v>191</v>
      </c>
      <c r="D30610" s="14" t="s">
        <v>92</v>
      </c>
      <c r="E30610" s="15">
        <v>45691</v>
      </c>
      <c r="F30610" s="14" t="s">
        <v>28</v>
      </c>
      <c r="G30610" s="16">
        <v>1.8639457777880231</v>
      </c>
    </row>
    <row r="30611" spans="1:7" x14ac:dyDescent="0.3">
      <c r="A30611" s="13" t="s">
        <v>190</v>
      </c>
      <c r="B30611" s="14" t="s">
        <v>1</v>
      </c>
      <c r="C30611" s="14" t="s">
        <v>191</v>
      </c>
      <c r="D30611" s="14" t="s">
        <v>92</v>
      </c>
      <c r="E30611" s="15">
        <v>45692</v>
      </c>
      <c r="F30611" s="14" t="s">
        <v>28</v>
      </c>
      <c r="G30611" s="16">
        <v>1.892905809962546</v>
      </c>
    </row>
    <row r="30612" spans="1:7" x14ac:dyDescent="0.3">
      <c r="A30612" s="13" t="s">
        <v>190</v>
      </c>
      <c r="B30612" s="14" t="s">
        <v>1</v>
      </c>
      <c r="C30612" s="14" t="s">
        <v>191</v>
      </c>
      <c r="D30612" s="14" t="s">
        <v>92</v>
      </c>
      <c r="E30612" s="15">
        <v>45693</v>
      </c>
      <c r="F30612" s="14" t="s">
        <v>28</v>
      </c>
      <c r="G30612" s="16">
        <v>1.9235426373325484</v>
      </c>
    </row>
    <row r="30613" spans="1:7" x14ac:dyDescent="0.3">
      <c r="A30613" s="13" t="s">
        <v>190</v>
      </c>
      <c r="B30613" s="14" t="s">
        <v>1</v>
      </c>
      <c r="C30613" s="14" t="s">
        <v>191</v>
      </c>
      <c r="D30613" s="14" t="s">
        <v>92</v>
      </c>
      <c r="E30613" s="15">
        <v>45694</v>
      </c>
      <c r="F30613" s="14" t="s">
        <v>28</v>
      </c>
      <c r="G30613" s="16">
        <v>2.0053770561454805</v>
      </c>
    </row>
    <row r="30614" spans="1:7" x14ac:dyDescent="0.3">
      <c r="A30614" s="13" t="s">
        <v>190</v>
      </c>
      <c r="B30614" s="14" t="s">
        <v>1</v>
      </c>
      <c r="C30614" s="14" t="s">
        <v>191</v>
      </c>
      <c r="D30614" s="14" t="s">
        <v>92</v>
      </c>
      <c r="E30614" s="15">
        <v>45695</v>
      </c>
      <c r="F30614" s="14" t="s">
        <v>28</v>
      </c>
      <c r="G30614" s="16">
        <v>2.0078205231600008</v>
      </c>
    </row>
    <row r="30615" spans="1:7" x14ac:dyDescent="0.3">
      <c r="A30615" s="13" t="s">
        <v>190</v>
      </c>
      <c r="B30615" s="14" t="s">
        <v>1</v>
      </c>
      <c r="C30615" s="14" t="s">
        <v>191</v>
      </c>
      <c r="D30615" s="14" t="s">
        <v>92</v>
      </c>
      <c r="E30615" s="15">
        <v>45696</v>
      </c>
      <c r="F30615" s="14" t="s">
        <v>28</v>
      </c>
      <c r="G30615" s="16">
        <v>2.0078205231600008</v>
      </c>
    </row>
    <row r="30616" spans="1:7" x14ac:dyDescent="0.3">
      <c r="A30616" s="13" t="s">
        <v>190</v>
      </c>
      <c r="B30616" s="14" t="s">
        <v>1</v>
      </c>
      <c r="C30616" s="14" t="s">
        <v>191</v>
      </c>
      <c r="D30616" s="14" t="s">
        <v>92</v>
      </c>
      <c r="E30616" s="15">
        <v>45697</v>
      </c>
      <c r="F30616" s="14" t="s">
        <v>28</v>
      </c>
      <c r="G30616" s="16">
        <v>2.0078205231600008</v>
      </c>
    </row>
    <row r="30617" spans="1:7" x14ac:dyDescent="0.3">
      <c r="A30617" s="13" t="s">
        <v>190</v>
      </c>
      <c r="B30617" s="14" t="s">
        <v>1</v>
      </c>
      <c r="C30617" s="14" t="s">
        <v>191</v>
      </c>
      <c r="D30617" s="14" t="s">
        <v>92</v>
      </c>
      <c r="E30617" s="15">
        <v>45698</v>
      </c>
      <c r="F30617" s="14" t="s">
        <v>28</v>
      </c>
      <c r="G30617" s="16">
        <v>2.0550415794920363</v>
      </c>
    </row>
    <row r="30618" spans="1:7" x14ac:dyDescent="0.3">
      <c r="A30618" s="13" t="s">
        <v>190</v>
      </c>
      <c r="B30618" s="14" t="s">
        <v>1</v>
      </c>
      <c r="C30618" s="14" t="s">
        <v>191</v>
      </c>
      <c r="D30618" s="14" t="s">
        <v>92</v>
      </c>
      <c r="E30618" s="15">
        <v>45699</v>
      </c>
      <c r="F30618" s="14" t="s">
        <v>28</v>
      </c>
      <c r="G30618" s="16">
        <v>2.0413724865367229</v>
      </c>
    </row>
    <row r="30619" spans="1:7" x14ac:dyDescent="0.3">
      <c r="A30619" s="13" t="s">
        <v>190</v>
      </c>
      <c r="B30619" s="14" t="s">
        <v>1</v>
      </c>
      <c r="C30619" s="14" t="s">
        <v>191</v>
      </c>
      <c r="D30619" s="14" t="s">
        <v>92</v>
      </c>
      <c r="E30619" s="15">
        <v>45700</v>
      </c>
      <c r="F30619" s="14" t="s">
        <v>28</v>
      </c>
      <c r="G30619" s="16">
        <v>2.0372316488058462</v>
      </c>
    </row>
    <row r="30620" spans="1:7" x14ac:dyDescent="0.3">
      <c r="A30620" s="13" t="s">
        <v>190</v>
      </c>
      <c r="B30620" s="14" t="s">
        <v>1</v>
      </c>
      <c r="C30620" s="14" t="s">
        <v>191</v>
      </c>
      <c r="D30620" s="14" t="s">
        <v>92</v>
      </c>
      <c r="E30620" s="15">
        <v>45701</v>
      </c>
      <c r="F30620" s="14" t="s">
        <v>28</v>
      </c>
      <c r="G30620" s="16">
        <v>2.1128396087345305</v>
      </c>
    </row>
    <row r="30621" spans="1:7" x14ac:dyDescent="0.3">
      <c r="A30621" s="13" t="s">
        <v>190</v>
      </c>
      <c r="B30621" s="14" t="s">
        <v>1</v>
      </c>
      <c r="C30621" s="14" t="s">
        <v>191</v>
      </c>
      <c r="D30621" s="14" t="s">
        <v>92</v>
      </c>
      <c r="E30621" s="15">
        <v>45702</v>
      </c>
      <c r="F30621" s="14" t="s">
        <v>28</v>
      </c>
      <c r="G30621" s="16">
        <v>2.4197717463219184</v>
      </c>
    </row>
    <row r="30622" spans="1:7" x14ac:dyDescent="0.3">
      <c r="A30622" s="13" t="s">
        <v>190</v>
      </c>
      <c r="B30622" s="14" t="s">
        <v>1</v>
      </c>
      <c r="C30622" s="14" t="s">
        <v>191</v>
      </c>
      <c r="D30622" s="14" t="s">
        <v>92</v>
      </c>
      <c r="E30622" s="15">
        <v>45703</v>
      </c>
      <c r="F30622" s="14" t="s">
        <v>28</v>
      </c>
      <c r="G30622" s="16">
        <v>2.4197717463219184</v>
      </c>
    </row>
    <row r="30623" spans="1:7" x14ac:dyDescent="0.3">
      <c r="A30623" s="13" t="s">
        <v>190</v>
      </c>
      <c r="B30623" s="14" t="s">
        <v>1</v>
      </c>
      <c r="C30623" s="14" t="s">
        <v>191</v>
      </c>
      <c r="D30623" s="14" t="s">
        <v>92</v>
      </c>
      <c r="E30623" s="15">
        <v>45704</v>
      </c>
      <c r="F30623" s="14" t="s">
        <v>28</v>
      </c>
      <c r="G30623" s="16">
        <v>2.4197717463219184</v>
      </c>
    </row>
    <row r="30624" spans="1:7" x14ac:dyDescent="0.3">
      <c r="A30624" s="13" t="s">
        <v>190</v>
      </c>
      <c r="B30624" s="14" t="s">
        <v>1</v>
      </c>
      <c r="C30624" s="14" t="s">
        <v>191</v>
      </c>
      <c r="D30624" s="14" t="s">
        <v>92</v>
      </c>
      <c r="E30624" s="15">
        <v>45705</v>
      </c>
      <c r="F30624" s="14" t="s">
        <v>28</v>
      </c>
      <c r="G30624" s="16">
        <v>2.4198525430375954</v>
      </c>
    </row>
    <row r="30625" spans="1:7" x14ac:dyDescent="0.3">
      <c r="A30625" s="13" t="s">
        <v>190</v>
      </c>
      <c r="B30625" s="14" t="s">
        <v>1</v>
      </c>
      <c r="C30625" s="14" t="s">
        <v>191</v>
      </c>
      <c r="D30625" s="14" t="s">
        <v>92</v>
      </c>
      <c r="E30625" s="15">
        <v>45706</v>
      </c>
      <c r="F30625" s="14" t="s">
        <v>28</v>
      </c>
      <c r="G30625" s="16">
        <v>2.418316715147673</v>
      </c>
    </row>
    <row r="30626" spans="1:7" x14ac:dyDescent="0.3">
      <c r="A30626" s="13" t="s">
        <v>190</v>
      </c>
      <c r="B30626" s="14" t="s">
        <v>1</v>
      </c>
      <c r="C30626" s="14" t="s">
        <v>191</v>
      </c>
      <c r="D30626" s="14" t="s">
        <v>92</v>
      </c>
      <c r="E30626" s="15">
        <v>45707</v>
      </c>
      <c r="F30626" s="14" t="s">
        <v>28</v>
      </c>
      <c r="G30626" s="16">
        <v>2.4164432829435354</v>
      </c>
    </row>
    <row r="30627" spans="1:7" x14ac:dyDescent="0.3">
      <c r="A30627" s="13" t="s">
        <v>190</v>
      </c>
      <c r="B30627" s="14" t="s">
        <v>1</v>
      </c>
      <c r="C30627" s="14" t="s">
        <v>191</v>
      </c>
      <c r="D30627" s="14" t="s">
        <v>92</v>
      </c>
      <c r="E30627" s="15">
        <v>45708</v>
      </c>
      <c r="F30627" s="14" t="s">
        <v>28</v>
      </c>
      <c r="G30627" s="16">
        <v>2.3964391694170817</v>
      </c>
    </row>
    <row r="30628" spans="1:7" x14ac:dyDescent="0.3">
      <c r="A30628" s="13" t="s">
        <v>190</v>
      </c>
      <c r="B30628" s="14" t="s">
        <v>1</v>
      </c>
      <c r="C30628" s="14" t="s">
        <v>191</v>
      </c>
      <c r="D30628" s="14" t="s">
        <v>92</v>
      </c>
      <c r="E30628" s="15">
        <v>45709</v>
      </c>
      <c r="F30628" s="14" t="s">
        <v>28</v>
      </c>
      <c r="G30628" s="16">
        <v>2.3978667931126263</v>
      </c>
    </row>
    <row r="30629" spans="1:7" x14ac:dyDescent="0.3">
      <c r="A30629" s="13" t="s">
        <v>190</v>
      </c>
      <c r="B30629" s="14" t="s">
        <v>1</v>
      </c>
      <c r="C30629" s="14" t="s">
        <v>191</v>
      </c>
      <c r="D30629" s="14" t="s">
        <v>92</v>
      </c>
      <c r="E30629" s="15">
        <v>45710</v>
      </c>
      <c r="F30629" s="14" t="s">
        <v>28</v>
      </c>
      <c r="G30629" s="16">
        <v>2.3978667931126263</v>
      </c>
    </row>
    <row r="30630" spans="1:7" x14ac:dyDescent="0.3">
      <c r="A30630" s="13" t="s">
        <v>190</v>
      </c>
      <c r="B30630" s="14" t="s">
        <v>1</v>
      </c>
      <c r="C30630" s="14" t="s">
        <v>191</v>
      </c>
      <c r="D30630" s="14" t="s">
        <v>92</v>
      </c>
      <c r="E30630" s="15">
        <v>45711</v>
      </c>
      <c r="F30630" s="14" t="s">
        <v>28</v>
      </c>
      <c r="G30630" s="16">
        <v>2.3978667931126263</v>
      </c>
    </row>
    <row r="30631" spans="1:7" x14ac:dyDescent="0.3">
      <c r="A30631" s="13" t="s">
        <v>190</v>
      </c>
      <c r="B30631" s="14" t="s">
        <v>1</v>
      </c>
      <c r="C30631" s="14" t="s">
        <v>191</v>
      </c>
      <c r="D30631" s="14" t="s">
        <v>92</v>
      </c>
      <c r="E30631" s="15">
        <v>45712</v>
      </c>
      <c r="F30631" s="14" t="s">
        <v>28</v>
      </c>
      <c r="G30631" s="16">
        <v>2.3983782832936682</v>
      </c>
    </row>
    <row r="30632" spans="1:7" x14ac:dyDescent="0.3">
      <c r="A30632" s="13" t="s">
        <v>190</v>
      </c>
      <c r="B30632" s="14" t="s">
        <v>1</v>
      </c>
      <c r="C30632" s="14" t="s">
        <v>191</v>
      </c>
      <c r="D30632" s="14" t="s">
        <v>92</v>
      </c>
      <c r="E30632" s="15">
        <v>45713</v>
      </c>
      <c r="F30632" s="14" t="s">
        <v>28</v>
      </c>
      <c r="G30632" s="16">
        <v>2.4769587774255379</v>
      </c>
    </row>
    <row r="30633" spans="1:7" x14ac:dyDescent="0.3">
      <c r="A30633" s="13" t="s">
        <v>190</v>
      </c>
      <c r="B30633" s="14" t="s">
        <v>1</v>
      </c>
      <c r="C30633" s="14" t="s">
        <v>191</v>
      </c>
      <c r="D30633" s="14" t="s">
        <v>92</v>
      </c>
      <c r="E30633" s="15">
        <v>45714</v>
      </c>
      <c r="F30633" s="14" t="s">
        <v>28</v>
      </c>
      <c r="G30633" s="16">
        <v>2.4781591536205485</v>
      </c>
    </row>
    <row r="30634" spans="1:7" x14ac:dyDescent="0.3">
      <c r="A30634" s="13" t="s">
        <v>190</v>
      </c>
      <c r="B30634" s="14" t="s">
        <v>1</v>
      </c>
      <c r="C30634" s="14" t="s">
        <v>191</v>
      </c>
      <c r="D30634" s="14" t="s">
        <v>92</v>
      </c>
      <c r="E30634" s="15">
        <v>45715</v>
      </c>
      <c r="F30634" s="14" t="s">
        <v>28</v>
      </c>
      <c r="G30634" s="16">
        <v>2.4987373882103632</v>
      </c>
    </row>
    <row r="30635" spans="1:7" x14ac:dyDescent="0.3">
      <c r="A30635" s="13" t="s">
        <v>190</v>
      </c>
      <c r="B30635" s="14" t="s">
        <v>1</v>
      </c>
      <c r="C30635" s="14" t="s">
        <v>191</v>
      </c>
      <c r="D30635" s="14" t="s">
        <v>92</v>
      </c>
      <c r="E30635" s="15">
        <v>45716</v>
      </c>
      <c r="F30635" s="14" t="s">
        <v>28</v>
      </c>
      <c r="G30635" s="16">
        <v>2.6474563847973043</v>
      </c>
    </row>
    <row r="30636" spans="1:7" x14ac:dyDescent="0.3">
      <c r="A30636" s="13" t="s">
        <v>190</v>
      </c>
      <c r="B30636" s="14" t="s">
        <v>1</v>
      </c>
      <c r="C30636" s="14" t="s">
        <v>191</v>
      </c>
      <c r="D30636" s="14" t="s">
        <v>92</v>
      </c>
      <c r="E30636" s="15">
        <v>45717</v>
      </c>
      <c r="F30636" s="14" t="s">
        <v>28</v>
      </c>
      <c r="G30636" s="16">
        <v>2.6474563847973043</v>
      </c>
    </row>
    <row r="30637" spans="1:7" x14ac:dyDescent="0.3">
      <c r="A30637" s="13" t="s">
        <v>190</v>
      </c>
      <c r="B30637" s="14" t="s">
        <v>1</v>
      </c>
      <c r="C30637" s="14" t="s">
        <v>191</v>
      </c>
      <c r="D30637" s="14" t="s">
        <v>92</v>
      </c>
      <c r="E30637" s="15">
        <v>45718</v>
      </c>
      <c r="F30637" s="14" t="s">
        <v>28</v>
      </c>
      <c r="G30637" s="16">
        <v>2.6474563847973043</v>
      </c>
    </row>
    <row r="30638" spans="1:7" x14ac:dyDescent="0.3">
      <c r="A30638" s="13" t="s">
        <v>190</v>
      </c>
      <c r="B30638" s="14" t="s">
        <v>1</v>
      </c>
      <c r="C30638" s="14" t="s">
        <v>191</v>
      </c>
      <c r="D30638" s="14" t="s">
        <v>92</v>
      </c>
      <c r="E30638" s="15">
        <v>45719</v>
      </c>
      <c r="F30638" s="14" t="s">
        <v>28</v>
      </c>
      <c r="G30638" s="16">
        <v>2.6354059964430609</v>
      </c>
    </row>
    <row r="30639" spans="1:7" x14ac:dyDescent="0.3">
      <c r="A30639" s="13" t="s">
        <v>190</v>
      </c>
      <c r="B30639" s="14" t="s">
        <v>1</v>
      </c>
      <c r="C30639" s="14" t="s">
        <v>191</v>
      </c>
      <c r="D30639" s="14" t="s">
        <v>92</v>
      </c>
      <c r="E30639" s="15">
        <v>45720</v>
      </c>
      <c r="F30639" s="14" t="s">
        <v>28</v>
      </c>
      <c r="G30639" s="16">
        <v>2.6021107305900451</v>
      </c>
    </row>
    <row r="30640" spans="1:7" x14ac:dyDescent="0.3">
      <c r="A30640" s="13" t="s">
        <v>190</v>
      </c>
      <c r="B30640" s="14" t="s">
        <v>1</v>
      </c>
      <c r="C30640" s="14" t="s">
        <v>191</v>
      </c>
      <c r="D30640" s="14" t="s">
        <v>92</v>
      </c>
      <c r="E30640" s="15">
        <v>45721</v>
      </c>
      <c r="F30640" s="14" t="s">
        <v>28</v>
      </c>
      <c r="G30640" s="16">
        <v>2.5924634103488873</v>
      </c>
    </row>
    <row r="30641" spans="1:7" x14ac:dyDescent="0.3">
      <c r="A30641" s="13" t="s">
        <v>190</v>
      </c>
      <c r="B30641" s="14" t="s">
        <v>1</v>
      </c>
      <c r="C30641" s="14" t="s">
        <v>191</v>
      </c>
      <c r="D30641" s="14" t="s">
        <v>92</v>
      </c>
      <c r="E30641" s="15">
        <v>45722</v>
      </c>
      <c r="F30641" s="14" t="s">
        <v>28</v>
      </c>
      <c r="G30641" s="16">
        <v>2.6077126675960365</v>
      </c>
    </row>
    <row r="30642" spans="1:7" x14ac:dyDescent="0.3">
      <c r="A30642" s="13" t="s">
        <v>190</v>
      </c>
      <c r="B30642" s="14" t="s">
        <v>1</v>
      </c>
      <c r="C30642" s="14" t="s">
        <v>191</v>
      </c>
      <c r="D30642" s="14" t="s">
        <v>92</v>
      </c>
      <c r="E30642" s="15">
        <v>45723</v>
      </c>
      <c r="F30642" s="14" t="s">
        <v>28</v>
      </c>
      <c r="G30642" s="16">
        <v>2.6420110418333893</v>
      </c>
    </row>
    <row r="30643" spans="1:7" x14ac:dyDescent="0.3">
      <c r="A30643" s="13" t="s">
        <v>190</v>
      </c>
      <c r="B30643" s="14" t="s">
        <v>1</v>
      </c>
      <c r="C30643" s="14" t="s">
        <v>191</v>
      </c>
      <c r="D30643" s="14" t="s">
        <v>92</v>
      </c>
      <c r="E30643" s="15">
        <v>45724</v>
      </c>
      <c r="F30643" s="14" t="s">
        <v>28</v>
      </c>
      <c r="G30643" s="16">
        <v>2.6420110418333893</v>
      </c>
    </row>
    <row r="30644" spans="1:7" x14ac:dyDescent="0.3">
      <c r="A30644" s="13" t="s">
        <v>190</v>
      </c>
      <c r="B30644" s="14" t="s">
        <v>1</v>
      </c>
      <c r="C30644" s="14" t="s">
        <v>191</v>
      </c>
      <c r="D30644" s="14" t="s">
        <v>92</v>
      </c>
      <c r="E30644" s="15">
        <v>45725</v>
      </c>
      <c r="F30644" s="14" t="s">
        <v>28</v>
      </c>
      <c r="G30644" s="16">
        <v>2.6420110418333893</v>
      </c>
    </row>
    <row r="30645" spans="1:7" x14ac:dyDescent="0.3">
      <c r="A30645" s="13" t="s">
        <v>190</v>
      </c>
      <c r="B30645" s="14" t="s">
        <v>1</v>
      </c>
      <c r="C30645" s="14" t="s">
        <v>191</v>
      </c>
      <c r="D30645" s="14" t="s">
        <v>92</v>
      </c>
      <c r="E30645" s="15">
        <v>45726</v>
      </c>
      <c r="F30645" s="14" t="s">
        <v>28</v>
      </c>
      <c r="G30645" s="16">
        <v>2.6519139081447349</v>
      </c>
    </row>
    <row r="30646" spans="1:7" x14ac:dyDescent="0.3">
      <c r="A30646" s="13" t="s">
        <v>190</v>
      </c>
      <c r="B30646" s="14" t="s">
        <v>1</v>
      </c>
      <c r="C30646" s="14" t="s">
        <v>191</v>
      </c>
      <c r="D30646" s="14" t="s">
        <v>92</v>
      </c>
      <c r="E30646" s="15">
        <v>45727</v>
      </c>
      <c r="F30646" s="14" t="s">
        <v>28</v>
      </c>
      <c r="G30646" s="16">
        <v>2.6146403790985944</v>
      </c>
    </row>
    <row r="30647" spans="1:7" x14ac:dyDescent="0.3">
      <c r="A30647" s="13" t="s">
        <v>190</v>
      </c>
      <c r="B30647" s="14" t="s">
        <v>1</v>
      </c>
      <c r="C30647" s="14" t="s">
        <v>191</v>
      </c>
      <c r="D30647" s="14" t="s">
        <v>92</v>
      </c>
      <c r="E30647" s="15">
        <v>45728</v>
      </c>
      <c r="F30647" s="14" t="s">
        <v>28</v>
      </c>
      <c r="G30647" s="16">
        <v>2.6131924378922142</v>
      </c>
    </row>
    <row r="30648" spans="1:7" x14ac:dyDescent="0.3">
      <c r="A30648" s="13" t="s">
        <v>190</v>
      </c>
      <c r="B30648" s="14" t="s">
        <v>1</v>
      </c>
      <c r="C30648" s="14" t="s">
        <v>191</v>
      </c>
      <c r="D30648" s="14" t="s">
        <v>92</v>
      </c>
      <c r="E30648" s="15">
        <v>45729</v>
      </c>
      <c r="F30648" s="14" t="s">
        <v>28</v>
      </c>
      <c r="G30648" s="16">
        <v>2.6158696901016802</v>
      </c>
    </row>
    <row r="30649" spans="1:7" x14ac:dyDescent="0.3">
      <c r="A30649" s="13" t="s">
        <v>190</v>
      </c>
      <c r="B30649" s="14" t="s">
        <v>1</v>
      </c>
      <c r="C30649" s="14" t="s">
        <v>191</v>
      </c>
      <c r="D30649" s="14" t="s">
        <v>92</v>
      </c>
      <c r="E30649" s="15">
        <v>45730</v>
      </c>
      <c r="F30649" s="14" t="s">
        <v>28</v>
      </c>
      <c r="G30649" s="16">
        <v>2.5923003129177733</v>
      </c>
    </row>
    <row r="30650" spans="1:7" x14ac:dyDescent="0.3">
      <c r="A30650" s="13" t="s">
        <v>190</v>
      </c>
      <c r="B30650" s="14" t="s">
        <v>1</v>
      </c>
      <c r="C30650" s="14" t="s">
        <v>191</v>
      </c>
      <c r="D30650" s="14" t="s">
        <v>92</v>
      </c>
      <c r="E30650" s="15">
        <v>45731</v>
      </c>
      <c r="F30650" s="14" t="s">
        <v>28</v>
      </c>
      <c r="G30650" s="16">
        <v>2.5923003129177733</v>
      </c>
    </row>
    <row r="30651" spans="1:7" x14ac:dyDescent="0.3">
      <c r="A30651" s="13" t="s">
        <v>190</v>
      </c>
      <c r="B30651" s="14" t="s">
        <v>1</v>
      </c>
      <c r="C30651" s="14" t="s">
        <v>191</v>
      </c>
      <c r="D30651" s="14" t="s">
        <v>92</v>
      </c>
      <c r="E30651" s="15">
        <v>45732</v>
      </c>
      <c r="F30651" s="14" t="s">
        <v>28</v>
      </c>
      <c r="G30651" s="16">
        <v>2.5923003129177733</v>
      </c>
    </row>
    <row r="30652" spans="1:7" x14ac:dyDescent="0.3">
      <c r="A30652" s="13" t="s">
        <v>190</v>
      </c>
      <c r="B30652" s="14" t="s">
        <v>1</v>
      </c>
      <c r="C30652" s="14" t="s">
        <v>191</v>
      </c>
      <c r="D30652" s="14" t="s">
        <v>92</v>
      </c>
      <c r="E30652" s="15">
        <v>45733</v>
      </c>
      <c r="F30652" s="14" t="s">
        <v>28</v>
      </c>
      <c r="G30652" s="16">
        <v>2.5923003129177733</v>
      </c>
    </row>
    <row r="30653" spans="1:7" x14ac:dyDescent="0.3">
      <c r="A30653" s="13" t="s">
        <v>190</v>
      </c>
      <c r="B30653" s="14" t="s">
        <v>1</v>
      </c>
      <c r="C30653" s="14" t="s">
        <v>191</v>
      </c>
      <c r="D30653" s="14" t="s">
        <v>92</v>
      </c>
      <c r="E30653" s="15">
        <v>45734</v>
      </c>
      <c r="F30653" s="14" t="s">
        <v>28</v>
      </c>
      <c r="G30653" s="16">
        <v>2.5832691632806322</v>
      </c>
    </row>
    <row r="30654" spans="1:7" x14ac:dyDescent="0.3">
      <c r="A30654" s="13" t="s">
        <v>190</v>
      </c>
      <c r="B30654" s="14" t="s">
        <v>1</v>
      </c>
      <c r="C30654" s="14" t="s">
        <v>191</v>
      </c>
      <c r="D30654" s="14" t="s">
        <v>92</v>
      </c>
      <c r="E30654" s="15">
        <v>45735</v>
      </c>
      <c r="F30654" s="14" t="s">
        <v>28</v>
      </c>
      <c r="G30654" s="16">
        <v>2.5659193235073059</v>
      </c>
    </row>
    <row r="30655" spans="1:7" x14ac:dyDescent="0.3">
      <c r="A30655" s="13" t="s">
        <v>190</v>
      </c>
      <c r="B30655" s="14" t="s">
        <v>1</v>
      </c>
      <c r="C30655" s="14" t="s">
        <v>191</v>
      </c>
      <c r="D30655" s="14" t="s">
        <v>92</v>
      </c>
      <c r="E30655" s="15">
        <v>45736</v>
      </c>
      <c r="F30655" s="14" t="s">
        <v>28</v>
      </c>
      <c r="G30655" s="16">
        <v>2.5628925527808244</v>
      </c>
    </row>
    <row r="30656" spans="1:7" x14ac:dyDescent="0.3">
      <c r="A30656" s="13" t="s">
        <v>190</v>
      </c>
      <c r="B30656" s="14" t="s">
        <v>1</v>
      </c>
      <c r="C30656" s="14" t="s">
        <v>191</v>
      </c>
      <c r="D30656" s="14" t="s">
        <v>92</v>
      </c>
      <c r="E30656" s="15">
        <v>45737</v>
      </c>
      <c r="F30656" s="14" t="s">
        <v>28</v>
      </c>
      <c r="G30656" s="16">
        <v>2.5608107300421481</v>
      </c>
    </row>
    <row r="30657" spans="1:7" x14ac:dyDescent="0.3">
      <c r="A30657" s="13" t="s">
        <v>190</v>
      </c>
      <c r="B30657" s="14" t="s">
        <v>1</v>
      </c>
      <c r="C30657" s="14" t="s">
        <v>191</v>
      </c>
      <c r="D30657" s="14" t="s">
        <v>92</v>
      </c>
      <c r="E30657" s="15">
        <v>45738</v>
      </c>
      <c r="F30657" s="14" t="s">
        <v>28</v>
      </c>
      <c r="G30657" s="16">
        <v>2.5608107300421481</v>
      </c>
    </row>
    <row r="30658" spans="1:7" x14ac:dyDescent="0.3">
      <c r="A30658" s="13" t="s">
        <v>190</v>
      </c>
      <c r="B30658" s="14" t="s">
        <v>1</v>
      </c>
      <c r="C30658" s="14" t="s">
        <v>191</v>
      </c>
      <c r="D30658" s="14" t="s">
        <v>92</v>
      </c>
      <c r="E30658" s="15">
        <v>45739</v>
      </c>
      <c r="F30658" s="14" t="s">
        <v>28</v>
      </c>
      <c r="G30658" s="16">
        <v>2.5608107300421481</v>
      </c>
    </row>
    <row r="30659" spans="1:7" x14ac:dyDescent="0.3">
      <c r="A30659" s="13" t="s">
        <v>190</v>
      </c>
      <c r="B30659" s="14" t="s">
        <v>1</v>
      </c>
      <c r="C30659" s="14" t="s">
        <v>191</v>
      </c>
      <c r="D30659" s="14" t="s">
        <v>92</v>
      </c>
      <c r="E30659" s="15">
        <v>45740</v>
      </c>
      <c r="F30659" s="14" t="s">
        <v>28</v>
      </c>
      <c r="G30659" s="16">
        <v>2.5627252535627356</v>
      </c>
    </row>
    <row r="30660" spans="1:7" x14ac:dyDescent="0.3">
      <c r="A30660" s="13" t="s">
        <v>190</v>
      </c>
      <c r="B30660" s="14" t="s">
        <v>1</v>
      </c>
      <c r="C30660" s="14" t="s">
        <v>191</v>
      </c>
      <c r="D30660" s="14" t="s">
        <v>92</v>
      </c>
      <c r="E30660" s="15">
        <v>45741</v>
      </c>
      <c r="F30660" s="14" t="s">
        <v>28</v>
      </c>
      <c r="G30660" s="16">
        <v>2.5462424947269948</v>
      </c>
    </row>
    <row r="30661" spans="1:7" x14ac:dyDescent="0.3">
      <c r="A30661" s="13" t="s">
        <v>190</v>
      </c>
      <c r="B30661" s="14" t="s">
        <v>1</v>
      </c>
      <c r="C30661" s="14" t="s">
        <v>191</v>
      </c>
      <c r="D30661" s="14" t="s">
        <v>92</v>
      </c>
      <c r="E30661" s="15">
        <v>45742</v>
      </c>
      <c r="F30661" s="14" t="s">
        <v>28</v>
      </c>
      <c r="G30661" s="16">
        <v>2.5421438546904147</v>
      </c>
    </row>
    <row r="30662" spans="1:7" x14ac:dyDescent="0.3">
      <c r="A30662" s="13" t="s">
        <v>190</v>
      </c>
      <c r="B30662" s="14" t="s">
        <v>1</v>
      </c>
      <c r="C30662" s="14" t="s">
        <v>191</v>
      </c>
      <c r="D30662" s="14" t="s">
        <v>92</v>
      </c>
      <c r="E30662" s="15">
        <v>45743</v>
      </c>
      <c r="F30662" s="14" t="s">
        <v>28</v>
      </c>
      <c r="G30662" s="16">
        <v>2.5383073458335308</v>
      </c>
    </row>
    <row r="30663" spans="1:7" x14ac:dyDescent="0.3">
      <c r="A30663" s="13" t="s">
        <v>190</v>
      </c>
      <c r="B30663" s="14" t="s">
        <v>1</v>
      </c>
      <c r="C30663" s="14" t="s">
        <v>191</v>
      </c>
      <c r="D30663" s="14" t="s">
        <v>92</v>
      </c>
      <c r="E30663" s="15">
        <v>45744</v>
      </c>
      <c r="F30663" s="14" t="s">
        <v>28</v>
      </c>
      <c r="G30663" s="16">
        <v>2.5406803837101193</v>
      </c>
    </row>
    <row r="30664" spans="1:7" x14ac:dyDescent="0.3">
      <c r="A30664" s="13" t="s">
        <v>190</v>
      </c>
      <c r="B30664" s="14" t="s">
        <v>1</v>
      </c>
      <c r="C30664" s="14" t="s">
        <v>191</v>
      </c>
      <c r="D30664" s="14" t="s">
        <v>92</v>
      </c>
      <c r="E30664" s="15">
        <v>45745</v>
      </c>
      <c r="F30664" s="14" t="s">
        <v>28</v>
      </c>
      <c r="G30664" s="16">
        <v>2.5406803837101193</v>
      </c>
    </row>
    <row r="30665" spans="1:7" x14ac:dyDescent="0.3">
      <c r="A30665" s="13" t="s">
        <v>190</v>
      </c>
      <c r="B30665" s="14" t="s">
        <v>1</v>
      </c>
      <c r="C30665" s="14" t="s">
        <v>191</v>
      </c>
      <c r="D30665" s="14" t="s">
        <v>92</v>
      </c>
      <c r="E30665" s="15">
        <v>45746</v>
      </c>
      <c r="F30665" s="14" t="s">
        <v>28</v>
      </c>
      <c r="G30665" s="16">
        <v>2.5406803837101193</v>
      </c>
    </row>
    <row r="30666" spans="1:7" x14ac:dyDescent="0.3">
      <c r="A30666" s="13" t="s">
        <v>190</v>
      </c>
      <c r="B30666" s="14" t="s">
        <v>1</v>
      </c>
      <c r="C30666" s="14" t="s">
        <v>191</v>
      </c>
      <c r="D30666" s="14" t="s">
        <v>92</v>
      </c>
      <c r="E30666" s="15">
        <v>45747</v>
      </c>
      <c r="F30666" s="14" t="s">
        <v>28</v>
      </c>
      <c r="G30666" s="16">
        <v>2.5406803837101193</v>
      </c>
    </row>
    <row r="30667" spans="1:7" x14ac:dyDescent="0.3">
      <c r="A30667" s="13" t="s">
        <v>192</v>
      </c>
      <c r="B30667" s="14" t="s">
        <v>1</v>
      </c>
      <c r="C30667" s="14" t="s">
        <v>17</v>
      </c>
      <c r="D30667" s="14" t="s">
        <v>193</v>
      </c>
      <c r="E30667" s="15">
        <v>45383</v>
      </c>
      <c r="F30667" s="14" t="s">
        <v>15</v>
      </c>
      <c r="G30667" s="16">
        <v>0</v>
      </c>
    </row>
    <row r="30668" spans="1:7" x14ac:dyDescent="0.3">
      <c r="A30668" s="13" t="s">
        <v>192</v>
      </c>
      <c r="B30668" s="14" t="s">
        <v>1</v>
      </c>
      <c r="C30668" s="14" t="s">
        <v>17</v>
      </c>
      <c r="D30668" s="14" t="s">
        <v>193</v>
      </c>
      <c r="E30668" s="15">
        <v>45384</v>
      </c>
      <c r="F30668" s="14" t="s">
        <v>15</v>
      </c>
      <c r="G30668" s="16">
        <v>0</v>
      </c>
    </row>
    <row r="30669" spans="1:7" x14ac:dyDescent="0.3">
      <c r="A30669" s="13" t="s">
        <v>192</v>
      </c>
      <c r="B30669" s="14" t="s">
        <v>1</v>
      </c>
      <c r="C30669" s="14" t="s">
        <v>17</v>
      </c>
      <c r="D30669" s="14" t="s">
        <v>193</v>
      </c>
      <c r="E30669" s="15">
        <v>45385</v>
      </c>
      <c r="F30669" s="14" t="s">
        <v>15</v>
      </c>
      <c r="G30669" s="16">
        <v>0</v>
      </c>
    </row>
    <row r="30670" spans="1:7" x14ac:dyDescent="0.3">
      <c r="A30670" s="13" t="s">
        <v>192</v>
      </c>
      <c r="B30670" s="14" t="s">
        <v>1</v>
      </c>
      <c r="C30670" s="14" t="s">
        <v>17</v>
      </c>
      <c r="D30670" s="14" t="s">
        <v>193</v>
      </c>
      <c r="E30670" s="15">
        <v>45386</v>
      </c>
      <c r="F30670" s="14" t="s">
        <v>15</v>
      </c>
      <c r="G30670" s="16">
        <v>0</v>
      </c>
    </row>
    <row r="30671" spans="1:7" x14ac:dyDescent="0.3">
      <c r="A30671" s="13" t="s">
        <v>192</v>
      </c>
      <c r="B30671" s="14" t="s">
        <v>1</v>
      </c>
      <c r="C30671" s="14" t="s">
        <v>17</v>
      </c>
      <c r="D30671" s="14" t="s">
        <v>193</v>
      </c>
      <c r="E30671" s="15">
        <v>45387</v>
      </c>
      <c r="F30671" s="14" t="s">
        <v>15</v>
      </c>
      <c r="G30671" s="16">
        <v>0</v>
      </c>
    </row>
    <row r="30672" spans="1:7" x14ac:dyDescent="0.3">
      <c r="A30672" s="13" t="s">
        <v>192</v>
      </c>
      <c r="B30672" s="14" t="s">
        <v>1</v>
      </c>
      <c r="C30672" s="14" t="s">
        <v>17</v>
      </c>
      <c r="D30672" s="14" t="s">
        <v>193</v>
      </c>
      <c r="E30672" s="15">
        <v>45388</v>
      </c>
      <c r="F30672" s="14" t="s">
        <v>15</v>
      </c>
      <c r="G30672" s="16">
        <v>0</v>
      </c>
    </row>
    <row r="30673" spans="1:7" x14ac:dyDescent="0.3">
      <c r="A30673" s="13" t="s">
        <v>192</v>
      </c>
      <c r="B30673" s="14" t="s">
        <v>1</v>
      </c>
      <c r="C30673" s="14" t="s">
        <v>17</v>
      </c>
      <c r="D30673" s="14" t="s">
        <v>193</v>
      </c>
      <c r="E30673" s="15">
        <v>45389</v>
      </c>
      <c r="F30673" s="14" t="s">
        <v>15</v>
      </c>
      <c r="G30673" s="16">
        <v>0</v>
      </c>
    </row>
    <row r="30674" spans="1:7" x14ac:dyDescent="0.3">
      <c r="A30674" s="13" t="s">
        <v>192</v>
      </c>
      <c r="B30674" s="14" t="s">
        <v>1</v>
      </c>
      <c r="C30674" s="14" t="s">
        <v>17</v>
      </c>
      <c r="D30674" s="14" t="s">
        <v>193</v>
      </c>
      <c r="E30674" s="15">
        <v>45390</v>
      </c>
      <c r="F30674" s="14" t="s">
        <v>15</v>
      </c>
      <c r="G30674" s="16">
        <v>0</v>
      </c>
    </row>
    <row r="30675" spans="1:7" x14ac:dyDescent="0.3">
      <c r="A30675" s="13" t="s">
        <v>192</v>
      </c>
      <c r="B30675" s="14" t="s">
        <v>1</v>
      </c>
      <c r="C30675" s="14" t="s">
        <v>17</v>
      </c>
      <c r="D30675" s="14" t="s">
        <v>193</v>
      </c>
      <c r="E30675" s="15">
        <v>45391</v>
      </c>
      <c r="F30675" s="14" t="s">
        <v>15</v>
      </c>
      <c r="G30675" s="16">
        <v>0</v>
      </c>
    </row>
    <row r="30676" spans="1:7" x14ac:dyDescent="0.3">
      <c r="A30676" s="13" t="s">
        <v>192</v>
      </c>
      <c r="B30676" s="14" t="s">
        <v>1</v>
      </c>
      <c r="C30676" s="14" t="s">
        <v>17</v>
      </c>
      <c r="D30676" s="14" t="s">
        <v>193</v>
      </c>
      <c r="E30676" s="15">
        <v>45392</v>
      </c>
      <c r="F30676" s="14" t="s">
        <v>15</v>
      </c>
      <c r="G30676" s="16">
        <v>0</v>
      </c>
    </row>
    <row r="30677" spans="1:7" x14ac:dyDescent="0.3">
      <c r="A30677" s="13" t="s">
        <v>192</v>
      </c>
      <c r="B30677" s="14" t="s">
        <v>1</v>
      </c>
      <c r="C30677" s="14" t="s">
        <v>17</v>
      </c>
      <c r="D30677" s="14" t="s">
        <v>193</v>
      </c>
      <c r="E30677" s="15">
        <v>45393</v>
      </c>
      <c r="F30677" s="14" t="s">
        <v>15</v>
      </c>
      <c r="G30677" s="16">
        <v>0</v>
      </c>
    </row>
    <row r="30678" spans="1:7" x14ac:dyDescent="0.3">
      <c r="A30678" s="13" t="s">
        <v>192</v>
      </c>
      <c r="B30678" s="14" t="s">
        <v>1</v>
      </c>
      <c r="C30678" s="14" t="s">
        <v>17</v>
      </c>
      <c r="D30678" s="14" t="s">
        <v>193</v>
      </c>
      <c r="E30678" s="15">
        <v>45394</v>
      </c>
      <c r="F30678" s="14" t="s">
        <v>15</v>
      </c>
      <c r="G30678" s="16">
        <v>0</v>
      </c>
    </row>
    <row r="30679" spans="1:7" x14ac:dyDescent="0.3">
      <c r="A30679" s="13" t="s">
        <v>192</v>
      </c>
      <c r="B30679" s="14" t="s">
        <v>1</v>
      </c>
      <c r="C30679" s="14" t="s">
        <v>17</v>
      </c>
      <c r="D30679" s="14" t="s">
        <v>193</v>
      </c>
      <c r="E30679" s="15">
        <v>45395</v>
      </c>
      <c r="F30679" s="14" t="s">
        <v>15</v>
      </c>
      <c r="G30679" s="16">
        <v>0</v>
      </c>
    </row>
    <row r="30680" spans="1:7" x14ac:dyDescent="0.3">
      <c r="A30680" s="13" t="s">
        <v>192</v>
      </c>
      <c r="B30680" s="14" t="s">
        <v>1</v>
      </c>
      <c r="C30680" s="14" t="s">
        <v>17</v>
      </c>
      <c r="D30680" s="14" t="s">
        <v>193</v>
      </c>
      <c r="E30680" s="15">
        <v>45396</v>
      </c>
      <c r="F30680" s="14" t="s">
        <v>15</v>
      </c>
      <c r="G30680" s="16">
        <v>0</v>
      </c>
    </row>
    <row r="30681" spans="1:7" x14ac:dyDescent="0.3">
      <c r="A30681" s="13" t="s">
        <v>192</v>
      </c>
      <c r="B30681" s="14" t="s">
        <v>1</v>
      </c>
      <c r="C30681" s="14" t="s">
        <v>17</v>
      </c>
      <c r="D30681" s="14" t="s">
        <v>193</v>
      </c>
      <c r="E30681" s="15">
        <v>45397</v>
      </c>
      <c r="F30681" s="14" t="s">
        <v>15</v>
      </c>
      <c r="G30681" s="16">
        <v>0</v>
      </c>
    </row>
    <row r="30682" spans="1:7" x14ac:dyDescent="0.3">
      <c r="A30682" s="13" t="s">
        <v>192</v>
      </c>
      <c r="B30682" s="14" t="s">
        <v>1</v>
      </c>
      <c r="C30682" s="14" t="s">
        <v>17</v>
      </c>
      <c r="D30682" s="14" t="s">
        <v>193</v>
      </c>
      <c r="E30682" s="15">
        <v>45398</v>
      </c>
      <c r="F30682" s="14" t="s">
        <v>15</v>
      </c>
      <c r="G30682" s="16">
        <v>0</v>
      </c>
    </row>
    <row r="30683" spans="1:7" x14ac:dyDescent="0.3">
      <c r="A30683" s="13" t="s">
        <v>192</v>
      </c>
      <c r="B30683" s="14" t="s">
        <v>1</v>
      </c>
      <c r="C30683" s="14" t="s">
        <v>17</v>
      </c>
      <c r="D30683" s="14" t="s">
        <v>193</v>
      </c>
      <c r="E30683" s="15">
        <v>45399</v>
      </c>
      <c r="F30683" s="14" t="s">
        <v>15</v>
      </c>
      <c r="G30683" s="16">
        <v>0</v>
      </c>
    </row>
    <row r="30684" spans="1:7" x14ac:dyDescent="0.3">
      <c r="A30684" s="13" t="s">
        <v>192</v>
      </c>
      <c r="B30684" s="14" t="s">
        <v>1</v>
      </c>
      <c r="C30684" s="14" t="s">
        <v>17</v>
      </c>
      <c r="D30684" s="14" t="s">
        <v>193</v>
      </c>
      <c r="E30684" s="15">
        <v>45400</v>
      </c>
      <c r="F30684" s="14" t="s">
        <v>15</v>
      </c>
      <c r="G30684" s="16">
        <v>0</v>
      </c>
    </row>
    <row r="30685" spans="1:7" x14ac:dyDescent="0.3">
      <c r="A30685" s="13" t="s">
        <v>192</v>
      </c>
      <c r="B30685" s="14" t="s">
        <v>1</v>
      </c>
      <c r="C30685" s="14" t="s">
        <v>17</v>
      </c>
      <c r="D30685" s="14" t="s">
        <v>193</v>
      </c>
      <c r="E30685" s="15">
        <v>45401</v>
      </c>
      <c r="F30685" s="14" t="s">
        <v>15</v>
      </c>
      <c r="G30685" s="16">
        <v>0</v>
      </c>
    </row>
    <row r="30686" spans="1:7" x14ac:dyDescent="0.3">
      <c r="A30686" s="13" t="s">
        <v>192</v>
      </c>
      <c r="B30686" s="14" t="s">
        <v>1</v>
      </c>
      <c r="C30686" s="14" t="s">
        <v>17</v>
      </c>
      <c r="D30686" s="14" t="s">
        <v>193</v>
      </c>
      <c r="E30686" s="15">
        <v>45402</v>
      </c>
      <c r="F30686" s="14" t="s">
        <v>15</v>
      </c>
      <c r="G30686" s="16">
        <v>0</v>
      </c>
    </row>
    <row r="30687" spans="1:7" x14ac:dyDescent="0.3">
      <c r="A30687" s="13" t="s">
        <v>192</v>
      </c>
      <c r="B30687" s="14" t="s">
        <v>1</v>
      </c>
      <c r="C30687" s="14" t="s">
        <v>17</v>
      </c>
      <c r="D30687" s="14" t="s">
        <v>193</v>
      </c>
      <c r="E30687" s="15">
        <v>45403</v>
      </c>
      <c r="F30687" s="14" t="s">
        <v>15</v>
      </c>
      <c r="G30687" s="16">
        <v>0</v>
      </c>
    </row>
    <row r="30688" spans="1:7" x14ac:dyDescent="0.3">
      <c r="A30688" s="13" t="s">
        <v>192</v>
      </c>
      <c r="B30688" s="14" t="s">
        <v>1</v>
      </c>
      <c r="C30688" s="14" t="s">
        <v>17</v>
      </c>
      <c r="D30688" s="14" t="s">
        <v>193</v>
      </c>
      <c r="E30688" s="15">
        <v>45404</v>
      </c>
      <c r="F30688" s="14" t="s">
        <v>15</v>
      </c>
      <c r="G30688" s="16">
        <v>0</v>
      </c>
    </row>
    <row r="30689" spans="1:7" x14ac:dyDescent="0.3">
      <c r="A30689" s="13" t="s">
        <v>192</v>
      </c>
      <c r="B30689" s="14" t="s">
        <v>1</v>
      </c>
      <c r="C30689" s="14" t="s">
        <v>17</v>
      </c>
      <c r="D30689" s="14" t="s">
        <v>193</v>
      </c>
      <c r="E30689" s="15">
        <v>45405</v>
      </c>
      <c r="F30689" s="14" t="s">
        <v>15</v>
      </c>
      <c r="G30689" s="16">
        <v>0</v>
      </c>
    </row>
    <row r="30690" spans="1:7" x14ac:dyDescent="0.3">
      <c r="A30690" s="13" t="s">
        <v>192</v>
      </c>
      <c r="B30690" s="14" t="s">
        <v>1</v>
      </c>
      <c r="C30690" s="14" t="s">
        <v>17</v>
      </c>
      <c r="D30690" s="14" t="s">
        <v>193</v>
      </c>
      <c r="E30690" s="15">
        <v>45406</v>
      </c>
      <c r="F30690" s="14" t="s">
        <v>15</v>
      </c>
      <c r="G30690" s="16">
        <v>0</v>
      </c>
    </row>
    <row r="30691" spans="1:7" x14ac:dyDescent="0.3">
      <c r="A30691" s="13" t="s">
        <v>192</v>
      </c>
      <c r="B30691" s="14" t="s">
        <v>1</v>
      </c>
      <c r="C30691" s="14" t="s">
        <v>17</v>
      </c>
      <c r="D30691" s="14" t="s">
        <v>193</v>
      </c>
      <c r="E30691" s="15">
        <v>45407</v>
      </c>
      <c r="F30691" s="14" t="s">
        <v>15</v>
      </c>
      <c r="G30691" s="16">
        <v>0</v>
      </c>
    </row>
    <row r="30692" spans="1:7" x14ac:dyDescent="0.3">
      <c r="A30692" s="13" t="s">
        <v>192</v>
      </c>
      <c r="B30692" s="14" t="s">
        <v>1</v>
      </c>
      <c r="C30692" s="14" t="s">
        <v>17</v>
      </c>
      <c r="D30692" s="14" t="s">
        <v>193</v>
      </c>
      <c r="E30692" s="15">
        <v>45408</v>
      </c>
      <c r="F30692" s="14" t="s">
        <v>15</v>
      </c>
      <c r="G30692" s="16">
        <v>0</v>
      </c>
    </row>
    <row r="30693" spans="1:7" x14ac:dyDescent="0.3">
      <c r="A30693" s="13" t="s">
        <v>192</v>
      </c>
      <c r="B30693" s="14" t="s">
        <v>1</v>
      </c>
      <c r="C30693" s="14" t="s">
        <v>17</v>
      </c>
      <c r="D30693" s="14" t="s">
        <v>193</v>
      </c>
      <c r="E30693" s="15">
        <v>45409</v>
      </c>
      <c r="F30693" s="14" t="s">
        <v>15</v>
      </c>
      <c r="G30693" s="16">
        <v>0</v>
      </c>
    </row>
    <row r="30694" spans="1:7" x14ac:dyDescent="0.3">
      <c r="A30694" s="13" t="s">
        <v>192</v>
      </c>
      <c r="B30694" s="14" t="s">
        <v>1</v>
      </c>
      <c r="C30694" s="14" t="s">
        <v>17</v>
      </c>
      <c r="D30694" s="14" t="s">
        <v>193</v>
      </c>
      <c r="E30694" s="15">
        <v>45410</v>
      </c>
      <c r="F30694" s="14" t="s">
        <v>15</v>
      </c>
      <c r="G30694" s="16">
        <v>0</v>
      </c>
    </row>
    <row r="30695" spans="1:7" x14ac:dyDescent="0.3">
      <c r="A30695" s="13" t="s">
        <v>192</v>
      </c>
      <c r="B30695" s="14" t="s">
        <v>1</v>
      </c>
      <c r="C30695" s="14" t="s">
        <v>17</v>
      </c>
      <c r="D30695" s="14" t="s">
        <v>193</v>
      </c>
      <c r="E30695" s="15">
        <v>45411</v>
      </c>
      <c r="F30695" s="14" t="s">
        <v>15</v>
      </c>
      <c r="G30695" s="16">
        <v>0</v>
      </c>
    </row>
    <row r="30696" spans="1:7" x14ac:dyDescent="0.3">
      <c r="A30696" s="13" t="s">
        <v>192</v>
      </c>
      <c r="B30696" s="14" t="s">
        <v>1</v>
      </c>
      <c r="C30696" s="14" t="s">
        <v>17</v>
      </c>
      <c r="D30696" s="14" t="s">
        <v>193</v>
      </c>
      <c r="E30696" s="15">
        <v>45412</v>
      </c>
      <c r="F30696" s="14" t="s">
        <v>15</v>
      </c>
      <c r="G30696" s="16">
        <v>0</v>
      </c>
    </row>
    <row r="30697" spans="1:7" x14ac:dyDescent="0.3">
      <c r="A30697" s="13" t="s">
        <v>192</v>
      </c>
      <c r="B30697" s="14" t="s">
        <v>1</v>
      </c>
      <c r="C30697" s="14" t="s">
        <v>17</v>
      </c>
      <c r="D30697" s="14" t="s">
        <v>193</v>
      </c>
      <c r="E30697" s="15">
        <v>45413</v>
      </c>
      <c r="F30697" s="14" t="s">
        <v>15</v>
      </c>
      <c r="G30697" s="16">
        <v>0</v>
      </c>
    </row>
    <row r="30698" spans="1:7" x14ac:dyDescent="0.3">
      <c r="A30698" s="13" t="s">
        <v>192</v>
      </c>
      <c r="B30698" s="14" t="s">
        <v>1</v>
      </c>
      <c r="C30698" s="14" t="s">
        <v>17</v>
      </c>
      <c r="D30698" s="14" t="s">
        <v>193</v>
      </c>
      <c r="E30698" s="15">
        <v>45414</v>
      </c>
      <c r="F30698" s="14" t="s">
        <v>15</v>
      </c>
      <c r="G30698" s="16">
        <v>0</v>
      </c>
    </row>
    <row r="30699" spans="1:7" x14ac:dyDescent="0.3">
      <c r="A30699" s="13" t="s">
        <v>192</v>
      </c>
      <c r="B30699" s="14" t="s">
        <v>1</v>
      </c>
      <c r="C30699" s="14" t="s">
        <v>17</v>
      </c>
      <c r="D30699" s="14" t="s">
        <v>193</v>
      </c>
      <c r="E30699" s="15">
        <v>45415</v>
      </c>
      <c r="F30699" s="14" t="s">
        <v>15</v>
      </c>
      <c r="G30699" s="16">
        <v>0</v>
      </c>
    </row>
    <row r="30700" spans="1:7" x14ac:dyDescent="0.3">
      <c r="A30700" s="13" t="s">
        <v>192</v>
      </c>
      <c r="B30700" s="14" t="s">
        <v>1</v>
      </c>
      <c r="C30700" s="14" t="s">
        <v>17</v>
      </c>
      <c r="D30700" s="14" t="s">
        <v>193</v>
      </c>
      <c r="E30700" s="15">
        <v>45416</v>
      </c>
      <c r="F30700" s="14" t="s">
        <v>15</v>
      </c>
      <c r="G30700" s="16">
        <v>0</v>
      </c>
    </row>
    <row r="30701" spans="1:7" x14ac:dyDescent="0.3">
      <c r="A30701" s="13" t="s">
        <v>192</v>
      </c>
      <c r="B30701" s="14" t="s">
        <v>1</v>
      </c>
      <c r="C30701" s="14" t="s">
        <v>17</v>
      </c>
      <c r="D30701" s="14" t="s">
        <v>193</v>
      </c>
      <c r="E30701" s="15">
        <v>45417</v>
      </c>
      <c r="F30701" s="14" t="s">
        <v>15</v>
      </c>
      <c r="G30701" s="16">
        <v>0</v>
      </c>
    </row>
    <row r="30702" spans="1:7" x14ac:dyDescent="0.3">
      <c r="A30702" s="13" t="s">
        <v>192</v>
      </c>
      <c r="B30702" s="14" t="s">
        <v>1</v>
      </c>
      <c r="C30702" s="14" t="s">
        <v>17</v>
      </c>
      <c r="D30702" s="14" t="s">
        <v>193</v>
      </c>
      <c r="E30702" s="15">
        <v>45418</v>
      </c>
      <c r="F30702" s="14" t="s">
        <v>15</v>
      </c>
      <c r="G30702" s="16">
        <v>0</v>
      </c>
    </row>
    <row r="30703" spans="1:7" x14ac:dyDescent="0.3">
      <c r="A30703" s="13" t="s">
        <v>192</v>
      </c>
      <c r="B30703" s="14" t="s">
        <v>1</v>
      </c>
      <c r="C30703" s="14" t="s">
        <v>17</v>
      </c>
      <c r="D30703" s="14" t="s">
        <v>193</v>
      </c>
      <c r="E30703" s="15">
        <v>45419</v>
      </c>
      <c r="F30703" s="14" t="s">
        <v>15</v>
      </c>
      <c r="G30703" s="16">
        <v>0</v>
      </c>
    </row>
    <row r="30704" spans="1:7" x14ac:dyDescent="0.3">
      <c r="A30704" s="13" t="s">
        <v>192</v>
      </c>
      <c r="B30704" s="14" t="s">
        <v>1</v>
      </c>
      <c r="C30704" s="14" t="s">
        <v>17</v>
      </c>
      <c r="D30704" s="14" t="s">
        <v>193</v>
      </c>
      <c r="E30704" s="15">
        <v>45420</v>
      </c>
      <c r="F30704" s="14" t="s">
        <v>15</v>
      </c>
      <c r="G30704" s="16">
        <v>0</v>
      </c>
    </row>
    <row r="30705" spans="1:7" x14ac:dyDescent="0.3">
      <c r="A30705" s="13" t="s">
        <v>192</v>
      </c>
      <c r="B30705" s="14" t="s">
        <v>1</v>
      </c>
      <c r="C30705" s="14" t="s">
        <v>17</v>
      </c>
      <c r="D30705" s="14" t="s">
        <v>193</v>
      </c>
      <c r="E30705" s="15">
        <v>45421</v>
      </c>
      <c r="F30705" s="14" t="s">
        <v>15</v>
      </c>
      <c r="G30705" s="16">
        <v>0</v>
      </c>
    </row>
    <row r="30706" spans="1:7" x14ac:dyDescent="0.3">
      <c r="A30706" s="13" t="s">
        <v>192</v>
      </c>
      <c r="B30706" s="14" t="s">
        <v>1</v>
      </c>
      <c r="C30706" s="14" t="s">
        <v>17</v>
      </c>
      <c r="D30706" s="14" t="s">
        <v>193</v>
      </c>
      <c r="E30706" s="15">
        <v>45422</v>
      </c>
      <c r="F30706" s="14" t="s">
        <v>15</v>
      </c>
      <c r="G30706" s="16">
        <v>0</v>
      </c>
    </row>
    <row r="30707" spans="1:7" x14ac:dyDescent="0.3">
      <c r="A30707" s="13" t="s">
        <v>192</v>
      </c>
      <c r="B30707" s="14" t="s">
        <v>1</v>
      </c>
      <c r="C30707" s="14" t="s">
        <v>17</v>
      </c>
      <c r="D30707" s="14" t="s">
        <v>193</v>
      </c>
      <c r="E30707" s="15">
        <v>45423</v>
      </c>
      <c r="F30707" s="14" t="s">
        <v>15</v>
      </c>
      <c r="G30707" s="16">
        <v>0</v>
      </c>
    </row>
    <row r="30708" spans="1:7" x14ac:dyDescent="0.3">
      <c r="A30708" s="13" t="s">
        <v>192</v>
      </c>
      <c r="B30708" s="14" t="s">
        <v>1</v>
      </c>
      <c r="C30708" s="14" t="s">
        <v>17</v>
      </c>
      <c r="D30708" s="14" t="s">
        <v>193</v>
      </c>
      <c r="E30708" s="15">
        <v>45424</v>
      </c>
      <c r="F30708" s="14" t="s">
        <v>15</v>
      </c>
      <c r="G30708" s="16">
        <v>0</v>
      </c>
    </row>
    <row r="30709" spans="1:7" x14ac:dyDescent="0.3">
      <c r="A30709" s="13" t="s">
        <v>192</v>
      </c>
      <c r="B30709" s="14" t="s">
        <v>1</v>
      </c>
      <c r="C30709" s="14" t="s">
        <v>17</v>
      </c>
      <c r="D30709" s="14" t="s">
        <v>193</v>
      </c>
      <c r="E30709" s="15">
        <v>45425</v>
      </c>
      <c r="F30709" s="14" t="s">
        <v>15</v>
      </c>
      <c r="G30709" s="16">
        <v>0</v>
      </c>
    </row>
    <row r="30710" spans="1:7" x14ac:dyDescent="0.3">
      <c r="A30710" s="13" t="s">
        <v>192</v>
      </c>
      <c r="B30710" s="14" t="s">
        <v>1</v>
      </c>
      <c r="C30710" s="14" t="s">
        <v>17</v>
      </c>
      <c r="D30710" s="14" t="s">
        <v>193</v>
      </c>
      <c r="E30710" s="15">
        <v>45426</v>
      </c>
      <c r="F30710" s="14" t="s">
        <v>15</v>
      </c>
      <c r="G30710" s="16">
        <v>0</v>
      </c>
    </row>
    <row r="30711" spans="1:7" x14ac:dyDescent="0.3">
      <c r="A30711" s="13" t="s">
        <v>192</v>
      </c>
      <c r="B30711" s="14" t="s">
        <v>1</v>
      </c>
      <c r="C30711" s="14" t="s">
        <v>17</v>
      </c>
      <c r="D30711" s="14" t="s">
        <v>193</v>
      </c>
      <c r="E30711" s="15">
        <v>45427</v>
      </c>
      <c r="F30711" s="14" t="s">
        <v>15</v>
      </c>
      <c r="G30711" s="16">
        <v>0</v>
      </c>
    </row>
    <row r="30712" spans="1:7" x14ac:dyDescent="0.3">
      <c r="A30712" s="13" t="s">
        <v>192</v>
      </c>
      <c r="B30712" s="14" t="s">
        <v>1</v>
      </c>
      <c r="C30712" s="14" t="s">
        <v>17</v>
      </c>
      <c r="D30712" s="14" t="s">
        <v>193</v>
      </c>
      <c r="E30712" s="15">
        <v>45428</v>
      </c>
      <c r="F30712" s="14" t="s">
        <v>15</v>
      </c>
      <c r="G30712" s="16">
        <v>0</v>
      </c>
    </row>
    <row r="30713" spans="1:7" x14ac:dyDescent="0.3">
      <c r="A30713" s="13" t="s">
        <v>192</v>
      </c>
      <c r="B30713" s="14" t="s">
        <v>1</v>
      </c>
      <c r="C30713" s="14" t="s">
        <v>17</v>
      </c>
      <c r="D30713" s="14" t="s">
        <v>193</v>
      </c>
      <c r="E30713" s="15">
        <v>45429</v>
      </c>
      <c r="F30713" s="14" t="s">
        <v>15</v>
      </c>
      <c r="G30713" s="16">
        <v>0</v>
      </c>
    </row>
    <row r="30714" spans="1:7" x14ac:dyDescent="0.3">
      <c r="A30714" s="13" t="s">
        <v>192</v>
      </c>
      <c r="B30714" s="14" t="s">
        <v>1</v>
      </c>
      <c r="C30714" s="14" t="s">
        <v>17</v>
      </c>
      <c r="D30714" s="14" t="s">
        <v>193</v>
      </c>
      <c r="E30714" s="15">
        <v>45430</v>
      </c>
      <c r="F30714" s="14" t="s">
        <v>15</v>
      </c>
      <c r="G30714" s="16">
        <v>0</v>
      </c>
    </row>
    <row r="30715" spans="1:7" x14ac:dyDescent="0.3">
      <c r="A30715" s="13" t="s">
        <v>192</v>
      </c>
      <c r="B30715" s="14" t="s">
        <v>1</v>
      </c>
      <c r="C30715" s="14" t="s">
        <v>17</v>
      </c>
      <c r="D30715" s="14" t="s">
        <v>193</v>
      </c>
      <c r="E30715" s="15">
        <v>45431</v>
      </c>
      <c r="F30715" s="14" t="s">
        <v>15</v>
      </c>
      <c r="G30715" s="16">
        <v>0</v>
      </c>
    </row>
    <row r="30716" spans="1:7" x14ac:dyDescent="0.3">
      <c r="A30716" s="13" t="s">
        <v>192</v>
      </c>
      <c r="B30716" s="14" t="s">
        <v>1</v>
      </c>
      <c r="C30716" s="14" t="s">
        <v>17</v>
      </c>
      <c r="D30716" s="14" t="s">
        <v>193</v>
      </c>
      <c r="E30716" s="15">
        <v>45432</v>
      </c>
      <c r="F30716" s="14" t="s">
        <v>15</v>
      </c>
      <c r="G30716" s="16">
        <v>0</v>
      </c>
    </row>
    <row r="30717" spans="1:7" x14ac:dyDescent="0.3">
      <c r="A30717" s="13" t="s">
        <v>192</v>
      </c>
      <c r="B30717" s="14" t="s">
        <v>1</v>
      </c>
      <c r="C30717" s="14" t="s">
        <v>17</v>
      </c>
      <c r="D30717" s="14" t="s">
        <v>193</v>
      </c>
      <c r="E30717" s="15">
        <v>45433</v>
      </c>
      <c r="F30717" s="14" t="s">
        <v>15</v>
      </c>
      <c r="G30717" s="16">
        <v>0</v>
      </c>
    </row>
    <row r="30718" spans="1:7" x14ac:dyDescent="0.3">
      <c r="A30718" s="13" t="s">
        <v>192</v>
      </c>
      <c r="B30718" s="14" t="s">
        <v>1</v>
      </c>
      <c r="C30718" s="14" t="s">
        <v>17</v>
      </c>
      <c r="D30718" s="14" t="s">
        <v>193</v>
      </c>
      <c r="E30718" s="15">
        <v>45434</v>
      </c>
      <c r="F30718" s="14" t="s">
        <v>15</v>
      </c>
      <c r="G30718" s="16">
        <v>0</v>
      </c>
    </row>
    <row r="30719" spans="1:7" x14ac:dyDescent="0.3">
      <c r="A30719" s="13" t="s">
        <v>192</v>
      </c>
      <c r="B30719" s="14" t="s">
        <v>1</v>
      </c>
      <c r="C30719" s="14" t="s">
        <v>17</v>
      </c>
      <c r="D30719" s="14" t="s">
        <v>193</v>
      </c>
      <c r="E30719" s="15">
        <v>45435</v>
      </c>
      <c r="F30719" s="14" t="s">
        <v>15</v>
      </c>
      <c r="G30719" s="16">
        <v>0</v>
      </c>
    </row>
    <row r="30720" spans="1:7" x14ac:dyDescent="0.3">
      <c r="A30720" s="13" t="s">
        <v>192</v>
      </c>
      <c r="B30720" s="14" t="s">
        <v>1</v>
      </c>
      <c r="C30720" s="14" t="s">
        <v>17</v>
      </c>
      <c r="D30720" s="14" t="s">
        <v>193</v>
      </c>
      <c r="E30720" s="15">
        <v>45436</v>
      </c>
      <c r="F30720" s="14" t="s">
        <v>15</v>
      </c>
      <c r="G30720" s="16">
        <v>0</v>
      </c>
    </row>
    <row r="30721" spans="1:7" x14ac:dyDescent="0.3">
      <c r="A30721" s="13" t="s">
        <v>192</v>
      </c>
      <c r="B30721" s="14" t="s">
        <v>1</v>
      </c>
      <c r="C30721" s="14" t="s">
        <v>17</v>
      </c>
      <c r="D30721" s="14" t="s">
        <v>193</v>
      </c>
      <c r="E30721" s="15">
        <v>45437</v>
      </c>
      <c r="F30721" s="14" t="s">
        <v>15</v>
      </c>
      <c r="G30721" s="16">
        <v>0</v>
      </c>
    </row>
    <row r="30722" spans="1:7" x14ac:dyDescent="0.3">
      <c r="A30722" s="13" t="s">
        <v>192</v>
      </c>
      <c r="B30722" s="14" t="s">
        <v>1</v>
      </c>
      <c r="C30722" s="14" t="s">
        <v>17</v>
      </c>
      <c r="D30722" s="14" t="s">
        <v>193</v>
      </c>
      <c r="E30722" s="15">
        <v>45438</v>
      </c>
      <c r="F30722" s="14" t="s">
        <v>15</v>
      </c>
      <c r="G30722" s="16">
        <v>0</v>
      </c>
    </row>
    <row r="30723" spans="1:7" x14ac:dyDescent="0.3">
      <c r="A30723" s="13" t="s">
        <v>192</v>
      </c>
      <c r="B30723" s="14" t="s">
        <v>1</v>
      </c>
      <c r="C30723" s="14" t="s">
        <v>17</v>
      </c>
      <c r="D30723" s="14" t="s">
        <v>193</v>
      </c>
      <c r="E30723" s="15">
        <v>45439</v>
      </c>
      <c r="F30723" s="14" t="s">
        <v>15</v>
      </c>
      <c r="G30723" s="16">
        <v>0</v>
      </c>
    </row>
    <row r="30724" spans="1:7" x14ac:dyDescent="0.3">
      <c r="A30724" s="13" t="s">
        <v>192</v>
      </c>
      <c r="B30724" s="14" t="s">
        <v>1</v>
      </c>
      <c r="C30724" s="14" t="s">
        <v>17</v>
      </c>
      <c r="D30724" s="14" t="s">
        <v>193</v>
      </c>
      <c r="E30724" s="15">
        <v>45440</v>
      </c>
      <c r="F30724" s="14" t="s">
        <v>15</v>
      </c>
      <c r="G30724" s="16">
        <v>0</v>
      </c>
    </row>
    <row r="30725" spans="1:7" x14ac:dyDescent="0.3">
      <c r="A30725" s="13" t="s">
        <v>192</v>
      </c>
      <c r="B30725" s="14" t="s">
        <v>1</v>
      </c>
      <c r="C30725" s="14" t="s">
        <v>17</v>
      </c>
      <c r="D30725" s="14" t="s">
        <v>193</v>
      </c>
      <c r="E30725" s="15">
        <v>45441</v>
      </c>
      <c r="F30725" s="14" t="s">
        <v>15</v>
      </c>
      <c r="G30725" s="16">
        <v>0</v>
      </c>
    </row>
    <row r="30726" spans="1:7" x14ac:dyDescent="0.3">
      <c r="A30726" s="13" t="s">
        <v>192</v>
      </c>
      <c r="B30726" s="14" t="s">
        <v>1</v>
      </c>
      <c r="C30726" s="14" t="s">
        <v>17</v>
      </c>
      <c r="D30726" s="14" t="s">
        <v>193</v>
      </c>
      <c r="E30726" s="15">
        <v>45442</v>
      </c>
      <c r="F30726" s="14" t="s">
        <v>15</v>
      </c>
      <c r="G30726" s="16">
        <v>0</v>
      </c>
    </row>
    <row r="30727" spans="1:7" x14ac:dyDescent="0.3">
      <c r="A30727" s="13" t="s">
        <v>192</v>
      </c>
      <c r="B30727" s="14" t="s">
        <v>1</v>
      </c>
      <c r="C30727" s="14" t="s">
        <v>17</v>
      </c>
      <c r="D30727" s="14" t="s">
        <v>193</v>
      </c>
      <c r="E30727" s="15">
        <v>45443</v>
      </c>
      <c r="F30727" s="14" t="s">
        <v>15</v>
      </c>
      <c r="G30727" s="16">
        <v>0</v>
      </c>
    </row>
    <row r="30728" spans="1:7" x14ac:dyDescent="0.3">
      <c r="A30728" s="13" t="s">
        <v>192</v>
      </c>
      <c r="B30728" s="14" t="s">
        <v>1</v>
      </c>
      <c r="C30728" s="14" t="s">
        <v>17</v>
      </c>
      <c r="D30728" s="14" t="s">
        <v>193</v>
      </c>
      <c r="E30728" s="15">
        <v>45444</v>
      </c>
      <c r="F30728" s="14" t="s">
        <v>15</v>
      </c>
      <c r="G30728" s="16">
        <v>0</v>
      </c>
    </row>
    <row r="30729" spans="1:7" x14ac:dyDescent="0.3">
      <c r="A30729" s="13" t="s">
        <v>192</v>
      </c>
      <c r="B30729" s="14" t="s">
        <v>1</v>
      </c>
      <c r="C30729" s="14" t="s">
        <v>17</v>
      </c>
      <c r="D30729" s="14" t="s">
        <v>193</v>
      </c>
      <c r="E30729" s="15">
        <v>45445</v>
      </c>
      <c r="F30729" s="14" t="s">
        <v>15</v>
      </c>
      <c r="G30729" s="16">
        <v>0</v>
      </c>
    </row>
    <row r="30730" spans="1:7" x14ac:dyDescent="0.3">
      <c r="A30730" s="13" t="s">
        <v>192</v>
      </c>
      <c r="B30730" s="14" t="s">
        <v>1</v>
      </c>
      <c r="C30730" s="14" t="s">
        <v>17</v>
      </c>
      <c r="D30730" s="14" t="s">
        <v>193</v>
      </c>
      <c r="E30730" s="15">
        <v>45446</v>
      </c>
      <c r="F30730" s="14" t="s">
        <v>15</v>
      </c>
      <c r="G30730" s="16">
        <v>0</v>
      </c>
    </row>
    <row r="30731" spans="1:7" x14ac:dyDescent="0.3">
      <c r="A30731" s="13" t="s">
        <v>192</v>
      </c>
      <c r="B30731" s="14" t="s">
        <v>1</v>
      </c>
      <c r="C30731" s="14" t="s">
        <v>17</v>
      </c>
      <c r="D30731" s="14" t="s">
        <v>193</v>
      </c>
      <c r="E30731" s="15">
        <v>45447</v>
      </c>
      <c r="F30731" s="14" t="s">
        <v>15</v>
      </c>
      <c r="G30731" s="16">
        <v>0</v>
      </c>
    </row>
    <row r="30732" spans="1:7" x14ac:dyDescent="0.3">
      <c r="A30732" s="13" t="s">
        <v>192</v>
      </c>
      <c r="B30732" s="14" t="s">
        <v>1</v>
      </c>
      <c r="C30732" s="14" t="s">
        <v>17</v>
      </c>
      <c r="D30732" s="14" t="s">
        <v>193</v>
      </c>
      <c r="E30732" s="15">
        <v>45448</v>
      </c>
      <c r="F30732" s="14" t="s">
        <v>15</v>
      </c>
      <c r="G30732" s="16">
        <v>0</v>
      </c>
    </row>
    <row r="30733" spans="1:7" x14ac:dyDescent="0.3">
      <c r="A30733" s="13" t="s">
        <v>192</v>
      </c>
      <c r="B30733" s="14" t="s">
        <v>1</v>
      </c>
      <c r="C30733" s="14" t="s">
        <v>17</v>
      </c>
      <c r="D30733" s="14" t="s">
        <v>193</v>
      </c>
      <c r="E30733" s="15">
        <v>45449</v>
      </c>
      <c r="F30733" s="14" t="s">
        <v>15</v>
      </c>
      <c r="G30733" s="16">
        <v>0</v>
      </c>
    </row>
    <row r="30734" spans="1:7" x14ac:dyDescent="0.3">
      <c r="A30734" s="13" t="s">
        <v>192</v>
      </c>
      <c r="B30734" s="14" t="s">
        <v>1</v>
      </c>
      <c r="C30734" s="14" t="s">
        <v>17</v>
      </c>
      <c r="D30734" s="14" t="s">
        <v>193</v>
      </c>
      <c r="E30734" s="15">
        <v>45450</v>
      </c>
      <c r="F30734" s="14" t="s">
        <v>15</v>
      </c>
      <c r="G30734" s="16">
        <v>0</v>
      </c>
    </row>
    <row r="30735" spans="1:7" x14ac:dyDescent="0.3">
      <c r="A30735" s="13" t="s">
        <v>192</v>
      </c>
      <c r="B30735" s="14" t="s">
        <v>1</v>
      </c>
      <c r="C30735" s="14" t="s">
        <v>17</v>
      </c>
      <c r="D30735" s="14" t="s">
        <v>193</v>
      </c>
      <c r="E30735" s="15">
        <v>45451</v>
      </c>
      <c r="F30735" s="14" t="s">
        <v>15</v>
      </c>
      <c r="G30735" s="16">
        <v>0</v>
      </c>
    </row>
    <row r="30736" spans="1:7" x14ac:dyDescent="0.3">
      <c r="A30736" s="13" t="s">
        <v>192</v>
      </c>
      <c r="B30736" s="14" t="s">
        <v>1</v>
      </c>
      <c r="C30736" s="14" t="s">
        <v>17</v>
      </c>
      <c r="D30736" s="14" t="s">
        <v>193</v>
      </c>
      <c r="E30736" s="15">
        <v>45452</v>
      </c>
      <c r="F30736" s="14" t="s">
        <v>15</v>
      </c>
      <c r="G30736" s="16">
        <v>0</v>
      </c>
    </row>
    <row r="30737" spans="1:7" x14ac:dyDescent="0.3">
      <c r="A30737" s="13" t="s">
        <v>192</v>
      </c>
      <c r="B30737" s="14" t="s">
        <v>1</v>
      </c>
      <c r="C30737" s="14" t="s">
        <v>17</v>
      </c>
      <c r="D30737" s="14" t="s">
        <v>193</v>
      </c>
      <c r="E30737" s="15">
        <v>45453</v>
      </c>
      <c r="F30737" s="14" t="s">
        <v>15</v>
      </c>
      <c r="G30737" s="16">
        <v>0</v>
      </c>
    </row>
    <row r="30738" spans="1:7" x14ac:dyDescent="0.3">
      <c r="A30738" s="13" t="s">
        <v>192</v>
      </c>
      <c r="B30738" s="14" t="s">
        <v>1</v>
      </c>
      <c r="C30738" s="14" t="s">
        <v>17</v>
      </c>
      <c r="D30738" s="14" t="s">
        <v>193</v>
      </c>
      <c r="E30738" s="15">
        <v>45454</v>
      </c>
      <c r="F30738" s="14" t="s">
        <v>15</v>
      </c>
      <c r="G30738" s="16">
        <v>0</v>
      </c>
    </row>
    <row r="30739" spans="1:7" x14ac:dyDescent="0.3">
      <c r="A30739" s="13" t="s">
        <v>192</v>
      </c>
      <c r="B30739" s="14" t="s">
        <v>1</v>
      </c>
      <c r="C30739" s="14" t="s">
        <v>17</v>
      </c>
      <c r="D30739" s="14" t="s">
        <v>193</v>
      </c>
      <c r="E30739" s="15">
        <v>45455</v>
      </c>
      <c r="F30739" s="14" t="s">
        <v>15</v>
      </c>
      <c r="G30739" s="16">
        <v>0</v>
      </c>
    </row>
    <row r="30740" spans="1:7" x14ac:dyDescent="0.3">
      <c r="A30740" s="13" t="s">
        <v>192</v>
      </c>
      <c r="B30740" s="14" t="s">
        <v>1</v>
      </c>
      <c r="C30740" s="14" t="s">
        <v>17</v>
      </c>
      <c r="D30740" s="14" t="s">
        <v>193</v>
      </c>
      <c r="E30740" s="15">
        <v>45456</v>
      </c>
      <c r="F30740" s="14" t="s">
        <v>15</v>
      </c>
      <c r="G30740" s="16">
        <v>0</v>
      </c>
    </row>
    <row r="30741" spans="1:7" x14ac:dyDescent="0.3">
      <c r="A30741" s="13" t="s">
        <v>192</v>
      </c>
      <c r="B30741" s="14" t="s">
        <v>1</v>
      </c>
      <c r="C30741" s="14" t="s">
        <v>17</v>
      </c>
      <c r="D30741" s="14" t="s">
        <v>193</v>
      </c>
      <c r="E30741" s="15">
        <v>45457</v>
      </c>
      <c r="F30741" s="14" t="s">
        <v>15</v>
      </c>
      <c r="G30741" s="16">
        <v>0</v>
      </c>
    </row>
    <row r="30742" spans="1:7" x14ac:dyDescent="0.3">
      <c r="A30742" s="13" t="s">
        <v>192</v>
      </c>
      <c r="B30742" s="14" t="s">
        <v>1</v>
      </c>
      <c r="C30742" s="14" t="s">
        <v>17</v>
      </c>
      <c r="D30742" s="14" t="s">
        <v>193</v>
      </c>
      <c r="E30742" s="15">
        <v>45458</v>
      </c>
      <c r="F30742" s="14" t="s">
        <v>15</v>
      </c>
      <c r="G30742" s="16">
        <v>0</v>
      </c>
    </row>
    <row r="30743" spans="1:7" x14ac:dyDescent="0.3">
      <c r="A30743" s="13" t="s">
        <v>192</v>
      </c>
      <c r="B30743" s="14" t="s">
        <v>1</v>
      </c>
      <c r="C30743" s="14" t="s">
        <v>17</v>
      </c>
      <c r="D30743" s="14" t="s">
        <v>193</v>
      </c>
      <c r="E30743" s="15">
        <v>45459</v>
      </c>
      <c r="F30743" s="14" t="s">
        <v>15</v>
      </c>
      <c r="G30743" s="16">
        <v>0</v>
      </c>
    </row>
    <row r="30744" spans="1:7" x14ac:dyDescent="0.3">
      <c r="A30744" s="13" t="s">
        <v>192</v>
      </c>
      <c r="B30744" s="14" t="s">
        <v>1</v>
      </c>
      <c r="C30744" s="14" t="s">
        <v>17</v>
      </c>
      <c r="D30744" s="14" t="s">
        <v>193</v>
      </c>
      <c r="E30744" s="15">
        <v>45460</v>
      </c>
      <c r="F30744" s="14" t="s">
        <v>15</v>
      </c>
      <c r="G30744" s="16">
        <v>0</v>
      </c>
    </row>
    <row r="30745" spans="1:7" x14ac:dyDescent="0.3">
      <c r="A30745" s="13" t="s">
        <v>192</v>
      </c>
      <c r="B30745" s="14" t="s">
        <v>1</v>
      </c>
      <c r="C30745" s="14" t="s">
        <v>17</v>
      </c>
      <c r="D30745" s="14" t="s">
        <v>193</v>
      </c>
      <c r="E30745" s="15">
        <v>45461</v>
      </c>
      <c r="F30745" s="14" t="s">
        <v>15</v>
      </c>
      <c r="G30745" s="16">
        <v>0</v>
      </c>
    </row>
    <row r="30746" spans="1:7" x14ac:dyDescent="0.3">
      <c r="A30746" s="13" t="s">
        <v>192</v>
      </c>
      <c r="B30746" s="14" t="s">
        <v>1</v>
      </c>
      <c r="C30746" s="14" t="s">
        <v>17</v>
      </c>
      <c r="D30746" s="14" t="s">
        <v>193</v>
      </c>
      <c r="E30746" s="15">
        <v>45462</v>
      </c>
      <c r="F30746" s="14" t="s">
        <v>15</v>
      </c>
      <c r="G30746" s="16">
        <v>0</v>
      </c>
    </row>
    <row r="30747" spans="1:7" x14ac:dyDescent="0.3">
      <c r="A30747" s="13" t="s">
        <v>192</v>
      </c>
      <c r="B30747" s="14" t="s">
        <v>1</v>
      </c>
      <c r="C30747" s="14" t="s">
        <v>17</v>
      </c>
      <c r="D30747" s="14" t="s">
        <v>193</v>
      </c>
      <c r="E30747" s="15">
        <v>45463</v>
      </c>
      <c r="F30747" s="14" t="s">
        <v>15</v>
      </c>
      <c r="G30747" s="16">
        <v>0</v>
      </c>
    </row>
    <row r="30748" spans="1:7" x14ac:dyDescent="0.3">
      <c r="A30748" s="13" t="s">
        <v>192</v>
      </c>
      <c r="B30748" s="14" t="s">
        <v>1</v>
      </c>
      <c r="C30748" s="14" t="s">
        <v>17</v>
      </c>
      <c r="D30748" s="14" t="s">
        <v>193</v>
      </c>
      <c r="E30748" s="15">
        <v>45464</v>
      </c>
      <c r="F30748" s="14" t="s">
        <v>15</v>
      </c>
      <c r="G30748" s="16">
        <v>0</v>
      </c>
    </row>
    <row r="30749" spans="1:7" x14ac:dyDescent="0.3">
      <c r="A30749" s="13" t="s">
        <v>192</v>
      </c>
      <c r="B30749" s="14" t="s">
        <v>1</v>
      </c>
      <c r="C30749" s="14" t="s">
        <v>17</v>
      </c>
      <c r="D30749" s="14" t="s">
        <v>193</v>
      </c>
      <c r="E30749" s="15">
        <v>45465</v>
      </c>
      <c r="F30749" s="14" t="s">
        <v>15</v>
      </c>
      <c r="G30749" s="16">
        <v>0</v>
      </c>
    </row>
    <row r="30750" spans="1:7" x14ac:dyDescent="0.3">
      <c r="A30750" s="13" t="s">
        <v>192</v>
      </c>
      <c r="B30750" s="14" t="s">
        <v>1</v>
      </c>
      <c r="C30750" s="14" t="s">
        <v>17</v>
      </c>
      <c r="D30750" s="14" t="s">
        <v>193</v>
      </c>
      <c r="E30750" s="15">
        <v>45466</v>
      </c>
      <c r="F30750" s="14" t="s">
        <v>15</v>
      </c>
      <c r="G30750" s="16">
        <v>0</v>
      </c>
    </row>
    <row r="30751" spans="1:7" x14ac:dyDescent="0.3">
      <c r="A30751" s="13" t="s">
        <v>192</v>
      </c>
      <c r="B30751" s="14" t="s">
        <v>1</v>
      </c>
      <c r="C30751" s="14" t="s">
        <v>17</v>
      </c>
      <c r="D30751" s="14" t="s">
        <v>193</v>
      </c>
      <c r="E30751" s="15">
        <v>45467</v>
      </c>
      <c r="F30751" s="14" t="s">
        <v>15</v>
      </c>
      <c r="G30751" s="16">
        <v>0</v>
      </c>
    </row>
    <row r="30752" spans="1:7" x14ac:dyDescent="0.3">
      <c r="A30752" s="13" t="s">
        <v>192</v>
      </c>
      <c r="B30752" s="14" t="s">
        <v>1</v>
      </c>
      <c r="C30752" s="14" t="s">
        <v>17</v>
      </c>
      <c r="D30752" s="14" t="s">
        <v>193</v>
      </c>
      <c r="E30752" s="15">
        <v>45468</v>
      </c>
      <c r="F30752" s="14" t="s">
        <v>15</v>
      </c>
      <c r="G30752" s="16">
        <v>0</v>
      </c>
    </row>
    <row r="30753" spans="1:7" x14ac:dyDescent="0.3">
      <c r="A30753" s="13" t="s">
        <v>192</v>
      </c>
      <c r="B30753" s="14" t="s">
        <v>1</v>
      </c>
      <c r="C30753" s="14" t="s">
        <v>17</v>
      </c>
      <c r="D30753" s="14" t="s">
        <v>193</v>
      </c>
      <c r="E30753" s="15">
        <v>45469</v>
      </c>
      <c r="F30753" s="14" t="s">
        <v>15</v>
      </c>
      <c r="G30753" s="16">
        <v>0</v>
      </c>
    </row>
    <row r="30754" spans="1:7" x14ac:dyDescent="0.3">
      <c r="A30754" s="13" t="s">
        <v>192</v>
      </c>
      <c r="B30754" s="14" t="s">
        <v>1</v>
      </c>
      <c r="C30754" s="14" t="s">
        <v>17</v>
      </c>
      <c r="D30754" s="14" t="s">
        <v>193</v>
      </c>
      <c r="E30754" s="15">
        <v>45470</v>
      </c>
      <c r="F30754" s="14" t="s">
        <v>15</v>
      </c>
      <c r="G30754" s="16">
        <v>0</v>
      </c>
    </row>
    <row r="30755" spans="1:7" x14ac:dyDescent="0.3">
      <c r="A30755" s="13" t="s">
        <v>192</v>
      </c>
      <c r="B30755" s="14" t="s">
        <v>1</v>
      </c>
      <c r="C30755" s="14" t="s">
        <v>17</v>
      </c>
      <c r="D30755" s="14" t="s">
        <v>193</v>
      </c>
      <c r="E30755" s="15">
        <v>45471</v>
      </c>
      <c r="F30755" s="14" t="s">
        <v>15</v>
      </c>
      <c r="G30755" s="16">
        <v>0</v>
      </c>
    </row>
    <row r="30756" spans="1:7" x14ac:dyDescent="0.3">
      <c r="A30756" s="13" t="s">
        <v>192</v>
      </c>
      <c r="B30756" s="14" t="s">
        <v>1</v>
      </c>
      <c r="C30756" s="14" t="s">
        <v>17</v>
      </c>
      <c r="D30756" s="14" t="s">
        <v>193</v>
      </c>
      <c r="E30756" s="15">
        <v>45472</v>
      </c>
      <c r="F30756" s="14" t="s">
        <v>15</v>
      </c>
      <c r="G30756" s="16">
        <v>0</v>
      </c>
    </row>
    <row r="30757" spans="1:7" x14ac:dyDescent="0.3">
      <c r="A30757" s="13" t="s">
        <v>192</v>
      </c>
      <c r="B30757" s="14" t="s">
        <v>1</v>
      </c>
      <c r="C30757" s="14" t="s">
        <v>17</v>
      </c>
      <c r="D30757" s="14" t="s">
        <v>193</v>
      </c>
      <c r="E30757" s="15">
        <v>45473</v>
      </c>
      <c r="F30757" s="14" t="s">
        <v>15</v>
      </c>
      <c r="G30757" s="16">
        <v>0</v>
      </c>
    </row>
    <row r="30758" spans="1:7" x14ac:dyDescent="0.3">
      <c r="A30758" s="13" t="s">
        <v>192</v>
      </c>
      <c r="B30758" s="14" t="s">
        <v>1</v>
      </c>
      <c r="C30758" s="14" t="s">
        <v>17</v>
      </c>
      <c r="D30758" s="14" t="s">
        <v>193</v>
      </c>
      <c r="E30758" s="15">
        <v>45474</v>
      </c>
      <c r="F30758" s="14" t="s">
        <v>15</v>
      </c>
      <c r="G30758" s="16">
        <v>0</v>
      </c>
    </row>
    <row r="30759" spans="1:7" x14ac:dyDescent="0.3">
      <c r="A30759" s="13" t="s">
        <v>192</v>
      </c>
      <c r="B30759" s="14" t="s">
        <v>1</v>
      </c>
      <c r="C30759" s="14" t="s">
        <v>17</v>
      </c>
      <c r="D30759" s="14" t="s">
        <v>193</v>
      </c>
      <c r="E30759" s="15">
        <v>45475</v>
      </c>
      <c r="F30759" s="14" t="s">
        <v>15</v>
      </c>
      <c r="G30759" s="16">
        <v>0</v>
      </c>
    </row>
    <row r="30760" spans="1:7" x14ac:dyDescent="0.3">
      <c r="A30760" s="13" t="s">
        <v>192</v>
      </c>
      <c r="B30760" s="14" t="s">
        <v>1</v>
      </c>
      <c r="C30760" s="14" t="s">
        <v>17</v>
      </c>
      <c r="D30760" s="14" t="s">
        <v>193</v>
      </c>
      <c r="E30760" s="15">
        <v>45476</v>
      </c>
      <c r="F30760" s="14" t="s">
        <v>15</v>
      </c>
      <c r="G30760" s="16">
        <v>0</v>
      </c>
    </row>
    <row r="30761" spans="1:7" x14ac:dyDescent="0.3">
      <c r="A30761" s="13" t="s">
        <v>192</v>
      </c>
      <c r="B30761" s="14" t="s">
        <v>1</v>
      </c>
      <c r="C30761" s="14" t="s">
        <v>17</v>
      </c>
      <c r="D30761" s="14" t="s">
        <v>193</v>
      </c>
      <c r="E30761" s="15">
        <v>45477</v>
      </c>
      <c r="F30761" s="14" t="s">
        <v>15</v>
      </c>
      <c r="G30761" s="16">
        <v>0</v>
      </c>
    </row>
    <row r="30762" spans="1:7" x14ac:dyDescent="0.3">
      <c r="A30762" s="13" t="s">
        <v>192</v>
      </c>
      <c r="B30762" s="14" t="s">
        <v>1</v>
      </c>
      <c r="C30762" s="14" t="s">
        <v>17</v>
      </c>
      <c r="D30762" s="14" t="s">
        <v>193</v>
      </c>
      <c r="E30762" s="15">
        <v>45478</v>
      </c>
      <c r="F30762" s="14" t="s">
        <v>15</v>
      </c>
      <c r="G30762" s="16">
        <v>0</v>
      </c>
    </row>
    <row r="30763" spans="1:7" x14ac:dyDescent="0.3">
      <c r="A30763" s="13" t="s">
        <v>192</v>
      </c>
      <c r="B30763" s="14" t="s">
        <v>1</v>
      </c>
      <c r="C30763" s="14" t="s">
        <v>17</v>
      </c>
      <c r="D30763" s="14" t="s">
        <v>193</v>
      </c>
      <c r="E30763" s="15">
        <v>45479</v>
      </c>
      <c r="F30763" s="14" t="s">
        <v>15</v>
      </c>
      <c r="G30763" s="16">
        <v>0</v>
      </c>
    </row>
    <row r="30764" spans="1:7" x14ac:dyDescent="0.3">
      <c r="A30764" s="13" t="s">
        <v>192</v>
      </c>
      <c r="B30764" s="14" t="s">
        <v>1</v>
      </c>
      <c r="C30764" s="14" t="s">
        <v>17</v>
      </c>
      <c r="D30764" s="14" t="s">
        <v>193</v>
      </c>
      <c r="E30764" s="15">
        <v>45480</v>
      </c>
      <c r="F30764" s="14" t="s">
        <v>15</v>
      </c>
      <c r="G30764" s="16">
        <v>0</v>
      </c>
    </row>
    <row r="30765" spans="1:7" x14ac:dyDescent="0.3">
      <c r="A30765" s="13" t="s">
        <v>192</v>
      </c>
      <c r="B30765" s="14" t="s">
        <v>1</v>
      </c>
      <c r="C30765" s="14" t="s">
        <v>17</v>
      </c>
      <c r="D30765" s="14" t="s">
        <v>193</v>
      </c>
      <c r="E30765" s="15">
        <v>45481</v>
      </c>
      <c r="F30765" s="14" t="s">
        <v>15</v>
      </c>
      <c r="G30765" s="16">
        <v>0</v>
      </c>
    </row>
    <row r="30766" spans="1:7" x14ac:dyDescent="0.3">
      <c r="A30766" s="13" t="s">
        <v>192</v>
      </c>
      <c r="B30766" s="14" t="s">
        <v>1</v>
      </c>
      <c r="C30766" s="14" t="s">
        <v>17</v>
      </c>
      <c r="D30766" s="14" t="s">
        <v>193</v>
      </c>
      <c r="E30766" s="15">
        <v>45482</v>
      </c>
      <c r="F30766" s="14" t="s">
        <v>15</v>
      </c>
      <c r="G30766" s="16">
        <v>0</v>
      </c>
    </row>
    <row r="30767" spans="1:7" x14ac:dyDescent="0.3">
      <c r="A30767" s="13" t="s">
        <v>192</v>
      </c>
      <c r="B30767" s="14" t="s">
        <v>1</v>
      </c>
      <c r="C30767" s="14" t="s">
        <v>17</v>
      </c>
      <c r="D30767" s="14" t="s">
        <v>193</v>
      </c>
      <c r="E30767" s="15">
        <v>45483</v>
      </c>
      <c r="F30767" s="14" t="s">
        <v>15</v>
      </c>
      <c r="G30767" s="16">
        <v>0</v>
      </c>
    </row>
    <row r="30768" spans="1:7" x14ac:dyDescent="0.3">
      <c r="A30768" s="13" t="s">
        <v>192</v>
      </c>
      <c r="B30768" s="14" t="s">
        <v>1</v>
      </c>
      <c r="C30768" s="14" t="s">
        <v>17</v>
      </c>
      <c r="D30768" s="14" t="s">
        <v>193</v>
      </c>
      <c r="E30768" s="15">
        <v>45484</v>
      </c>
      <c r="F30768" s="14" t="s">
        <v>15</v>
      </c>
      <c r="G30768" s="16">
        <v>0</v>
      </c>
    </row>
    <row r="30769" spans="1:7" x14ac:dyDescent="0.3">
      <c r="A30769" s="13" t="s">
        <v>192</v>
      </c>
      <c r="B30769" s="14" t="s">
        <v>1</v>
      </c>
      <c r="C30769" s="14" t="s">
        <v>17</v>
      </c>
      <c r="D30769" s="14" t="s">
        <v>193</v>
      </c>
      <c r="E30769" s="15">
        <v>45485</v>
      </c>
      <c r="F30769" s="14" t="s">
        <v>15</v>
      </c>
      <c r="G30769" s="16">
        <v>0</v>
      </c>
    </row>
    <row r="30770" spans="1:7" x14ac:dyDescent="0.3">
      <c r="A30770" s="13" t="s">
        <v>192</v>
      </c>
      <c r="B30770" s="14" t="s">
        <v>1</v>
      </c>
      <c r="C30770" s="14" t="s">
        <v>17</v>
      </c>
      <c r="D30770" s="14" t="s">
        <v>193</v>
      </c>
      <c r="E30770" s="15">
        <v>45486</v>
      </c>
      <c r="F30770" s="14" t="s">
        <v>15</v>
      </c>
      <c r="G30770" s="16">
        <v>0</v>
      </c>
    </row>
    <row r="30771" spans="1:7" x14ac:dyDescent="0.3">
      <c r="A30771" s="13" t="s">
        <v>192</v>
      </c>
      <c r="B30771" s="14" t="s">
        <v>1</v>
      </c>
      <c r="C30771" s="14" t="s">
        <v>17</v>
      </c>
      <c r="D30771" s="14" t="s">
        <v>193</v>
      </c>
      <c r="E30771" s="15">
        <v>45487</v>
      </c>
      <c r="F30771" s="14" t="s">
        <v>15</v>
      </c>
      <c r="G30771" s="16">
        <v>0</v>
      </c>
    </row>
    <row r="30772" spans="1:7" x14ac:dyDescent="0.3">
      <c r="A30772" s="13" t="s">
        <v>192</v>
      </c>
      <c r="B30772" s="14" t="s">
        <v>1</v>
      </c>
      <c r="C30772" s="14" t="s">
        <v>17</v>
      </c>
      <c r="D30772" s="14" t="s">
        <v>193</v>
      </c>
      <c r="E30772" s="15">
        <v>45488</v>
      </c>
      <c r="F30772" s="14" t="s">
        <v>15</v>
      </c>
      <c r="G30772" s="16">
        <v>0</v>
      </c>
    </row>
    <row r="30773" spans="1:7" x14ac:dyDescent="0.3">
      <c r="A30773" s="13" t="s">
        <v>192</v>
      </c>
      <c r="B30773" s="14" t="s">
        <v>1</v>
      </c>
      <c r="C30773" s="14" t="s">
        <v>17</v>
      </c>
      <c r="D30773" s="14" t="s">
        <v>193</v>
      </c>
      <c r="E30773" s="15">
        <v>45489</v>
      </c>
      <c r="F30773" s="14" t="s">
        <v>15</v>
      </c>
      <c r="G30773" s="16">
        <v>0</v>
      </c>
    </row>
    <row r="30774" spans="1:7" x14ac:dyDescent="0.3">
      <c r="A30774" s="13" t="s">
        <v>192</v>
      </c>
      <c r="B30774" s="14" t="s">
        <v>1</v>
      </c>
      <c r="C30774" s="14" t="s">
        <v>17</v>
      </c>
      <c r="D30774" s="14" t="s">
        <v>193</v>
      </c>
      <c r="E30774" s="15">
        <v>45490</v>
      </c>
      <c r="F30774" s="14" t="s">
        <v>15</v>
      </c>
      <c r="G30774" s="16">
        <v>0</v>
      </c>
    </row>
    <row r="30775" spans="1:7" x14ac:dyDescent="0.3">
      <c r="A30775" s="13" t="s">
        <v>192</v>
      </c>
      <c r="B30775" s="14" t="s">
        <v>1</v>
      </c>
      <c r="C30775" s="14" t="s">
        <v>17</v>
      </c>
      <c r="D30775" s="14" t="s">
        <v>193</v>
      </c>
      <c r="E30775" s="15">
        <v>45491</v>
      </c>
      <c r="F30775" s="14" t="s">
        <v>15</v>
      </c>
      <c r="G30775" s="16">
        <v>0</v>
      </c>
    </row>
    <row r="30776" spans="1:7" x14ac:dyDescent="0.3">
      <c r="A30776" s="13" t="s">
        <v>192</v>
      </c>
      <c r="B30776" s="14" t="s">
        <v>1</v>
      </c>
      <c r="C30776" s="14" t="s">
        <v>17</v>
      </c>
      <c r="D30776" s="14" t="s">
        <v>193</v>
      </c>
      <c r="E30776" s="15">
        <v>45492</v>
      </c>
      <c r="F30776" s="14" t="s">
        <v>15</v>
      </c>
      <c r="G30776" s="16">
        <v>0</v>
      </c>
    </row>
    <row r="30777" spans="1:7" x14ac:dyDescent="0.3">
      <c r="A30777" s="13" t="s">
        <v>192</v>
      </c>
      <c r="B30777" s="14" t="s">
        <v>1</v>
      </c>
      <c r="C30777" s="14" t="s">
        <v>17</v>
      </c>
      <c r="D30777" s="14" t="s">
        <v>193</v>
      </c>
      <c r="E30777" s="15">
        <v>45493</v>
      </c>
      <c r="F30777" s="14" t="s">
        <v>15</v>
      </c>
      <c r="G30777" s="16">
        <v>0</v>
      </c>
    </row>
    <row r="30778" spans="1:7" x14ac:dyDescent="0.3">
      <c r="A30778" s="13" t="s">
        <v>192</v>
      </c>
      <c r="B30778" s="14" t="s">
        <v>1</v>
      </c>
      <c r="C30778" s="14" t="s">
        <v>17</v>
      </c>
      <c r="D30778" s="14" t="s">
        <v>193</v>
      </c>
      <c r="E30778" s="15">
        <v>45494</v>
      </c>
      <c r="F30778" s="14" t="s">
        <v>15</v>
      </c>
      <c r="G30778" s="16">
        <v>0</v>
      </c>
    </row>
    <row r="30779" spans="1:7" x14ac:dyDescent="0.3">
      <c r="A30779" s="13" t="s">
        <v>192</v>
      </c>
      <c r="B30779" s="14" t="s">
        <v>1</v>
      </c>
      <c r="C30779" s="14" t="s">
        <v>17</v>
      </c>
      <c r="D30779" s="14" t="s">
        <v>193</v>
      </c>
      <c r="E30779" s="15">
        <v>45495</v>
      </c>
      <c r="F30779" s="14" t="s">
        <v>15</v>
      </c>
      <c r="G30779" s="16">
        <v>0</v>
      </c>
    </row>
    <row r="30780" spans="1:7" x14ac:dyDescent="0.3">
      <c r="A30780" s="13" t="s">
        <v>192</v>
      </c>
      <c r="B30780" s="14" t="s">
        <v>1</v>
      </c>
      <c r="C30780" s="14" t="s">
        <v>17</v>
      </c>
      <c r="D30780" s="14" t="s">
        <v>193</v>
      </c>
      <c r="E30780" s="15">
        <v>45496</v>
      </c>
      <c r="F30780" s="14" t="s">
        <v>15</v>
      </c>
      <c r="G30780" s="16">
        <v>0</v>
      </c>
    </row>
    <row r="30781" spans="1:7" x14ac:dyDescent="0.3">
      <c r="A30781" s="13" t="s">
        <v>192</v>
      </c>
      <c r="B30781" s="14" t="s">
        <v>1</v>
      </c>
      <c r="C30781" s="14" t="s">
        <v>17</v>
      </c>
      <c r="D30781" s="14" t="s">
        <v>193</v>
      </c>
      <c r="E30781" s="15">
        <v>45497</v>
      </c>
      <c r="F30781" s="14" t="s">
        <v>15</v>
      </c>
      <c r="G30781" s="16">
        <v>0</v>
      </c>
    </row>
    <row r="30782" spans="1:7" x14ac:dyDescent="0.3">
      <c r="A30782" s="13" t="s">
        <v>192</v>
      </c>
      <c r="B30782" s="14" t="s">
        <v>1</v>
      </c>
      <c r="C30782" s="14" t="s">
        <v>17</v>
      </c>
      <c r="D30782" s="14" t="s">
        <v>193</v>
      </c>
      <c r="E30782" s="15">
        <v>45498</v>
      </c>
      <c r="F30782" s="14" t="s">
        <v>15</v>
      </c>
      <c r="G30782" s="16">
        <v>0</v>
      </c>
    </row>
    <row r="30783" spans="1:7" x14ac:dyDescent="0.3">
      <c r="A30783" s="13" t="s">
        <v>192</v>
      </c>
      <c r="B30783" s="14" t="s">
        <v>1</v>
      </c>
      <c r="C30783" s="14" t="s">
        <v>17</v>
      </c>
      <c r="D30783" s="14" t="s">
        <v>193</v>
      </c>
      <c r="E30783" s="15">
        <v>45499</v>
      </c>
      <c r="F30783" s="14" t="s">
        <v>15</v>
      </c>
      <c r="G30783" s="16">
        <v>0</v>
      </c>
    </row>
    <row r="30784" spans="1:7" x14ac:dyDescent="0.3">
      <c r="A30784" s="13" t="s">
        <v>192</v>
      </c>
      <c r="B30784" s="14" t="s">
        <v>1</v>
      </c>
      <c r="C30784" s="14" t="s">
        <v>17</v>
      </c>
      <c r="D30784" s="14" t="s">
        <v>193</v>
      </c>
      <c r="E30784" s="15">
        <v>45500</v>
      </c>
      <c r="F30784" s="14" t="s">
        <v>15</v>
      </c>
      <c r="G30784" s="16">
        <v>0</v>
      </c>
    </row>
    <row r="30785" spans="1:7" x14ac:dyDescent="0.3">
      <c r="A30785" s="13" t="s">
        <v>192</v>
      </c>
      <c r="B30785" s="14" t="s">
        <v>1</v>
      </c>
      <c r="C30785" s="14" t="s">
        <v>17</v>
      </c>
      <c r="D30785" s="14" t="s">
        <v>193</v>
      </c>
      <c r="E30785" s="15">
        <v>45501</v>
      </c>
      <c r="F30785" s="14" t="s">
        <v>15</v>
      </c>
      <c r="G30785" s="16">
        <v>0</v>
      </c>
    </row>
    <row r="30786" spans="1:7" x14ac:dyDescent="0.3">
      <c r="A30786" s="13" t="s">
        <v>192</v>
      </c>
      <c r="B30786" s="14" t="s">
        <v>1</v>
      </c>
      <c r="C30786" s="14" t="s">
        <v>17</v>
      </c>
      <c r="D30786" s="14" t="s">
        <v>193</v>
      </c>
      <c r="E30786" s="15">
        <v>45502</v>
      </c>
      <c r="F30786" s="14" t="s">
        <v>15</v>
      </c>
      <c r="G30786" s="16">
        <v>0</v>
      </c>
    </row>
    <row r="30787" spans="1:7" x14ac:dyDescent="0.3">
      <c r="A30787" s="13" t="s">
        <v>192</v>
      </c>
      <c r="B30787" s="14" t="s">
        <v>1</v>
      </c>
      <c r="C30787" s="14" t="s">
        <v>17</v>
      </c>
      <c r="D30787" s="14" t="s">
        <v>193</v>
      </c>
      <c r="E30787" s="15">
        <v>45503</v>
      </c>
      <c r="F30787" s="14" t="s">
        <v>15</v>
      </c>
      <c r="G30787" s="16">
        <v>0</v>
      </c>
    </row>
    <row r="30788" spans="1:7" x14ac:dyDescent="0.3">
      <c r="A30788" s="13" t="s">
        <v>192</v>
      </c>
      <c r="B30788" s="14" t="s">
        <v>1</v>
      </c>
      <c r="C30788" s="14" t="s">
        <v>17</v>
      </c>
      <c r="D30788" s="14" t="s">
        <v>193</v>
      </c>
      <c r="E30788" s="15">
        <v>45504</v>
      </c>
      <c r="F30788" s="14" t="s">
        <v>15</v>
      </c>
      <c r="G30788" s="16">
        <v>0</v>
      </c>
    </row>
    <row r="30789" spans="1:7" x14ac:dyDescent="0.3">
      <c r="A30789" s="13" t="s">
        <v>192</v>
      </c>
      <c r="B30789" s="14" t="s">
        <v>1</v>
      </c>
      <c r="C30789" s="14" t="s">
        <v>17</v>
      </c>
      <c r="D30789" s="14" t="s">
        <v>193</v>
      </c>
      <c r="E30789" s="15">
        <v>45505</v>
      </c>
      <c r="F30789" s="14" t="s">
        <v>15</v>
      </c>
      <c r="G30789" s="16">
        <v>0</v>
      </c>
    </row>
    <row r="30790" spans="1:7" x14ac:dyDescent="0.3">
      <c r="A30790" s="13" t="s">
        <v>192</v>
      </c>
      <c r="B30790" s="14" t="s">
        <v>1</v>
      </c>
      <c r="C30790" s="14" t="s">
        <v>17</v>
      </c>
      <c r="D30790" s="14" t="s">
        <v>193</v>
      </c>
      <c r="E30790" s="15">
        <v>45506</v>
      </c>
      <c r="F30790" s="14" t="s">
        <v>15</v>
      </c>
      <c r="G30790" s="16">
        <v>0</v>
      </c>
    </row>
    <row r="30791" spans="1:7" x14ac:dyDescent="0.3">
      <c r="A30791" s="13" t="s">
        <v>192</v>
      </c>
      <c r="B30791" s="14" t="s">
        <v>1</v>
      </c>
      <c r="C30791" s="14" t="s">
        <v>17</v>
      </c>
      <c r="D30791" s="14" t="s">
        <v>193</v>
      </c>
      <c r="E30791" s="15">
        <v>45507</v>
      </c>
      <c r="F30791" s="14" t="s">
        <v>15</v>
      </c>
      <c r="G30791" s="16">
        <v>0</v>
      </c>
    </row>
    <row r="30792" spans="1:7" x14ac:dyDescent="0.3">
      <c r="A30792" s="13" t="s">
        <v>192</v>
      </c>
      <c r="B30792" s="14" t="s">
        <v>1</v>
      </c>
      <c r="C30792" s="14" t="s">
        <v>17</v>
      </c>
      <c r="D30792" s="14" t="s">
        <v>193</v>
      </c>
      <c r="E30792" s="15">
        <v>45508</v>
      </c>
      <c r="F30792" s="14" t="s">
        <v>15</v>
      </c>
      <c r="G30792" s="16">
        <v>0</v>
      </c>
    </row>
    <row r="30793" spans="1:7" x14ac:dyDescent="0.3">
      <c r="A30793" s="13" t="s">
        <v>192</v>
      </c>
      <c r="B30793" s="14" t="s">
        <v>1</v>
      </c>
      <c r="C30793" s="14" t="s">
        <v>17</v>
      </c>
      <c r="D30793" s="14" t="s">
        <v>193</v>
      </c>
      <c r="E30793" s="15">
        <v>45509</v>
      </c>
      <c r="F30793" s="14" t="s">
        <v>15</v>
      </c>
      <c r="G30793" s="16">
        <v>0</v>
      </c>
    </row>
    <row r="30794" spans="1:7" x14ac:dyDescent="0.3">
      <c r="A30794" s="13" t="s">
        <v>192</v>
      </c>
      <c r="B30794" s="14" t="s">
        <v>1</v>
      </c>
      <c r="C30794" s="14" t="s">
        <v>17</v>
      </c>
      <c r="D30794" s="14" t="s">
        <v>193</v>
      </c>
      <c r="E30794" s="15">
        <v>45510</v>
      </c>
      <c r="F30794" s="14" t="s">
        <v>15</v>
      </c>
      <c r="G30794" s="16">
        <v>0</v>
      </c>
    </row>
    <row r="30795" spans="1:7" x14ac:dyDescent="0.3">
      <c r="A30795" s="13" t="s">
        <v>192</v>
      </c>
      <c r="B30795" s="14" t="s">
        <v>1</v>
      </c>
      <c r="C30795" s="14" t="s">
        <v>17</v>
      </c>
      <c r="D30795" s="14" t="s">
        <v>193</v>
      </c>
      <c r="E30795" s="15">
        <v>45511</v>
      </c>
      <c r="F30795" s="14" t="s">
        <v>15</v>
      </c>
      <c r="G30795" s="16">
        <v>0</v>
      </c>
    </row>
    <row r="30796" spans="1:7" x14ac:dyDescent="0.3">
      <c r="A30796" s="13" t="s">
        <v>192</v>
      </c>
      <c r="B30796" s="14" t="s">
        <v>1</v>
      </c>
      <c r="C30796" s="14" t="s">
        <v>17</v>
      </c>
      <c r="D30796" s="14" t="s">
        <v>193</v>
      </c>
      <c r="E30796" s="15">
        <v>45512</v>
      </c>
      <c r="F30796" s="14" t="s">
        <v>15</v>
      </c>
      <c r="G30796" s="16">
        <v>0</v>
      </c>
    </row>
    <row r="30797" spans="1:7" x14ac:dyDescent="0.3">
      <c r="A30797" s="13" t="s">
        <v>192</v>
      </c>
      <c r="B30797" s="14" t="s">
        <v>1</v>
      </c>
      <c r="C30797" s="14" t="s">
        <v>17</v>
      </c>
      <c r="D30797" s="14" t="s">
        <v>193</v>
      </c>
      <c r="E30797" s="15">
        <v>45513</v>
      </c>
      <c r="F30797" s="14" t="s">
        <v>15</v>
      </c>
      <c r="G30797" s="16">
        <v>0</v>
      </c>
    </row>
    <row r="30798" spans="1:7" x14ac:dyDescent="0.3">
      <c r="A30798" s="13" t="s">
        <v>192</v>
      </c>
      <c r="B30798" s="14" t="s">
        <v>1</v>
      </c>
      <c r="C30798" s="14" t="s">
        <v>17</v>
      </c>
      <c r="D30798" s="14" t="s">
        <v>193</v>
      </c>
      <c r="E30798" s="15">
        <v>45514</v>
      </c>
      <c r="F30798" s="14" t="s">
        <v>15</v>
      </c>
      <c r="G30798" s="16">
        <v>0</v>
      </c>
    </row>
    <row r="30799" spans="1:7" x14ac:dyDescent="0.3">
      <c r="A30799" s="13" t="s">
        <v>192</v>
      </c>
      <c r="B30799" s="14" t="s">
        <v>1</v>
      </c>
      <c r="C30799" s="14" t="s">
        <v>17</v>
      </c>
      <c r="D30799" s="14" t="s">
        <v>193</v>
      </c>
      <c r="E30799" s="15">
        <v>45515</v>
      </c>
      <c r="F30799" s="14" t="s">
        <v>15</v>
      </c>
      <c r="G30799" s="16">
        <v>0</v>
      </c>
    </row>
    <row r="30800" spans="1:7" x14ac:dyDescent="0.3">
      <c r="A30800" s="13" t="s">
        <v>192</v>
      </c>
      <c r="B30800" s="14" t="s">
        <v>1</v>
      </c>
      <c r="C30800" s="14" t="s">
        <v>17</v>
      </c>
      <c r="D30800" s="14" t="s">
        <v>193</v>
      </c>
      <c r="E30800" s="15">
        <v>45516</v>
      </c>
      <c r="F30800" s="14" t="s">
        <v>15</v>
      </c>
      <c r="G30800" s="16">
        <v>0</v>
      </c>
    </row>
    <row r="30801" spans="1:7" x14ac:dyDescent="0.3">
      <c r="A30801" s="13" t="s">
        <v>192</v>
      </c>
      <c r="B30801" s="14" t="s">
        <v>1</v>
      </c>
      <c r="C30801" s="14" t="s">
        <v>17</v>
      </c>
      <c r="D30801" s="14" t="s">
        <v>193</v>
      </c>
      <c r="E30801" s="15">
        <v>45517</v>
      </c>
      <c r="F30801" s="14" t="s">
        <v>15</v>
      </c>
      <c r="G30801" s="16">
        <v>0</v>
      </c>
    </row>
    <row r="30802" spans="1:7" x14ac:dyDescent="0.3">
      <c r="A30802" s="13" t="s">
        <v>192</v>
      </c>
      <c r="B30802" s="14" t="s">
        <v>1</v>
      </c>
      <c r="C30802" s="14" t="s">
        <v>17</v>
      </c>
      <c r="D30802" s="14" t="s">
        <v>193</v>
      </c>
      <c r="E30802" s="15">
        <v>45518</v>
      </c>
      <c r="F30802" s="14" t="s">
        <v>15</v>
      </c>
      <c r="G30802" s="16">
        <v>0</v>
      </c>
    </row>
    <row r="30803" spans="1:7" x14ac:dyDescent="0.3">
      <c r="A30803" s="13" t="s">
        <v>192</v>
      </c>
      <c r="B30803" s="14" t="s">
        <v>1</v>
      </c>
      <c r="C30803" s="14" t="s">
        <v>17</v>
      </c>
      <c r="D30803" s="14" t="s">
        <v>193</v>
      </c>
      <c r="E30803" s="15">
        <v>45519</v>
      </c>
      <c r="F30803" s="14" t="s">
        <v>15</v>
      </c>
      <c r="G30803" s="16">
        <v>0</v>
      </c>
    </row>
    <row r="30804" spans="1:7" x14ac:dyDescent="0.3">
      <c r="A30804" s="13" t="s">
        <v>192</v>
      </c>
      <c r="B30804" s="14" t="s">
        <v>1</v>
      </c>
      <c r="C30804" s="14" t="s">
        <v>17</v>
      </c>
      <c r="D30804" s="14" t="s">
        <v>193</v>
      </c>
      <c r="E30804" s="15">
        <v>45520</v>
      </c>
      <c r="F30804" s="14" t="s">
        <v>15</v>
      </c>
      <c r="G30804" s="16">
        <v>0</v>
      </c>
    </row>
    <row r="30805" spans="1:7" x14ac:dyDescent="0.3">
      <c r="A30805" s="13" t="s">
        <v>192</v>
      </c>
      <c r="B30805" s="14" t="s">
        <v>1</v>
      </c>
      <c r="C30805" s="14" t="s">
        <v>17</v>
      </c>
      <c r="D30805" s="14" t="s">
        <v>193</v>
      </c>
      <c r="E30805" s="15">
        <v>45521</v>
      </c>
      <c r="F30805" s="14" t="s">
        <v>15</v>
      </c>
      <c r="G30805" s="16">
        <v>0</v>
      </c>
    </row>
    <row r="30806" spans="1:7" x14ac:dyDescent="0.3">
      <c r="A30806" s="13" t="s">
        <v>192</v>
      </c>
      <c r="B30806" s="14" t="s">
        <v>1</v>
      </c>
      <c r="C30806" s="14" t="s">
        <v>17</v>
      </c>
      <c r="D30806" s="14" t="s">
        <v>193</v>
      </c>
      <c r="E30806" s="15">
        <v>45522</v>
      </c>
      <c r="F30806" s="14" t="s">
        <v>15</v>
      </c>
      <c r="G30806" s="16">
        <v>0</v>
      </c>
    </row>
    <row r="30807" spans="1:7" x14ac:dyDescent="0.3">
      <c r="A30807" s="13" t="s">
        <v>192</v>
      </c>
      <c r="B30807" s="14" t="s">
        <v>1</v>
      </c>
      <c r="C30807" s="14" t="s">
        <v>17</v>
      </c>
      <c r="D30807" s="14" t="s">
        <v>193</v>
      </c>
      <c r="E30807" s="15">
        <v>45523</v>
      </c>
      <c r="F30807" s="14" t="s">
        <v>15</v>
      </c>
      <c r="G30807" s="16">
        <v>0</v>
      </c>
    </row>
    <row r="30808" spans="1:7" x14ac:dyDescent="0.3">
      <c r="A30808" s="13" t="s">
        <v>192</v>
      </c>
      <c r="B30808" s="14" t="s">
        <v>1</v>
      </c>
      <c r="C30808" s="14" t="s">
        <v>17</v>
      </c>
      <c r="D30808" s="14" t="s">
        <v>193</v>
      </c>
      <c r="E30808" s="15">
        <v>45524</v>
      </c>
      <c r="F30808" s="14" t="s">
        <v>15</v>
      </c>
      <c r="G30808" s="16">
        <v>0</v>
      </c>
    </row>
    <row r="30809" spans="1:7" x14ac:dyDescent="0.3">
      <c r="A30809" s="13" t="s">
        <v>192</v>
      </c>
      <c r="B30809" s="14" t="s">
        <v>1</v>
      </c>
      <c r="C30809" s="14" t="s">
        <v>17</v>
      </c>
      <c r="D30809" s="14" t="s">
        <v>193</v>
      </c>
      <c r="E30809" s="15">
        <v>45525</v>
      </c>
      <c r="F30809" s="14" t="s">
        <v>15</v>
      </c>
      <c r="G30809" s="16">
        <v>0</v>
      </c>
    </row>
    <row r="30810" spans="1:7" x14ac:dyDescent="0.3">
      <c r="A30810" s="13" t="s">
        <v>192</v>
      </c>
      <c r="B30810" s="14" t="s">
        <v>1</v>
      </c>
      <c r="C30810" s="14" t="s">
        <v>17</v>
      </c>
      <c r="D30810" s="14" t="s">
        <v>193</v>
      </c>
      <c r="E30810" s="15">
        <v>45526</v>
      </c>
      <c r="F30810" s="14" t="s">
        <v>15</v>
      </c>
      <c r="G30810" s="16">
        <v>0</v>
      </c>
    </row>
    <row r="30811" spans="1:7" x14ac:dyDescent="0.3">
      <c r="A30811" s="13" t="s">
        <v>192</v>
      </c>
      <c r="B30811" s="14" t="s">
        <v>1</v>
      </c>
      <c r="C30811" s="14" t="s">
        <v>17</v>
      </c>
      <c r="D30811" s="14" t="s">
        <v>193</v>
      </c>
      <c r="E30811" s="15">
        <v>45527</v>
      </c>
      <c r="F30811" s="14" t="s">
        <v>15</v>
      </c>
      <c r="G30811" s="16">
        <v>0</v>
      </c>
    </row>
    <row r="30812" spans="1:7" x14ac:dyDescent="0.3">
      <c r="A30812" s="13" t="s">
        <v>192</v>
      </c>
      <c r="B30812" s="14" t="s">
        <v>1</v>
      </c>
      <c r="C30812" s="14" t="s">
        <v>17</v>
      </c>
      <c r="D30812" s="14" t="s">
        <v>193</v>
      </c>
      <c r="E30812" s="15">
        <v>45528</v>
      </c>
      <c r="F30812" s="14" t="s">
        <v>15</v>
      </c>
      <c r="G30812" s="16">
        <v>0</v>
      </c>
    </row>
    <row r="30813" spans="1:7" x14ac:dyDescent="0.3">
      <c r="A30813" s="13" t="s">
        <v>192</v>
      </c>
      <c r="B30813" s="14" t="s">
        <v>1</v>
      </c>
      <c r="C30813" s="14" t="s">
        <v>17</v>
      </c>
      <c r="D30813" s="14" t="s">
        <v>193</v>
      </c>
      <c r="E30813" s="15">
        <v>45529</v>
      </c>
      <c r="F30813" s="14" t="s">
        <v>15</v>
      </c>
      <c r="G30813" s="16">
        <v>0</v>
      </c>
    </row>
    <row r="30814" spans="1:7" x14ac:dyDescent="0.3">
      <c r="A30814" s="13" t="s">
        <v>192</v>
      </c>
      <c r="B30814" s="14" t="s">
        <v>1</v>
      </c>
      <c r="C30814" s="14" t="s">
        <v>17</v>
      </c>
      <c r="D30814" s="14" t="s">
        <v>193</v>
      </c>
      <c r="E30814" s="15">
        <v>45530</v>
      </c>
      <c r="F30814" s="14" t="s">
        <v>15</v>
      </c>
      <c r="G30814" s="16">
        <v>0</v>
      </c>
    </row>
    <row r="30815" spans="1:7" x14ac:dyDescent="0.3">
      <c r="A30815" s="13" t="s">
        <v>192</v>
      </c>
      <c r="B30815" s="14" t="s">
        <v>1</v>
      </c>
      <c r="C30815" s="14" t="s">
        <v>17</v>
      </c>
      <c r="D30815" s="14" t="s">
        <v>193</v>
      </c>
      <c r="E30815" s="15">
        <v>45531</v>
      </c>
      <c r="F30815" s="14" t="s">
        <v>15</v>
      </c>
      <c r="G30815" s="16">
        <v>0</v>
      </c>
    </row>
    <row r="30816" spans="1:7" x14ac:dyDescent="0.3">
      <c r="A30816" s="13" t="s">
        <v>192</v>
      </c>
      <c r="B30816" s="14" t="s">
        <v>1</v>
      </c>
      <c r="C30816" s="14" t="s">
        <v>17</v>
      </c>
      <c r="D30816" s="14" t="s">
        <v>193</v>
      </c>
      <c r="E30816" s="15">
        <v>45532</v>
      </c>
      <c r="F30816" s="14" t="s">
        <v>15</v>
      </c>
      <c r="G30816" s="16">
        <v>0</v>
      </c>
    </row>
    <row r="30817" spans="1:7" x14ac:dyDescent="0.3">
      <c r="A30817" s="13" t="s">
        <v>192</v>
      </c>
      <c r="B30817" s="14" t="s">
        <v>1</v>
      </c>
      <c r="C30817" s="14" t="s">
        <v>17</v>
      </c>
      <c r="D30817" s="14" t="s">
        <v>193</v>
      </c>
      <c r="E30817" s="15">
        <v>45533</v>
      </c>
      <c r="F30817" s="14" t="s">
        <v>15</v>
      </c>
      <c r="G30817" s="16">
        <v>0</v>
      </c>
    </row>
    <row r="30818" spans="1:7" x14ac:dyDescent="0.3">
      <c r="A30818" s="13" t="s">
        <v>192</v>
      </c>
      <c r="B30818" s="14" t="s">
        <v>1</v>
      </c>
      <c r="C30818" s="14" t="s">
        <v>17</v>
      </c>
      <c r="D30818" s="14" t="s">
        <v>193</v>
      </c>
      <c r="E30818" s="15">
        <v>45534</v>
      </c>
      <c r="F30818" s="14" t="s">
        <v>15</v>
      </c>
      <c r="G30818" s="16">
        <v>0</v>
      </c>
    </row>
    <row r="30819" spans="1:7" x14ac:dyDescent="0.3">
      <c r="A30819" s="13" t="s">
        <v>192</v>
      </c>
      <c r="B30819" s="14" t="s">
        <v>1</v>
      </c>
      <c r="C30819" s="14" t="s">
        <v>17</v>
      </c>
      <c r="D30819" s="14" t="s">
        <v>193</v>
      </c>
      <c r="E30819" s="15">
        <v>45535</v>
      </c>
      <c r="F30819" s="14" t="s">
        <v>15</v>
      </c>
      <c r="G30819" s="16">
        <v>0</v>
      </c>
    </row>
    <row r="30820" spans="1:7" x14ac:dyDescent="0.3">
      <c r="A30820" s="13" t="s">
        <v>192</v>
      </c>
      <c r="B30820" s="14" t="s">
        <v>1</v>
      </c>
      <c r="C30820" s="14" t="s">
        <v>17</v>
      </c>
      <c r="D30820" s="14" t="s">
        <v>193</v>
      </c>
      <c r="E30820" s="15">
        <v>45536</v>
      </c>
      <c r="F30820" s="14" t="s">
        <v>15</v>
      </c>
      <c r="G30820" s="16">
        <v>0</v>
      </c>
    </row>
    <row r="30821" spans="1:7" x14ac:dyDescent="0.3">
      <c r="A30821" s="13" t="s">
        <v>192</v>
      </c>
      <c r="B30821" s="14" t="s">
        <v>1</v>
      </c>
      <c r="C30821" s="14" t="s">
        <v>17</v>
      </c>
      <c r="D30821" s="14" t="s">
        <v>193</v>
      </c>
      <c r="E30821" s="15">
        <v>45537</v>
      </c>
      <c r="F30821" s="14" t="s">
        <v>15</v>
      </c>
      <c r="G30821" s="16">
        <v>0</v>
      </c>
    </row>
    <row r="30822" spans="1:7" x14ac:dyDescent="0.3">
      <c r="A30822" s="13" t="s">
        <v>192</v>
      </c>
      <c r="B30822" s="14" t="s">
        <v>1</v>
      </c>
      <c r="C30822" s="14" t="s">
        <v>17</v>
      </c>
      <c r="D30822" s="14" t="s">
        <v>193</v>
      </c>
      <c r="E30822" s="15">
        <v>45538</v>
      </c>
      <c r="F30822" s="14" t="s">
        <v>15</v>
      </c>
      <c r="G30822" s="16">
        <v>0</v>
      </c>
    </row>
    <row r="30823" spans="1:7" x14ac:dyDescent="0.3">
      <c r="A30823" s="13" t="s">
        <v>192</v>
      </c>
      <c r="B30823" s="14" t="s">
        <v>1</v>
      </c>
      <c r="C30823" s="14" t="s">
        <v>17</v>
      </c>
      <c r="D30823" s="14" t="s">
        <v>193</v>
      </c>
      <c r="E30823" s="15">
        <v>45539</v>
      </c>
      <c r="F30823" s="14" t="s">
        <v>15</v>
      </c>
      <c r="G30823" s="16">
        <v>0</v>
      </c>
    </row>
    <row r="30824" spans="1:7" x14ac:dyDescent="0.3">
      <c r="A30824" s="13" t="s">
        <v>192</v>
      </c>
      <c r="B30824" s="14" t="s">
        <v>1</v>
      </c>
      <c r="C30824" s="14" t="s">
        <v>17</v>
      </c>
      <c r="D30824" s="14" t="s">
        <v>193</v>
      </c>
      <c r="E30824" s="15">
        <v>45540</v>
      </c>
      <c r="F30824" s="14" t="s">
        <v>15</v>
      </c>
      <c r="G30824" s="16">
        <v>0</v>
      </c>
    </row>
    <row r="30825" spans="1:7" x14ac:dyDescent="0.3">
      <c r="A30825" s="13" t="s">
        <v>192</v>
      </c>
      <c r="B30825" s="14" t="s">
        <v>1</v>
      </c>
      <c r="C30825" s="14" t="s">
        <v>17</v>
      </c>
      <c r="D30825" s="14" t="s">
        <v>193</v>
      </c>
      <c r="E30825" s="15">
        <v>45541</v>
      </c>
      <c r="F30825" s="14" t="s">
        <v>15</v>
      </c>
      <c r="G30825" s="16">
        <v>0</v>
      </c>
    </row>
    <row r="30826" spans="1:7" x14ac:dyDescent="0.3">
      <c r="A30826" s="13" t="s">
        <v>192</v>
      </c>
      <c r="B30826" s="14" t="s">
        <v>1</v>
      </c>
      <c r="C30826" s="14" t="s">
        <v>17</v>
      </c>
      <c r="D30826" s="14" t="s">
        <v>193</v>
      </c>
      <c r="E30826" s="15">
        <v>45542</v>
      </c>
      <c r="F30826" s="14" t="s">
        <v>15</v>
      </c>
      <c r="G30826" s="16">
        <v>0</v>
      </c>
    </row>
    <row r="30827" spans="1:7" x14ac:dyDescent="0.3">
      <c r="A30827" s="13" t="s">
        <v>192</v>
      </c>
      <c r="B30827" s="14" t="s">
        <v>1</v>
      </c>
      <c r="C30827" s="14" t="s">
        <v>17</v>
      </c>
      <c r="D30827" s="14" t="s">
        <v>193</v>
      </c>
      <c r="E30827" s="15">
        <v>45543</v>
      </c>
      <c r="F30827" s="14" t="s">
        <v>15</v>
      </c>
      <c r="G30827" s="16">
        <v>0</v>
      </c>
    </row>
    <row r="30828" spans="1:7" x14ac:dyDescent="0.3">
      <c r="A30828" s="13" t="s">
        <v>192</v>
      </c>
      <c r="B30828" s="14" t="s">
        <v>1</v>
      </c>
      <c r="C30828" s="14" t="s">
        <v>17</v>
      </c>
      <c r="D30828" s="14" t="s">
        <v>193</v>
      </c>
      <c r="E30828" s="15">
        <v>45544</v>
      </c>
      <c r="F30828" s="14" t="s">
        <v>15</v>
      </c>
      <c r="G30828" s="16">
        <v>0</v>
      </c>
    </row>
    <row r="30829" spans="1:7" x14ac:dyDescent="0.3">
      <c r="A30829" s="13" t="s">
        <v>192</v>
      </c>
      <c r="B30829" s="14" t="s">
        <v>1</v>
      </c>
      <c r="C30829" s="14" t="s">
        <v>17</v>
      </c>
      <c r="D30829" s="14" t="s">
        <v>193</v>
      </c>
      <c r="E30829" s="15">
        <v>45545</v>
      </c>
      <c r="F30829" s="14" t="s">
        <v>15</v>
      </c>
      <c r="G30829" s="16">
        <v>0</v>
      </c>
    </row>
    <row r="30830" spans="1:7" x14ac:dyDescent="0.3">
      <c r="A30830" s="13" t="s">
        <v>192</v>
      </c>
      <c r="B30830" s="14" t="s">
        <v>1</v>
      </c>
      <c r="C30830" s="14" t="s">
        <v>17</v>
      </c>
      <c r="D30830" s="14" t="s">
        <v>193</v>
      </c>
      <c r="E30830" s="15">
        <v>45546</v>
      </c>
      <c r="F30830" s="14" t="s">
        <v>15</v>
      </c>
      <c r="G30830" s="16">
        <v>0</v>
      </c>
    </row>
    <row r="30831" spans="1:7" x14ac:dyDescent="0.3">
      <c r="A30831" s="13" t="s">
        <v>192</v>
      </c>
      <c r="B30831" s="14" t="s">
        <v>1</v>
      </c>
      <c r="C30831" s="14" t="s">
        <v>17</v>
      </c>
      <c r="D30831" s="14" t="s">
        <v>193</v>
      </c>
      <c r="E30831" s="15">
        <v>45547</v>
      </c>
      <c r="F30831" s="14" t="s">
        <v>15</v>
      </c>
      <c r="G30831" s="16">
        <v>0</v>
      </c>
    </row>
    <row r="30832" spans="1:7" x14ac:dyDescent="0.3">
      <c r="A30832" s="13" t="s">
        <v>192</v>
      </c>
      <c r="B30832" s="14" t="s">
        <v>1</v>
      </c>
      <c r="C30832" s="14" t="s">
        <v>17</v>
      </c>
      <c r="D30832" s="14" t="s">
        <v>193</v>
      </c>
      <c r="E30832" s="15">
        <v>45548</v>
      </c>
      <c r="F30832" s="14" t="s">
        <v>15</v>
      </c>
      <c r="G30832" s="16">
        <v>0</v>
      </c>
    </row>
    <row r="30833" spans="1:7" x14ac:dyDescent="0.3">
      <c r="A30833" s="13" t="s">
        <v>192</v>
      </c>
      <c r="B30833" s="14" t="s">
        <v>1</v>
      </c>
      <c r="C30833" s="14" t="s">
        <v>17</v>
      </c>
      <c r="D30833" s="14" t="s">
        <v>193</v>
      </c>
      <c r="E30833" s="15">
        <v>45549</v>
      </c>
      <c r="F30833" s="14" t="s">
        <v>15</v>
      </c>
      <c r="G30833" s="16">
        <v>0</v>
      </c>
    </row>
    <row r="30834" spans="1:7" x14ac:dyDescent="0.3">
      <c r="A30834" s="13" t="s">
        <v>192</v>
      </c>
      <c r="B30834" s="14" t="s">
        <v>1</v>
      </c>
      <c r="C30834" s="14" t="s">
        <v>17</v>
      </c>
      <c r="D30834" s="14" t="s">
        <v>193</v>
      </c>
      <c r="E30834" s="15">
        <v>45550</v>
      </c>
      <c r="F30834" s="14" t="s">
        <v>15</v>
      </c>
      <c r="G30834" s="16">
        <v>0</v>
      </c>
    </row>
    <row r="30835" spans="1:7" x14ac:dyDescent="0.3">
      <c r="A30835" s="13" t="s">
        <v>192</v>
      </c>
      <c r="B30835" s="14" t="s">
        <v>1</v>
      </c>
      <c r="C30835" s="14" t="s">
        <v>17</v>
      </c>
      <c r="D30835" s="14" t="s">
        <v>193</v>
      </c>
      <c r="E30835" s="15">
        <v>45551</v>
      </c>
      <c r="F30835" s="14" t="s">
        <v>15</v>
      </c>
      <c r="G30835" s="16">
        <v>0</v>
      </c>
    </row>
    <row r="30836" spans="1:7" x14ac:dyDescent="0.3">
      <c r="A30836" s="13" t="s">
        <v>192</v>
      </c>
      <c r="B30836" s="14" t="s">
        <v>1</v>
      </c>
      <c r="C30836" s="14" t="s">
        <v>17</v>
      </c>
      <c r="D30836" s="14" t="s">
        <v>193</v>
      </c>
      <c r="E30836" s="15">
        <v>45552</v>
      </c>
      <c r="F30836" s="14" t="s">
        <v>15</v>
      </c>
      <c r="G30836" s="16">
        <v>0</v>
      </c>
    </row>
    <row r="30837" spans="1:7" x14ac:dyDescent="0.3">
      <c r="A30837" s="13" t="s">
        <v>192</v>
      </c>
      <c r="B30837" s="14" t="s">
        <v>1</v>
      </c>
      <c r="C30837" s="14" t="s">
        <v>17</v>
      </c>
      <c r="D30837" s="14" t="s">
        <v>193</v>
      </c>
      <c r="E30837" s="15">
        <v>45553</v>
      </c>
      <c r="F30837" s="14" t="s">
        <v>15</v>
      </c>
      <c r="G30837" s="16">
        <v>0</v>
      </c>
    </row>
    <row r="30838" spans="1:7" x14ac:dyDescent="0.3">
      <c r="A30838" s="13" t="s">
        <v>192</v>
      </c>
      <c r="B30838" s="14" t="s">
        <v>1</v>
      </c>
      <c r="C30838" s="14" t="s">
        <v>17</v>
      </c>
      <c r="D30838" s="14" t="s">
        <v>193</v>
      </c>
      <c r="E30838" s="15">
        <v>45554</v>
      </c>
      <c r="F30838" s="14" t="s">
        <v>15</v>
      </c>
      <c r="G30838" s="16">
        <v>0</v>
      </c>
    </row>
    <row r="30839" spans="1:7" x14ac:dyDescent="0.3">
      <c r="A30839" s="13" t="s">
        <v>192</v>
      </c>
      <c r="B30839" s="14" t="s">
        <v>1</v>
      </c>
      <c r="C30839" s="14" t="s">
        <v>17</v>
      </c>
      <c r="D30839" s="14" t="s">
        <v>193</v>
      </c>
      <c r="E30839" s="15">
        <v>45555</v>
      </c>
      <c r="F30839" s="14" t="s">
        <v>15</v>
      </c>
      <c r="G30839" s="16">
        <v>0</v>
      </c>
    </row>
    <row r="30840" spans="1:7" x14ac:dyDescent="0.3">
      <c r="A30840" s="13" t="s">
        <v>192</v>
      </c>
      <c r="B30840" s="14" t="s">
        <v>1</v>
      </c>
      <c r="C30840" s="14" t="s">
        <v>17</v>
      </c>
      <c r="D30840" s="14" t="s">
        <v>193</v>
      </c>
      <c r="E30840" s="15">
        <v>45556</v>
      </c>
      <c r="F30840" s="14" t="s">
        <v>15</v>
      </c>
      <c r="G30840" s="16">
        <v>0</v>
      </c>
    </row>
    <row r="30841" spans="1:7" x14ac:dyDescent="0.3">
      <c r="A30841" s="13" t="s">
        <v>192</v>
      </c>
      <c r="B30841" s="14" t="s">
        <v>1</v>
      </c>
      <c r="C30841" s="14" t="s">
        <v>17</v>
      </c>
      <c r="D30841" s="14" t="s">
        <v>193</v>
      </c>
      <c r="E30841" s="15">
        <v>45557</v>
      </c>
      <c r="F30841" s="14" t="s">
        <v>15</v>
      </c>
      <c r="G30841" s="16">
        <v>0</v>
      </c>
    </row>
    <row r="30842" spans="1:7" x14ac:dyDescent="0.3">
      <c r="A30842" s="13" t="s">
        <v>192</v>
      </c>
      <c r="B30842" s="14" t="s">
        <v>1</v>
      </c>
      <c r="C30842" s="14" t="s">
        <v>17</v>
      </c>
      <c r="D30842" s="14" t="s">
        <v>193</v>
      </c>
      <c r="E30842" s="15">
        <v>45558</v>
      </c>
      <c r="F30842" s="14" t="s">
        <v>15</v>
      </c>
      <c r="G30842" s="16">
        <v>0</v>
      </c>
    </row>
    <row r="30843" spans="1:7" x14ac:dyDescent="0.3">
      <c r="A30843" s="13" t="s">
        <v>192</v>
      </c>
      <c r="B30843" s="14" t="s">
        <v>1</v>
      </c>
      <c r="C30843" s="14" t="s">
        <v>17</v>
      </c>
      <c r="D30843" s="14" t="s">
        <v>193</v>
      </c>
      <c r="E30843" s="15">
        <v>45559</v>
      </c>
      <c r="F30843" s="14" t="s">
        <v>15</v>
      </c>
      <c r="G30843" s="16">
        <v>0</v>
      </c>
    </row>
    <row r="30844" spans="1:7" x14ac:dyDescent="0.3">
      <c r="A30844" s="13" t="s">
        <v>192</v>
      </c>
      <c r="B30844" s="14" t="s">
        <v>1</v>
      </c>
      <c r="C30844" s="14" t="s">
        <v>17</v>
      </c>
      <c r="D30844" s="14" t="s">
        <v>193</v>
      </c>
      <c r="E30844" s="15">
        <v>45560</v>
      </c>
      <c r="F30844" s="14" t="s">
        <v>15</v>
      </c>
      <c r="G30844" s="16">
        <v>0</v>
      </c>
    </row>
    <row r="30845" spans="1:7" x14ac:dyDescent="0.3">
      <c r="A30845" s="13" t="s">
        <v>192</v>
      </c>
      <c r="B30845" s="14" t="s">
        <v>1</v>
      </c>
      <c r="C30845" s="14" t="s">
        <v>17</v>
      </c>
      <c r="D30845" s="14" t="s">
        <v>193</v>
      </c>
      <c r="E30845" s="15">
        <v>45561</v>
      </c>
      <c r="F30845" s="14" t="s">
        <v>15</v>
      </c>
      <c r="G30845" s="16">
        <v>0</v>
      </c>
    </row>
    <row r="30846" spans="1:7" x14ac:dyDescent="0.3">
      <c r="A30846" s="13" t="s">
        <v>192</v>
      </c>
      <c r="B30846" s="14" t="s">
        <v>1</v>
      </c>
      <c r="C30846" s="14" t="s">
        <v>17</v>
      </c>
      <c r="D30846" s="14" t="s">
        <v>193</v>
      </c>
      <c r="E30846" s="15">
        <v>45562</v>
      </c>
      <c r="F30846" s="14" t="s">
        <v>15</v>
      </c>
      <c r="G30846" s="16">
        <v>0</v>
      </c>
    </row>
    <row r="30847" spans="1:7" x14ac:dyDescent="0.3">
      <c r="A30847" s="13" t="s">
        <v>192</v>
      </c>
      <c r="B30847" s="14" t="s">
        <v>1</v>
      </c>
      <c r="C30847" s="14" t="s">
        <v>17</v>
      </c>
      <c r="D30847" s="14" t="s">
        <v>193</v>
      </c>
      <c r="E30847" s="15">
        <v>45563</v>
      </c>
      <c r="F30847" s="14" t="s">
        <v>15</v>
      </c>
      <c r="G30847" s="16">
        <v>0</v>
      </c>
    </row>
    <row r="30848" spans="1:7" x14ac:dyDescent="0.3">
      <c r="A30848" s="13" t="s">
        <v>192</v>
      </c>
      <c r="B30848" s="14" t="s">
        <v>1</v>
      </c>
      <c r="C30848" s="14" t="s">
        <v>17</v>
      </c>
      <c r="D30848" s="14" t="s">
        <v>193</v>
      </c>
      <c r="E30848" s="15">
        <v>45564</v>
      </c>
      <c r="F30848" s="14" t="s">
        <v>15</v>
      </c>
      <c r="G30848" s="16">
        <v>0</v>
      </c>
    </row>
    <row r="30849" spans="1:7" x14ac:dyDescent="0.3">
      <c r="A30849" s="13" t="s">
        <v>192</v>
      </c>
      <c r="B30849" s="14" t="s">
        <v>1</v>
      </c>
      <c r="C30849" s="14" t="s">
        <v>17</v>
      </c>
      <c r="D30849" s="14" t="s">
        <v>193</v>
      </c>
      <c r="E30849" s="15">
        <v>45565</v>
      </c>
      <c r="F30849" s="14" t="s">
        <v>15</v>
      </c>
      <c r="G30849" s="16">
        <v>0</v>
      </c>
    </row>
    <row r="30850" spans="1:7" x14ac:dyDescent="0.3">
      <c r="A30850" s="13" t="s">
        <v>192</v>
      </c>
      <c r="B30850" s="14" t="s">
        <v>1</v>
      </c>
      <c r="C30850" s="14" t="s">
        <v>17</v>
      </c>
      <c r="D30850" s="14" t="s">
        <v>193</v>
      </c>
      <c r="E30850" s="15">
        <v>45566</v>
      </c>
      <c r="F30850" s="14" t="s">
        <v>15</v>
      </c>
      <c r="G30850" s="16">
        <v>0</v>
      </c>
    </row>
    <row r="30851" spans="1:7" x14ac:dyDescent="0.3">
      <c r="A30851" s="13" t="s">
        <v>192</v>
      </c>
      <c r="B30851" s="14" t="s">
        <v>1</v>
      </c>
      <c r="C30851" s="14" t="s">
        <v>17</v>
      </c>
      <c r="D30851" s="14" t="s">
        <v>193</v>
      </c>
      <c r="E30851" s="15">
        <v>45567</v>
      </c>
      <c r="F30851" s="14" t="s">
        <v>15</v>
      </c>
      <c r="G30851" s="16">
        <v>0</v>
      </c>
    </row>
    <row r="30852" spans="1:7" x14ac:dyDescent="0.3">
      <c r="A30852" s="13" t="s">
        <v>192</v>
      </c>
      <c r="B30852" s="14" t="s">
        <v>1</v>
      </c>
      <c r="C30852" s="14" t="s">
        <v>17</v>
      </c>
      <c r="D30852" s="14" t="s">
        <v>193</v>
      </c>
      <c r="E30852" s="15">
        <v>45568</v>
      </c>
      <c r="F30852" s="14" t="s">
        <v>15</v>
      </c>
      <c r="G30852" s="16">
        <v>0</v>
      </c>
    </row>
    <row r="30853" spans="1:7" x14ac:dyDescent="0.3">
      <c r="A30853" s="13" t="s">
        <v>192</v>
      </c>
      <c r="B30853" s="14" t="s">
        <v>1</v>
      </c>
      <c r="C30853" s="14" t="s">
        <v>17</v>
      </c>
      <c r="D30853" s="14" t="s">
        <v>193</v>
      </c>
      <c r="E30853" s="15">
        <v>45569</v>
      </c>
      <c r="F30853" s="14" t="s">
        <v>15</v>
      </c>
      <c r="G30853" s="16">
        <v>0</v>
      </c>
    </row>
    <row r="30854" spans="1:7" x14ac:dyDescent="0.3">
      <c r="A30854" s="13" t="s">
        <v>192</v>
      </c>
      <c r="B30854" s="14" t="s">
        <v>1</v>
      </c>
      <c r="C30854" s="14" t="s">
        <v>17</v>
      </c>
      <c r="D30854" s="14" t="s">
        <v>193</v>
      </c>
      <c r="E30854" s="15">
        <v>45570</v>
      </c>
      <c r="F30854" s="14" t="s">
        <v>15</v>
      </c>
      <c r="G30854" s="16">
        <v>0</v>
      </c>
    </row>
    <row r="30855" spans="1:7" x14ac:dyDescent="0.3">
      <c r="A30855" s="13" t="s">
        <v>192</v>
      </c>
      <c r="B30855" s="14" t="s">
        <v>1</v>
      </c>
      <c r="C30855" s="14" t="s">
        <v>17</v>
      </c>
      <c r="D30855" s="14" t="s">
        <v>193</v>
      </c>
      <c r="E30855" s="15">
        <v>45571</v>
      </c>
      <c r="F30855" s="14" t="s">
        <v>15</v>
      </c>
      <c r="G30855" s="16">
        <v>0</v>
      </c>
    </row>
    <row r="30856" spans="1:7" x14ac:dyDescent="0.3">
      <c r="A30856" s="13" t="s">
        <v>192</v>
      </c>
      <c r="B30856" s="14" t="s">
        <v>1</v>
      </c>
      <c r="C30856" s="14" t="s">
        <v>17</v>
      </c>
      <c r="D30856" s="14" t="s">
        <v>193</v>
      </c>
      <c r="E30856" s="15">
        <v>45572</v>
      </c>
      <c r="F30856" s="14" t="s">
        <v>15</v>
      </c>
      <c r="G30856" s="16">
        <v>0</v>
      </c>
    </row>
    <row r="30857" spans="1:7" x14ac:dyDescent="0.3">
      <c r="A30857" s="13" t="s">
        <v>192</v>
      </c>
      <c r="B30857" s="14" t="s">
        <v>1</v>
      </c>
      <c r="C30857" s="14" t="s">
        <v>17</v>
      </c>
      <c r="D30857" s="14" t="s">
        <v>193</v>
      </c>
      <c r="E30857" s="15">
        <v>45573</v>
      </c>
      <c r="F30857" s="14" t="s">
        <v>15</v>
      </c>
      <c r="G30857" s="16">
        <v>0</v>
      </c>
    </row>
    <row r="30858" spans="1:7" x14ac:dyDescent="0.3">
      <c r="A30858" s="13" t="s">
        <v>192</v>
      </c>
      <c r="B30858" s="14" t="s">
        <v>1</v>
      </c>
      <c r="C30858" s="14" t="s">
        <v>17</v>
      </c>
      <c r="D30858" s="14" t="s">
        <v>193</v>
      </c>
      <c r="E30858" s="15">
        <v>45574</v>
      </c>
      <c r="F30858" s="14" t="s">
        <v>15</v>
      </c>
      <c r="G30858" s="16">
        <v>0</v>
      </c>
    </row>
    <row r="30859" spans="1:7" x14ac:dyDescent="0.3">
      <c r="A30859" s="13" t="s">
        <v>192</v>
      </c>
      <c r="B30859" s="14" t="s">
        <v>1</v>
      </c>
      <c r="C30859" s="14" t="s">
        <v>17</v>
      </c>
      <c r="D30859" s="14" t="s">
        <v>193</v>
      </c>
      <c r="E30859" s="15">
        <v>45575</v>
      </c>
      <c r="F30859" s="14" t="s">
        <v>15</v>
      </c>
      <c r="G30859" s="16">
        <v>0</v>
      </c>
    </row>
    <row r="30860" spans="1:7" x14ac:dyDescent="0.3">
      <c r="A30860" s="13" t="s">
        <v>192</v>
      </c>
      <c r="B30860" s="14" t="s">
        <v>1</v>
      </c>
      <c r="C30860" s="14" t="s">
        <v>17</v>
      </c>
      <c r="D30860" s="14" t="s">
        <v>193</v>
      </c>
      <c r="E30860" s="15">
        <v>45576</v>
      </c>
      <c r="F30860" s="14" t="s">
        <v>15</v>
      </c>
      <c r="G30860" s="16">
        <v>0</v>
      </c>
    </row>
    <row r="30861" spans="1:7" x14ac:dyDescent="0.3">
      <c r="A30861" s="13" t="s">
        <v>192</v>
      </c>
      <c r="B30861" s="14" t="s">
        <v>1</v>
      </c>
      <c r="C30861" s="14" t="s">
        <v>17</v>
      </c>
      <c r="D30861" s="14" t="s">
        <v>193</v>
      </c>
      <c r="E30861" s="15">
        <v>45577</v>
      </c>
      <c r="F30861" s="14" t="s">
        <v>15</v>
      </c>
      <c r="G30861" s="16">
        <v>0</v>
      </c>
    </row>
    <row r="30862" spans="1:7" x14ac:dyDescent="0.3">
      <c r="A30862" s="13" t="s">
        <v>192</v>
      </c>
      <c r="B30862" s="14" t="s">
        <v>1</v>
      </c>
      <c r="C30862" s="14" t="s">
        <v>17</v>
      </c>
      <c r="D30862" s="14" t="s">
        <v>193</v>
      </c>
      <c r="E30862" s="15">
        <v>45578</v>
      </c>
      <c r="F30862" s="14" t="s">
        <v>15</v>
      </c>
      <c r="G30862" s="16">
        <v>0</v>
      </c>
    </row>
    <row r="30863" spans="1:7" x14ac:dyDescent="0.3">
      <c r="A30863" s="13" t="s">
        <v>192</v>
      </c>
      <c r="B30863" s="14" t="s">
        <v>1</v>
      </c>
      <c r="C30863" s="14" t="s">
        <v>17</v>
      </c>
      <c r="D30863" s="14" t="s">
        <v>193</v>
      </c>
      <c r="E30863" s="15">
        <v>45579</v>
      </c>
      <c r="F30863" s="14" t="s">
        <v>15</v>
      </c>
      <c r="G30863" s="16">
        <v>0</v>
      </c>
    </row>
    <row r="30864" spans="1:7" x14ac:dyDescent="0.3">
      <c r="A30864" s="13" t="s">
        <v>192</v>
      </c>
      <c r="B30864" s="14" t="s">
        <v>1</v>
      </c>
      <c r="C30864" s="14" t="s">
        <v>17</v>
      </c>
      <c r="D30864" s="14" t="s">
        <v>193</v>
      </c>
      <c r="E30864" s="15">
        <v>45580</v>
      </c>
      <c r="F30864" s="14" t="s">
        <v>15</v>
      </c>
      <c r="G30864" s="16">
        <v>0</v>
      </c>
    </row>
    <row r="30865" spans="1:7" x14ac:dyDescent="0.3">
      <c r="A30865" s="13" t="s">
        <v>192</v>
      </c>
      <c r="B30865" s="14" t="s">
        <v>1</v>
      </c>
      <c r="C30865" s="14" t="s">
        <v>17</v>
      </c>
      <c r="D30865" s="14" t="s">
        <v>193</v>
      </c>
      <c r="E30865" s="15">
        <v>45581</v>
      </c>
      <c r="F30865" s="14" t="s">
        <v>15</v>
      </c>
      <c r="G30865" s="16">
        <v>0</v>
      </c>
    </row>
    <row r="30866" spans="1:7" x14ac:dyDescent="0.3">
      <c r="A30866" s="13" t="s">
        <v>192</v>
      </c>
      <c r="B30866" s="14" t="s">
        <v>1</v>
      </c>
      <c r="C30866" s="14" t="s">
        <v>17</v>
      </c>
      <c r="D30866" s="14" t="s">
        <v>193</v>
      </c>
      <c r="E30866" s="15">
        <v>45582</v>
      </c>
      <c r="F30866" s="14" t="s">
        <v>15</v>
      </c>
      <c r="G30866" s="16">
        <v>0</v>
      </c>
    </row>
    <row r="30867" spans="1:7" x14ac:dyDescent="0.3">
      <c r="A30867" s="13" t="s">
        <v>192</v>
      </c>
      <c r="B30867" s="14" t="s">
        <v>1</v>
      </c>
      <c r="C30867" s="14" t="s">
        <v>17</v>
      </c>
      <c r="D30867" s="14" t="s">
        <v>193</v>
      </c>
      <c r="E30867" s="15">
        <v>45583</v>
      </c>
      <c r="F30867" s="14" t="s">
        <v>15</v>
      </c>
      <c r="G30867" s="16">
        <v>0</v>
      </c>
    </row>
    <row r="30868" spans="1:7" x14ac:dyDescent="0.3">
      <c r="A30868" s="13" t="s">
        <v>192</v>
      </c>
      <c r="B30868" s="14" t="s">
        <v>1</v>
      </c>
      <c r="C30868" s="14" t="s">
        <v>17</v>
      </c>
      <c r="D30868" s="14" t="s">
        <v>193</v>
      </c>
      <c r="E30868" s="15">
        <v>45584</v>
      </c>
      <c r="F30868" s="14" t="s">
        <v>15</v>
      </c>
      <c r="G30868" s="16">
        <v>0</v>
      </c>
    </row>
    <row r="30869" spans="1:7" x14ac:dyDescent="0.3">
      <c r="A30869" s="13" t="s">
        <v>192</v>
      </c>
      <c r="B30869" s="14" t="s">
        <v>1</v>
      </c>
      <c r="C30869" s="14" t="s">
        <v>17</v>
      </c>
      <c r="D30869" s="14" t="s">
        <v>193</v>
      </c>
      <c r="E30869" s="15">
        <v>45585</v>
      </c>
      <c r="F30869" s="14" t="s">
        <v>15</v>
      </c>
      <c r="G30869" s="16">
        <v>0</v>
      </c>
    </row>
    <row r="30870" spans="1:7" x14ac:dyDescent="0.3">
      <c r="A30870" s="13" t="s">
        <v>192</v>
      </c>
      <c r="B30870" s="14" t="s">
        <v>1</v>
      </c>
      <c r="C30870" s="14" t="s">
        <v>17</v>
      </c>
      <c r="D30870" s="14" t="s">
        <v>193</v>
      </c>
      <c r="E30870" s="15">
        <v>45586</v>
      </c>
      <c r="F30870" s="14" t="s">
        <v>15</v>
      </c>
      <c r="G30870" s="16">
        <v>0</v>
      </c>
    </row>
    <row r="30871" spans="1:7" x14ac:dyDescent="0.3">
      <c r="A30871" s="13" t="s">
        <v>192</v>
      </c>
      <c r="B30871" s="14" t="s">
        <v>1</v>
      </c>
      <c r="C30871" s="14" t="s">
        <v>17</v>
      </c>
      <c r="D30871" s="14" t="s">
        <v>193</v>
      </c>
      <c r="E30871" s="15">
        <v>45587</v>
      </c>
      <c r="F30871" s="14" t="s">
        <v>15</v>
      </c>
      <c r="G30871" s="16">
        <v>0</v>
      </c>
    </row>
    <row r="30872" spans="1:7" x14ac:dyDescent="0.3">
      <c r="A30872" s="13" t="s">
        <v>192</v>
      </c>
      <c r="B30872" s="14" t="s">
        <v>1</v>
      </c>
      <c r="C30872" s="14" t="s">
        <v>17</v>
      </c>
      <c r="D30872" s="14" t="s">
        <v>193</v>
      </c>
      <c r="E30872" s="15">
        <v>45588</v>
      </c>
      <c r="F30872" s="14" t="s">
        <v>15</v>
      </c>
      <c r="G30872" s="16">
        <v>0</v>
      </c>
    </row>
    <row r="30873" spans="1:7" x14ac:dyDescent="0.3">
      <c r="A30873" s="13" t="s">
        <v>192</v>
      </c>
      <c r="B30873" s="14" t="s">
        <v>1</v>
      </c>
      <c r="C30873" s="14" t="s">
        <v>17</v>
      </c>
      <c r="D30873" s="14" t="s">
        <v>193</v>
      </c>
      <c r="E30873" s="15">
        <v>45589</v>
      </c>
      <c r="F30873" s="14" t="s">
        <v>15</v>
      </c>
      <c r="G30873" s="16">
        <v>0</v>
      </c>
    </row>
    <row r="30874" spans="1:7" x14ac:dyDescent="0.3">
      <c r="A30874" s="13" t="s">
        <v>192</v>
      </c>
      <c r="B30874" s="14" t="s">
        <v>1</v>
      </c>
      <c r="C30874" s="14" t="s">
        <v>17</v>
      </c>
      <c r="D30874" s="14" t="s">
        <v>193</v>
      </c>
      <c r="E30874" s="15">
        <v>45590</v>
      </c>
      <c r="F30874" s="14" t="s">
        <v>15</v>
      </c>
      <c r="G30874" s="16">
        <v>0</v>
      </c>
    </row>
    <row r="30875" spans="1:7" x14ac:dyDescent="0.3">
      <c r="A30875" s="13" t="s">
        <v>192</v>
      </c>
      <c r="B30875" s="14" t="s">
        <v>1</v>
      </c>
      <c r="C30875" s="14" t="s">
        <v>17</v>
      </c>
      <c r="D30875" s="14" t="s">
        <v>193</v>
      </c>
      <c r="E30875" s="15">
        <v>45591</v>
      </c>
      <c r="F30875" s="14" t="s">
        <v>15</v>
      </c>
      <c r="G30875" s="16">
        <v>0</v>
      </c>
    </row>
    <row r="30876" spans="1:7" x14ac:dyDescent="0.3">
      <c r="A30876" s="13" t="s">
        <v>192</v>
      </c>
      <c r="B30876" s="14" t="s">
        <v>1</v>
      </c>
      <c r="C30876" s="14" t="s">
        <v>17</v>
      </c>
      <c r="D30876" s="14" t="s">
        <v>193</v>
      </c>
      <c r="E30876" s="15">
        <v>45592</v>
      </c>
      <c r="F30876" s="14" t="s">
        <v>15</v>
      </c>
      <c r="G30876" s="16">
        <v>0</v>
      </c>
    </row>
    <row r="30877" spans="1:7" x14ac:dyDescent="0.3">
      <c r="A30877" s="13" t="s">
        <v>192</v>
      </c>
      <c r="B30877" s="14" t="s">
        <v>1</v>
      </c>
      <c r="C30877" s="14" t="s">
        <v>17</v>
      </c>
      <c r="D30877" s="14" t="s">
        <v>193</v>
      </c>
      <c r="E30877" s="15">
        <v>45593</v>
      </c>
      <c r="F30877" s="14" t="s">
        <v>15</v>
      </c>
      <c r="G30877" s="16">
        <v>0</v>
      </c>
    </row>
    <row r="30878" spans="1:7" x14ac:dyDescent="0.3">
      <c r="A30878" s="13" t="s">
        <v>192</v>
      </c>
      <c r="B30878" s="14" t="s">
        <v>1</v>
      </c>
      <c r="C30878" s="14" t="s">
        <v>17</v>
      </c>
      <c r="D30878" s="14" t="s">
        <v>193</v>
      </c>
      <c r="E30878" s="15">
        <v>45594</v>
      </c>
      <c r="F30878" s="14" t="s">
        <v>15</v>
      </c>
      <c r="G30878" s="16">
        <v>0</v>
      </c>
    </row>
    <row r="30879" spans="1:7" x14ac:dyDescent="0.3">
      <c r="A30879" s="13" t="s">
        <v>192</v>
      </c>
      <c r="B30879" s="14" t="s">
        <v>1</v>
      </c>
      <c r="C30879" s="14" t="s">
        <v>17</v>
      </c>
      <c r="D30879" s="14" t="s">
        <v>193</v>
      </c>
      <c r="E30879" s="15">
        <v>45595</v>
      </c>
      <c r="F30879" s="14" t="s">
        <v>15</v>
      </c>
      <c r="G30879" s="16">
        <v>0</v>
      </c>
    </row>
    <row r="30880" spans="1:7" x14ac:dyDescent="0.3">
      <c r="A30880" s="13" t="s">
        <v>192</v>
      </c>
      <c r="B30880" s="14" t="s">
        <v>1</v>
      </c>
      <c r="C30880" s="14" t="s">
        <v>17</v>
      </c>
      <c r="D30880" s="14" t="s">
        <v>193</v>
      </c>
      <c r="E30880" s="15">
        <v>45596</v>
      </c>
      <c r="F30880" s="14" t="s">
        <v>15</v>
      </c>
      <c r="G30880" s="16">
        <v>0</v>
      </c>
    </row>
    <row r="30881" spans="1:7" x14ac:dyDescent="0.3">
      <c r="A30881" s="13" t="s">
        <v>192</v>
      </c>
      <c r="B30881" s="14" t="s">
        <v>1</v>
      </c>
      <c r="C30881" s="14" t="s">
        <v>17</v>
      </c>
      <c r="D30881" s="14" t="s">
        <v>193</v>
      </c>
      <c r="E30881" s="15">
        <v>45597</v>
      </c>
      <c r="F30881" s="14" t="s">
        <v>15</v>
      </c>
      <c r="G30881" s="16">
        <v>0</v>
      </c>
    </row>
    <row r="30882" spans="1:7" x14ac:dyDescent="0.3">
      <c r="A30882" s="13" t="s">
        <v>192</v>
      </c>
      <c r="B30882" s="14" t="s">
        <v>1</v>
      </c>
      <c r="C30882" s="14" t="s">
        <v>17</v>
      </c>
      <c r="D30882" s="14" t="s">
        <v>193</v>
      </c>
      <c r="E30882" s="15">
        <v>45598</v>
      </c>
      <c r="F30882" s="14" t="s">
        <v>15</v>
      </c>
      <c r="G30882" s="16">
        <v>0</v>
      </c>
    </row>
    <row r="30883" spans="1:7" x14ac:dyDescent="0.3">
      <c r="A30883" s="13" t="s">
        <v>192</v>
      </c>
      <c r="B30883" s="14" t="s">
        <v>1</v>
      </c>
      <c r="C30883" s="14" t="s">
        <v>17</v>
      </c>
      <c r="D30883" s="14" t="s">
        <v>193</v>
      </c>
      <c r="E30883" s="15">
        <v>45599</v>
      </c>
      <c r="F30883" s="14" t="s">
        <v>15</v>
      </c>
      <c r="G30883" s="16">
        <v>0</v>
      </c>
    </row>
    <row r="30884" spans="1:7" x14ac:dyDescent="0.3">
      <c r="A30884" s="13" t="s">
        <v>192</v>
      </c>
      <c r="B30884" s="14" t="s">
        <v>1</v>
      </c>
      <c r="C30884" s="14" t="s">
        <v>17</v>
      </c>
      <c r="D30884" s="14" t="s">
        <v>193</v>
      </c>
      <c r="E30884" s="15">
        <v>45600</v>
      </c>
      <c r="F30884" s="14" t="s">
        <v>15</v>
      </c>
      <c r="G30884" s="16">
        <v>0</v>
      </c>
    </row>
    <row r="30885" spans="1:7" x14ac:dyDescent="0.3">
      <c r="A30885" s="13" t="s">
        <v>192</v>
      </c>
      <c r="B30885" s="14" t="s">
        <v>1</v>
      </c>
      <c r="C30885" s="14" t="s">
        <v>17</v>
      </c>
      <c r="D30885" s="14" t="s">
        <v>193</v>
      </c>
      <c r="E30885" s="15">
        <v>45601</v>
      </c>
      <c r="F30885" s="14" t="s">
        <v>15</v>
      </c>
      <c r="G30885" s="16">
        <v>0</v>
      </c>
    </row>
    <row r="30886" spans="1:7" x14ac:dyDescent="0.3">
      <c r="A30886" s="13" t="s">
        <v>192</v>
      </c>
      <c r="B30886" s="14" t="s">
        <v>1</v>
      </c>
      <c r="C30886" s="14" t="s">
        <v>17</v>
      </c>
      <c r="D30886" s="14" t="s">
        <v>193</v>
      </c>
      <c r="E30886" s="15">
        <v>45602</v>
      </c>
      <c r="F30886" s="14" t="s">
        <v>15</v>
      </c>
      <c r="G30886" s="16">
        <v>0</v>
      </c>
    </row>
    <row r="30887" spans="1:7" x14ac:dyDescent="0.3">
      <c r="A30887" s="13" t="s">
        <v>192</v>
      </c>
      <c r="B30887" s="14" t="s">
        <v>1</v>
      </c>
      <c r="C30887" s="14" t="s">
        <v>17</v>
      </c>
      <c r="D30887" s="14" t="s">
        <v>193</v>
      </c>
      <c r="E30887" s="15">
        <v>45603</v>
      </c>
      <c r="F30887" s="14" t="s">
        <v>15</v>
      </c>
      <c r="G30887" s="16">
        <v>0</v>
      </c>
    </row>
    <row r="30888" spans="1:7" x14ac:dyDescent="0.3">
      <c r="A30888" s="13" t="s">
        <v>192</v>
      </c>
      <c r="B30888" s="14" t="s">
        <v>1</v>
      </c>
      <c r="C30888" s="14" t="s">
        <v>17</v>
      </c>
      <c r="D30888" s="14" t="s">
        <v>193</v>
      </c>
      <c r="E30888" s="15">
        <v>45604</v>
      </c>
      <c r="F30888" s="14" t="s">
        <v>15</v>
      </c>
      <c r="G30888" s="16">
        <v>0</v>
      </c>
    </row>
    <row r="30889" spans="1:7" x14ac:dyDescent="0.3">
      <c r="A30889" s="13" t="s">
        <v>192</v>
      </c>
      <c r="B30889" s="14" t="s">
        <v>1</v>
      </c>
      <c r="C30889" s="14" t="s">
        <v>17</v>
      </c>
      <c r="D30889" s="14" t="s">
        <v>193</v>
      </c>
      <c r="E30889" s="15">
        <v>45605</v>
      </c>
      <c r="F30889" s="14" t="s">
        <v>15</v>
      </c>
      <c r="G30889" s="16">
        <v>0</v>
      </c>
    </row>
    <row r="30890" spans="1:7" x14ac:dyDescent="0.3">
      <c r="A30890" s="13" t="s">
        <v>192</v>
      </c>
      <c r="B30890" s="14" t="s">
        <v>1</v>
      </c>
      <c r="C30890" s="14" t="s">
        <v>17</v>
      </c>
      <c r="D30890" s="14" t="s">
        <v>193</v>
      </c>
      <c r="E30890" s="15">
        <v>45606</v>
      </c>
      <c r="F30890" s="14" t="s">
        <v>15</v>
      </c>
      <c r="G30890" s="16">
        <v>0</v>
      </c>
    </row>
    <row r="30891" spans="1:7" x14ac:dyDescent="0.3">
      <c r="A30891" s="13" t="s">
        <v>192</v>
      </c>
      <c r="B30891" s="14" t="s">
        <v>1</v>
      </c>
      <c r="C30891" s="14" t="s">
        <v>17</v>
      </c>
      <c r="D30891" s="14" t="s">
        <v>193</v>
      </c>
      <c r="E30891" s="15">
        <v>45607</v>
      </c>
      <c r="F30891" s="14" t="s">
        <v>15</v>
      </c>
      <c r="G30891" s="16">
        <v>0</v>
      </c>
    </row>
    <row r="30892" spans="1:7" x14ac:dyDescent="0.3">
      <c r="A30892" s="13" t="s">
        <v>192</v>
      </c>
      <c r="B30892" s="14" t="s">
        <v>1</v>
      </c>
      <c r="C30892" s="14" t="s">
        <v>17</v>
      </c>
      <c r="D30892" s="14" t="s">
        <v>193</v>
      </c>
      <c r="E30892" s="15">
        <v>45608</v>
      </c>
      <c r="F30892" s="14" t="s">
        <v>15</v>
      </c>
      <c r="G30892" s="16">
        <v>0</v>
      </c>
    </row>
    <row r="30893" spans="1:7" x14ac:dyDescent="0.3">
      <c r="A30893" s="13" t="s">
        <v>192</v>
      </c>
      <c r="B30893" s="14" t="s">
        <v>1</v>
      </c>
      <c r="C30893" s="14" t="s">
        <v>17</v>
      </c>
      <c r="D30893" s="14" t="s">
        <v>193</v>
      </c>
      <c r="E30893" s="15">
        <v>45609</v>
      </c>
      <c r="F30893" s="14" t="s">
        <v>15</v>
      </c>
      <c r="G30893" s="16">
        <v>0</v>
      </c>
    </row>
    <row r="30894" spans="1:7" x14ac:dyDescent="0.3">
      <c r="A30894" s="13" t="s">
        <v>192</v>
      </c>
      <c r="B30894" s="14" t="s">
        <v>1</v>
      </c>
      <c r="C30894" s="14" t="s">
        <v>17</v>
      </c>
      <c r="D30894" s="14" t="s">
        <v>193</v>
      </c>
      <c r="E30894" s="15">
        <v>45610</v>
      </c>
      <c r="F30894" s="14" t="s">
        <v>15</v>
      </c>
      <c r="G30894" s="16">
        <v>0</v>
      </c>
    </row>
    <row r="30895" spans="1:7" x14ac:dyDescent="0.3">
      <c r="A30895" s="13" t="s">
        <v>192</v>
      </c>
      <c r="B30895" s="14" t="s">
        <v>1</v>
      </c>
      <c r="C30895" s="14" t="s">
        <v>17</v>
      </c>
      <c r="D30895" s="14" t="s">
        <v>193</v>
      </c>
      <c r="E30895" s="15">
        <v>45611</v>
      </c>
      <c r="F30895" s="14" t="s">
        <v>15</v>
      </c>
      <c r="G30895" s="16">
        <v>0</v>
      </c>
    </row>
    <row r="30896" spans="1:7" x14ac:dyDescent="0.3">
      <c r="A30896" s="13" t="s">
        <v>192</v>
      </c>
      <c r="B30896" s="14" t="s">
        <v>1</v>
      </c>
      <c r="C30896" s="14" t="s">
        <v>17</v>
      </c>
      <c r="D30896" s="14" t="s">
        <v>193</v>
      </c>
      <c r="E30896" s="15">
        <v>45612</v>
      </c>
      <c r="F30896" s="14" t="s">
        <v>15</v>
      </c>
      <c r="G30896" s="16">
        <v>0</v>
      </c>
    </row>
    <row r="30897" spans="1:7" x14ac:dyDescent="0.3">
      <c r="A30897" s="13" t="s">
        <v>192</v>
      </c>
      <c r="B30897" s="14" t="s">
        <v>1</v>
      </c>
      <c r="C30897" s="14" t="s">
        <v>17</v>
      </c>
      <c r="D30897" s="14" t="s">
        <v>193</v>
      </c>
      <c r="E30897" s="15">
        <v>45613</v>
      </c>
      <c r="F30897" s="14" t="s">
        <v>15</v>
      </c>
      <c r="G30897" s="16">
        <v>0</v>
      </c>
    </row>
    <row r="30898" spans="1:7" x14ac:dyDescent="0.3">
      <c r="A30898" s="13" t="s">
        <v>192</v>
      </c>
      <c r="B30898" s="14" t="s">
        <v>1</v>
      </c>
      <c r="C30898" s="14" t="s">
        <v>17</v>
      </c>
      <c r="D30898" s="14" t="s">
        <v>193</v>
      </c>
      <c r="E30898" s="15">
        <v>45614</v>
      </c>
      <c r="F30898" s="14" t="s">
        <v>15</v>
      </c>
      <c r="G30898" s="16">
        <v>0</v>
      </c>
    </row>
    <row r="30899" spans="1:7" x14ac:dyDescent="0.3">
      <c r="A30899" s="13" t="s">
        <v>192</v>
      </c>
      <c r="B30899" s="14" t="s">
        <v>1</v>
      </c>
      <c r="C30899" s="14" t="s">
        <v>17</v>
      </c>
      <c r="D30899" s="14" t="s">
        <v>193</v>
      </c>
      <c r="E30899" s="15">
        <v>45615</v>
      </c>
      <c r="F30899" s="14" t="s">
        <v>15</v>
      </c>
      <c r="G30899" s="16">
        <v>0</v>
      </c>
    </row>
    <row r="30900" spans="1:7" x14ac:dyDescent="0.3">
      <c r="A30900" s="13" t="s">
        <v>192</v>
      </c>
      <c r="B30900" s="14" t="s">
        <v>1</v>
      </c>
      <c r="C30900" s="14" t="s">
        <v>17</v>
      </c>
      <c r="D30900" s="14" t="s">
        <v>193</v>
      </c>
      <c r="E30900" s="15">
        <v>45616</v>
      </c>
      <c r="F30900" s="14" t="s">
        <v>15</v>
      </c>
      <c r="G30900" s="16">
        <v>0</v>
      </c>
    </row>
    <row r="30901" spans="1:7" x14ac:dyDescent="0.3">
      <c r="A30901" s="13" t="s">
        <v>192</v>
      </c>
      <c r="B30901" s="14" t="s">
        <v>1</v>
      </c>
      <c r="C30901" s="14" t="s">
        <v>17</v>
      </c>
      <c r="D30901" s="14" t="s">
        <v>193</v>
      </c>
      <c r="E30901" s="15">
        <v>45617</v>
      </c>
      <c r="F30901" s="14" t="s">
        <v>15</v>
      </c>
      <c r="G30901" s="16">
        <v>0</v>
      </c>
    </row>
    <row r="30902" spans="1:7" x14ac:dyDescent="0.3">
      <c r="A30902" s="13" t="s">
        <v>192</v>
      </c>
      <c r="B30902" s="14" t="s">
        <v>1</v>
      </c>
      <c r="C30902" s="14" t="s">
        <v>17</v>
      </c>
      <c r="D30902" s="14" t="s">
        <v>193</v>
      </c>
      <c r="E30902" s="15">
        <v>45618</v>
      </c>
      <c r="F30902" s="14" t="s">
        <v>15</v>
      </c>
      <c r="G30902" s="16">
        <v>0</v>
      </c>
    </row>
    <row r="30903" spans="1:7" x14ac:dyDescent="0.3">
      <c r="A30903" s="13" t="s">
        <v>192</v>
      </c>
      <c r="B30903" s="14" t="s">
        <v>1</v>
      </c>
      <c r="C30903" s="14" t="s">
        <v>17</v>
      </c>
      <c r="D30903" s="14" t="s">
        <v>193</v>
      </c>
      <c r="E30903" s="15">
        <v>45619</v>
      </c>
      <c r="F30903" s="14" t="s">
        <v>15</v>
      </c>
      <c r="G30903" s="16">
        <v>0</v>
      </c>
    </row>
    <row r="30904" spans="1:7" x14ac:dyDescent="0.3">
      <c r="A30904" s="13" t="s">
        <v>192</v>
      </c>
      <c r="B30904" s="14" t="s">
        <v>1</v>
      </c>
      <c r="C30904" s="14" t="s">
        <v>17</v>
      </c>
      <c r="D30904" s="14" t="s">
        <v>193</v>
      </c>
      <c r="E30904" s="15">
        <v>45620</v>
      </c>
      <c r="F30904" s="14" t="s">
        <v>15</v>
      </c>
      <c r="G30904" s="16">
        <v>0</v>
      </c>
    </row>
    <row r="30905" spans="1:7" x14ac:dyDescent="0.3">
      <c r="A30905" s="13" t="s">
        <v>192</v>
      </c>
      <c r="B30905" s="14" t="s">
        <v>1</v>
      </c>
      <c r="C30905" s="14" t="s">
        <v>17</v>
      </c>
      <c r="D30905" s="14" t="s">
        <v>193</v>
      </c>
      <c r="E30905" s="15">
        <v>45621</v>
      </c>
      <c r="F30905" s="14" t="s">
        <v>15</v>
      </c>
      <c r="G30905" s="16">
        <v>0</v>
      </c>
    </row>
    <row r="30906" spans="1:7" x14ac:dyDescent="0.3">
      <c r="A30906" s="13" t="s">
        <v>192</v>
      </c>
      <c r="B30906" s="14" t="s">
        <v>1</v>
      </c>
      <c r="C30906" s="14" t="s">
        <v>17</v>
      </c>
      <c r="D30906" s="14" t="s">
        <v>193</v>
      </c>
      <c r="E30906" s="15">
        <v>45622</v>
      </c>
      <c r="F30906" s="14" t="s">
        <v>15</v>
      </c>
      <c r="G30906" s="16">
        <v>0</v>
      </c>
    </row>
    <row r="30907" spans="1:7" x14ac:dyDescent="0.3">
      <c r="A30907" s="13" t="s">
        <v>192</v>
      </c>
      <c r="B30907" s="14" t="s">
        <v>1</v>
      </c>
      <c r="C30907" s="14" t="s">
        <v>17</v>
      </c>
      <c r="D30907" s="14" t="s">
        <v>193</v>
      </c>
      <c r="E30907" s="15">
        <v>45623</v>
      </c>
      <c r="F30907" s="14" t="s">
        <v>15</v>
      </c>
      <c r="G30907" s="16">
        <v>0</v>
      </c>
    </row>
    <row r="30908" spans="1:7" x14ac:dyDescent="0.3">
      <c r="A30908" s="13" t="s">
        <v>192</v>
      </c>
      <c r="B30908" s="14" t="s">
        <v>1</v>
      </c>
      <c r="C30908" s="14" t="s">
        <v>17</v>
      </c>
      <c r="D30908" s="14" t="s">
        <v>193</v>
      </c>
      <c r="E30908" s="15">
        <v>45624</v>
      </c>
      <c r="F30908" s="14" t="s">
        <v>15</v>
      </c>
      <c r="G30908" s="16">
        <v>0</v>
      </c>
    </row>
    <row r="30909" spans="1:7" x14ac:dyDescent="0.3">
      <c r="A30909" s="13" t="s">
        <v>192</v>
      </c>
      <c r="B30909" s="14" t="s">
        <v>1</v>
      </c>
      <c r="C30909" s="14" t="s">
        <v>17</v>
      </c>
      <c r="D30909" s="14" t="s">
        <v>193</v>
      </c>
      <c r="E30909" s="15">
        <v>45625</v>
      </c>
      <c r="F30909" s="14" t="s">
        <v>15</v>
      </c>
      <c r="G30909" s="16">
        <v>0</v>
      </c>
    </row>
    <row r="30910" spans="1:7" x14ac:dyDescent="0.3">
      <c r="A30910" s="13" t="s">
        <v>192</v>
      </c>
      <c r="B30910" s="14" t="s">
        <v>1</v>
      </c>
      <c r="C30910" s="14" t="s">
        <v>17</v>
      </c>
      <c r="D30910" s="14" t="s">
        <v>193</v>
      </c>
      <c r="E30910" s="15">
        <v>45626</v>
      </c>
      <c r="F30910" s="14" t="s">
        <v>15</v>
      </c>
      <c r="G30910" s="16">
        <v>0</v>
      </c>
    </row>
    <row r="30911" spans="1:7" x14ac:dyDescent="0.3">
      <c r="A30911" s="13" t="s">
        <v>192</v>
      </c>
      <c r="B30911" s="14" t="s">
        <v>1</v>
      </c>
      <c r="C30911" s="14" t="s">
        <v>17</v>
      </c>
      <c r="D30911" s="14" t="s">
        <v>193</v>
      </c>
      <c r="E30911" s="15">
        <v>45627</v>
      </c>
      <c r="F30911" s="14" t="s">
        <v>15</v>
      </c>
      <c r="G30911" s="16">
        <v>0</v>
      </c>
    </row>
    <row r="30912" spans="1:7" x14ac:dyDescent="0.3">
      <c r="A30912" s="13" t="s">
        <v>192</v>
      </c>
      <c r="B30912" s="14" t="s">
        <v>1</v>
      </c>
      <c r="C30912" s="14" t="s">
        <v>17</v>
      </c>
      <c r="D30912" s="14" t="s">
        <v>193</v>
      </c>
      <c r="E30912" s="15">
        <v>45628</v>
      </c>
      <c r="F30912" s="14" t="s">
        <v>15</v>
      </c>
      <c r="G30912" s="16">
        <v>0</v>
      </c>
    </row>
    <row r="30913" spans="1:7" x14ac:dyDescent="0.3">
      <c r="A30913" s="13" t="s">
        <v>192</v>
      </c>
      <c r="B30913" s="14" t="s">
        <v>1</v>
      </c>
      <c r="C30913" s="14" t="s">
        <v>17</v>
      </c>
      <c r="D30913" s="14" t="s">
        <v>193</v>
      </c>
      <c r="E30913" s="15">
        <v>45629</v>
      </c>
      <c r="F30913" s="14" t="s">
        <v>15</v>
      </c>
      <c r="G30913" s="16">
        <v>0</v>
      </c>
    </row>
    <row r="30914" spans="1:7" x14ac:dyDescent="0.3">
      <c r="A30914" s="13" t="s">
        <v>192</v>
      </c>
      <c r="B30914" s="14" t="s">
        <v>1</v>
      </c>
      <c r="C30914" s="14" t="s">
        <v>17</v>
      </c>
      <c r="D30914" s="14" t="s">
        <v>193</v>
      </c>
      <c r="E30914" s="15">
        <v>45630</v>
      </c>
      <c r="F30914" s="14" t="s">
        <v>15</v>
      </c>
      <c r="G30914" s="16">
        <v>0</v>
      </c>
    </row>
    <row r="30915" spans="1:7" x14ac:dyDescent="0.3">
      <c r="A30915" s="13" t="s">
        <v>192</v>
      </c>
      <c r="B30915" s="14" t="s">
        <v>1</v>
      </c>
      <c r="C30915" s="14" t="s">
        <v>17</v>
      </c>
      <c r="D30915" s="14" t="s">
        <v>193</v>
      </c>
      <c r="E30915" s="15">
        <v>45631</v>
      </c>
      <c r="F30915" s="14" t="s">
        <v>15</v>
      </c>
      <c r="G30915" s="16">
        <v>0</v>
      </c>
    </row>
    <row r="30916" spans="1:7" x14ac:dyDescent="0.3">
      <c r="A30916" s="13" t="s">
        <v>192</v>
      </c>
      <c r="B30916" s="14" t="s">
        <v>1</v>
      </c>
      <c r="C30916" s="14" t="s">
        <v>17</v>
      </c>
      <c r="D30916" s="14" t="s">
        <v>193</v>
      </c>
      <c r="E30916" s="15">
        <v>45632</v>
      </c>
      <c r="F30916" s="14" t="s">
        <v>15</v>
      </c>
      <c r="G30916" s="16">
        <v>0</v>
      </c>
    </row>
    <row r="30917" spans="1:7" x14ac:dyDescent="0.3">
      <c r="A30917" s="13" t="s">
        <v>192</v>
      </c>
      <c r="B30917" s="14" t="s">
        <v>1</v>
      </c>
      <c r="C30917" s="14" t="s">
        <v>17</v>
      </c>
      <c r="D30917" s="14" t="s">
        <v>193</v>
      </c>
      <c r="E30917" s="15">
        <v>45633</v>
      </c>
      <c r="F30917" s="14" t="s">
        <v>15</v>
      </c>
      <c r="G30917" s="16">
        <v>0</v>
      </c>
    </row>
    <row r="30918" spans="1:7" x14ac:dyDescent="0.3">
      <c r="A30918" s="13" t="s">
        <v>192</v>
      </c>
      <c r="B30918" s="14" t="s">
        <v>1</v>
      </c>
      <c r="C30918" s="14" t="s">
        <v>17</v>
      </c>
      <c r="D30918" s="14" t="s">
        <v>193</v>
      </c>
      <c r="E30918" s="15">
        <v>45634</v>
      </c>
      <c r="F30918" s="14" t="s">
        <v>15</v>
      </c>
      <c r="G30918" s="16">
        <v>0</v>
      </c>
    </row>
    <row r="30919" spans="1:7" x14ac:dyDescent="0.3">
      <c r="A30919" s="13" t="s">
        <v>192</v>
      </c>
      <c r="B30919" s="14" t="s">
        <v>1</v>
      </c>
      <c r="C30919" s="14" t="s">
        <v>17</v>
      </c>
      <c r="D30919" s="14" t="s">
        <v>193</v>
      </c>
      <c r="E30919" s="15">
        <v>45635</v>
      </c>
      <c r="F30919" s="14" t="s">
        <v>15</v>
      </c>
      <c r="G30919" s="16">
        <v>0</v>
      </c>
    </row>
    <row r="30920" spans="1:7" x14ac:dyDescent="0.3">
      <c r="A30920" s="13" t="s">
        <v>192</v>
      </c>
      <c r="B30920" s="14" t="s">
        <v>1</v>
      </c>
      <c r="C30920" s="14" t="s">
        <v>17</v>
      </c>
      <c r="D30920" s="14" t="s">
        <v>193</v>
      </c>
      <c r="E30920" s="15">
        <v>45636</v>
      </c>
      <c r="F30920" s="14" t="s">
        <v>15</v>
      </c>
      <c r="G30920" s="16">
        <v>0</v>
      </c>
    </row>
    <row r="30921" spans="1:7" x14ac:dyDescent="0.3">
      <c r="A30921" s="13" t="s">
        <v>192</v>
      </c>
      <c r="B30921" s="14" t="s">
        <v>1</v>
      </c>
      <c r="C30921" s="14" t="s">
        <v>17</v>
      </c>
      <c r="D30921" s="14" t="s">
        <v>193</v>
      </c>
      <c r="E30921" s="15">
        <v>45637</v>
      </c>
      <c r="F30921" s="14" t="s">
        <v>15</v>
      </c>
      <c r="G30921" s="16">
        <v>0</v>
      </c>
    </row>
    <row r="30922" spans="1:7" x14ac:dyDescent="0.3">
      <c r="A30922" s="13" t="s">
        <v>192</v>
      </c>
      <c r="B30922" s="14" t="s">
        <v>1</v>
      </c>
      <c r="C30922" s="14" t="s">
        <v>17</v>
      </c>
      <c r="D30922" s="14" t="s">
        <v>193</v>
      </c>
      <c r="E30922" s="15">
        <v>45638</v>
      </c>
      <c r="F30922" s="14" t="s">
        <v>15</v>
      </c>
      <c r="G30922" s="16">
        <v>0</v>
      </c>
    </row>
    <row r="30923" spans="1:7" x14ac:dyDescent="0.3">
      <c r="A30923" s="13" t="s">
        <v>192</v>
      </c>
      <c r="B30923" s="14" t="s">
        <v>1</v>
      </c>
      <c r="C30923" s="14" t="s">
        <v>17</v>
      </c>
      <c r="D30923" s="14" t="s">
        <v>193</v>
      </c>
      <c r="E30923" s="15">
        <v>45639</v>
      </c>
      <c r="F30923" s="14" t="s">
        <v>15</v>
      </c>
      <c r="G30923" s="16">
        <v>0</v>
      </c>
    </row>
    <row r="30924" spans="1:7" x14ac:dyDescent="0.3">
      <c r="A30924" s="13" t="s">
        <v>192</v>
      </c>
      <c r="B30924" s="14" t="s">
        <v>1</v>
      </c>
      <c r="C30924" s="14" t="s">
        <v>17</v>
      </c>
      <c r="D30924" s="14" t="s">
        <v>193</v>
      </c>
      <c r="E30924" s="15">
        <v>45640</v>
      </c>
      <c r="F30924" s="14" t="s">
        <v>15</v>
      </c>
      <c r="G30924" s="16">
        <v>0</v>
      </c>
    </row>
    <row r="30925" spans="1:7" x14ac:dyDescent="0.3">
      <c r="A30925" s="13" t="s">
        <v>192</v>
      </c>
      <c r="B30925" s="14" t="s">
        <v>1</v>
      </c>
      <c r="C30925" s="14" t="s">
        <v>17</v>
      </c>
      <c r="D30925" s="14" t="s">
        <v>193</v>
      </c>
      <c r="E30925" s="15">
        <v>45641</v>
      </c>
      <c r="F30925" s="14" t="s">
        <v>15</v>
      </c>
      <c r="G30925" s="16">
        <v>0</v>
      </c>
    </row>
    <row r="30926" spans="1:7" x14ac:dyDescent="0.3">
      <c r="A30926" s="13" t="s">
        <v>192</v>
      </c>
      <c r="B30926" s="14" t="s">
        <v>1</v>
      </c>
      <c r="C30926" s="14" t="s">
        <v>17</v>
      </c>
      <c r="D30926" s="14" t="s">
        <v>193</v>
      </c>
      <c r="E30926" s="15">
        <v>45642</v>
      </c>
      <c r="F30926" s="14" t="s">
        <v>15</v>
      </c>
      <c r="G30926" s="16">
        <v>0</v>
      </c>
    </row>
    <row r="30927" spans="1:7" x14ac:dyDescent="0.3">
      <c r="A30927" s="13" t="s">
        <v>192</v>
      </c>
      <c r="B30927" s="14" t="s">
        <v>1</v>
      </c>
      <c r="C30927" s="14" t="s">
        <v>17</v>
      </c>
      <c r="D30927" s="14" t="s">
        <v>193</v>
      </c>
      <c r="E30927" s="15">
        <v>45643</v>
      </c>
      <c r="F30927" s="14" t="s">
        <v>15</v>
      </c>
      <c r="G30927" s="16">
        <v>0</v>
      </c>
    </row>
    <row r="30928" spans="1:7" x14ac:dyDescent="0.3">
      <c r="A30928" s="13" t="s">
        <v>192</v>
      </c>
      <c r="B30928" s="14" t="s">
        <v>1</v>
      </c>
      <c r="C30928" s="14" t="s">
        <v>17</v>
      </c>
      <c r="D30928" s="14" t="s">
        <v>193</v>
      </c>
      <c r="E30928" s="15">
        <v>45644</v>
      </c>
      <c r="F30928" s="14" t="s">
        <v>15</v>
      </c>
      <c r="G30928" s="16">
        <v>0</v>
      </c>
    </row>
    <row r="30929" spans="1:7" x14ac:dyDescent="0.3">
      <c r="A30929" s="13" t="s">
        <v>192</v>
      </c>
      <c r="B30929" s="14" t="s">
        <v>1</v>
      </c>
      <c r="C30929" s="14" t="s">
        <v>17</v>
      </c>
      <c r="D30929" s="14" t="s">
        <v>193</v>
      </c>
      <c r="E30929" s="15">
        <v>45645</v>
      </c>
      <c r="F30929" s="14" t="s">
        <v>15</v>
      </c>
      <c r="G30929" s="16">
        <v>0</v>
      </c>
    </row>
    <row r="30930" spans="1:7" x14ac:dyDescent="0.3">
      <c r="A30930" s="13" t="s">
        <v>192</v>
      </c>
      <c r="B30930" s="14" t="s">
        <v>1</v>
      </c>
      <c r="C30930" s="14" t="s">
        <v>17</v>
      </c>
      <c r="D30930" s="14" t="s">
        <v>193</v>
      </c>
      <c r="E30930" s="15">
        <v>45646</v>
      </c>
      <c r="F30930" s="14" t="s">
        <v>15</v>
      </c>
      <c r="G30930" s="16">
        <v>0</v>
      </c>
    </row>
    <row r="30931" spans="1:7" x14ac:dyDescent="0.3">
      <c r="A30931" s="13" t="s">
        <v>192</v>
      </c>
      <c r="B30931" s="14" t="s">
        <v>1</v>
      </c>
      <c r="C30931" s="14" t="s">
        <v>17</v>
      </c>
      <c r="D30931" s="14" t="s">
        <v>193</v>
      </c>
      <c r="E30931" s="15">
        <v>45647</v>
      </c>
      <c r="F30931" s="14" t="s">
        <v>15</v>
      </c>
      <c r="G30931" s="16">
        <v>0</v>
      </c>
    </row>
    <row r="30932" spans="1:7" x14ac:dyDescent="0.3">
      <c r="A30932" s="13" t="s">
        <v>192</v>
      </c>
      <c r="B30932" s="14" t="s">
        <v>1</v>
      </c>
      <c r="C30932" s="14" t="s">
        <v>17</v>
      </c>
      <c r="D30932" s="14" t="s">
        <v>193</v>
      </c>
      <c r="E30932" s="15">
        <v>45648</v>
      </c>
      <c r="F30932" s="14" t="s">
        <v>15</v>
      </c>
      <c r="G30932" s="16">
        <v>0</v>
      </c>
    </row>
    <row r="30933" spans="1:7" x14ac:dyDescent="0.3">
      <c r="A30933" s="13" t="s">
        <v>192</v>
      </c>
      <c r="B30933" s="14" t="s">
        <v>1</v>
      </c>
      <c r="C30933" s="14" t="s">
        <v>17</v>
      </c>
      <c r="D30933" s="14" t="s">
        <v>193</v>
      </c>
      <c r="E30933" s="15">
        <v>45649</v>
      </c>
      <c r="F30933" s="14" t="s">
        <v>15</v>
      </c>
      <c r="G30933" s="16">
        <v>0</v>
      </c>
    </row>
    <row r="30934" spans="1:7" x14ac:dyDescent="0.3">
      <c r="A30934" s="13" t="s">
        <v>192</v>
      </c>
      <c r="B30934" s="14" t="s">
        <v>1</v>
      </c>
      <c r="C30934" s="14" t="s">
        <v>17</v>
      </c>
      <c r="D30934" s="14" t="s">
        <v>193</v>
      </c>
      <c r="E30934" s="15">
        <v>45650</v>
      </c>
      <c r="F30934" s="14" t="s">
        <v>15</v>
      </c>
      <c r="G30934" s="16">
        <v>0</v>
      </c>
    </row>
    <row r="30935" spans="1:7" x14ac:dyDescent="0.3">
      <c r="A30935" s="13" t="s">
        <v>192</v>
      </c>
      <c r="B30935" s="14" t="s">
        <v>1</v>
      </c>
      <c r="C30935" s="14" t="s">
        <v>17</v>
      </c>
      <c r="D30935" s="14" t="s">
        <v>193</v>
      </c>
      <c r="E30935" s="15">
        <v>45651</v>
      </c>
      <c r="F30935" s="14" t="s">
        <v>15</v>
      </c>
      <c r="G30935" s="16">
        <v>0</v>
      </c>
    </row>
    <row r="30936" spans="1:7" x14ac:dyDescent="0.3">
      <c r="A30936" s="13" t="s">
        <v>192</v>
      </c>
      <c r="B30936" s="14" t="s">
        <v>1</v>
      </c>
      <c r="C30936" s="14" t="s">
        <v>17</v>
      </c>
      <c r="D30936" s="14" t="s">
        <v>193</v>
      </c>
      <c r="E30936" s="15">
        <v>45652</v>
      </c>
      <c r="F30936" s="14" t="s">
        <v>15</v>
      </c>
      <c r="G30936" s="16">
        <v>0</v>
      </c>
    </row>
    <row r="30937" spans="1:7" x14ac:dyDescent="0.3">
      <c r="A30937" s="13" t="s">
        <v>192</v>
      </c>
      <c r="B30937" s="14" t="s">
        <v>1</v>
      </c>
      <c r="C30937" s="14" t="s">
        <v>17</v>
      </c>
      <c r="D30937" s="14" t="s">
        <v>193</v>
      </c>
      <c r="E30937" s="15">
        <v>45653</v>
      </c>
      <c r="F30937" s="14" t="s">
        <v>15</v>
      </c>
      <c r="G30937" s="16">
        <v>0</v>
      </c>
    </row>
    <row r="30938" spans="1:7" x14ac:dyDescent="0.3">
      <c r="A30938" s="13" t="s">
        <v>192</v>
      </c>
      <c r="B30938" s="14" t="s">
        <v>1</v>
      </c>
      <c r="C30938" s="14" t="s">
        <v>17</v>
      </c>
      <c r="D30938" s="14" t="s">
        <v>193</v>
      </c>
      <c r="E30938" s="15">
        <v>45654</v>
      </c>
      <c r="F30938" s="14" t="s">
        <v>15</v>
      </c>
      <c r="G30938" s="16">
        <v>0</v>
      </c>
    </row>
    <row r="30939" spans="1:7" x14ac:dyDescent="0.3">
      <c r="A30939" s="13" t="s">
        <v>192</v>
      </c>
      <c r="B30939" s="14" t="s">
        <v>1</v>
      </c>
      <c r="C30939" s="14" t="s">
        <v>17</v>
      </c>
      <c r="D30939" s="14" t="s">
        <v>193</v>
      </c>
      <c r="E30939" s="15">
        <v>45655</v>
      </c>
      <c r="F30939" s="14" t="s">
        <v>15</v>
      </c>
      <c r="G30939" s="16">
        <v>0</v>
      </c>
    </row>
    <row r="30940" spans="1:7" x14ac:dyDescent="0.3">
      <c r="A30940" s="13" t="s">
        <v>192</v>
      </c>
      <c r="B30940" s="14" t="s">
        <v>1</v>
      </c>
      <c r="C30940" s="14" t="s">
        <v>17</v>
      </c>
      <c r="D30940" s="14" t="s">
        <v>193</v>
      </c>
      <c r="E30940" s="15">
        <v>45656</v>
      </c>
      <c r="F30940" s="14" t="s">
        <v>15</v>
      </c>
      <c r="G30940" s="16">
        <v>0</v>
      </c>
    </row>
    <row r="30941" spans="1:7" x14ac:dyDescent="0.3">
      <c r="A30941" s="13" t="s">
        <v>192</v>
      </c>
      <c r="B30941" s="14" t="s">
        <v>1</v>
      </c>
      <c r="C30941" s="14" t="s">
        <v>17</v>
      </c>
      <c r="D30941" s="14" t="s">
        <v>193</v>
      </c>
      <c r="E30941" s="15">
        <v>45657</v>
      </c>
      <c r="F30941" s="14" t="s">
        <v>15</v>
      </c>
      <c r="G30941" s="16">
        <v>0</v>
      </c>
    </row>
    <row r="30942" spans="1:7" x14ac:dyDescent="0.3">
      <c r="A30942" s="13" t="s">
        <v>192</v>
      </c>
      <c r="B30942" s="14" t="s">
        <v>1</v>
      </c>
      <c r="C30942" s="14" t="s">
        <v>17</v>
      </c>
      <c r="D30942" s="14" t="s">
        <v>193</v>
      </c>
      <c r="E30942" s="15">
        <v>45658</v>
      </c>
      <c r="F30942" s="14" t="s">
        <v>15</v>
      </c>
      <c r="G30942" s="16">
        <v>0</v>
      </c>
    </row>
    <row r="30943" spans="1:7" x14ac:dyDescent="0.3">
      <c r="A30943" s="13" t="s">
        <v>192</v>
      </c>
      <c r="B30943" s="14" t="s">
        <v>1</v>
      </c>
      <c r="C30943" s="14" t="s">
        <v>17</v>
      </c>
      <c r="D30943" s="14" t="s">
        <v>193</v>
      </c>
      <c r="E30943" s="15">
        <v>45659</v>
      </c>
      <c r="F30943" s="14" t="s">
        <v>15</v>
      </c>
      <c r="G30943" s="16">
        <v>0</v>
      </c>
    </row>
    <row r="30944" spans="1:7" x14ac:dyDescent="0.3">
      <c r="A30944" s="13" t="s">
        <v>192</v>
      </c>
      <c r="B30944" s="14" t="s">
        <v>1</v>
      </c>
      <c r="C30944" s="14" t="s">
        <v>17</v>
      </c>
      <c r="D30944" s="14" t="s">
        <v>193</v>
      </c>
      <c r="E30944" s="15">
        <v>45660</v>
      </c>
      <c r="F30944" s="14" t="s">
        <v>15</v>
      </c>
      <c r="G30944" s="16">
        <v>0</v>
      </c>
    </row>
    <row r="30945" spans="1:7" x14ac:dyDescent="0.3">
      <c r="A30945" s="13" t="s">
        <v>192</v>
      </c>
      <c r="B30945" s="14" t="s">
        <v>1</v>
      </c>
      <c r="C30945" s="14" t="s">
        <v>17</v>
      </c>
      <c r="D30945" s="14" t="s">
        <v>193</v>
      </c>
      <c r="E30945" s="15">
        <v>45661</v>
      </c>
      <c r="F30945" s="14" t="s">
        <v>15</v>
      </c>
      <c r="G30945" s="16">
        <v>0</v>
      </c>
    </row>
    <row r="30946" spans="1:7" x14ac:dyDescent="0.3">
      <c r="A30946" s="13" t="s">
        <v>192</v>
      </c>
      <c r="B30946" s="14" t="s">
        <v>1</v>
      </c>
      <c r="C30946" s="14" t="s">
        <v>17</v>
      </c>
      <c r="D30946" s="14" t="s">
        <v>193</v>
      </c>
      <c r="E30946" s="15">
        <v>45662</v>
      </c>
      <c r="F30946" s="14" t="s">
        <v>15</v>
      </c>
      <c r="G30946" s="16">
        <v>0</v>
      </c>
    </row>
    <row r="30947" spans="1:7" x14ac:dyDescent="0.3">
      <c r="A30947" s="13" t="s">
        <v>192</v>
      </c>
      <c r="B30947" s="14" t="s">
        <v>1</v>
      </c>
      <c r="C30947" s="14" t="s">
        <v>17</v>
      </c>
      <c r="D30947" s="14" t="s">
        <v>193</v>
      </c>
      <c r="E30947" s="15">
        <v>45663</v>
      </c>
      <c r="F30947" s="14" t="s">
        <v>15</v>
      </c>
      <c r="G30947" s="16">
        <v>0</v>
      </c>
    </row>
    <row r="30948" spans="1:7" x14ac:dyDescent="0.3">
      <c r="A30948" s="13" t="s">
        <v>192</v>
      </c>
      <c r="B30948" s="14" t="s">
        <v>1</v>
      </c>
      <c r="C30948" s="14" t="s">
        <v>17</v>
      </c>
      <c r="D30948" s="14" t="s">
        <v>193</v>
      </c>
      <c r="E30948" s="15">
        <v>45664</v>
      </c>
      <c r="F30948" s="14" t="s">
        <v>15</v>
      </c>
      <c r="G30948" s="16">
        <v>0</v>
      </c>
    </row>
    <row r="30949" spans="1:7" x14ac:dyDescent="0.3">
      <c r="A30949" s="13" t="s">
        <v>192</v>
      </c>
      <c r="B30949" s="14" t="s">
        <v>1</v>
      </c>
      <c r="C30949" s="14" t="s">
        <v>17</v>
      </c>
      <c r="D30949" s="14" t="s">
        <v>193</v>
      </c>
      <c r="E30949" s="15">
        <v>45665</v>
      </c>
      <c r="F30949" s="14" t="s">
        <v>15</v>
      </c>
      <c r="G30949" s="16">
        <v>0</v>
      </c>
    </row>
    <row r="30950" spans="1:7" x14ac:dyDescent="0.3">
      <c r="A30950" s="13" t="s">
        <v>192</v>
      </c>
      <c r="B30950" s="14" t="s">
        <v>1</v>
      </c>
      <c r="C30950" s="14" t="s">
        <v>17</v>
      </c>
      <c r="D30950" s="14" t="s">
        <v>193</v>
      </c>
      <c r="E30950" s="15">
        <v>45666</v>
      </c>
      <c r="F30950" s="14" t="s">
        <v>15</v>
      </c>
      <c r="G30950" s="16">
        <v>0</v>
      </c>
    </row>
    <row r="30951" spans="1:7" x14ac:dyDescent="0.3">
      <c r="A30951" s="13" t="s">
        <v>192</v>
      </c>
      <c r="B30951" s="14" t="s">
        <v>1</v>
      </c>
      <c r="C30951" s="14" t="s">
        <v>17</v>
      </c>
      <c r="D30951" s="14" t="s">
        <v>193</v>
      </c>
      <c r="E30951" s="15">
        <v>45667</v>
      </c>
      <c r="F30951" s="14" t="s">
        <v>15</v>
      </c>
      <c r="G30951" s="16">
        <v>0</v>
      </c>
    </row>
    <row r="30952" spans="1:7" x14ac:dyDescent="0.3">
      <c r="A30952" s="13" t="s">
        <v>192</v>
      </c>
      <c r="B30952" s="14" t="s">
        <v>1</v>
      </c>
      <c r="C30952" s="14" t="s">
        <v>17</v>
      </c>
      <c r="D30952" s="14" t="s">
        <v>193</v>
      </c>
      <c r="E30952" s="15">
        <v>45668</v>
      </c>
      <c r="F30952" s="14" t="s">
        <v>15</v>
      </c>
      <c r="G30952" s="16">
        <v>0</v>
      </c>
    </row>
    <row r="30953" spans="1:7" x14ac:dyDescent="0.3">
      <c r="A30953" s="13" t="s">
        <v>192</v>
      </c>
      <c r="B30953" s="14" t="s">
        <v>1</v>
      </c>
      <c r="C30953" s="14" t="s">
        <v>17</v>
      </c>
      <c r="D30953" s="14" t="s">
        <v>193</v>
      </c>
      <c r="E30953" s="15">
        <v>45669</v>
      </c>
      <c r="F30953" s="14" t="s">
        <v>15</v>
      </c>
      <c r="G30953" s="16">
        <v>0</v>
      </c>
    </row>
    <row r="30954" spans="1:7" x14ac:dyDescent="0.3">
      <c r="A30954" s="13" t="s">
        <v>192</v>
      </c>
      <c r="B30954" s="14" t="s">
        <v>1</v>
      </c>
      <c r="C30954" s="14" t="s">
        <v>17</v>
      </c>
      <c r="D30954" s="14" t="s">
        <v>193</v>
      </c>
      <c r="E30954" s="15">
        <v>45670</v>
      </c>
      <c r="F30954" s="14" t="s">
        <v>15</v>
      </c>
      <c r="G30954" s="16">
        <v>0</v>
      </c>
    </row>
    <row r="30955" spans="1:7" x14ac:dyDescent="0.3">
      <c r="A30955" s="13" t="s">
        <v>192</v>
      </c>
      <c r="B30955" s="14" t="s">
        <v>1</v>
      </c>
      <c r="C30955" s="14" t="s">
        <v>17</v>
      </c>
      <c r="D30955" s="14" t="s">
        <v>193</v>
      </c>
      <c r="E30955" s="15">
        <v>45671</v>
      </c>
      <c r="F30955" s="14" t="s">
        <v>15</v>
      </c>
      <c r="G30955" s="16">
        <v>0</v>
      </c>
    </row>
    <row r="30956" spans="1:7" x14ac:dyDescent="0.3">
      <c r="A30956" s="13" t="s">
        <v>192</v>
      </c>
      <c r="B30956" s="14" t="s">
        <v>1</v>
      </c>
      <c r="C30956" s="14" t="s">
        <v>17</v>
      </c>
      <c r="D30956" s="14" t="s">
        <v>193</v>
      </c>
      <c r="E30956" s="15">
        <v>45672</v>
      </c>
      <c r="F30956" s="14" t="s">
        <v>15</v>
      </c>
      <c r="G30956" s="16">
        <v>0</v>
      </c>
    </row>
    <row r="30957" spans="1:7" x14ac:dyDescent="0.3">
      <c r="A30957" s="13" t="s">
        <v>192</v>
      </c>
      <c r="B30957" s="14" t="s">
        <v>1</v>
      </c>
      <c r="C30957" s="14" t="s">
        <v>17</v>
      </c>
      <c r="D30957" s="14" t="s">
        <v>193</v>
      </c>
      <c r="E30957" s="15">
        <v>45673</v>
      </c>
      <c r="F30957" s="14" t="s">
        <v>15</v>
      </c>
      <c r="G30957" s="16">
        <v>0</v>
      </c>
    </row>
    <row r="30958" spans="1:7" x14ac:dyDescent="0.3">
      <c r="A30958" s="13" t="s">
        <v>192</v>
      </c>
      <c r="B30958" s="14" t="s">
        <v>1</v>
      </c>
      <c r="C30958" s="14" t="s">
        <v>17</v>
      </c>
      <c r="D30958" s="14" t="s">
        <v>193</v>
      </c>
      <c r="E30958" s="15">
        <v>45674</v>
      </c>
      <c r="F30958" s="14" t="s">
        <v>15</v>
      </c>
      <c r="G30958" s="16">
        <v>0</v>
      </c>
    </row>
    <row r="30959" spans="1:7" x14ac:dyDescent="0.3">
      <c r="A30959" s="13" t="s">
        <v>192</v>
      </c>
      <c r="B30959" s="14" t="s">
        <v>1</v>
      </c>
      <c r="C30959" s="14" t="s">
        <v>17</v>
      </c>
      <c r="D30959" s="14" t="s">
        <v>193</v>
      </c>
      <c r="E30959" s="15">
        <v>45675</v>
      </c>
      <c r="F30959" s="14" t="s">
        <v>15</v>
      </c>
      <c r="G30959" s="16">
        <v>0</v>
      </c>
    </row>
    <row r="30960" spans="1:7" x14ac:dyDescent="0.3">
      <c r="A30960" s="13" t="s">
        <v>192</v>
      </c>
      <c r="B30960" s="14" t="s">
        <v>1</v>
      </c>
      <c r="C30960" s="14" t="s">
        <v>17</v>
      </c>
      <c r="D30960" s="14" t="s">
        <v>193</v>
      </c>
      <c r="E30960" s="15">
        <v>45676</v>
      </c>
      <c r="F30960" s="14" t="s">
        <v>15</v>
      </c>
      <c r="G30960" s="16">
        <v>0</v>
      </c>
    </row>
    <row r="30961" spans="1:7" x14ac:dyDescent="0.3">
      <c r="A30961" s="13" t="s">
        <v>192</v>
      </c>
      <c r="B30961" s="14" t="s">
        <v>1</v>
      </c>
      <c r="C30961" s="14" t="s">
        <v>17</v>
      </c>
      <c r="D30961" s="14" t="s">
        <v>193</v>
      </c>
      <c r="E30961" s="15">
        <v>45677</v>
      </c>
      <c r="F30961" s="14" t="s">
        <v>15</v>
      </c>
      <c r="G30961" s="16">
        <v>0</v>
      </c>
    </row>
    <row r="30962" spans="1:7" x14ac:dyDescent="0.3">
      <c r="A30962" s="13" t="s">
        <v>192</v>
      </c>
      <c r="B30962" s="14" t="s">
        <v>1</v>
      </c>
      <c r="C30962" s="14" t="s">
        <v>17</v>
      </c>
      <c r="D30962" s="14" t="s">
        <v>193</v>
      </c>
      <c r="E30962" s="15">
        <v>45678</v>
      </c>
      <c r="F30962" s="14" t="s">
        <v>15</v>
      </c>
      <c r="G30962" s="16">
        <v>0</v>
      </c>
    </row>
    <row r="30963" spans="1:7" x14ac:dyDescent="0.3">
      <c r="A30963" s="13" t="s">
        <v>192</v>
      </c>
      <c r="B30963" s="14" t="s">
        <v>1</v>
      </c>
      <c r="C30963" s="14" t="s">
        <v>17</v>
      </c>
      <c r="D30963" s="14" t="s">
        <v>193</v>
      </c>
      <c r="E30963" s="15">
        <v>45679</v>
      </c>
      <c r="F30963" s="14" t="s">
        <v>15</v>
      </c>
      <c r="G30963" s="16">
        <v>0</v>
      </c>
    </row>
    <row r="30964" spans="1:7" x14ac:dyDescent="0.3">
      <c r="A30964" s="13" t="s">
        <v>192</v>
      </c>
      <c r="B30964" s="14" t="s">
        <v>1</v>
      </c>
      <c r="C30964" s="14" t="s">
        <v>17</v>
      </c>
      <c r="D30964" s="14" t="s">
        <v>193</v>
      </c>
      <c r="E30964" s="15">
        <v>45680</v>
      </c>
      <c r="F30964" s="14" t="s">
        <v>15</v>
      </c>
      <c r="G30964" s="16">
        <v>0</v>
      </c>
    </row>
    <row r="30965" spans="1:7" x14ac:dyDescent="0.3">
      <c r="A30965" s="13" t="s">
        <v>192</v>
      </c>
      <c r="B30965" s="14" t="s">
        <v>1</v>
      </c>
      <c r="C30965" s="14" t="s">
        <v>17</v>
      </c>
      <c r="D30965" s="14" t="s">
        <v>193</v>
      </c>
      <c r="E30965" s="15">
        <v>45681</v>
      </c>
      <c r="F30965" s="14" t="s">
        <v>15</v>
      </c>
      <c r="G30965" s="16">
        <v>0</v>
      </c>
    </row>
    <row r="30966" spans="1:7" x14ac:dyDescent="0.3">
      <c r="A30966" s="13" t="s">
        <v>192</v>
      </c>
      <c r="B30966" s="14" t="s">
        <v>1</v>
      </c>
      <c r="C30966" s="14" t="s">
        <v>17</v>
      </c>
      <c r="D30966" s="14" t="s">
        <v>193</v>
      </c>
      <c r="E30966" s="15">
        <v>45682</v>
      </c>
      <c r="F30966" s="14" t="s">
        <v>15</v>
      </c>
      <c r="G30966" s="16">
        <v>0</v>
      </c>
    </row>
    <row r="30967" spans="1:7" x14ac:dyDescent="0.3">
      <c r="A30967" s="13" t="s">
        <v>192</v>
      </c>
      <c r="B30967" s="14" t="s">
        <v>1</v>
      </c>
      <c r="C30967" s="14" t="s">
        <v>17</v>
      </c>
      <c r="D30967" s="14" t="s">
        <v>193</v>
      </c>
      <c r="E30967" s="15">
        <v>45683</v>
      </c>
      <c r="F30967" s="14" t="s">
        <v>15</v>
      </c>
      <c r="G30967" s="16">
        <v>0</v>
      </c>
    </row>
    <row r="30968" spans="1:7" x14ac:dyDescent="0.3">
      <c r="A30968" s="13" t="s">
        <v>192</v>
      </c>
      <c r="B30968" s="14" t="s">
        <v>1</v>
      </c>
      <c r="C30968" s="14" t="s">
        <v>17</v>
      </c>
      <c r="D30968" s="14" t="s">
        <v>193</v>
      </c>
      <c r="E30968" s="15">
        <v>45684</v>
      </c>
      <c r="F30968" s="14" t="s">
        <v>15</v>
      </c>
      <c r="G30968" s="16">
        <v>0</v>
      </c>
    </row>
    <row r="30969" spans="1:7" x14ac:dyDescent="0.3">
      <c r="A30969" s="13" t="s">
        <v>192</v>
      </c>
      <c r="B30969" s="14" t="s">
        <v>1</v>
      </c>
      <c r="C30969" s="14" t="s">
        <v>17</v>
      </c>
      <c r="D30969" s="14" t="s">
        <v>193</v>
      </c>
      <c r="E30969" s="15">
        <v>45685</v>
      </c>
      <c r="F30969" s="14" t="s">
        <v>15</v>
      </c>
      <c r="G30969" s="16">
        <v>0</v>
      </c>
    </row>
    <row r="30970" spans="1:7" x14ac:dyDescent="0.3">
      <c r="A30970" s="13" t="s">
        <v>192</v>
      </c>
      <c r="B30970" s="14" t="s">
        <v>1</v>
      </c>
      <c r="C30970" s="14" t="s">
        <v>17</v>
      </c>
      <c r="D30970" s="14" t="s">
        <v>193</v>
      </c>
      <c r="E30970" s="15">
        <v>45686</v>
      </c>
      <c r="F30970" s="14" t="s">
        <v>15</v>
      </c>
      <c r="G30970" s="16">
        <v>0</v>
      </c>
    </row>
    <row r="30971" spans="1:7" x14ac:dyDescent="0.3">
      <c r="A30971" s="13" t="s">
        <v>192</v>
      </c>
      <c r="B30971" s="14" t="s">
        <v>1</v>
      </c>
      <c r="C30971" s="14" t="s">
        <v>17</v>
      </c>
      <c r="D30971" s="14" t="s">
        <v>193</v>
      </c>
      <c r="E30971" s="15">
        <v>45687</v>
      </c>
      <c r="F30971" s="14" t="s">
        <v>15</v>
      </c>
      <c r="G30971" s="16">
        <v>0</v>
      </c>
    </row>
    <row r="30972" spans="1:7" x14ac:dyDescent="0.3">
      <c r="A30972" s="13" t="s">
        <v>192</v>
      </c>
      <c r="B30972" s="14" t="s">
        <v>1</v>
      </c>
      <c r="C30972" s="14" t="s">
        <v>17</v>
      </c>
      <c r="D30972" s="14" t="s">
        <v>193</v>
      </c>
      <c r="E30972" s="15">
        <v>45688</v>
      </c>
      <c r="F30972" s="14" t="s">
        <v>15</v>
      </c>
      <c r="G30972" s="16">
        <v>0</v>
      </c>
    </row>
    <row r="30973" spans="1:7" x14ac:dyDescent="0.3">
      <c r="A30973" s="13" t="s">
        <v>192</v>
      </c>
      <c r="B30973" s="14" t="s">
        <v>1</v>
      </c>
      <c r="C30973" s="14" t="s">
        <v>17</v>
      </c>
      <c r="D30973" s="14" t="s">
        <v>193</v>
      </c>
      <c r="E30973" s="15">
        <v>45689</v>
      </c>
      <c r="F30973" s="14" t="s">
        <v>15</v>
      </c>
      <c r="G30973" s="16">
        <v>0</v>
      </c>
    </row>
    <row r="30974" spans="1:7" x14ac:dyDescent="0.3">
      <c r="A30974" s="13" t="s">
        <v>192</v>
      </c>
      <c r="B30974" s="14" t="s">
        <v>1</v>
      </c>
      <c r="C30974" s="14" t="s">
        <v>17</v>
      </c>
      <c r="D30974" s="14" t="s">
        <v>193</v>
      </c>
      <c r="E30974" s="15">
        <v>45690</v>
      </c>
      <c r="F30974" s="14" t="s">
        <v>15</v>
      </c>
      <c r="G30974" s="16">
        <v>0</v>
      </c>
    </row>
    <row r="30975" spans="1:7" x14ac:dyDescent="0.3">
      <c r="A30975" s="13" t="s">
        <v>192</v>
      </c>
      <c r="B30975" s="14" t="s">
        <v>1</v>
      </c>
      <c r="C30975" s="14" t="s">
        <v>17</v>
      </c>
      <c r="D30975" s="14" t="s">
        <v>193</v>
      </c>
      <c r="E30975" s="15">
        <v>45691</v>
      </c>
      <c r="F30975" s="14" t="s">
        <v>15</v>
      </c>
      <c r="G30975" s="16">
        <v>0</v>
      </c>
    </row>
    <row r="30976" spans="1:7" x14ac:dyDescent="0.3">
      <c r="A30976" s="13" t="s">
        <v>192</v>
      </c>
      <c r="B30976" s="14" t="s">
        <v>1</v>
      </c>
      <c r="C30976" s="14" t="s">
        <v>17</v>
      </c>
      <c r="D30976" s="14" t="s">
        <v>193</v>
      </c>
      <c r="E30976" s="15">
        <v>45692</v>
      </c>
      <c r="F30976" s="14" t="s">
        <v>15</v>
      </c>
      <c r="G30976" s="16">
        <v>0</v>
      </c>
    </row>
    <row r="30977" spans="1:7" x14ac:dyDescent="0.3">
      <c r="A30977" s="13" t="s">
        <v>192</v>
      </c>
      <c r="B30977" s="14" t="s">
        <v>1</v>
      </c>
      <c r="C30977" s="14" t="s">
        <v>17</v>
      </c>
      <c r="D30977" s="14" t="s">
        <v>193</v>
      </c>
      <c r="E30977" s="15">
        <v>45693</v>
      </c>
      <c r="F30977" s="14" t="s">
        <v>15</v>
      </c>
      <c r="G30977" s="16">
        <v>0</v>
      </c>
    </row>
    <row r="30978" spans="1:7" x14ac:dyDescent="0.3">
      <c r="A30978" s="13" t="s">
        <v>192</v>
      </c>
      <c r="B30978" s="14" t="s">
        <v>1</v>
      </c>
      <c r="C30978" s="14" t="s">
        <v>17</v>
      </c>
      <c r="D30978" s="14" t="s">
        <v>193</v>
      </c>
      <c r="E30978" s="15">
        <v>45694</v>
      </c>
      <c r="F30978" s="14" t="s">
        <v>15</v>
      </c>
      <c r="G30978" s="16">
        <v>0</v>
      </c>
    </row>
    <row r="30979" spans="1:7" x14ac:dyDescent="0.3">
      <c r="A30979" s="13" t="s">
        <v>192</v>
      </c>
      <c r="B30979" s="14" t="s">
        <v>1</v>
      </c>
      <c r="C30979" s="14" t="s">
        <v>17</v>
      </c>
      <c r="D30979" s="14" t="s">
        <v>193</v>
      </c>
      <c r="E30979" s="15">
        <v>45695</v>
      </c>
      <c r="F30979" s="14" t="s">
        <v>15</v>
      </c>
      <c r="G30979" s="16">
        <v>0</v>
      </c>
    </row>
    <row r="30980" spans="1:7" x14ac:dyDescent="0.3">
      <c r="A30980" s="13" t="s">
        <v>192</v>
      </c>
      <c r="B30980" s="14" t="s">
        <v>1</v>
      </c>
      <c r="C30980" s="14" t="s">
        <v>17</v>
      </c>
      <c r="D30980" s="14" t="s">
        <v>193</v>
      </c>
      <c r="E30980" s="15">
        <v>45696</v>
      </c>
      <c r="F30980" s="14" t="s">
        <v>15</v>
      </c>
      <c r="G30980" s="16">
        <v>0</v>
      </c>
    </row>
    <row r="30981" spans="1:7" x14ac:dyDescent="0.3">
      <c r="A30981" s="13" t="s">
        <v>192</v>
      </c>
      <c r="B30981" s="14" t="s">
        <v>1</v>
      </c>
      <c r="C30981" s="14" t="s">
        <v>17</v>
      </c>
      <c r="D30981" s="14" t="s">
        <v>193</v>
      </c>
      <c r="E30981" s="15">
        <v>45697</v>
      </c>
      <c r="F30981" s="14" t="s">
        <v>15</v>
      </c>
      <c r="G30981" s="16">
        <v>0</v>
      </c>
    </row>
    <row r="30982" spans="1:7" x14ac:dyDescent="0.3">
      <c r="A30982" s="13" t="s">
        <v>192</v>
      </c>
      <c r="B30982" s="14" t="s">
        <v>1</v>
      </c>
      <c r="C30982" s="14" t="s">
        <v>17</v>
      </c>
      <c r="D30982" s="14" t="s">
        <v>193</v>
      </c>
      <c r="E30982" s="15">
        <v>45698</v>
      </c>
      <c r="F30982" s="14" t="s">
        <v>15</v>
      </c>
      <c r="G30982" s="16">
        <v>0</v>
      </c>
    </row>
    <row r="30983" spans="1:7" x14ac:dyDescent="0.3">
      <c r="A30983" s="13" t="s">
        <v>192</v>
      </c>
      <c r="B30983" s="14" t="s">
        <v>1</v>
      </c>
      <c r="C30983" s="14" t="s">
        <v>17</v>
      </c>
      <c r="D30983" s="14" t="s">
        <v>193</v>
      </c>
      <c r="E30983" s="15">
        <v>45699</v>
      </c>
      <c r="F30983" s="14" t="s">
        <v>15</v>
      </c>
      <c r="G30983" s="16">
        <v>0</v>
      </c>
    </row>
    <row r="30984" spans="1:7" x14ac:dyDescent="0.3">
      <c r="A30984" s="13" t="s">
        <v>192</v>
      </c>
      <c r="B30984" s="14" t="s">
        <v>1</v>
      </c>
      <c r="C30984" s="14" t="s">
        <v>17</v>
      </c>
      <c r="D30984" s="14" t="s">
        <v>193</v>
      </c>
      <c r="E30984" s="15">
        <v>45700</v>
      </c>
      <c r="F30984" s="14" t="s">
        <v>15</v>
      </c>
      <c r="G30984" s="16">
        <v>0</v>
      </c>
    </row>
    <row r="30985" spans="1:7" x14ac:dyDescent="0.3">
      <c r="A30985" s="13" t="s">
        <v>192</v>
      </c>
      <c r="B30985" s="14" t="s">
        <v>1</v>
      </c>
      <c r="C30985" s="14" t="s">
        <v>17</v>
      </c>
      <c r="D30985" s="14" t="s">
        <v>193</v>
      </c>
      <c r="E30985" s="15">
        <v>45701</v>
      </c>
      <c r="F30985" s="14" t="s">
        <v>15</v>
      </c>
      <c r="G30985" s="16">
        <v>0</v>
      </c>
    </row>
    <row r="30986" spans="1:7" x14ac:dyDescent="0.3">
      <c r="A30986" s="13" t="s">
        <v>192</v>
      </c>
      <c r="B30986" s="14" t="s">
        <v>1</v>
      </c>
      <c r="C30986" s="14" t="s">
        <v>17</v>
      </c>
      <c r="D30986" s="14" t="s">
        <v>193</v>
      </c>
      <c r="E30986" s="15">
        <v>45702</v>
      </c>
      <c r="F30986" s="14" t="s">
        <v>15</v>
      </c>
      <c r="G30986" s="16">
        <v>0</v>
      </c>
    </row>
    <row r="30987" spans="1:7" x14ac:dyDescent="0.3">
      <c r="A30987" s="13" t="s">
        <v>192</v>
      </c>
      <c r="B30987" s="14" t="s">
        <v>1</v>
      </c>
      <c r="C30987" s="14" t="s">
        <v>17</v>
      </c>
      <c r="D30987" s="14" t="s">
        <v>193</v>
      </c>
      <c r="E30987" s="15">
        <v>45703</v>
      </c>
      <c r="F30987" s="14" t="s">
        <v>15</v>
      </c>
      <c r="G30987" s="16">
        <v>0</v>
      </c>
    </row>
    <row r="30988" spans="1:7" x14ac:dyDescent="0.3">
      <c r="A30988" s="13" t="s">
        <v>192</v>
      </c>
      <c r="B30988" s="14" t="s">
        <v>1</v>
      </c>
      <c r="C30988" s="14" t="s">
        <v>17</v>
      </c>
      <c r="D30988" s="14" t="s">
        <v>193</v>
      </c>
      <c r="E30988" s="15">
        <v>45704</v>
      </c>
      <c r="F30988" s="14" t="s">
        <v>15</v>
      </c>
      <c r="G30988" s="16">
        <v>0</v>
      </c>
    </row>
    <row r="30989" spans="1:7" x14ac:dyDescent="0.3">
      <c r="A30989" s="13" t="s">
        <v>192</v>
      </c>
      <c r="B30989" s="14" t="s">
        <v>1</v>
      </c>
      <c r="C30989" s="14" t="s">
        <v>17</v>
      </c>
      <c r="D30989" s="14" t="s">
        <v>193</v>
      </c>
      <c r="E30989" s="15">
        <v>45705</v>
      </c>
      <c r="F30989" s="14" t="s">
        <v>15</v>
      </c>
      <c r="G30989" s="16">
        <v>0</v>
      </c>
    </row>
    <row r="30990" spans="1:7" x14ac:dyDescent="0.3">
      <c r="A30990" s="13" t="s">
        <v>192</v>
      </c>
      <c r="B30990" s="14" t="s">
        <v>1</v>
      </c>
      <c r="C30990" s="14" t="s">
        <v>17</v>
      </c>
      <c r="D30990" s="14" t="s">
        <v>193</v>
      </c>
      <c r="E30990" s="15">
        <v>45706</v>
      </c>
      <c r="F30990" s="14" t="s">
        <v>15</v>
      </c>
      <c r="G30990" s="16">
        <v>0</v>
      </c>
    </row>
    <row r="30991" spans="1:7" x14ac:dyDescent="0.3">
      <c r="A30991" s="13" t="s">
        <v>192</v>
      </c>
      <c r="B30991" s="14" t="s">
        <v>1</v>
      </c>
      <c r="C30991" s="14" t="s">
        <v>17</v>
      </c>
      <c r="D30991" s="14" t="s">
        <v>193</v>
      </c>
      <c r="E30991" s="15">
        <v>45707</v>
      </c>
      <c r="F30991" s="14" t="s">
        <v>15</v>
      </c>
      <c r="G30991" s="16">
        <v>0</v>
      </c>
    </row>
    <row r="30992" spans="1:7" x14ac:dyDescent="0.3">
      <c r="A30992" s="13" t="s">
        <v>192</v>
      </c>
      <c r="B30992" s="14" t="s">
        <v>1</v>
      </c>
      <c r="C30992" s="14" t="s">
        <v>17</v>
      </c>
      <c r="D30992" s="14" t="s">
        <v>193</v>
      </c>
      <c r="E30992" s="15">
        <v>45708</v>
      </c>
      <c r="F30992" s="14" t="s">
        <v>15</v>
      </c>
      <c r="G30992" s="16">
        <v>0</v>
      </c>
    </row>
    <row r="30993" spans="1:7" x14ac:dyDescent="0.3">
      <c r="A30993" s="13" t="s">
        <v>192</v>
      </c>
      <c r="B30993" s="14" t="s">
        <v>1</v>
      </c>
      <c r="C30993" s="14" t="s">
        <v>17</v>
      </c>
      <c r="D30993" s="14" t="s">
        <v>193</v>
      </c>
      <c r="E30993" s="15">
        <v>45709</v>
      </c>
      <c r="F30993" s="14" t="s">
        <v>15</v>
      </c>
      <c r="G30993" s="16">
        <v>0</v>
      </c>
    </row>
    <row r="30994" spans="1:7" x14ac:dyDescent="0.3">
      <c r="A30994" s="13" t="s">
        <v>192</v>
      </c>
      <c r="B30994" s="14" t="s">
        <v>1</v>
      </c>
      <c r="C30994" s="14" t="s">
        <v>17</v>
      </c>
      <c r="D30994" s="14" t="s">
        <v>193</v>
      </c>
      <c r="E30994" s="15">
        <v>45710</v>
      </c>
      <c r="F30994" s="14" t="s">
        <v>15</v>
      </c>
      <c r="G30994" s="16">
        <v>0</v>
      </c>
    </row>
    <row r="30995" spans="1:7" x14ac:dyDescent="0.3">
      <c r="A30995" s="13" t="s">
        <v>192</v>
      </c>
      <c r="B30995" s="14" t="s">
        <v>1</v>
      </c>
      <c r="C30995" s="14" t="s">
        <v>17</v>
      </c>
      <c r="D30995" s="14" t="s">
        <v>193</v>
      </c>
      <c r="E30995" s="15">
        <v>45711</v>
      </c>
      <c r="F30995" s="14" t="s">
        <v>15</v>
      </c>
      <c r="G30995" s="16">
        <v>0</v>
      </c>
    </row>
    <row r="30996" spans="1:7" x14ac:dyDescent="0.3">
      <c r="A30996" s="13" t="s">
        <v>192</v>
      </c>
      <c r="B30996" s="14" t="s">
        <v>1</v>
      </c>
      <c r="C30996" s="14" t="s">
        <v>17</v>
      </c>
      <c r="D30996" s="14" t="s">
        <v>193</v>
      </c>
      <c r="E30996" s="15">
        <v>45712</v>
      </c>
      <c r="F30996" s="14" t="s">
        <v>15</v>
      </c>
      <c r="G30996" s="16">
        <v>0</v>
      </c>
    </row>
    <row r="30997" spans="1:7" x14ac:dyDescent="0.3">
      <c r="A30997" s="13" t="s">
        <v>192</v>
      </c>
      <c r="B30997" s="14" t="s">
        <v>1</v>
      </c>
      <c r="C30997" s="14" t="s">
        <v>17</v>
      </c>
      <c r="D30997" s="14" t="s">
        <v>193</v>
      </c>
      <c r="E30997" s="15">
        <v>45713</v>
      </c>
      <c r="F30997" s="14" t="s">
        <v>15</v>
      </c>
      <c r="G30997" s="16">
        <v>0</v>
      </c>
    </row>
    <row r="30998" spans="1:7" x14ac:dyDescent="0.3">
      <c r="A30998" s="13" t="s">
        <v>192</v>
      </c>
      <c r="B30998" s="14" t="s">
        <v>1</v>
      </c>
      <c r="C30998" s="14" t="s">
        <v>17</v>
      </c>
      <c r="D30998" s="14" t="s">
        <v>193</v>
      </c>
      <c r="E30998" s="15">
        <v>45714</v>
      </c>
      <c r="F30998" s="14" t="s">
        <v>15</v>
      </c>
      <c r="G30998" s="16">
        <v>0</v>
      </c>
    </row>
    <row r="30999" spans="1:7" x14ac:dyDescent="0.3">
      <c r="A30999" s="13" t="s">
        <v>192</v>
      </c>
      <c r="B30999" s="14" t="s">
        <v>1</v>
      </c>
      <c r="C30999" s="14" t="s">
        <v>17</v>
      </c>
      <c r="D30999" s="14" t="s">
        <v>193</v>
      </c>
      <c r="E30999" s="15">
        <v>45715</v>
      </c>
      <c r="F30999" s="14" t="s">
        <v>15</v>
      </c>
      <c r="G30999" s="16">
        <v>0</v>
      </c>
    </row>
    <row r="31000" spans="1:7" x14ac:dyDescent="0.3">
      <c r="A31000" s="13" t="s">
        <v>192</v>
      </c>
      <c r="B31000" s="14" t="s">
        <v>1</v>
      </c>
      <c r="C31000" s="14" t="s">
        <v>17</v>
      </c>
      <c r="D31000" s="14" t="s">
        <v>193</v>
      </c>
      <c r="E31000" s="15">
        <v>45716</v>
      </c>
      <c r="F31000" s="14" t="s">
        <v>15</v>
      </c>
      <c r="G31000" s="16">
        <v>0</v>
      </c>
    </row>
    <row r="31001" spans="1:7" x14ac:dyDescent="0.3">
      <c r="A31001" s="13" t="s">
        <v>192</v>
      </c>
      <c r="B31001" s="14" t="s">
        <v>1</v>
      </c>
      <c r="C31001" s="14" t="s">
        <v>17</v>
      </c>
      <c r="D31001" s="14" t="s">
        <v>193</v>
      </c>
      <c r="E31001" s="15">
        <v>45717</v>
      </c>
      <c r="F31001" s="14" t="s">
        <v>15</v>
      </c>
      <c r="G31001" s="16">
        <v>0</v>
      </c>
    </row>
    <row r="31002" spans="1:7" x14ac:dyDescent="0.3">
      <c r="A31002" s="13" t="s">
        <v>192</v>
      </c>
      <c r="B31002" s="14" t="s">
        <v>1</v>
      </c>
      <c r="C31002" s="14" t="s">
        <v>17</v>
      </c>
      <c r="D31002" s="14" t="s">
        <v>193</v>
      </c>
      <c r="E31002" s="15">
        <v>45718</v>
      </c>
      <c r="F31002" s="14" t="s">
        <v>15</v>
      </c>
      <c r="G31002" s="16">
        <v>0</v>
      </c>
    </row>
    <row r="31003" spans="1:7" x14ac:dyDescent="0.3">
      <c r="A31003" s="13" t="s">
        <v>192</v>
      </c>
      <c r="B31003" s="14" t="s">
        <v>1</v>
      </c>
      <c r="C31003" s="14" t="s">
        <v>17</v>
      </c>
      <c r="D31003" s="14" t="s">
        <v>193</v>
      </c>
      <c r="E31003" s="15">
        <v>45719</v>
      </c>
      <c r="F31003" s="14" t="s">
        <v>15</v>
      </c>
      <c r="G31003" s="16">
        <v>0</v>
      </c>
    </row>
    <row r="31004" spans="1:7" x14ac:dyDescent="0.3">
      <c r="A31004" s="13" t="s">
        <v>192</v>
      </c>
      <c r="B31004" s="14" t="s">
        <v>1</v>
      </c>
      <c r="C31004" s="14" t="s">
        <v>17</v>
      </c>
      <c r="D31004" s="14" t="s">
        <v>193</v>
      </c>
      <c r="E31004" s="15">
        <v>45720</v>
      </c>
      <c r="F31004" s="14" t="s">
        <v>15</v>
      </c>
      <c r="G31004" s="16">
        <v>0</v>
      </c>
    </row>
    <row r="31005" spans="1:7" x14ac:dyDescent="0.3">
      <c r="A31005" s="13" t="s">
        <v>192</v>
      </c>
      <c r="B31005" s="14" t="s">
        <v>1</v>
      </c>
      <c r="C31005" s="14" t="s">
        <v>17</v>
      </c>
      <c r="D31005" s="14" t="s">
        <v>193</v>
      </c>
      <c r="E31005" s="15">
        <v>45721</v>
      </c>
      <c r="F31005" s="14" t="s">
        <v>15</v>
      </c>
      <c r="G31005" s="16">
        <v>0</v>
      </c>
    </row>
    <row r="31006" spans="1:7" x14ac:dyDescent="0.3">
      <c r="A31006" s="13" t="s">
        <v>192</v>
      </c>
      <c r="B31006" s="14" t="s">
        <v>1</v>
      </c>
      <c r="C31006" s="14" t="s">
        <v>17</v>
      </c>
      <c r="D31006" s="14" t="s">
        <v>193</v>
      </c>
      <c r="E31006" s="15">
        <v>45722</v>
      </c>
      <c r="F31006" s="14" t="s">
        <v>15</v>
      </c>
      <c r="G31006" s="16">
        <v>0</v>
      </c>
    </row>
    <row r="31007" spans="1:7" x14ac:dyDescent="0.3">
      <c r="A31007" s="13" t="s">
        <v>192</v>
      </c>
      <c r="B31007" s="14" t="s">
        <v>1</v>
      </c>
      <c r="C31007" s="14" t="s">
        <v>17</v>
      </c>
      <c r="D31007" s="14" t="s">
        <v>193</v>
      </c>
      <c r="E31007" s="15">
        <v>45723</v>
      </c>
      <c r="F31007" s="14" t="s">
        <v>15</v>
      </c>
      <c r="G31007" s="16">
        <v>0</v>
      </c>
    </row>
    <row r="31008" spans="1:7" x14ac:dyDescent="0.3">
      <c r="A31008" s="13" t="s">
        <v>192</v>
      </c>
      <c r="B31008" s="14" t="s">
        <v>1</v>
      </c>
      <c r="C31008" s="14" t="s">
        <v>17</v>
      </c>
      <c r="D31008" s="14" t="s">
        <v>193</v>
      </c>
      <c r="E31008" s="15">
        <v>45724</v>
      </c>
      <c r="F31008" s="14" t="s">
        <v>15</v>
      </c>
      <c r="G31008" s="16">
        <v>0</v>
      </c>
    </row>
    <row r="31009" spans="1:7" x14ac:dyDescent="0.3">
      <c r="A31009" s="13" t="s">
        <v>192</v>
      </c>
      <c r="B31009" s="14" t="s">
        <v>1</v>
      </c>
      <c r="C31009" s="14" t="s">
        <v>17</v>
      </c>
      <c r="D31009" s="14" t="s">
        <v>193</v>
      </c>
      <c r="E31009" s="15">
        <v>45725</v>
      </c>
      <c r="F31009" s="14" t="s">
        <v>15</v>
      </c>
      <c r="G31009" s="16">
        <v>0</v>
      </c>
    </row>
    <row r="31010" spans="1:7" x14ac:dyDescent="0.3">
      <c r="A31010" s="13" t="s">
        <v>192</v>
      </c>
      <c r="B31010" s="14" t="s">
        <v>1</v>
      </c>
      <c r="C31010" s="14" t="s">
        <v>17</v>
      </c>
      <c r="D31010" s="14" t="s">
        <v>193</v>
      </c>
      <c r="E31010" s="15">
        <v>45726</v>
      </c>
      <c r="F31010" s="14" t="s">
        <v>15</v>
      </c>
      <c r="G31010" s="16">
        <v>0</v>
      </c>
    </row>
    <row r="31011" spans="1:7" x14ac:dyDescent="0.3">
      <c r="A31011" s="13" t="s">
        <v>192</v>
      </c>
      <c r="B31011" s="14" t="s">
        <v>1</v>
      </c>
      <c r="C31011" s="14" t="s">
        <v>17</v>
      </c>
      <c r="D31011" s="14" t="s">
        <v>193</v>
      </c>
      <c r="E31011" s="15">
        <v>45727</v>
      </c>
      <c r="F31011" s="14" t="s">
        <v>15</v>
      </c>
      <c r="G31011" s="16">
        <v>0</v>
      </c>
    </row>
    <row r="31012" spans="1:7" x14ac:dyDescent="0.3">
      <c r="A31012" s="13" t="s">
        <v>192</v>
      </c>
      <c r="B31012" s="14" t="s">
        <v>1</v>
      </c>
      <c r="C31012" s="14" t="s">
        <v>17</v>
      </c>
      <c r="D31012" s="14" t="s">
        <v>193</v>
      </c>
      <c r="E31012" s="15">
        <v>45728</v>
      </c>
      <c r="F31012" s="14" t="s">
        <v>15</v>
      </c>
      <c r="G31012" s="16">
        <v>0</v>
      </c>
    </row>
    <row r="31013" spans="1:7" x14ac:dyDescent="0.3">
      <c r="A31013" s="13" t="s">
        <v>192</v>
      </c>
      <c r="B31013" s="14" t="s">
        <v>1</v>
      </c>
      <c r="C31013" s="14" t="s">
        <v>17</v>
      </c>
      <c r="D31013" s="14" t="s">
        <v>193</v>
      </c>
      <c r="E31013" s="15">
        <v>45729</v>
      </c>
      <c r="F31013" s="14" t="s">
        <v>15</v>
      </c>
      <c r="G31013" s="16">
        <v>0</v>
      </c>
    </row>
    <row r="31014" spans="1:7" x14ac:dyDescent="0.3">
      <c r="A31014" s="13" t="s">
        <v>192</v>
      </c>
      <c r="B31014" s="14" t="s">
        <v>1</v>
      </c>
      <c r="C31014" s="14" t="s">
        <v>17</v>
      </c>
      <c r="D31014" s="14" t="s">
        <v>193</v>
      </c>
      <c r="E31014" s="15">
        <v>45730</v>
      </c>
      <c r="F31014" s="14" t="s">
        <v>15</v>
      </c>
      <c r="G31014" s="16">
        <v>0</v>
      </c>
    </row>
    <row r="31015" spans="1:7" x14ac:dyDescent="0.3">
      <c r="A31015" s="13" t="s">
        <v>192</v>
      </c>
      <c r="B31015" s="14" t="s">
        <v>1</v>
      </c>
      <c r="C31015" s="14" t="s">
        <v>17</v>
      </c>
      <c r="D31015" s="14" t="s">
        <v>193</v>
      </c>
      <c r="E31015" s="15">
        <v>45731</v>
      </c>
      <c r="F31015" s="14" t="s">
        <v>15</v>
      </c>
      <c r="G31015" s="16">
        <v>0</v>
      </c>
    </row>
    <row r="31016" spans="1:7" x14ac:dyDescent="0.3">
      <c r="A31016" s="13" t="s">
        <v>192</v>
      </c>
      <c r="B31016" s="14" t="s">
        <v>1</v>
      </c>
      <c r="C31016" s="14" t="s">
        <v>17</v>
      </c>
      <c r="D31016" s="14" t="s">
        <v>193</v>
      </c>
      <c r="E31016" s="15">
        <v>45732</v>
      </c>
      <c r="F31016" s="14" t="s">
        <v>15</v>
      </c>
      <c r="G31016" s="16">
        <v>0</v>
      </c>
    </row>
    <row r="31017" spans="1:7" x14ac:dyDescent="0.3">
      <c r="A31017" s="13" t="s">
        <v>192</v>
      </c>
      <c r="B31017" s="14" t="s">
        <v>1</v>
      </c>
      <c r="C31017" s="14" t="s">
        <v>17</v>
      </c>
      <c r="D31017" s="14" t="s">
        <v>193</v>
      </c>
      <c r="E31017" s="15">
        <v>45733</v>
      </c>
      <c r="F31017" s="14" t="s">
        <v>15</v>
      </c>
      <c r="G31017" s="16">
        <v>0</v>
      </c>
    </row>
    <row r="31018" spans="1:7" x14ac:dyDescent="0.3">
      <c r="A31018" s="13" t="s">
        <v>192</v>
      </c>
      <c r="B31018" s="14" t="s">
        <v>1</v>
      </c>
      <c r="C31018" s="14" t="s">
        <v>17</v>
      </c>
      <c r="D31018" s="14" t="s">
        <v>193</v>
      </c>
      <c r="E31018" s="15">
        <v>45734</v>
      </c>
      <c r="F31018" s="14" t="s">
        <v>15</v>
      </c>
      <c r="G31018" s="16">
        <v>0</v>
      </c>
    </row>
    <row r="31019" spans="1:7" x14ac:dyDescent="0.3">
      <c r="A31019" s="13" t="s">
        <v>192</v>
      </c>
      <c r="B31019" s="14" t="s">
        <v>1</v>
      </c>
      <c r="C31019" s="14" t="s">
        <v>17</v>
      </c>
      <c r="D31019" s="14" t="s">
        <v>193</v>
      </c>
      <c r="E31019" s="15">
        <v>45735</v>
      </c>
      <c r="F31019" s="14" t="s">
        <v>15</v>
      </c>
      <c r="G31019" s="16">
        <v>0</v>
      </c>
    </row>
    <row r="31020" spans="1:7" x14ac:dyDescent="0.3">
      <c r="A31020" s="13" t="s">
        <v>192</v>
      </c>
      <c r="B31020" s="14" t="s">
        <v>1</v>
      </c>
      <c r="C31020" s="14" t="s">
        <v>17</v>
      </c>
      <c r="D31020" s="14" t="s">
        <v>193</v>
      </c>
      <c r="E31020" s="15">
        <v>45736</v>
      </c>
      <c r="F31020" s="14" t="s">
        <v>15</v>
      </c>
      <c r="G31020" s="16">
        <v>0</v>
      </c>
    </row>
    <row r="31021" spans="1:7" x14ac:dyDescent="0.3">
      <c r="A31021" s="13" t="s">
        <v>192</v>
      </c>
      <c r="B31021" s="14" t="s">
        <v>1</v>
      </c>
      <c r="C31021" s="14" t="s">
        <v>17</v>
      </c>
      <c r="D31021" s="14" t="s">
        <v>193</v>
      </c>
      <c r="E31021" s="15">
        <v>45737</v>
      </c>
      <c r="F31021" s="14" t="s">
        <v>15</v>
      </c>
      <c r="G31021" s="16">
        <v>0</v>
      </c>
    </row>
    <row r="31022" spans="1:7" x14ac:dyDescent="0.3">
      <c r="A31022" s="13" t="s">
        <v>192</v>
      </c>
      <c r="B31022" s="14" t="s">
        <v>1</v>
      </c>
      <c r="C31022" s="14" t="s">
        <v>17</v>
      </c>
      <c r="D31022" s="14" t="s">
        <v>193</v>
      </c>
      <c r="E31022" s="15">
        <v>45738</v>
      </c>
      <c r="F31022" s="14" t="s">
        <v>15</v>
      </c>
      <c r="G31022" s="16">
        <v>0</v>
      </c>
    </row>
    <row r="31023" spans="1:7" x14ac:dyDescent="0.3">
      <c r="A31023" s="13" t="s">
        <v>192</v>
      </c>
      <c r="B31023" s="14" t="s">
        <v>1</v>
      </c>
      <c r="C31023" s="14" t="s">
        <v>17</v>
      </c>
      <c r="D31023" s="14" t="s">
        <v>193</v>
      </c>
      <c r="E31023" s="15">
        <v>45739</v>
      </c>
      <c r="F31023" s="14" t="s">
        <v>15</v>
      </c>
      <c r="G31023" s="16">
        <v>0</v>
      </c>
    </row>
    <row r="31024" spans="1:7" x14ac:dyDescent="0.3">
      <c r="A31024" s="13" t="s">
        <v>192</v>
      </c>
      <c r="B31024" s="14" t="s">
        <v>1</v>
      </c>
      <c r="C31024" s="14" t="s">
        <v>17</v>
      </c>
      <c r="D31024" s="14" t="s">
        <v>193</v>
      </c>
      <c r="E31024" s="15">
        <v>45740</v>
      </c>
      <c r="F31024" s="14" t="s">
        <v>15</v>
      </c>
      <c r="G31024" s="16">
        <v>0</v>
      </c>
    </row>
    <row r="31025" spans="1:7" x14ac:dyDescent="0.3">
      <c r="A31025" s="13" t="s">
        <v>192</v>
      </c>
      <c r="B31025" s="14" t="s">
        <v>1</v>
      </c>
      <c r="C31025" s="14" t="s">
        <v>17</v>
      </c>
      <c r="D31025" s="14" t="s">
        <v>193</v>
      </c>
      <c r="E31025" s="15">
        <v>45741</v>
      </c>
      <c r="F31025" s="14" t="s">
        <v>15</v>
      </c>
      <c r="G31025" s="16">
        <v>0</v>
      </c>
    </row>
    <row r="31026" spans="1:7" x14ac:dyDescent="0.3">
      <c r="A31026" s="13" t="s">
        <v>192</v>
      </c>
      <c r="B31026" s="14" t="s">
        <v>1</v>
      </c>
      <c r="C31026" s="14" t="s">
        <v>17</v>
      </c>
      <c r="D31026" s="14" t="s">
        <v>193</v>
      </c>
      <c r="E31026" s="15">
        <v>45742</v>
      </c>
      <c r="F31026" s="14" t="s">
        <v>15</v>
      </c>
      <c r="G31026" s="16">
        <v>0</v>
      </c>
    </row>
    <row r="31027" spans="1:7" x14ac:dyDescent="0.3">
      <c r="A31027" s="13" t="s">
        <v>192</v>
      </c>
      <c r="B31027" s="14" t="s">
        <v>1</v>
      </c>
      <c r="C31027" s="14" t="s">
        <v>17</v>
      </c>
      <c r="D31027" s="14" t="s">
        <v>193</v>
      </c>
      <c r="E31027" s="15">
        <v>45743</v>
      </c>
      <c r="F31027" s="14" t="s">
        <v>15</v>
      </c>
      <c r="G31027" s="16">
        <v>0</v>
      </c>
    </row>
    <row r="31028" spans="1:7" x14ac:dyDescent="0.3">
      <c r="A31028" s="13" t="s">
        <v>192</v>
      </c>
      <c r="B31028" s="14" t="s">
        <v>1</v>
      </c>
      <c r="C31028" s="14" t="s">
        <v>17</v>
      </c>
      <c r="D31028" s="14" t="s">
        <v>193</v>
      </c>
      <c r="E31028" s="15">
        <v>45744</v>
      </c>
      <c r="F31028" s="14" t="s">
        <v>15</v>
      </c>
      <c r="G31028" s="16">
        <v>0</v>
      </c>
    </row>
    <row r="31029" spans="1:7" x14ac:dyDescent="0.3">
      <c r="A31029" s="13" t="s">
        <v>192</v>
      </c>
      <c r="B31029" s="14" t="s">
        <v>1</v>
      </c>
      <c r="C31029" s="14" t="s">
        <v>17</v>
      </c>
      <c r="D31029" s="14" t="s">
        <v>193</v>
      </c>
      <c r="E31029" s="15">
        <v>45745</v>
      </c>
      <c r="F31029" s="14" t="s">
        <v>15</v>
      </c>
      <c r="G31029" s="16">
        <v>0</v>
      </c>
    </row>
    <row r="31030" spans="1:7" x14ac:dyDescent="0.3">
      <c r="A31030" s="13" t="s">
        <v>192</v>
      </c>
      <c r="B31030" s="14" t="s">
        <v>1</v>
      </c>
      <c r="C31030" s="14" t="s">
        <v>17</v>
      </c>
      <c r="D31030" s="14" t="s">
        <v>193</v>
      </c>
      <c r="E31030" s="15">
        <v>45746</v>
      </c>
      <c r="F31030" s="14" t="s">
        <v>15</v>
      </c>
      <c r="G31030" s="16">
        <v>0</v>
      </c>
    </row>
    <row r="31031" spans="1:7" x14ac:dyDescent="0.3">
      <c r="A31031" s="13" t="s">
        <v>192</v>
      </c>
      <c r="B31031" s="14" t="s">
        <v>1</v>
      </c>
      <c r="C31031" s="14" t="s">
        <v>17</v>
      </c>
      <c r="D31031" s="14" t="s">
        <v>193</v>
      </c>
      <c r="E31031" s="15">
        <v>45747</v>
      </c>
      <c r="F31031" s="14" t="s">
        <v>15</v>
      </c>
      <c r="G31031" s="16">
        <v>0</v>
      </c>
    </row>
    <row r="31032" spans="1:7" x14ac:dyDescent="0.3">
      <c r="A31032" s="13" t="s">
        <v>194</v>
      </c>
      <c r="B31032" s="14" t="s">
        <v>1</v>
      </c>
      <c r="C31032" s="14" t="s">
        <v>35</v>
      </c>
      <c r="D31032" s="14" t="s">
        <v>195</v>
      </c>
      <c r="E31032" s="15">
        <v>45383</v>
      </c>
      <c r="F31032" s="14" t="s">
        <v>25</v>
      </c>
      <c r="G31032" s="16">
        <v>0</v>
      </c>
    </row>
    <row r="31033" spans="1:7" x14ac:dyDescent="0.3">
      <c r="A31033" s="13" t="s">
        <v>194</v>
      </c>
      <c r="B31033" s="14" t="s">
        <v>1</v>
      </c>
      <c r="C31033" s="14" t="s">
        <v>35</v>
      </c>
      <c r="D31033" s="14" t="s">
        <v>195</v>
      </c>
      <c r="E31033" s="15">
        <v>45384</v>
      </c>
      <c r="F31033" s="14" t="s">
        <v>25</v>
      </c>
      <c r="G31033" s="16">
        <v>0</v>
      </c>
    </row>
    <row r="31034" spans="1:7" x14ac:dyDescent="0.3">
      <c r="A31034" s="13" t="s">
        <v>194</v>
      </c>
      <c r="B31034" s="14" t="s">
        <v>1</v>
      </c>
      <c r="C31034" s="14" t="s">
        <v>35</v>
      </c>
      <c r="D31034" s="14" t="s">
        <v>195</v>
      </c>
      <c r="E31034" s="15">
        <v>45385</v>
      </c>
      <c r="F31034" s="14" t="s">
        <v>25</v>
      </c>
      <c r="G31034" s="16">
        <v>0</v>
      </c>
    </row>
    <row r="31035" spans="1:7" x14ac:dyDescent="0.3">
      <c r="A31035" s="13" t="s">
        <v>194</v>
      </c>
      <c r="B31035" s="14" t="s">
        <v>1</v>
      </c>
      <c r="C31035" s="14" t="s">
        <v>35</v>
      </c>
      <c r="D31035" s="14" t="s">
        <v>195</v>
      </c>
      <c r="E31035" s="15">
        <v>45386</v>
      </c>
      <c r="F31035" s="14" t="s">
        <v>25</v>
      </c>
      <c r="G31035" s="16">
        <v>0</v>
      </c>
    </row>
    <row r="31036" spans="1:7" x14ac:dyDescent="0.3">
      <c r="A31036" s="13" t="s">
        <v>194</v>
      </c>
      <c r="B31036" s="14" t="s">
        <v>1</v>
      </c>
      <c r="C31036" s="14" t="s">
        <v>35</v>
      </c>
      <c r="D31036" s="14" t="s">
        <v>195</v>
      </c>
      <c r="E31036" s="15">
        <v>45387</v>
      </c>
      <c r="F31036" s="14" t="s">
        <v>25</v>
      </c>
      <c r="G31036" s="16">
        <v>0</v>
      </c>
    </row>
    <row r="31037" spans="1:7" x14ac:dyDescent="0.3">
      <c r="A31037" s="13" t="s">
        <v>194</v>
      </c>
      <c r="B31037" s="14" t="s">
        <v>1</v>
      </c>
      <c r="C31037" s="14" t="s">
        <v>35</v>
      </c>
      <c r="D31037" s="14" t="s">
        <v>195</v>
      </c>
      <c r="E31037" s="15">
        <v>45388</v>
      </c>
      <c r="F31037" s="14" t="s">
        <v>25</v>
      </c>
      <c r="G31037" s="16">
        <v>0</v>
      </c>
    </row>
    <row r="31038" spans="1:7" x14ac:dyDescent="0.3">
      <c r="A31038" s="13" t="s">
        <v>194</v>
      </c>
      <c r="B31038" s="14" t="s">
        <v>1</v>
      </c>
      <c r="C31038" s="14" t="s">
        <v>35</v>
      </c>
      <c r="D31038" s="14" t="s">
        <v>195</v>
      </c>
      <c r="E31038" s="15">
        <v>45389</v>
      </c>
      <c r="F31038" s="14" t="s">
        <v>25</v>
      </c>
      <c r="G31038" s="16">
        <v>0</v>
      </c>
    </row>
    <row r="31039" spans="1:7" x14ac:dyDescent="0.3">
      <c r="A31039" s="13" t="s">
        <v>194</v>
      </c>
      <c r="B31039" s="14" t="s">
        <v>1</v>
      </c>
      <c r="C31039" s="14" t="s">
        <v>35</v>
      </c>
      <c r="D31039" s="14" t="s">
        <v>195</v>
      </c>
      <c r="E31039" s="15">
        <v>45390</v>
      </c>
      <c r="F31039" s="14" t="s">
        <v>25</v>
      </c>
      <c r="G31039" s="16">
        <v>0</v>
      </c>
    </row>
    <row r="31040" spans="1:7" x14ac:dyDescent="0.3">
      <c r="A31040" s="13" t="s">
        <v>194</v>
      </c>
      <c r="B31040" s="14" t="s">
        <v>1</v>
      </c>
      <c r="C31040" s="14" t="s">
        <v>35</v>
      </c>
      <c r="D31040" s="14" t="s">
        <v>195</v>
      </c>
      <c r="E31040" s="15">
        <v>45391</v>
      </c>
      <c r="F31040" s="14" t="s">
        <v>25</v>
      </c>
      <c r="G31040" s="16">
        <v>0</v>
      </c>
    </row>
    <row r="31041" spans="1:7" x14ac:dyDescent="0.3">
      <c r="A31041" s="13" t="s">
        <v>194</v>
      </c>
      <c r="B31041" s="14" t="s">
        <v>1</v>
      </c>
      <c r="C31041" s="14" t="s">
        <v>35</v>
      </c>
      <c r="D31041" s="14" t="s">
        <v>195</v>
      </c>
      <c r="E31041" s="15">
        <v>45392</v>
      </c>
      <c r="F31041" s="14" t="s">
        <v>25</v>
      </c>
      <c r="G31041" s="16">
        <v>0</v>
      </c>
    </row>
    <row r="31042" spans="1:7" x14ac:dyDescent="0.3">
      <c r="A31042" s="13" t="s">
        <v>194</v>
      </c>
      <c r="B31042" s="14" t="s">
        <v>1</v>
      </c>
      <c r="C31042" s="14" t="s">
        <v>35</v>
      </c>
      <c r="D31042" s="14" t="s">
        <v>195</v>
      </c>
      <c r="E31042" s="15">
        <v>45393</v>
      </c>
      <c r="F31042" s="14" t="s">
        <v>25</v>
      </c>
      <c r="G31042" s="16">
        <v>0</v>
      </c>
    </row>
    <row r="31043" spans="1:7" x14ac:dyDescent="0.3">
      <c r="A31043" s="13" t="s">
        <v>194</v>
      </c>
      <c r="B31043" s="14" t="s">
        <v>1</v>
      </c>
      <c r="C31043" s="14" t="s">
        <v>35</v>
      </c>
      <c r="D31043" s="14" t="s">
        <v>195</v>
      </c>
      <c r="E31043" s="15">
        <v>45394</v>
      </c>
      <c r="F31043" s="14" t="s">
        <v>25</v>
      </c>
      <c r="G31043" s="16">
        <v>0</v>
      </c>
    </row>
    <row r="31044" spans="1:7" x14ac:dyDescent="0.3">
      <c r="A31044" s="13" t="s">
        <v>194</v>
      </c>
      <c r="B31044" s="14" t="s">
        <v>1</v>
      </c>
      <c r="C31044" s="14" t="s">
        <v>35</v>
      </c>
      <c r="D31044" s="14" t="s">
        <v>195</v>
      </c>
      <c r="E31044" s="15">
        <v>45395</v>
      </c>
      <c r="F31044" s="14" t="s">
        <v>25</v>
      </c>
      <c r="G31044" s="16">
        <v>0</v>
      </c>
    </row>
    <row r="31045" spans="1:7" x14ac:dyDescent="0.3">
      <c r="A31045" s="13" t="s">
        <v>194</v>
      </c>
      <c r="B31045" s="14" t="s">
        <v>1</v>
      </c>
      <c r="C31045" s="14" t="s">
        <v>35</v>
      </c>
      <c r="D31045" s="14" t="s">
        <v>195</v>
      </c>
      <c r="E31045" s="15">
        <v>45396</v>
      </c>
      <c r="F31045" s="14" t="s">
        <v>25</v>
      </c>
      <c r="G31045" s="16">
        <v>0</v>
      </c>
    </row>
    <row r="31046" spans="1:7" x14ac:dyDescent="0.3">
      <c r="A31046" s="13" t="s">
        <v>194</v>
      </c>
      <c r="B31046" s="14" t="s">
        <v>1</v>
      </c>
      <c r="C31046" s="14" t="s">
        <v>35</v>
      </c>
      <c r="D31046" s="14" t="s">
        <v>195</v>
      </c>
      <c r="E31046" s="15">
        <v>45397</v>
      </c>
      <c r="F31046" s="14" t="s">
        <v>25</v>
      </c>
      <c r="G31046" s="16">
        <v>0</v>
      </c>
    </row>
    <row r="31047" spans="1:7" x14ac:dyDescent="0.3">
      <c r="A31047" s="13" t="s">
        <v>194</v>
      </c>
      <c r="B31047" s="14" t="s">
        <v>1</v>
      </c>
      <c r="C31047" s="14" t="s">
        <v>35</v>
      </c>
      <c r="D31047" s="14" t="s">
        <v>195</v>
      </c>
      <c r="E31047" s="15">
        <v>45398</v>
      </c>
      <c r="F31047" s="14" t="s">
        <v>25</v>
      </c>
      <c r="G31047" s="16">
        <v>0</v>
      </c>
    </row>
    <row r="31048" spans="1:7" x14ac:dyDescent="0.3">
      <c r="A31048" s="13" t="s">
        <v>194</v>
      </c>
      <c r="B31048" s="14" t="s">
        <v>1</v>
      </c>
      <c r="C31048" s="14" t="s">
        <v>35</v>
      </c>
      <c r="D31048" s="14" t="s">
        <v>195</v>
      </c>
      <c r="E31048" s="15">
        <v>45399</v>
      </c>
      <c r="F31048" s="14" t="s">
        <v>25</v>
      </c>
      <c r="G31048" s="16">
        <v>0</v>
      </c>
    </row>
    <row r="31049" spans="1:7" x14ac:dyDescent="0.3">
      <c r="A31049" s="13" t="s">
        <v>194</v>
      </c>
      <c r="B31049" s="14" t="s">
        <v>1</v>
      </c>
      <c r="C31049" s="14" t="s">
        <v>35</v>
      </c>
      <c r="D31049" s="14" t="s">
        <v>195</v>
      </c>
      <c r="E31049" s="15">
        <v>45400</v>
      </c>
      <c r="F31049" s="14" t="s">
        <v>25</v>
      </c>
      <c r="G31049" s="16">
        <v>0</v>
      </c>
    </row>
    <row r="31050" spans="1:7" x14ac:dyDescent="0.3">
      <c r="A31050" s="13" t="s">
        <v>194</v>
      </c>
      <c r="B31050" s="14" t="s">
        <v>1</v>
      </c>
      <c r="C31050" s="14" t="s">
        <v>35</v>
      </c>
      <c r="D31050" s="14" t="s">
        <v>195</v>
      </c>
      <c r="E31050" s="15">
        <v>45401</v>
      </c>
      <c r="F31050" s="14" t="s">
        <v>25</v>
      </c>
      <c r="G31050" s="16">
        <v>0</v>
      </c>
    </row>
    <row r="31051" spans="1:7" x14ac:dyDescent="0.3">
      <c r="A31051" s="13" t="s">
        <v>194</v>
      </c>
      <c r="B31051" s="14" t="s">
        <v>1</v>
      </c>
      <c r="C31051" s="14" t="s">
        <v>35</v>
      </c>
      <c r="D31051" s="14" t="s">
        <v>195</v>
      </c>
      <c r="E31051" s="15">
        <v>45402</v>
      </c>
      <c r="F31051" s="14" t="s">
        <v>25</v>
      </c>
      <c r="G31051" s="16">
        <v>0</v>
      </c>
    </row>
    <row r="31052" spans="1:7" x14ac:dyDescent="0.3">
      <c r="A31052" s="13" t="s">
        <v>194</v>
      </c>
      <c r="B31052" s="14" t="s">
        <v>1</v>
      </c>
      <c r="C31052" s="14" t="s">
        <v>35</v>
      </c>
      <c r="D31052" s="14" t="s">
        <v>195</v>
      </c>
      <c r="E31052" s="15">
        <v>45403</v>
      </c>
      <c r="F31052" s="14" t="s">
        <v>25</v>
      </c>
      <c r="G31052" s="16">
        <v>0</v>
      </c>
    </row>
    <row r="31053" spans="1:7" x14ac:dyDescent="0.3">
      <c r="A31053" s="13" t="s">
        <v>194</v>
      </c>
      <c r="B31053" s="14" t="s">
        <v>1</v>
      </c>
      <c r="C31053" s="14" t="s">
        <v>35</v>
      </c>
      <c r="D31053" s="14" t="s">
        <v>195</v>
      </c>
      <c r="E31053" s="15">
        <v>45404</v>
      </c>
      <c r="F31053" s="14" t="s">
        <v>25</v>
      </c>
      <c r="G31053" s="16">
        <v>0</v>
      </c>
    </row>
    <row r="31054" spans="1:7" x14ac:dyDescent="0.3">
      <c r="A31054" s="13" t="s">
        <v>194</v>
      </c>
      <c r="B31054" s="14" t="s">
        <v>1</v>
      </c>
      <c r="C31054" s="14" t="s">
        <v>35</v>
      </c>
      <c r="D31054" s="14" t="s">
        <v>195</v>
      </c>
      <c r="E31054" s="15">
        <v>45405</v>
      </c>
      <c r="F31054" s="14" t="s">
        <v>25</v>
      </c>
      <c r="G31054" s="16">
        <v>0</v>
      </c>
    </row>
    <row r="31055" spans="1:7" x14ac:dyDescent="0.3">
      <c r="A31055" s="13" t="s">
        <v>194</v>
      </c>
      <c r="B31055" s="14" t="s">
        <v>1</v>
      </c>
      <c r="C31055" s="14" t="s">
        <v>35</v>
      </c>
      <c r="D31055" s="14" t="s">
        <v>195</v>
      </c>
      <c r="E31055" s="15">
        <v>45406</v>
      </c>
      <c r="F31055" s="14" t="s">
        <v>25</v>
      </c>
      <c r="G31055" s="16">
        <v>0</v>
      </c>
    </row>
    <row r="31056" spans="1:7" x14ac:dyDescent="0.3">
      <c r="A31056" s="13" t="s">
        <v>194</v>
      </c>
      <c r="B31056" s="14" t="s">
        <v>1</v>
      </c>
      <c r="C31056" s="14" t="s">
        <v>35</v>
      </c>
      <c r="D31056" s="14" t="s">
        <v>195</v>
      </c>
      <c r="E31056" s="15">
        <v>45407</v>
      </c>
      <c r="F31056" s="14" t="s">
        <v>25</v>
      </c>
      <c r="G31056" s="16">
        <v>0</v>
      </c>
    </row>
    <row r="31057" spans="1:7" x14ac:dyDescent="0.3">
      <c r="A31057" s="13" t="s">
        <v>194</v>
      </c>
      <c r="B31057" s="14" t="s">
        <v>1</v>
      </c>
      <c r="C31057" s="14" t="s">
        <v>35</v>
      </c>
      <c r="D31057" s="14" t="s">
        <v>195</v>
      </c>
      <c r="E31057" s="15">
        <v>45408</v>
      </c>
      <c r="F31057" s="14" t="s">
        <v>25</v>
      </c>
      <c r="G31057" s="16">
        <v>0</v>
      </c>
    </row>
    <row r="31058" spans="1:7" x14ac:dyDescent="0.3">
      <c r="A31058" s="13" t="s">
        <v>194</v>
      </c>
      <c r="B31058" s="14" t="s">
        <v>1</v>
      </c>
      <c r="C31058" s="14" t="s">
        <v>35</v>
      </c>
      <c r="D31058" s="14" t="s">
        <v>195</v>
      </c>
      <c r="E31058" s="15">
        <v>45409</v>
      </c>
      <c r="F31058" s="14" t="s">
        <v>25</v>
      </c>
      <c r="G31058" s="16">
        <v>0</v>
      </c>
    </row>
    <row r="31059" spans="1:7" x14ac:dyDescent="0.3">
      <c r="A31059" s="13" t="s">
        <v>194</v>
      </c>
      <c r="B31059" s="14" t="s">
        <v>1</v>
      </c>
      <c r="C31059" s="14" t="s">
        <v>35</v>
      </c>
      <c r="D31059" s="14" t="s">
        <v>195</v>
      </c>
      <c r="E31059" s="15">
        <v>45410</v>
      </c>
      <c r="F31059" s="14" t="s">
        <v>25</v>
      </c>
      <c r="G31059" s="16">
        <v>0</v>
      </c>
    </row>
    <row r="31060" spans="1:7" x14ac:dyDescent="0.3">
      <c r="A31060" s="13" t="s">
        <v>194</v>
      </c>
      <c r="B31060" s="14" t="s">
        <v>1</v>
      </c>
      <c r="C31060" s="14" t="s">
        <v>35</v>
      </c>
      <c r="D31060" s="14" t="s">
        <v>195</v>
      </c>
      <c r="E31060" s="15">
        <v>45411</v>
      </c>
      <c r="F31060" s="14" t="s">
        <v>25</v>
      </c>
      <c r="G31060" s="16">
        <v>0</v>
      </c>
    </row>
    <row r="31061" spans="1:7" x14ac:dyDescent="0.3">
      <c r="A31061" s="13" t="s">
        <v>194</v>
      </c>
      <c r="B31061" s="14" t="s">
        <v>1</v>
      </c>
      <c r="C31061" s="14" t="s">
        <v>35</v>
      </c>
      <c r="D31061" s="14" t="s">
        <v>195</v>
      </c>
      <c r="E31061" s="15">
        <v>45412</v>
      </c>
      <c r="F31061" s="14" t="s">
        <v>25</v>
      </c>
      <c r="G31061" s="16">
        <v>0</v>
      </c>
    </row>
    <row r="31062" spans="1:7" x14ac:dyDescent="0.3">
      <c r="A31062" s="13" t="s">
        <v>194</v>
      </c>
      <c r="B31062" s="14" t="s">
        <v>1</v>
      </c>
      <c r="C31062" s="14" t="s">
        <v>35</v>
      </c>
      <c r="D31062" s="14" t="s">
        <v>195</v>
      </c>
      <c r="E31062" s="15">
        <v>45413</v>
      </c>
      <c r="F31062" s="14" t="s">
        <v>25</v>
      </c>
      <c r="G31062" s="16">
        <v>0</v>
      </c>
    </row>
    <row r="31063" spans="1:7" x14ac:dyDescent="0.3">
      <c r="A31063" s="13" t="s">
        <v>194</v>
      </c>
      <c r="B31063" s="14" t="s">
        <v>1</v>
      </c>
      <c r="C31063" s="14" t="s">
        <v>35</v>
      </c>
      <c r="D31063" s="14" t="s">
        <v>195</v>
      </c>
      <c r="E31063" s="15">
        <v>45414</v>
      </c>
      <c r="F31063" s="14" t="s">
        <v>25</v>
      </c>
      <c r="G31063" s="16">
        <v>0</v>
      </c>
    </row>
    <row r="31064" spans="1:7" x14ac:dyDescent="0.3">
      <c r="A31064" s="13" t="s">
        <v>194</v>
      </c>
      <c r="B31064" s="14" t="s">
        <v>1</v>
      </c>
      <c r="C31064" s="14" t="s">
        <v>35</v>
      </c>
      <c r="D31064" s="14" t="s">
        <v>195</v>
      </c>
      <c r="E31064" s="15">
        <v>45415</v>
      </c>
      <c r="F31064" s="14" t="s">
        <v>25</v>
      </c>
      <c r="G31064" s="16">
        <v>0</v>
      </c>
    </row>
    <row r="31065" spans="1:7" x14ac:dyDescent="0.3">
      <c r="A31065" s="13" t="s">
        <v>194</v>
      </c>
      <c r="B31065" s="14" t="s">
        <v>1</v>
      </c>
      <c r="C31065" s="14" t="s">
        <v>35</v>
      </c>
      <c r="D31065" s="14" t="s">
        <v>195</v>
      </c>
      <c r="E31065" s="15">
        <v>45416</v>
      </c>
      <c r="F31065" s="14" t="s">
        <v>25</v>
      </c>
      <c r="G31065" s="16">
        <v>0</v>
      </c>
    </row>
    <row r="31066" spans="1:7" x14ac:dyDescent="0.3">
      <c r="A31066" s="13" t="s">
        <v>194</v>
      </c>
      <c r="B31066" s="14" t="s">
        <v>1</v>
      </c>
      <c r="C31066" s="14" t="s">
        <v>35</v>
      </c>
      <c r="D31066" s="14" t="s">
        <v>195</v>
      </c>
      <c r="E31066" s="15">
        <v>45417</v>
      </c>
      <c r="F31066" s="14" t="s">
        <v>25</v>
      </c>
      <c r="G31066" s="16">
        <v>0</v>
      </c>
    </row>
    <row r="31067" spans="1:7" x14ac:dyDescent="0.3">
      <c r="A31067" s="13" t="s">
        <v>194</v>
      </c>
      <c r="B31067" s="14" t="s">
        <v>1</v>
      </c>
      <c r="C31067" s="14" t="s">
        <v>35</v>
      </c>
      <c r="D31067" s="14" t="s">
        <v>195</v>
      </c>
      <c r="E31067" s="15">
        <v>45418</v>
      </c>
      <c r="F31067" s="14" t="s">
        <v>25</v>
      </c>
      <c r="G31067" s="16">
        <v>0</v>
      </c>
    </row>
    <row r="31068" spans="1:7" x14ac:dyDescent="0.3">
      <c r="A31068" s="13" t="s">
        <v>194</v>
      </c>
      <c r="B31068" s="14" t="s">
        <v>1</v>
      </c>
      <c r="C31068" s="14" t="s">
        <v>35</v>
      </c>
      <c r="D31068" s="14" t="s">
        <v>195</v>
      </c>
      <c r="E31068" s="15">
        <v>45419</v>
      </c>
      <c r="F31068" s="14" t="s">
        <v>25</v>
      </c>
      <c r="G31068" s="16">
        <v>0</v>
      </c>
    </row>
    <row r="31069" spans="1:7" x14ac:dyDescent="0.3">
      <c r="A31069" s="13" t="s">
        <v>194</v>
      </c>
      <c r="B31069" s="14" t="s">
        <v>1</v>
      </c>
      <c r="C31069" s="14" t="s">
        <v>35</v>
      </c>
      <c r="D31069" s="14" t="s">
        <v>195</v>
      </c>
      <c r="E31069" s="15">
        <v>45420</v>
      </c>
      <c r="F31069" s="14" t="s">
        <v>25</v>
      </c>
      <c r="G31069" s="16">
        <v>0</v>
      </c>
    </row>
    <row r="31070" spans="1:7" x14ac:dyDescent="0.3">
      <c r="A31070" s="13" t="s">
        <v>194</v>
      </c>
      <c r="B31070" s="14" t="s">
        <v>1</v>
      </c>
      <c r="C31070" s="14" t="s">
        <v>35</v>
      </c>
      <c r="D31070" s="14" t="s">
        <v>195</v>
      </c>
      <c r="E31070" s="15">
        <v>45421</v>
      </c>
      <c r="F31070" s="14" t="s">
        <v>25</v>
      </c>
      <c r="G31070" s="16">
        <v>0</v>
      </c>
    </row>
    <row r="31071" spans="1:7" x14ac:dyDescent="0.3">
      <c r="A31071" s="13" t="s">
        <v>194</v>
      </c>
      <c r="B31071" s="14" t="s">
        <v>1</v>
      </c>
      <c r="C31071" s="14" t="s">
        <v>35</v>
      </c>
      <c r="D31071" s="14" t="s">
        <v>195</v>
      </c>
      <c r="E31071" s="15">
        <v>45422</v>
      </c>
      <c r="F31071" s="14" t="s">
        <v>25</v>
      </c>
      <c r="G31071" s="16">
        <v>0</v>
      </c>
    </row>
    <row r="31072" spans="1:7" x14ac:dyDescent="0.3">
      <c r="A31072" s="13" t="s">
        <v>194</v>
      </c>
      <c r="B31072" s="14" t="s">
        <v>1</v>
      </c>
      <c r="C31072" s="14" t="s">
        <v>35</v>
      </c>
      <c r="D31072" s="14" t="s">
        <v>195</v>
      </c>
      <c r="E31072" s="15">
        <v>45423</v>
      </c>
      <c r="F31072" s="14" t="s">
        <v>25</v>
      </c>
      <c r="G31072" s="16">
        <v>0</v>
      </c>
    </row>
    <row r="31073" spans="1:7" x14ac:dyDescent="0.3">
      <c r="A31073" s="13" t="s">
        <v>194</v>
      </c>
      <c r="B31073" s="14" t="s">
        <v>1</v>
      </c>
      <c r="C31073" s="14" t="s">
        <v>35</v>
      </c>
      <c r="D31073" s="14" t="s">
        <v>195</v>
      </c>
      <c r="E31073" s="15">
        <v>45424</v>
      </c>
      <c r="F31073" s="14" t="s">
        <v>25</v>
      </c>
      <c r="G31073" s="16">
        <v>0</v>
      </c>
    </row>
    <row r="31074" spans="1:7" x14ac:dyDescent="0.3">
      <c r="A31074" s="13" t="s">
        <v>194</v>
      </c>
      <c r="B31074" s="14" t="s">
        <v>1</v>
      </c>
      <c r="C31074" s="14" t="s">
        <v>35</v>
      </c>
      <c r="D31074" s="14" t="s">
        <v>195</v>
      </c>
      <c r="E31074" s="15">
        <v>45425</v>
      </c>
      <c r="F31074" s="14" t="s">
        <v>25</v>
      </c>
      <c r="G31074" s="16">
        <v>0</v>
      </c>
    </row>
    <row r="31075" spans="1:7" x14ac:dyDescent="0.3">
      <c r="A31075" s="13" t="s">
        <v>194</v>
      </c>
      <c r="B31075" s="14" t="s">
        <v>1</v>
      </c>
      <c r="C31075" s="14" t="s">
        <v>35</v>
      </c>
      <c r="D31075" s="14" t="s">
        <v>195</v>
      </c>
      <c r="E31075" s="15">
        <v>45426</v>
      </c>
      <c r="F31075" s="14" t="s">
        <v>25</v>
      </c>
      <c r="G31075" s="16">
        <v>0</v>
      </c>
    </row>
    <row r="31076" spans="1:7" x14ac:dyDescent="0.3">
      <c r="A31076" s="13" t="s">
        <v>194</v>
      </c>
      <c r="B31076" s="14" t="s">
        <v>1</v>
      </c>
      <c r="C31076" s="14" t="s">
        <v>35</v>
      </c>
      <c r="D31076" s="14" t="s">
        <v>195</v>
      </c>
      <c r="E31076" s="15">
        <v>45427</v>
      </c>
      <c r="F31076" s="14" t="s">
        <v>25</v>
      </c>
      <c r="G31076" s="16">
        <v>0</v>
      </c>
    </row>
    <row r="31077" spans="1:7" x14ac:dyDescent="0.3">
      <c r="A31077" s="13" t="s">
        <v>194</v>
      </c>
      <c r="B31077" s="14" t="s">
        <v>1</v>
      </c>
      <c r="C31077" s="14" t="s">
        <v>35</v>
      </c>
      <c r="D31077" s="14" t="s">
        <v>195</v>
      </c>
      <c r="E31077" s="15">
        <v>45428</v>
      </c>
      <c r="F31077" s="14" t="s">
        <v>25</v>
      </c>
      <c r="G31077" s="16">
        <v>0</v>
      </c>
    </row>
    <row r="31078" spans="1:7" x14ac:dyDescent="0.3">
      <c r="A31078" s="13" t="s">
        <v>194</v>
      </c>
      <c r="B31078" s="14" t="s">
        <v>1</v>
      </c>
      <c r="C31078" s="14" t="s">
        <v>35</v>
      </c>
      <c r="D31078" s="14" t="s">
        <v>195</v>
      </c>
      <c r="E31078" s="15">
        <v>45429</v>
      </c>
      <c r="F31078" s="14" t="s">
        <v>25</v>
      </c>
      <c r="G31078" s="16">
        <v>0</v>
      </c>
    </row>
    <row r="31079" spans="1:7" x14ac:dyDescent="0.3">
      <c r="A31079" s="13" t="s">
        <v>194</v>
      </c>
      <c r="B31079" s="14" t="s">
        <v>1</v>
      </c>
      <c r="C31079" s="14" t="s">
        <v>35</v>
      </c>
      <c r="D31079" s="14" t="s">
        <v>195</v>
      </c>
      <c r="E31079" s="15">
        <v>45430</v>
      </c>
      <c r="F31079" s="14" t="s">
        <v>25</v>
      </c>
      <c r="G31079" s="16">
        <v>0</v>
      </c>
    </row>
    <row r="31080" spans="1:7" x14ac:dyDescent="0.3">
      <c r="A31080" s="13" t="s">
        <v>194</v>
      </c>
      <c r="B31080" s="14" t="s">
        <v>1</v>
      </c>
      <c r="C31080" s="14" t="s">
        <v>35</v>
      </c>
      <c r="D31080" s="14" t="s">
        <v>195</v>
      </c>
      <c r="E31080" s="15">
        <v>45431</v>
      </c>
      <c r="F31080" s="14" t="s">
        <v>25</v>
      </c>
      <c r="G31080" s="16">
        <v>0</v>
      </c>
    </row>
    <row r="31081" spans="1:7" x14ac:dyDescent="0.3">
      <c r="A31081" s="13" t="s">
        <v>194</v>
      </c>
      <c r="B31081" s="14" t="s">
        <v>1</v>
      </c>
      <c r="C31081" s="14" t="s">
        <v>35</v>
      </c>
      <c r="D31081" s="14" t="s">
        <v>195</v>
      </c>
      <c r="E31081" s="15">
        <v>45432</v>
      </c>
      <c r="F31081" s="14" t="s">
        <v>25</v>
      </c>
      <c r="G31081" s="16">
        <v>0</v>
      </c>
    </row>
    <row r="31082" spans="1:7" x14ac:dyDescent="0.3">
      <c r="A31082" s="13" t="s">
        <v>194</v>
      </c>
      <c r="B31082" s="14" t="s">
        <v>1</v>
      </c>
      <c r="C31082" s="14" t="s">
        <v>35</v>
      </c>
      <c r="D31082" s="14" t="s">
        <v>195</v>
      </c>
      <c r="E31082" s="15">
        <v>45433</v>
      </c>
      <c r="F31082" s="14" t="s">
        <v>25</v>
      </c>
      <c r="G31082" s="16">
        <v>0</v>
      </c>
    </row>
    <row r="31083" spans="1:7" x14ac:dyDescent="0.3">
      <c r="A31083" s="13" t="s">
        <v>194</v>
      </c>
      <c r="B31083" s="14" t="s">
        <v>1</v>
      </c>
      <c r="C31083" s="14" t="s">
        <v>35</v>
      </c>
      <c r="D31083" s="14" t="s">
        <v>195</v>
      </c>
      <c r="E31083" s="15">
        <v>45434</v>
      </c>
      <c r="F31083" s="14" t="s">
        <v>25</v>
      </c>
      <c r="G31083" s="16">
        <v>0</v>
      </c>
    </row>
    <row r="31084" spans="1:7" x14ac:dyDescent="0.3">
      <c r="A31084" s="13" t="s">
        <v>194</v>
      </c>
      <c r="B31084" s="14" t="s">
        <v>1</v>
      </c>
      <c r="C31084" s="14" t="s">
        <v>35</v>
      </c>
      <c r="D31084" s="14" t="s">
        <v>195</v>
      </c>
      <c r="E31084" s="15">
        <v>45435</v>
      </c>
      <c r="F31084" s="14" t="s">
        <v>25</v>
      </c>
      <c r="G31084" s="16">
        <v>0</v>
      </c>
    </row>
    <row r="31085" spans="1:7" x14ac:dyDescent="0.3">
      <c r="A31085" s="13" t="s">
        <v>194</v>
      </c>
      <c r="B31085" s="14" t="s">
        <v>1</v>
      </c>
      <c r="C31085" s="14" t="s">
        <v>35</v>
      </c>
      <c r="D31085" s="14" t="s">
        <v>195</v>
      </c>
      <c r="E31085" s="15">
        <v>45436</v>
      </c>
      <c r="F31085" s="14" t="s">
        <v>25</v>
      </c>
      <c r="G31085" s="16">
        <v>0</v>
      </c>
    </row>
    <row r="31086" spans="1:7" x14ac:dyDescent="0.3">
      <c r="A31086" s="13" t="s">
        <v>194</v>
      </c>
      <c r="B31086" s="14" t="s">
        <v>1</v>
      </c>
      <c r="C31086" s="14" t="s">
        <v>35</v>
      </c>
      <c r="D31086" s="14" t="s">
        <v>195</v>
      </c>
      <c r="E31086" s="15">
        <v>45437</v>
      </c>
      <c r="F31086" s="14" t="s">
        <v>25</v>
      </c>
      <c r="G31086" s="16">
        <v>0</v>
      </c>
    </row>
    <row r="31087" spans="1:7" x14ac:dyDescent="0.3">
      <c r="A31087" s="13" t="s">
        <v>194</v>
      </c>
      <c r="B31087" s="14" t="s">
        <v>1</v>
      </c>
      <c r="C31087" s="14" t="s">
        <v>35</v>
      </c>
      <c r="D31087" s="14" t="s">
        <v>195</v>
      </c>
      <c r="E31087" s="15">
        <v>45438</v>
      </c>
      <c r="F31087" s="14" t="s">
        <v>25</v>
      </c>
      <c r="G31087" s="16">
        <v>0</v>
      </c>
    </row>
    <row r="31088" spans="1:7" x14ac:dyDescent="0.3">
      <c r="A31088" s="13" t="s">
        <v>194</v>
      </c>
      <c r="B31088" s="14" t="s">
        <v>1</v>
      </c>
      <c r="C31088" s="14" t="s">
        <v>35</v>
      </c>
      <c r="D31088" s="14" t="s">
        <v>195</v>
      </c>
      <c r="E31088" s="15">
        <v>45439</v>
      </c>
      <c r="F31088" s="14" t="s">
        <v>25</v>
      </c>
      <c r="G31088" s="16">
        <v>0</v>
      </c>
    </row>
    <row r="31089" spans="1:7" x14ac:dyDescent="0.3">
      <c r="A31089" s="13" t="s">
        <v>194</v>
      </c>
      <c r="B31089" s="14" t="s">
        <v>1</v>
      </c>
      <c r="C31089" s="14" t="s">
        <v>35</v>
      </c>
      <c r="D31089" s="14" t="s">
        <v>195</v>
      </c>
      <c r="E31089" s="15">
        <v>45440</v>
      </c>
      <c r="F31089" s="14" t="s">
        <v>25</v>
      </c>
      <c r="G31089" s="16">
        <v>0</v>
      </c>
    </row>
    <row r="31090" spans="1:7" x14ac:dyDescent="0.3">
      <c r="A31090" s="13" t="s">
        <v>194</v>
      </c>
      <c r="B31090" s="14" t="s">
        <v>1</v>
      </c>
      <c r="C31090" s="14" t="s">
        <v>35</v>
      </c>
      <c r="D31090" s="14" t="s">
        <v>195</v>
      </c>
      <c r="E31090" s="15">
        <v>45441</v>
      </c>
      <c r="F31090" s="14" t="s">
        <v>25</v>
      </c>
      <c r="G31090" s="16">
        <v>0</v>
      </c>
    </row>
    <row r="31091" spans="1:7" x14ac:dyDescent="0.3">
      <c r="A31091" s="13" t="s">
        <v>194</v>
      </c>
      <c r="B31091" s="14" t="s">
        <v>1</v>
      </c>
      <c r="C31091" s="14" t="s">
        <v>35</v>
      </c>
      <c r="D31091" s="14" t="s">
        <v>195</v>
      </c>
      <c r="E31091" s="15">
        <v>45442</v>
      </c>
      <c r="F31091" s="14" t="s">
        <v>25</v>
      </c>
      <c r="G31091" s="16">
        <v>0</v>
      </c>
    </row>
    <row r="31092" spans="1:7" x14ac:dyDescent="0.3">
      <c r="A31092" s="13" t="s">
        <v>194</v>
      </c>
      <c r="B31092" s="14" t="s">
        <v>1</v>
      </c>
      <c r="C31092" s="14" t="s">
        <v>35</v>
      </c>
      <c r="D31092" s="14" t="s">
        <v>195</v>
      </c>
      <c r="E31092" s="15">
        <v>45443</v>
      </c>
      <c r="F31092" s="14" t="s">
        <v>25</v>
      </c>
      <c r="G31092" s="16">
        <v>0</v>
      </c>
    </row>
    <row r="31093" spans="1:7" x14ac:dyDescent="0.3">
      <c r="A31093" s="13" t="s">
        <v>194</v>
      </c>
      <c r="B31093" s="14" t="s">
        <v>1</v>
      </c>
      <c r="C31093" s="14" t="s">
        <v>35</v>
      </c>
      <c r="D31093" s="14" t="s">
        <v>195</v>
      </c>
      <c r="E31093" s="15">
        <v>45444</v>
      </c>
      <c r="F31093" s="14" t="s">
        <v>25</v>
      </c>
      <c r="G31093" s="16">
        <v>0</v>
      </c>
    </row>
    <row r="31094" spans="1:7" x14ac:dyDescent="0.3">
      <c r="A31094" s="13" t="s">
        <v>194</v>
      </c>
      <c r="B31094" s="14" t="s">
        <v>1</v>
      </c>
      <c r="C31094" s="14" t="s">
        <v>35</v>
      </c>
      <c r="D31094" s="14" t="s">
        <v>195</v>
      </c>
      <c r="E31094" s="15">
        <v>45445</v>
      </c>
      <c r="F31094" s="14" t="s">
        <v>25</v>
      </c>
      <c r="G31094" s="16">
        <v>0</v>
      </c>
    </row>
    <row r="31095" spans="1:7" x14ac:dyDescent="0.3">
      <c r="A31095" s="13" t="s">
        <v>194</v>
      </c>
      <c r="B31095" s="14" t="s">
        <v>1</v>
      </c>
      <c r="C31095" s="14" t="s">
        <v>35</v>
      </c>
      <c r="D31095" s="14" t="s">
        <v>195</v>
      </c>
      <c r="E31095" s="15">
        <v>45446</v>
      </c>
      <c r="F31095" s="14" t="s">
        <v>25</v>
      </c>
      <c r="G31095" s="16">
        <v>0</v>
      </c>
    </row>
    <row r="31096" spans="1:7" x14ac:dyDescent="0.3">
      <c r="A31096" s="13" t="s">
        <v>194</v>
      </c>
      <c r="B31096" s="14" t="s">
        <v>1</v>
      </c>
      <c r="C31096" s="14" t="s">
        <v>35</v>
      </c>
      <c r="D31096" s="14" t="s">
        <v>195</v>
      </c>
      <c r="E31096" s="15">
        <v>45447</v>
      </c>
      <c r="F31096" s="14" t="s">
        <v>25</v>
      </c>
      <c r="G31096" s="16">
        <v>0</v>
      </c>
    </row>
    <row r="31097" spans="1:7" x14ac:dyDescent="0.3">
      <c r="A31097" s="13" t="s">
        <v>194</v>
      </c>
      <c r="B31097" s="14" t="s">
        <v>1</v>
      </c>
      <c r="C31097" s="14" t="s">
        <v>35</v>
      </c>
      <c r="D31097" s="14" t="s">
        <v>195</v>
      </c>
      <c r="E31097" s="15">
        <v>45448</v>
      </c>
      <c r="F31097" s="14" t="s">
        <v>25</v>
      </c>
      <c r="G31097" s="16">
        <v>0</v>
      </c>
    </row>
    <row r="31098" spans="1:7" x14ac:dyDescent="0.3">
      <c r="A31098" s="13" t="s">
        <v>194</v>
      </c>
      <c r="B31098" s="14" t="s">
        <v>1</v>
      </c>
      <c r="C31098" s="14" t="s">
        <v>35</v>
      </c>
      <c r="D31098" s="14" t="s">
        <v>195</v>
      </c>
      <c r="E31098" s="15">
        <v>45449</v>
      </c>
      <c r="F31098" s="14" t="s">
        <v>25</v>
      </c>
      <c r="G31098" s="16">
        <v>0</v>
      </c>
    </row>
    <row r="31099" spans="1:7" x14ac:dyDescent="0.3">
      <c r="A31099" s="13" t="s">
        <v>194</v>
      </c>
      <c r="B31099" s="14" t="s">
        <v>1</v>
      </c>
      <c r="C31099" s="14" t="s">
        <v>35</v>
      </c>
      <c r="D31099" s="14" t="s">
        <v>195</v>
      </c>
      <c r="E31099" s="15">
        <v>45450</v>
      </c>
      <c r="F31099" s="14" t="s">
        <v>25</v>
      </c>
      <c r="G31099" s="16">
        <v>0</v>
      </c>
    </row>
    <row r="31100" spans="1:7" x14ac:dyDescent="0.3">
      <c r="A31100" s="13" t="s">
        <v>194</v>
      </c>
      <c r="B31100" s="14" t="s">
        <v>1</v>
      </c>
      <c r="C31100" s="14" t="s">
        <v>35</v>
      </c>
      <c r="D31100" s="14" t="s">
        <v>195</v>
      </c>
      <c r="E31100" s="15">
        <v>45451</v>
      </c>
      <c r="F31100" s="14" t="s">
        <v>25</v>
      </c>
      <c r="G31100" s="16">
        <v>0</v>
      </c>
    </row>
    <row r="31101" spans="1:7" x14ac:dyDescent="0.3">
      <c r="A31101" s="13" t="s">
        <v>194</v>
      </c>
      <c r="B31101" s="14" t="s">
        <v>1</v>
      </c>
      <c r="C31101" s="14" t="s">
        <v>35</v>
      </c>
      <c r="D31101" s="14" t="s">
        <v>195</v>
      </c>
      <c r="E31101" s="15">
        <v>45452</v>
      </c>
      <c r="F31101" s="14" t="s">
        <v>25</v>
      </c>
      <c r="G31101" s="16">
        <v>0</v>
      </c>
    </row>
    <row r="31102" spans="1:7" x14ac:dyDescent="0.3">
      <c r="A31102" s="13" t="s">
        <v>194</v>
      </c>
      <c r="B31102" s="14" t="s">
        <v>1</v>
      </c>
      <c r="C31102" s="14" t="s">
        <v>35</v>
      </c>
      <c r="D31102" s="14" t="s">
        <v>195</v>
      </c>
      <c r="E31102" s="15">
        <v>45453</v>
      </c>
      <c r="F31102" s="14" t="s">
        <v>25</v>
      </c>
      <c r="G31102" s="16">
        <v>0</v>
      </c>
    </row>
    <row r="31103" spans="1:7" x14ac:dyDescent="0.3">
      <c r="A31103" s="13" t="s">
        <v>194</v>
      </c>
      <c r="B31103" s="14" t="s">
        <v>1</v>
      </c>
      <c r="C31103" s="14" t="s">
        <v>35</v>
      </c>
      <c r="D31103" s="14" t="s">
        <v>195</v>
      </c>
      <c r="E31103" s="15">
        <v>45454</v>
      </c>
      <c r="F31103" s="14" t="s">
        <v>25</v>
      </c>
      <c r="G31103" s="16">
        <v>0</v>
      </c>
    </row>
    <row r="31104" spans="1:7" x14ac:dyDescent="0.3">
      <c r="A31104" s="13" t="s">
        <v>194</v>
      </c>
      <c r="B31104" s="14" t="s">
        <v>1</v>
      </c>
      <c r="C31104" s="14" t="s">
        <v>35</v>
      </c>
      <c r="D31104" s="14" t="s">
        <v>195</v>
      </c>
      <c r="E31104" s="15">
        <v>45455</v>
      </c>
      <c r="F31104" s="14" t="s">
        <v>25</v>
      </c>
      <c r="G31104" s="16">
        <v>0</v>
      </c>
    </row>
    <row r="31105" spans="1:7" x14ac:dyDescent="0.3">
      <c r="A31105" s="13" t="s">
        <v>194</v>
      </c>
      <c r="B31105" s="14" t="s">
        <v>1</v>
      </c>
      <c r="C31105" s="14" t="s">
        <v>35</v>
      </c>
      <c r="D31105" s="14" t="s">
        <v>195</v>
      </c>
      <c r="E31105" s="15">
        <v>45456</v>
      </c>
      <c r="F31105" s="14" t="s">
        <v>25</v>
      </c>
      <c r="G31105" s="16">
        <v>0</v>
      </c>
    </row>
    <row r="31106" spans="1:7" x14ac:dyDescent="0.3">
      <c r="A31106" s="13" t="s">
        <v>194</v>
      </c>
      <c r="B31106" s="14" t="s">
        <v>1</v>
      </c>
      <c r="C31106" s="14" t="s">
        <v>35</v>
      </c>
      <c r="D31106" s="14" t="s">
        <v>195</v>
      </c>
      <c r="E31106" s="15">
        <v>45457</v>
      </c>
      <c r="F31106" s="14" t="s">
        <v>25</v>
      </c>
      <c r="G31106" s="16">
        <v>1.7489355487406454E-2</v>
      </c>
    </row>
    <row r="31107" spans="1:7" x14ac:dyDescent="0.3">
      <c r="A31107" s="13" t="s">
        <v>194</v>
      </c>
      <c r="B31107" s="14" t="s">
        <v>1</v>
      </c>
      <c r="C31107" s="14" t="s">
        <v>35</v>
      </c>
      <c r="D31107" s="14" t="s">
        <v>195</v>
      </c>
      <c r="E31107" s="15">
        <v>45458</v>
      </c>
      <c r="F31107" s="14" t="s">
        <v>25</v>
      </c>
      <c r="G31107" s="16">
        <v>1.7489355487406454E-2</v>
      </c>
    </row>
    <row r="31108" spans="1:7" x14ac:dyDescent="0.3">
      <c r="A31108" s="13" t="s">
        <v>194</v>
      </c>
      <c r="B31108" s="14" t="s">
        <v>1</v>
      </c>
      <c r="C31108" s="14" t="s">
        <v>35</v>
      </c>
      <c r="D31108" s="14" t="s">
        <v>195</v>
      </c>
      <c r="E31108" s="15">
        <v>45459</v>
      </c>
      <c r="F31108" s="14" t="s">
        <v>25</v>
      </c>
      <c r="G31108" s="16">
        <v>1.7489355487406454E-2</v>
      </c>
    </row>
    <row r="31109" spans="1:7" x14ac:dyDescent="0.3">
      <c r="A31109" s="13" t="s">
        <v>194</v>
      </c>
      <c r="B31109" s="14" t="s">
        <v>1</v>
      </c>
      <c r="C31109" s="14" t="s">
        <v>35</v>
      </c>
      <c r="D31109" s="14" t="s">
        <v>195</v>
      </c>
      <c r="E31109" s="15">
        <v>45460</v>
      </c>
      <c r="F31109" s="14" t="s">
        <v>25</v>
      </c>
      <c r="G31109" s="16">
        <v>1.5665448577884648E-2</v>
      </c>
    </row>
    <row r="31110" spans="1:7" x14ac:dyDescent="0.3">
      <c r="A31110" s="13" t="s">
        <v>194</v>
      </c>
      <c r="B31110" s="14" t="s">
        <v>1</v>
      </c>
      <c r="C31110" s="14" t="s">
        <v>35</v>
      </c>
      <c r="D31110" s="14" t="s">
        <v>195</v>
      </c>
      <c r="E31110" s="15">
        <v>45461</v>
      </c>
      <c r="F31110" s="14" t="s">
        <v>25</v>
      </c>
      <c r="G31110" s="16">
        <v>9.8356219975580892E-3</v>
      </c>
    </row>
    <row r="31111" spans="1:7" x14ac:dyDescent="0.3">
      <c r="A31111" s="13" t="s">
        <v>194</v>
      </c>
      <c r="B31111" s="14" t="s">
        <v>1</v>
      </c>
      <c r="C31111" s="14" t="s">
        <v>35</v>
      </c>
      <c r="D31111" s="14" t="s">
        <v>195</v>
      </c>
      <c r="E31111" s="15">
        <v>45462</v>
      </c>
      <c r="F31111" s="14" t="s">
        <v>25</v>
      </c>
      <c r="G31111" s="16">
        <v>8.0325484121537196E-3</v>
      </c>
    </row>
    <row r="31112" spans="1:7" x14ac:dyDescent="0.3">
      <c r="A31112" s="13" t="s">
        <v>194</v>
      </c>
      <c r="B31112" s="14" t="s">
        <v>1</v>
      </c>
      <c r="C31112" s="14" t="s">
        <v>35</v>
      </c>
      <c r="D31112" s="14" t="s">
        <v>195</v>
      </c>
      <c r="E31112" s="15">
        <v>45463</v>
      </c>
      <c r="F31112" s="14" t="s">
        <v>25</v>
      </c>
      <c r="G31112" s="16">
        <v>6.2258595571652708E-3</v>
      </c>
    </row>
    <row r="31113" spans="1:7" x14ac:dyDescent="0.3">
      <c r="A31113" s="13" t="s">
        <v>194</v>
      </c>
      <c r="B31113" s="14" t="s">
        <v>1</v>
      </c>
      <c r="C31113" s="14" t="s">
        <v>35</v>
      </c>
      <c r="D31113" s="14" t="s">
        <v>195</v>
      </c>
      <c r="E31113" s="15">
        <v>45464</v>
      </c>
      <c r="F31113" s="14" t="s">
        <v>25</v>
      </c>
      <c r="G31113" s="16">
        <v>4.4185133804342629E-3</v>
      </c>
    </row>
    <row r="31114" spans="1:7" x14ac:dyDescent="0.3">
      <c r="A31114" s="13" t="s">
        <v>194</v>
      </c>
      <c r="B31114" s="14" t="s">
        <v>1</v>
      </c>
      <c r="C31114" s="14" t="s">
        <v>35</v>
      </c>
      <c r="D31114" s="14" t="s">
        <v>195</v>
      </c>
      <c r="E31114" s="15">
        <v>45465</v>
      </c>
      <c r="F31114" s="14" t="s">
        <v>25</v>
      </c>
      <c r="G31114" s="16">
        <v>4.4185133804342629E-3</v>
      </c>
    </row>
    <row r="31115" spans="1:7" x14ac:dyDescent="0.3">
      <c r="A31115" s="13" t="s">
        <v>194</v>
      </c>
      <c r="B31115" s="14" t="s">
        <v>1</v>
      </c>
      <c r="C31115" s="14" t="s">
        <v>35</v>
      </c>
      <c r="D31115" s="14" t="s">
        <v>195</v>
      </c>
      <c r="E31115" s="15">
        <v>45466</v>
      </c>
      <c r="F31115" s="14" t="s">
        <v>25</v>
      </c>
      <c r="G31115" s="16">
        <v>4.4185133804342629E-3</v>
      </c>
    </row>
    <row r="31116" spans="1:7" x14ac:dyDescent="0.3">
      <c r="A31116" s="13" t="s">
        <v>194</v>
      </c>
      <c r="B31116" s="14" t="s">
        <v>1</v>
      </c>
      <c r="C31116" s="14" t="s">
        <v>35</v>
      </c>
      <c r="D31116" s="14" t="s">
        <v>195</v>
      </c>
      <c r="E31116" s="15">
        <v>45467</v>
      </c>
      <c r="F31116" s="14" t="s">
        <v>25</v>
      </c>
      <c r="G31116" s="16">
        <v>2.5980207688520553E-3</v>
      </c>
    </row>
    <row r="31117" spans="1:7" x14ac:dyDescent="0.3">
      <c r="A31117" s="13" t="s">
        <v>194</v>
      </c>
      <c r="B31117" s="14" t="s">
        <v>1</v>
      </c>
      <c r="C31117" s="14" t="s">
        <v>35</v>
      </c>
      <c r="D31117" s="14" t="s">
        <v>195</v>
      </c>
      <c r="E31117" s="15">
        <v>45468</v>
      </c>
      <c r="F31117" s="14" t="s">
        <v>25</v>
      </c>
      <c r="G31117" s="16">
        <v>0</v>
      </c>
    </row>
    <row r="31118" spans="1:7" x14ac:dyDescent="0.3">
      <c r="A31118" s="13" t="s">
        <v>194</v>
      </c>
      <c r="B31118" s="14" t="s">
        <v>1</v>
      </c>
      <c r="C31118" s="14" t="s">
        <v>35</v>
      </c>
      <c r="D31118" s="14" t="s">
        <v>195</v>
      </c>
      <c r="E31118" s="15">
        <v>45469</v>
      </c>
      <c r="F31118" s="14" t="s">
        <v>25</v>
      </c>
      <c r="G31118" s="16">
        <v>0</v>
      </c>
    </row>
    <row r="31119" spans="1:7" x14ac:dyDescent="0.3">
      <c r="A31119" s="13" t="s">
        <v>194</v>
      </c>
      <c r="B31119" s="14" t="s">
        <v>1</v>
      </c>
      <c r="C31119" s="14" t="s">
        <v>35</v>
      </c>
      <c r="D31119" s="14" t="s">
        <v>195</v>
      </c>
      <c r="E31119" s="15">
        <v>45470</v>
      </c>
      <c r="F31119" s="14" t="s">
        <v>25</v>
      </c>
      <c r="G31119" s="16">
        <v>0</v>
      </c>
    </row>
    <row r="31120" spans="1:7" x14ac:dyDescent="0.3">
      <c r="A31120" s="13" t="s">
        <v>194</v>
      </c>
      <c r="B31120" s="14" t="s">
        <v>1</v>
      </c>
      <c r="C31120" s="14" t="s">
        <v>35</v>
      </c>
      <c r="D31120" s="14" t="s">
        <v>195</v>
      </c>
      <c r="E31120" s="15">
        <v>45471</v>
      </c>
      <c r="F31120" s="14" t="s">
        <v>25</v>
      </c>
      <c r="G31120" s="16">
        <v>0</v>
      </c>
    </row>
    <row r="31121" spans="1:7" x14ac:dyDescent="0.3">
      <c r="A31121" s="13" t="s">
        <v>194</v>
      </c>
      <c r="B31121" s="14" t="s">
        <v>1</v>
      </c>
      <c r="C31121" s="14" t="s">
        <v>35</v>
      </c>
      <c r="D31121" s="14" t="s">
        <v>195</v>
      </c>
      <c r="E31121" s="15">
        <v>45472</v>
      </c>
      <c r="F31121" s="14" t="s">
        <v>25</v>
      </c>
      <c r="G31121" s="16">
        <v>0</v>
      </c>
    </row>
    <row r="31122" spans="1:7" x14ac:dyDescent="0.3">
      <c r="A31122" s="13" t="s">
        <v>194</v>
      </c>
      <c r="B31122" s="14" t="s">
        <v>1</v>
      </c>
      <c r="C31122" s="14" t="s">
        <v>35</v>
      </c>
      <c r="D31122" s="14" t="s">
        <v>195</v>
      </c>
      <c r="E31122" s="15">
        <v>45473</v>
      </c>
      <c r="F31122" s="14" t="s">
        <v>25</v>
      </c>
      <c r="G31122" s="16">
        <v>0</v>
      </c>
    </row>
    <row r="31123" spans="1:7" x14ac:dyDescent="0.3">
      <c r="A31123" s="13" t="s">
        <v>194</v>
      </c>
      <c r="B31123" s="14" t="s">
        <v>1</v>
      </c>
      <c r="C31123" s="14" t="s">
        <v>35</v>
      </c>
      <c r="D31123" s="14" t="s">
        <v>195</v>
      </c>
      <c r="E31123" s="15">
        <v>45474</v>
      </c>
      <c r="F31123" s="14" t="s">
        <v>25</v>
      </c>
      <c r="G31123" s="16">
        <v>0</v>
      </c>
    </row>
    <row r="31124" spans="1:7" x14ac:dyDescent="0.3">
      <c r="A31124" s="13" t="s">
        <v>194</v>
      </c>
      <c r="B31124" s="14" t="s">
        <v>1</v>
      </c>
      <c r="C31124" s="14" t="s">
        <v>35</v>
      </c>
      <c r="D31124" s="14" t="s">
        <v>195</v>
      </c>
      <c r="E31124" s="15">
        <v>45475</v>
      </c>
      <c r="F31124" s="14" t="s">
        <v>25</v>
      </c>
      <c r="G31124" s="16">
        <v>0</v>
      </c>
    </row>
    <row r="31125" spans="1:7" x14ac:dyDescent="0.3">
      <c r="A31125" s="13" t="s">
        <v>194</v>
      </c>
      <c r="B31125" s="14" t="s">
        <v>1</v>
      </c>
      <c r="C31125" s="14" t="s">
        <v>35</v>
      </c>
      <c r="D31125" s="14" t="s">
        <v>195</v>
      </c>
      <c r="E31125" s="15">
        <v>45476</v>
      </c>
      <c r="F31125" s="14" t="s">
        <v>25</v>
      </c>
      <c r="G31125" s="16">
        <v>0</v>
      </c>
    </row>
    <row r="31126" spans="1:7" x14ac:dyDescent="0.3">
      <c r="A31126" s="13" t="s">
        <v>194</v>
      </c>
      <c r="B31126" s="14" t="s">
        <v>1</v>
      </c>
      <c r="C31126" s="14" t="s">
        <v>35</v>
      </c>
      <c r="D31126" s="14" t="s">
        <v>195</v>
      </c>
      <c r="E31126" s="15">
        <v>45477</v>
      </c>
      <c r="F31126" s="14" t="s">
        <v>25</v>
      </c>
      <c r="G31126" s="16">
        <v>0</v>
      </c>
    </row>
    <row r="31127" spans="1:7" x14ac:dyDescent="0.3">
      <c r="A31127" s="13" t="s">
        <v>194</v>
      </c>
      <c r="B31127" s="14" t="s">
        <v>1</v>
      </c>
      <c r="C31127" s="14" t="s">
        <v>35</v>
      </c>
      <c r="D31127" s="14" t="s">
        <v>195</v>
      </c>
      <c r="E31127" s="15">
        <v>45478</v>
      </c>
      <c r="F31127" s="14" t="s">
        <v>25</v>
      </c>
      <c r="G31127" s="16">
        <v>0</v>
      </c>
    </row>
    <row r="31128" spans="1:7" x14ac:dyDescent="0.3">
      <c r="A31128" s="13" t="s">
        <v>194</v>
      </c>
      <c r="B31128" s="14" t="s">
        <v>1</v>
      </c>
      <c r="C31128" s="14" t="s">
        <v>35</v>
      </c>
      <c r="D31128" s="14" t="s">
        <v>195</v>
      </c>
      <c r="E31128" s="15">
        <v>45479</v>
      </c>
      <c r="F31128" s="14" t="s">
        <v>25</v>
      </c>
      <c r="G31128" s="16">
        <v>0</v>
      </c>
    </row>
    <row r="31129" spans="1:7" x14ac:dyDescent="0.3">
      <c r="A31129" s="13" t="s">
        <v>194</v>
      </c>
      <c r="B31129" s="14" t="s">
        <v>1</v>
      </c>
      <c r="C31129" s="14" t="s">
        <v>35</v>
      </c>
      <c r="D31129" s="14" t="s">
        <v>195</v>
      </c>
      <c r="E31129" s="15">
        <v>45480</v>
      </c>
      <c r="F31129" s="14" t="s">
        <v>25</v>
      </c>
      <c r="G31129" s="16">
        <v>0</v>
      </c>
    </row>
    <row r="31130" spans="1:7" x14ac:dyDescent="0.3">
      <c r="A31130" s="13" t="s">
        <v>194</v>
      </c>
      <c r="B31130" s="14" t="s">
        <v>1</v>
      </c>
      <c r="C31130" s="14" t="s">
        <v>35</v>
      </c>
      <c r="D31130" s="14" t="s">
        <v>195</v>
      </c>
      <c r="E31130" s="15">
        <v>45481</v>
      </c>
      <c r="F31130" s="14" t="s">
        <v>25</v>
      </c>
      <c r="G31130" s="16">
        <v>0</v>
      </c>
    </row>
    <row r="31131" spans="1:7" x14ac:dyDescent="0.3">
      <c r="A31131" s="13" t="s">
        <v>194</v>
      </c>
      <c r="B31131" s="14" t="s">
        <v>1</v>
      </c>
      <c r="C31131" s="14" t="s">
        <v>35</v>
      </c>
      <c r="D31131" s="14" t="s">
        <v>195</v>
      </c>
      <c r="E31131" s="15">
        <v>45482</v>
      </c>
      <c r="F31131" s="14" t="s">
        <v>25</v>
      </c>
      <c r="G31131" s="16">
        <v>0</v>
      </c>
    </row>
    <row r="31132" spans="1:7" x14ac:dyDescent="0.3">
      <c r="A31132" s="13" t="s">
        <v>194</v>
      </c>
      <c r="B31132" s="14" t="s">
        <v>1</v>
      </c>
      <c r="C31132" s="14" t="s">
        <v>35</v>
      </c>
      <c r="D31132" s="14" t="s">
        <v>195</v>
      </c>
      <c r="E31132" s="15">
        <v>45483</v>
      </c>
      <c r="F31132" s="14" t="s">
        <v>25</v>
      </c>
      <c r="G31132" s="16">
        <v>0</v>
      </c>
    </row>
    <row r="31133" spans="1:7" x14ac:dyDescent="0.3">
      <c r="A31133" s="13" t="s">
        <v>194</v>
      </c>
      <c r="B31133" s="14" t="s">
        <v>1</v>
      </c>
      <c r="C31133" s="14" t="s">
        <v>35</v>
      </c>
      <c r="D31133" s="14" t="s">
        <v>195</v>
      </c>
      <c r="E31133" s="15">
        <v>45484</v>
      </c>
      <c r="F31133" s="14" t="s">
        <v>25</v>
      </c>
      <c r="G31133" s="16">
        <v>0</v>
      </c>
    </row>
    <row r="31134" spans="1:7" x14ac:dyDescent="0.3">
      <c r="A31134" s="13" t="s">
        <v>194</v>
      </c>
      <c r="B31134" s="14" t="s">
        <v>1</v>
      </c>
      <c r="C31134" s="14" t="s">
        <v>35</v>
      </c>
      <c r="D31134" s="14" t="s">
        <v>195</v>
      </c>
      <c r="E31134" s="15">
        <v>45485</v>
      </c>
      <c r="F31134" s="14" t="s">
        <v>25</v>
      </c>
      <c r="G31134" s="16">
        <v>0</v>
      </c>
    </row>
    <row r="31135" spans="1:7" x14ac:dyDescent="0.3">
      <c r="A31135" s="13" t="s">
        <v>194</v>
      </c>
      <c r="B31135" s="14" t="s">
        <v>1</v>
      </c>
      <c r="C31135" s="14" t="s">
        <v>35</v>
      </c>
      <c r="D31135" s="14" t="s">
        <v>195</v>
      </c>
      <c r="E31135" s="15">
        <v>45486</v>
      </c>
      <c r="F31135" s="14" t="s">
        <v>25</v>
      </c>
      <c r="G31135" s="16">
        <v>0</v>
      </c>
    </row>
    <row r="31136" spans="1:7" x14ac:dyDescent="0.3">
      <c r="A31136" s="13" t="s">
        <v>194</v>
      </c>
      <c r="B31136" s="14" t="s">
        <v>1</v>
      </c>
      <c r="C31136" s="14" t="s">
        <v>35</v>
      </c>
      <c r="D31136" s="14" t="s">
        <v>195</v>
      </c>
      <c r="E31136" s="15">
        <v>45487</v>
      </c>
      <c r="F31136" s="14" t="s">
        <v>25</v>
      </c>
      <c r="G31136" s="16">
        <v>0</v>
      </c>
    </row>
    <row r="31137" spans="1:7" x14ac:dyDescent="0.3">
      <c r="A31137" s="13" t="s">
        <v>194</v>
      </c>
      <c r="B31137" s="14" t="s">
        <v>1</v>
      </c>
      <c r="C31137" s="14" t="s">
        <v>35</v>
      </c>
      <c r="D31137" s="14" t="s">
        <v>195</v>
      </c>
      <c r="E31137" s="15">
        <v>45488</v>
      </c>
      <c r="F31137" s="14" t="s">
        <v>25</v>
      </c>
      <c r="G31137" s="16">
        <v>0</v>
      </c>
    </row>
    <row r="31138" spans="1:7" x14ac:dyDescent="0.3">
      <c r="A31138" s="13" t="s">
        <v>194</v>
      </c>
      <c r="B31138" s="14" t="s">
        <v>1</v>
      </c>
      <c r="C31138" s="14" t="s">
        <v>35</v>
      </c>
      <c r="D31138" s="14" t="s">
        <v>195</v>
      </c>
      <c r="E31138" s="15">
        <v>45489</v>
      </c>
      <c r="F31138" s="14" t="s">
        <v>25</v>
      </c>
      <c r="G31138" s="16">
        <v>0</v>
      </c>
    </row>
    <row r="31139" spans="1:7" x14ac:dyDescent="0.3">
      <c r="A31139" s="13" t="s">
        <v>194</v>
      </c>
      <c r="B31139" s="14" t="s">
        <v>1</v>
      </c>
      <c r="C31139" s="14" t="s">
        <v>35</v>
      </c>
      <c r="D31139" s="14" t="s">
        <v>195</v>
      </c>
      <c r="E31139" s="15">
        <v>45490</v>
      </c>
      <c r="F31139" s="14" t="s">
        <v>25</v>
      </c>
      <c r="G31139" s="16">
        <v>0</v>
      </c>
    </row>
    <row r="31140" spans="1:7" x14ac:dyDescent="0.3">
      <c r="A31140" s="13" t="s">
        <v>194</v>
      </c>
      <c r="B31140" s="14" t="s">
        <v>1</v>
      </c>
      <c r="C31140" s="14" t="s">
        <v>35</v>
      </c>
      <c r="D31140" s="14" t="s">
        <v>195</v>
      </c>
      <c r="E31140" s="15">
        <v>45491</v>
      </c>
      <c r="F31140" s="14" t="s">
        <v>25</v>
      </c>
      <c r="G31140" s="16">
        <v>0</v>
      </c>
    </row>
    <row r="31141" spans="1:7" x14ac:dyDescent="0.3">
      <c r="A31141" s="13" t="s">
        <v>194</v>
      </c>
      <c r="B31141" s="14" t="s">
        <v>1</v>
      </c>
      <c r="C31141" s="14" t="s">
        <v>35</v>
      </c>
      <c r="D31141" s="14" t="s">
        <v>195</v>
      </c>
      <c r="E31141" s="15">
        <v>45492</v>
      </c>
      <c r="F31141" s="14" t="s">
        <v>25</v>
      </c>
      <c r="G31141" s="16">
        <v>0</v>
      </c>
    </row>
    <row r="31142" spans="1:7" x14ac:dyDescent="0.3">
      <c r="A31142" s="13" t="s">
        <v>194</v>
      </c>
      <c r="B31142" s="14" t="s">
        <v>1</v>
      </c>
      <c r="C31142" s="14" t="s">
        <v>35</v>
      </c>
      <c r="D31142" s="14" t="s">
        <v>195</v>
      </c>
      <c r="E31142" s="15">
        <v>45493</v>
      </c>
      <c r="F31142" s="14" t="s">
        <v>25</v>
      </c>
      <c r="G31142" s="16">
        <v>0</v>
      </c>
    </row>
    <row r="31143" spans="1:7" x14ac:dyDescent="0.3">
      <c r="A31143" s="13" t="s">
        <v>194</v>
      </c>
      <c r="B31143" s="14" t="s">
        <v>1</v>
      </c>
      <c r="C31143" s="14" t="s">
        <v>35</v>
      </c>
      <c r="D31143" s="14" t="s">
        <v>195</v>
      </c>
      <c r="E31143" s="15">
        <v>45494</v>
      </c>
      <c r="F31143" s="14" t="s">
        <v>25</v>
      </c>
      <c r="G31143" s="16">
        <v>0</v>
      </c>
    </row>
    <row r="31144" spans="1:7" x14ac:dyDescent="0.3">
      <c r="A31144" s="13" t="s">
        <v>194</v>
      </c>
      <c r="B31144" s="14" t="s">
        <v>1</v>
      </c>
      <c r="C31144" s="14" t="s">
        <v>35</v>
      </c>
      <c r="D31144" s="14" t="s">
        <v>195</v>
      </c>
      <c r="E31144" s="15">
        <v>45495</v>
      </c>
      <c r="F31144" s="14" t="s">
        <v>25</v>
      </c>
      <c r="G31144" s="16">
        <v>0</v>
      </c>
    </row>
    <row r="31145" spans="1:7" x14ac:dyDescent="0.3">
      <c r="A31145" s="13" t="s">
        <v>194</v>
      </c>
      <c r="B31145" s="14" t="s">
        <v>1</v>
      </c>
      <c r="C31145" s="14" t="s">
        <v>35</v>
      </c>
      <c r="D31145" s="14" t="s">
        <v>195</v>
      </c>
      <c r="E31145" s="15">
        <v>45496</v>
      </c>
      <c r="F31145" s="14" t="s">
        <v>25</v>
      </c>
      <c r="G31145" s="16">
        <v>0</v>
      </c>
    </row>
    <row r="31146" spans="1:7" x14ac:dyDescent="0.3">
      <c r="A31146" s="13" t="s">
        <v>194</v>
      </c>
      <c r="B31146" s="14" t="s">
        <v>1</v>
      </c>
      <c r="C31146" s="14" t="s">
        <v>35</v>
      </c>
      <c r="D31146" s="14" t="s">
        <v>195</v>
      </c>
      <c r="E31146" s="15">
        <v>45497</v>
      </c>
      <c r="F31146" s="14" t="s">
        <v>25</v>
      </c>
      <c r="G31146" s="16">
        <v>0</v>
      </c>
    </row>
    <row r="31147" spans="1:7" x14ac:dyDescent="0.3">
      <c r="A31147" s="13" t="s">
        <v>194</v>
      </c>
      <c r="B31147" s="14" t="s">
        <v>1</v>
      </c>
      <c r="C31147" s="14" t="s">
        <v>35</v>
      </c>
      <c r="D31147" s="14" t="s">
        <v>195</v>
      </c>
      <c r="E31147" s="15">
        <v>45498</v>
      </c>
      <c r="F31147" s="14" t="s">
        <v>25</v>
      </c>
      <c r="G31147" s="16">
        <v>0</v>
      </c>
    </row>
    <row r="31148" spans="1:7" x14ac:dyDescent="0.3">
      <c r="A31148" s="13" t="s">
        <v>194</v>
      </c>
      <c r="B31148" s="14" t="s">
        <v>1</v>
      </c>
      <c r="C31148" s="14" t="s">
        <v>35</v>
      </c>
      <c r="D31148" s="14" t="s">
        <v>195</v>
      </c>
      <c r="E31148" s="15">
        <v>45499</v>
      </c>
      <c r="F31148" s="14" t="s">
        <v>25</v>
      </c>
      <c r="G31148" s="16">
        <v>0</v>
      </c>
    </row>
    <row r="31149" spans="1:7" x14ac:dyDescent="0.3">
      <c r="A31149" s="13" t="s">
        <v>194</v>
      </c>
      <c r="B31149" s="14" t="s">
        <v>1</v>
      </c>
      <c r="C31149" s="14" t="s">
        <v>35</v>
      </c>
      <c r="D31149" s="14" t="s">
        <v>195</v>
      </c>
      <c r="E31149" s="15">
        <v>45500</v>
      </c>
      <c r="F31149" s="14" t="s">
        <v>25</v>
      </c>
      <c r="G31149" s="16">
        <v>0</v>
      </c>
    </row>
    <row r="31150" spans="1:7" x14ac:dyDescent="0.3">
      <c r="A31150" s="13" t="s">
        <v>194</v>
      </c>
      <c r="B31150" s="14" t="s">
        <v>1</v>
      </c>
      <c r="C31150" s="14" t="s">
        <v>35</v>
      </c>
      <c r="D31150" s="14" t="s">
        <v>195</v>
      </c>
      <c r="E31150" s="15">
        <v>45501</v>
      </c>
      <c r="F31150" s="14" t="s">
        <v>25</v>
      </c>
      <c r="G31150" s="16">
        <v>0</v>
      </c>
    </row>
    <row r="31151" spans="1:7" x14ac:dyDescent="0.3">
      <c r="A31151" s="13" t="s">
        <v>194</v>
      </c>
      <c r="B31151" s="14" t="s">
        <v>1</v>
      </c>
      <c r="C31151" s="14" t="s">
        <v>35</v>
      </c>
      <c r="D31151" s="14" t="s">
        <v>195</v>
      </c>
      <c r="E31151" s="15">
        <v>45502</v>
      </c>
      <c r="F31151" s="14" t="s">
        <v>25</v>
      </c>
      <c r="G31151" s="16">
        <v>0</v>
      </c>
    </row>
    <row r="31152" spans="1:7" x14ac:dyDescent="0.3">
      <c r="A31152" s="13" t="s">
        <v>194</v>
      </c>
      <c r="B31152" s="14" t="s">
        <v>1</v>
      </c>
      <c r="C31152" s="14" t="s">
        <v>35</v>
      </c>
      <c r="D31152" s="14" t="s">
        <v>195</v>
      </c>
      <c r="E31152" s="15">
        <v>45503</v>
      </c>
      <c r="F31152" s="14" t="s">
        <v>25</v>
      </c>
      <c r="G31152" s="16">
        <v>0</v>
      </c>
    </row>
    <row r="31153" spans="1:7" x14ac:dyDescent="0.3">
      <c r="A31153" s="13" t="s">
        <v>194</v>
      </c>
      <c r="B31153" s="14" t="s">
        <v>1</v>
      </c>
      <c r="C31153" s="14" t="s">
        <v>35</v>
      </c>
      <c r="D31153" s="14" t="s">
        <v>195</v>
      </c>
      <c r="E31153" s="15">
        <v>45504</v>
      </c>
      <c r="F31153" s="14" t="s">
        <v>25</v>
      </c>
      <c r="G31153" s="16">
        <v>0</v>
      </c>
    </row>
    <row r="31154" spans="1:7" x14ac:dyDescent="0.3">
      <c r="A31154" s="13" t="s">
        <v>194</v>
      </c>
      <c r="B31154" s="14" t="s">
        <v>1</v>
      </c>
      <c r="C31154" s="14" t="s">
        <v>35</v>
      </c>
      <c r="D31154" s="14" t="s">
        <v>195</v>
      </c>
      <c r="E31154" s="15">
        <v>45505</v>
      </c>
      <c r="F31154" s="14" t="s">
        <v>25</v>
      </c>
      <c r="G31154" s="16">
        <v>0</v>
      </c>
    </row>
    <row r="31155" spans="1:7" x14ac:dyDescent="0.3">
      <c r="A31155" s="13" t="s">
        <v>194</v>
      </c>
      <c r="B31155" s="14" t="s">
        <v>1</v>
      </c>
      <c r="C31155" s="14" t="s">
        <v>35</v>
      </c>
      <c r="D31155" s="14" t="s">
        <v>195</v>
      </c>
      <c r="E31155" s="15">
        <v>45506</v>
      </c>
      <c r="F31155" s="14" t="s">
        <v>25</v>
      </c>
      <c r="G31155" s="16">
        <v>0</v>
      </c>
    </row>
    <row r="31156" spans="1:7" x14ac:dyDescent="0.3">
      <c r="A31156" s="13" t="s">
        <v>194</v>
      </c>
      <c r="B31156" s="14" t="s">
        <v>1</v>
      </c>
      <c r="C31156" s="14" t="s">
        <v>35</v>
      </c>
      <c r="D31156" s="14" t="s">
        <v>195</v>
      </c>
      <c r="E31156" s="15">
        <v>45507</v>
      </c>
      <c r="F31156" s="14" t="s">
        <v>25</v>
      </c>
      <c r="G31156" s="16">
        <v>0</v>
      </c>
    </row>
    <row r="31157" spans="1:7" x14ac:dyDescent="0.3">
      <c r="A31157" s="13" t="s">
        <v>194</v>
      </c>
      <c r="B31157" s="14" t="s">
        <v>1</v>
      </c>
      <c r="C31157" s="14" t="s">
        <v>35</v>
      </c>
      <c r="D31157" s="14" t="s">
        <v>195</v>
      </c>
      <c r="E31157" s="15">
        <v>45508</v>
      </c>
      <c r="F31157" s="14" t="s">
        <v>25</v>
      </c>
      <c r="G31157" s="16">
        <v>0</v>
      </c>
    </row>
    <row r="31158" spans="1:7" x14ac:dyDescent="0.3">
      <c r="A31158" s="13" t="s">
        <v>194</v>
      </c>
      <c r="B31158" s="14" t="s">
        <v>1</v>
      </c>
      <c r="C31158" s="14" t="s">
        <v>35</v>
      </c>
      <c r="D31158" s="14" t="s">
        <v>195</v>
      </c>
      <c r="E31158" s="15">
        <v>45509</v>
      </c>
      <c r="F31158" s="14" t="s">
        <v>25</v>
      </c>
      <c r="G31158" s="16">
        <v>0</v>
      </c>
    </row>
    <row r="31159" spans="1:7" x14ac:dyDescent="0.3">
      <c r="A31159" s="13" t="s">
        <v>194</v>
      </c>
      <c r="B31159" s="14" t="s">
        <v>1</v>
      </c>
      <c r="C31159" s="14" t="s">
        <v>35</v>
      </c>
      <c r="D31159" s="14" t="s">
        <v>195</v>
      </c>
      <c r="E31159" s="15">
        <v>45510</v>
      </c>
      <c r="F31159" s="14" t="s">
        <v>25</v>
      </c>
      <c r="G31159" s="16">
        <v>0</v>
      </c>
    </row>
    <row r="31160" spans="1:7" x14ac:dyDescent="0.3">
      <c r="A31160" s="13" t="s">
        <v>194</v>
      </c>
      <c r="B31160" s="14" t="s">
        <v>1</v>
      </c>
      <c r="C31160" s="14" t="s">
        <v>35</v>
      </c>
      <c r="D31160" s="14" t="s">
        <v>195</v>
      </c>
      <c r="E31160" s="15">
        <v>45511</v>
      </c>
      <c r="F31160" s="14" t="s">
        <v>25</v>
      </c>
      <c r="G31160" s="16">
        <v>0</v>
      </c>
    </row>
    <row r="31161" spans="1:7" x14ac:dyDescent="0.3">
      <c r="A31161" s="13" t="s">
        <v>194</v>
      </c>
      <c r="B31161" s="14" t="s">
        <v>1</v>
      </c>
      <c r="C31161" s="14" t="s">
        <v>35</v>
      </c>
      <c r="D31161" s="14" t="s">
        <v>195</v>
      </c>
      <c r="E31161" s="15">
        <v>45512</v>
      </c>
      <c r="F31161" s="14" t="s">
        <v>25</v>
      </c>
      <c r="G31161" s="16">
        <v>0</v>
      </c>
    </row>
    <row r="31162" spans="1:7" x14ac:dyDescent="0.3">
      <c r="A31162" s="13" t="s">
        <v>194</v>
      </c>
      <c r="B31162" s="14" t="s">
        <v>1</v>
      </c>
      <c r="C31162" s="14" t="s">
        <v>35</v>
      </c>
      <c r="D31162" s="14" t="s">
        <v>195</v>
      </c>
      <c r="E31162" s="15">
        <v>45513</v>
      </c>
      <c r="F31162" s="14" t="s">
        <v>25</v>
      </c>
      <c r="G31162" s="16">
        <v>0</v>
      </c>
    </row>
    <row r="31163" spans="1:7" x14ac:dyDescent="0.3">
      <c r="A31163" s="13" t="s">
        <v>194</v>
      </c>
      <c r="B31163" s="14" t="s">
        <v>1</v>
      </c>
      <c r="C31163" s="14" t="s">
        <v>35</v>
      </c>
      <c r="D31163" s="14" t="s">
        <v>195</v>
      </c>
      <c r="E31163" s="15">
        <v>45514</v>
      </c>
      <c r="F31163" s="14" t="s">
        <v>25</v>
      </c>
      <c r="G31163" s="16">
        <v>0</v>
      </c>
    </row>
    <row r="31164" spans="1:7" x14ac:dyDescent="0.3">
      <c r="A31164" s="13" t="s">
        <v>194</v>
      </c>
      <c r="B31164" s="14" t="s">
        <v>1</v>
      </c>
      <c r="C31164" s="14" t="s">
        <v>35</v>
      </c>
      <c r="D31164" s="14" t="s">
        <v>195</v>
      </c>
      <c r="E31164" s="15">
        <v>45515</v>
      </c>
      <c r="F31164" s="14" t="s">
        <v>25</v>
      </c>
      <c r="G31164" s="16">
        <v>0</v>
      </c>
    </row>
    <row r="31165" spans="1:7" x14ac:dyDescent="0.3">
      <c r="A31165" s="13" t="s">
        <v>194</v>
      </c>
      <c r="B31165" s="14" t="s">
        <v>1</v>
      </c>
      <c r="C31165" s="14" t="s">
        <v>35</v>
      </c>
      <c r="D31165" s="14" t="s">
        <v>195</v>
      </c>
      <c r="E31165" s="15">
        <v>45516</v>
      </c>
      <c r="F31165" s="14" t="s">
        <v>25</v>
      </c>
      <c r="G31165" s="16">
        <v>0</v>
      </c>
    </row>
    <row r="31166" spans="1:7" x14ac:dyDescent="0.3">
      <c r="A31166" s="13" t="s">
        <v>194</v>
      </c>
      <c r="B31166" s="14" t="s">
        <v>1</v>
      </c>
      <c r="C31166" s="14" t="s">
        <v>35</v>
      </c>
      <c r="D31166" s="14" t="s">
        <v>195</v>
      </c>
      <c r="E31166" s="15">
        <v>45517</v>
      </c>
      <c r="F31166" s="14" t="s">
        <v>25</v>
      </c>
      <c r="G31166" s="16">
        <v>0</v>
      </c>
    </row>
    <row r="31167" spans="1:7" x14ac:dyDescent="0.3">
      <c r="A31167" s="13" t="s">
        <v>194</v>
      </c>
      <c r="B31167" s="14" t="s">
        <v>1</v>
      </c>
      <c r="C31167" s="14" t="s">
        <v>35</v>
      </c>
      <c r="D31167" s="14" t="s">
        <v>195</v>
      </c>
      <c r="E31167" s="15">
        <v>45518</v>
      </c>
      <c r="F31167" s="14" t="s">
        <v>25</v>
      </c>
      <c r="G31167" s="16">
        <v>0</v>
      </c>
    </row>
    <row r="31168" spans="1:7" x14ac:dyDescent="0.3">
      <c r="A31168" s="13" t="s">
        <v>194</v>
      </c>
      <c r="B31168" s="14" t="s">
        <v>1</v>
      </c>
      <c r="C31168" s="14" t="s">
        <v>35</v>
      </c>
      <c r="D31168" s="14" t="s">
        <v>195</v>
      </c>
      <c r="E31168" s="15">
        <v>45519</v>
      </c>
      <c r="F31168" s="14" t="s">
        <v>25</v>
      </c>
      <c r="G31168" s="16">
        <v>0</v>
      </c>
    </row>
    <row r="31169" spans="1:7" x14ac:dyDescent="0.3">
      <c r="A31169" s="13" t="s">
        <v>194</v>
      </c>
      <c r="B31169" s="14" t="s">
        <v>1</v>
      </c>
      <c r="C31169" s="14" t="s">
        <v>35</v>
      </c>
      <c r="D31169" s="14" t="s">
        <v>195</v>
      </c>
      <c r="E31169" s="15">
        <v>45520</v>
      </c>
      <c r="F31169" s="14" t="s">
        <v>25</v>
      </c>
      <c r="G31169" s="16">
        <v>0</v>
      </c>
    </row>
    <row r="31170" spans="1:7" x14ac:dyDescent="0.3">
      <c r="A31170" s="13" t="s">
        <v>194</v>
      </c>
      <c r="B31170" s="14" t="s">
        <v>1</v>
      </c>
      <c r="C31170" s="14" t="s">
        <v>35</v>
      </c>
      <c r="D31170" s="14" t="s">
        <v>195</v>
      </c>
      <c r="E31170" s="15">
        <v>45521</v>
      </c>
      <c r="F31170" s="14" t="s">
        <v>25</v>
      </c>
      <c r="G31170" s="16">
        <v>0</v>
      </c>
    </row>
    <row r="31171" spans="1:7" x14ac:dyDescent="0.3">
      <c r="A31171" s="13" t="s">
        <v>194</v>
      </c>
      <c r="B31171" s="14" t="s">
        <v>1</v>
      </c>
      <c r="C31171" s="14" t="s">
        <v>35</v>
      </c>
      <c r="D31171" s="14" t="s">
        <v>195</v>
      </c>
      <c r="E31171" s="15">
        <v>45522</v>
      </c>
      <c r="F31171" s="14" t="s">
        <v>25</v>
      </c>
      <c r="G31171" s="16">
        <v>0</v>
      </c>
    </row>
    <row r="31172" spans="1:7" x14ac:dyDescent="0.3">
      <c r="A31172" s="13" t="s">
        <v>194</v>
      </c>
      <c r="B31172" s="14" t="s">
        <v>1</v>
      </c>
      <c r="C31172" s="14" t="s">
        <v>35</v>
      </c>
      <c r="D31172" s="14" t="s">
        <v>195</v>
      </c>
      <c r="E31172" s="15">
        <v>45523</v>
      </c>
      <c r="F31172" s="14" t="s">
        <v>25</v>
      </c>
      <c r="G31172" s="16">
        <v>0</v>
      </c>
    </row>
    <row r="31173" spans="1:7" x14ac:dyDescent="0.3">
      <c r="A31173" s="13" t="s">
        <v>194</v>
      </c>
      <c r="B31173" s="14" t="s">
        <v>1</v>
      </c>
      <c r="C31173" s="14" t="s">
        <v>35</v>
      </c>
      <c r="D31173" s="14" t="s">
        <v>195</v>
      </c>
      <c r="E31173" s="15">
        <v>45524</v>
      </c>
      <c r="F31173" s="14" t="s">
        <v>25</v>
      </c>
      <c r="G31173" s="16">
        <v>0</v>
      </c>
    </row>
    <row r="31174" spans="1:7" x14ac:dyDescent="0.3">
      <c r="A31174" s="13" t="s">
        <v>194</v>
      </c>
      <c r="B31174" s="14" t="s">
        <v>1</v>
      </c>
      <c r="C31174" s="14" t="s">
        <v>35</v>
      </c>
      <c r="D31174" s="14" t="s">
        <v>195</v>
      </c>
      <c r="E31174" s="15">
        <v>45525</v>
      </c>
      <c r="F31174" s="14" t="s">
        <v>25</v>
      </c>
      <c r="G31174" s="16">
        <v>0</v>
      </c>
    </row>
    <row r="31175" spans="1:7" x14ac:dyDescent="0.3">
      <c r="A31175" s="13" t="s">
        <v>194</v>
      </c>
      <c r="B31175" s="14" t="s">
        <v>1</v>
      </c>
      <c r="C31175" s="14" t="s">
        <v>35</v>
      </c>
      <c r="D31175" s="14" t="s">
        <v>195</v>
      </c>
      <c r="E31175" s="15">
        <v>45526</v>
      </c>
      <c r="F31175" s="14" t="s">
        <v>25</v>
      </c>
      <c r="G31175" s="16">
        <v>0</v>
      </c>
    </row>
    <row r="31176" spans="1:7" x14ac:dyDescent="0.3">
      <c r="A31176" s="13" t="s">
        <v>194</v>
      </c>
      <c r="B31176" s="14" t="s">
        <v>1</v>
      </c>
      <c r="C31176" s="14" t="s">
        <v>35</v>
      </c>
      <c r="D31176" s="14" t="s">
        <v>195</v>
      </c>
      <c r="E31176" s="15">
        <v>45527</v>
      </c>
      <c r="F31176" s="14" t="s">
        <v>25</v>
      </c>
      <c r="G31176" s="16">
        <v>0</v>
      </c>
    </row>
    <row r="31177" spans="1:7" x14ac:dyDescent="0.3">
      <c r="A31177" s="13" t="s">
        <v>194</v>
      </c>
      <c r="B31177" s="14" t="s">
        <v>1</v>
      </c>
      <c r="C31177" s="14" t="s">
        <v>35</v>
      </c>
      <c r="D31177" s="14" t="s">
        <v>195</v>
      </c>
      <c r="E31177" s="15">
        <v>45528</v>
      </c>
      <c r="F31177" s="14" t="s">
        <v>25</v>
      </c>
      <c r="G31177" s="16">
        <v>0</v>
      </c>
    </row>
    <row r="31178" spans="1:7" x14ac:dyDescent="0.3">
      <c r="A31178" s="13" t="s">
        <v>194</v>
      </c>
      <c r="B31178" s="14" t="s">
        <v>1</v>
      </c>
      <c r="C31178" s="14" t="s">
        <v>35</v>
      </c>
      <c r="D31178" s="14" t="s">
        <v>195</v>
      </c>
      <c r="E31178" s="15">
        <v>45529</v>
      </c>
      <c r="F31178" s="14" t="s">
        <v>25</v>
      </c>
      <c r="G31178" s="16">
        <v>0</v>
      </c>
    </row>
    <row r="31179" spans="1:7" x14ac:dyDescent="0.3">
      <c r="A31179" s="13" t="s">
        <v>194</v>
      </c>
      <c r="B31179" s="14" t="s">
        <v>1</v>
      </c>
      <c r="C31179" s="14" t="s">
        <v>35</v>
      </c>
      <c r="D31179" s="14" t="s">
        <v>195</v>
      </c>
      <c r="E31179" s="15">
        <v>45530</v>
      </c>
      <c r="F31179" s="14" t="s">
        <v>25</v>
      </c>
      <c r="G31179" s="16">
        <v>0</v>
      </c>
    </row>
    <row r="31180" spans="1:7" x14ac:dyDescent="0.3">
      <c r="A31180" s="13" t="s">
        <v>194</v>
      </c>
      <c r="B31180" s="14" t="s">
        <v>1</v>
      </c>
      <c r="C31180" s="14" t="s">
        <v>35</v>
      </c>
      <c r="D31180" s="14" t="s">
        <v>195</v>
      </c>
      <c r="E31180" s="15">
        <v>45531</v>
      </c>
      <c r="F31180" s="14" t="s">
        <v>25</v>
      </c>
      <c r="G31180" s="16">
        <v>0</v>
      </c>
    </row>
    <row r="31181" spans="1:7" x14ac:dyDescent="0.3">
      <c r="A31181" s="13" t="s">
        <v>194</v>
      </c>
      <c r="B31181" s="14" t="s">
        <v>1</v>
      </c>
      <c r="C31181" s="14" t="s">
        <v>35</v>
      </c>
      <c r="D31181" s="14" t="s">
        <v>195</v>
      </c>
      <c r="E31181" s="15">
        <v>45532</v>
      </c>
      <c r="F31181" s="14" t="s">
        <v>25</v>
      </c>
      <c r="G31181" s="16">
        <v>0</v>
      </c>
    </row>
    <row r="31182" spans="1:7" x14ac:dyDescent="0.3">
      <c r="A31182" s="13" t="s">
        <v>194</v>
      </c>
      <c r="B31182" s="14" t="s">
        <v>1</v>
      </c>
      <c r="C31182" s="14" t="s">
        <v>35</v>
      </c>
      <c r="D31182" s="14" t="s">
        <v>195</v>
      </c>
      <c r="E31182" s="15">
        <v>45533</v>
      </c>
      <c r="F31182" s="14" t="s">
        <v>25</v>
      </c>
      <c r="G31182" s="16">
        <v>0</v>
      </c>
    </row>
    <row r="31183" spans="1:7" x14ac:dyDescent="0.3">
      <c r="A31183" s="13" t="s">
        <v>194</v>
      </c>
      <c r="B31183" s="14" t="s">
        <v>1</v>
      </c>
      <c r="C31183" s="14" t="s">
        <v>35</v>
      </c>
      <c r="D31183" s="14" t="s">
        <v>195</v>
      </c>
      <c r="E31183" s="15">
        <v>45534</v>
      </c>
      <c r="F31183" s="14" t="s">
        <v>25</v>
      </c>
      <c r="G31183" s="16">
        <v>0</v>
      </c>
    </row>
    <row r="31184" spans="1:7" x14ac:dyDescent="0.3">
      <c r="A31184" s="13" t="s">
        <v>194</v>
      </c>
      <c r="B31184" s="14" t="s">
        <v>1</v>
      </c>
      <c r="C31184" s="14" t="s">
        <v>35</v>
      </c>
      <c r="D31184" s="14" t="s">
        <v>195</v>
      </c>
      <c r="E31184" s="15">
        <v>45535</v>
      </c>
      <c r="F31184" s="14" t="s">
        <v>25</v>
      </c>
      <c r="G31184" s="16">
        <v>0</v>
      </c>
    </row>
    <row r="31185" spans="1:7" x14ac:dyDescent="0.3">
      <c r="A31185" s="13" t="s">
        <v>194</v>
      </c>
      <c r="B31185" s="14" t="s">
        <v>1</v>
      </c>
      <c r="C31185" s="14" t="s">
        <v>35</v>
      </c>
      <c r="D31185" s="14" t="s">
        <v>195</v>
      </c>
      <c r="E31185" s="15">
        <v>45536</v>
      </c>
      <c r="F31185" s="14" t="s">
        <v>25</v>
      </c>
      <c r="G31185" s="16">
        <v>0</v>
      </c>
    </row>
    <row r="31186" spans="1:7" x14ac:dyDescent="0.3">
      <c r="A31186" s="13" t="s">
        <v>194</v>
      </c>
      <c r="B31186" s="14" t="s">
        <v>1</v>
      </c>
      <c r="C31186" s="14" t="s">
        <v>35</v>
      </c>
      <c r="D31186" s="14" t="s">
        <v>195</v>
      </c>
      <c r="E31186" s="15">
        <v>45537</v>
      </c>
      <c r="F31186" s="14" t="s">
        <v>25</v>
      </c>
      <c r="G31186" s="16">
        <v>0</v>
      </c>
    </row>
    <row r="31187" spans="1:7" x14ac:dyDescent="0.3">
      <c r="A31187" s="13" t="s">
        <v>194</v>
      </c>
      <c r="B31187" s="14" t="s">
        <v>1</v>
      </c>
      <c r="C31187" s="14" t="s">
        <v>35</v>
      </c>
      <c r="D31187" s="14" t="s">
        <v>195</v>
      </c>
      <c r="E31187" s="15">
        <v>45538</v>
      </c>
      <c r="F31187" s="14" t="s">
        <v>25</v>
      </c>
      <c r="G31187" s="16">
        <v>0</v>
      </c>
    </row>
    <row r="31188" spans="1:7" x14ac:dyDescent="0.3">
      <c r="A31188" s="13" t="s">
        <v>194</v>
      </c>
      <c r="B31188" s="14" t="s">
        <v>1</v>
      </c>
      <c r="C31188" s="14" t="s">
        <v>35</v>
      </c>
      <c r="D31188" s="14" t="s">
        <v>195</v>
      </c>
      <c r="E31188" s="15">
        <v>45539</v>
      </c>
      <c r="F31188" s="14" t="s">
        <v>25</v>
      </c>
      <c r="G31188" s="16">
        <v>0</v>
      </c>
    </row>
    <row r="31189" spans="1:7" x14ac:dyDescent="0.3">
      <c r="A31189" s="13" t="s">
        <v>194</v>
      </c>
      <c r="B31189" s="14" t="s">
        <v>1</v>
      </c>
      <c r="C31189" s="14" t="s">
        <v>35</v>
      </c>
      <c r="D31189" s="14" t="s">
        <v>195</v>
      </c>
      <c r="E31189" s="15">
        <v>45540</v>
      </c>
      <c r="F31189" s="14" t="s">
        <v>25</v>
      </c>
      <c r="G31189" s="16">
        <v>0</v>
      </c>
    </row>
    <row r="31190" spans="1:7" x14ac:dyDescent="0.3">
      <c r="A31190" s="13" t="s">
        <v>194</v>
      </c>
      <c r="B31190" s="14" t="s">
        <v>1</v>
      </c>
      <c r="C31190" s="14" t="s">
        <v>35</v>
      </c>
      <c r="D31190" s="14" t="s">
        <v>195</v>
      </c>
      <c r="E31190" s="15">
        <v>45541</v>
      </c>
      <c r="F31190" s="14" t="s">
        <v>25</v>
      </c>
      <c r="G31190" s="16">
        <v>0</v>
      </c>
    </row>
    <row r="31191" spans="1:7" x14ac:dyDescent="0.3">
      <c r="A31191" s="13" t="s">
        <v>194</v>
      </c>
      <c r="B31191" s="14" t="s">
        <v>1</v>
      </c>
      <c r="C31191" s="14" t="s">
        <v>35</v>
      </c>
      <c r="D31191" s="14" t="s">
        <v>195</v>
      </c>
      <c r="E31191" s="15">
        <v>45542</v>
      </c>
      <c r="F31191" s="14" t="s">
        <v>25</v>
      </c>
      <c r="G31191" s="16">
        <v>0</v>
      </c>
    </row>
    <row r="31192" spans="1:7" x14ac:dyDescent="0.3">
      <c r="A31192" s="13" t="s">
        <v>194</v>
      </c>
      <c r="B31192" s="14" t="s">
        <v>1</v>
      </c>
      <c r="C31192" s="14" t="s">
        <v>35</v>
      </c>
      <c r="D31192" s="14" t="s">
        <v>195</v>
      </c>
      <c r="E31192" s="15">
        <v>45543</v>
      </c>
      <c r="F31192" s="14" t="s">
        <v>25</v>
      </c>
      <c r="G31192" s="16">
        <v>0</v>
      </c>
    </row>
    <row r="31193" spans="1:7" x14ac:dyDescent="0.3">
      <c r="A31193" s="13" t="s">
        <v>194</v>
      </c>
      <c r="B31193" s="14" t="s">
        <v>1</v>
      </c>
      <c r="C31193" s="14" t="s">
        <v>35</v>
      </c>
      <c r="D31193" s="14" t="s">
        <v>195</v>
      </c>
      <c r="E31193" s="15">
        <v>45544</v>
      </c>
      <c r="F31193" s="14" t="s">
        <v>25</v>
      </c>
      <c r="G31193" s="16">
        <v>0</v>
      </c>
    </row>
    <row r="31194" spans="1:7" x14ac:dyDescent="0.3">
      <c r="A31194" s="13" t="s">
        <v>194</v>
      </c>
      <c r="B31194" s="14" t="s">
        <v>1</v>
      </c>
      <c r="C31194" s="14" t="s">
        <v>35</v>
      </c>
      <c r="D31194" s="14" t="s">
        <v>195</v>
      </c>
      <c r="E31194" s="15">
        <v>45545</v>
      </c>
      <c r="F31194" s="14" t="s">
        <v>25</v>
      </c>
      <c r="G31194" s="16">
        <v>0</v>
      </c>
    </row>
    <row r="31195" spans="1:7" x14ac:dyDescent="0.3">
      <c r="A31195" s="13" t="s">
        <v>194</v>
      </c>
      <c r="B31195" s="14" t="s">
        <v>1</v>
      </c>
      <c r="C31195" s="14" t="s">
        <v>35</v>
      </c>
      <c r="D31195" s="14" t="s">
        <v>195</v>
      </c>
      <c r="E31195" s="15">
        <v>45546</v>
      </c>
      <c r="F31195" s="14" t="s">
        <v>25</v>
      </c>
      <c r="G31195" s="16">
        <v>0</v>
      </c>
    </row>
    <row r="31196" spans="1:7" x14ac:dyDescent="0.3">
      <c r="A31196" s="13" t="s">
        <v>194</v>
      </c>
      <c r="B31196" s="14" t="s">
        <v>1</v>
      </c>
      <c r="C31196" s="14" t="s">
        <v>35</v>
      </c>
      <c r="D31196" s="14" t="s">
        <v>195</v>
      </c>
      <c r="E31196" s="15">
        <v>45547</v>
      </c>
      <c r="F31196" s="14" t="s">
        <v>25</v>
      </c>
      <c r="G31196" s="16">
        <v>0</v>
      </c>
    </row>
    <row r="31197" spans="1:7" x14ac:dyDescent="0.3">
      <c r="A31197" s="13" t="s">
        <v>194</v>
      </c>
      <c r="B31197" s="14" t="s">
        <v>1</v>
      </c>
      <c r="C31197" s="14" t="s">
        <v>35</v>
      </c>
      <c r="D31197" s="14" t="s">
        <v>195</v>
      </c>
      <c r="E31197" s="15">
        <v>45548</v>
      </c>
      <c r="F31197" s="14" t="s">
        <v>25</v>
      </c>
      <c r="G31197" s="16">
        <v>0</v>
      </c>
    </row>
    <row r="31198" spans="1:7" x14ac:dyDescent="0.3">
      <c r="A31198" s="13" t="s">
        <v>194</v>
      </c>
      <c r="B31198" s="14" t="s">
        <v>1</v>
      </c>
      <c r="C31198" s="14" t="s">
        <v>35</v>
      </c>
      <c r="D31198" s="14" t="s">
        <v>195</v>
      </c>
      <c r="E31198" s="15">
        <v>45549</v>
      </c>
      <c r="F31198" s="14" t="s">
        <v>25</v>
      </c>
      <c r="G31198" s="16">
        <v>0</v>
      </c>
    </row>
    <row r="31199" spans="1:7" x14ac:dyDescent="0.3">
      <c r="A31199" s="13" t="s">
        <v>194</v>
      </c>
      <c r="B31199" s="14" t="s">
        <v>1</v>
      </c>
      <c r="C31199" s="14" t="s">
        <v>35</v>
      </c>
      <c r="D31199" s="14" t="s">
        <v>195</v>
      </c>
      <c r="E31199" s="15">
        <v>45550</v>
      </c>
      <c r="F31199" s="14" t="s">
        <v>25</v>
      </c>
      <c r="G31199" s="16">
        <v>0</v>
      </c>
    </row>
    <row r="31200" spans="1:7" x14ac:dyDescent="0.3">
      <c r="A31200" s="13" t="s">
        <v>194</v>
      </c>
      <c r="B31200" s="14" t="s">
        <v>1</v>
      </c>
      <c r="C31200" s="14" t="s">
        <v>35</v>
      </c>
      <c r="D31200" s="14" t="s">
        <v>195</v>
      </c>
      <c r="E31200" s="15">
        <v>45551</v>
      </c>
      <c r="F31200" s="14" t="s">
        <v>25</v>
      </c>
      <c r="G31200" s="16">
        <v>0</v>
      </c>
    </row>
    <row r="31201" spans="1:7" x14ac:dyDescent="0.3">
      <c r="A31201" s="13" t="s">
        <v>194</v>
      </c>
      <c r="B31201" s="14" t="s">
        <v>1</v>
      </c>
      <c r="C31201" s="14" t="s">
        <v>35</v>
      </c>
      <c r="D31201" s="14" t="s">
        <v>195</v>
      </c>
      <c r="E31201" s="15">
        <v>45552</v>
      </c>
      <c r="F31201" s="14" t="s">
        <v>25</v>
      </c>
      <c r="G31201" s="16">
        <v>0</v>
      </c>
    </row>
    <row r="31202" spans="1:7" x14ac:dyDescent="0.3">
      <c r="A31202" s="13" t="s">
        <v>194</v>
      </c>
      <c r="B31202" s="14" t="s">
        <v>1</v>
      </c>
      <c r="C31202" s="14" t="s">
        <v>35</v>
      </c>
      <c r="D31202" s="14" t="s">
        <v>195</v>
      </c>
      <c r="E31202" s="15">
        <v>45553</v>
      </c>
      <c r="F31202" s="14" t="s">
        <v>25</v>
      </c>
      <c r="G31202" s="16">
        <v>0</v>
      </c>
    </row>
    <row r="31203" spans="1:7" x14ac:dyDescent="0.3">
      <c r="A31203" s="13" t="s">
        <v>194</v>
      </c>
      <c r="B31203" s="14" t="s">
        <v>1</v>
      </c>
      <c r="C31203" s="14" t="s">
        <v>35</v>
      </c>
      <c r="D31203" s="14" t="s">
        <v>195</v>
      </c>
      <c r="E31203" s="15">
        <v>45554</v>
      </c>
      <c r="F31203" s="14" t="s">
        <v>25</v>
      </c>
      <c r="G31203" s="16">
        <v>0</v>
      </c>
    </row>
    <row r="31204" spans="1:7" x14ac:dyDescent="0.3">
      <c r="A31204" s="13" t="s">
        <v>194</v>
      </c>
      <c r="B31204" s="14" t="s">
        <v>1</v>
      </c>
      <c r="C31204" s="14" t="s">
        <v>35</v>
      </c>
      <c r="D31204" s="14" t="s">
        <v>195</v>
      </c>
      <c r="E31204" s="15">
        <v>45555</v>
      </c>
      <c r="F31204" s="14" t="s">
        <v>25</v>
      </c>
      <c r="G31204" s="16">
        <v>0</v>
      </c>
    </row>
    <row r="31205" spans="1:7" x14ac:dyDescent="0.3">
      <c r="A31205" s="13" t="s">
        <v>194</v>
      </c>
      <c r="B31205" s="14" t="s">
        <v>1</v>
      </c>
      <c r="C31205" s="14" t="s">
        <v>35</v>
      </c>
      <c r="D31205" s="14" t="s">
        <v>195</v>
      </c>
      <c r="E31205" s="15">
        <v>45556</v>
      </c>
      <c r="F31205" s="14" t="s">
        <v>25</v>
      </c>
      <c r="G31205" s="16">
        <v>0</v>
      </c>
    </row>
    <row r="31206" spans="1:7" x14ac:dyDescent="0.3">
      <c r="A31206" s="13" t="s">
        <v>194</v>
      </c>
      <c r="B31206" s="14" t="s">
        <v>1</v>
      </c>
      <c r="C31206" s="14" t="s">
        <v>35</v>
      </c>
      <c r="D31206" s="14" t="s">
        <v>195</v>
      </c>
      <c r="E31206" s="15">
        <v>45557</v>
      </c>
      <c r="F31206" s="14" t="s">
        <v>25</v>
      </c>
      <c r="G31206" s="16">
        <v>0</v>
      </c>
    </row>
    <row r="31207" spans="1:7" x14ac:dyDescent="0.3">
      <c r="A31207" s="13" t="s">
        <v>194</v>
      </c>
      <c r="B31207" s="14" t="s">
        <v>1</v>
      </c>
      <c r="C31207" s="14" t="s">
        <v>35</v>
      </c>
      <c r="D31207" s="14" t="s">
        <v>195</v>
      </c>
      <c r="E31207" s="15">
        <v>45558</v>
      </c>
      <c r="F31207" s="14" t="s">
        <v>25</v>
      </c>
      <c r="G31207" s="16">
        <v>0</v>
      </c>
    </row>
    <row r="31208" spans="1:7" x14ac:dyDescent="0.3">
      <c r="A31208" s="13" t="s">
        <v>194</v>
      </c>
      <c r="B31208" s="14" t="s">
        <v>1</v>
      </c>
      <c r="C31208" s="14" t="s">
        <v>35</v>
      </c>
      <c r="D31208" s="14" t="s">
        <v>195</v>
      </c>
      <c r="E31208" s="15">
        <v>45559</v>
      </c>
      <c r="F31208" s="14" t="s">
        <v>25</v>
      </c>
      <c r="G31208" s="16">
        <v>0</v>
      </c>
    </row>
    <row r="31209" spans="1:7" x14ac:dyDescent="0.3">
      <c r="A31209" s="13" t="s">
        <v>194</v>
      </c>
      <c r="B31209" s="14" t="s">
        <v>1</v>
      </c>
      <c r="C31209" s="14" t="s">
        <v>35</v>
      </c>
      <c r="D31209" s="14" t="s">
        <v>195</v>
      </c>
      <c r="E31209" s="15">
        <v>45560</v>
      </c>
      <c r="F31209" s="14" t="s">
        <v>25</v>
      </c>
      <c r="G31209" s="16">
        <v>0</v>
      </c>
    </row>
    <row r="31210" spans="1:7" x14ac:dyDescent="0.3">
      <c r="A31210" s="13" t="s">
        <v>194</v>
      </c>
      <c r="B31210" s="14" t="s">
        <v>1</v>
      </c>
      <c r="C31210" s="14" t="s">
        <v>35</v>
      </c>
      <c r="D31210" s="14" t="s">
        <v>195</v>
      </c>
      <c r="E31210" s="15">
        <v>45561</v>
      </c>
      <c r="F31210" s="14" t="s">
        <v>25</v>
      </c>
      <c r="G31210" s="16">
        <v>0</v>
      </c>
    </row>
    <row r="31211" spans="1:7" x14ac:dyDescent="0.3">
      <c r="A31211" s="13" t="s">
        <v>194</v>
      </c>
      <c r="B31211" s="14" t="s">
        <v>1</v>
      </c>
      <c r="C31211" s="14" t="s">
        <v>35</v>
      </c>
      <c r="D31211" s="14" t="s">
        <v>195</v>
      </c>
      <c r="E31211" s="15">
        <v>45562</v>
      </c>
      <c r="F31211" s="14" t="s">
        <v>25</v>
      </c>
      <c r="G31211" s="16">
        <v>0</v>
      </c>
    </row>
    <row r="31212" spans="1:7" x14ac:dyDescent="0.3">
      <c r="A31212" s="13" t="s">
        <v>194</v>
      </c>
      <c r="B31212" s="14" t="s">
        <v>1</v>
      </c>
      <c r="C31212" s="14" t="s">
        <v>35</v>
      </c>
      <c r="D31212" s="14" t="s">
        <v>195</v>
      </c>
      <c r="E31212" s="15">
        <v>45563</v>
      </c>
      <c r="F31212" s="14" t="s">
        <v>25</v>
      </c>
      <c r="G31212" s="16">
        <v>0</v>
      </c>
    </row>
    <row r="31213" spans="1:7" x14ac:dyDescent="0.3">
      <c r="A31213" s="13" t="s">
        <v>194</v>
      </c>
      <c r="B31213" s="14" t="s">
        <v>1</v>
      </c>
      <c r="C31213" s="14" t="s">
        <v>35</v>
      </c>
      <c r="D31213" s="14" t="s">
        <v>195</v>
      </c>
      <c r="E31213" s="15">
        <v>45564</v>
      </c>
      <c r="F31213" s="14" t="s">
        <v>25</v>
      </c>
      <c r="G31213" s="16">
        <v>0</v>
      </c>
    </row>
    <row r="31214" spans="1:7" x14ac:dyDescent="0.3">
      <c r="A31214" s="13" t="s">
        <v>194</v>
      </c>
      <c r="B31214" s="14" t="s">
        <v>1</v>
      </c>
      <c r="C31214" s="14" t="s">
        <v>35</v>
      </c>
      <c r="D31214" s="14" t="s">
        <v>195</v>
      </c>
      <c r="E31214" s="15">
        <v>45565</v>
      </c>
      <c r="F31214" s="14" t="s">
        <v>25</v>
      </c>
      <c r="G31214" s="16">
        <v>0</v>
      </c>
    </row>
    <row r="31215" spans="1:7" x14ac:dyDescent="0.3">
      <c r="A31215" s="13" t="s">
        <v>194</v>
      </c>
      <c r="B31215" s="14" t="s">
        <v>1</v>
      </c>
      <c r="C31215" s="14" t="s">
        <v>35</v>
      </c>
      <c r="D31215" s="14" t="s">
        <v>195</v>
      </c>
      <c r="E31215" s="15">
        <v>45566</v>
      </c>
      <c r="F31215" s="14" t="s">
        <v>25</v>
      </c>
      <c r="G31215" s="16">
        <v>0</v>
      </c>
    </row>
    <row r="31216" spans="1:7" x14ac:dyDescent="0.3">
      <c r="A31216" s="13" t="s">
        <v>194</v>
      </c>
      <c r="B31216" s="14" t="s">
        <v>1</v>
      </c>
      <c r="C31216" s="14" t="s">
        <v>35</v>
      </c>
      <c r="D31216" s="14" t="s">
        <v>195</v>
      </c>
      <c r="E31216" s="15">
        <v>45567</v>
      </c>
      <c r="F31216" s="14" t="s">
        <v>25</v>
      </c>
      <c r="G31216" s="16">
        <v>0</v>
      </c>
    </row>
    <row r="31217" spans="1:7" x14ac:dyDescent="0.3">
      <c r="A31217" s="13" t="s">
        <v>194</v>
      </c>
      <c r="B31217" s="14" t="s">
        <v>1</v>
      </c>
      <c r="C31217" s="14" t="s">
        <v>35</v>
      </c>
      <c r="D31217" s="14" t="s">
        <v>195</v>
      </c>
      <c r="E31217" s="15">
        <v>45568</v>
      </c>
      <c r="F31217" s="14" t="s">
        <v>25</v>
      </c>
      <c r="G31217" s="16">
        <v>0</v>
      </c>
    </row>
    <row r="31218" spans="1:7" x14ac:dyDescent="0.3">
      <c r="A31218" s="13" t="s">
        <v>194</v>
      </c>
      <c r="B31218" s="14" t="s">
        <v>1</v>
      </c>
      <c r="C31218" s="14" t="s">
        <v>35</v>
      </c>
      <c r="D31218" s="14" t="s">
        <v>195</v>
      </c>
      <c r="E31218" s="15">
        <v>45569</v>
      </c>
      <c r="F31218" s="14" t="s">
        <v>25</v>
      </c>
      <c r="G31218" s="16">
        <v>0</v>
      </c>
    </row>
    <row r="31219" spans="1:7" x14ac:dyDescent="0.3">
      <c r="A31219" s="13" t="s">
        <v>194</v>
      </c>
      <c r="B31219" s="14" t="s">
        <v>1</v>
      </c>
      <c r="C31219" s="14" t="s">
        <v>35</v>
      </c>
      <c r="D31219" s="14" t="s">
        <v>195</v>
      </c>
      <c r="E31219" s="15">
        <v>45570</v>
      </c>
      <c r="F31219" s="14" t="s">
        <v>25</v>
      </c>
      <c r="G31219" s="16">
        <v>0</v>
      </c>
    </row>
    <row r="31220" spans="1:7" x14ac:dyDescent="0.3">
      <c r="A31220" s="13" t="s">
        <v>194</v>
      </c>
      <c r="B31220" s="14" t="s">
        <v>1</v>
      </c>
      <c r="C31220" s="14" t="s">
        <v>35</v>
      </c>
      <c r="D31220" s="14" t="s">
        <v>195</v>
      </c>
      <c r="E31220" s="15">
        <v>45571</v>
      </c>
      <c r="F31220" s="14" t="s">
        <v>25</v>
      </c>
      <c r="G31220" s="16">
        <v>0</v>
      </c>
    </row>
    <row r="31221" spans="1:7" x14ac:dyDescent="0.3">
      <c r="A31221" s="13" t="s">
        <v>194</v>
      </c>
      <c r="B31221" s="14" t="s">
        <v>1</v>
      </c>
      <c r="C31221" s="14" t="s">
        <v>35</v>
      </c>
      <c r="D31221" s="14" t="s">
        <v>195</v>
      </c>
      <c r="E31221" s="15">
        <v>45572</v>
      </c>
      <c r="F31221" s="14" t="s">
        <v>25</v>
      </c>
      <c r="G31221" s="16">
        <v>0</v>
      </c>
    </row>
    <row r="31222" spans="1:7" x14ac:dyDescent="0.3">
      <c r="A31222" s="13" t="s">
        <v>194</v>
      </c>
      <c r="B31222" s="14" t="s">
        <v>1</v>
      </c>
      <c r="C31222" s="14" t="s">
        <v>35</v>
      </c>
      <c r="D31222" s="14" t="s">
        <v>195</v>
      </c>
      <c r="E31222" s="15">
        <v>45573</v>
      </c>
      <c r="F31222" s="14" t="s">
        <v>25</v>
      </c>
      <c r="G31222" s="16">
        <v>0</v>
      </c>
    </row>
    <row r="31223" spans="1:7" x14ac:dyDescent="0.3">
      <c r="A31223" s="13" t="s">
        <v>194</v>
      </c>
      <c r="B31223" s="14" t="s">
        <v>1</v>
      </c>
      <c r="C31223" s="14" t="s">
        <v>35</v>
      </c>
      <c r="D31223" s="14" t="s">
        <v>195</v>
      </c>
      <c r="E31223" s="15">
        <v>45574</v>
      </c>
      <c r="F31223" s="14" t="s">
        <v>25</v>
      </c>
      <c r="G31223" s="16">
        <v>0</v>
      </c>
    </row>
    <row r="31224" spans="1:7" x14ac:dyDescent="0.3">
      <c r="A31224" s="13" t="s">
        <v>194</v>
      </c>
      <c r="B31224" s="14" t="s">
        <v>1</v>
      </c>
      <c r="C31224" s="14" t="s">
        <v>35</v>
      </c>
      <c r="D31224" s="14" t="s">
        <v>195</v>
      </c>
      <c r="E31224" s="15">
        <v>45575</v>
      </c>
      <c r="F31224" s="14" t="s">
        <v>25</v>
      </c>
      <c r="G31224" s="16">
        <v>0</v>
      </c>
    </row>
    <row r="31225" spans="1:7" x14ac:dyDescent="0.3">
      <c r="A31225" s="13" t="s">
        <v>194</v>
      </c>
      <c r="B31225" s="14" t="s">
        <v>1</v>
      </c>
      <c r="C31225" s="14" t="s">
        <v>35</v>
      </c>
      <c r="D31225" s="14" t="s">
        <v>195</v>
      </c>
      <c r="E31225" s="15">
        <v>45576</v>
      </c>
      <c r="F31225" s="14" t="s">
        <v>25</v>
      </c>
      <c r="G31225" s="16">
        <v>0</v>
      </c>
    </row>
    <row r="31226" spans="1:7" x14ac:dyDescent="0.3">
      <c r="A31226" s="13" t="s">
        <v>194</v>
      </c>
      <c r="B31226" s="14" t="s">
        <v>1</v>
      </c>
      <c r="C31226" s="14" t="s">
        <v>35</v>
      </c>
      <c r="D31226" s="14" t="s">
        <v>195</v>
      </c>
      <c r="E31226" s="15">
        <v>45577</v>
      </c>
      <c r="F31226" s="14" t="s">
        <v>25</v>
      </c>
      <c r="G31226" s="16">
        <v>0</v>
      </c>
    </row>
    <row r="31227" spans="1:7" x14ac:dyDescent="0.3">
      <c r="A31227" s="13" t="s">
        <v>194</v>
      </c>
      <c r="B31227" s="14" t="s">
        <v>1</v>
      </c>
      <c r="C31227" s="14" t="s">
        <v>35</v>
      </c>
      <c r="D31227" s="14" t="s">
        <v>195</v>
      </c>
      <c r="E31227" s="15">
        <v>45578</v>
      </c>
      <c r="F31227" s="14" t="s">
        <v>25</v>
      </c>
      <c r="G31227" s="16">
        <v>0</v>
      </c>
    </row>
    <row r="31228" spans="1:7" x14ac:dyDescent="0.3">
      <c r="A31228" s="13" t="s">
        <v>194</v>
      </c>
      <c r="B31228" s="14" t="s">
        <v>1</v>
      </c>
      <c r="C31228" s="14" t="s">
        <v>35</v>
      </c>
      <c r="D31228" s="14" t="s">
        <v>195</v>
      </c>
      <c r="E31228" s="15">
        <v>45579</v>
      </c>
      <c r="F31228" s="14" t="s">
        <v>25</v>
      </c>
      <c r="G31228" s="16">
        <v>0</v>
      </c>
    </row>
    <row r="31229" spans="1:7" x14ac:dyDescent="0.3">
      <c r="A31229" s="13" t="s">
        <v>194</v>
      </c>
      <c r="B31229" s="14" t="s">
        <v>1</v>
      </c>
      <c r="C31229" s="14" t="s">
        <v>35</v>
      </c>
      <c r="D31229" s="14" t="s">
        <v>195</v>
      </c>
      <c r="E31229" s="15">
        <v>45580</v>
      </c>
      <c r="F31229" s="14" t="s">
        <v>25</v>
      </c>
      <c r="G31229" s="16">
        <v>0</v>
      </c>
    </row>
    <row r="31230" spans="1:7" x14ac:dyDescent="0.3">
      <c r="A31230" s="13" t="s">
        <v>194</v>
      </c>
      <c r="B31230" s="14" t="s">
        <v>1</v>
      </c>
      <c r="C31230" s="14" t="s">
        <v>35</v>
      </c>
      <c r="D31230" s="14" t="s">
        <v>195</v>
      </c>
      <c r="E31230" s="15">
        <v>45581</v>
      </c>
      <c r="F31230" s="14" t="s">
        <v>25</v>
      </c>
      <c r="G31230" s="16">
        <v>0</v>
      </c>
    </row>
    <row r="31231" spans="1:7" x14ac:dyDescent="0.3">
      <c r="A31231" s="13" t="s">
        <v>194</v>
      </c>
      <c r="B31231" s="14" t="s">
        <v>1</v>
      </c>
      <c r="C31231" s="14" t="s">
        <v>35</v>
      </c>
      <c r="D31231" s="14" t="s">
        <v>195</v>
      </c>
      <c r="E31231" s="15">
        <v>45582</v>
      </c>
      <c r="F31231" s="14" t="s">
        <v>25</v>
      </c>
      <c r="G31231" s="16">
        <v>0</v>
      </c>
    </row>
    <row r="31232" spans="1:7" x14ac:dyDescent="0.3">
      <c r="A31232" s="13" t="s">
        <v>194</v>
      </c>
      <c r="B31232" s="14" t="s">
        <v>1</v>
      </c>
      <c r="C31232" s="14" t="s">
        <v>35</v>
      </c>
      <c r="D31232" s="14" t="s">
        <v>195</v>
      </c>
      <c r="E31232" s="15">
        <v>45583</v>
      </c>
      <c r="F31232" s="14" t="s">
        <v>25</v>
      </c>
      <c r="G31232" s="16">
        <v>0</v>
      </c>
    </row>
    <row r="31233" spans="1:7" x14ac:dyDescent="0.3">
      <c r="A31233" s="13" t="s">
        <v>194</v>
      </c>
      <c r="B31233" s="14" t="s">
        <v>1</v>
      </c>
      <c r="C31233" s="14" t="s">
        <v>35</v>
      </c>
      <c r="D31233" s="14" t="s">
        <v>195</v>
      </c>
      <c r="E31233" s="15">
        <v>45584</v>
      </c>
      <c r="F31233" s="14" t="s">
        <v>25</v>
      </c>
      <c r="G31233" s="16">
        <v>0</v>
      </c>
    </row>
    <row r="31234" spans="1:7" x14ac:dyDescent="0.3">
      <c r="A31234" s="13" t="s">
        <v>194</v>
      </c>
      <c r="B31234" s="14" t="s">
        <v>1</v>
      </c>
      <c r="C31234" s="14" t="s">
        <v>35</v>
      </c>
      <c r="D31234" s="14" t="s">
        <v>195</v>
      </c>
      <c r="E31234" s="15">
        <v>45585</v>
      </c>
      <c r="F31234" s="14" t="s">
        <v>25</v>
      </c>
      <c r="G31234" s="16">
        <v>0</v>
      </c>
    </row>
    <row r="31235" spans="1:7" x14ac:dyDescent="0.3">
      <c r="A31235" s="13" t="s">
        <v>194</v>
      </c>
      <c r="B31235" s="14" t="s">
        <v>1</v>
      </c>
      <c r="C31235" s="14" t="s">
        <v>35</v>
      </c>
      <c r="D31235" s="14" t="s">
        <v>195</v>
      </c>
      <c r="E31235" s="15">
        <v>45586</v>
      </c>
      <c r="F31235" s="14" t="s">
        <v>25</v>
      </c>
      <c r="G31235" s="16">
        <v>0</v>
      </c>
    </row>
    <row r="31236" spans="1:7" x14ac:dyDescent="0.3">
      <c r="A31236" s="13" t="s">
        <v>194</v>
      </c>
      <c r="B31236" s="14" t="s">
        <v>1</v>
      </c>
      <c r="C31236" s="14" t="s">
        <v>35</v>
      </c>
      <c r="D31236" s="14" t="s">
        <v>195</v>
      </c>
      <c r="E31236" s="15">
        <v>45587</v>
      </c>
      <c r="F31236" s="14" t="s">
        <v>25</v>
      </c>
      <c r="G31236" s="16">
        <v>0</v>
      </c>
    </row>
    <row r="31237" spans="1:7" x14ac:dyDescent="0.3">
      <c r="A31237" s="13" t="s">
        <v>194</v>
      </c>
      <c r="B31237" s="14" t="s">
        <v>1</v>
      </c>
      <c r="C31237" s="14" t="s">
        <v>35</v>
      </c>
      <c r="D31237" s="14" t="s">
        <v>195</v>
      </c>
      <c r="E31237" s="15">
        <v>45588</v>
      </c>
      <c r="F31237" s="14" t="s">
        <v>25</v>
      </c>
      <c r="G31237" s="16">
        <v>0</v>
      </c>
    </row>
    <row r="31238" spans="1:7" x14ac:dyDescent="0.3">
      <c r="A31238" s="13" t="s">
        <v>194</v>
      </c>
      <c r="B31238" s="14" t="s">
        <v>1</v>
      </c>
      <c r="C31238" s="14" t="s">
        <v>35</v>
      </c>
      <c r="D31238" s="14" t="s">
        <v>195</v>
      </c>
      <c r="E31238" s="15">
        <v>45589</v>
      </c>
      <c r="F31238" s="14" t="s">
        <v>25</v>
      </c>
      <c r="G31238" s="16">
        <v>0</v>
      </c>
    </row>
    <row r="31239" spans="1:7" x14ac:dyDescent="0.3">
      <c r="A31239" s="13" t="s">
        <v>194</v>
      </c>
      <c r="B31239" s="14" t="s">
        <v>1</v>
      </c>
      <c r="C31239" s="14" t="s">
        <v>35</v>
      </c>
      <c r="D31239" s="14" t="s">
        <v>195</v>
      </c>
      <c r="E31239" s="15">
        <v>45590</v>
      </c>
      <c r="F31239" s="14" t="s">
        <v>25</v>
      </c>
      <c r="G31239" s="16">
        <v>0</v>
      </c>
    </row>
    <row r="31240" spans="1:7" x14ac:dyDescent="0.3">
      <c r="A31240" s="13" t="s">
        <v>194</v>
      </c>
      <c r="B31240" s="14" t="s">
        <v>1</v>
      </c>
      <c r="C31240" s="14" t="s">
        <v>35</v>
      </c>
      <c r="D31240" s="14" t="s">
        <v>195</v>
      </c>
      <c r="E31240" s="15">
        <v>45591</v>
      </c>
      <c r="F31240" s="14" t="s">
        <v>25</v>
      </c>
      <c r="G31240" s="16">
        <v>0</v>
      </c>
    </row>
    <row r="31241" spans="1:7" x14ac:dyDescent="0.3">
      <c r="A31241" s="13" t="s">
        <v>194</v>
      </c>
      <c r="B31241" s="14" t="s">
        <v>1</v>
      </c>
      <c r="C31241" s="14" t="s">
        <v>35</v>
      </c>
      <c r="D31241" s="14" t="s">
        <v>195</v>
      </c>
      <c r="E31241" s="15">
        <v>45592</v>
      </c>
      <c r="F31241" s="14" t="s">
        <v>25</v>
      </c>
      <c r="G31241" s="16">
        <v>0</v>
      </c>
    </row>
    <row r="31242" spans="1:7" x14ac:dyDescent="0.3">
      <c r="A31242" s="13" t="s">
        <v>194</v>
      </c>
      <c r="B31242" s="14" t="s">
        <v>1</v>
      </c>
      <c r="C31242" s="14" t="s">
        <v>35</v>
      </c>
      <c r="D31242" s="14" t="s">
        <v>195</v>
      </c>
      <c r="E31242" s="15">
        <v>45593</v>
      </c>
      <c r="F31242" s="14" t="s">
        <v>25</v>
      </c>
      <c r="G31242" s="16">
        <v>0</v>
      </c>
    </row>
    <row r="31243" spans="1:7" x14ac:dyDescent="0.3">
      <c r="A31243" s="13" t="s">
        <v>194</v>
      </c>
      <c r="B31243" s="14" t="s">
        <v>1</v>
      </c>
      <c r="C31243" s="14" t="s">
        <v>35</v>
      </c>
      <c r="D31243" s="14" t="s">
        <v>195</v>
      </c>
      <c r="E31243" s="15">
        <v>45594</v>
      </c>
      <c r="F31243" s="14" t="s">
        <v>25</v>
      </c>
      <c r="G31243" s="16">
        <v>0</v>
      </c>
    </row>
    <row r="31244" spans="1:7" x14ac:dyDescent="0.3">
      <c r="A31244" s="13" t="s">
        <v>194</v>
      </c>
      <c r="B31244" s="14" t="s">
        <v>1</v>
      </c>
      <c r="C31244" s="14" t="s">
        <v>35</v>
      </c>
      <c r="D31244" s="14" t="s">
        <v>195</v>
      </c>
      <c r="E31244" s="15">
        <v>45595</v>
      </c>
      <c r="F31244" s="14" t="s">
        <v>25</v>
      </c>
      <c r="G31244" s="16">
        <v>0</v>
      </c>
    </row>
    <row r="31245" spans="1:7" x14ac:dyDescent="0.3">
      <c r="A31245" s="13" t="s">
        <v>194</v>
      </c>
      <c r="B31245" s="14" t="s">
        <v>1</v>
      </c>
      <c r="C31245" s="14" t="s">
        <v>35</v>
      </c>
      <c r="D31245" s="14" t="s">
        <v>195</v>
      </c>
      <c r="E31245" s="15">
        <v>45596</v>
      </c>
      <c r="F31245" s="14" t="s">
        <v>25</v>
      </c>
      <c r="G31245" s="16">
        <v>0</v>
      </c>
    </row>
    <row r="31246" spans="1:7" x14ac:dyDescent="0.3">
      <c r="A31246" s="13" t="s">
        <v>194</v>
      </c>
      <c r="B31246" s="14" t="s">
        <v>1</v>
      </c>
      <c r="C31246" s="14" t="s">
        <v>35</v>
      </c>
      <c r="D31246" s="14" t="s">
        <v>195</v>
      </c>
      <c r="E31246" s="15">
        <v>45597</v>
      </c>
      <c r="F31246" s="14" t="s">
        <v>25</v>
      </c>
      <c r="G31246" s="16">
        <v>0</v>
      </c>
    </row>
    <row r="31247" spans="1:7" x14ac:dyDescent="0.3">
      <c r="A31247" s="13" t="s">
        <v>194</v>
      </c>
      <c r="B31247" s="14" t="s">
        <v>1</v>
      </c>
      <c r="C31247" s="14" t="s">
        <v>35</v>
      </c>
      <c r="D31247" s="14" t="s">
        <v>195</v>
      </c>
      <c r="E31247" s="15">
        <v>45598</v>
      </c>
      <c r="F31247" s="14" t="s">
        <v>25</v>
      </c>
      <c r="G31247" s="16">
        <v>0</v>
      </c>
    </row>
    <row r="31248" spans="1:7" x14ac:dyDescent="0.3">
      <c r="A31248" s="13" t="s">
        <v>194</v>
      </c>
      <c r="B31248" s="14" t="s">
        <v>1</v>
      </c>
      <c r="C31248" s="14" t="s">
        <v>35</v>
      </c>
      <c r="D31248" s="14" t="s">
        <v>195</v>
      </c>
      <c r="E31248" s="15">
        <v>45599</v>
      </c>
      <c r="F31248" s="14" t="s">
        <v>25</v>
      </c>
      <c r="G31248" s="16">
        <v>0</v>
      </c>
    </row>
    <row r="31249" spans="1:7" x14ac:dyDescent="0.3">
      <c r="A31249" s="13" t="s">
        <v>194</v>
      </c>
      <c r="B31249" s="14" t="s">
        <v>1</v>
      </c>
      <c r="C31249" s="14" t="s">
        <v>35</v>
      </c>
      <c r="D31249" s="14" t="s">
        <v>195</v>
      </c>
      <c r="E31249" s="15">
        <v>45600</v>
      </c>
      <c r="F31249" s="14" t="s">
        <v>25</v>
      </c>
      <c r="G31249" s="16">
        <v>0</v>
      </c>
    </row>
    <row r="31250" spans="1:7" x14ac:dyDescent="0.3">
      <c r="A31250" s="13" t="s">
        <v>194</v>
      </c>
      <c r="B31250" s="14" t="s">
        <v>1</v>
      </c>
      <c r="C31250" s="14" t="s">
        <v>35</v>
      </c>
      <c r="D31250" s="14" t="s">
        <v>195</v>
      </c>
      <c r="E31250" s="15">
        <v>45601</v>
      </c>
      <c r="F31250" s="14" t="s">
        <v>25</v>
      </c>
      <c r="G31250" s="16">
        <v>0</v>
      </c>
    </row>
    <row r="31251" spans="1:7" x14ac:dyDescent="0.3">
      <c r="A31251" s="13" t="s">
        <v>194</v>
      </c>
      <c r="B31251" s="14" t="s">
        <v>1</v>
      </c>
      <c r="C31251" s="14" t="s">
        <v>35</v>
      </c>
      <c r="D31251" s="14" t="s">
        <v>195</v>
      </c>
      <c r="E31251" s="15">
        <v>45602</v>
      </c>
      <c r="F31251" s="14" t="s">
        <v>25</v>
      </c>
      <c r="G31251" s="16">
        <v>0</v>
      </c>
    </row>
    <row r="31252" spans="1:7" x14ac:dyDescent="0.3">
      <c r="A31252" s="13" t="s">
        <v>194</v>
      </c>
      <c r="B31252" s="14" t="s">
        <v>1</v>
      </c>
      <c r="C31252" s="14" t="s">
        <v>35</v>
      </c>
      <c r="D31252" s="14" t="s">
        <v>195</v>
      </c>
      <c r="E31252" s="15">
        <v>45603</v>
      </c>
      <c r="F31252" s="14" t="s">
        <v>25</v>
      </c>
      <c r="G31252" s="16">
        <v>0</v>
      </c>
    </row>
    <row r="31253" spans="1:7" x14ac:dyDescent="0.3">
      <c r="A31253" s="13" t="s">
        <v>194</v>
      </c>
      <c r="B31253" s="14" t="s">
        <v>1</v>
      </c>
      <c r="C31253" s="14" t="s">
        <v>35</v>
      </c>
      <c r="D31253" s="14" t="s">
        <v>195</v>
      </c>
      <c r="E31253" s="15">
        <v>45604</v>
      </c>
      <c r="F31253" s="14" t="s">
        <v>25</v>
      </c>
      <c r="G31253" s="16">
        <v>0</v>
      </c>
    </row>
    <row r="31254" spans="1:7" x14ac:dyDescent="0.3">
      <c r="A31254" s="13" t="s">
        <v>194</v>
      </c>
      <c r="B31254" s="14" t="s">
        <v>1</v>
      </c>
      <c r="C31254" s="14" t="s">
        <v>35</v>
      </c>
      <c r="D31254" s="14" t="s">
        <v>195</v>
      </c>
      <c r="E31254" s="15">
        <v>45605</v>
      </c>
      <c r="F31254" s="14" t="s">
        <v>25</v>
      </c>
      <c r="G31254" s="16">
        <v>0</v>
      </c>
    </row>
    <row r="31255" spans="1:7" x14ac:dyDescent="0.3">
      <c r="A31255" s="13" t="s">
        <v>194</v>
      </c>
      <c r="B31255" s="14" t="s">
        <v>1</v>
      </c>
      <c r="C31255" s="14" t="s">
        <v>35</v>
      </c>
      <c r="D31255" s="14" t="s">
        <v>195</v>
      </c>
      <c r="E31255" s="15">
        <v>45606</v>
      </c>
      <c r="F31255" s="14" t="s">
        <v>25</v>
      </c>
      <c r="G31255" s="16">
        <v>0</v>
      </c>
    </row>
    <row r="31256" spans="1:7" x14ac:dyDescent="0.3">
      <c r="A31256" s="13" t="s">
        <v>194</v>
      </c>
      <c r="B31256" s="14" t="s">
        <v>1</v>
      </c>
      <c r="C31256" s="14" t="s">
        <v>35</v>
      </c>
      <c r="D31256" s="14" t="s">
        <v>195</v>
      </c>
      <c r="E31256" s="15">
        <v>45607</v>
      </c>
      <c r="F31256" s="14" t="s">
        <v>25</v>
      </c>
      <c r="G31256" s="16">
        <v>0</v>
      </c>
    </row>
    <row r="31257" spans="1:7" x14ac:dyDescent="0.3">
      <c r="A31257" s="13" t="s">
        <v>194</v>
      </c>
      <c r="B31257" s="14" t="s">
        <v>1</v>
      </c>
      <c r="C31257" s="14" t="s">
        <v>35</v>
      </c>
      <c r="D31257" s="14" t="s">
        <v>195</v>
      </c>
      <c r="E31257" s="15">
        <v>45608</v>
      </c>
      <c r="F31257" s="14" t="s">
        <v>25</v>
      </c>
      <c r="G31257" s="16">
        <v>0</v>
      </c>
    </row>
    <row r="31258" spans="1:7" x14ac:dyDescent="0.3">
      <c r="A31258" s="13" t="s">
        <v>194</v>
      </c>
      <c r="B31258" s="14" t="s">
        <v>1</v>
      </c>
      <c r="C31258" s="14" t="s">
        <v>35</v>
      </c>
      <c r="D31258" s="14" t="s">
        <v>195</v>
      </c>
      <c r="E31258" s="15">
        <v>45609</v>
      </c>
      <c r="F31258" s="14" t="s">
        <v>25</v>
      </c>
      <c r="G31258" s="16">
        <v>0</v>
      </c>
    </row>
    <row r="31259" spans="1:7" x14ac:dyDescent="0.3">
      <c r="A31259" s="13" t="s">
        <v>194</v>
      </c>
      <c r="B31259" s="14" t="s">
        <v>1</v>
      </c>
      <c r="C31259" s="14" t="s">
        <v>35</v>
      </c>
      <c r="D31259" s="14" t="s">
        <v>195</v>
      </c>
      <c r="E31259" s="15">
        <v>45610</v>
      </c>
      <c r="F31259" s="14" t="s">
        <v>25</v>
      </c>
      <c r="G31259" s="16">
        <v>0</v>
      </c>
    </row>
    <row r="31260" spans="1:7" x14ac:dyDescent="0.3">
      <c r="A31260" s="13" t="s">
        <v>194</v>
      </c>
      <c r="B31260" s="14" t="s">
        <v>1</v>
      </c>
      <c r="C31260" s="14" t="s">
        <v>35</v>
      </c>
      <c r="D31260" s="14" t="s">
        <v>195</v>
      </c>
      <c r="E31260" s="15">
        <v>45611</v>
      </c>
      <c r="F31260" s="14" t="s">
        <v>25</v>
      </c>
      <c r="G31260" s="16">
        <v>0</v>
      </c>
    </row>
    <row r="31261" spans="1:7" x14ac:dyDescent="0.3">
      <c r="A31261" s="13" t="s">
        <v>194</v>
      </c>
      <c r="B31261" s="14" t="s">
        <v>1</v>
      </c>
      <c r="C31261" s="14" t="s">
        <v>35</v>
      </c>
      <c r="D31261" s="14" t="s">
        <v>195</v>
      </c>
      <c r="E31261" s="15">
        <v>45612</v>
      </c>
      <c r="F31261" s="14" t="s">
        <v>25</v>
      </c>
      <c r="G31261" s="16">
        <v>0</v>
      </c>
    </row>
    <row r="31262" spans="1:7" x14ac:dyDescent="0.3">
      <c r="A31262" s="13" t="s">
        <v>194</v>
      </c>
      <c r="B31262" s="14" t="s">
        <v>1</v>
      </c>
      <c r="C31262" s="14" t="s">
        <v>35</v>
      </c>
      <c r="D31262" s="14" t="s">
        <v>195</v>
      </c>
      <c r="E31262" s="15">
        <v>45613</v>
      </c>
      <c r="F31262" s="14" t="s">
        <v>25</v>
      </c>
      <c r="G31262" s="16">
        <v>0</v>
      </c>
    </row>
    <row r="31263" spans="1:7" x14ac:dyDescent="0.3">
      <c r="A31263" s="13" t="s">
        <v>194</v>
      </c>
      <c r="B31263" s="14" t="s">
        <v>1</v>
      </c>
      <c r="C31263" s="14" t="s">
        <v>35</v>
      </c>
      <c r="D31263" s="14" t="s">
        <v>195</v>
      </c>
      <c r="E31263" s="15">
        <v>45614</v>
      </c>
      <c r="F31263" s="14" t="s">
        <v>25</v>
      </c>
      <c r="G31263" s="16">
        <v>0</v>
      </c>
    </row>
    <row r="31264" spans="1:7" x14ac:dyDescent="0.3">
      <c r="A31264" s="13" t="s">
        <v>194</v>
      </c>
      <c r="B31264" s="14" t="s">
        <v>1</v>
      </c>
      <c r="C31264" s="14" t="s">
        <v>35</v>
      </c>
      <c r="D31264" s="14" t="s">
        <v>195</v>
      </c>
      <c r="E31264" s="15">
        <v>45615</v>
      </c>
      <c r="F31264" s="14" t="s">
        <v>25</v>
      </c>
      <c r="G31264" s="16">
        <v>0</v>
      </c>
    </row>
    <row r="31265" spans="1:7" x14ac:dyDescent="0.3">
      <c r="A31265" s="13" t="s">
        <v>194</v>
      </c>
      <c r="B31265" s="14" t="s">
        <v>1</v>
      </c>
      <c r="C31265" s="14" t="s">
        <v>35</v>
      </c>
      <c r="D31265" s="14" t="s">
        <v>195</v>
      </c>
      <c r="E31265" s="15">
        <v>45616</v>
      </c>
      <c r="F31265" s="14" t="s">
        <v>25</v>
      </c>
      <c r="G31265" s="16">
        <v>0</v>
      </c>
    </row>
    <row r="31266" spans="1:7" x14ac:dyDescent="0.3">
      <c r="A31266" s="13" t="s">
        <v>194</v>
      </c>
      <c r="B31266" s="14" t="s">
        <v>1</v>
      </c>
      <c r="C31266" s="14" t="s">
        <v>35</v>
      </c>
      <c r="D31266" s="14" t="s">
        <v>195</v>
      </c>
      <c r="E31266" s="15">
        <v>45617</v>
      </c>
      <c r="F31266" s="14" t="s">
        <v>25</v>
      </c>
      <c r="G31266" s="16">
        <v>0</v>
      </c>
    </row>
    <row r="31267" spans="1:7" x14ac:dyDescent="0.3">
      <c r="A31267" s="13" t="s">
        <v>194</v>
      </c>
      <c r="B31267" s="14" t="s">
        <v>1</v>
      </c>
      <c r="C31267" s="14" t="s">
        <v>35</v>
      </c>
      <c r="D31267" s="14" t="s">
        <v>195</v>
      </c>
      <c r="E31267" s="15">
        <v>45618</v>
      </c>
      <c r="F31267" s="14" t="s">
        <v>25</v>
      </c>
      <c r="G31267" s="16">
        <v>0</v>
      </c>
    </row>
    <row r="31268" spans="1:7" x14ac:dyDescent="0.3">
      <c r="A31268" s="13" t="s">
        <v>194</v>
      </c>
      <c r="B31268" s="14" t="s">
        <v>1</v>
      </c>
      <c r="C31268" s="14" t="s">
        <v>35</v>
      </c>
      <c r="D31268" s="14" t="s">
        <v>195</v>
      </c>
      <c r="E31268" s="15">
        <v>45619</v>
      </c>
      <c r="F31268" s="14" t="s">
        <v>25</v>
      </c>
      <c r="G31268" s="16">
        <v>0</v>
      </c>
    </row>
    <row r="31269" spans="1:7" x14ac:dyDescent="0.3">
      <c r="A31269" s="13" t="s">
        <v>194</v>
      </c>
      <c r="B31269" s="14" t="s">
        <v>1</v>
      </c>
      <c r="C31269" s="14" t="s">
        <v>35</v>
      </c>
      <c r="D31269" s="14" t="s">
        <v>195</v>
      </c>
      <c r="E31269" s="15">
        <v>45620</v>
      </c>
      <c r="F31269" s="14" t="s">
        <v>25</v>
      </c>
      <c r="G31269" s="16">
        <v>0</v>
      </c>
    </row>
    <row r="31270" spans="1:7" x14ac:dyDescent="0.3">
      <c r="A31270" s="13" t="s">
        <v>194</v>
      </c>
      <c r="B31270" s="14" t="s">
        <v>1</v>
      </c>
      <c r="C31270" s="14" t="s">
        <v>35</v>
      </c>
      <c r="D31270" s="14" t="s">
        <v>195</v>
      </c>
      <c r="E31270" s="15">
        <v>45621</v>
      </c>
      <c r="F31270" s="14" t="s">
        <v>25</v>
      </c>
      <c r="G31270" s="16">
        <v>0</v>
      </c>
    </row>
    <row r="31271" spans="1:7" x14ac:dyDescent="0.3">
      <c r="A31271" s="13" t="s">
        <v>194</v>
      </c>
      <c r="B31271" s="14" t="s">
        <v>1</v>
      </c>
      <c r="C31271" s="14" t="s">
        <v>35</v>
      </c>
      <c r="D31271" s="14" t="s">
        <v>195</v>
      </c>
      <c r="E31271" s="15">
        <v>45622</v>
      </c>
      <c r="F31271" s="14" t="s">
        <v>25</v>
      </c>
      <c r="G31271" s="16">
        <v>0</v>
      </c>
    </row>
    <row r="31272" spans="1:7" x14ac:dyDescent="0.3">
      <c r="A31272" s="13" t="s">
        <v>194</v>
      </c>
      <c r="B31272" s="14" t="s">
        <v>1</v>
      </c>
      <c r="C31272" s="14" t="s">
        <v>35</v>
      </c>
      <c r="D31272" s="14" t="s">
        <v>195</v>
      </c>
      <c r="E31272" s="15">
        <v>45623</v>
      </c>
      <c r="F31272" s="14" t="s">
        <v>25</v>
      </c>
      <c r="G31272" s="16">
        <v>0</v>
      </c>
    </row>
    <row r="31273" spans="1:7" x14ac:dyDescent="0.3">
      <c r="A31273" s="13" t="s">
        <v>194</v>
      </c>
      <c r="B31273" s="14" t="s">
        <v>1</v>
      </c>
      <c r="C31273" s="14" t="s">
        <v>35</v>
      </c>
      <c r="D31273" s="14" t="s">
        <v>195</v>
      </c>
      <c r="E31273" s="15">
        <v>45624</v>
      </c>
      <c r="F31273" s="14" t="s">
        <v>25</v>
      </c>
      <c r="G31273" s="16">
        <v>0</v>
      </c>
    </row>
    <row r="31274" spans="1:7" x14ac:dyDescent="0.3">
      <c r="A31274" s="13" t="s">
        <v>194</v>
      </c>
      <c r="B31274" s="14" t="s">
        <v>1</v>
      </c>
      <c r="C31274" s="14" t="s">
        <v>35</v>
      </c>
      <c r="D31274" s="14" t="s">
        <v>195</v>
      </c>
      <c r="E31274" s="15">
        <v>45625</v>
      </c>
      <c r="F31274" s="14" t="s">
        <v>25</v>
      </c>
      <c r="G31274" s="16">
        <v>0</v>
      </c>
    </row>
    <row r="31275" spans="1:7" x14ac:dyDescent="0.3">
      <c r="A31275" s="13" t="s">
        <v>194</v>
      </c>
      <c r="B31275" s="14" t="s">
        <v>1</v>
      </c>
      <c r="C31275" s="14" t="s">
        <v>35</v>
      </c>
      <c r="D31275" s="14" t="s">
        <v>195</v>
      </c>
      <c r="E31275" s="15">
        <v>45626</v>
      </c>
      <c r="F31275" s="14" t="s">
        <v>25</v>
      </c>
      <c r="G31275" s="16">
        <v>0</v>
      </c>
    </row>
    <row r="31276" spans="1:7" x14ac:dyDescent="0.3">
      <c r="A31276" s="13" t="s">
        <v>194</v>
      </c>
      <c r="B31276" s="14" t="s">
        <v>1</v>
      </c>
      <c r="C31276" s="14" t="s">
        <v>35</v>
      </c>
      <c r="D31276" s="14" t="s">
        <v>195</v>
      </c>
      <c r="E31276" s="15">
        <v>45627</v>
      </c>
      <c r="F31276" s="14" t="s">
        <v>25</v>
      </c>
      <c r="G31276" s="16">
        <v>0</v>
      </c>
    </row>
    <row r="31277" spans="1:7" x14ac:dyDescent="0.3">
      <c r="A31277" s="13" t="s">
        <v>194</v>
      </c>
      <c r="B31277" s="14" t="s">
        <v>1</v>
      </c>
      <c r="C31277" s="14" t="s">
        <v>35</v>
      </c>
      <c r="D31277" s="14" t="s">
        <v>195</v>
      </c>
      <c r="E31277" s="15">
        <v>45628</v>
      </c>
      <c r="F31277" s="14" t="s">
        <v>25</v>
      </c>
      <c r="G31277" s="16">
        <v>0</v>
      </c>
    </row>
    <row r="31278" spans="1:7" x14ac:dyDescent="0.3">
      <c r="A31278" s="13" t="s">
        <v>194</v>
      </c>
      <c r="B31278" s="14" t="s">
        <v>1</v>
      </c>
      <c r="C31278" s="14" t="s">
        <v>35</v>
      </c>
      <c r="D31278" s="14" t="s">
        <v>195</v>
      </c>
      <c r="E31278" s="15">
        <v>45629</v>
      </c>
      <c r="F31278" s="14" t="s">
        <v>25</v>
      </c>
      <c r="G31278" s="16">
        <v>0</v>
      </c>
    </row>
    <row r="31279" spans="1:7" x14ac:dyDescent="0.3">
      <c r="A31279" s="13" t="s">
        <v>194</v>
      </c>
      <c r="B31279" s="14" t="s">
        <v>1</v>
      </c>
      <c r="C31279" s="14" t="s">
        <v>35</v>
      </c>
      <c r="D31279" s="14" t="s">
        <v>195</v>
      </c>
      <c r="E31279" s="15">
        <v>45630</v>
      </c>
      <c r="F31279" s="14" t="s">
        <v>25</v>
      </c>
      <c r="G31279" s="16">
        <v>0</v>
      </c>
    </row>
    <row r="31280" spans="1:7" x14ac:dyDescent="0.3">
      <c r="A31280" s="13" t="s">
        <v>194</v>
      </c>
      <c r="B31280" s="14" t="s">
        <v>1</v>
      </c>
      <c r="C31280" s="14" t="s">
        <v>35</v>
      </c>
      <c r="D31280" s="14" t="s">
        <v>195</v>
      </c>
      <c r="E31280" s="15">
        <v>45631</v>
      </c>
      <c r="F31280" s="14" t="s">
        <v>25</v>
      </c>
      <c r="G31280" s="16">
        <v>0</v>
      </c>
    </row>
    <row r="31281" spans="1:7" x14ac:dyDescent="0.3">
      <c r="A31281" s="13" t="s">
        <v>194</v>
      </c>
      <c r="B31281" s="14" t="s">
        <v>1</v>
      </c>
      <c r="C31281" s="14" t="s">
        <v>35</v>
      </c>
      <c r="D31281" s="14" t="s">
        <v>195</v>
      </c>
      <c r="E31281" s="15">
        <v>45632</v>
      </c>
      <c r="F31281" s="14" t="s">
        <v>25</v>
      </c>
      <c r="G31281" s="16">
        <v>0</v>
      </c>
    </row>
    <row r="31282" spans="1:7" x14ac:dyDescent="0.3">
      <c r="A31282" s="13" t="s">
        <v>194</v>
      </c>
      <c r="B31282" s="14" t="s">
        <v>1</v>
      </c>
      <c r="C31282" s="14" t="s">
        <v>35</v>
      </c>
      <c r="D31282" s="14" t="s">
        <v>195</v>
      </c>
      <c r="E31282" s="15">
        <v>45633</v>
      </c>
      <c r="F31282" s="14" t="s">
        <v>25</v>
      </c>
      <c r="G31282" s="16">
        <v>0</v>
      </c>
    </row>
    <row r="31283" spans="1:7" x14ac:dyDescent="0.3">
      <c r="A31283" s="13" t="s">
        <v>194</v>
      </c>
      <c r="B31283" s="14" t="s">
        <v>1</v>
      </c>
      <c r="C31283" s="14" t="s">
        <v>35</v>
      </c>
      <c r="D31283" s="14" t="s">
        <v>195</v>
      </c>
      <c r="E31283" s="15">
        <v>45634</v>
      </c>
      <c r="F31283" s="14" t="s">
        <v>25</v>
      </c>
      <c r="G31283" s="16">
        <v>0</v>
      </c>
    </row>
    <row r="31284" spans="1:7" x14ac:dyDescent="0.3">
      <c r="A31284" s="13" t="s">
        <v>194</v>
      </c>
      <c r="B31284" s="14" t="s">
        <v>1</v>
      </c>
      <c r="C31284" s="14" t="s">
        <v>35</v>
      </c>
      <c r="D31284" s="14" t="s">
        <v>195</v>
      </c>
      <c r="E31284" s="15">
        <v>45635</v>
      </c>
      <c r="F31284" s="14" t="s">
        <v>25</v>
      </c>
      <c r="G31284" s="16">
        <v>0</v>
      </c>
    </row>
    <row r="31285" spans="1:7" x14ac:dyDescent="0.3">
      <c r="A31285" s="13" t="s">
        <v>194</v>
      </c>
      <c r="B31285" s="14" t="s">
        <v>1</v>
      </c>
      <c r="C31285" s="14" t="s">
        <v>35</v>
      </c>
      <c r="D31285" s="14" t="s">
        <v>195</v>
      </c>
      <c r="E31285" s="15">
        <v>45636</v>
      </c>
      <c r="F31285" s="14" t="s">
        <v>25</v>
      </c>
      <c r="G31285" s="16">
        <v>0</v>
      </c>
    </row>
    <row r="31286" spans="1:7" x14ac:dyDescent="0.3">
      <c r="A31286" s="13" t="s">
        <v>194</v>
      </c>
      <c r="B31286" s="14" t="s">
        <v>1</v>
      </c>
      <c r="C31286" s="14" t="s">
        <v>35</v>
      </c>
      <c r="D31286" s="14" t="s">
        <v>195</v>
      </c>
      <c r="E31286" s="15">
        <v>45637</v>
      </c>
      <c r="F31286" s="14" t="s">
        <v>25</v>
      </c>
      <c r="G31286" s="16">
        <v>0</v>
      </c>
    </row>
    <row r="31287" spans="1:7" x14ac:dyDescent="0.3">
      <c r="A31287" s="13" t="s">
        <v>194</v>
      </c>
      <c r="B31287" s="14" t="s">
        <v>1</v>
      </c>
      <c r="C31287" s="14" t="s">
        <v>35</v>
      </c>
      <c r="D31287" s="14" t="s">
        <v>195</v>
      </c>
      <c r="E31287" s="15">
        <v>45638</v>
      </c>
      <c r="F31287" s="14" t="s">
        <v>25</v>
      </c>
      <c r="G31287" s="16">
        <v>0</v>
      </c>
    </row>
    <row r="31288" spans="1:7" x14ac:dyDescent="0.3">
      <c r="A31288" s="13" t="s">
        <v>194</v>
      </c>
      <c r="B31288" s="14" t="s">
        <v>1</v>
      </c>
      <c r="C31288" s="14" t="s">
        <v>35</v>
      </c>
      <c r="D31288" s="14" t="s">
        <v>195</v>
      </c>
      <c r="E31288" s="15">
        <v>45639</v>
      </c>
      <c r="F31288" s="14" t="s">
        <v>25</v>
      </c>
      <c r="G31288" s="16">
        <v>0</v>
      </c>
    </row>
    <row r="31289" spans="1:7" x14ac:dyDescent="0.3">
      <c r="A31289" s="13" t="s">
        <v>194</v>
      </c>
      <c r="B31289" s="14" t="s">
        <v>1</v>
      </c>
      <c r="C31289" s="14" t="s">
        <v>35</v>
      </c>
      <c r="D31289" s="14" t="s">
        <v>195</v>
      </c>
      <c r="E31289" s="15">
        <v>45640</v>
      </c>
      <c r="F31289" s="14" t="s">
        <v>25</v>
      </c>
      <c r="G31289" s="16">
        <v>0</v>
      </c>
    </row>
    <row r="31290" spans="1:7" x14ac:dyDescent="0.3">
      <c r="A31290" s="13" t="s">
        <v>194</v>
      </c>
      <c r="B31290" s="14" t="s">
        <v>1</v>
      </c>
      <c r="C31290" s="14" t="s">
        <v>35</v>
      </c>
      <c r="D31290" s="14" t="s">
        <v>195</v>
      </c>
      <c r="E31290" s="15">
        <v>45641</v>
      </c>
      <c r="F31290" s="14" t="s">
        <v>25</v>
      </c>
      <c r="G31290" s="16">
        <v>0</v>
      </c>
    </row>
    <row r="31291" spans="1:7" x14ac:dyDescent="0.3">
      <c r="A31291" s="13" t="s">
        <v>194</v>
      </c>
      <c r="B31291" s="14" t="s">
        <v>1</v>
      </c>
      <c r="C31291" s="14" t="s">
        <v>35</v>
      </c>
      <c r="D31291" s="14" t="s">
        <v>195</v>
      </c>
      <c r="E31291" s="15">
        <v>45642</v>
      </c>
      <c r="F31291" s="14" t="s">
        <v>25</v>
      </c>
      <c r="G31291" s="16">
        <v>0</v>
      </c>
    </row>
    <row r="31292" spans="1:7" x14ac:dyDescent="0.3">
      <c r="A31292" s="13" t="s">
        <v>194</v>
      </c>
      <c r="B31292" s="14" t="s">
        <v>1</v>
      </c>
      <c r="C31292" s="14" t="s">
        <v>35</v>
      </c>
      <c r="D31292" s="14" t="s">
        <v>195</v>
      </c>
      <c r="E31292" s="15">
        <v>45643</v>
      </c>
      <c r="F31292" s="14" t="s">
        <v>25</v>
      </c>
      <c r="G31292" s="16">
        <v>0</v>
      </c>
    </row>
    <row r="31293" spans="1:7" x14ac:dyDescent="0.3">
      <c r="A31293" s="13" t="s">
        <v>194</v>
      </c>
      <c r="B31293" s="14" t="s">
        <v>1</v>
      </c>
      <c r="C31293" s="14" t="s">
        <v>35</v>
      </c>
      <c r="D31293" s="14" t="s">
        <v>195</v>
      </c>
      <c r="E31293" s="15">
        <v>45644</v>
      </c>
      <c r="F31293" s="14" t="s">
        <v>25</v>
      </c>
      <c r="G31293" s="16">
        <v>0</v>
      </c>
    </row>
    <row r="31294" spans="1:7" x14ac:dyDescent="0.3">
      <c r="A31294" s="13" t="s">
        <v>194</v>
      </c>
      <c r="B31294" s="14" t="s">
        <v>1</v>
      </c>
      <c r="C31294" s="14" t="s">
        <v>35</v>
      </c>
      <c r="D31294" s="14" t="s">
        <v>195</v>
      </c>
      <c r="E31294" s="15">
        <v>45645</v>
      </c>
      <c r="F31294" s="14" t="s">
        <v>25</v>
      </c>
      <c r="G31294" s="16">
        <v>0</v>
      </c>
    </row>
    <row r="31295" spans="1:7" x14ac:dyDescent="0.3">
      <c r="A31295" s="13" t="s">
        <v>194</v>
      </c>
      <c r="B31295" s="14" t="s">
        <v>1</v>
      </c>
      <c r="C31295" s="14" t="s">
        <v>35</v>
      </c>
      <c r="D31295" s="14" t="s">
        <v>195</v>
      </c>
      <c r="E31295" s="15">
        <v>45646</v>
      </c>
      <c r="F31295" s="14" t="s">
        <v>25</v>
      </c>
      <c r="G31295" s="16">
        <v>0</v>
      </c>
    </row>
    <row r="31296" spans="1:7" x14ac:dyDescent="0.3">
      <c r="A31296" s="13" t="s">
        <v>194</v>
      </c>
      <c r="B31296" s="14" t="s">
        <v>1</v>
      </c>
      <c r="C31296" s="14" t="s">
        <v>35</v>
      </c>
      <c r="D31296" s="14" t="s">
        <v>195</v>
      </c>
      <c r="E31296" s="15">
        <v>45647</v>
      </c>
      <c r="F31296" s="14" t="s">
        <v>25</v>
      </c>
      <c r="G31296" s="16">
        <v>0</v>
      </c>
    </row>
    <row r="31297" spans="1:7" x14ac:dyDescent="0.3">
      <c r="A31297" s="13" t="s">
        <v>194</v>
      </c>
      <c r="B31297" s="14" t="s">
        <v>1</v>
      </c>
      <c r="C31297" s="14" t="s">
        <v>35</v>
      </c>
      <c r="D31297" s="14" t="s">
        <v>195</v>
      </c>
      <c r="E31297" s="15">
        <v>45648</v>
      </c>
      <c r="F31297" s="14" t="s">
        <v>25</v>
      </c>
      <c r="G31297" s="16">
        <v>0</v>
      </c>
    </row>
    <row r="31298" spans="1:7" x14ac:dyDescent="0.3">
      <c r="A31298" s="13" t="s">
        <v>194</v>
      </c>
      <c r="B31298" s="14" t="s">
        <v>1</v>
      </c>
      <c r="C31298" s="14" t="s">
        <v>35</v>
      </c>
      <c r="D31298" s="14" t="s">
        <v>195</v>
      </c>
      <c r="E31298" s="15">
        <v>45649</v>
      </c>
      <c r="F31298" s="14" t="s">
        <v>25</v>
      </c>
      <c r="G31298" s="16">
        <v>0</v>
      </c>
    </row>
    <row r="31299" spans="1:7" x14ac:dyDescent="0.3">
      <c r="A31299" s="13" t="s">
        <v>194</v>
      </c>
      <c r="B31299" s="14" t="s">
        <v>1</v>
      </c>
      <c r="C31299" s="14" t="s">
        <v>35</v>
      </c>
      <c r="D31299" s="14" t="s">
        <v>195</v>
      </c>
      <c r="E31299" s="15">
        <v>45650</v>
      </c>
      <c r="F31299" s="14" t="s">
        <v>25</v>
      </c>
      <c r="G31299" s="16">
        <v>0</v>
      </c>
    </row>
    <row r="31300" spans="1:7" x14ac:dyDescent="0.3">
      <c r="A31300" s="13" t="s">
        <v>194</v>
      </c>
      <c r="B31300" s="14" t="s">
        <v>1</v>
      </c>
      <c r="C31300" s="14" t="s">
        <v>35</v>
      </c>
      <c r="D31300" s="14" t="s">
        <v>195</v>
      </c>
      <c r="E31300" s="15">
        <v>45651</v>
      </c>
      <c r="F31300" s="14" t="s">
        <v>25</v>
      </c>
      <c r="G31300" s="16">
        <v>0</v>
      </c>
    </row>
    <row r="31301" spans="1:7" x14ac:dyDescent="0.3">
      <c r="A31301" s="13" t="s">
        <v>194</v>
      </c>
      <c r="B31301" s="14" t="s">
        <v>1</v>
      </c>
      <c r="C31301" s="14" t="s">
        <v>35</v>
      </c>
      <c r="D31301" s="14" t="s">
        <v>195</v>
      </c>
      <c r="E31301" s="15">
        <v>45652</v>
      </c>
      <c r="F31301" s="14" t="s">
        <v>25</v>
      </c>
      <c r="G31301" s="16">
        <v>0</v>
      </c>
    </row>
    <row r="31302" spans="1:7" x14ac:dyDescent="0.3">
      <c r="A31302" s="13" t="s">
        <v>194</v>
      </c>
      <c r="B31302" s="14" t="s">
        <v>1</v>
      </c>
      <c r="C31302" s="14" t="s">
        <v>35</v>
      </c>
      <c r="D31302" s="14" t="s">
        <v>195</v>
      </c>
      <c r="E31302" s="15">
        <v>45653</v>
      </c>
      <c r="F31302" s="14" t="s">
        <v>25</v>
      </c>
      <c r="G31302" s="16">
        <v>0</v>
      </c>
    </row>
    <row r="31303" spans="1:7" x14ac:dyDescent="0.3">
      <c r="A31303" s="13" t="s">
        <v>194</v>
      </c>
      <c r="B31303" s="14" t="s">
        <v>1</v>
      </c>
      <c r="C31303" s="14" t="s">
        <v>35</v>
      </c>
      <c r="D31303" s="14" t="s">
        <v>195</v>
      </c>
      <c r="E31303" s="15">
        <v>45654</v>
      </c>
      <c r="F31303" s="14" t="s">
        <v>25</v>
      </c>
      <c r="G31303" s="16">
        <v>0</v>
      </c>
    </row>
    <row r="31304" spans="1:7" x14ac:dyDescent="0.3">
      <c r="A31304" s="13" t="s">
        <v>194</v>
      </c>
      <c r="B31304" s="14" t="s">
        <v>1</v>
      </c>
      <c r="C31304" s="14" t="s">
        <v>35</v>
      </c>
      <c r="D31304" s="14" t="s">
        <v>195</v>
      </c>
      <c r="E31304" s="15">
        <v>45655</v>
      </c>
      <c r="F31304" s="14" t="s">
        <v>25</v>
      </c>
      <c r="G31304" s="16">
        <v>0</v>
      </c>
    </row>
    <row r="31305" spans="1:7" x14ac:dyDescent="0.3">
      <c r="A31305" s="13" t="s">
        <v>194</v>
      </c>
      <c r="B31305" s="14" t="s">
        <v>1</v>
      </c>
      <c r="C31305" s="14" t="s">
        <v>35</v>
      </c>
      <c r="D31305" s="14" t="s">
        <v>195</v>
      </c>
      <c r="E31305" s="15">
        <v>45656</v>
      </c>
      <c r="F31305" s="14" t="s">
        <v>25</v>
      </c>
      <c r="G31305" s="16">
        <v>0</v>
      </c>
    </row>
    <row r="31306" spans="1:7" x14ac:dyDescent="0.3">
      <c r="A31306" s="13" t="s">
        <v>194</v>
      </c>
      <c r="B31306" s="14" t="s">
        <v>1</v>
      </c>
      <c r="C31306" s="14" t="s">
        <v>35</v>
      </c>
      <c r="D31306" s="14" t="s">
        <v>195</v>
      </c>
      <c r="E31306" s="15">
        <v>45657</v>
      </c>
      <c r="F31306" s="14" t="s">
        <v>25</v>
      </c>
      <c r="G31306" s="16">
        <v>0</v>
      </c>
    </row>
    <row r="31307" spans="1:7" x14ac:dyDescent="0.3">
      <c r="A31307" s="13" t="s">
        <v>194</v>
      </c>
      <c r="B31307" s="14" t="s">
        <v>1</v>
      </c>
      <c r="C31307" s="14" t="s">
        <v>35</v>
      </c>
      <c r="D31307" s="14" t="s">
        <v>195</v>
      </c>
      <c r="E31307" s="15">
        <v>45658</v>
      </c>
      <c r="F31307" s="14" t="s">
        <v>25</v>
      </c>
      <c r="G31307" s="16">
        <v>0</v>
      </c>
    </row>
    <row r="31308" spans="1:7" x14ac:dyDescent="0.3">
      <c r="A31308" s="13" t="s">
        <v>194</v>
      </c>
      <c r="B31308" s="14" t="s">
        <v>1</v>
      </c>
      <c r="C31308" s="14" t="s">
        <v>35</v>
      </c>
      <c r="D31308" s="14" t="s">
        <v>195</v>
      </c>
      <c r="E31308" s="15">
        <v>45659</v>
      </c>
      <c r="F31308" s="14" t="s">
        <v>25</v>
      </c>
      <c r="G31308" s="16">
        <v>0</v>
      </c>
    </row>
    <row r="31309" spans="1:7" x14ac:dyDescent="0.3">
      <c r="A31309" s="13" t="s">
        <v>194</v>
      </c>
      <c r="B31309" s="14" t="s">
        <v>1</v>
      </c>
      <c r="C31309" s="14" t="s">
        <v>35</v>
      </c>
      <c r="D31309" s="14" t="s">
        <v>195</v>
      </c>
      <c r="E31309" s="15">
        <v>45660</v>
      </c>
      <c r="F31309" s="14" t="s">
        <v>25</v>
      </c>
      <c r="G31309" s="16">
        <v>0</v>
      </c>
    </row>
    <row r="31310" spans="1:7" x14ac:dyDescent="0.3">
      <c r="A31310" s="13" t="s">
        <v>194</v>
      </c>
      <c r="B31310" s="14" t="s">
        <v>1</v>
      </c>
      <c r="C31310" s="14" t="s">
        <v>35</v>
      </c>
      <c r="D31310" s="14" t="s">
        <v>195</v>
      </c>
      <c r="E31310" s="15">
        <v>45661</v>
      </c>
      <c r="F31310" s="14" t="s">
        <v>25</v>
      </c>
      <c r="G31310" s="16">
        <v>0</v>
      </c>
    </row>
    <row r="31311" spans="1:7" x14ac:dyDescent="0.3">
      <c r="A31311" s="13" t="s">
        <v>194</v>
      </c>
      <c r="B31311" s="14" t="s">
        <v>1</v>
      </c>
      <c r="C31311" s="14" t="s">
        <v>35</v>
      </c>
      <c r="D31311" s="14" t="s">
        <v>195</v>
      </c>
      <c r="E31311" s="15">
        <v>45662</v>
      </c>
      <c r="F31311" s="14" t="s">
        <v>25</v>
      </c>
      <c r="G31311" s="16">
        <v>0</v>
      </c>
    </row>
    <row r="31312" spans="1:7" x14ac:dyDescent="0.3">
      <c r="A31312" s="13" t="s">
        <v>194</v>
      </c>
      <c r="B31312" s="14" t="s">
        <v>1</v>
      </c>
      <c r="C31312" s="14" t="s">
        <v>35</v>
      </c>
      <c r="D31312" s="14" t="s">
        <v>195</v>
      </c>
      <c r="E31312" s="15">
        <v>45663</v>
      </c>
      <c r="F31312" s="14" t="s">
        <v>25</v>
      </c>
      <c r="G31312" s="16">
        <v>0</v>
      </c>
    </row>
    <row r="31313" spans="1:7" x14ac:dyDescent="0.3">
      <c r="A31313" s="13" t="s">
        <v>194</v>
      </c>
      <c r="B31313" s="14" t="s">
        <v>1</v>
      </c>
      <c r="C31313" s="14" t="s">
        <v>35</v>
      </c>
      <c r="D31313" s="14" t="s">
        <v>195</v>
      </c>
      <c r="E31313" s="15">
        <v>45664</v>
      </c>
      <c r="F31313" s="14" t="s">
        <v>25</v>
      </c>
      <c r="G31313" s="16">
        <v>0</v>
      </c>
    </row>
    <row r="31314" spans="1:7" x14ac:dyDescent="0.3">
      <c r="A31314" s="13" t="s">
        <v>194</v>
      </c>
      <c r="B31314" s="14" t="s">
        <v>1</v>
      </c>
      <c r="C31314" s="14" t="s">
        <v>35</v>
      </c>
      <c r="D31314" s="14" t="s">
        <v>195</v>
      </c>
      <c r="E31314" s="15">
        <v>45665</v>
      </c>
      <c r="F31314" s="14" t="s">
        <v>25</v>
      </c>
      <c r="G31314" s="16">
        <v>0</v>
      </c>
    </row>
    <row r="31315" spans="1:7" x14ac:dyDescent="0.3">
      <c r="A31315" s="13" t="s">
        <v>194</v>
      </c>
      <c r="B31315" s="14" t="s">
        <v>1</v>
      </c>
      <c r="C31315" s="14" t="s">
        <v>35</v>
      </c>
      <c r="D31315" s="14" t="s">
        <v>195</v>
      </c>
      <c r="E31315" s="15">
        <v>45666</v>
      </c>
      <c r="F31315" s="14" t="s">
        <v>25</v>
      </c>
      <c r="G31315" s="16">
        <v>0</v>
      </c>
    </row>
    <row r="31316" spans="1:7" x14ac:dyDescent="0.3">
      <c r="A31316" s="13" t="s">
        <v>194</v>
      </c>
      <c r="B31316" s="14" t="s">
        <v>1</v>
      </c>
      <c r="C31316" s="14" t="s">
        <v>35</v>
      </c>
      <c r="D31316" s="14" t="s">
        <v>195</v>
      </c>
      <c r="E31316" s="15">
        <v>45667</v>
      </c>
      <c r="F31316" s="14" t="s">
        <v>25</v>
      </c>
      <c r="G31316" s="16">
        <v>0</v>
      </c>
    </row>
    <row r="31317" spans="1:7" x14ac:dyDescent="0.3">
      <c r="A31317" s="13" t="s">
        <v>194</v>
      </c>
      <c r="B31317" s="14" t="s">
        <v>1</v>
      </c>
      <c r="C31317" s="14" t="s">
        <v>35</v>
      </c>
      <c r="D31317" s="14" t="s">
        <v>195</v>
      </c>
      <c r="E31317" s="15">
        <v>45668</v>
      </c>
      <c r="F31317" s="14" t="s">
        <v>25</v>
      </c>
      <c r="G31317" s="16">
        <v>0</v>
      </c>
    </row>
    <row r="31318" spans="1:7" x14ac:dyDescent="0.3">
      <c r="A31318" s="13" t="s">
        <v>194</v>
      </c>
      <c r="B31318" s="14" t="s">
        <v>1</v>
      </c>
      <c r="C31318" s="14" t="s">
        <v>35</v>
      </c>
      <c r="D31318" s="14" t="s">
        <v>195</v>
      </c>
      <c r="E31318" s="15">
        <v>45669</v>
      </c>
      <c r="F31318" s="14" t="s">
        <v>25</v>
      </c>
      <c r="G31318" s="16">
        <v>0</v>
      </c>
    </row>
    <row r="31319" spans="1:7" x14ac:dyDescent="0.3">
      <c r="A31319" s="13" t="s">
        <v>194</v>
      </c>
      <c r="B31319" s="14" t="s">
        <v>1</v>
      </c>
      <c r="C31319" s="14" t="s">
        <v>35</v>
      </c>
      <c r="D31319" s="14" t="s">
        <v>195</v>
      </c>
      <c r="E31319" s="15">
        <v>45670</v>
      </c>
      <c r="F31319" s="14" t="s">
        <v>25</v>
      </c>
      <c r="G31319" s="16">
        <v>0</v>
      </c>
    </row>
    <row r="31320" spans="1:7" x14ac:dyDescent="0.3">
      <c r="A31320" s="13" t="s">
        <v>194</v>
      </c>
      <c r="B31320" s="14" t="s">
        <v>1</v>
      </c>
      <c r="C31320" s="14" t="s">
        <v>35</v>
      </c>
      <c r="D31320" s="14" t="s">
        <v>195</v>
      </c>
      <c r="E31320" s="15">
        <v>45671</v>
      </c>
      <c r="F31320" s="14" t="s">
        <v>25</v>
      </c>
      <c r="G31320" s="16">
        <v>0</v>
      </c>
    </row>
    <row r="31321" spans="1:7" x14ac:dyDescent="0.3">
      <c r="A31321" s="13" t="s">
        <v>194</v>
      </c>
      <c r="B31321" s="14" t="s">
        <v>1</v>
      </c>
      <c r="C31321" s="14" t="s">
        <v>35</v>
      </c>
      <c r="D31321" s="14" t="s">
        <v>195</v>
      </c>
      <c r="E31321" s="15">
        <v>45672</v>
      </c>
      <c r="F31321" s="14" t="s">
        <v>25</v>
      </c>
      <c r="G31321" s="16">
        <v>0</v>
      </c>
    </row>
    <row r="31322" spans="1:7" x14ac:dyDescent="0.3">
      <c r="A31322" s="13" t="s">
        <v>194</v>
      </c>
      <c r="B31322" s="14" t="s">
        <v>1</v>
      </c>
      <c r="C31322" s="14" t="s">
        <v>35</v>
      </c>
      <c r="D31322" s="14" t="s">
        <v>195</v>
      </c>
      <c r="E31322" s="15">
        <v>45673</v>
      </c>
      <c r="F31322" s="14" t="s">
        <v>25</v>
      </c>
      <c r="G31322" s="16">
        <v>0</v>
      </c>
    </row>
    <row r="31323" spans="1:7" x14ac:dyDescent="0.3">
      <c r="A31323" s="13" t="s">
        <v>194</v>
      </c>
      <c r="B31323" s="14" t="s">
        <v>1</v>
      </c>
      <c r="C31323" s="14" t="s">
        <v>35</v>
      </c>
      <c r="D31323" s="14" t="s">
        <v>195</v>
      </c>
      <c r="E31323" s="15">
        <v>45674</v>
      </c>
      <c r="F31323" s="14" t="s">
        <v>25</v>
      </c>
      <c r="G31323" s="16">
        <v>0</v>
      </c>
    </row>
    <row r="31324" spans="1:7" x14ac:dyDescent="0.3">
      <c r="A31324" s="13" t="s">
        <v>194</v>
      </c>
      <c r="B31324" s="14" t="s">
        <v>1</v>
      </c>
      <c r="C31324" s="14" t="s">
        <v>35</v>
      </c>
      <c r="D31324" s="14" t="s">
        <v>195</v>
      </c>
      <c r="E31324" s="15">
        <v>45675</v>
      </c>
      <c r="F31324" s="14" t="s">
        <v>25</v>
      </c>
      <c r="G31324" s="16">
        <v>0</v>
      </c>
    </row>
    <row r="31325" spans="1:7" x14ac:dyDescent="0.3">
      <c r="A31325" s="13" t="s">
        <v>194</v>
      </c>
      <c r="B31325" s="14" t="s">
        <v>1</v>
      </c>
      <c r="C31325" s="14" t="s">
        <v>35</v>
      </c>
      <c r="D31325" s="14" t="s">
        <v>195</v>
      </c>
      <c r="E31325" s="15">
        <v>45676</v>
      </c>
      <c r="F31325" s="14" t="s">
        <v>25</v>
      </c>
      <c r="G31325" s="16">
        <v>0</v>
      </c>
    </row>
    <row r="31326" spans="1:7" x14ac:dyDescent="0.3">
      <c r="A31326" s="13" t="s">
        <v>194</v>
      </c>
      <c r="B31326" s="14" t="s">
        <v>1</v>
      </c>
      <c r="C31326" s="14" t="s">
        <v>35</v>
      </c>
      <c r="D31326" s="14" t="s">
        <v>195</v>
      </c>
      <c r="E31326" s="15">
        <v>45677</v>
      </c>
      <c r="F31326" s="14" t="s">
        <v>25</v>
      </c>
      <c r="G31326" s="16">
        <v>0</v>
      </c>
    </row>
    <row r="31327" spans="1:7" x14ac:dyDescent="0.3">
      <c r="A31327" s="13" t="s">
        <v>194</v>
      </c>
      <c r="B31327" s="14" t="s">
        <v>1</v>
      </c>
      <c r="C31327" s="14" t="s">
        <v>35</v>
      </c>
      <c r="D31327" s="14" t="s">
        <v>195</v>
      </c>
      <c r="E31327" s="15">
        <v>45678</v>
      </c>
      <c r="F31327" s="14" t="s">
        <v>25</v>
      </c>
      <c r="G31327" s="16">
        <v>0</v>
      </c>
    </row>
    <row r="31328" spans="1:7" x14ac:dyDescent="0.3">
      <c r="A31328" s="13" t="s">
        <v>194</v>
      </c>
      <c r="B31328" s="14" t="s">
        <v>1</v>
      </c>
      <c r="C31328" s="14" t="s">
        <v>35</v>
      </c>
      <c r="D31328" s="14" t="s">
        <v>195</v>
      </c>
      <c r="E31328" s="15">
        <v>45679</v>
      </c>
      <c r="F31328" s="14" t="s">
        <v>25</v>
      </c>
      <c r="G31328" s="16">
        <v>0</v>
      </c>
    </row>
    <row r="31329" spans="1:7" x14ac:dyDescent="0.3">
      <c r="A31329" s="13" t="s">
        <v>194</v>
      </c>
      <c r="B31329" s="14" t="s">
        <v>1</v>
      </c>
      <c r="C31329" s="14" t="s">
        <v>35</v>
      </c>
      <c r="D31329" s="14" t="s">
        <v>195</v>
      </c>
      <c r="E31329" s="15">
        <v>45680</v>
      </c>
      <c r="F31329" s="14" t="s">
        <v>25</v>
      </c>
      <c r="G31329" s="16">
        <v>0</v>
      </c>
    </row>
    <row r="31330" spans="1:7" x14ac:dyDescent="0.3">
      <c r="A31330" s="13" t="s">
        <v>194</v>
      </c>
      <c r="B31330" s="14" t="s">
        <v>1</v>
      </c>
      <c r="C31330" s="14" t="s">
        <v>35</v>
      </c>
      <c r="D31330" s="14" t="s">
        <v>195</v>
      </c>
      <c r="E31330" s="15">
        <v>45681</v>
      </c>
      <c r="F31330" s="14" t="s">
        <v>25</v>
      </c>
      <c r="G31330" s="16">
        <v>0</v>
      </c>
    </row>
    <row r="31331" spans="1:7" x14ac:dyDescent="0.3">
      <c r="A31331" s="13" t="s">
        <v>194</v>
      </c>
      <c r="B31331" s="14" t="s">
        <v>1</v>
      </c>
      <c r="C31331" s="14" t="s">
        <v>35</v>
      </c>
      <c r="D31331" s="14" t="s">
        <v>195</v>
      </c>
      <c r="E31331" s="15">
        <v>45682</v>
      </c>
      <c r="F31331" s="14" t="s">
        <v>25</v>
      </c>
      <c r="G31331" s="16">
        <v>0</v>
      </c>
    </row>
    <row r="31332" spans="1:7" x14ac:dyDescent="0.3">
      <c r="A31332" s="13" t="s">
        <v>194</v>
      </c>
      <c r="B31332" s="14" t="s">
        <v>1</v>
      </c>
      <c r="C31332" s="14" t="s">
        <v>35</v>
      </c>
      <c r="D31332" s="14" t="s">
        <v>195</v>
      </c>
      <c r="E31332" s="15">
        <v>45683</v>
      </c>
      <c r="F31332" s="14" t="s">
        <v>25</v>
      </c>
      <c r="G31332" s="16">
        <v>0</v>
      </c>
    </row>
    <row r="31333" spans="1:7" x14ac:dyDescent="0.3">
      <c r="A31333" s="13" t="s">
        <v>194</v>
      </c>
      <c r="B31333" s="14" t="s">
        <v>1</v>
      </c>
      <c r="C31333" s="14" t="s">
        <v>35</v>
      </c>
      <c r="D31333" s="14" t="s">
        <v>195</v>
      </c>
      <c r="E31333" s="15">
        <v>45684</v>
      </c>
      <c r="F31333" s="14" t="s">
        <v>25</v>
      </c>
      <c r="G31333" s="16">
        <v>0</v>
      </c>
    </row>
    <row r="31334" spans="1:7" x14ac:dyDescent="0.3">
      <c r="A31334" s="13" t="s">
        <v>194</v>
      </c>
      <c r="B31334" s="14" t="s">
        <v>1</v>
      </c>
      <c r="C31334" s="14" t="s">
        <v>35</v>
      </c>
      <c r="D31334" s="14" t="s">
        <v>195</v>
      </c>
      <c r="E31334" s="15">
        <v>45685</v>
      </c>
      <c r="F31334" s="14" t="s">
        <v>25</v>
      </c>
      <c r="G31334" s="16">
        <v>0</v>
      </c>
    </row>
    <row r="31335" spans="1:7" x14ac:dyDescent="0.3">
      <c r="A31335" s="13" t="s">
        <v>194</v>
      </c>
      <c r="B31335" s="14" t="s">
        <v>1</v>
      </c>
      <c r="C31335" s="14" t="s">
        <v>35</v>
      </c>
      <c r="D31335" s="14" t="s">
        <v>195</v>
      </c>
      <c r="E31335" s="15">
        <v>45686</v>
      </c>
      <c r="F31335" s="14" t="s">
        <v>25</v>
      </c>
      <c r="G31335" s="16">
        <v>0</v>
      </c>
    </row>
    <row r="31336" spans="1:7" x14ac:dyDescent="0.3">
      <c r="A31336" s="13" t="s">
        <v>194</v>
      </c>
      <c r="B31336" s="14" t="s">
        <v>1</v>
      </c>
      <c r="C31336" s="14" t="s">
        <v>35</v>
      </c>
      <c r="D31336" s="14" t="s">
        <v>195</v>
      </c>
      <c r="E31336" s="15">
        <v>45687</v>
      </c>
      <c r="F31336" s="14" t="s">
        <v>25</v>
      </c>
      <c r="G31336" s="16">
        <v>0</v>
      </c>
    </row>
    <row r="31337" spans="1:7" x14ac:dyDescent="0.3">
      <c r="A31337" s="13" t="s">
        <v>194</v>
      </c>
      <c r="B31337" s="14" t="s">
        <v>1</v>
      </c>
      <c r="C31337" s="14" t="s">
        <v>35</v>
      </c>
      <c r="D31337" s="14" t="s">
        <v>195</v>
      </c>
      <c r="E31337" s="15">
        <v>45688</v>
      </c>
      <c r="F31337" s="14" t="s">
        <v>25</v>
      </c>
      <c r="G31337" s="16">
        <v>0</v>
      </c>
    </row>
    <row r="31338" spans="1:7" x14ac:dyDescent="0.3">
      <c r="A31338" s="13" t="s">
        <v>194</v>
      </c>
      <c r="B31338" s="14" t="s">
        <v>1</v>
      </c>
      <c r="C31338" s="14" t="s">
        <v>35</v>
      </c>
      <c r="D31338" s="14" t="s">
        <v>195</v>
      </c>
      <c r="E31338" s="15">
        <v>45689</v>
      </c>
      <c r="F31338" s="14" t="s">
        <v>25</v>
      </c>
      <c r="G31338" s="16">
        <v>0</v>
      </c>
    </row>
    <row r="31339" spans="1:7" x14ac:dyDescent="0.3">
      <c r="A31339" s="13" t="s">
        <v>194</v>
      </c>
      <c r="B31339" s="14" t="s">
        <v>1</v>
      </c>
      <c r="C31339" s="14" t="s">
        <v>35</v>
      </c>
      <c r="D31339" s="14" t="s">
        <v>195</v>
      </c>
      <c r="E31339" s="15">
        <v>45690</v>
      </c>
      <c r="F31339" s="14" t="s">
        <v>25</v>
      </c>
      <c r="G31339" s="16">
        <v>0</v>
      </c>
    </row>
    <row r="31340" spans="1:7" x14ac:dyDescent="0.3">
      <c r="A31340" s="13" t="s">
        <v>194</v>
      </c>
      <c r="B31340" s="14" t="s">
        <v>1</v>
      </c>
      <c r="C31340" s="14" t="s">
        <v>35</v>
      </c>
      <c r="D31340" s="14" t="s">
        <v>195</v>
      </c>
      <c r="E31340" s="15">
        <v>45691</v>
      </c>
      <c r="F31340" s="14" t="s">
        <v>25</v>
      </c>
      <c r="G31340" s="16">
        <v>0</v>
      </c>
    </row>
    <row r="31341" spans="1:7" x14ac:dyDescent="0.3">
      <c r="A31341" s="13" t="s">
        <v>194</v>
      </c>
      <c r="B31341" s="14" t="s">
        <v>1</v>
      </c>
      <c r="C31341" s="14" t="s">
        <v>35</v>
      </c>
      <c r="D31341" s="14" t="s">
        <v>195</v>
      </c>
      <c r="E31341" s="15">
        <v>45692</v>
      </c>
      <c r="F31341" s="14" t="s">
        <v>25</v>
      </c>
      <c r="G31341" s="16">
        <v>0</v>
      </c>
    </row>
    <row r="31342" spans="1:7" x14ac:dyDescent="0.3">
      <c r="A31342" s="13" t="s">
        <v>194</v>
      </c>
      <c r="B31342" s="14" t="s">
        <v>1</v>
      </c>
      <c r="C31342" s="14" t="s">
        <v>35</v>
      </c>
      <c r="D31342" s="14" t="s">
        <v>195</v>
      </c>
      <c r="E31342" s="15">
        <v>45693</v>
      </c>
      <c r="F31342" s="14" t="s">
        <v>25</v>
      </c>
      <c r="G31342" s="16">
        <v>0</v>
      </c>
    </row>
    <row r="31343" spans="1:7" x14ac:dyDescent="0.3">
      <c r="A31343" s="13" t="s">
        <v>194</v>
      </c>
      <c r="B31343" s="14" t="s">
        <v>1</v>
      </c>
      <c r="C31343" s="14" t="s">
        <v>35</v>
      </c>
      <c r="D31343" s="14" t="s">
        <v>195</v>
      </c>
      <c r="E31343" s="15">
        <v>45694</v>
      </c>
      <c r="F31343" s="14" t="s">
        <v>25</v>
      </c>
      <c r="G31343" s="16">
        <v>0</v>
      </c>
    </row>
    <row r="31344" spans="1:7" x14ac:dyDescent="0.3">
      <c r="A31344" s="13" t="s">
        <v>194</v>
      </c>
      <c r="B31344" s="14" t="s">
        <v>1</v>
      </c>
      <c r="C31344" s="14" t="s">
        <v>35</v>
      </c>
      <c r="D31344" s="14" t="s">
        <v>195</v>
      </c>
      <c r="E31344" s="15">
        <v>45695</v>
      </c>
      <c r="F31344" s="14" t="s">
        <v>25</v>
      </c>
      <c r="G31344" s="16">
        <v>0</v>
      </c>
    </row>
    <row r="31345" spans="1:7" x14ac:dyDescent="0.3">
      <c r="A31345" s="13" t="s">
        <v>194</v>
      </c>
      <c r="B31345" s="14" t="s">
        <v>1</v>
      </c>
      <c r="C31345" s="14" t="s">
        <v>35</v>
      </c>
      <c r="D31345" s="14" t="s">
        <v>195</v>
      </c>
      <c r="E31345" s="15">
        <v>45696</v>
      </c>
      <c r="F31345" s="14" t="s">
        <v>25</v>
      </c>
      <c r="G31345" s="16">
        <v>0</v>
      </c>
    </row>
    <row r="31346" spans="1:7" x14ac:dyDescent="0.3">
      <c r="A31346" s="13" t="s">
        <v>194</v>
      </c>
      <c r="B31346" s="14" t="s">
        <v>1</v>
      </c>
      <c r="C31346" s="14" t="s">
        <v>35</v>
      </c>
      <c r="D31346" s="14" t="s">
        <v>195</v>
      </c>
      <c r="E31346" s="15">
        <v>45697</v>
      </c>
      <c r="F31346" s="14" t="s">
        <v>25</v>
      </c>
      <c r="G31346" s="16">
        <v>0</v>
      </c>
    </row>
    <row r="31347" spans="1:7" x14ac:dyDescent="0.3">
      <c r="A31347" s="13" t="s">
        <v>194</v>
      </c>
      <c r="B31347" s="14" t="s">
        <v>1</v>
      </c>
      <c r="C31347" s="14" t="s">
        <v>35</v>
      </c>
      <c r="D31347" s="14" t="s">
        <v>195</v>
      </c>
      <c r="E31347" s="15">
        <v>45698</v>
      </c>
      <c r="F31347" s="14" t="s">
        <v>25</v>
      </c>
      <c r="G31347" s="16">
        <v>0</v>
      </c>
    </row>
    <row r="31348" spans="1:7" x14ac:dyDescent="0.3">
      <c r="A31348" s="13" t="s">
        <v>194</v>
      </c>
      <c r="B31348" s="14" t="s">
        <v>1</v>
      </c>
      <c r="C31348" s="14" t="s">
        <v>35</v>
      </c>
      <c r="D31348" s="14" t="s">
        <v>195</v>
      </c>
      <c r="E31348" s="15">
        <v>45699</v>
      </c>
      <c r="F31348" s="14" t="s">
        <v>25</v>
      </c>
      <c r="G31348" s="16">
        <v>0</v>
      </c>
    </row>
    <row r="31349" spans="1:7" x14ac:dyDescent="0.3">
      <c r="A31349" s="13" t="s">
        <v>194</v>
      </c>
      <c r="B31349" s="14" t="s">
        <v>1</v>
      </c>
      <c r="C31349" s="14" t="s">
        <v>35</v>
      </c>
      <c r="D31349" s="14" t="s">
        <v>195</v>
      </c>
      <c r="E31349" s="15">
        <v>45700</v>
      </c>
      <c r="F31349" s="14" t="s">
        <v>25</v>
      </c>
      <c r="G31349" s="16">
        <v>0</v>
      </c>
    </row>
    <row r="31350" spans="1:7" x14ac:dyDescent="0.3">
      <c r="A31350" s="13" t="s">
        <v>194</v>
      </c>
      <c r="B31350" s="14" t="s">
        <v>1</v>
      </c>
      <c r="C31350" s="14" t="s">
        <v>35</v>
      </c>
      <c r="D31350" s="14" t="s">
        <v>195</v>
      </c>
      <c r="E31350" s="15">
        <v>45701</v>
      </c>
      <c r="F31350" s="14" t="s">
        <v>25</v>
      </c>
      <c r="G31350" s="16">
        <v>0</v>
      </c>
    </row>
    <row r="31351" spans="1:7" x14ac:dyDescent="0.3">
      <c r="A31351" s="13" t="s">
        <v>194</v>
      </c>
      <c r="B31351" s="14" t="s">
        <v>1</v>
      </c>
      <c r="C31351" s="14" t="s">
        <v>35</v>
      </c>
      <c r="D31351" s="14" t="s">
        <v>195</v>
      </c>
      <c r="E31351" s="15">
        <v>45702</v>
      </c>
      <c r="F31351" s="14" t="s">
        <v>25</v>
      </c>
      <c r="G31351" s="16">
        <v>0</v>
      </c>
    </row>
    <row r="31352" spans="1:7" x14ac:dyDescent="0.3">
      <c r="A31352" s="13" t="s">
        <v>194</v>
      </c>
      <c r="B31352" s="14" t="s">
        <v>1</v>
      </c>
      <c r="C31352" s="14" t="s">
        <v>35</v>
      </c>
      <c r="D31352" s="14" t="s">
        <v>195</v>
      </c>
      <c r="E31352" s="15">
        <v>45703</v>
      </c>
      <c r="F31352" s="14" t="s">
        <v>25</v>
      </c>
      <c r="G31352" s="16">
        <v>0</v>
      </c>
    </row>
    <row r="31353" spans="1:7" x14ac:dyDescent="0.3">
      <c r="A31353" s="13" t="s">
        <v>194</v>
      </c>
      <c r="B31353" s="14" t="s">
        <v>1</v>
      </c>
      <c r="C31353" s="14" t="s">
        <v>35</v>
      </c>
      <c r="D31353" s="14" t="s">
        <v>195</v>
      </c>
      <c r="E31353" s="15">
        <v>45704</v>
      </c>
      <c r="F31353" s="14" t="s">
        <v>25</v>
      </c>
      <c r="G31353" s="16">
        <v>0</v>
      </c>
    </row>
    <row r="31354" spans="1:7" x14ac:dyDescent="0.3">
      <c r="A31354" s="13" t="s">
        <v>194</v>
      </c>
      <c r="B31354" s="14" t="s">
        <v>1</v>
      </c>
      <c r="C31354" s="14" t="s">
        <v>35</v>
      </c>
      <c r="D31354" s="14" t="s">
        <v>195</v>
      </c>
      <c r="E31354" s="15">
        <v>45705</v>
      </c>
      <c r="F31354" s="14" t="s">
        <v>25</v>
      </c>
      <c r="G31354" s="16">
        <v>0</v>
      </c>
    </row>
    <row r="31355" spans="1:7" x14ac:dyDescent="0.3">
      <c r="A31355" s="13" t="s">
        <v>194</v>
      </c>
      <c r="B31355" s="14" t="s">
        <v>1</v>
      </c>
      <c r="C31355" s="14" t="s">
        <v>35</v>
      </c>
      <c r="D31355" s="14" t="s">
        <v>195</v>
      </c>
      <c r="E31355" s="15">
        <v>45706</v>
      </c>
      <c r="F31355" s="14" t="s">
        <v>25</v>
      </c>
      <c r="G31355" s="16">
        <v>0</v>
      </c>
    </row>
    <row r="31356" spans="1:7" x14ac:dyDescent="0.3">
      <c r="A31356" s="13" t="s">
        <v>194</v>
      </c>
      <c r="B31356" s="14" t="s">
        <v>1</v>
      </c>
      <c r="C31356" s="14" t="s">
        <v>35</v>
      </c>
      <c r="D31356" s="14" t="s">
        <v>195</v>
      </c>
      <c r="E31356" s="15">
        <v>45707</v>
      </c>
      <c r="F31356" s="14" t="s">
        <v>25</v>
      </c>
      <c r="G31356" s="16">
        <v>0</v>
      </c>
    </row>
    <row r="31357" spans="1:7" x14ac:dyDescent="0.3">
      <c r="A31357" s="13" t="s">
        <v>194</v>
      </c>
      <c r="B31357" s="14" t="s">
        <v>1</v>
      </c>
      <c r="C31357" s="14" t="s">
        <v>35</v>
      </c>
      <c r="D31357" s="14" t="s">
        <v>195</v>
      </c>
      <c r="E31357" s="15">
        <v>45708</v>
      </c>
      <c r="F31357" s="14" t="s">
        <v>25</v>
      </c>
      <c r="G31357" s="16">
        <v>0</v>
      </c>
    </row>
    <row r="31358" spans="1:7" x14ac:dyDescent="0.3">
      <c r="A31358" s="13" t="s">
        <v>194</v>
      </c>
      <c r="B31358" s="14" t="s">
        <v>1</v>
      </c>
      <c r="C31358" s="14" t="s">
        <v>35</v>
      </c>
      <c r="D31358" s="14" t="s">
        <v>195</v>
      </c>
      <c r="E31358" s="15">
        <v>45709</v>
      </c>
      <c r="F31358" s="14" t="s">
        <v>25</v>
      </c>
      <c r="G31358" s="16">
        <v>0</v>
      </c>
    </row>
    <row r="31359" spans="1:7" x14ac:dyDescent="0.3">
      <c r="A31359" s="13" t="s">
        <v>194</v>
      </c>
      <c r="B31359" s="14" t="s">
        <v>1</v>
      </c>
      <c r="C31359" s="14" t="s">
        <v>35</v>
      </c>
      <c r="D31359" s="14" t="s">
        <v>195</v>
      </c>
      <c r="E31359" s="15">
        <v>45710</v>
      </c>
      <c r="F31359" s="14" t="s">
        <v>25</v>
      </c>
      <c r="G31359" s="16">
        <v>0</v>
      </c>
    </row>
    <row r="31360" spans="1:7" x14ac:dyDescent="0.3">
      <c r="A31360" s="13" t="s">
        <v>194</v>
      </c>
      <c r="B31360" s="14" t="s">
        <v>1</v>
      </c>
      <c r="C31360" s="14" t="s">
        <v>35</v>
      </c>
      <c r="D31360" s="14" t="s">
        <v>195</v>
      </c>
      <c r="E31360" s="15">
        <v>45711</v>
      </c>
      <c r="F31360" s="14" t="s">
        <v>25</v>
      </c>
      <c r="G31360" s="16">
        <v>0</v>
      </c>
    </row>
    <row r="31361" spans="1:7" x14ac:dyDescent="0.3">
      <c r="A31361" s="13" t="s">
        <v>194</v>
      </c>
      <c r="B31361" s="14" t="s">
        <v>1</v>
      </c>
      <c r="C31361" s="14" t="s">
        <v>35</v>
      </c>
      <c r="D31361" s="14" t="s">
        <v>195</v>
      </c>
      <c r="E31361" s="15">
        <v>45712</v>
      </c>
      <c r="F31361" s="14" t="s">
        <v>25</v>
      </c>
      <c r="G31361" s="16">
        <v>0</v>
      </c>
    </row>
    <row r="31362" spans="1:7" x14ac:dyDescent="0.3">
      <c r="A31362" s="13" t="s">
        <v>194</v>
      </c>
      <c r="B31362" s="14" t="s">
        <v>1</v>
      </c>
      <c r="C31362" s="14" t="s">
        <v>35</v>
      </c>
      <c r="D31362" s="14" t="s">
        <v>195</v>
      </c>
      <c r="E31362" s="15">
        <v>45713</v>
      </c>
      <c r="F31362" s="14" t="s">
        <v>25</v>
      </c>
      <c r="G31362" s="16">
        <v>0</v>
      </c>
    </row>
    <row r="31363" spans="1:7" x14ac:dyDescent="0.3">
      <c r="A31363" s="13" t="s">
        <v>194</v>
      </c>
      <c r="B31363" s="14" t="s">
        <v>1</v>
      </c>
      <c r="C31363" s="14" t="s">
        <v>35</v>
      </c>
      <c r="D31363" s="14" t="s">
        <v>195</v>
      </c>
      <c r="E31363" s="15">
        <v>45714</v>
      </c>
      <c r="F31363" s="14" t="s">
        <v>25</v>
      </c>
      <c r="G31363" s="16">
        <v>0</v>
      </c>
    </row>
    <row r="31364" spans="1:7" x14ac:dyDescent="0.3">
      <c r="A31364" s="13" t="s">
        <v>194</v>
      </c>
      <c r="B31364" s="14" t="s">
        <v>1</v>
      </c>
      <c r="C31364" s="14" t="s">
        <v>35</v>
      </c>
      <c r="D31364" s="14" t="s">
        <v>195</v>
      </c>
      <c r="E31364" s="15">
        <v>45715</v>
      </c>
      <c r="F31364" s="14" t="s">
        <v>25</v>
      </c>
      <c r="G31364" s="16">
        <v>0</v>
      </c>
    </row>
    <row r="31365" spans="1:7" x14ac:dyDescent="0.3">
      <c r="A31365" s="13" t="s">
        <v>194</v>
      </c>
      <c r="B31365" s="14" t="s">
        <v>1</v>
      </c>
      <c r="C31365" s="14" t="s">
        <v>35</v>
      </c>
      <c r="D31365" s="14" t="s">
        <v>195</v>
      </c>
      <c r="E31365" s="15">
        <v>45716</v>
      </c>
      <c r="F31365" s="14" t="s">
        <v>25</v>
      </c>
      <c r="G31365" s="16">
        <v>0</v>
      </c>
    </row>
    <row r="31366" spans="1:7" x14ac:dyDescent="0.3">
      <c r="A31366" s="13" t="s">
        <v>194</v>
      </c>
      <c r="B31366" s="14" t="s">
        <v>1</v>
      </c>
      <c r="C31366" s="14" t="s">
        <v>35</v>
      </c>
      <c r="D31366" s="14" t="s">
        <v>195</v>
      </c>
      <c r="E31366" s="15">
        <v>45717</v>
      </c>
      <c r="F31366" s="14" t="s">
        <v>25</v>
      </c>
      <c r="G31366" s="16">
        <v>0</v>
      </c>
    </row>
    <row r="31367" spans="1:7" x14ac:dyDescent="0.3">
      <c r="A31367" s="13" t="s">
        <v>194</v>
      </c>
      <c r="B31367" s="14" t="s">
        <v>1</v>
      </c>
      <c r="C31367" s="14" t="s">
        <v>35</v>
      </c>
      <c r="D31367" s="14" t="s">
        <v>195</v>
      </c>
      <c r="E31367" s="15">
        <v>45718</v>
      </c>
      <c r="F31367" s="14" t="s">
        <v>25</v>
      </c>
      <c r="G31367" s="16">
        <v>0</v>
      </c>
    </row>
    <row r="31368" spans="1:7" x14ac:dyDescent="0.3">
      <c r="A31368" s="13" t="s">
        <v>194</v>
      </c>
      <c r="B31368" s="14" t="s">
        <v>1</v>
      </c>
      <c r="C31368" s="14" t="s">
        <v>35</v>
      </c>
      <c r="D31368" s="14" t="s">
        <v>195</v>
      </c>
      <c r="E31368" s="15">
        <v>45719</v>
      </c>
      <c r="F31368" s="14" t="s">
        <v>25</v>
      </c>
      <c r="G31368" s="16">
        <v>0</v>
      </c>
    </row>
    <row r="31369" spans="1:7" x14ac:dyDescent="0.3">
      <c r="A31369" s="13" t="s">
        <v>194</v>
      </c>
      <c r="B31369" s="14" t="s">
        <v>1</v>
      </c>
      <c r="C31369" s="14" t="s">
        <v>35</v>
      </c>
      <c r="D31369" s="14" t="s">
        <v>195</v>
      </c>
      <c r="E31369" s="15">
        <v>45720</v>
      </c>
      <c r="F31369" s="14" t="s">
        <v>25</v>
      </c>
      <c r="G31369" s="16">
        <v>0</v>
      </c>
    </row>
    <row r="31370" spans="1:7" x14ac:dyDescent="0.3">
      <c r="A31370" s="13" t="s">
        <v>194</v>
      </c>
      <c r="B31370" s="14" t="s">
        <v>1</v>
      </c>
      <c r="C31370" s="14" t="s">
        <v>35</v>
      </c>
      <c r="D31370" s="14" t="s">
        <v>195</v>
      </c>
      <c r="E31370" s="15">
        <v>45721</v>
      </c>
      <c r="F31370" s="14" t="s">
        <v>25</v>
      </c>
      <c r="G31370" s="16">
        <v>0</v>
      </c>
    </row>
    <row r="31371" spans="1:7" x14ac:dyDescent="0.3">
      <c r="A31371" s="13" t="s">
        <v>194</v>
      </c>
      <c r="B31371" s="14" t="s">
        <v>1</v>
      </c>
      <c r="C31371" s="14" t="s">
        <v>35</v>
      </c>
      <c r="D31371" s="14" t="s">
        <v>195</v>
      </c>
      <c r="E31371" s="15">
        <v>45722</v>
      </c>
      <c r="F31371" s="14" t="s">
        <v>25</v>
      </c>
      <c r="G31371" s="16">
        <v>0</v>
      </c>
    </row>
    <row r="31372" spans="1:7" x14ac:dyDescent="0.3">
      <c r="A31372" s="13" t="s">
        <v>194</v>
      </c>
      <c r="B31372" s="14" t="s">
        <v>1</v>
      </c>
      <c r="C31372" s="14" t="s">
        <v>35</v>
      </c>
      <c r="D31372" s="14" t="s">
        <v>195</v>
      </c>
      <c r="E31372" s="15">
        <v>45723</v>
      </c>
      <c r="F31372" s="14" t="s">
        <v>25</v>
      </c>
      <c r="G31372" s="16">
        <v>0</v>
      </c>
    </row>
    <row r="31373" spans="1:7" x14ac:dyDescent="0.3">
      <c r="A31373" s="13" t="s">
        <v>194</v>
      </c>
      <c r="B31373" s="14" t="s">
        <v>1</v>
      </c>
      <c r="C31373" s="14" t="s">
        <v>35</v>
      </c>
      <c r="D31373" s="14" t="s">
        <v>195</v>
      </c>
      <c r="E31373" s="15">
        <v>45724</v>
      </c>
      <c r="F31373" s="14" t="s">
        <v>25</v>
      </c>
      <c r="G31373" s="16">
        <v>0</v>
      </c>
    </row>
    <row r="31374" spans="1:7" x14ac:dyDescent="0.3">
      <c r="A31374" s="13" t="s">
        <v>194</v>
      </c>
      <c r="B31374" s="14" t="s">
        <v>1</v>
      </c>
      <c r="C31374" s="14" t="s">
        <v>35</v>
      </c>
      <c r="D31374" s="14" t="s">
        <v>195</v>
      </c>
      <c r="E31374" s="15">
        <v>45725</v>
      </c>
      <c r="F31374" s="14" t="s">
        <v>25</v>
      </c>
      <c r="G31374" s="16">
        <v>0</v>
      </c>
    </row>
    <row r="31375" spans="1:7" x14ac:dyDescent="0.3">
      <c r="A31375" s="13" t="s">
        <v>194</v>
      </c>
      <c r="B31375" s="14" t="s">
        <v>1</v>
      </c>
      <c r="C31375" s="14" t="s">
        <v>35</v>
      </c>
      <c r="D31375" s="14" t="s">
        <v>195</v>
      </c>
      <c r="E31375" s="15">
        <v>45726</v>
      </c>
      <c r="F31375" s="14" t="s">
        <v>25</v>
      </c>
      <c r="G31375" s="16">
        <v>0</v>
      </c>
    </row>
    <row r="31376" spans="1:7" x14ac:dyDescent="0.3">
      <c r="A31376" s="13" t="s">
        <v>194</v>
      </c>
      <c r="B31376" s="14" t="s">
        <v>1</v>
      </c>
      <c r="C31376" s="14" t="s">
        <v>35</v>
      </c>
      <c r="D31376" s="14" t="s">
        <v>195</v>
      </c>
      <c r="E31376" s="15">
        <v>45727</v>
      </c>
      <c r="F31376" s="14" t="s">
        <v>25</v>
      </c>
      <c r="G31376" s="16">
        <v>0</v>
      </c>
    </row>
    <row r="31377" spans="1:7" x14ac:dyDescent="0.3">
      <c r="A31377" s="13" t="s">
        <v>194</v>
      </c>
      <c r="B31377" s="14" t="s">
        <v>1</v>
      </c>
      <c r="C31377" s="14" t="s">
        <v>35</v>
      </c>
      <c r="D31377" s="14" t="s">
        <v>195</v>
      </c>
      <c r="E31377" s="15">
        <v>45728</v>
      </c>
      <c r="F31377" s="14" t="s">
        <v>25</v>
      </c>
      <c r="G31377" s="16">
        <v>0</v>
      </c>
    </row>
    <row r="31378" spans="1:7" x14ac:dyDescent="0.3">
      <c r="A31378" s="13" t="s">
        <v>194</v>
      </c>
      <c r="B31378" s="14" t="s">
        <v>1</v>
      </c>
      <c r="C31378" s="14" t="s">
        <v>35</v>
      </c>
      <c r="D31378" s="14" t="s">
        <v>195</v>
      </c>
      <c r="E31378" s="15">
        <v>45729</v>
      </c>
      <c r="F31378" s="14" t="s">
        <v>25</v>
      </c>
      <c r="G31378" s="16">
        <v>0</v>
      </c>
    </row>
    <row r="31379" spans="1:7" x14ac:dyDescent="0.3">
      <c r="A31379" s="13" t="s">
        <v>194</v>
      </c>
      <c r="B31379" s="14" t="s">
        <v>1</v>
      </c>
      <c r="C31379" s="14" t="s">
        <v>35</v>
      </c>
      <c r="D31379" s="14" t="s">
        <v>195</v>
      </c>
      <c r="E31379" s="15">
        <v>45730</v>
      </c>
      <c r="F31379" s="14" t="s">
        <v>25</v>
      </c>
      <c r="G31379" s="16">
        <v>0</v>
      </c>
    </row>
    <row r="31380" spans="1:7" x14ac:dyDescent="0.3">
      <c r="A31380" s="13" t="s">
        <v>194</v>
      </c>
      <c r="B31380" s="14" t="s">
        <v>1</v>
      </c>
      <c r="C31380" s="14" t="s">
        <v>35</v>
      </c>
      <c r="D31380" s="14" t="s">
        <v>195</v>
      </c>
      <c r="E31380" s="15">
        <v>45731</v>
      </c>
      <c r="F31380" s="14" t="s">
        <v>25</v>
      </c>
      <c r="G31380" s="16">
        <v>0</v>
      </c>
    </row>
    <row r="31381" spans="1:7" x14ac:dyDescent="0.3">
      <c r="A31381" s="13" t="s">
        <v>194</v>
      </c>
      <c r="B31381" s="14" t="s">
        <v>1</v>
      </c>
      <c r="C31381" s="14" t="s">
        <v>35</v>
      </c>
      <c r="D31381" s="14" t="s">
        <v>195</v>
      </c>
      <c r="E31381" s="15">
        <v>45732</v>
      </c>
      <c r="F31381" s="14" t="s">
        <v>25</v>
      </c>
      <c r="G31381" s="16">
        <v>0</v>
      </c>
    </row>
    <row r="31382" spans="1:7" x14ac:dyDescent="0.3">
      <c r="A31382" s="13" t="s">
        <v>194</v>
      </c>
      <c r="B31382" s="14" t="s">
        <v>1</v>
      </c>
      <c r="C31382" s="14" t="s">
        <v>35</v>
      </c>
      <c r="D31382" s="14" t="s">
        <v>195</v>
      </c>
      <c r="E31382" s="15">
        <v>45733</v>
      </c>
      <c r="F31382" s="14" t="s">
        <v>25</v>
      </c>
      <c r="G31382" s="16">
        <v>0</v>
      </c>
    </row>
    <row r="31383" spans="1:7" x14ac:dyDescent="0.3">
      <c r="A31383" s="13" t="s">
        <v>194</v>
      </c>
      <c r="B31383" s="14" t="s">
        <v>1</v>
      </c>
      <c r="C31383" s="14" t="s">
        <v>35</v>
      </c>
      <c r="D31383" s="14" t="s">
        <v>195</v>
      </c>
      <c r="E31383" s="15">
        <v>45734</v>
      </c>
      <c r="F31383" s="14" t="s">
        <v>25</v>
      </c>
      <c r="G31383" s="16">
        <v>0</v>
      </c>
    </row>
    <row r="31384" spans="1:7" x14ac:dyDescent="0.3">
      <c r="A31384" s="13" t="s">
        <v>194</v>
      </c>
      <c r="B31384" s="14" t="s">
        <v>1</v>
      </c>
      <c r="C31384" s="14" t="s">
        <v>35</v>
      </c>
      <c r="D31384" s="14" t="s">
        <v>195</v>
      </c>
      <c r="E31384" s="15">
        <v>45735</v>
      </c>
      <c r="F31384" s="14" t="s">
        <v>25</v>
      </c>
      <c r="G31384" s="16">
        <v>0</v>
      </c>
    </row>
    <row r="31385" spans="1:7" x14ac:dyDescent="0.3">
      <c r="A31385" s="13" t="s">
        <v>194</v>
      </c>
      <c r="B31385" s="14" t="s">
        <v>1</v>
      </c>
      <c r="C31385" s="14" t="s">
        <v>35</v>
      </c>
      <c r="D31385" s="14" t="s">
        <v>195</v>
      </c>
      <c r="E31385" s="15">
        <v>45736</v>
      </c>
      <c r="F31385" s="14" t="s">
        <v>25</v>
      </c>
      <c r="G31385" s="16">
        <v>0</v>
      </c>
    </row>
    <row r="31386" spans="1:7" x14ac:dyDescent="0.3">
      <c r="A31386" s="13" t="s">
        <v>194</v>
      </c>
      <c r="B31386" s="14" t="s">
        <v>1</v>
      </c>
      <c r="C31386" s="14" t="s">
        <v>35</v>
      </c>
      <c r="D31386" s="14" t="s">
        <v>195</v>
      </c>
      <c r="E31386" s="15">
        <v>45737</v>
      </c>
      <c r="F31386" s="14" t="s">
        <v>25</v>
      </c>
      <c r="G31386" s="16">
        <v>0</v>
      </c>
    </row>
    <row r="31387" spans="1:7" x14ac:dyDescent="0.3">
      <c r="A31387" s="13" t="s">
        <v>194</v>
      </c>
      <c r="B31387" s="14" t="s">
        <v>1</v>
      </c>
      <c r="C31387" s="14" t="s">
        <v>35</v>
      </c>
      <c r="D31387" s="14" t="s">
        <v>195</v>
      </c>
      <c r="E31387" s="15">
        <v>45738</v>
      </c>
      <c r="F31387" s="14" t="s">
        <v>25</v>
      </c>
      <c r="G31387" s="16">
        <v>0</v>
      </c>
    </row>
    <row r="31388" spans="1:7" x14ac:dyDescent="0.3">
      <c r="A31388" s="13" t="s">
        <v>194</v>
      </c>
      <c r="B31388" s="14" t="s">
        <v>1</v>
      </c>
      <c r="C31388" s="14" t="s">
        <v>35</v>
      </c>
      <c r="D31388" s="14" t="s">
        <v>195</v>
      </c>
      <c r="E31388" s="15">
        <v>45739</v>
      </c>
      <c r="F31388" s="14" t="s">
        <v>25</v>
      </c>
      <c r="G31388" s="16">
        <v>0</v>
      </c>
    </row>
    <row r="31389" spans="1:7" x14ac:dyDescent="0.3">
      <c r="A31389" s="13" t="s">
        <v>194</v>
      </c>
      <c r="B31389" s="14" t="s">
        <v>1</v>
      </c>
      <c r="C31389" s="14" t="s">
        <v>35</v>
      </c>
      <c r="D31389" s="14" t="s">
        <v>195</v>
      </c>
      <c r="E31389" s="15">
        <v>45740</v>
      </c>
      <c r="F31389" s="14" t="s">
        <v>25</v>
      </c>
      <c r="G31389" s="16">
        <v>0</v>
      </c>
    </row>
    <row r="31390" spans="1:7" x14ac:dyDescent="0.3">
      <c r="A31390" s="13" t="s">
        <v>194</v>
      </c>
      <c r="B31390" s="14" t="s">
        <v>1</v>
      </c>
      <c r="C31390" s="14" t="s">
        <v>35</v>
      </c>
      <c r="D31390" s="14" t="s">
        <v>195</v>
      </c>
      <c r="E31390" s="15">
        <v>45741</v>
      </c>
      <c r="F31390" s="14" t="s">
        <v>25</v>
      </c>
      <c r="G31390" s="16">
        <v>0</v>
      </c>
    </row>
    <row r="31391" spans="1:7" x14ac:dyDescent="0.3">
      <c r="A31391" s="13" t="s">
        <v>194</v>
      </c>
      <c r="B31391" s="14" t="s">
        <v>1</v>
      </c>
      <c r="C31391" s="14" t="s">
        <v>35</v>
      </c>
      <c r="D31391" s="14" t="s">
        <v>195</v>
      </c>
      <c r="E31391" s="15">
        <v>45742</v>
      </c>
      <c r="F31391" s="14" t="s">
        <v>25</v>
      </c>
      <c r="G31391" s="16">
        <v>0</v>
      </c>
    </row>
    <row r="31392" spans="1:7" x14ac:dyDescent="0.3">
      <c r="A31392" s="13" t="s">
        <v>194</v>
      </c>
      <c r="B31392" s="14" t="s">
        <v>1</v>
      </c>
      <c r="C31392" s="14" t="s">
        <v>35</v>
      </c>
      <c r="D31392" s="14" t="s">
        <v>195</v>
      </c>
      <c r="E31392" s="15">
        <v>45743</v>
      </c>
      <c r="F31392" s="14" t="s">
        <v>25</v>
      </c>
      <c r="G31392" s="16">
        <v>0</v>
      </c>
    </row>
    <row r="31393" spans="1:7" x14ac:dyDescent="0.3">
      <c r="A31393" s="13" t="s">
        <v>194</v>
      </c>
      <c r="B31393" s="14" t="s">
        <v>1</v>
      </c>
      <c r="C31393" s="14" t="s">
        <v>35</v>
      </c>
      <c r="D31393" s="14" t="s">
        <v>195</v>
      </c>
      <c r="E31393" s="15">
        <v>45744</v>
      </c>
      <c r="F31393" s="14" t="s">
        <v>25</v>
      </c>
      <c r="G31393" s="16">
        <v>0.10773995451987807</v>
      </c>
    </row>
    <row r="31394" spans="1:7" x14ac:dyDescent="0.3">
      <c r="A31394" s="13" t="s">
        <v>194</v>
      </c>
      <c r="B31394" s="14" t="s">
        <v>1</v>
      </c>
      <c r="C31394" s="14" t="s">
        <v>35</v>
      </c>
      <c r="D31394" s="14" t="s">
        <v>195</v>
      </c>
      <c r="E31394" s="15">
        <v>45745</v>
      </c>
      <c r="F31394" s="14" t="s">
        <v>25</v>
      </c>
      <c r="G31394" s="16">
        <v>0.10773995451987807</v>
      </c>
    </row>
    <row r="31395" spans="1:7" x14ac:dyDescent="0.3">
      <c r="A31395" s="13" t="s">
        <v>194</v>
      </c>
      <c r="B31395" s="14" t="s">
        <v>1</v>
      </c>
      <c r="C31395" s="14" t="s">
        <v>35</v>
      </c>
      <c r="D31395" s="14" t="s">
        <v>195</v>
      </c>
      <c r="E31395" s="15">
        <v>45746</v>
      </c>
      <c r="F31395" s="14" t="s">
        <v>25</v>
      </c>
      <c r="G31395" s="16">
        <v>0.10773995451987807</v>
      </c>
    </row>
    <row r="31396" spans="1:7" x14ac:dyDescent="0.3">
      <c r="A31396" s="13" t="s">
        <v>194</v>
      </c>
      <c r="B31396" s="14" t="s">
        <v>1</v>
      </c>
      <c r="C31396" s="14" t="s">
        <v>35</v>
      </c>
      <c r="D31396" s="14" t="s">
        <v>195</v>
      </c>
      <c r="E31396" s="15">
        <v>45747</v>
      </c>
      <c r="F31396" s="14" t="s">
        <v>25</v>
      </c>
      <c r="G31396" s="16">
        <v>0.10773995451987807</v>
      </c>
    </row>
    <row r="31397" spans="1:7" x14ac:dyDescent="0.3">
      <c r="A31397" s="13" t="s">
        <v>196</v>
      </c>
      <c r="B31397" s="14" t="s">
        <v>1</v>
      </c>
      <c r="C31397" s="14" t="s">
        <v>109</v>
      </c>
      <c r="D31397" s="14" t="s">
        <v>197</v>
      </c>
      <c r="E31397" s="15">
        <v>45383</v>
      </c>
      <c r="F31397" s="14" t="s">
        <v>15</v>
      </c>
      <c r="G31397" s="16">
        <v>0</v>
      </c>
    </row>
    <row r="31398" spans="1:7" x14ac:dyDescent="0.3">
      <c r="A31398" s="13" t="s">
        <v>196</v>
      </c>
      <c r="B31398" s="14" t="s">
        <v>1</v>
      </c>
      <c r="C31398" s="14" t="s">
        <v>109</v>
      </c>
      <c r="D31398" s="14" t="s">
        <v>197</v>
      </c>
      <c r="E31398" s="15">
        <v>45384</v>
      </c>
      <c r="F31398" s="14" t="s">
        <v>15</v>
      </c>
      <c r="G31398" s="16">
        <v>0</v>
      </c>
    </row>
    <row r="31399" spans="1:7" x14ac:dyDescent="0.3">
      <c r="A31399" s="13" t="s">
        <v>196</v>
      </c>
      <c r="B31399" s="14" t="s">
        <v>1</v>
      </c>
      <c r="C31399" s="14" t="s">
        <v>109</v>
      </c>
      <c r="D31399" s="14" t="s">
        <v>197</v>
      </c>
      <c r="E31399" s="15">
        <v>45385</v>
      </c>
      <c r="F31399" s="14" t="s">
        <v>15</v>
      </c>
      <c r="G31399" s="16">
        <v>0</v>
      </c>
    </row>
    <row r="31400" spans="1:7" x14ac:dyDescent="0.3">
      <c r="A31400" s="13" t="s">
        <v>196</v>
      </c>
      <c r="B31400" s="14" t="s">
        <v>1</v>
      </c>
      <c r="C31400" s="14" t="s">
        <v>109</v>
      </c>
      <c r="D31400" s="14" t="s">
        <v>197</v>
      </c>
      <c r="E31400" s="15">
        <v>45386</v>
      </c>
      <c r="F31400" s="14" t="s">
        <v>15</v>
      </c>
      <c r="G31400" s="16">
        <v>0</v>
      </c>
    </row>
    <row r="31401" spans="1:7" x14ac:dyDescent="0.3">
      <c r="A31401" s="13" t="s">
        <v>196</v>
      </c>
      <c r="B31401" s="14" t="s">
        <v>1</v>
      </c>
      <c r="C31401" s="14" t="s">
        <v>109</v>
      </c>
      <c r="D31401" s="14" t="s">
        <v>197</v>
      </c>
      <c r="E31401" s="15">
        <v>45387</v>
      </c>
      <c r="F31401" s="14" t="s">
        <v>15</v>
      </c>
      <c r="G31401" s="16">
        <v>0</v>
      </c>
    </row>
    <row r="31402" spans="1:7" x14ac:dyDescent="0.3">
      <c r="A31402" s="13" t="s">
        <v>196</v>
      </c>
      <c r="B31402" s="14" t="s">
        <v>1</v>
      </c>
      <c r="C31402" s="14" t="s">
        <v>109</v>
      </c>
      <c r="D31402" s="14" t="s">
        <v>197</v>
      </c>
      <c r="E31402" s="15">
        <v>45388</v>
      </c>
      <c r="F31402" s="14" t="s">
        <v>15</v>
      </c>
      <c r="G31402" s="16">
        <v>0</v>
      </c>
    </row>
    <row r="31403" spans="1:7" x14ac:dyDescent="0.3">
      <c r="A31403" s="13" t="s">
        <v>196</v>
      </c>
      <c r="B31403" s="14" t="s">
        <v>1</v>
      </c>
      <c r="C31403" s="14" t="s">
        <v>109</v>
      </c>
      <c r="D31403" s="14" t="s">
        <v>197</v>
      </c>
      <c r="E31403" s="15">
        <v>45389</v>
      </c>
      <c r="F31403" s="14" t="s">
        <v>15</v>
      </c>
      <c r="G31403" s="16">
        <v>0</v>
      </c>
    </row>
    <row r="31404" spans="1:7" x14ac:dyDescent="0.3">
      <c r="A31404" s="13" t="s">
        <v>196</v>
      </c>
      <c r="B31404" s="14" t="s">
        <v>1</v>
      </c>
      <c r="C31404" s="14" t="s">
        <v>109</v>
      </c>
      <c r="D31404" s="14" t="s">
        <v>197</v>
      </c>
      <c r="E31404" s="15">
        <v>45390</v>
      </c>
      <c r="F31404" s="14" t="s">
        <v>15</v>
      </c>
      <c r="G31404" s="16">
        <v>0</v>
      </c>
    </row>
    <row r="31405" spans="1:7" x14ac:dyDescent="0.3">
      <c r="A31405" s="13" t="s">
        <v>196</v>
      </c>
      <c r="B31405" s="14" t="s">
        <v>1</v>
      </c>
      <c r="C31405" s="14" t="s">
        <v>109</v>
      </c>
      <c r="D31405" s="14" t="s">
        <v>197</v>
      </c>
      <c r="E31405" s="15">
        <v>45391</v>
      </c>
      <c r="F31405" s="14" t="s">
        <v>15</v>
      </c>
      <c r="G31405" s="16">
        <v>0</v>
      </c>
    </row>
    <row r="31406" spans="1:7" x14ac:dyDescent="0.3">
      <c r="A31406" s="13" t="s">
        <v>196</v>
      </c>
      <c r="B31406" s="14" t="s">
        <v>1</v>
      </c>
      <c r="C31406" s="14" t="s">
        <v>109</v>
      </c>
      <c r="D31406" s="14" t="s">
        <v>197</v>
      </c>
      <c r="E31406" s="15">
        <v>45392</v>
      </c>
      <c r="F31406" s="14" t="s">
        <v>15</v>
      </c>
      <c r="G31406" s="16">
        <v>0</v>
      </c>
    </row>
    <row r="31407" spans="1:7" x14ac:dyDescent="0.3">
      <c r="A31407" s="13" t="s">
        <v>196</v>
      </c>
      <c r="B31407" s="14" t="s">
        <v>1</v>
      </c>
      <c r="C31407" s="14" t="s">
        <v>109</v>
      </c>
      <c r="D31407" s="14" t="s">
        <v>197</v>
      </c>
      <c r="E31407" s="15">
        <v>45393</v>
      </c>
      <c r="F31407" s="14" t="s">
        <v>15</v>
      </c>
      <c r="G31407" s="16">
        <v>0</v>
      </c>
    </row>
    <row r="31408" spans="1:7" x14ac:dyDescent="0.3">
      <c r="A31408" s="13" t="s">
        <v>196</v>
      </c>
      <c r="B31408" s="14" t="s">
        <v>1</v>
      </c>
      <c r="C31408" s="14" t="s">
        <v>109</v>
      </c>
      <c r="D31408" s="14" t="s">
        <v>197</v>
      </c>
      <c r="E31408" s="15">
        <v>45394</v>
      </c>
      <c r="F31408" s="14" t="s">
        <v>15</v>
      </c>
      <c r="G31408" s="16">
        <v>0</v>
      </c>
    </row>
    <row r="31409" spans="1:7" x14ac:dyDescent="0.3">
      <c r="A31409" s="13" t="s">
        <v>196</v>
      </c>
      <c r="B31409" s="14" t="s">
        <v>1</v>
      </c>
      <c r="C31409" s="14" t="s">
        <v>109</v>
      </c>
      <c r="D31409" s="14" t="s">
        <v>197</v>
      </c>
      <c r="E31409" s="15">
        <v>45395</v>
      </c>
      <c r="F31409" s="14" t="s">
        <v>15</v>
      </c>
      <c r="G31409" s="16">
        <v>0</v>
      </c>
    </row>
    <row r="31410" spans="1:7" x14ac:dyDescent="0.3">
      <c r="A31410" s="13" t="s">
        <v>196</v>
      </c>
      <c r="B31410" s="14" t="s">
        <v>1</v>
      </c>
      <c r="C31410" s="14" t="s">
        <v>109</v>
      </c>
      <c r="D31410" s="14" t="s">
        <v>197</v>
      </c>
      <c r="E31410" s="15">
        <v>45396</v>
      </c>
      <c r="F31410" s="14" t="s">
        <v>15</v>
      </c>
      <c r="G31410" s="16">
        <v>0</v>
      </c>
    </row>
    <row r="31411" spans="1:7" x14ac:dyDescent="0.3">
      <c r="A31411" s="13" t="s">
        <v>196</v>
      </c>
      <c r="B31411" s="14" t="s">
        <v>1</v>
      </c>
      <c r="C31411" s="14" t="s">
        <v>109</v>
      </c>
      <c r="D31411" s="14" t="s">
        <v>197</v>
      </c>
      <c r="E31411" s="15">
        <v>45397</v>
      </c>
      <c r="F31411" s="14" t="s">
        <v>15</v>
      </c>
      <c r="G31411" s="16">
        <v>0</v>
      </c>
    </row>
    <row r="31412" spans="1:7" x14ac:dyDescent="0.3">
      <c r="A31412" s="13" t="s">
        <v>196</v>
      </c>
      <c r="B31412" s="14" t="s">
        <v>1</v>
      </c>
      <c r="C31412" s="14" t="s">
        <v>109</v>
      </c>
      <c r="D31412" s="14" t="s">
        <v>197</v>
      </c>
      <c r="E31412" s="15">
        <v>45398</v>
      </c>
      <c r="F31412" s="14" t="s">
        <v>15</v>
      </c>
      <c r="G31412" s="16">
        <v>0</v>
      </c>
    </row>
    <row r="31413" spans="1:7" x14ac:dyDescent="0.3">
      <c r="A31413" s="13" t="s">
        <v>196</v>
      </c>
      <c r="B31413" s="14" t="s">
        <v>1</v>
      </c>
      <c r="C31413" s="14" t="s">
        <v>109</v>
      </c>
      <c r="D31413" s="14" t="s">
        <v>197</v>
      </c>
      <c r="E31413" s="15">
        <v>45399</v>
      </c>
      <c r="F31413" s="14" t="s">
        <v>15</v>
      </c>
      <c r="G31413" s="16">
        <v>0</v>
      </c>
    </row>
    <row r="31414" spans="1:7" x14ac:dyDescent="0.3">
      <c r="A31414" s="13" t="s">
        <v>196</v>
      </c>
      <c r="B31414" s="14" t="s">
        <v>1</v>
      </c>
      <c r="C31414" s="14" t="s">
        <v>109</v>
      </c>
      <c r="D31414" s="14" t="s">
        <v>197</v>
      </c>
      <c r="E31414" s="15">
        <v>45400</v>
      </c>
      <c r="F31414" s="14" t="s">
        <v>15</v>
      </c>
      <c r="G31414" s="16">
        <v>0</v>
      </c>
    </row>
    <row r="31415" spans="1:7" x14ac:dyDescent="0.3">
      <c r="A31415" s="13" t="s">
        <v>196</v>
      </c>
      <c r="B31415" s="14" t="s">
        <v>1</v>
      </c>
      <c r="C31415" s="14" t="s">
        <v>109</v>
      </c>
      <c r="D31415" s="14" t="s">
        <v>197</v>
      </c>
      <c r="E31415" s="15">
        <v>45401</v>
      </c>
      <c r="F31415" s="14" t="s">
        <v>15</v>
      </c>
      <c r="G31415" s="16">
        <v>0</v>
      </c>
    </row>
    <row r="31416" spans="1:7" x14ac:dyDescent="0.3">
      <c r="A31416" s="13" t="s">
        <v>196</v>
      </c>
      <c r="B31416" s="14" t="s">
        <v>1</v>
      </c>
      <c r="C31416" s="14" t="s">
        <v>109</v>
      </c>
      <c r="D31416" s="14" t="s">
        <v>197</v>
      </c>
      <c r="E31416" s="15">
        <v>45402</v>
      </c>
      <c r="F31416" s="14" t="s">
        <v>15</v>
      </c>
      <c r="G31416" s="16">
        <v>0</v>
      </c>
    </row>
    <row r="31417" spans="1:7" x14ac:dyDescent="0.3">
      <c r="A31417" s="13" t="s">
        <v>196</v>
      </c>
      <c r="B31417" s="14" t="s">
        <v>1</v>
      </c>
      <c r="C31417" s="14" t="s">
        <v>109</v>
      </c>
      <c r="D31417" s="14" t="s">
        <v>197</v>
      </c>
      <c r="E31417" s="15">
        <v>45403</v>
      </c>
      <c r="F31417" s="14" t="s">
        <v>15</v>
      </c>
      <c r="G31417" s="16">
        <v>0</v>
      </c>
    </row>
    <row r="31418" spans="1:7" x14ac:dyDescent="0.3">
      <c r="A31418" s="13" t="s">
        <v>196</v>
      </c>
      <c r="B31418" s="14" t="s">
        <v>1</v>
      </c>
      <c r="C31418" s="14" t="s">
        <v>109</v>
      </c>
      <c r="D31418" s="14" t="s">
        <v>197</v>
      </c>
      <c r="E31418" s="15">
        <v>45404</v>
      </c>
      <c r="F31418" s="14" t="s">
        <v>15</v>
      </c>
      <c r="G31418" s="16">
        <v>0</v>
      </c>
    </row>
    <row r="31419" spans="1:7" x14ac:dyDescent="0.3">
      <c r="A31419" s="13" t="s">
        <v>196</v>
      </c>
      <c r="B31419" s="14" t="s">
        <v>1</v>
      </c>
      <c r="C31419" s="14" t="s">
        <v>109</v>
      </c>
      <c r="D31419" s="14" t="s">
        <v>197</v>
      </c>
      <c r="E31419" s="15">
        <v>45405</v>
      </c>
      <c r="F31419" s="14" t="s">
        <v>15</v>
      </c>
      <c r="G31419" s="16">
        <v>0</v>
      </c>
    </row>
    <row r="31420" spans="1:7" x14ac:dyDescent="0.3">
      <c r="A31420" s="13" t="s">
        <v>196</v>
      </c>
      <c r="B31420" s="14" t="s">
        <v>1</v>
      </c>
      <c r="C31420" s="14" t="s">
        <v>109</v>
      </c>
      <c r="D31420" s="14" t="s">
        <v>197</v>
      </c>
      <c r="E31420" s="15">
        <v>45406</v>
      </c>
      <c r="F31420" s="14" t="s">
        <v>15</v>
      </c>
      <c r="G31420" s="16">
        <v>0</v>
      </c>
    </row>
    <row r="31421" spans="1:7" x14ac:dyDescent="0.3">
      <c r="A31421" s="13" t="s">
        <v>196</v>
      </c>
      <c r="B31421" s="14" t="s">
        <v>1</v>
      </c>
      <c r="C31421" s="14" t="s">
        <v>109</v>
      </c>
      <c r="D31421" s="14" t="s">
        <v>197</v>
      </c>
      <c r="E31421" s="15">
        <v>45407</v>
      </c>
      <c r="F31421" s="14" t="s">
        <v>15</v>
      </c>
      <c r="G31421" s="16">
        <v>0</v>
      </c>
    </row>
    <row r="31422" spans="1:7" x14ac:dyDescent="0.3">
      <c r="A31422" s="13" t="s">
        <v>196</v>
      </c>
      <c r="B31422" s="14" t="s">
        <v>1</v>
      </c>
      <c r="C31422" s="14" t="s">
        <v>109</v>
      </c>
      <c r="D31422" s="14" t="s">
        <v>197</v>
      </c>
      <c r="E31422" s="15">
        <v>45408</v>
      </c>
      <c r="F31422" s="14" t="s">
        <v>15</v>
      </c>
      <c r="G31422" s="16">
        <v>0</v>
      </c>
    </row>
    <row r="31423" spans="1:7" x14ac:dyDescent="0.3">
      <c r="A31423" s="13" t="s">
        <v>196</v>
      </c>
      <c r="B31423" s="14" t="s">
        <v>1</v>
      </c>
      <c r="C31423" s="14" t="s">
        <v>109</v>
      </c>
      <c r="D31423" s="14" t="s">
        <v>197</v>
      </c>
      <c r="E31423" s="15">
        <v>45409</v>
      </c>
      <c r="F31423" s="14" t="s">
        <v>15</v>
      </c>
      <c r="G31423" s="16">
        <v>0</v>
      </c>
    </row>
    <row r="31424" spans="1:7" x14ac:dyDescent="0.3">
      <c r="A31424" s="13" t="s">
        <v>196</v>
      </c>
      <c r="B31424" s="14" t="s">
        <v>1</v>
      </c>
      <c r="C31424" s="14" t="s">
        <v>109</v>
      </c>
      <c r="D31424" s="14" t="s">
        <v>197</v>
      </c>
      <c r="E31424" s="15">
        <v>45410</v>
      </c>
      <c r="F31424" s="14" t="s">
        <v>15</v>
      </c>
      <c r="G31424" s="16">
        <v>0</v>
      </c>
    </row>
    <row r="31425" spans="1:7" x14ac:dyDescent="0.3">
      <c r="A31425" s="13" t="s">
        <v>196</v>
      </c>
      <c r="B31425" s="14" t="s">
        <v>1</v>
      </c>
      <c r="C31425" s="14" t="s">
        <v>109</v>
      </c>
      <c r="D31425" s="14" t="s">
        <v>197</v>
      </c>
      <c r="E31425" s="15">
        <v>45411</v>
      </c>
      <c r="F31425" s="14" t="s">
        <v>15</v>
      </c>
      <c r="G31425" s="16">
        <v>0</v>
      </c>
    </row>
    <row r="31426" spans="1:7" x14ac:dyDescent="0.3">
      <c r="A31426" s="13" t="s">
        <v>196</v>
      </c>
      <c r="B31426" s="14" t="s">
        <v>1</v>
      </c>
      <c r="C31426" s="14" t="s">
        <v>109</v>
      </c>
      <c r="D31426" s="14" t="s">
        <v>197</v>
      </c>
      <c r="E31426" s="15">
        <v>45412</v>
      </c>
      <c r="F31426" s="14" t="s">
        <v>15</v>
      </c>
      <c r="G31426" s="16">
        <v>0</v>
      </c>
    </row>
    <row r="31427" spans="1:7" x14ac:dyDescent="0.3">
      <c r="A31427" s="13" t="s">
        <v>196</v>
      </c>
      <c r="B31427" s="14" t="s">
        <v>1</v>
      </c>
      <c r="C31427" s="14" t="s">
        <v>109</v>
      </c>
      <c r="D31427" s="14" t="s">
        <v>197</v>
      </c>
      <c r="E31427" s="15">
        <v>45413</v>
      </c>
      <c r="F31427" s="14" t="s">
        <v>15</v>
      </c>
      <c r="G31427" s="16">
        <v>0</v>
      </c>
    </row>
    <row r="31428" spans="1:7" x14ac:dyDescent="0.3">
      <c r="A31428" s="13" t="s">
        <v>196</v>
      </c>
      <c r="B31428" s="14" t="s">
        <v>1</v>
      </c>
      <c r="C31428" s="14" t="s">
        <v>109</v>
      </c>
      <c r="D31428" s="14" t="s">
        <v>197</v>
      </c>
      <c r="E31428" s="15">
        <v>45414</v>
      </c>
      <c r="F31428" s="14" t="s">
        <v>15</v>
      </c>
      <c r="G31428" s="16">
        <v>0</v>
      </c>
    </row>
    <row r="31429" spans="1:7" x14ac:dyDescent="0.3">
      <c r="A31429" s="13" t="s">
        <v>196</v>
      </c>
      <c r="B31429" s="14" t="s">
        <v>1</v>
      </c>
      <c r="C31429" s="14" t="s">
        <v>109</v>
      </c>
      <c r="D31429" s="14" t="s">
        <v>197</v>
      </c>
      <c r="E31429" s="15">
        <v>45415</v>
      </c>
      <c r="F31429" s="14" t="s">
        <v>15</v>
      </c>
      <c r="G31429" s="16">
        <v>0</v>
      </c>
    </row>
    <row r="31430" spans="1:7" x14ac:dyDescent="0.3">
      <c r="A31430" s="13" t="s">
        <v>196</v>
      </c>
      <c r="B31430" s="14" t="s">
        <v>1</v>
      </c>
      <c r="C31430" s="14" t="s">
        <v>109</v>
      </c>
      <c r="D31430" s="14" t="s">
        <v>197</v>
      </c>
      <c r="E31430" s="15">
        <v>45416</v>
      </c>
      <c r="F31430" s="14" t="s">
        <v>15</v>
      </c>
      <c r="G31430" s="16">
        <v>0</v>
      </c>
    </row>
    <row r="31431" spans="1:7" x14ac:dyDescent="0.3">
      <c r="A31431" s="13" t="s">
        <v>196</v>
      </c>
      <c r="B31431" s="14" t="s">
        <v>1</v>
      </c>
      <c r="C31431" s="14" t="s">
        <v>109</v>
      </c>
      <c r="D31431" s="14" t="s">
        <v>197</v>
      </c>
      <c r="E31431" s="15">
        <v>45417</v>
      </c>
      <c r="F31431" s="14" t="s">
        <v>15</v>
      </c>
      <c r="G31431" s="16">
        <v>0</v>
      </c>
    </row>
    <row r="31432" spans="1:7" x14ac:dyDescent="0.3">
      <c r="A31432" s="13" t="s">
        <v>196</v>
      </c>
      <c r="B31432" s="14" t="s">
        <v>1</v>
      </c>
      <c r="C31432" s="14" t="s">
        <v>109</v>
      </c>
      <c r="D31432" s="14" t="s">
        <v>197</v>
      </c>
      <c r="E31432" s="15">
        <v>45418</v>
      </c>
      <c r="F31432" s="14" t="s">
        <v>15</v>
      </c>
      <c r="G31432" s="16">
        <v>0</v>
      </c>
    </row>
    <row r="31433" spans="1:7" x14ac:dyDescent="0.3">
      <c r="A31433" s="13" t="s">
        <v>196</v>
      </c>
      <c r="B31433" s="14" t="s">
        <v>1</v>
      </c>
      <c r="C31433" s="14" t="s">
        <v>109</v>
      </c>
      <c r="D31433" s="14" t="s">
        <v>197</v>
      </c>
      <c r="E31433" s="15">
        <v>45419</v>
      </c>
      <c r="F31433" s="14" t="s">
        <v>15</v>
      </c>
      <c r="G31433" s="16">
        <v>0</v>
      </c>
    </row>
    <row r="31434" spans="1:7" x14ac:dyDescent="0.3">
      <c r="A31434" s="13" t="s">
        <v>196</v>
      </c>
      <c r="B31434" s="14" t="s">
        <v>1</v>
      </c>
      <c r="C31434" s="14" t="s">
        <v>109</v>
      </c>
      <c r="D31434" s="14" t="s">
        <v>197</v>
      </c>
      <c r="E31434" s="15">
        <v>45420</v>
      </c>
      <c r="F31434" s="14" t="s">
        <v>15</v>
      </c>
      <c r="G31434" s="16">
        <v>0</v>
      </c>
    </row>
    <row r="31435" spans="1:7" x14ac:dyDescent="0.3">
      <c r="A31435" s="13" t="s">
        <v>196</v>
      </c>
      <c r="B31435" s="14" t="s">
        <v>1</v>
      </c>
      <c r="C31435" s="14" t="s">
        <v>109</v>
      </c>
      <c r="D31435" s="14" t="s">
        <v>197</v>
      </c>
      <c r="E31435" s="15">
        <v>45421</v>
      </c>
      <c r="F31435" s="14" t="s">
        <v>15</v>
      </c>
      <c r="G31435" s="16">
        <v>0</v>
      </c>
    </row>
    <row r="31436" spans="1:7" x14ac:dyDescent="0.3">
      <c r="A31436" s="13" t="s">
        <v>196</v>
      </c>
      <c r="B31436" s="14" t="s">
        <v>1</v>
      </c>
      <c r="C31436" s="14" t="s">
        <v>109</v>
      </c>
      <c r="D31436" s="14" t="s">
        <v>197</v>
      </c>
      <c r="E31436" s="15">
        <v>45422</v>
      </c>
      <c r="F31436" s="14" t="s">
        <v>15</v>
      </c>
      <c r="G31436" s="16">
        <v>0</v>
      </c>
    </row>
    <row r="31437" spans="1:7" x14ac:dyDescent="0.3">
      <c r="A31437" s="13" t="s">
        <v>196</v>
      </c>
      <c r="B31437" s="14" t="s">
        <v>1</v>
      </c>
      <c r="C31437" s="14" t="s">
        <v>109</v>
      </c>
      <c r="D31437" s="14" t="s">
        <v>197</v>
      </c>
      <c r="E31437" s="15">
        <v>45423</v>
      </c>
      <c r="F31437" s="14" t="s">
        <v>15</v>
      </c>
      <c r="G31437" s="16">
        <v>0</v>
      </c>
    </row>
    <row r="31438" spans="1:7" x14ac:dyDescent="0.3">
      <c r="A31438" s="13" t="s">
        <v>196</v>
      </c>
      <c r="B31438" s="14" t="s">
        <v>1</v>
      </c>
      <c r="C31438" s="14" t="s">
        <v>109</v>
      </c>
      <c r="D31438" s="14" t="s">
        <v>197</v>
      </c>
      <c r="E31438" s="15">
        <v>45424</v>
      </c>
      <c r="F31438" s="14" t="s">
        <v>15</v>
      </c>
      <c r="G31438" s="16">
        <v>0</v>
      </c>
    </row>
    <row r="31439" spans="1:7" x14ac:dyDescent="0.3">
      <c r="A31439" s="13" t="s">
        <v>196</v>
      </c>
      <c r="B31439" s="14" t="s">
        <v>1</v>
      </c>
      <c r="C31439" s="14" t="s">
        <v>109</v>
      </c>
      <c r="D31439" s="14" t="s">
        <v>197</v>
      </c>
      <c r="E31439" s="15">
        <v>45425</v>
      </c>
      <c r="F31439" s="14" t="s">
        <v>15</v>
      </c>
      <c r="G31439" s="16">
        <v>0</v>
      </c>
    </row>
    <row r="31440" spans="1:7" x14ac:dyDescent="0.3">
      <c r="A31440" s="13" t="s">
        <v>196</v>
      </c>
      <c r="B31440" s="14" t="s">
        <v>1</v>
      </c>
      <c r="C31440" s="14" t="s">
        <v>109</v>
      </c>
      <c r="D31440" s="14" t="s">
        <v>197</v>
      </c>
      <c r="E31440" s="15">
        <v>45426</v>
      </c>
      <c r="F31440" s="14" t="s">
        <v>15</v>
      </c>
      <c r="G31440" s="16">
        <v>0</v>
      </c>
    </row>
    <row r="31441" spans="1:7" x14ac:dyDescent="0.3">
      <c r="A31441" s="13" t="s">
        <v>196</v>
      </c>
      <c r="B31441" s="14" t="s">
        <v>1</v>
      </c>
      <c r="C31441" s="14" t="s">
        <v>109</v>
      </c>
      <c r="D31441" s="14" t="s">
        <v>197</v>
      </c>
      <c r="E31441" s="15">
        <v>45427</v>
      </c>
      <c r="F31441" s="14" t="s">
        <v>15</v>
      </c>
      <c r="G31441" s="16">
        <v>0</v>
      </c>
    </row>
    <row r="31442" spans="1:7" x14ac:dyDescent="0.3">
      <c r="A31442" s="13" t="s">
        <v>196</v>
      </c>
      <c r="B31442" s="14" t="s">
        <v>1</v>
      </c>
      <c r="C31442" s="14" t="s">
        <v>109</v>
      </c>
      <c r="D31442" s="14" t="s">
        <v>197</v>
      </c>
      <c r="E31442" s="15">
        <v>45428</v>
      </c>
      <c r="F31442" s="14" t="s">
        <v>15</v>
      </c>
      <c r="G31442" s="16">
        <v>0</v>
      </c>
    </row>
    <row r="31443" spans="1:7" x14ac:dyDescent="0.3">
      <c r="A31443" s="13" t="s">
        <v>196</v>
      </c>
      <c r="B31443" s="14" t="s">
        <v>1</v>
      </c>
      <c r="C31443" s="14" t="s">
        <v>109</v>
      </c>
      <c r="D31443" s="14" t="s">
        <v>197</v>
      </c>
      <c r="E31443" s="15">
        <v>45429</v>
      </c>
      <c r="F31443" s="14" t="s">
        <v>15</v>
      </c>
      <c r="G31443" s="16">
        <v>0</v>
      </c>
    </row>
    <row r="31444" spans="1:7" x14ac:dyDescent="0.3">
      <c r="A31444" s="13" t="s">
        <v>196</v>
      </c>
      <c r="B31444" s="14" t="s">
        <v>1</v>
      </c>
      <c r="C31444" s="14" t="s">
        <v>109</v>
      </c>
      <c r="D31444" s="14" t="s">
        <v>197</v>
      </c>
      <c r="E31444" s="15">
        <v>45430</v>
      </c>
      <c r="F31444" s="14" t="s">
        <v>15</v>
      </c>
      <c r="G31444" s="16">
        <v>0</v>
      </c>
    </row>
    <row r="31445" spans="1:7" x14ac:dyDescent="0.3">
      <c r="A31445" s="13" t="s">
        <v>196</v>
      </c>
      <c r="B31445" s="14" t="s">
        <v>1</v>
      </c>
      <c r="C31445" s="14" t="s">
        <v>109</v>
      </c>
      <c r="D31445" s="14" t="s">
        <v>197</v>
      </c>
      <c r="E31445" s="15">
        <v>45431</v>
      </c>
      <c r="F31445" s="14" t="s">
        <v>15</v>
      </c>
      <c r="G31445" s="16">
        <v>0</v>
      </c>
    </row>
    <row r="31446" spans="1:7" x14ac:dyDescent="0.3">
      <c r="A31446" s="13" t="s">
        <v>196</v>
      </c>
      <c r="B31446" s="14" t="s">
        <v>1</v>
      </c>
      <c r="C31446" s="14" t="s">
        <v>109</v>
      </c>
      <c r="D31446" s="14" t="s">
        <v>197</v>
      </c>
      <c r="E31446" s="15">
        <v>45432</v>
      </c>
      <c r="F31446" s="14" t="s">
        <v>15</v>
      </c>
      <c r="G31446" s="16">
        <v>0</v>
      </c>
    </row>
    <row r="31447" spans="1:7" x14ac:dyDescent="0.3">
      <c r="A31447" s="13" t="s">
        <v>196</v>
      </c>
      <c r="B31447" s="14" t="s">
        <v>1</v>
      </c>
      <c r="C31447" s="14" t="s">
        <v>109</v>
      </c>
      <c r="D31447" s="14" t="s">
        <v>197</v>
      </c>
      <c r="E31447" s="15">
        <v>45433</v>
      </c>
      <c r="F31447" s="14" t="s">
        <v>15</v>
      </c>
      <c r="G31447" s="16">
        <v>0</v>
      </c>
    </row>
    <row r="31448" spans="1:7" x14ac:dyDescent="0.3">
      <c r="A31448" s="13" t="s">
        <v>196</v>
      </c>
      <c r="B31448" s="14" t="s">
        <v>1</v>
      </c>
      <c r="C31448" s="14" t="s">
        <v>109</v>
      </c>
      <c r="D31448" s="14" t="s">
        <v>197</v>
      </c>
      <c r="E31448" s="15">
        <v>45434</v>
      </c>
      <c r="F31448" s="14" t="s">
        <v>15</v>
      </c>
      <c r="G31448" s="16">
        <v>0</v>
      </c>
    </row>
    <row r="31449" spans="1:7" x14ac:dyDescent="0.3">
      <c r="A31449" s="13" t="s">
        <v>196</v>
      </c>
      <c r="B31449" s="14" t="s">
        <v>1</v>
      </c>
      <c r="C31449" s="14" t="s">
        <v>109</v>
      </c>
      <c r="D31449" s="14" t="s">
        <v>197</v>
      </c>
      <c r="E31449" s="15">
        <v>45435</v>
      </c>
      <c r="F31449" s="14" t="s">
        <v>15</v>
      </c>
      <c r="G31449" s="16">
        <v>0</v>
      </c>
    </row>
    <row r="31450" spans="1:7" x14ac:dyDescent="0.3">
      <c r="A31450" s="13" t="s">
        <v>196</v>
      </c>
      <c r="B31450" s="14" t="s">
        <v>1</v>
      </c>
      <c r="C31450" s="14" t="s">
        <v>109</v>
      </c>
      <c r="D31450" s="14" t="s">
        <v>197</v>
      </c>
      <c r="E31450" s="15">
        <v>45436</v>
      </c>
      <c r="F31450" s="14" t="s">
        <v>15</v>
      </c>
      <c r="G31450" s="16">
        <v>0</v>
      </c>
    </row>
    <row r="31451" spans="1:7" x14ac:dyDescent="0.3">
      <c r="A31451" s="13" t="s">
        <v>196</v>
      </c>
      <c r="B31451" s="14" t="s">
        <v>1</v>
      </c>
      <c r="C31451" s="14" t="s">
        <v>109</v>
      </c>
      <c r="D31451" s="14" t="s">
        <v>197</v>
      </c>
      <c r="E31451" s="15">
        <v>45437</v>
      </c>
      <c r="F31451" s="14" t="s">
        <v>15</v>
      </c>
      <c r="G31451" s="16">
        <v>0</v>
      </c>
    </row>
    <row r="31452" spans="1:7" x14ac:dyDescent="0.3">
      <c r="A31452" s="13" t="s">
        <v>196</v>
      </c>
      <c r="B31452" s="14" t="s">
        <v>1</v>
      </c>
      <c r="C31452" s="14" t="s">
        <v>109</v>
      </c>
      <c r="D31452" s="14" t="s">
        <v>197</v>
      </c>
      <c r="E31452" s="15">
        <v>45438</v>
      </c>
      <c r="F31452" s="14" t="s">
        <v>15</v>
      </c>
      <c r="G31452" s="16">
        <v>0</v>
      </c>
    </row>
    <row r="31453" spans="1:7" x14ac:dyDescent="0.3">
      <c r="A31453" s="13" t="s">
        <v>196</v>
      </c>
      <c r="B31453" s="14" t="s">
        <v>1</v>
      </c>
      <c r="C31453" s="14" t="s">
        <v>109</v>
      </c>
      <c r="D31453" s="14" t="s">
        <v>197</v>
      </c>
      <c r="E31453" s="15">
        <v>45439</v>
      </c>
      <c r="F31453" s="14" t="s">
        <v>15</v>
      </c>
      <c r="G31453" s="16">
        <v>0</v>
      </c>
    </row>
    <row r="31454" spans="1:7" x14ac:dyDescent="0.3">
      <c r="A31454" s="13" t="s">
        <v>196</v>
      </c>
      <c r="B31454" s="14" t="s">
        <v>1</v>
      </c>
      <c r="C31454" s="14" t="s">
        <v>109</v>
      </c>
      <c r="D31454" s="14" t="s">
        <v>197</v>
      </c>
      <c r="E31454" s="15">
        <v>45440</v>
      </c>
      <c r="F31454" s="14" t="s">
        <v>15</v>
      </c>
      <c r="G31454" s="16">
        <v>0</v>
      </c>
    </row>
    <row r="31455" spans="1:7" x14ac:dyDescent="0.3">
      <c r="A31455" s="13" t="s">
        <v>196</v>
      </c>
      <c r="B31455" s="14" t="s">
        <v>1</v>
      </c>
      <c r="C31455" s="14" t="s">
        <v>109</v>
      </c>
      <c r="D31455" s="14" t="s">
        <v>197</v>
      </c>
      <c r="E31455" s="15">
        <v>45441</v>
      </c>
      <c r="F31455" s="14" t="s">
        <v>15</v>
      </c>
      <c r="G31455" s="16">
        <v>0</v>
      </c>
    </row>
    <row r="31456" spans="1:7" x14ac:dyDescent="0.3">
      <c r="A31456" s="13" t="s">
        <v>196</v>
      </c>
      <c r="B31456" s="14" t="s">
        <v>1</v>
      </c>
      <c r="C31456" s="14" t="s">
        <v>109</v>
      </c>
      <c r="D31456" s="14" t="s">
        <v>197</v>
      </c>
      <c r="E31456" s="15">
        <v>45442</v>
      </c>
      <c r="F31456" s="14" t="s">
        <v>15</v>
      </c>
      <c r="G31456" s="16">
        <v>0</v>
      </c>
    </row>
    <row r="31457" spans="1:7" x14ac:dyDescent="0.3">
      <c r="A31457" s="13" t="s">
        <v>196</v>
      </c>
      <c r="B31457" s="14" t="s">
        <v>1</v>
      </c>
      <c r="C31457" s="14" t="s">
        <v>109</v>
      </c>
      <c r="D31457" s="14" t="s">
        <v>197</v>
      </c>
      <c r="E31457" s="15">
        <v>45443</v>
      </c>
      <c r="F31457" s="14" t="s">
        <v>15</v>
      </c>
      <c r="G31457" s="16">
        <v>0</v>
      </c>
    </row>
    <row r="31458" spans="1:7" x14ac:dyDescent="0.3">
      <c r="A31458" s="13" t="s">
        <v>196</v>
      </c>
      <c r="B31458" s="14" t="s">
        <v>1</v>
      </c>
      <c r="C31458" s="14" t="s">
        <v>109</v>
      </c>
      <c r="D31458" s="14" t="s">
        <v>197</v>
      </c>
      <c r="E31458" s="15">
        <v>45444</v>
      </c>
      <c r="F31458" s="14" t="s">
        <v>15</v>
      </c>
      <c r="G31458" s="16">
        <v>0</v>
      </c>
    </row>
    <row r="31459" spans="1:7" x14ac:dyDescent="0.3">
      <c r="A31459" s="13" t="s">
        <v>196</v>
      </c>
      <c r="B31459" s="14" t="s">
        <v>1</v>
      </c>
      <c r="C31459" s="14" t="s">
        <v>109</v>
      </c>
      <c r="D31459" s="14" t="s">
        <v>197</v>
      </c>
      <c r="E31459" s="15">
        <v>45445</v>
      </c>
      <c r="F31459" s="14" t="s">
        <v>15</v>
      </c>
      <c r="G31459" s="16">
        <v>0</v>
      </c>
    </row>
    <row r="31460" spans="1:7" x14ac:dyDescent="0.3">
      <c r="A31460" s="13" t="s">
        <v>196</v>
      </c>
      <c r="B31460" s="14" t="s">
        <v>1</v>
      </c>
      <c r="C31460" s="14" t="s">
        <v>109</v>
      </c>
      <c r="D31460" s="14" t="s">
        <v>197</v>
      </c>
      <c r="E31460" s="15">
        <v>45446</v>
      </c>
      <c r="F31460" s="14" t="s">
        <v>15</v>
      </c>
      <c r="G31460" s="16">
        <v>0</v>
      </c>
    </row>
    <row r="31461" spans="1:7" x14ac:dyDescent="0.3">
      <c r="A31461" s="13" t="s">
        <v>196</v>
      </c>
      <c r="B31461" s="14" t="s">
        <v>1</v>
      </c>
      <c r="C31461" s="14" t="s">
        <v>109</v>
      </c>
      <c r="D31461" s="14" t="s">
        <v>197</v>
      </c>
      <c r="E31461" s="15">
        <v>45447</v>
      </c>
      <c r="F31461" s="14" t="s">
        <v>15</v>
      </c>
      <c r="G31461" s="16">
        <v>0</v>
      </c>
    </row>
    <row r="31462" spans="1:7" x14ac:dyDescent="0.3">
      <c r="A31462" s="13" t="s">
        <v>196</v>
      </c>
      <c r="B31462" s="14" t="s">
        <v>1</v>
      </c>
      <c r="C31462" s="14" t="s">
        <v>109</v>
      </c>
      <c r="D31462" s="14" t="s">
        <v>197</v>
      </c>
      <c r="E31462" s="15">
        <v>45448</v>
      </c>
      <c r="F31462" s="14" t="s">
        <v>15</v>
      </c>
      <c r="G31462" s="16">
        <v>0</v>
      </c>
    </row>
    <row r="31463" spans="1:7" x14ac:dyDescent="0.3">
      <c r="A31463" s="13" t="s">
        <v>196</v>
      </c>
      <c r="B31463" s="14" t="s">
        <v>1</v>
      </c>
      <c r="C31463" s="14" t="s">
        <v>109</v>
      </c>
      <c r="D31463" s="14" t="s">
        <v>197</v>
      </c>
      <c r="E31463" s="15">
        <v>45449</v>
      </c>
      <c r="F31463" s="14" t="s">
        <v>15</v>
      </c>
      <c r="G31463" s="16">
        <v>0</v>
      </c>
    </row>
    <row r="31464" spans="1:7" x14ac:dyDescent="0.3">
      <c r="A31464" s="13" t="s">
        <v>196</v>
      </c>
      <c r="B31464" s="14" t="s">
        <v>1</v>
      </c>
      <c r="C31464" s="14" t="s">
        <v>109</v>
      </c>
      <c r="D31464" s="14" t="s">
        <v>197</v>
      </c>
      <c r="E31464" s="15">
        <v>45450</v>
      </c>
      <c r="F31464" s="14" t="s">
        <v>15</v>
      </c>
      <c r="G31464" s="16">
        <v>0</v>
      </c>
    </row>
    <row r="31465" spans="1:7" x14ac:dyDescent="0.3">
      <c r="A31465" s="13" t="s">
        <v>196</v>
      </c>
      <c r="B31465" s="14" t="s">
        <v>1</v>
      </c>
      <c r="C31465" s="14" t="s">
        <v>109</v>
      </c>
      <c r="D31465" s="14" t="s">
        <v>197</v>
      </c>
      <c r="E31465" s="15">
        <v>45451</v>
      </c>
      <c r="F31465" s="14" t="s">
        <v>15</v>
      </c>
      <c r="G31465" s="16">
        <v>0</v>
      </c>
    </row>
    <row r="31466" spans="1:7" x14ac:dyDescent="0.3">
      <c r="A31466" s="13" t="s">
        <v>196</v>
      </c>
      <c r="B31466" s="14" t="s">
        <v>1</v>
      </c>
      <c r="C31466" s="14" t="s">
        <v>109</v>
      </c>
      <c r="D31466" s="14" t="s">
        <v>197</v>
      </c>
      <c r="E31466" s="15">
        <v>45452</v>
      </c>
      <c r="F31466" s="14" t="s">
        <v>15</v>
      </c>
      <c r="G31466" s="16">
        <v>0</v>
      </c>
    </row>
    <row r="31467" spans="1:7" x14ac:dyDescent="0.3">
      <c r="A31467" s="13" t="s">
        <v>196</v>
      </c>
      <c r="B31467" s="14" t="s">
        <v>1</v>
      </c>
      <c r="C31467" s="14" t="s">
        <v>109</v>
      </c>
      <c r="D31467" s="14" t="s">
        <v>197</v>
      </c>
      <c r="E31467" s="15">
        <v>45453</v>
      </c>
      <c r="F31467" s="14" t="s">
        <v>15</v>
      </c>
      <c r="G31467" s="16">
        <v>0</v>
      </c>
    </row>
    <row r="31468" spans="1:7" x14ac:dyDescent="0.3">
      <c r="A31468" s="13" t="s">
        <v>196</v>
      </c>
      <c r="B31468" s="14" t="s">
        <v>1</v>
      </c>
      <c r="C31468" s="14" t="s">
        <v>109</v>
      </c>
      <c r="D31468" s="14" t="s">
        <v>197</v>
      </c>
      <c r="E31468" s="15">
        <v>45454</v>
      </c>
      <c r="F31468" s="14" t="s">
        <v>15</v>
      </c>
      <c r="G31468" s="16">
        <v>0</v>
      </c>
    </row>
    <row r="31469" spans="1:7" x14ac:dyDescent="0.3">
      <c r="A31469" s="13" t="s">
        <v>196</v>
      </c>
      <c r="B31469" s="14" t="s">
        <v>1</v>
      </c>
      <c r="C31469" s="14" t="s">
        <v>109</v>
      </c>
      <c r="D31469" s="14" t="s">
        <v>197</v>
      </c>
      <c r="E31469" s="15">
        <v>45455</v>
      </c>
      <c r="F31469" s="14" t="s">
        <v>15</v>
      </c>
      <c r="G31469" s="16">
        <v>0</v>
      </c>
    </row>
    <row r="31470" spans="1:7" x14ac:dyDescent="0.3">
      <c r="A31470" s="13" t="s">
        <v>196</v>
      </c>
      <c r="B31470" s="14" t="s">
        <v>1</v>
      </c>
      <c r="C31470" s="14" t="s">
        <v>109</v>
      </c>
      <c r="D31470" s="14" t="s">
        <v>197</v>
      </c>
      <c r="E31470" s="15">
        <v>45456</v>
      </c>
      <c r="F31470" s="14" t="s">
        <v>15</v>
      </c>
      <c r="G31470" s="16">
        <v>0</v>
      </c>
    </row>
    <row r="31471" spans="1:7" x14ac:dyDescent="0.3">
      <c r="A31471" s="13" t="s">
        <v>196</v>
      </c>
      <c r="B31471" s="14" t="s">
        <v>1</v>
      </c>
      <c r="C31471" s="14" t="s">
        <v>109</v>
      </c>
      <c r="D31471" s="14" t="s">
        <v>197</v>
      </c>
      <c r="E31471" s="15">
        <v>45457</v>
      </c>
      <c r="F31471" s="14" t="s">
        <v>15</v>
      </c>
      <c r="G31471" s="16">
        <v>0</v>
      </c>
    </row>
    <row r="31472" spans="1:7" x14ac:dyDescent="0.3">
      <c r="A31472" s="13" t="s">
        <v>196</v>
      </c>
      <c r="B31472" s="14" t="s">
        <v>1</v>
      </c>
      <c r="C31472" s="14" t="s">
        <v>109</v>
      </c>
      <c r="D31472" s="14" t="s">
        <v>197</v>
      </c>
      <c r="E31472" s="15">
        <v>45458</v>
      </c>
      <c r="F31472" s="14" t="s">
        <v>15</v>
      </c>
      <c r="G31472" s="16">
        <v>0</v>
      </c>
    </row>
    <row r="31473" spans="1:7" x14ac:dyDescent="0.3">
      <c r="A31473" s="13" t="s">
        <v>196</v>
      </c>
      <c r="B31473" s="14" t="s">
        <v>1</v>
      </c>
      <c r="C31473" s="14" t="s">
        <v>109</v>
      </c>
      <c r="D31473" s="14" t="s">
        <v>197</v>
      </c>
      <c r="E31473" s="15">
        <v>45459</v>
      </c>
      <c r="F31473" s="14" t="s">
        <v>15</v>
      </c>
      <c r="G31473" s="16">
        <v>0</v>
      </c>
    </row>
    <row r="31474" spans="1:7" x14ac:dyDescent="0.3">
      <c r="A31474" s="13" t="s">
        <v>196</v>
      </c>
      <c r="B31474" s="14" t="s">
        <v>1</v>
      </c>
      <c r="C31474" s="14" t="s">
        <v>109</v>
      </c>
      <c r="D31474" s="14" t="s">
        <v>197</v>
      </c>
      <c r="E31474" s="15">
        <v>45460</v>
      </c>
      <c r="F31474" s="14" t="s">
        <v>15</v>
      </c>
      <c r="G31474" s="16">
        <v>0</v>
      </c>
    </row>
    <row r="31475" spans="1:7" x14ac:dyDescent="0.3">
      <c r="A31475" s="13" t="s">
        <v>196</v>
      </c>
      <c r="B31475" s="14" t="s">
        <v>1</v>
      </c>
      <c r="C31475" s="14" t="s">
        <v>109</v>
      </c>
      <c r="D31475" s="14" t="s">
        <v>197</v>
      </c>
      <c r="E31475" s="15">
        <v>45461</v>
      </c>
      <c r="F31475" s="14" t="s">
        <v>15</v>
      </c>
      <c r="G31475" s="16">
        <v>0</v>
      </c>
    </row>
    <row r="31476" spans="1:7" x14ac:dyDescent="0.3">
      <c r="A31476" s="13" t="s">
        <v>196</v>
      </c>
      <c r="B31476" s="14" t="s">
        <v>1</v>
      </c>
      <c r="C31476" s="14" t="s">
        <v>109</v>
      </c>
      <c r="D31476" s="14" t="s">
        <v>197</v>
      </c>
      <c r="E31476" s="15">
        <v>45462</v>
      </c>
      <c r="F31476" s="14" t="s">
        <v>15</v>
      </c>
      <c r="G31476" s="16">
        <v>0</v>
      </c>
    </row>
    <row r="31477" spans="1:7" x14ac:dyDescent="0.3">
      <c r="A31477" s="13" t="s">
        <v>196</v>
      </c>
      <c r="B31477" s="14" t="s">
        <v>1</v>
      </c>
      <c r="C31477" s="14" t="s">
        <v>109</v>
      </c>
      <c r="D31477" s="14" t="s">
        <v>197</v>
      </c>
      <c r="E31477" s="15">
        <v>45463</v>
      </c>
      <c r="F31477" s="14" t="s">
        <v>15</v>
      </c>
      <c r="G31477" s="16">
        <v>0</v>
      </c>
    </row>
    <row r="31478" spans="1:7" x14ac:dyDescent="0.3">
      <c r="A31478" s="13" t="s">
        <v>196</v>
      </c>
      <c r="B31478" s="14" t="s">
        <v>1</v>
      </c>
      <c r="C31478" s="14" t="s">
        <v>109</v>
      </c>
      <c r="D31478" s="14" t="s">
        <v>197</v>
      </c>
      <c r="E31478" s="15">
        <v>45464</v>
      </c>
      <c r="F31478" s="14" t="s">
        <v>15</v>
      </c>
      <c r="G31478" s="16">
        <v>0</v>
      </c>
    </row>
    <row r="31479" spans="1:7" x14ac:dyDescent="0.3">
      <c r="A31479" s="13" t="s">
        <v>196</v>
      </c>
      <c r="B31479" s="14" t="s">
        <v>1</v>
      </c>
      <c r="C31479" s="14" t="s">
        <v>109</v>
      </c>
      <c r="D31479" s="14" t="s">
        <v>197</v>
      </c>
      <c r="E31479" s="15">
        <v>45465</v>
      </c>
      <c r="F31479" s="14" t="s">
        <v>15</v>
      </c>
      <c r="G31479" s="16">
        <v>0</v>
      </c>
    </row>
    <row r="31480" spans="1:7" x14ac:dyDescent="0.3">
      <c r="A31480" s="13" t="s">
        <v>196</v>
      </c>
      <c r="B31480" s="14" t="s">
        <v>1</v>
      </c>
      <c r="C31480" s="14" t="s">
        <v>109</v>
      </c>
      <c r="D31480" s="14" t="s">
        <v>197</v>
      </c>
      <c r="E31480" s="15">
        <v>45466</v>
      </c>
      <c r="F31480" s="14" t="s">
        <v>15</v>
      </c>
      <c r="G31480" s="16">
        <v>0</v>
      </c>
    </row>
    <row r="31481" spans="1:7" x14ac:dyDescent="0.3">
      <c r="A31481" s="13" t="s">
        <v>196</v>
      </c>
      <c r="B31481" s="14" t="s">
        <v>1</v>
      </c>
      <c r="C31481" s="14" t="s">
        <v>109</v>
      </c>
      <c r="D31481" s="14" t="s">
        <v>197</v>
      </c>
      <c r="E31481" s="15">
        <v>45467</v>
      </c>
      <c r="F31481" s="14" t="s">
        <v>15</v>
      </c>
      <c r="G31481" s="16">
        <v>0</v>
      </c>
    </row>
    <row r="31482" spans="1:7" x14ac:dyDescent="0.3">
      <c r="A31482" s="13" t="s">
        <v>196</v>
      </c>
      <c r="B31482" s="14" t="s">
        <v>1</v>
      </c>
      <c r="C31482" s="14" t="s">
        <v>109</v>
      </c>
      <c r="D31482" s="14" t="s">
        <v>197</v>
      </c>
      <c r="E31482" s="15">
        <v>45468</v>
      </c>
      <c r="F31482" s="14" t="s">
        <v>15</v>
      </c>
      <c r="G31482" s="16">
        <v>0</v>
      </c>
    </row>
    <row r="31483" spans="1:7" x14ac:dyDescent="0.3">
      <c r="A31483" s="13" t="s">
        <v>196</v>
      </c>
      <c r="B31483" s="14" t="s">
        <v>1</v>
      </c>
      <c r="C31483" s="14" t="s">
        <v>109</v>
      </c>
      <c r="D31483" s="14" t="s">
        <v>197</v>
      </c>
      <c r="E31483" s="15">
        <v>45469</v>
      </c>
      <c r="F31483" s="14" t="s">
        <v>15</v>
      </c>
      <c r="G31483" s="16">
        <v>0</v>
      </c>
    </row>
    <row r="31484" spans="1:7" x14ac:dyDescent="0.3">
      <c r="A31484" s="13" t="s">
        <v>196</v>
      </c>
      <c r="B31484" s="14" t="s">
        <v>1</v>
      </c>
      <c r="C31484" s="14" t="s">
        <v>109</v>
      </c>
      <c r="D31484" s="14" t="s">
        <v>197</v>
      </c>
      <c r="E31484" s="15">
        <v>45470</v>
      </c>
      <c r="F31484" s="14" t="s">
        <v>15</v>
      </c>
      <c r="G31484" s="16">
        <v>0</v>
      </c>
    </row>
    <row r="31485" spans="1:7" x14ac:dyDescent="0.3">
      <c r="A31485" s="13" t="s">
        <v>196</v>
      </c>
      <c r="B31485" s="14" t="s">
        <v>1</v>
      </c>
      <c r="C31485" s="14" t="s">
        <v>109</v>
      </c>
      <c r="D31485" s="14" t="s">
        <v>197</v>
      </c>
      <c r="E31485" s="15">
        <v>45471</v>
      </c>
      <c r="F31485" s="14" t="s">
        <v>15</v>
      </c>
      <c r="G31485" s="16">
        <v>0</v>
      </c>
    </row>
    <row r="31486" spans="1:7" x14ac:dyDescent="0.3">
      <c r="A31486" s="13" t="s">
        <v>196</v>
      </c>
      <c r="B31486" s="14" t="s">
        <v>1</v>
      </c>
      <c r="C31486" s="14" t="s">
        <v>109</v>
      </c>
      <c r="D31486" s="14" t="s">
        <v>197</v>
      </c>
      <c r="E31486" s="15">
        <v>45472</v>
      </c>
      <c r="F31486" s="14" t="s">
        <v>15</v>
      </c>
      <c r="G31486" s="16">
        <v>0</v>
      </c>
    </row>
    <row r="31487" spans="1:7" x14ac:dyDescent="0.3">
      <c r="A31487" s="13" t="s">
        <v>196</v>
      </c>
      <c r="B31487" s="14" t="s">
        <v>1</v>
      </c>
      <c r="C31487" s="14" t="s">
        <v>109</v>
      </c>
      <c r="D31487" s="14" t="s">
        <v>197</v>
      </c>
      <c r="E31487" s="15">
        <v>45473</v>
      </c>
      <c r="F31487" s="14" t="s">
        <v>15</v>
      </c>
      <c r="G31487" s="16">
        <v>0</v>
      </c>
    </row>
    <row r="31488" spans="1:7" x14ac:dyDescent="0.3">
      <c r="A31488" s="13" t="s">
        <v>196</v>
      </c>
      <c r="B31488" s="14" t="s">
        <v>1</v>
      </c>
      <c r="C31488" s="14" t="s">
        <v>109</v>
      </c>
      <c r="D31488" s="14" t="s">
        <v>197</v>
      </c>
      <c r="E31488" s="15">
        <v>45474</v>
      </c>
      <c r="F31488" s="14" t="s">
        <v>15</v>
      </c>
      <c r="G31488" s="16">
        <v>0</v>
      </c>
    </row>
    <row r="31489" spans="1:7" x14ac:dyDescent="0.3">
      <c r="A31489" s="13" t="s">
        <v>196</v>
      </c>
      <c r="B31489" s="14" t="s">
        <v>1</v>
      </c>
      <c r="C31489" s="14" t="s">
        <v>109</v>
      </c>
      <c r="D31489" s="14" t="s">
        <v>197</v>
      </c>
      <c r="E31489" s="15">
        <v>45475</v>
      </c>
      <c r="F31489" s="14" t="s">
        <v>15</v>
      </c>
      <c r="G31489" s="16">
        <v>0</v>
      </c>
    </row>
    <row r="31490" spans="1:7" x14ac:dyDescent="0.3">
      <c r="A31490" s="13" t="s">
        <v>196</v>
      </c>
      <c r="B31490" s="14" t="s">
        <v>1</v>
      </c>
      <c r="C31490" s="14" t="s">
        <v>109</v>
      </c>
      <c r="D31490" s="14" t="s">
        <v>197</v>
      </c>
      <c r="E31490" s="15">
        <v>45476</v>
      </c>
      <c r="F31490" s="14" t="s">
        <v>15</v>
      </c>
      <c r="G31490" s="16">
        <v>0</v>
      </c>
    </row>
    <row r="31491" spans="1:7" x14ac:dyDescent="0.3">
      <c r="A31491" s="13" t="s">
        <v>196</v>
      </c>
      <c r="B31491" s="14" t="s">
        <v>1</v>
      </c>
      <c r="C31491" s="14" t="s">
        <v>109</v>
      </c>
      <c r="D31491" s="14" t="s">
        <v>197</v>
      </c>
      <c r="E31491" s="15">
        <v>45477</v>
      </c>
      <c r="F31491" s="14" t="s">
        <v>15</v>
      </c>
      <c r="G31491" s="16">
        <v>0</v>
      </c>
    </row>
    <row r="31492" spans="1:7" x14ac:dyDescent="0.3">
      <c r="A31492" s="13" t="s">
        <v>196</v>
      </c>
      <c r="B31492" s="14" t="s">
        <v>1</v>
      </c>
      <c r="C31492" s="14" t="s">
        <v>109</v>
      </c>
      <c r="D31492" s="14" t="s">
        <v>197</v>
      </c>
      <c r="E31492" s="15">
        <v>45478</v>
      </c>
      <c r="F31492" s="14" t="s">
        <v>15</v>
      </c>
      <c r="G31492" s="16">
        <v>0</v>
      </c>
    </row>
    <row r="31493" spans="1:7" x14ac:dyDescent="0.3">
      <c r="A31493" s="13" t="s">
        <v>196</v>
      </c>
      <c r="B31493" s="14" t="s">
        <v>1</v>
      </c>
      <c r="C31493" s="14" t="s">
        <v>109</v>
      </c>
      <c r="D31493" s="14" t="s">
        <v>197</v>
      </c>
      <c r="E31493" s="15">
        <v>45479</v>
      </c>
      <c r="F31493" s="14" t="s">
        <v>15</v>
      </c>
      <c r="G31493" s="16">
        <v>0</v>
      </c>
    </row>
    <row r="31494" spans="1:7" x14ac:dyDescent="0.3">
      <c r="A31494" s="13" t="s">
        <v>196</v>
      </c>
      <c r="B31494" s="14" t="s">
        <v>1</v>
      </c>
      <c r="C31494" s="14" t="s">
        <v>109</v>
      </c>
      <c r="D31494" s="14" t="s">
        <v>197</v>
      </c>
      <c r="E31494" s="15">
        <v>45480</v>
      </c>
      <c r="F31494" s="14" t="s">
        <v>15</v>
      </c>
      <c r="G31494" s="16">
        <v>0</v>
      </c>
    </row>
    <row r="31495" spans="1:7" x14ac:dyDescent="0.3">
      <c r="A31495" s="13" t="s">
        <v>196</v>
      </c>
      <c r="B31495" s="14" t="s">
        <v>1</v>
      </c>
      <c r="C31495" s="14" t="s">
        <v>109</v>
      </c>
      <c r="D31495" s="14" t="s">
        <v>197</v>
      </c>
      <c r="E31495" s="15">
        <v>45481</v>
      </c>
      <c r="F31495" s="14" t="s">
        <v>15</v>
      </c>
      <c r="G31495" s="16">
        <v>0</v>
      </c>
    </row>
    <row r="31496" spans="1:7" x14ac:dyDescent="0.3">
      <c r="A31496" s="13" t="s">
        <v>196</v>
      </c>
      <c r="B31496" s="14" t="s">
        <v>1</v>
      </c>
      <c r="C31496" s="14" t="s">
        <v>109</v>
      </c>
      <c r="D31496" s="14" t="s">
        <v>197</v>
      </c>
      <c r="E31496" s="15">
        <v>45482</v>
      </c>
      <c r="F31496" s="14" t="s">
        <v>15</v>
      </c>
      <c r="G31496" s="16">
        <v>0</v>
      </c>
    </row>
    <row r="31497" spans="1:7" x14ac:dyDescent="0.3">
      <c r="A31497" s="13" t="s">
        <v>196</v>
      </c>
      <c r="B31497" s="14" t="s">
        <v>1</v>
      </c>
      <c r="C31497" s="14" t="s">
        <v>109</v>
      </c>
      <c r="D31497" s="14" t="s">
        <v>197</v>
      </c>
      <c r="E31497" s="15">
        <v>45483</v>
      </c>
      <c r="F31497" s="14" t="s">
        <v>15</v>
      </c>
      <c r="G31497" s="16">
        <v>0</v>
      </c>
    </row>
    <row r="31498" spans="1:7" x14ac:dyDescent="0.3">
      <c r="A31498" s="13" t="s">
        <v>196</v>
      </c>
      <c r="B31498" s="14" t="s">
        <v>1</v>
      </c>
      <c r="C31498" s="14" t="s">
        <v>109</v>
      </c>
      <c r="D31498" s="14" t="s">
        <v>197</v>
      </c>
      <c r="E31498" s="15">
        <v>45484</v>
      </c>
      <c r="F31498" s="14" t="s">
        <v>15</v>
      </c>
      <c r="G31498" s="16">
        <v>0</v>
      </c>
    </row>
    <row r="31499" spans="1:7" x14ac:dyDescent="0.3">
      <c r="A31499" s="13" t="s">
        <v>196</v>
      </c>
      <c r="B31499" s="14" t="s">
        <v>1</v>
      </c>
      <c r="C31499" s="14" t="s">
        <v>109</v>
      </c>
      <c r="D31499" s="14" t="s">
        <v>197</v>
      </c>
      <c r="E31499" s="15">
        <v>45485</v>
      </c>
      <c r="F31499" s="14" t="s">
        <v>15</v>
      </c>
      <c r="G31499" s="16">
        <v>0</v>
      </c>
    </row>
    <row r="31500" spans="1:7" x14ac:dyDescent="0.3">
      <c r="A31500" s="13" t="s">
        <v>196</v>
      </c>
      <c r="B31500" s="14" t="s">
        <v>1</v>
      </c>
      <c r="C31500" s="14" t="s">
        <v>109</v>
      </c>
      <c r="D31500" s="14" t="s">
        <v>197</v>
      </c>
      <c r="E31500" s="15">
        <v>45486</v>
      </c>
      <c r="F31500" s="14" t="s">
        <v>15</v>
      </c>
      <c r="G31500" s="16">
        <v>0</v>
      </c>
    </row>
    <row r="31501" spans="1:7" x14ac:dyDescent="0.3">
      <c r="A31501" s="13" t="s">
        <v>196</v>
      </c>
      <c r="B31501" s="14" t="s">
        <v>1</v>
      </c>
      <c r="C31501" s="14" t="s">
        <v>109</v>
      </c>
      <c r="D31501" s="14" t="s">
        <v>197</v>
      </c>
      <c r="E31501" s="15">
        <v>45487</v>
      </c>
      <c r="F31501" s="14" t="s">
        <v>15</v>
      </c>
      <c r="G31501" s="16">
        <v>0</v>
      </c>
    </row>
    <row r="31502" spans="1:7" x14ac:dyDescent="0.3">
      <c r="A31502" s="13" t="s">
        <v>196</v>
      </c>
      <c r="B31502" s="14" t="s">
        <v>1</v>
      </c>
      <c r="C31502" s="14" t="s">
        <v>109</v>
      </c>
      <c r="D31502" s="14" t="s">
        <v>197</v>
      </c>
      <c r="E31502" s="15">
        <v>45488</v>
      </c>
      <c r="F31502" s="14" t="s">
        <v>15</v>
      </c>
      <c r="G31502" s="16">
        <v>0</v>
      </c>
    </row>
    <row r="31503" spans="1:7" x14ac:dyDescent="0.3">
      <c r="A31503" s="13" t="s">
        <v>196</v>
      </c>
      <c r="B31503" s="14" t="s">
        <v>1</v>
      </c>
      <c r="C31503" s="14" t="s">
        <v>109</v>
      </c>
      <c r="D31503" s="14" t="s">
        <v>197</v>
      </c>
      <c r="E31503" s="15">
        <v>45489</v>
      </c>
      <c r="F31503" s="14" t="s">
        <v>15</v>
      </c>
      <c r="G31503" s="16">
        <v>0</v>
      </c>
    </row>
    <row r="31504" spans="1:7" x14ac:dyDescent="0.3">
      <c r="A31504" s="13" t="s">
        <v>196</v>
      </c>
      <c r="B31504" s="14" t="s">
        <v>1</v>
      </c>
      <c r="C31504" s="14" t="s">
        <v>109</v>
      </c>
      <c r="D31504" s="14" t="s">
        <v>197</v>
      </c>
      <c r="E31504" s="15">
        <v>45490</v>
      </c>
      <c r="F31504" s="14" t="s">
        <v>15</v>
      </c>
      <c r="G31504" s="16">
        <v>0</v>
      </c>
    </row>
    <row r="31505" spans="1:7" x14ac:dyDescent="0.3">
      <c r="A31505" s="13" t="s">
        <v>196</v>
      </c>
      <c r="B31505" s="14" t="s">
        <v>1</v>
      </c>
      <c r="C31505" s="14" t="s">
        <v>109</v>
      </c>
      <c r="D31505" s="14" t="s">
        <v>197</v>
      </c>
      <c r="E31505" s="15">
        <v>45491</v>
      </c>
      <c r="F31505" s="14" t="s">
        <v>15</v>
      </c>
      <c r="G31505" s="16">
        <v>0</v>
      </c>
    </row>
    <row r="31506" spans="1:7" x14ac:dyDescent="0.3">
      <c r="A31506" s="13" t="s">
        <v>196</v>
      </c>
      <c r="B31506" s="14" t="s">
        <v>1</v>
      </c>
      <c r="C31506" s="14" t="s">
        <v>109</v>
      </c>
      <c r="D31506" s="14" t="s">
        <v>197</v>
      </c>
      <c r="E31506" s="15">
        <v>45492</v>
      </c>
      <c r="F31506" s="14" t="s">
        <v>15</v>
      </c>
      <c r="G31506" s="16">
        <v>0</v>
      </c>
    </row>
    <row r="31507" spans="1:7" x14ac:dyDescent="0.3">
      <c r="A31507" s="13" t="s">
        <v>196</v>
      </c>
      <c r="B31507" s="14" t="s">
        <v>1</v>
      </c>
      <c r="C31507" s="14" t="s">
        <v>109</v>
      </c>
      <c r="D31507" s="14" t="s">
        <v>197</v>
      </c>
      <c r="E31507" s="15">
        <v>45493</v>
      </c>
      <c r="F31507" s="14" t="s">
        <v>15</v>
      </c>
      <c r="G31507" s="16">
        <v>0</v>
      </c>
    </row>
    <row r="31508" spans="1:7" x14ac:dyDescent="0.3">
      <c r="A31508" s="13" t="s">
        <v>196</v>
      </c>
      <c r="B31508" s="14" t="s">
        <v>1</v>
      </c>
      <c r="C31508" s="14" t="s">
        <v>109</v>
      </c>
      <c r="D31508" s="14" t="s">
        <v>197</v>
      </c>
      <c r="E31508" s="15">
        <v>45494</v>
      </c>
      <c r="F31508" s="14" t="s">
        <v>15</v>
      </c>
      <c r="G31508" s="16">
        <v>0</v>
      </c>
    </row>
    <row r="31509" spans="1:7" x14ac:dyDescent="0.3">
      <c r="A31509" s="13" t="s">
        <v>196</v>
      </c>
      <c r="B31509" s="14" t="s">
        <v>1</v>
      </c>
      <c r="C31509" s="14" t="s">
        <v>109</v>
      </c>
      <c r="D31509" s="14" t="s">
        <v>197</v>
      </c>
      <c r="E31509" s="15">
        <v>45495</v>
      </c>
      <c r="F31509" s="14" t="s">
        <v>15</v>
      </c>
      <c r="G31509" s="16">
        <v>0</v>
      </c>
    </row>
    <row r="31510" spans="1:7" x14ac:dyDescent="0.3">
      <c r="A31510" s="13" t="s">
        <v>196</v>
      </c>
      <c r="B31510" s="14" t="s">
        <v>1</v>
      </c>
      <c r="C31510" s="14" t="s">
        <v>109</v>
      </c>
      <c r="D31510" s="14" t="s">
        <v>197</v>
      </c>
      <c r="E31510" s="15">
        <v>45496</v>
      </c>
      <c r="F31510" s="14" t="s">
        <v>15</v>
      </c>
      <c r="G31510" s="16">
        <v>0</v>
      </c>
    </row>
    <row r="31511" spans="1:7" x14ac:dyDescent="0.3">
      <c r="A31511" s="13" t="s">
        <v>196</v>
      </c>
      <c r="B31511" s="14" t="s">
        <v>1</v>
      </c>
      <c r="C31511" s="14" t="s">
        <v>109</v>
      </c>
      <c r="D31511" s="14" t="s">
        <v>197</v>
      </c>
      <c r="E31511" s="15">
        <v>45497</v>
      </c>
      <c r="F31511" s="14" t="s">
        <v>15</v>
      </c>
      <c r="G31511" s="16">
        <v>0</v>
      </c>
    </row>
    <row r="31512" spans="1:7" x14ac:dyDescent="0.3">
      <c r="A31512" s="13" t="s">
        <v>196</v>
      </c>
      <c r="B31512" s="14" t="s">
        <v>1</v>
      </c>
      <c r="C31512" s="14" t="s">
        <v>109</v>
      </c>
      <c r="D31512" s="14" t="s">
        <v>197</v>
      </c>
      <c r="E31512" s="15">
        <v>45498</v>
      </c>
      <c r="F31512" s="14" t="s">
        <v>15</v>
      </c>
      <c r="G31512" s="16">
        <v>0</v>
      </c>
    </row>
    <row r="31513" spans="1:7" x14ac:dyDescent="0.3">
      <c r="A31513" s="13" t="s">
        <v>196</v>
      </c>
      <c r="B31513" s="14" t="s">
        <v>1</v>
      </c>
      <c r="C31513" s="14" t="s">
        <v>109</v>
      </c>
      <c r="D31513" s="14" t="s">
        <v>197</v>
      </c>
      <c r="E31513" s="15">
        <v>45499</v>
      </c>
      <c r="F31513" s="14" t="s">
        <v>15</v>
      </c>
      <c r="G31513" s="16">
        <v>0</v>
      </c>
    </row>
    <row r="31514" spans="1:7" x14ac:dyDescent="0.3">
      <c r="A31514" s="13" t="s">
        <v>196</v>
      </c>
      <c r="B31514" s="14" t="s">
        <v>1</v>
      </c>
      <c r="C31514" s="14" t="s">
        <v>109</v>
      </c>
      <c r="D31514" s="14" t="s">
        <v>197</v>
      </c>
      <c r="E31514" s="15">
        <v>45500</v>
      </c>
      <c r="F31514" s="14" t="s">
        <v>15</v>
      </c>
      <c r="G31514" s="16">
        <v>0</v>
      </c>
    </row>
    <row r="31515" spans="1:7" x14ac:dyDescent="0.3">
      <c r="A31515" s="13" t="s">
        <v>196</v>
      </c>
      <c r="B31515" s="14" t="s">
        <v>1</v>
      </c>
      <c r="C31515" s="14" t="s">
        <v>109</v>
      </c>
      <c r="D31515" s="14" t="s">
        <v>197</v>
      </c>
      <c r="E31515" s="15">
        <v>45501</v>
      </c>
      <c r="F31515" s="14" t="s">
        <v>15</v>
      </c>
      <c r="G31515" s="16">
        <v>0</v>
      </c>
    </row>
    <row r="31516" spans="1:7" x14ac:dyDescent="0.3">
      <c r="A31516" s="13" t="s">
        <v>196</v>
      </c>
      <c r="B31516" s="14" t="s">
        <v>1</v>
      </c>
      <c r="C31516" s="14" t="s">
        <v>109</v>
      </c>
      <c r="D31516" s="14" t="s">
        <v>197</v>
      </c>
      <c r="E31516" s="15">
        <v>45502</v>
      </c>
      <c r="F31516" s="14" t="s">
        <v>15</v>
      </c>
      <c r="G31516" s="16">
        <v>0</v>
      </c>
    </row>
    <row r="31517" spans="1:7" x14ac:dyDescent="0.3">
      <c r="A31517" s="13" t="s">
        <v>196</v>
      </c>
      <c r="B31517" s="14" t="s">
        <v>1</v>
      </c>
      <c r="C31517" s="14" t="s">
        <v>109</v>
      </c>
      <c r="D31517" s="14" t="s">
        <v>197</v>
      </c>
      <c r="E31517" s="15">
        <v>45503</v>
      </c>
      <c r="F31517" s="14" t="s">
        <v>15</v>
      </c>
      <c r="G31517" s="16">
        <v>0</v>
      </c>
    </row>
    <row r="31518" spans="1:7" x14ac:dyDescent="0.3">
      <c r="A31518" s="13" t="s">
        <v>196</v>
      </c>
      <c r="B31518" s="14" t="s">
        <v>1</v>
      </c>
      <c r="C31518" s="14" t="s">
        <v>109</v>
      </c>
      <c r="D31518" s="14" t="s">
        <v>197</v>
      </c>
      <c r="E31518" s="15">
        <v>45504</v>
      </c>
      <c r="F31518" s="14" t="s">
        <v>15</v>
      </c>
      <c r="G31518" s="16">
        <v>0</v>
      </c>
    </row>
    <row r="31519" spans="1:7" x14ac:dyDescent="0.3">
      <c r="A31519" s="13" t="s">
        <v>196</v>
      </c>
      <c r="B31519" s="14" t="s">
        <v>1</v>
      </c>
      <c r="C31519" s="14" t="s">
        <v>109</v>
      </c>
      <c r="D31519" s="14" t="s">
        <v>197</v>
      </c>
      <c r="E31519" s="15">
        <v>45505</v>
      </c>
      <c r="F31519" s="14" t="s">
        <v>15</v>
      </c>
      <c r="G31519" s="16">
        <v>0</v>
      </c>
    </row>
    <row r="31520" spans="1:7" x14ac:dyDescent="0.3">
      <c r="A31520" s="13" t="s">
        <v>196</v>
      </c>
      <c r="B31520" s="14" t="s">
        <v>1</v>
      </c>
      <c r="C31520" s="14" t="s">
        <v>109</v>
      </c>
      <c r="D31520" s="14" t="s">
        <v>197</v>
      </c>
      <c r="E31520" s="15">
        <v>45506</v>
      </c>
      <c r="F31520" s="14" t="s">
        <v>15</v>
      </c>
      <c r="G31520" s="16">
        <v>0</v>
      </c>
    </row>
    <row r="31521" spans="1:7" x14ac:dyDescent="0.3">
      <c r="A31521" s="13" t="s">
        <v>196</v>
      </c>
      <c r="B31521" s="14" t="s">
        <v>1</v>
      </c>
      <c r="C31521" s="14" t="s">
        <v>109</v>
      </c>
      <c r="D31521" s="14" t="s">
        <v>197</v>
      </c>
      <c r="E31521" s="15">
        <v>45507</v>
      </c>
      <c r="F31521" s="14" t="s">
        <v>15</v>
      </c>
      <c r="G31521" s="16">
        <v>0</v>
      </c>
    </row>
    <row r="31522" spans="1:7" x14ac:dyDescent="0.3">
      <c r="A31522" s="13" t="s">
        <v>196</v>
      </c>
      <c r="B31522" s="14" t="s">
        <v>1</v>
      </c>
      <c r="C31522" s="14" t="s">
        <v>109</v>
      </c>
      <c r="D31522" s="14" t="s">
        <v>197</v>
      </c>
      <c r="E31522" s="15">
        <v>45508</v>
      </c>
      <c r="F31522" s="14" t="s">
        <v>15</v>
      </c>
      <c r="G31522" s="16">
        <v>0</v>
      </c>
    </row>
    <row r="31523" spans="1:7" x14ac:dyDescent="0.3">
      <c r="A31523" s="13" t="s">
        <v>196</v>
      </c>
      <c r="B31523" s="14" t="s">
        <v>1</v>
      </c>
      <c r="C31523" s="14" t="s">
        <v>109</v>
      </c>
      <c r="D31523" s="14" t="s">
        <v>197</v>
      </c>
      <c r="E31523" s="15">
        <v>45509</v>
      </c>
      <c r="F31523" s="14" t="s">
        <v>15</v>
      </c>
      <c r="G31523" s="16">
        <v>0</v>
      </c>
    </row>
    <row r="31524" spans="1:7" x14ac:dyDescent="0.3">
      <c r="A31524" s="13" t="s">
        <v>196</v>
      </c>
      <c r="B31524" s="14" t="s">
        <v>1</v>
      </c>
      <c r="C31524" s="14" t="s">
        <v>109</v>
      </c>
      <c r="D31524" s="14" t="s">
        <v>197</v>
      </c>
      <c r="E31524" s="15">
        <v>45510</v>
      </c>
      <c r="F31524" s="14" t="s">
        <v>15</v>
      </c>
      <c r="G31524" s="16">
        <v>0</v>
      </c>
    </row>
    <row r="31525" spans="1:7" x14ac:dyDescent="0.3">
      <c r="A31525" s="13" t="s">
        <v>196</v>
      </c>
      <c r="B31525" s="14" t="s">
        <v>1</v>
      </c>
      <c r="C31525" s="14" t="s">
        <v>109</v>
      </c>
      <c r="D31525" s="14" t="s">
        <v>197</v>
      </c>
      <c r="E31525" s="15">
        <v>45511</v>
      </c>
      <c r="F31525" s="14" t="s">
        <v>15</v>
      </c>
      <c r="G31525" s="16">
        <v>0</v>
      </c>
    </row>
    <row r="31526" spans="1:7" x14ac:dyDescent="0.3">
      <c r="A31526" s="13" t="s">
        <v>196</v>
      </c>
      <c r="B31526" s="14" t="s">
        <v>1</v>
      </c>
      <c r="C31526" s="14" t="s">
        <v>109</v>
      </c>
      <c r="D31526" s="14" t="s">
        <v>197</v>
      </c>
      <c r="E31526" s="15">
        <v>45512</v>
      </c>
      <c r="F31526" s="14" t="s">
        <v>15</v>
      </c>
      <c r="G31526" s="16">
        <v>0</v>
      </c>
    </row>
    <row r="31527" spans="1:7" x14ac:dyDescent="0.3">
      <c r="A31527" s="13" t="s">
        <v>196</v>
      </c>
      <c r="B31527" s="14" t="s">
        <v>1</v>
      </c>
      <c r="C31527" s="14" t="s">
        <v>109</v>
      </c>
      <c r="D31527" s="14" t="s">
        <v>197</v>
      </c>
      <c r="E31527" s="15">
        <v>45513</v>
      </c>
      <c r="F31527" s="14" t="s">
        <v>15</v>
      </c>
      <c r="G31527" s="16">
        <v>0</v>
      </c>
    </row>
    <row r="31528" spans="1:7" x14ac:dyDescent="0.3">
      <c r="A31528" s="13" t="s">
        <v>196</v>
      </c>
      <c r="B31528" s="14" t="s">
        <v>1</v>
      </c>
      <c r="C31528" s="14" t="s">
        <v>109</v>
      </c>
      <c r="D31528" s="14" t="s">
        <v>197</v>
      </c>
      <c r="E31528" s="15">
        <v>45514</v>
      </c>
      <c r="F31528" s="14" t="s">
        <v>15</v>
      </c>
      <c r="G31528" s="16">
        <v>0</v>
      </c>
    </row>
    <row r="31529" spans="1:7" x14ac:dyDescent="0.3">
      <c r="A31529" s="13" t="s">
        <v>196</v>
      </c>
      <c r="B31529" s="14" t="s">
        <v>1</v>
      </c>
      <c r="C31529" s="14" t="s">
        <v>109</v>
      </c>
      <c r="D31529" s="14" t="s">
        <v>197</v>
      </c>
      <c r="E31529" s="15">
        <v>45515</v>
      </c>
      <c r="F31529" s="14" t="s">
        <v>15</v>
      </c>
      <c r="G31529" s="16">
        <v>0</v>
      </c>
    </row>
    <row r="31530" spans="1:7" x14ac:dyDescent="0.3">
      <c r="A31530" s="13" t="s">
        <v>196</v>
      </c>
      <c r="B31530" s="14" t="s">
        <v>1</v>
      </c>
      <c r="C31530" s="14" t="s">
        <v>109</v>
      </c>
      <c r="D31530" s="14" t="s">
        <v>197</v>
      </c>
      <c r="E31530" s="15">
        <v>45516</v>
      </c>
      <c r="F31530" s="14" t="s">
        <v>15</v>
      </c>
      <c r="G31530" s="16">
        <v>0</v>
      </c>
    </row>
    <row r="31531" spans="1:7" x14ac:dyDescent="0.3">
      <c r="A31531" s="13" t="s">
        <v>196</v>
      </c>
      <c r="B31531" s="14" t="s">
        <v>1</v>
      </c>
      <c r="C31531" s="14" t="s">
        <v>109</v>
      </c>
      <c r="D31531" s="14" t="s">
        <v>197</v>
      </c>
      <c r="E31531" s="15">
        <v>45517</v>
      </c>
      <c r="F31531" s="14" t="s">
        <v>15</v>
      </c>
      <c r="G31531" s="16">
        <v>0</v>
      </c>
    </row>
    <row r="31532" spans="1:7" x14ac:dyDescent="0.3">
      <c r="A31532" s="13" t="s">
        <v>196</v>
      </c>
      <c r="B31532" s="14" t="s">
        <v>1</v>
      </c>
      <c r="C31532" s="14" t="s">
        <v>109</v>
      </c>
      <c r="D31532" s="14" t="s">
        <v>197</v>
      </c>
      <c r="E31532" s="15">
        <v>45518</v>
      </c>
      <c r="F31532" s="14" t="s">
        <v>15</v>
      </c>
      <c r="G31532" s="16">
        <v>0</v>
      </c>
    </row>
    <row r="31533" spans="1:7" x14ac:dyDescent="0.3">
      <c r="A31533" s="13" t="s">
        <v>196</v>
      </c>
      <c r="B31533" s="14" t="s">
        <v>1</v>
      </c>
      <c r="C31533" s="14" t="s">
        <v>109</v>
      </c>
      <c r="D31533" s="14" t="s">
        <v>197</v>
      </c>
      <c r="E31533" s="15">
        <v>45519</v>
      </c>
      <c r="F31533" s="14" t="s">
        <v>15</v>
      </c>
      <c r="G31533" s="16">
        <v>0</v>
      </c>
    </row>
    <row r="31534" spans="1:7" x14ac:dyDescent="0.3">
      <c r="A31534" s="13" t="s">
        <v>196</v>
      </c>
      <c r="B31534" s="14" t="s">
        <v>1</v>
      </c>
      <c r="C31534" s="14" t="s">
        <v>109</v>
      </c>
      <c r="D31534" s="14" t="s">
        <v>197</v>
      </c>
      <c r="E31534" s="15">
        <v>45520</v>
      </c>
      <c r="F31534" s="14" t="s">
        <v>15</v>
      </c>
      <c r="G31534" s="16">
        <v>0</v>
      </c>
    </row>
    <row r="31535" spans="1:7" x14ac:dyDescent="0.3">
      <c r="A31535" s="13" t="s">
        <v>196</v>
      </c>
      <c r="B31535" s="14" t="s">
        <v>1</v>
      </c>
      <c r="C31535" s="14" t="s">
        <v>109</v>
      </c>
      <c r="D31535" s="14" t="s">
        <v>197</v>
      </c>
      <c r="E31535" s="15">
        <v>45521</v>
      </c>
      <c r="F31535" s="14" t="s">
        <v>15</v>
      </c>
      <c r="G31535" s="16">
        <v>0</v>
      </c>
    </row>
    <row r="31536" spans="1:7" x14ac:dyDescent="0.3">
      <c r="A31536" s="13" t="s">
        <v>196</v>
      </c>
      <c r="B31536" s="14" t="s">
        <v>1</v>
      </c>
      <c r="C31536" s="14" t="s">
        <v>109</v>
      </c>
      <c r="D31536" s="14" t="s">
        <v>197</v>
      </c>
      <c r="E31536" s="15">
        <v>45522</v>
      </c>
      <c r="F31536" s="14" t="s">
        <v>15</v>
      </c>
      <c r="G31536" s="16">
        <v>0</v>
      </c>
    </row>
    <row r="31537" spans="1:7" x14ac:dyDescent="0.3">
      <c r="A31537" s="13" t="s">
        <v>196</v>
      </c>
      <c r="B31537" s="14" t="s">
        <v>1</v>
      </c>
      <c r="C31537" s="14" t="s">
        <v>109</v>
      </c>
      <c r="D31537" s="14" t="s">
        <v>197</v>
      </c>
      <c r="E31537" s="15">
        <v>45523</v>
      </c>
      <c r="F31537" s="14" t="s">
        <v>15</v>
      </c>
      <c r="G31537" s="16">
        <v>0</v>
      </c>
    </row>
    <row r="31538" spans="1:7" x14ac:dyDescent="0.3">
      <c r="A31538" s="13" t="s">
        <v>196</v>
      </c>
      <c r="B31538" s="14" t="s">
        <v>1</v>
      </c>
      <c r="C31538" s="14" t="s">
        <v>109</v>
      </c>
      <c r="D31538" s="14" t="s">
        <v>197</v>
      </c>
      <c r="E31538" s="15">
        <v>45524</v>
      </c>
      <c r="F31538" s="14" t="s">
        <v>15</v>
      </c>
      <c r="G31538" s="16">
        <v>0</v>
      </c>
    </row>
    <row r="31539" spans="1:7" x14ac:dyDescent="0.3">
      <c r="A31539" s="13" t="s">
        <v>196</v>
      </c>
      <c r="B31539" s="14" t="s">
        <v>1</v>
      </c>
      <c r="C31539" s="14" t="s">
        <v>109</v>
      </c>
      <c r="D31539" s="14" t="s">
        <v>197</v>
      </c>
      <c r="E31539" s="15">
        <v>45525</v>
      </c>
      <c r="F31539" s="14" t="s">
        <v>15</v>
      </c>
      <c r="G31539" s="16">
        <v>0</v>
      </c>
    </row>
    <row r="31540" spans="1:7" x14ac:dyDescent="0.3">
      <c r="A31540" s="13" t="s">
        <v>196</v>
      </c>
      <c r="B31540" s="14" t="s">
        <v>1</v>
      </c>
      <c r="C31540" s="14" t="s">
        <v>109</v>
      </c>
      <c r="D31540" s="14" t="s">
        <v>197</v>
      </c>
      <c r="E31540" s="15">
        <v>45526</v>
      </c>
      <c r="F31540" s="14" t="s">
        <v>15</v>
      </c>
      <c r="G31540" s="16">
        <v>0</v>
      </c>
    </row>
    <row r="31541" spans="1:7" x14ac:dyDescent="0.3">
      <c r="A31541" s="13" t="s">
        <v>196</v>
      </c>
      <c r="B31541" s="14" t="s">
        <v>1</v>
      </c>
      <c r="C31541" s="14" t="s">
        <v>109</v>
      </c>
      <c r="D31541" s="14" t="s">
        <v>197</v>
      </c>
      <c r="E31541" s="15">
        <v>45527</v>
      </c>
      <c r="F31541" s="14" t="s">
        <v>15</v>
      </c>
      <c r="G31541" s="16">
        <v>0</v>
      </c>
    </row>
    <row r="31542" spans="1:7" x14ac:dyDescent="0.3">
      <c r="A31542" s="13" t="s">
        <v>196</v>
      </c>
      <c r="B31542" s="14" t="s">
        <v>1</v>
      </c>
      <c r="C31542" s="14" t="s">
        <v>109</v>
      </c>
      <c r="D31542" s="14" t="s">
        <v>197</v>
      </c>
      <c r="E31542" s="15">
        <v>45528</v>
      </c>
      <c r="F31542" s="14" t="s">
        <v>15</v>
      </c>
      <c r="G31542" s="16">
        <v>0</v>
      </c>
    </row>
    <row r="31543" spans="1:7" x14ac:dyDescent="0.3">
      <c r="A31543" s="13" t="s">
        <v>196</v>
      </c>
      <c r="B31543" s="14" t="s">
        <v>1</v>
      </c>
      <c r="C31543" s="14" t="s">
        <v>109</v>
      </c>
      <c r="D31543" s="14" t="s">
        <v>197</v>
      </c>
      <c r="E31543" s="15">
        <v>45529</v>
      </c>
      <c r="F31543" s="14" t="s">
        <v>15</v>
      </c>
      <c r="G31543" s="16">
        <v>0</v>
      </c>
    </row>
    <row r="31544" spans="1:7" x14ac:dyDescent="0.3">
      <c r="A31544" s="13" t="s">
        <v>196</v>
      </c>
      <c r="B31544" s="14" t="s">
        <v>1</v>
      </c>
      <c r="C31544" s="14" t="s">
        <v>109</v>
      </c>
      <c r="D31544" s="14" t="s">
        <v>197</v>
      </c>
      <c r="E31544" s="15">
        <v>45530</v>
      </c>
      <c r="F31544" s="14" t="s">
        <v>15</v>
      </c>
      <c r="G31544" s="16">
        <v>0</v>
      </c>
    </row>
    <row r="31545" spans="1:7" x14ac:dyDescent="0.3">
      <c r="A31545" s="13" t="s">
        <v>196</v>
      </c>
      <c r="B31545" s="14" t="s">
        <v>1</v>
      </c>
      <c r="C31545" s="14" t="s">
        <v>109</v>
      </c>
      <c r="D31545" s="14" t="s">
        <v>197</v>
      </c>
      <c r="E31545" s="15">
        <v>45531</v>
      </c>
      <c r="F31545" s="14" t="s">
        <v>15</v>
      </c>
      <c r="G31545" s="16">
        <v>0</v>
      </c>
    </row>
    <row r="31546" spans="1:7" x14ac:dyDescent="0.3">
      <c r="A31546" s="13" t="s">
        <v>196</v>
      </c>
      <c r="B31546" s="14" t="s">
        <v>1</v>
      </c>
      <c r="C31546" s="14" t="s">
        <v>109</v>
      </c>
      <c r="D31546" s="14" t="s">
        <v>197</v>
      </c>
      <c r="E31546" s="15">
        <v>45532</v>
      </c>
      <c r="F31546" s="14" t="s">
        <v>15</v>
      </c>
      <c r="G31546" s="16">
        <v>0</v>
      </c>
    </row>
    <row r="31547" spans="1:7" x14ac:dyDescent="0.3">
      <c r="A31547" s="13" t="s">
        <v>196</v>
      </c>
      <c r="B31547" s="14" t="s">
        <v>1</v>
      </c>
      <c r="C31547" s="14" t="s">
        <v>109</v>
      </c>
      <c r="D31547" s="14" t="s">
        <v>197</v>
      </c>
      <c r="E31547" s="15">
        <v>45533</v>
      </c>
      <c r="F31547" s="14" t="s">
        <v>15</v>
      </c>
      <c r="G31547" s="16">
        <v>0</v>
      </c>
    </row>
    <row r="31548" spans="1:7" x14ac:dyDescent="0.3">
      <c r="A31548" s="13" t="s">
        <v>196</v>
      </c>
      <c r="B31548" s="14" t="s">
        <v>1</v>
      </c>
      <c r="C31548" s="14" t="s">
        <v>109</v>
      </c>
      <c r="D31548" s="14" t="s">
        <v>197</v>
      </c>
      <c r="E31548" s="15">
        <v>45534</v>
      </c>
      <c r="F31548" s="14" t="s">
        <v>15</v>
      </c>
      <c r="G31548" s="16">
        <v>0</v>
      </c>
    </row>
    <row r="31549" spans="1:7" x14ac:dyDescent="0.3">
      <c r="A31549" s="13" t="s">
        <v>196</v>
      </c>
      <c r="B31549" s="14" t="s">
        <v>1</v>
      </c>
      <c r="C31549" s="14" t="s">
        <v>109</v>
      </c>
      <c r="D31549" s="14" t="s">
        <v>197</v>
      </c>
      <c r="E31549" s="15">
        <v>45535</v>
      </c>
      <c r="F31549" s="14" t="s">
        <v>15</v>
      </c>
      <c r="G31549" s="16">
        <v>0</v>
      </c>
    </row>
    <row r="31550" spans="1:7" x14ac:dyDescent="0.3">
      <c r="A31550" s="13" t="s">
        <v>196</v>
      </c>
      <c r="B31550" s="14" t="s">
        <v>1</v>
      </c>
      <c r="C31550" s="14" t="s">
        <v>109</v>
      </c>
      <c r="D31550" s="14" t="s">
        <v>197</v>
      </c>
      <c r="E31550" s="15">
        <v>45536</v>
      </c>
      <c r="F31550" s="14" t="s">
        <v>15</v>
      </c>
      <c r="G31550" s="16">
        <v>0</v>
      </c>
    </row>
    <row r="31551" spans="1:7" x14ac:dyDescent="0.3">
      <c r="A31551" s="13" t="s">
        <v>196</v>
      </c>
      <c r="B31551" s="14" t="s">
        <v>1</v>
      </c>
      <c r="C31551" s="14" t="s">
        <v>109</v>
      </c>
      <c r="D31551" s="14" t="s">
        <v>197</v>
      </c>
      <c r="E31551" s="15">
        <v>45537</v>
      </c>
      <c r="F31551" s="14" t="s">
        <v>15</v>
      </c>
      <c r="G31551" s="16">
        <v>0</v>
      </c>
    </row>
    <row r="31552" spans="1:7" x14ac:dyDescent="0.3">
      <c r="A31552" s="13" t="s">
        <v>196</v>
      </c>
      <c r="B31552" s="14" t="s">
        <v>1</v>
      </c>
      <c r="C31552" s="14" t="s">
        <v>109</v>
      </c>
      <c r="D31552" s="14" t="s">
        <v>197</v>
      </c>
      <c r="E31552" s="15">
        <v>45538</v>
      </c>
      <c r="F31552" s="14" t="s">
        <v>15</v>
      </c>
      <c r="G31552" s="16">
        <v>0</v>
      </c>
    </row>
    <row r="31553" spans="1:7" x14ac:dyDescent="0.3">
      <c r="A31553" s="13" t="s">
        <v>196</v>
      </c>
      <c r="B31553" s="14" t="s">
        <v>1</v>
      </c>
      <c r="C31553" s="14" t="s">
        <v>109</v>
      </c>
      <c r="D31553" s="14" t="s">
        <v>197</v>
      </c>
      <c r="E31553" s="15">
        <v>45539</v>
      </c>
      <c r="F31553" s="14" t="s">
        <v>15</v>
      </c>
      <c r="G31553" s="16">
        <v>0</v>
      </c>
    </row>
    <row r="31554" spans="1:7" x14ac:dyDescent="0.3">
      <c r="A31554" s="13" t="s">
        <v>196</v>
      </c>
      <c r="B31554" s="14" t="s">
        <v>1</v>
      </c>
      <c r="C31554" s="14" t="s">
        <v>109</v>
      </c>
      <c r="D31554" s="14" t="s">
        <v>197</v>
      </c>
      <c r="E31554" s="15">
        <v>45540</v>
      </c>
      <c r="F31554" s="14" t="s">
        <v>15</v>
      </c>
      <c r="G31554" s="16">
        <v>0</v>
      </c>
    </row>
    <row r="31555" spans="1:7" x14ac:dyDescent="0.3">
      <c r="A31555" s="13" t="s">
        <v>196</v>
      </c>
      <c r="B31555" s="14" t="s">
        <v>1</v>
      </c>
      <c r="C31555" s="14" t="s">
        <v>109</v>
      </c>
      <c r="D31555" s="14" t="s">
        <v>197</v>
      </c>
      <c r="E31555" s="15">
        <v>45541</v>
      </c>
      <c r="F31555" s="14" t="s">
        <v>15</v>
      </c>
      <c r="G31555" s="16">
        <v>0</v>
      </c>
    </row>
    <row r="31556" spans="1:7" x14ac:dyDescent="0.3">
      <c r="A31556" s="13" t="s">
        <v>196</v>
      </c>
      <c r="B31556" s="14" t="s">
        <v>1</v>
      </c>
      <c r="C31556" s="14" t="s">
        <v>109</v>
      </c>
      <c r="D31556" s="14" t="s">
        <v>197</v>
      </c>
      <c r="E31556" s="15">
        <v>45542</v>
      </c>
      <c r="F31556" s="14" t="s">
        <v>15</v>
      </c>
      <c r="G31556" s="16">
        <v>0</v>
      </c>
    </row>
    <row r="31557" spans="1:7" x14ac:dyDescent="0.3">
      <c r="A31557" s="13" t="s">
        <v>196</v>
      </c>
      <c r="B31557" s="14" t="s">
        <v>1</v>
      </c>
      <c r="C31557" s="14" t="s">
        <v>109</v>
      </c>
      <c r="D31557" s="14" t="s">
        <v>197</v>
      </c>
      <c r="E31557" s="15">
        <v>45543</v>
      </c>
      <c r="F31557" s="14" t="s">
        <v>15</v>
      </c>
      <c r="G31557" s="16">
        <v>0</v>
      </c>
    </row>
    <row r="31558" spans="1:7" x14ac:dyDescent="0.3">
      <c r="A31558" s="13" t="s">
        <v>196</v>
      </c>
      <c r="B31558" s="14" t="s">
        <v>1</v>
      </c>
      <c r="C31558" s="14" t="s">
        <v>109</v>
      </c>
      <c r="D31558" s="14" t="s">
        <v>197</v>
      </c>
      <c r="E31558" s="15">
        <v>45544</v>
      </c>
      <c r="F31558" s="14" t="s">
        <v>15</v>
      </c>
      <c r="G31558" s="16">
        <v>0</v>
      </c>
    </row>
    <row r="31559" spans="1:7" x14ac:dyDescent="0.3">
      <c r="A31559" s="13" t="s">
        <v>196</v>
      </c>
      <c r="B31559" s="14" t="s">
        <v>1</v>
      </c>
      <c r="C31559" s="14" t="s">
        <v>109</v>
      </c>
      <c r="D31559" s="14" t="s">
        <v>197</v>
      </c>
      <c r="E31559" s="15">
        <v>45545</v>
      </c>
      <c r="F31559" s="14" t="s">
        <v>15</v>
      </c>
      <c r="G31559" s="16">
        <v>0</v>
      </c>
    </row>
    <row r="31560" spans="1:7" x14ac:dyDescent="0.3">
      <c r="A31560" s="13" t="s">
        <v>196</v>
      </c>
      <c r="B31560" s="14" t="s">
        <v>1</v>
      </c>
      <c r="C31560" s="14" t="s">
        <v>109</v>
      </c>
      <c r="D31560" s="14" t="s">
        <v>197</v>
      </c>
      <c r="E31560" s="15">
        <v>45546</v>
      </c>
      <c r="F31560" s="14" t="s">
        <v>15</v>
      </c>
      <c r="G31560" s="16">
        <v>0</v>
      </c>
    </row>
    <row r="31561" spans="1:7" x14ac:dyDescent="0.3">
      <c r="A31561" s="13" t="s">
        <v>196</v>
      </c>
      <c r="B31561" s="14" t="s">
        <v>1</v>
      </c>
      <c r="C31561" s="14" t="s">
        <v>109</v>
      </c>
      <c r="D31561" s="14" t="s">
        <v>197</v>
      </c>
      <c r="E31561" s="15">
        <v>45547</v>
      </c>
      <c r="F31561" s="14" t="s">
        <v>15</v>
      </c>
      <c r="G31561" s="16">
        <v>0</v>
      </c>
    </row>
    <row r="31562" spans="1:7" x14ac:dyDescent="0.3">
      <c r="A31562" s="13" t="s">
        <v>196</v>
      </c>
      <c r="B31562" s="14" t="s">
        <v>1</v>
      </c>
      <c r="C31562" s="14" t="s">
        <v>109</v>
      </c>
      <c r="D31562" s="14" t="s">
        <v>197</v>
      </c>
      <c r="E31562" s="15">
        <v>45548</v>
      </c>
      <c r="F31562" s="14" t="s">
        <v>15</v>
      </c>
      <c r="G31562" s="16">
        <v>0</v>
      </c>
    </row>
    <row r="31563" spans="1:7" x14ac:dyDescent="0.3">
      <c r="A31563" s="13" t="s">
        <v>196</v>
      </c>
      <c r="B31563" s="14" t="s">
        <v>1</v>
      </c>
      <c r="C31563" s="14" t="s">
        <v>109</v>
      </c>
      <c r="D31563" s="14" t="s">
        <v>197</v>
      </c>
      <c r="E31563" s="15">
        <v>45549</v>
      </c>
      <c r="F31563" s="14" t="s">
        <v>15</v>
      </c>
      <c r="G31563" s="16">
        <v>0</v>
      </c>
    </row>
    <row r="31564" spans="1:7" x14ac:dyDescent="0.3">
      <c r="A31564" s="13" t="s">
        <v>196</v>
      </c>
      <c r="B31564" s="14" t="s">
        <v>1</v>
      </c>
      <c r="C31564" s="14" t="s">
        <v>109</v>
      </c>
      <c r="D31564" s="14" t="s">
        <v>197</v>
      </c>
      <c r="E31564" s="15">
        <v>45550</v>
      </c>
      <c r="F31564" s="14" t="s">
        <v>15</v>
      </c>
      <c r="G31564" s="16">
        <v>0</v>
      </c>
    </row>
    <row r="31565" spans="1:7" x14ac:dyDescent="0.3">
      <c r="A31565" s="13" t="s">
        <v>196</v>
      </c>
      <c r="B31565" s="14" t="s">
        <v>1</v>
      </c>
      <c r="C31565" s="14" t="s">
        <v>109</v>
      </c>
      <c r="D31565" s="14" t="s">
        <v>197</v>
      </c>
      <c r="E31565" s="15">
        <v>45551</v>
      </c>
      <c r="F31565" s="14" t="s">
        <v>15</v>
      </c>
      <c r="G31565" s="16">
        <v>0</v>
      </c>
    </row>
    <row r="31566" spans="1:7" x14ac:dyDescent="0.3">
      <c r="A31566" s="13" t="s">
        <v>196</v>
      </c>
      <c r="B31566" s="14" t="s">
        <v>1</v>
      </c>
      <c r="C31566" s="14" t="s">
        <v>109</v>
      </c>
      <c r="D31566" s="14" t="s">
        <v>197</v>
      </c>
      <c r="E31566" s="15">
        <v>45552</v>
      </c>
      <c r="F31566" s="14" t="s">
        <v>15</v>
      </c>
      <c r="G31566" s="16">
        <v>0</v>
      </c>
    </row>
    <row r="31567" spans="1:7" x14ac:dyDescent="0.3">
      <c r="A31567" s="13" t="s">
        <v>196</v>
      </c>
      <c r="B31567" s="14" t="s">
        <v>1</v>
      </c>
      <c r="C31567" s="14" t="s">
        <v>109</v>
      </c>
      <c r="D31567" s="14" t="s">
        <v>197</v>
      </c>
      <c r="E31567" s="15">
        <v>45553</v>
      </c>
      <c r="F31567" s="14" t="s">
        <v>15</v>
      </c>
      <c r="G31567" s="16">
        <v>0</v>
      </c>
    </row>
    <row r="31568" spans="1:7" x14ac:dyDescent="0.3">
      <c r="A31568" s="13" t="s">
        <v>196</v>
      </c>
      <c r="B31568" s="14" t="s">
        <v>1</v>
      </c>
      <c r="C31568" s="14" t="s">
        <v>109</v>
      </c>
      <c r="D31568" s="14" t="s">
        <v>197</v>
      </c>
      <c r="E31568" s="15">
        <v>45554</v>
      </c>
      <c r="F31568" s="14" t="s">
        <v>15</v>
      </c>
      <c r="G31568" s="16">
        <v>0</v>
      </c>
    </row>
    <row r="31569" spans="1:7" x14ac:dyDescent="0.3">
      <c r="A31569" s="13" t="s">
        <v>196</v>
      </c>
      <c r="B31569" s="14" t="s">
        <v>1</v>
      </c>
      <c r="C31569" s="14" t="s">
        <v>109</v>
      </c>
      <c r="D31569" s="14" t="s">
        <v>197</v>
      </c>
      <c r="E31569" s="15">
        <v>45555</v>
      </c>
      <c r="F31569" s="14" t="s">
        <v>15</v>
      </c>
      <c r="G31569" s="16">
        <v>0</v>
      </c>
    </row>
    <row r="31570" spans="1:7" x14ac:dyDescent="0.3">
      <c r="A31570" s="13" t="s">
        <v>196</v>
      </c>
      <c r="B31570" s="14" t="s">
        <v>1</v>
      </c>
      <c r="C31570" s="14" t="s">
        <v>109</v>
      </c>
      <c r="D31570" s="14" t="s">
        <v>197</v>
      </c>
      <c r="E31570" s="15">
        <v>45556</v>
      </c>
      <c r="F31570" s="14" t="s">
        <v>15</v>
      </c>
      <c r="G31570" s="16">
        <v>0</v>
      </c>
    </row>
    <row r="31571" spans="1:7" x14ac:dyDescent="0.3">
      <c r="A31571" s="13" t="s">
        <v>196</v>
      </c>
      <c r="B31571" s="14" t="s">
        <v>1</v>
      </c>
      <c r="C31571" s="14" t="s">
        <v>109</v>
      </c>
      <c r="D31571" s="14" t="s">
        <v>197</v>
      </c>
      <c r="E31571" s="15">
        <v>45557</v>
      </c>
      <c r="F31571" s="14" t="s">
        <v>15</v>
      </c>
      <c r="G31571" s="16">
        <v>0</v>
      </c>
    </row>
    <row r="31572" spans="1:7" x14ac:dyDescent="0.3">
      <c r="A31572" s="13" t="s">
        <v>196</v>
      </c>
      <c r="B31572" s="14" t="s">
        <v>1</v>
      </c>
      <c r="C31572" s="14" t="s">
        <v>109</v>
      </c>
      <c r="D31572" s="14" t="s">
        <v>197</v>
      </c>
      <c r="E31572" s="15">
        <v>45558</v>
      </c>
      <c r="F31572" s="14" t="s">
        <v>15</v>
      </c>
      <c r="G31572" s="16">
        <v>0</v>
      </c>
    </row>
    <row r="31573" spans="1:7" x14ac:dyDescent="0.3">
      <c r="A31573" s="13" t="s">
        <v>196</v>
      </c>
      <c r="B31573" s="14" t="s">
        <v>1</v>
      </c>
      <c r="C31573" s="14" t="s">
        <v>109</v>
      </c>
      <c r="D31573" s="14" t="s">
        <v>197</v>
      </c>
      <c r="E31573" s="15">
        <v>45559</v>
      </c>
      <c r="F31573" s="14" t="s">
        <v>15</v>
      </c>
      <c r="G31573" s="16">
        <v>0</v>
      </c>
    </row>
    <row r="31574" spans="1:7" x14ac:dyDescent="0.3">
      <c r="A31574" s="13" t="s">
        <v>196</v>
      </c>
      <c r="B31574" s="14" t="s">
        <v>1</v>
      </c>
      <c r="C31574" s="14" t="s">
        <v>109</v>
      </c>
      <c r="D31574" s="14" t="s">
        <v>197</v>
      </c>
      <c r="E31574" s="15">
        <v>45560</v>
      </c>
      <c r="F31574" s="14" t="s">
        <v>15</v>
      </c>
      <c r="G31574" s="16">
        <v>0</v>
      </c>
    </row>
    <row r="31575" spans="1:7" x14ac:dyDescent="0.3">
      <c r="A31575" s="13" t="s">
        <v>196</v>
      </c>
      <c r="B31575" s="14" t="s">
        <v>1</v>
      </c>
      <c r="C31575" s="14" t="s">
        <v>109</v>
      </c>
      <c r="D31575" s="14" t="s">
        <v>197</v>
      </c>
      <c r="E31575" s="15">
        <v>45561</v>
      </c>
      <c r="F31575" s="14" t="s">
        <v>15</v>
      </c>
      <c r="G31575" s="16">
        <v>0</v>
      </c>
    </row>
    <row r="31576" spans="1:7" x14ac:dyDescent="0.3">
      <c r="A31576" s="13" t="s">
        <v>196</v>
      </c>
      <c r="B31576" s="14" t="s">
        <v>1</v>
      </c>
      <c r="C31576" s="14" t="s">
        <v>109</v>
      </c>
      <c r="D31576" s="14" t="s">
        <v>197</v>
      </c>
      <c r="E31576" s="15">
        <v>45562</v>
      </c>
      <c r="F31576" s="14" t="s">
        <v>15</v>
      </c>
      <c r="G31576" s="16">
        <v>0</v>
      </c>
    </row>
    <row r="31577" spans="1:7" x14ac:dyDescent="0.3">
      <c r="A31577" s="13" t="s">
        <v>196</v>
      </c>
      <c r="B31577" s="14" t="s">
        <v>1</v>
      </c>
      <c r="C31577" s="14" t="s">
        <v>109</v>
      </c>
      <c r="D31577" s="14" t="s">
        <v>197</v>
      </c>
      <c r="E31577" s="15">
        <v>45563</v>
      </c>
      <c r="F31577" s="14" t="s">
        <v>15</v>
      </c>
      <c r="G31577" s="16">
        <v>0</v>
      </c>
    </row>
    <row r="31578" spans="1:7" x14ac:dyDescent="0.3">
      <c r="A31578" s="13" t="s">
        <v>196</v>
      </c>
      <c r="B31578" s="14" t="s">
        <v>1</v>
      </c>
      <c r="C31578" s="14" t="s">
        <v>109</v>
      </c>
      <c r="D31578" s="14" t="s">
        <v>197</v>
      </c>
      <c r="E31578" s="15">
        <v>45564</v>
      </c>
      <c r="F31578" s="14" t="s">
        <v>15</v>
      </c>
      <c r="G31578" s="16">
        <v>0</v>
      </c>
    </row>
    <row r="31579" spans="1:7" x14ac:dyDescent="0.3">
      <c r="A31579" s="13" t="s">
        <v>196</v>
      </c>
      <c r="B31579" s="14" t="s">
        <v>1</v>
      </c>
      <c r="C31579" s="14" t="s">
        <v>109</v>
      </c>
      <c r="D31579" s="14" t="s">
        <v>197</v>
      </c>
      <c r="E31579" s="15">
        <v>45565</v>
      </c>
      <c r="F31579" s="14" t="s">
        <v>15</v>
      </c>
      <c r="G31579" s="16">
        <v>0</v>
      </c>
    </row>
    <row r="31580" spans="1:7" x14ac:dyDescent="0.3">
      <c r="A31580" s="13" t="s">
        <v>196</v>
      </c>
      <c r="B31580" s="14" t="s">
        <v>1</v>
      </c>
      <c r="C31580" s="14" t="s">
        <v>109</v>
      </c>
      <c r="D31580" s="14" t="s">
        <v>197</v>
      </c>
      <c r="E31580" s="15">
        <v>45566</v>
      </c>
      <c r="F31580" s="14" t="s">
        <v>15</v>
      </c>
      <c r="G31580" s="16">
        <v>0</v>
      </c>
    </row>
    <row r="31581" spans="1:7" x14ac:dyDescent="0.3">
      <c r="A31581" s="13" t="s">
        <v>196</v>
      </c>
      <c r="B31581" s="14" t="s">
        <v>1</v>
      </c>
      <c r="C31581" s="14" t="s">
        <v>109</v>
      </c>
      <c r="D31581" s="14" t="s">
        <v>197</v>
      </c>
      <c r="E31581" s="15">
        <v>45567</v>
      </c>
      <c r="F31581" s="14" t="s">
        <v>15</v>
      </c>
      <c r="G31581" s="16">
        <v>0</v>
      </c>
    </row>
    <row r="31582" spans="1:7" x14ac:dyDescent="0.3">
      <c r="A31582" s="13" t="s">
        <v>196</v>
      </c>
      <c r="B31582" s="14" t="s">
        <v>1</v>
      </c>
      <c r="C31582" s="14" t="s">
        <v>109</v>
      </c>
      <c r="D31582" s="14" t="s">
        <v>197</v>
      </c>
      <c r="E31582" s="15">
        <v>45568</v>
      </c>
      <c r="F31582" s="14" t="s">
        <v>15</v>
      </c>
      <c r="G31582" s="16">
        <v>0</v>
      </c>
    </row>
    <row r="31583" spans="1:7" x14ac:dyDescent="0.3">
      <c r="A31583" s="13" t="s">
        <v>196</v>
      </c>
      <c r="B31583" s="14" t="s">
        <v>1</v>
      </c>
      <c r="C31583" s="14" t="s">
        <v>109</v>
      </c>
      <c r="D31583" s="14" t="s">
        <v>197</v>
      </c>
      <c r="E31583" s="15">
        <v>45569</v>
      </c>
      <c r="F31583" s="14" t="s">
        <v>15</v>
      </c>
      <c r="G31583" s="16">
        <v>0</v>
      </c>
    </row>
    <row r="31584" spans="1:7" x14ac:dyDescent="0.3">
      <c r="A31584" s="13" t="s">
        <v>196</v>
      </c>
      <c r="B31584" s="14" t="s">
        <v>1</v>
      </c>
      <c r="C31584" s="14" t="s">
        <v>109</v>
      </c>
      <c r="D31584" s="14" t="s">
        <v>197</v>
      </c>
      <c r="E31584" s="15">
        <v>45570</v>
      </c>
      <c r="F31584" s="14" t="s">
        <v>15</v>
      </c>
      <c r="G31584" s="16">
        <v>0</v>
      </c>
    </row>
    <row r="31585" spans="1:7" x14ac:dyDescent="0.3">
      <c r="A31585" s="13" t="s">
        <v>196</v>
      </c>
      <c r="B31585" s="14" t="s">
        <v>1</v>
      </c>
      <c r="C31585" s="14" t="s">
        <v>109</v>
      </c>
      <c r="D31585" s="14" t="s">
        <v>197</v>
      </c>
      <c r="E31585" s="15">
        <v>45571</v>
      </c>
      <c r="F31585" s="14" t="s">
        <v>15</v>
      </c>
      <c r="G31585" s="16">
        <v>0</v>
      </c>
    </row>
    <row r="31586" spans="1:7" x14ac:dyDescent="0.3">
      <c r="A31586" s="13" t="s">
        <v>196</v>
      </c>
      <c r="B31586" s="14" t="s">
        <v>1</v>
      </c>
      <c r="C31586" s="14" t="s">
        <v>109</v>
      </c>
      <c r="D31586" s="14" t="s">
        <v>197</v>
      </c>
      <c r="E31586" s="15">
        <v>45572</v>
      </c>
      <c r="F31586" s="14" t="s">
        <v>15</v>
      </c>
      <c r="G31586" s="16">
        <v>0</v>
      </c>
    </row>
    <row r="31587" spans="1:7" x14ac:dyDescent="0.3">
      <c r="A31587" s="13" t="s">
        <v>196</v>
      </c>
      <c r="B31587" s="14" t="s">
        <v>1</v>
      </c>
      <c r="C31587" s="14" t="s">
        <v>109</v>
      </c>
      <c r="D31587" s="14" t="s">
        <v>197</v>
      </c>
      <c r="E31587" s="15">
        <v>45573</v>
      </c>
      <c r="F31587" s="14" t="s">
        <v>15</v>
      </c>
      <c r="G31587" s="16">
        <v>0</v>
      </c>
    </row>
    <row r="31588" spans="1:7" x14ac:dyDescent="0.3">
      <c r="A31588" s="13" t="s">
        <v>196</v>
      </c>
      <c r="B31588" s="14" t="s">
        <v>1</v>
      </c>
      <c r="C31588" s="14" t="s">
        <v>109</v>
      </c>
      <c r="D31588" s="14" t="s">
        <v>197</v>
      </c>
      <c r="E31588" s="15">
        <v>45574</v>
      </c>
      <c r="F31588" s="14" t="s">
        <v>15</v>
      </c>
      <c r="G31588" s="16">
        <v>0</v>
      </c>
    </row>
    <row r="31589" spans="1:7" x14ac:dyDescent="0.3">
      <c r="A31589" s="13" t="s">
        <v>196</v>
      </c>
      <c r="B31589" s="14" t="s">
        <v>1</v>
      </c>
      <c r="C31589" s="14" t="s">
        <v>109</v>
      </c>
      <c r="D31589" s="14" t="s">
        <v>197</v>
      </c>
      <c r="E31589" s="15">
        <v>45575</v>
      </c>
      <c r="F31589" s="14" t="s">
        <v>15</v>
      </c>
      <c r="G31589" s="16">
        <v>0</v>
      </c>
    </row>
    <row r="31590" spans="1:7" x14ac:dyDescent="0.3">
      <c r="A31590" s="13" t="s">
        <v>196</v>
      </c>
      <c r="B31590" s="14" t="s">
        <v>1</v>
      </c>
      <c r="C31590" s="14" t="s">
        <v>109</v>
      </c>
      <c r="D31590" s="14" t="s">
        <v>197</v>
      </c>
      <c r="E31590" s="15">
        <v>45576</v>
      </c>
      <c r="F31590" s="14" t="s">
        <v>15</v>
      </c>
      <c r="G31590" s="16">
        <v>0</v>
      </c>
    </row>
    <row r="31591" spans="1:7" x14ac:dyDescent="0.3">
      <c r="A31591" s="13" t="s">
        <v>196</v>
      </c>
      <c r="B31591" s="14" t="s">
        <v>1</v>
      </c>
      <c r="C31591" s="14" t="s">
        <v>109</v>
      </c>
      <c r="D31591" s="14" t="s">
        <v>197</v>
      </c>
      <c r="E31591" s="15">
        <v>45577</v>
      </c>
      <c r="F31591" s="14" t="s">
        <v>15</v>
      </c>
      <c r="G31591" s="16">
        <v>0</v>
      </c>
    </row>
    <row r="31592" spans="1:7" x14ac:dyDescent="0.3">
      <c r="A31592" s="13" t="s">
        <v>196</v>
      </c>
      <c r="B31592" s="14" t="s">
        <v>1</v>
      </c>
      <c r="C31592" s="14" t="s">
        <v>109</v>
      </c>
      <c r="D31592" s="14" t="s">
        <v>197</v>
      </c>
      <c r="E31592" s="15">
        <v>45578</v>
      </c>
      <c r="F31592" s="14" t="s">
        <v>15</v>
      </c>
      <c r="G31592" s="16">
        <v>0</v>
      </c>
    </row>
    <row r="31593" spans="1:7" x14ac:dyDescent="0.3">
      <c r="A31593" s="13" t="s">
        <v>196</v>
      </c>
      <c r="B31593" s="14" t="s">
        <v>1</v>
      </c>
      <c r="C31593" s="14" t="s">
        <v>109</v>
      </c>
      <c r="D31593" s="14" t="s">
        <v>197</v>
      </c>
      <c r="E31593" s="15">
        <v>45579</v>
      </c>
      <c r="F31593" s="14" t="s">
        <v>15</v>
      </c>
      <c r="G31593" s="16">
        <v>0</v>
      </c>
    </row>
    <row r="31594" spans="1:7" x14ac:dyDescent="0.3">
      <c r="A31594" s="13" t="s">
        <v>196</v>
      </c>
      <c r="B31594" s="14" t="s">
        <v>1</v>
      </c>
      <c r="C31594" s="14" t="s">
        <v>109</v>
      </c>
      <c r="D31594" s="14" t="s">
        <v>197</v>
      </c>
      <c r="E31594" s="15">
        <v>45580</v>
      </c>
      <c r="F31594" s="14" t="s">
        <v>15</v>
      </c>
      <c r="G31594" s="16">
        <v>0</v>
      </c>
    </row>
    <row r="31595" spans="1:7" x14ac:dyDescent="0.3">
      <c r="A31595" s="13" t="s">
        <v>196</v>
      </c>
      <c r="B31595" s="14" t="s">
        <v>1</v>
      </c>
      <c r="C31595" s="14" t="s">
        <v>109</v>
      </c>
      <c r="D31595" s="14" t="s">
        <v>197</v>
      </c>
      <c r="E31595" s="15">
        <v>45581</v>
      </c>
      <c r="F31595" s="14" t="s">
        <v>15</v>
      </c>
      <c r="G31595" s="16">
        <v>0</v>
      </c>
    </row>
    <row r="31596" spans="1:7" x14ac:dyDescent="0.3">
      <c r="A31596" s="13" t="s">
        <v>196</v>
      </c>
      <c r="B31596" s="14" t="s">
        <v>1</v>
      </c>
      <c r="C31596" s="14" t="s">
        <v>109</v>
      </c>
      <c r="D31596" s="14" t="s">
        <v>197</v>
      </c>
      <c r="E31596" s="15">
        <v>45582</v>
      </c>
      <c r="F31596" s="14" t="s">
        <v>15</v>
      </c>
      <c r="G31596" s="16">
        <v>0</v>
      </c>
    </row>
    <row r="31597" spans="1:7" x14ac:dyDescent="0.3">
      <c r="A31597" s="13" t="s">
        <v>196</v>
      </c>
      <c r="B31597" s="14" t="s">
        <v>1</v>
      </c>
      <c r="C31597" s="14" t="s">
        <v>109</v>
      </c>
      <c r="D31597" s="14" t="s">
        <v>197</v>
      </c>
      <c r="E31597" s="15">
        <v>45583</v>
      </c>
      <c r="F31597" s="14" t="s">
        <v>15</v>
      </c>
      <c r="G31597" s="16">
        <v>0</v>
      </c>
    </row>
    <row r="31598" spans="1:7" x14ac:dyDescent="0.3">
      <c r="A31598" s="13" t="s">
        <v>196</v>
      </c>
      <c r="B31598" s="14" t="s">
        <v>1</v>
      </c>
      <c r="C31598" s="14" t="s">
        <v>109</v>
      </c>
      <c r="D31598" s="14" t="s">
        <v>197</v>
      </c>
      <c r="E31598" s="15">
        <v>45584</v>
      </c>
      <c r="F31598" s="14" t="s">
        <v>15</v>
      </c>
      <c r="G31598" s="16">
        <v>0</v>
      </c>
    </row>
    <row r="31599" spans="1:7" x14ac:dyDescent="0.3">
      <c r="A31599" s="13" t="s">
        <v>196</v>
      </c>
      <c r="B31599" s="14" t="s">
        <v>1</v>
      </c>
      <c r="C31599" s="14" t="s">
        <v>109</v>
      </c>
      <c r="D31599" s="14" t="s">
        <v>197</v>
      </c>
      <c r="E31599" s="15">
        <v>45585</v>
      </c>
      <c r="F31599" s="14" t="s">
        <v>15</v>
      </c>
      <c r="G31599" s="16">
        <v>0</v>
      </c>
    </row>
    <row r="31600" spans="1:7" x14ac:dyDescent="0.3">
      <c r="A31600" s="13" t="s">
        <v>196</v>
      </c>
      <c r="B31600" s="14" t="s">
        <v>1</v>
      </c>
      <c r="C31600" s="14" t="s">
        <v>109</v>
      </c>
      <c r="D31600" s="14" t="s">
        <v>197</v>
      </c>
      <c r="E31600" s="15">
        <v>45586</v>
      </c>
      <c r="F31600" s="14" t="s">
        <v>15</v>
      </c>
      <c r="G31600" s="16">
        <v>0</v>
      </c>
    </row>
    <row r="31601" spans="1:7" x14ac:dyDescent="0.3">
      <c r="A31601" s="13" t="s">
        <v>196</v>
      </c>
      <c r="B31601" s="14" t="s">
        <v>1</v>
      </c>
      <c r="C31601" s="14" t="s">
        <v>109</v>
      </c>
      <c r="D31601" s="14" t="s">
        <v>197</v>
      </c>
      <c r="E31601" s="15">
        <v>45587</v>
      </c>
      <c r="F31601" s="14" t="s">
        <v>15</v>
      </c>
      <c r="G31601" s="16">
        <v>0</v>
      </c>
    </row>
    <row r="31602" spans="1:7" x14ac:dyDescent="0.3">
      <c r="A31602" s="13" t="s">
        <v>196</v>
      </c>
      <c r="B31602" s="14" t="s">
        <v>1</v>
      </c>
      <c r="C31602" s="14" t="s">
        <v>109</v>
      </c>
      <c r="D31602" s="14" t="s">
        <v>197</v>
      </c>
      <c r="E31602" s="15">
        <v>45588</v>
      </c>
      <c r="F31602" s="14" t="s">
        <v>15</v>
      </c>
      <c r="G31602" s="16">
        <v>0</v>
      </c>
    </row>
    <row r="31603" spans="1:7" x14ac:dyDescent="0.3">
      <c r="A31603" s="13" t="s">
        <v>196</v>
      </c>
      <c r="B31603" s="14" t="s">
        <v>1</v>
      </c>
      <c r="C31603" s="14" t="s">
        <v>109</v>
      </c>
      <c r="D31603" s="14" t="s">
        <v>197</v>
      </c>
      <c r="E31603" s="15">
        <v>45589</v>
      </c>
      <c r="F31603" s="14" t="s">
        <v>15</v>
      </c>
      <c r="G31603" s="16">
        <v>0</v>
      </c>
    </row>
    <row r="31604" spans="1:7" x14ac:dyDescent="0.3">
      <c r="A31604" s="13" t="s">
        <v>196</v>
      </c>
      <c r="B31604" s="14" t="s">
        <v>1</v>
      </c>
      <c r="C31604" s="14" t="s">
        <v>109</v>
      </c>
      <c r="D31604" s="14" t="s">
        <v>197</v>
      </c>
      <c r="E31604" s="15">
        <v>45590</v>
      </c>
      <c r="F31604" s="14" t="s">
        <v>15</v>
      </c>
      <c r="G31604" s="16">
        <v>0</v>
      </c>
    </row>
    <row r="31605" spans="1:7" x14ac:dyDescent="0.3">
      <c r="A31605" s="13" t="s">
        <v>196</v>
      </c>
      <c r="B31605" s="14" t="s">
        <v>1</v>
      </c>
      <c r="C31605" s="14" t="s">
        <v>109</v>
      </c>
      <c r="D31605" s="14" t="s">
        <v>197</v>
      </c>
      <c r="E31605" s="15">
        <v>45591</v>
      </c>
      <c r="F31605" s="14" t="s">
        <v>15</v>
      </c>
      <c r="G31605" s="16">
        <v>0</v>
      </c>
    </row>
    <row r="31606" spans="1:7" x14ac:dyDescent="0.3">
      <c r="A31606" s="13" t="s">
        <v>196</v>
      </c>
      <c r="B31606" s="14" t="s">
        <v>1</v>
      </c>
      <c r="C31606" s="14" t="s">
        <v>109</v>
      </c>
      <c r="D31606" s="14" t="s">
        <v>197</v>
      </c>
      <c r="E31606" s="15">
        <v>45592</v>
      </c>
      <c r="F31606" s="14" t="s">
        <v>15</v>
      </c>
      <c r="G31606" s="16">
        <v>0</v>
      </c>
    </row>
    <row r="31607" spans="1:7" x14ac:dyDescent="0.3">
      <c r="A31607" s="13" t="s">
        <v>196</v>
      </c>
      <c r="B31607" s="14" t="s">
        <v>1</v>
      </c>
      <c r="C31607" s="14" t="s">
        <v>109</v>
      </c>
      <c r="D31607" s="14" t="s">
        <v>197</v>
      </c>
      <c r="E31607" s="15">
        <v>45593</v>
      </c>
      <c r="F31607" s="14" t="s">
        <v>15</v>
      </c>
      <c r="G31607" s="16">
        <v>0</v>
      </c>
    </row>
    <row r="31608" spans="1:7" x14ac:dyDescent="0.3">
      <c r="A31608" s="13" t="s">
        <v>196</v>
      </c>
      <c r="B31608" s="14" t="s">
        <v>1</v>
      </c>
      <c r="C31608" s="14" t="s">
        <v>109</v>
      </c>
      <c r="D31608" s="14" t="s">
        <v>197</v>
      </c>
      <c r="E31608" s="15">
        <v>45594</v>
      </c>
      <c r="F31608" s="14" t="s">
        <v>15</v>
      </c>
      <c r="G31608" s="16">
        <v>0</v>
      </c>
    </row>
    <row r="31609" spans="1:7" x14ac:dyDescent="0.3">
      <c r="A31609" s="13" t="s">
        <v>196</v>
      </c>
      <c r="B31609" s="14" t="s">
        <v>1</v>
      </c>
      <c r="C31609" s="14" t="s">
        <v>109</v>
      </c>
      <c r="D31609" s="14" t="s">
        <v>197</v>
      </c>
      <c r="E31609" s="15">
        <v>45595</v>
      </c>
      <c r="F31609" s="14" t="s">
        <v>15</v>
      </c>
      <c r="G31609" s="16">
        <v>0</v>
      </c>
    </row>
    <row r="31610" spans="1:7" x14ac:dyDescent="0.3">
      <c r="A31610" s="13" t="s">
        <v>196</v>
      </c>
      <c r="B31610" s="14" t="s">
        <v>1</v>
      </c>
      <c r="C31610" s="14" t="s">
        <v>109</v>
      </c>
      <c r="D31610" s="14" t="s">
        <v>197</v>
      </c>
      <c r="E31610" s="15">
        <v>45596</v>
      </c>
      <c r="F31610" s="14" t="s">
        <v>15</v>
      </c>
      <c r="G31610" s="16">
        <v>0</v>
      </c>
    </row>
    <row r="31611" spans="1:7" x14ac:dyDescent="0.3">
      <c r="A31611" s="13" t="s">
        <v>196</v>
      </c>
      <c r="B31611" s="14" t="s">
        <v>1</v>
      </c>
      <c r="C31611" s="14" t="s">
        <v>109</v>
      </c>
      <c r="D31611" s="14" t="s">
        <v>197</v>
      </c>
      <c r="E31611" s="15">
        <v>45597</v>
      </c>
      <c r="F31611" s="14" t="s">
        <v>15</v>
      </c>
      <c r="G31611" s="16">
        <v>0</v>
      </c>
    </row>
    <row r="31612" spans="1:7" x14ac:dyDescent="0.3">
      <c r="A31612" s="13" t="s">
        <v>196</v>
      </c>
      <c r="B31612" s="14" t="s">
        <v>1</v>
      </c>
      <c r="C31612" s="14" t="s">
        <v>109</v>
      </c>
      <c r="D31612" s="14" t="s">
        <v>197</v>
      </c>
      <c r="E31612" s="15">
        <v>45598</v>
      </c>
      <c r="F31612" s="14" t="s">
        <v>15</v>
      </c>
      <c r="G31612" s="16">
        <v>0</v>
      </c>
    </row>
    <row r="31613" spans="1:7" x14ac:dyDescent="0.3">
      <c r="A31613" s="13" t="s">
        <v>196</v>
      </c>
      <c r="B31613" s="14" t="s">
        <v>1</v>
      </c>
      <c r="C31613" s="14" t="s">
        <v>109</v>
      </c>
      <c r="D31613" s="14" t="s">
        <v>197</v>
      </c>
      <c r="E31613" s="15">
        <v>45599</v>
      </c>
      <c r="F31613" s="14" t="s">
        <v>15</v>
      </c>
      <c r="G31613" s="16">
        <v>0</v>
      </c>
    </row>
    <row r="31614" spans="1:7" x14ac:dyDescent="0.3">
      <c r="A31614" s="13" t="s">
        <v>196</v>
      </c>
      <c r="B31614" s="14" t="s">
        <v>1</v>
      </c>
      <c r="C31614" s="14" t="s">
        <v>109</v>
      </c>
      <c r="D31614" s="14" t="s">
        <v>197</v>
      </c>
      <c r="E31614" s="15">
        <v>45600</v>
      </c>
      <c r="F31614" s="14" t="s">
        <v>15</v>
      </c>
      <c r="G31614" s="16">
        <v>0</v>
      </c>
    </row>
    <row r="31615" spans="1:7" x14ac:dyDescent="0.3">
      <c r="A31615" s="13" t="s">
        <v>196</v>
      </c>
      <c r="B31615" s="14" t="s">
        <v>1</v>
      </c>
      <c r="C31615" s="14" t="s">
        <v>109</v>
      </c>
      <c r="D31615" s="14" t="s">
        <v>197</v>
      </c>
      <c r="E31615" s="15">
        <v>45601</v>
      </c>
      <c r="F31615" s="14" t="s">
        <v>15</v>
      </c>
      <c r="G31615" s="16">
        <v>0</v>
      </c>
    </row>
    <row r="31616" spans="1:7" x14ac:dyDescent="0.3">
      <c r="A31616" s="13" t="s">
        <v>196</v>
      </c>
      <c r="B31616" s="14" t="s">
        <v>1</v>
      </c>
      <c r="C31616" s="14" t="s">
        <v>109</v>
      </c>
      <c r="D31616" s="14" t="s">
        <v>197</v>
      </c>
      <c r="E31616" s="15">
        <v>45602</v>
      </c>
      <c r="F31616" s="14" t="s">
        <v>15</v>
      </c>
      <c r="G31616" s="16">
        <v>0</v>
      </c>
    </row>
    <row r="31617" spans="1:7" x14ac:dyDescent="0.3">
      <c r="A31617" s="13" t="s">
        <v>196</v>
      </c>
      <c r="B31617" s="14" t="s">
        <v>1</v>
      </c>
      <c r="C31617" s="14" t="s">
        <v>109</v>
      </c>
      <c r="D31617" s="14" t="s">
        <v>197</v>
      </c>
      <c r="E31617" s="15">
        <v>45603</v>
      </c>
      <c r="F31617" s="14" t="s">
        <v>15</v>
      </c>
      <c r="G31617" s="16">
        <v>0</v>
      </c>
    </row>
    <row r="31618" spans="1:7" x14ac:dyDescent="0.3">
      <c r="A31618" s="13" t="s">
        <v>196</v>
      </c>
      <c r="B31618" s="14" t="s">
        <v>1</v>
      </c>
      <c r="C31618" s="14" t="s">
        <v>109</v>
      </c>
      <c r="D31618" s="14" t="s">
        <v>197</v>
      </c>
      <c r="E31618" s="15">
        <v>45604</v>
      </c>
      <c r="F31618" s="14" t="s">
        <v>15</v>
      </c>
      <c r="G31618" s="16">
        <v>0</v>
      </c>
    </row>
    <row r="31619" spans="1:7" x14ac:dyDescent="0.3">
      <c r="A31619" s="13" t="s">
        <v>196</v>
      </c>
      <c r="B31619" s="14" t="s">
        <v>1</v>
      </c>
      <c r="C31619" s="14" t="s">
        <v>109</v>
      </c>
      <c r="D31619" s="14" t="s">
        <v>197</v>
      </c>
      <c r="E31619" s="15">
        <v>45605</v>
      </c>
      <c r="F31619" s="14" t="s">
        <v>15</v>
      </c>
      <c r="G31619" s="16">
        <v>0</v>
      </c>
    </row>
    <row r="31620" spans="1:7" x14ac:dyDescent="0.3">
      <c r="A31620" s="13" t="s">
        <v>196</v>
      </c>
      <c r="B31620" s="14" t="s">
        <v>1</v>
      </c>
      <c r="C31620" s="14" t="s">
        <v>109</v>
      </c>
      <c r="D31620" s="14" t="s">
        <v>197</v>
      </c>
      <c r="E31620" s="15">
        <v>45606</v>
      </c>
      <c r="F31620" s="14" t="s">
        <v>15</v>
      </c>
      <c r="G31620" s="16">
        <v>0</v>
      </c>
    </row>
    <row r="31621" spans="1:7" x14ac:dyDescent="0.3">
      <c r="A31621" s="13" t="s">
        <v>196</v>
      </c>
      <c r="B31621" s="14" t="s">
        <v>1</v>
      </c>
      <c r="C31621" s="14" t="s">
        <v>109</v>
      </c>
      <c r="D31621" s="14" t="s">
        <v>197</v>
      </c>
      <c r="E31621" s="15">
        <v>45607</v>
      </c>
      <c r="F31621" s="14" t="s">
        <v>15</v>
      </c>
      <c r="G31621" s="16">
        <v>0</v>
      </c>
    </row>
    <row r="31622" spans="1:7" x14ac:dyDescent="0.3">
      <c r="A31622" s="13" t="s">
        <v>196</v>
      </c>
      <c r="B31622" s="14" t="s">
        <v>1</v>
      </c>
      <c r="C31622" s="14" t="s">
        <v>109</v>
      </c>
      <c r="D31622" s="14" t="s">
        <v>197</v>
      </c>
      <c r="E31622" s="15">
        <v>45608</v>
      </c>
      <c r="F31622" s="14" t="s">
        <v>15</v>
      </c>
      <c r="G31622" s="16">
        <v>0</v>
      </c>
    </row>
    <row r="31623" spans="1:7" x14ac:dyDescent="0.3">
      <c r="A31623" s="13" t="s">
        <v>196</v>
      </c>
      <c r="B31623" s="14" t="s">
        <v>1</v>
      </c>
      <c r="C31623" s="14" t="s">
        <v>109</v>
      </c>
      <c r="D31623" s="14" t="s">
        <v>197</v>
      </c>
      <c r="E31623" s="15">
        <v>45609</v>
      </c>
      <c r="F31623" s="14" t="s">
        <v>15</v>
      </c>
      <c r="G31623" s="16">
        <v>0</v>
      </c>
    </row>
    <row r="31624" spans="1:7" x14ac:dyDescent="0.3">
      <c r="A31624" s="13" t="s">
        <v>196</v>
      </c>
      <c r="B31624" s="14" t="s">
        <v>1</v>
      </c>
      <c r="C31624" s="14" t="s">
        <v>109</v>
      </c>
      <c r="D31624" s="14" t="s">
        <v>197</v>
      </c>
      <c r="E31624" s="15">
        <v>45610</v>
      </c>
      <c r="F31624" s="14" t="s">
        <v>15</v>
      </c>
      <c r="G31624" s="16">
        <v>0</v>
      </c>
    </row>
    <row r="31625" spans="1:7" x14ac:dyDescent="0.3">
      <c r="A31625" s="13" t="s">
        <v>196</v>
      </c>
      <c r="B31625" s="14" t="s">
        <v>1</v>
      </c>
      <c r="C31625" s="14" t="s">
        <v>109</v>
      </c>
      <c r="D31625" s="14" t="s">
        <v>197</v>
      </c>
      <c r="E31625" s="15">
        <v>45611</v>
      </c>
      <c r="F31625" s="14" t="s">
        <v>15</v>
      </c>
      <c r="G31625" s="16">
        <v>0</v>
      </c>
    </row>
    <row r="31626" spans="1:7" x14ac:dyDescent="0.3">
      <c r="A31626" s="13" t="s">
        <v>196</v>
      </c>
      <c r="B31626" s="14" t="s">
        <v>1</v>
      </c>
      <c r="C31626" s="14" t="s">
        <v>109</v>
      </c>
      <c r="D31626" s="14" t="s">
        <v>197</v>
      </c>
      <c r="E31626" s="15">
        <v>45612</v>
      </c>
      <c r="F31626" s="14" t="s">
        <v>15</v>
      </c>
      <c r="G31626" s="16">
        <v>0</v>
      </c>
    </row>
    <row r="31627" spans="1:7" x14ac:dyDescent="0.3">
      <c r="A31627" s="13" t="s">
        <v>196</v>
      </c>
      <c r="B31627" s="14" t="s">
        <v>1</v>
      </c>
      <c r="C31627" s="14" t="s">
        <v>109</v>
      </c>
      <c r="D31627" s="14" t="s">
        <v>197</v>
      </c>
      <c r="E31627" s="15">
        <v>45613</v>
      </c>
      <c r="F31627" s="14" t="s">
        <v>15</v>
      </c>
      <c r="G31627" s="16">
        <v>0</v>
      </c>
    </row>
    <row r="31628" spans="1:7" x14ac:dyDescent="0.3">
      <c r="A31628" s="13" t="s">
        <v>196</v>
      </c>
      <c r="B31628" s="14" t="s">
        <v>1</v>
      </c>
      <c r="C31628" s="14" t="s">
        <v>109</v>
      </c>
      <c r="D31628" s="14" t="s">
        <v>197</v>
      </c>
      <c r="E31628" s="15">
        <v>45614</v>
      </c>
      <c r="F31628" s="14" t="s">
        <v>15</v>
      </c>
      <c r="G31628" s="16">
        <v>0</v>
      </c>
    </row>
    <row r="31629" spans="1:7" x14ac:dyDescent="0.3">
      <c r="A31629" s="13" t="s">
        <v>196</v>
      </c>
      <c r="B31629" s="14" t="s">
        <v>1</v>
      </c>
      <c r="C31629" s="14" t="s">
        <v>109</v>
      </c>
      <c r="D31629" s="14" t="s">
        <v>197</v>
      </c>
      <c r="E31629" s="15">
        <v>45615</v>
      </c>
      <c r="F31629" s="14" t="s">
        <v>15</v>
      </c>
      <c r="G31629" s="16">
        <v>0</v>
      </c>
    </row>
    <row r="31630" spans="1:7" x14ac:dyDescent="0.3">
      <c r="A31630" s="13" t="s">
        <v>196</v>
      </c>
      <c r="B31630" s="14" t="s">
        <v>1</v>
      </c>
      <c r="C31630" s="14" t="s">
        <v>109</v>
      </c>
      <c r="D31630" s="14" t="s">
        <v>197</v>
      </c>
      <c r="E31630" s="15">
        <v>45616</v>
      </c>
      <c r="F31630" s="14" t="s">
        <v>15</v>
      </c>
      <c r="G31630" s="16">
        <v>0</v>
      </c>
    </row>
    <row r="31631" spans="1:7" x14ac:dyDescent="0.3">
      <c r="A31631" s="13" t="s">
        <v>196</v>
      </c>
      <c r="B31631" s="14" t="s">
        <v>1</v>
      </c>
      <c r="C31631" s="14" t="s">
        <v>109</v>
      </c>
      <c r="D31631" s="14" t="s">
        <v>197</v>
      </c>
      <c r="E31631" s="15">
        <v>45617</v>
      </c>
      <c r="F31631" s="14" t="s">
        <v>15</v>
      </c>
      <c r="G31631" s="16">
        <v>0</v>
      </c>
    </row>
    <row r="31632" spans="1:7" x14ac:dyDescent="0.3">
      <c r="A31632" s="13" t="s">
        <v>196</v>
      </c>
      <c r="B31632" s="14" t="s">
        <v>1</v>
      </c>
      <c r="C31632" s="14" t="s">
        <v>109</v>
      </c>
      <c r="D31632" s="14" t="s">
        <v>197</v>
      </c>
      <c r="E31632" s="15">
        <v>45618</v>
      </c>
      <c r="F31632" s="14" t="s">
        <v>15</v>
      </c>
      <c r="G31632" s="16">
        <v>0</v>
      </c>
    </row>
    <row r="31633" spans="1:7" x14ac:dyDescent="0.3">
      <c r="A31633" s="13" t="s">
        <v>196</v>
      </c>
      <c r="B31633" s="14" t="s">
        <v>1</v>
      </c>
      <c r="C31633" s="14" t="s">
        <v>109</v>
      </c>
      <c r="D31633" s="14" t="s">
        <v>197</v>
      </c>
      <c r="E31633" s="15">
        <v>45619</v>
      </c>
      <c r="F31633" s="14" t="s">
        <v>15</v>
      </c>
      <c r="G31633" s="16">
        <v>0</v>
      </c>
    </row>
    <row r="31634" spans="1:7" x14ac:dyDescent="0.3">
      <c r="A31634" s="13" t="s">
        <v>196</v>
      </c>
      <c r="B31634" s="14" t="s">
        <v>1</v>
      </c>
      <c r="C31634" s="14" t="s">
        <v>109</v>
      </c>
      <c r="D31634" s="14" t="s">
        <v>197</v>
      </c>
      <c r="E31634" s="15">
        <v>45620</v>
      </c>
      <c r="F31634" s="14" t="s">
        <v>15</v>
      </c>
      <c r="G31634" s="16">
        <v>0</v>
      </c>
    </row>
    <row r="31635" spans="1:7" x14ac:dyDescent="0.3">
      <c r="A31635" s="13" t="s">
        <v>196</v>
      </c>
      <c r="B31635" s="14" t="s">
        <v>1</v>
      </c>
      <c r="C31635" s="14" t="s">
        <v>109</v>
      </c>
      <c r="D31635" s="14" t="s">
        <v>197</v>
      </c>
      <c r="E31635" s="15">
        <v>45621</v>
      </c>
      <c r="F31635" s="14" t="s">
        <v>15</v>
      </c>
      <c r="G31635" s="16">
        <v>0</v>
      </c>
    </row>
    <row r="31636" spans="1:7" x14ac:dyDescent="0.3">
      <c r="A31636" s="13" t="s">
        <v>196</v>
      </c>
      <c r="B31636" s="14" t="s">
        <v>1</v>
      </c>
      <c r="C31636" s="14" t="s">
        <v>109</v>
      </c>
      <c r="D31636" s="14" t="s">
        <v>197</v>
      </c>
      <c r="E31636" s="15">
        <v>45622</v>
      </c>
      <c r="F31636" s="14" t="s">
        <v>15</v>
      </c>
      <c r="G31636" s="16">
        <v>0</v>
      </c>
    </row>
    <row r="31637" spans="1:7" x14ac:dyDescent="0.3">
      <c r="A31637" s="13" t="s">
        <v>196</v>
      </c>
      <c r="B31637" s="14" t="s">
        <v>1</v>
      </c>
      <c r="C31637" s="14" t="s">
        <v>109</v>
      </c>
      <c r="D31637" s="14" t="s">
        <v>197</v>
      </c>
      <c r="E31637" s="15">
        <v>45623</v>
      </c>
      <c r="F31637" s="14" t="s">
        <v>15</v>
      </c>
      <c r="G31637" s="16">
        <v>0</v>
      </c>
    </row>
    <row r="31638" spans="1:7" x14ac:dyDescent="0.3">
      <c r="A31638" s="13" t="s">
        <v>196</v>
      </c>
      <c r="B31638" s="14" t="s">
        <v>1</v>
      </c>
      <c r="C31638" s="14" t="s">
        <v>109</v>
      </c>
      <c r="D31638" s="14" t="s">
        <v>197</v>
      </c>
      <c r="E31638" s="15">
        <v>45624</v>
      </c>
      <c r="F31638" s="14" t="s">
        <v>15</v>
      </c>
      <c r="G31638" s="16">
        <v>0</v>
      </c>
    </row>
    <row r="31639" spans="1:7" x14ac:dyDescent="0.3">
      <c r="A31639" s="13" t="s">
        <v>196</v>
      </c>
      <c r="B31639" s="14" t="s">
        <v>1</v>
      </c>
      <c r="C31639" s="14" t="s">
        <v>109</v>
      </c>
      <c r="D31639" s="14" t="s">
        <v>197</v>
      </c>
      <c r="E31639" s="15">
        <v>45625</v>
      </c>
      <c r="F31639" s="14" t="s">
        <v>15</v>
      </c>
      <c r="G31639" s="16">
        <v>0</v>
      </c>
    </row>
    <row r="31640" spans="1:7" x14ac:dyDescent="0.3">
      <c r="A31640" s="13" t="s">
        <v>196</v>
      </c>
      <c r="B31640" s="14" t="s">
        <v>1</v>
      </c>
      <c r="C31640" s="14" t="s">
        <v>109</v>
      </c>
      <c r="D31640" s="14" t="s">
        <v>197</v>
      </c>
      <c r="E31640" s="15">
        <v>45626</v>
      </c>
      <c r="F31640" s="14" t="s">
        <v>15</v>
      </c>
      <c r="G31640" s="16">
        <v>0</v>
      </c>
    </row>
    <row r="31641" spans="1:7" x14ac:dyDescent="0.3">
      <c r="A31641" s="13" t="s">
        <v>196</v>
      </c>
      <c r="B31641" s="14" t="s">
        <v>1</v>
      </c>
      <c r="C31641" s="14" t="s">
        <v>109</v>
      </c>
      <c r="D31641" s="14" t="s">
        <v>197</v>
      </c>
      <c r="E31641" s="15">
        <v>45627</v>
      </c>
      <c r="F31641" s="14" t="s">
        <v>15</v>
      </c>
      <c r="G31641" s="16">
        <v>0</v>
      </c>
    </row>
    <row r="31642" spans="1:7" x14ac:dyDescent="0.3">
      <c r="A31642" s="13" t="s">
        <v>196</v>
      </c>
      <c r="B31642" s="14" t="s">
        <v>1</v>
      </c>
      <c r="C31642" s="14" t="s">
        <v>109</v>
      </c>
      <c r="D31642" s="14" t="s">
        <v>197</v>
      </c>
      <c r="E31642" s="15">
        <v>45628</v>
      </c>
      <c r="F31642" s="14" t="s">
        <v>15</v>
      </c>
      <c r="G31642" s="16">
        <v>0</v>
      </c>
    </row>
    <row r="31643" spans="1:7" x14ac:dyDescent="0.3">
      <c r="A31643" s="13" t="s">
        <v>196</v>
      </c>
      <c r="B31643" s="14" t="s">
        <v>1</v>
      </c>
      <c r="C31643" s="14" t="s">
        <v>109</v>
      </c>
      <c r="D31643" s="14" t="s">
        <v>197</v>
      </c>
      <c r="E31643" s="15">
        <v>45629</v>
      </c>
      <c r="F31643" s="14" t="s">
        <v>15</v>
      </c>
      <c r="G31643" s="16">
        <v>0</v>
      </c>
    </row>
    <row r="31644" spans="1:7" x14ac:dyDescent="0.3">
      <c r="A31644" s="13" t="s">
        <v>196</v>
      </c>
      <c r="B31644" s="14" t="s">
        <v>1</v>
      </c>
      <c r="C31644" s="14" t="s">
        <v>109</v>
      </c>
      <c r="D31644" s="14" t="s">
        <v>197</v>
      </c>
      <c r="E31644" s="15">
        <v>45630</v>
      </c>
      <c r="F31644" s="14" t="s">
        <v>15</v>
      </c>
      <c r="G31644" s="16">
        <v>0</v>
      </c>
    </row>
    <row r="31645" spans="1:7" x14ac:dyDescent="0.3">
      <c r="A31645" s="13" t="s">
        <v>196</v>
      </c>
      <c r="B31645" s="14" t="s">
        <v>1</v>
      </c>
      <c r="C31645" s="14" t="s">
        <v>109</v>
      </c>
      <c r="D31645" s="14" t="s">
        <v>197</v>
      </c>
      <c r="E31645" s="15">
        <v>45631</v>
      </c>
      <c r="F31645" s="14" t="s">
        <v>15</v>
      </c>
      <c r="G31645" s="16">
        <v>0</v>
      </c>
    </row>
    <row r="31646" spans="1:7" x14ac:dyDescent="0.3">
      <c r="A31646" s="13" t="s">
        <v>196</v>
      </c>
      <c r="B31646" s="14" t="s">
        <v>1</v>
      </c>
      <c r="C31646" s="14" t="s">
        <v>109</v>
      </c>
      <c r="D31646" s="14" t="s">
        <v>197</v>
      </c>
      <c r="E31646" s="15">
        <v>45632</v>
      </c>
      <c r="F31646" s="14" t="s">
        <v>15</v>
      </c>
      <c r="G31646" s="16">
        <v>0</v>
      </c>
    </row>
    <row r="31647" spans="1:7" x14ac:dyDescent="0.3">
      <c r="A31647" s="13" t="s">
        <v>196</v>
      </c>
      <c r="B31647" s="14" t="s">
        <v>1</v>
      </c>
      <c r="C31647" s="14" t="s">
        <v>109</v>
      </c>
      <c r="D31647" s="14" t="s">
        <v>197</v>
      </c>
      <c r="E31647" s="15">
        <v>45633</v>
      </c>
      <c r="F31647" s="14" t="s">
        <v>15</v>
      </c>
      <c r="G31647" s="16">
        <v>0</v>
      </c>
    </row>
    <row r="31648" spans="1:7" x14ac:dyDescent="0.3">
      <c r="A31648" s="13" t="s">
        <v>196</v>
      </c>
      <c r="B31648" s="14" t="s">
        <v>1</v>
      </c>
      <c r="C31648" s="14" t="s">
        <v>109</v>
      </c>
      <c r="D31648" s="14" t="s">
        <v>197</v>
      </c>
      <c r="E31648" s="15">
        <v>45634</v>
      </c>
      <c r="F31648" s="14" t="s">
        <v>15</v>
      </c>
      <c r="G31648" s="16">
        <v>0</v>
      </c>
    </row>
    <row r="31649" spans="1:7" x14ac:dyDescent="0.3">
      <c r="A31649" s="13" t="s">
        <v>196</v>
      </c>
      <c r="B31649" s="14" t="s">
        <v>1</v>
      </c>
      <c r="C31649" s="14" t="s">
        <v>109</v>
      </c>
      <c r="D31649" s="14" t="s">
        <v>197</v>
      </c>
      <c r="E31649" s="15">
        <v>45635</v>
      </c>
      <c r="F31649" s="14" t="s">
        <v>15</v>
      </c>
      <c r="G31649" s="16">
        <v>0</v>
      </c>
    </row>
    <row r="31650" spans="1:7" x14ac:dyDescent="0.3">
      <c r="A31650" s="13" t="s">
        <v>196</v>
      </c>
      <c r="B31650" s="14" t="s">
        <v>1</v>
      </c>
      <c r="C31650" s="14" t="s">
        <v>109</v>
      </c>
      <c r="D31650" s="14" t="s">
        <v>197</v>
      </c>
      <c r="E31650" s="15">
        <v>45636</v>
      </c>
      <c r="F31650" s="14" t="s">
        <v>15</v>
      </c>
      <c r="G31650" s="16">
        <v>0</v>
      </c>
    </row>
    <row r="31651" spans="1:7" x14ac:dyDescent="0.3">
      <c r="A31651" s="13" t="s">
        <v>196</v>
      </c>
      <c r="B31651" s="14" t="s">
        <v>1</v>
      </c>
      <c r="C31651" s="14" t="s">
        <v>109</v>
      </c>
      <c r="D31651" s="14" t="s">
        <v>197</v>
      </c>
      <c r="E31651" s="15">
        <v>45637</v>
      </c>
      <c r="F31651" s="14" t="s">
        <v>15</v>
      </c>
      <c r="G31651" s="16">
        <v>0</v>
      </c>
    </row>
    <row r="31652" spans="1:7" x14ac:dyDescent="0.3">
      <c r="A31652" s="13" t="s">
        <v>196</v>
      </c>
      <c r="B31652" s="14" t="s">
        <v>1</v>
      </c>
      <c r="C31652" s="14" t="s">
        <v>109</v>
      </c>
      <c r="D31652" s="14" t="s">
        <v>197</v>
      </c>
      <c r="E31652" s="15">
        <v>45638</v>
      </c>
      <c r="F31652" s="14" t="s">
        <v>15</v>
      </c>
      <c r="G31652" s="16">
        <v>0</v>
      </c>
    </row>
    <row r="31653" spans="1:7" x14ac:dyDescent="0.3">
      <c r="A31653" s="13" t="s">
        <v>196</v>
      </c>
      <c r="B31653" s="14" t="s">
        <v>1</v>
      </c>
      <c r="C31653" s="14" t="s">
        <v>109</v>
      </c>
      <c r="D31653" s="14" t="s">
        <v>197</v>
      </c>
      <c r="E31653" s="15">
        <v>45639</v>
      </c>
      <c r="F31653" s="14" t="s">
        <v>15</v>
      </c>
      <c r="G31653" s="16">
        <v>0</v>
      </c>
    </row>
    <row r="31654" spans="1:7" x14ac:dyDescent="0.3">
      <c r="A31654" s="13" t="s">
        <v>196</v>
      </c>
      <c r="B31654" s="14" t="s">
        <v>1</v>
      </c>
      <c r="C31654" s="14" t="s">
        <v>109</v>
      </c>
      <c r="D31654" s="14" t="s">
        <v>197</v>
      </c>
      <c r="E31654" s="15">
        <v>45640</v>
      </c>
      <c r="F31654" s="14" t="s">
        <v>15</v>
      </c>
      <c r="G31654" s="16">
        <v>0</v>
      </c>
    </row>
    <row r="31655" spans="1:7" x14ac:dyDescent="0.3">
      <c r="A31655" s="13" t="s">
        <v>196</v>
      </c>
      <c r="B31655" s="14" t="s">
        <v>1</v>
      </c>
      <c r="C31655" s="14" t="s">
        <v>109</v>
      </c>
      <c r="D31655" s="14" t="s">
        <v>197</v>
      </c>
      <c r="E31655" s="15">
        <v>45641</v>
      </c>
      <c r="F31655" s="14" t="s">
        <v>15</v>
      </c>
      <c r="G31655" s="16">
        <v>0</v>
      </c>
    </row>
    <row r="31656" spans="1:7" x14ac:dyDescent="0.3">
      <c r="A31656" s="13" t="s">
        <v>196</v>
      </c>
      <c r="B31656" s="14" t="s">
        <v>1</v>
      </c>
      <c r="C31656" s="14" t="s">
        <v>109</v>
      </c>
      <c r="D31656" s="14" t="s">
        <v>197</v>
      </c>
      <c r="E31656" s="15">
        <v>45642</v>
      </c>
      <c r="F31656" s="14" t="s">
        <v>15</v>
      </c>
      <c r="G31656" s="16">
        <v>0</v>
      </c>
    </row>
    <row r="31657" spans="1:7" x14ac:dyDescent="0.3">
      <c r="A31657" s="13" t="s">
        <v>196</v>
      </c>
      <c r="B31657" s="14" t="s">
        <v>1</v>
      </c>
      <c r="C31657" s="14" t="s">
        <v>109</v>
      </c>
      <c r="D31657" s="14" t="s">
        <v>197</v>
      </c>
      <c r="E31657" s="15">
        <v>45643</v>
      </c>
      <c r="F31657" s="14" t="s">
        <v>15</v>
      </c>
      <c r="G31657" s="16">
        <v>0</v>
      </c>
    </row>
    <row r="31658" spans="1:7" x14ac:dyDescent="0.3">
      <c r="A31658" s="13" t="s">
        <v>196</v>
      </c>
      <c r="B31658" s="14" t="s">
        <v>1</v>
      </c>
      <c r="C31658" s="14" t="s">
        <v>109</v>
      </c>
      <c r="D31658" s="14" t="s">
        <v>197</v>
      </c>
      <c r="E31658" s="15">
        <v>45644</v>
      </c>
      <c r="F31658" s="14" t="s">
        <v>15</v>
      </c>
      <c r="G31658" s="16">
        <v>0</v>
      </c>
    </row>
    <row r="31659" spans="1:7" x14ac:dyDescent="0.3">
      <c r="A31659" s="13" t="s">
        <v>196</v>
      </c>
      <c r="B31659" s="14" t="s">
        <v>1</v>
      </c>
      <c r="C31659" s="14" t="s">
        <v>109</v>
      </c>
      <c r="D31659" s="14" t="s">
        <v>197</v>
      </c>
      <c r="E31659" s="15">
        <v>45645</v>
      </c>
      <c r="F31659" s="14" t="s">
        <v>15</v>
      </c>
      <c r="G31659" s="16">
        <v>0</v>
      </c>
    </row>
    <row r="31660" spans="1:7" x14ac:dyDescent="0.3">
      <c r="A31660" s="13" t="s">
        <v>196</v>
      </c>
      <c r="B31660" s="14" t="s">
        <v>1</v>
      </c>
      <c r="C31660" s="14" t="s">
        <v>109</v>
      </c>
      <c r="D31660" s="14" t="s">
        <v>197</v>
      </c>
      <c r="E31660" s="15">
        <v>45646</v>
      </c>
      <c r="F31660" s="14" t="s">
        <v>15</v>
      </c>
      <c r="G31660" s="16">
        <v>0</v>
      </c>
    </row>
    <row r="31661" spans="1:7" x14ac:dyDescent="0.3">
      <c r="A31661" s="13" t="s">
        <v>196</v>
      </c>
      <c r="B31661" s="14" t="s">
        <v>1</v>
      </c>
      <c r="C31661" s="14" t="s">
        <v>109</v>
      </c>
      <c r="D31661" s="14" t="s">
        <v>197</v>
      </c>
      <c r="E31661" s="15">
        <v>45647</v>
      </c>
      <c r="F31661" s="14" t="s">
        <v>15</v>
      </c>
      <c r="G31661" s="16">
        <v>0</v>
      </c>
    </row>
    <row r="31662" spans="1:7" x14ac:dyDescent="0.3">
      <c r="A31662" s="13" t="s">
        <v>196</v>
      </c>
      <c r="B31662" s="14" t="s">
        <v>1</v>
      </c>
      <c r="C31662" s="14" t="s">
        <v>109</v>
      </c>
      <c r="D31662" s="14" t="s">
        <v>197</v>
      </c>
      <c r="E31662" s="15">
        <v>45648</v>
      </c>
      <c r="F31662" s="14" t="s">
        <v>15</v>
      </c>
      <c r="G31662" s="16">
        <v>0</v>
      </c>
    </row>
    <row r="31663" spans="1:7" x14ac:dyDescent="0.3">
      <c r="A31663" s="13" t="s">
        <v>196</v>
      </c>
      <c r="B31663" s="14" t="s">
        <v>1</v>
      </c>
      <c r="C31663" s="14" t="s">
        <v>109</v>
      </c>
      <c r="D31663" s="14" t="s">
        <v>197</v>
      </c>
      <c r="E31663" s="15">
        <v>45649</v>
      </c>
      <c r="F31663" s="14" t="s">
        <v>15</v>
      </c>
      <c r="G31663" s="16">
        <v>0</v>
      </c>
    </row>
    <row r="31664" spans="1:7" x14ac:dyDescent="0.3">
      <c r="A31664" s="13" t="s">
        <v>196</v>
      </c>
      <c r="B31664" s="14" t="s">
        <v>1</v>
      </c>
      <c r="C31664" s="14" t="s">
        <v>109</v>
      </c>
      <c r="D31664" s="14" t="s">
        <v>197</v>
      </c>
      <c r="E31664" s="15">
        <v>45650</v>
      </c>
      <c r="F31664" s="14" t="s">
        <v>15</v>
      </c>
      <c r="G31664" s="16">
        <v>0</v>
      </c>
    </row>
    <row r="31665" spans="1:7" x14ac:dyDescent="0.3">
      <c r="A31665" s="13" t="s">
        <v>196</v>
      </c>
      <c r="B31665" s="14" t="s">
        <v>1</v>
      </c>
      <c r="C31665" s="14" t="s">
        <v>109</v>
      </c>
      <c r="D31665" s="14" t="s">
        <v>197</v>
      </c>
      <c r="E31665" s="15">
        <v>45651</v>
      </c>
      <c r="F31665" s="14" t="s">
        <v>15</v>
      </c>
      <c r="G31665" s="16">
        <v>0</v>
      </c>
    </row>
    <row r="31666" spans="1:7" x14ac:dyDescent="0.3">
      <c r="A31666" s="13" t="s">
        <v>196</v>
      </c>
      <c r="B31666" s="14" t="s">
        <v>1</v>
      </c>
      <c r="C31666" s="14" t="s">
        <v>109</v>
      </c>
      <c r="D31666" s="14" t="s">
        <v>197</v>
      </c>
      <c r="E31666" s="15">
        <v>45652</v>
      </c>
      <c r="F31666" s="14" t="s">
        <v>15</v>
      </c>
      <c r="G31666" s="16">
        <v>0</v>
      </c>
    </row>
    <row r="31667" spans="1:7" x14ac:dyDescent="0.3">
      <c r="A31667" s="13" t="s">
        <v>196</v>
      </c>
      <c r="B31667" s="14" t="s">
        <v>1</v>
      </c>
      <c r="C31667" s="14" t="s">
        <v>109</v>
      </c>
      <c r="D31667" s="14" t="s">
        <v>197</v>
      </c>
      <c r="E31667" s="15">
        <v>45653</v>
      </c>
      <c r="F31667" s="14" t="s">
        <v>15</v>
      </c>
      <c r="G31667" s="16">
        <v>0</v>
      </c>
    </row>
    <row r="31668" spans="1:7" x14ac:dyDescent="0.3">
      <c r="A31668" s="13" t="s">
        <v>196</v>
      </c>
      <c r="B31668" s="14" t="s">
        <v>1</v>
      </c>
      <c r="C31668" s="14" t="s">
        <v>109</v>
      </c>
      <c r="D31668" s="14" t="s">
        <v>197</v>
      </c>
      <c r="E31668" s="15">
        <v>45654</v>
      </c>
      <c r="F31668" s="14" t="s">
        <v>15</v>
      </c>
      <c r="G31668" s="16">
        <v>0</v>
      </c>
    </row>
    <row r="31669" spans="1:7" x14ac:dyDescent="0.3">
      <c r="A31669" s="13" t="s">
        <v>196</v>
      </c>
      <c r="B31669" s="14" t="s">
        <v>1</v>
      </c>
      <c r="C31669" s="14" t="s">
        <v>109</v>
      </c>
      <c r="D31669" s="14" t="s">
        <v>197</v>
      </c>
      <c r="E31669" s="15">
        <v>45655</v>
      </c>
      <c r="F31669" s="14" t="s">
        <v>15</v>
      </c>
      <c r="G31669" s="16">
        <v>0</v>
      </c>
    </row>
    <row r="31670" spans="1:7" x14ac:dyDescent="0.3">
      <c r="A31670" s="13" t="s">
        <v>196</v>
      </c>
      <c r="B31670" s="14" t="s">
        <v>1</v>
      </c>
      <c r="C31670" s="14" t="s">
        <v>109</v>
      </c>
      <c r="D31670" s="14" t="s">
        <v>197</v>
      </c>
      <c r="E31670" s="15">
        <v>45656</v>
      </c>
      <c r="F31670" s="14" t="s">
        <v>15</v>
      </c>
      <c r="G31670" s="16">
        <v>0</v>
      </c>
    </row>
    <row r="31671" spans="1:7" x14ac:dyDescent="0.3">
      <c r="A31671" s="13" t="s">
        <v>196</v>
      </c>
      <c r="B31671" s="14" t="s">
        <v>1</v>
      </c>
      <c r="C31671" s="14" t="s">
        <v>109</v>
      </c>
      <c r="D31671" s="14" t="s">
        <v>197</v>
      </c>
      <c r="E31671" s="15">
        <v>45657</v>
      </c>
      <c r="F31671" s="14" t="s">
        <v>15</v>
      </c>
      <c r="G31671" s="16">
        <v>0</v>
      </c>
    </row>
    <row r="31672" spans="1:7" x14ac:dyDescent="0.3">
      <c r="A31672" s="13" t="s">
        <v>196</v>
      </c>
      <c r="B31672" s="14" t="s">
        <v>1</v>
      </c>
      <c r="C31672" s="14" t="s">
        <v>109</v>
      </c>
      <c r="D31672" s="14" t="s">
        <v>197</v>
      </c>
      <c r="E31672" s="15">
        <v>45658</v>
      </c>
      <c r="F31672" s="14" t="s">
        <v>15</v>
      </c>
      <c r="G31672" s="16">
        <v>0</v>
      </c>
    </row>
    <row r="31673" spans="1:7" x14ac:dyDescent="0.3">
      <c r="A31673" s="13" t="s">
        <v>196</v>
      </c>
      <c r="B31673" s="14" t="s">
        <v>1</v>
      </c>
      <c r="C31673" s="14" t="s">
        <v>109</v>
      </c>
      <c r="D31673" s="14" t="s">
        <v>197</v>
      </c>
      <c r="E31673" s="15">
        <v>45659</v>
      </c>
      <c r="F31673" s="14" t="s">
        <v>15</v>
      </c>
      <c r="G31673" s="16">
        <v>0</v>
      </c>
    </row>
    <row r="31674" spans="1:7" x14ac:dyDescent="0.3">
      <c r="A31674" s="13" t="s">
        <v>196</v>
      </c>
      <c r="B31674" s="14" t="s">
        <v>1</v>
      </c>
      <c r="C31674" s="14" t="s">
        <v>109</v>
      </c>
      <c r="D31674" s="14" t="s">
        <v>197</v>
      </c>
      <c r="E31674" s="15">
        <v>45660</v>
      </c>
      <c r="F31674" s="14" t="s">
        <v>15</v>
      </c>
      <c r="G31674" s="16">
        <v>0</v>
      </c>
    </row>
    <row r="31675" spans="1:7" x14ac:dyDescent="0.3">
      <c r="A31675" s="13" t="s">
        <v>196</v>
      </c>
      <c r="B31675" s="14" t="s">
        <v>1</v>
      </c>
      <c r="C31675" s="14" t="s">
        <v>109</v>
      </c>
      <c r="D31675" s="14" t="s">
        <v>197</v>
      </c>
      <c r="E31675" s="15">
        <v>45661</v>
      </c>
      <c r="F31675" s="14" t="s">
        <v>15</v>
      </c>
      <c r="G31675" s="16">
        <v>0</v>
      </c>
    </row>
    <row r="31676" spans="1:7" x14ac:dyDescent="0.3">
      <c r="A31676" s="13" t="s">
        <v>196</v>
      </c>
      <c r="B31676" s="14" t="s">
        <v>1</v>
      </c>
      <c r="C31676" s="14" t="s">
        <v>109</v>
      </c>
      <c r="D31676" s="14" t="s">
        <v>197</v>
      </c>
      <c r="E31676" s="15">
        <v>45662</v>
      </c>
      <c r="F31676" s="14" t="s">
        <v>15</v>
      </c>
      <c r="G31676" s="16">
        <v>0</v>
      </c>
    </row>
    <row r="31677" spans="1:7" x14ac:dyDescent="0.3">
      <c r="A31677" s="13" t="s">
        <v>196</v>
      </c>
      <c r="B31677" s="14" t="s">
        <v>1</v>
      </c>
      <c r="C31677" s="14" t="s">
        <v>109</v>
      </c>
      <c r="D31677" s="14" t="s">
        <v>197</v>
      </c>
      <c r="E31677" s="15">
        <v>45663</v>
      </c>
      <c r="F31677" s="14" t="s">
        <v>15</v>
      </c>
      <c r="G31677" s="16">
        <v>0</v>
      </c>
    </row>
    <row r="31678" spans="1:7" x14ac:dyDescent="0.3">
      <c r="A31678" s="13" t="s">
        <v>196</v>
      </c>
      <c r="B31678" s="14" t="s">
        <v>1</v>
      </c>
      <c r="C31678" s="14" t="s">
        <v>109</v>
      </c>
      <c r="D31678" s="14" t="s">
        <v>197</v>
      </c>
      <c r="E31678" s="15">
        <v>45664</v>
      </c>
      <c r="F31678" s="14" t="s">
        <v>15</v>
      </c>
      <c r="G31678" s="16">
        <v>0</v>
      </c>
    </row>
    <row r="31679" spans="1:7" x14ac:dyDescent="0.3">
      <c r="A31679" s="13" t="s">
        <v>196</v>
      </c>
      <c r="B31679" s="14" t="s">
        <v>1</v>
      </c>
      <c r="C31679" s="14" t="s">
        <v>109</v>
      </c>
      <c r="D31679" s="14" t="s">
        <v>197</v>
      </c>
      <c r="E31679" s="15">
        <v>45665</v>
      </c>
      <c r="F31679" s="14" t="s">
        <v>15</v>
      </c>
      <c r="G31679" s="16">
        <v>0</v>
      </c>
    </row>
    <row r="31680" spans="1:7" x14ac:dyDescent="0.3">
      <c r="A31680" s="13" t="s">
        <v>196</v>
      </c>
      <c r="B31680" s="14" t="s">
        <v>1</v>
      </c>
      <c r="C31680" s="14" t="s">
        <v>109</v>
      </c>
      <c r="D31680" s="14" t="s">
        <v>197</v>
      </c>
      <c r="E31680" s="15">
        <v>45666</v>
      </c>
      <c r="F31680" s="14" t="s">
        <v>15</v>
      </c>
      <c r="G31680" s="16">
        <v>0</v>
      </c>
    </row>
    <row r="31681" spans="1:7" x14ac:dyDescent="0.3">
      <c r="A31681" s="13" t="s">
        <v>196</v>
      </c>
      <c r="B31681" s="14" t="s">
        <v>1</v>
      </c>
      <c r="C31681" s="14" t="s">
        <v>109</v>
      </c>
      <c r="D31681" s="14" t="s">
        <v>197</v>
      </c>
      <c r="E31681" s="15">
        <v>45667</v>
      </c>
      <c r="F31681" s="14" t="s">
        <v>15</v>
      </c>
      <c r="G31681" s="16">
        <v>0</v>
      </c>
    </row>
    <row r="31682" spans="1:7" x14ac:dyDescent="0.3">
      <c r="A31682" s="13" t="s">
        <v>196</v>
      </c>
      <c r="B31682" s="14" t="s">
        <v>1</v>
      </c>
      <c r="C31682" s="14" t="s">
        <v>109</v>
      </c>
      <c r="D31682" s="14" t="s">
        <v>197</v>
      </c>
      <c r="E31682" s="15">
        <v>45668</v>
      </c>
      <c r="F31682" s="14" t="s">
        <v>15</v>
      </c>
      <c r="G31682" s="16">
        <v>0</v>
      </c>
    </row>
    <row r="31683" spans="1:7" x14ac:dyDescent="0.3">
      <c r="A31683" s="13" t="s">
        <v>196</v>
      </c>
      <c r="B31683" s="14" t="s">
        <v>1</v>
      </c>
      <c r="C31683" s="14" t="s">
        <v>109</v>
      </c>
      <c r="D31683" s="14" t="s">
        <v>197</v>
      </c>
      <c r="E31683" s="15">
        <v>45669</v>
      </c>
      <c r="F31683" s="14" t="s">
        <v>15</v>
      </c>
      <c r="G31683" s="16">
        <v>0</v>
      </c>
    </row>
    <row r="31684" spans="1:7" x14ac:dyDescent="0.3">
      <c r="A31684" s="13" t="s">
        <v>196</v>
      </c>
      <c r="B31684" s="14" t="s">
        <v>1</v>
      </c>
      <c r="C31684" s="14" t="s">
        <v>109</v>
      </c>
      <c r="D31684" s="14" t="s">
        <v>197</v>
      </c>
      <c r="E31684" s="15">
        <v>45670</v>
      </c>
      <c r="F31684" s="14" t="s">
        <v>15</v>
      </c>
      <c r="G31684" s="16">
        <v>0</v>
      </c>
    </row>
    <row r="31685" spans="1:7" x14ac:dyDescent="0.3">
      <c r="A31685" s="13" t="s">
        <v>196</v>
      </c>
      <c r="B31685" s="14" t="s">
        <v>1</v>
      </c>
      <c r="C31685" s="14" t="s">
        <v>109</v>
      </c>
      <c r="D31685" s="14" t="s">
        <v>197</v>
      </c>
      <c r="E31685" s="15">
        <v>45671</v>
      </c>
      <c r="F31685" s="14" t="s">
        <v>15</v>
      </c>
      <c r="G31685" s="16">
        <v>0</v>
      </c>
    </row>
    <row r="31686" spans="1:7" x14ac:dyDescent="0.3">
      <c r="A31686" s="13" t="s">
        <v>196</v>
      </c>
      <c r="B31686" s="14" t="s">
        <v>1</v>
      </c>
      <c r="C31686" s="14" t="s">
        <v>109</v>
      </c>
      <c r="D31686" s="14" t="s">
        <v>197</v>
      </c>
      <c r="E31686" s="15">
        <v>45672</v>
      </c>
      <c r="F31686" s="14" t="s">
        <v>15</v>
      </c>
      <c r="G31686" s="16">
        <v>0</v>
      </c>
    </row>
    <row r="31687" spans="1:7" x14ac:dyDescent="0.3">
      <c r="A31687" s="13" t="s">
        <v>196</v>
      </c>
      <c r="B31687" s="14" t="s">
        <v>1</v>
      </c>
      <c r="C31687" s="14" t="s">
        <v>109</v>
      </c>
      <c r="D31687" s="14" t="s">
        <v>197</v>
      </c>
      <c r="E31687" s="15">
        <v>45673</v>
      </c>
      <c r="F31687" s="14" t="s">
        <v>15</v>
      </c>
      <c r="G31687" s="16">
        <v>0</v>
      </c>
    </row>
    <row r="31688" spans="1:7" x14ac:dyDescent="0.3">
      <c r="A31688" s="13" t="s">
        <v>196</v>
      </c>
      <c r="B31688" s="14" t="s">
        <v>1</v>
      </c>
      <c r="C31688" s="14" t="s">
        <v>109</v>
      </c>
      <c r="D31688" s="14" t="s">
        <v>197</v>
      </c>
      <c r="E31688" s="15">
        <v>45674</v>
      </c>
      <c r="F31688" s="14" t="s">
        <v>15</v>
      </c>
      <c r="G31688" s="16">
        <v>0</v>
      </c>
    </row>
    <row r="31689" spans="1:7" x14ac:dyDescent="0.3">
      <c r="A31689" s="13" t="s">
        <v>196</v>
      </c>
      <c r="B31689" s="14" t="s">
        <v>1</v>
      </c>
      <c r="C31689" s="14" t="s">
        <v>109</v>
      </c>
      <c r="D31689" s="14" t="s">
        <v>197</v>
      </c>
      <c r="E31689" s="15">
        <v>45675</v>
      </c>
      <c r="F31689" s="14" t="s">
        <v>15</v>
      </c>
      <c r="G31689" s="16">
        <v>0</v>
      </c>
    </row>
    <row r="31690" spans="1:7" x14ac:dyDescent="0.3">
      <c r="A31690" s="13" t="s">
        <v>196</v>
      </c>
      <c r="B31690" s="14" t="s">
        <v>1</v>
      </c>
      <c r="C31690" s="14" t="s">
        <v>109</v>
      </c>
      <c r="D31690" s="14" t="s">
        <v>197</v>
      </c>
      <c r="E31690" s="15">
        <v>45676</v>
      </c>
      <c r="F31690" s="14" t="s">
        <v>15</v>
      </c>
      <c r="G31690" s="16">
        <v>0</v>
      </c>
    </row>
    <row r="31691" spans="1:7" x14ac:dyDescent="0.3">
      <c r="A31691" s="13" t="s">
        <v>196</v>
      </c>
      <c r="B31691" s="14" t="s">
        <v>1</v>
      </c>
      <c r="C31691" s="14" t="s">
        <v>109</v>
      </c>
      <c r="D31691" s="14" t="s">
        <v>197</v>
      </c>
      <c r="E31691" s="15">
        <v>45677</v>
      </c>
      <c r="F31691" s="14" t="s">
        <v>15</v>
      </c>
      <c r="G31691" s="16">
        <v>0</v>
      </c>
    </row>
    <row r="31692" spans="1:7" x14ac:dyDescent="0.3">
      <c r="A31692" s="13" t="s">
        <v>196</v>
      </c>
      <c r="B31692" s="14" t="s">
        <v>1</v>
      </c>
      <c r="C31692" s="14" t="s">
        <v>109</v>
      </c>
      <c r="D31692" s="14" t="s">
        <v>197</v>
      </c>
      <c r="E31692" s="15">
        <v>45678</v>
      </c>
      <c r="F31692" s="14" t="s">
        <v>15</v>
      </c>
      <c r="G31692" s="16">
        <v>0</v>
      </c>
    </row>
    <row r="31693" spans="1:7" x14ac:dyDescent="0.3">
      <c r="A31693" s="13" t="s">
        <v>196</v>
      </c>
      <c r="B31693" s="14" t="s">
        <v>1</v>
      </c>
      <c r="C31693" s="14" t="s">
        <v>109</v>
      </c>
      <c r="D31693" s="14" t="s">
        <v>197</v>
      </c>
      <c r="E31693" s="15">
        <v>45679</v>
      </c>
      <c r="F31693" s="14" t="s">
        <v>15</v>
      </c>
      <c r="G31693" s="16">
        <v>0</v>
      </c>
    </row>
    <row r="31694" spans="1:7" x14ac:dyDescent="0.3">
      <c r="A31694" s="13" t="s">
        <v>196</v>
      </c>
      <c r="B31694" s="14" t="s">
        <v>1</v>
      </c>
      <c r="C31694" s="14" t="s">
        <v>109</v>
      </c>
      <c r="D31694" s="14" t="s">
        <v>197</v>
      </c>
      <c r="E31694" s="15">
        <v>45680</v>
      </c>
      <c r="F31694" s="14" t="s">
        <v>15</v>
      </c>
      <c r="G31694" s="16">
        <v>0</v>
      </c>
    </row>
    <row r="31695" spans="1:7" x14ac:dyDescent="0.3">
      <c r="A31695" s="13" t="s">
        <v>196</v>
      </c>
      <c r="B31695" s="14" t="s">
        <v>1</v>
      </c>
      <c r="C31695" s="14" t="s">
        <v>109</v>
      </c>
      <c r="D31695" s="14" t="s">
        <v>197</v>
      </c>
      <c r="E31695" s="15">
        <v>45681</v>
      </c>
      <c r="F31695" s="14" t="s">
        <v>15</v>
      </c>
      <c r="G31695" s="16">
        <v>0</v>
      </c>
    </row>
    <row r="31696" spans="1:7" x14ac:dyDescent="0.3">
      <c r="A31696" s="13" t="s">
        <v>196</v>
      </c>
      <c r="B31696" s="14" t="s">
        <v>1</v>
      </c>
      <c r="C31696" s="14" t="s">
        <v>109</v>
      </c>
      <c r="D31696" s="14" t="s">
        <v>197</v>
      </c>
      <c r="E31696" s="15">
        <v>45682</v>
      </c>
      <c r="F31696" s="14" t="s">
        <v>15</v>
      </c>
      <c r="G31696" s="16">
        <v>0</v>
      </c>
    </row>
    <row r="31697" spans="1:7" x14ac:dyDescent="0.3">
      <c r="A31697" s="13" t="s">
        <v>196</v>
      </c>
      <c r="B31697" s="14" t="s">
        <v>1</v>
      </c>
      <c r="C31697" s="14" t="s">
        <v>109</v>
      </c>
      <c r="D31697" s="14" t="s">
        <v>197</v>
      </c>
      <c r="E31697" s="15">
        <v>45683</v>
      </c>
      <c r="F31697" s="14" t="s">
        <v>15</v>
      </c>
      <c r="G31697" s="16">
        <v>0</v>
      </c>
    </row>
    <row r="31698" spans="1:7" x14ac:dyDescent="0.3">
      <c r="A31698" s="13" t="s">
        <v>196</v>
      </c>
      <c r="B31698" s="14" t="s">
        <v>1</v>
      </c>
      <c r="C31698" s="14" t="s">
        <v>109</v>
      </c>
      <c r="D31698" s="14" t="s">
        <v>197</v>
      </c>
      <c r="E31698" s="15">
        <v>45684</v>
      </c>
      <c r="F31698" s="14" t="s">
        <v>15</v>
      </c>
      <c r="G31698" s="16">
        <v>0</v>
      </c>
    </row>
    <row r="31699" spans="1:7" x14ac:dyDescent="0.3">
      <c r="A31699" s="13" t="s">
        <v>196</v>
      </c>
      <c r="B31699" s="14" t="s">
        <v>1</v>
      </c>
      <c r="C31699" s="14" t="s">
        <v>109</v>
      </c>
      <c r="D31699" s="14" t="s">
        <v>197</v>
      </c>
      <c r="E31699" s="15">
        <v>45685</v>
      </c>
      <c r="F31699" s="14" t="s">
        <v>15</v>
      </c>
      <c r="G31699" s="16">
        <v>0</v>
      </c>
    </row>
    <row r="31700" spans="1:7" x14ac:dyDescent="0.3">
      <c r="A31700" s="13" t="s">
        <v>196</v>
      </c>
      <c r="B31700" s="14" t="s">
        <v>1</v>
      </c>
      <c r="C31700" s="14" t="s">
        <v>109</v>
      </c>
      <c r="D31700" s="14" t="s">
        <v>197</v>
      </c>
      <c r="E31700" s="15">
        <v>45686</v>
      </c>
      <c r="F31700" s="14" t="s">
        <v>15</v>
      </c>
      <c r="G31700" s="16">
        <v>0</v>
      </c>
    </row>
    <row r="31701" spans="1:7" x14ac:dyDescent="0.3">
      <c r="A31701" s="13" t="s">
        <v>196</v>
      </c>
      <c r="B31701" s="14" t="s">
        <v>1</v>
      </c>
      <c r="C31701" s="14" t="s">
        <v>109</v>
      </c>
      <c r="D31701" s="14" t="s">
        <v>197</v>
      </c>
      <c r="E31701" s="15">
        <v>45687</v>
      </c>
      <c r="F31701" s="14" t="s">
        <v>15</v>
      </c>
      <c r="G31701" s="16">
        <v>0</v>
      </c>
    </row>
    <row r="31702" spans="1:7" x14ac:dyDescent="0.3">
      <c r="A31702" s="13" t="s">
        <v>196</v>
      </c>
      <c r="B31702" s="14" t="s">
        <v>1</v>
      </c>
      <c r="C31702" s="14" t="s">
        <v>109</v>
      </c>
      <c r="D31702" s="14" t="s">
        <v>197</v>
      </c>
      <c r="E31702" s="15">
        <v>45688</v>
      </c>
      <c r="F31702" s="14" t="s">
        <v>15</v>
      </c>
      <c r="G31702" s="16">
        <v>0</v>
      </c>
    </row>
    <row r="31703" spans="1:7" x14ac:dyDescent="0.3">
      <c r="A31703" s="13" t="s">
        <v>196</v>
      </c>
      <c r="B31703" s="14" t="s">
        <v>1</v>
      </c>
      <c r="C31703" s="14" t="s">
        <v>109</v>
      </c>
      <c r="D31703" s="14" t="s">
        <v>197</v>
      </c>
      <c r="E31703" s="15">
        <v>45689</v>
      </c>
      <c r="F31703" s="14" t="s">
        <v>15</v>
      </c>
      <c r="G31703" s="16">
        <v>0</v>
      </c>
    </row>
    <row r="31704" spans="1:7" x14ac:dyDescent="0.3">
      <c r="A31704" s="13" t="s">
        <v>196</v>
      </c>
      <c r="B31704" s="14" t="s">
        <v>1</v>
      </c>
      <c r="C31704" s="14" t="s">
        <v>109</v>
      </c>
      <c r="D31704" s="14" t="s">
        <v>197</v>
      </c>
      <c r="E31704" s="15">
        <v>45690</v>
      </c>
      <c r="F31704" s="14" t="s">
        <v>15</v>
      </c>
      <c r="G31704" s="16">
        <v>0</v>
      </c>
    </row>
    <row r="31705" spans="1:7" x14ac:dyDescent="0.3">
      <c r="A31705" s="13" t="s">
        <v>196</v>
      </c>
      <c r="B31705" s="14" t="s">
        <v>1</v>
      </c>
      <c r="C31705" s="14" t="s">
        <v>109</v>
      </c>
      <c r="D31705" s="14" t="s">
        <v>197</v>
      </c>
      <c r="E31705" s="15">
        <v>45691</v>
      </c>
      <c r="F31705" s="14" t="s">
        <v>15</v>
      </c>
      <c r="G31705" s="16">
        <v>0</v>
      </c>
    </row>
    <row r="31706" spans="1:7" x14ac:dyDescent="0.3">
      <c r="A31706" s="13" t="s">
        <v>196</v>
      </c>
      <c r="B31706" s="14" t="s">
        <v>1</v>
      </c>
      <c r="C31706" s="14" t="s">
        <v>109</v>
      </c>
      <c r="D31706" s="14" t="s">
        <v>197</v>
      </c>
      <c r="E31706" s="15">
        <v>45692</v>
      </c>
      <c r="F31706" s="14" t="s">
        <v>15</v>
      </c>
      <c r="G31706" s="16">
        <v>0</v>
      </c>
    </row>
    <row r="31707" spans="1:7" x14ac:dyDescent="0.3">
      <c r="A31707" s="13" t="s">
        <v>196</v>
      </c>
      <c r="B31707" s="14" t="s">
        <v>1</v>
      </c>
      <c r="C31707" s="14" t="s">
        <v>109</v>
      </c>
      <c r="D31707" s="14" t="s">
        <v>197</v>
      </c>
      <c r="E31707" s="15">
        <v>45693</v>
      </c>
      <c r="F31707" s="14" t="s">
        <v>15</v>
      </c>
      <c r="G31707" s="16">
        <v>0</v>
      </c>
    </row>
    <row r="31708" spans="1:7" x14ac:dyDescent="0.3">
      <c r="A31708" s="13" t="s">
        <v>196</v>
      </c>
      <c r="B31708" s="14" t="s">
        <v>1</v>
      </c>
      <c r="C31708" s="14" t="s">
        <v>109</v>
      </c>
      <c r="D31708" s="14" t="s">
        <v>197</v>
      </c>
      <c r="E31708" s="15">
        <v>45694</v>
      </c>
      <c r="F31708" s="14" t="s">
        <v>15</v>
      </c>
      <c r="G31708" s="16">
        <v>0</v>
      </c>
    </row>
    <row r="31709" spans="1:7" x14ac:dyDescent="0.3">
      <c r="A31709" s="13" t="s">
        <v>196</v>
      </c>
      <c r="B31709" s="14" t="s">
        <v>1</v>
      </c>
      <c r="C31709" s="14" t="s">
        <v>109</v>
      </c>
      <c r="D31709" s="14" t="s">
        <v>197</v>
      </c>
      <c r="E31709" s="15">
        <v>45695</v>
      </c>
      <c r="F31709" s="14" t="s">
        <v>15</v>
      </c>
      <c r="G31709" s="16">
        <v>0</v>
      </c>
    </row>
    <row r="31710" spans="1:7" x14ac:dyDescent="0.3">
      <c r="A31710" s="13" t="s">
        <v>196</v>
      </c>
      <c r="B31710" s="14" t="s">
        <v>1</v>
      </c>
      <c r="C31710" s="14" t="s">
        <v>109</v>
      </c>
      <c r="D31710" s="14" t="s">
        <v>197</v>
      </c>
      <c r="E31710" s="15">
        <v>45696</v>
      </c>
      <c r="F31710" s="14" t="s">
        <v>15</v>
      </c>
      <c r="G31710" s="16">
        <v>0</v>
      </c>
    </row>
    <row r="31711" spans="1:7" x14ac:dyDescent="0.3">
      <c r="A31711" s="13" t="s">
        <v>196</v>
      </c>
      <c r="B31711" s="14" t="s">
        <v>1</v>
      </c>
      <c r="C31711" s="14" t="s">
        <v>109</v>
      </c>
      <c r="D31711" s="14" t="s">
        <v>197</v>
      </c>
      <c r="E31711" s="15">
        <v>45697</v>
      </c>
      <c r="F31711" s="14" t="s">
        <v>15</v>
      </c>
      <c r="G31711" s="16">
        <v>0</v>
      </c>
    </row>
    <row r="31712" spans="1:7" x14ac:dyDescent="0.3">
      <c r="A31712" s="13" t="s">
        <v>196</v>
      </c>
      <c r="B31712" s="14" t="s">
        <v>1</v>
      </c>
      <c r="C31712" s="14" t="s">
        <v>109</v>
      </c>
      <c r="D31712" s="14" t="s">
        <v>197</v>
      </c>
      <c r="E31712" s="15">
        <v>45698</v>
      </c>
      <c r="F31712" s="14" t="s">
        <v>15</v>
      </c>
      <c r="G31712" s="16">
        <v>0</v>
      </c>
    </row>
    <row r="31713" spans="1:7" x14ac:dyDescent="0.3">
      <c r="A31713" s="13" t="s">
        <v>196</v>
      </c>
      <c r="B31713" s="14" t="s">
        <v>1</v>
      </c>
      <c r="C31713" s="14" t="s">
        <v>109</v>
      </c>
      <c r="D31713" s="14" t="s">
        <v>197</v>
      </c>
      <c r="E31713" s="15">
        <v>45699</v>
      </c>
      <c r="F31713" s="14" t="s">
        <v>15</v>
      </c>
      <c r="G31713" s="16">
        <v>0</v>
      </c>
    </row>
    <row r="31714" spans="1:7" x14ac:dyDescent="0.3">
      <c r="A31714" s="13" t="s">
        <v>196</v>
      </c>
      <c r="B31714" s="14" t="s">
        <v>1</v>
      </c>
      <c r="C31714" s="14" t="s">
        <v>109</v>
      </c>
      <c r="D31714" s="14" t="s">
        <v>197</v>
      </c>
      <c r="E31714" s="15">
        <v>45700</v>
      </c>
      <c r="F31714" s="14" t="s">
        <v>15</v>
      </c>
      <c r="G31714" s="16">
        <v>0</v>
      </c>
    </row>
    <row r="31715" spans="1:7" x14ac:dyDescent="0.3">
      <c r="A31715" s="13" t="s">
        <v>196</v>
      </c>
      <c r="B31715" s="14" t="s">
        <v>1</v>
      </c>
      <c r="C31715" s="14" t="s">
        <v>109</v>
      </c>
      <c r="D31715" s="14" t="s">
        <v>197</v>
      </c>
      <c r="E31715" s="15">
        <v>45701</v>
      </c>
      <c r="F31715" s="14" t="s">
        <v>15</v>
      </c>
      <c r="G31715" s="16">
        <v>0</v>
      </c>
    </row>
    <row r="31716" spans="1:7" x14ac:dyDescent="0.3">
      <c r="A31716" s="13" t="s">
        <v>196</v>
      </c>
      <c r="B31716" s="14" t="s">
        <v>1</v>
      </c>
      <c r="C31716" s="14" t="s">
        <v>109</v>
      </c>
      <c r="D31716" s="14" t="s">
        <v>197</v>
      </c>
      <c r="E31716" s="15">
        <v>45702</v>
      </c>
      <c r="F31716" s="14" t="s">
        <v>15</v>
      </c>
      <c r="G31716" s="16">
        <v>0</v>
      </c>
    </row>
    <row r="31717" spans="1:7" x14ac:dyDescent="0.3">
      <c r="A31717" s="13" t="s">
        <v>196</v>
      </c>
      <c r="B31717" s="14" t="s">
        <v>1</v>
      </c>
      <c r="C31717" s="14" t="s">
        <v>109</v>
      </c>
      <c r="D31717" s="14" t="s">
        <v>197</v>
      </c>
      <c r="E31717" s="15">
        <v>45703</v>
      </c>
      <c r="F31717" s="14" t="s">
        <v>15</v>
      </c>
      <c r="G31717" s="16">
        <v>0</v>
      </c>
    </row>
    <row r="31718" spans="1:7" x14ac:dyDescent="0.3">
      <c r="A31718" s="13" t="s">
        <v>196</v>
      </c>
      <c r="B31718" s="14" t="s">
        <v>1</v>
      </c>
      <c r="C31718" s="14" t="s">
        <v>109</v>
      </c>
      <c r="D31718" s="14" t="s">
        <v>197</v>
      </c>
      <c r="E31718" s="15">
        <v>45704</v>
      </c>
      <c r="F31718" s="14" t="s">
        <v>15</v>
      </c>
      <c r="G31718" s="16">
        <v>0</v>
      </c>
    </row>
    <row r="31719" spans="1:7" x14ac:dyDescent="0.3">
      <c r="A31719" s="13" t="s">
        <v>196</v>
      </c>
      <c r="B31719" s="14" t="s">
        <v>1</v>
      </c>
      <c r="C31719" s="14" t="s">
        <v>109</v>
      </c>
      <c r="D31719" s="14" t="s">
        <v>197</v>
      </c>
      <c r="E31719" s="15">
        <v>45705</v>
      </c>
      <c r="F31719" s="14" t="s">
        <v>15</v>
      </c>
      <c r="G31719" s="16">
        <v>0</v>
      </c>
    </row>
    <row r="31720" spans="1:7" x14ac:dyDescent="0.3">
      <c r="A31720" s="13" t="s">
        <v>196</v>
      </c>
      <c r="B31720" s="14" t="s">
        <v>1</v>
      </c>
      <c r="C31720" s="14" t="s">
        <v>109</v>
      </c>
      <c r="D31720" s="14" t="s">
        <v>197</v>
      </c>
      <c r="E31720" s="15">
        <v>45706</v>
      </c>
      <c r="F31720" s="14" t="s">
        <v>15</v>
      </c>
      <c r="G31720" s="16">
        <v>0</v>
      </c>
    </row>
    <row r="31721" spans="1:7" x14ac:dyDescent="0.3">
      <c r="A31721" s="13" t="s">
        <v>196</v>
      </c>
      <c r="B31721" s="14" t="s">
        <v>1</v>
      </c>
      <c r="C31721" s="14" t="s">
        <v>109</v>
      </c>
      <c r="D31721" s="14" t="s">
        <v>197</v>
      </c>
      <c r="E31721" s="15">
        <v>45707</v>
      </c>
      <c r="F31721" s="14" t="s">
        <v>15</v>
      </c>
      <c r="G31721" s="16">
        <v>0</v>
      </c>
    </row>
    <row r="31722" spans="1:7" x14ac:dyDescent="0.3">
      <c r="A31722" s="13" t="s">
        <v>196</v>
      </c>
      <c r="B31722" s="14" t="s">
        <v>1</v>
      </c>
      <c r="C31722" s="14" t="s">
        <v>109</v>
      </c>
      <c r="D31722" s="14" t="s">
        <v>197</v>
      </c>
      <c r="E31722" s="15">
        <v>45708</v>
      </c>
      <c r="F31722" s="14" t="s">
        <v>15</v>
      </c>
      <c r="G31722" s="16">
        <v>0</v>
      </c>
    </row>
    <row r="31723" spans="1:7" x14ac:dyDescent="0.3">
      <c r="A31723" s="13" t="s">
        <v>196</v>
      </c>
      <c r="B31723" s="14" t="s">
        <v>1</v>
      </c>
      <c r="C31723" s="14" t="s">
        <v>109</v>
      </c>
      <c r="D31723" s="14" t="s">
        <v>197</v>
      </c>
      <c r="E31723" s="15">
        <v>45709</v>
      </c>
      <c r="F31723" s="14" t="s">
        <v>15</v>
      </c>
      <c r="G31723" s="16">
        <v>0</v>
      </c>
    </row>
    <row r="31724" spans="1:7" x14ac:dyDescent="0.3">
      <c r="A31724" s="13" t="s">
        <v>196</v>
      </c>
      <c r="B31724" s="14" t="s">
        <v>1</v>
      </c>
      <c r="C31724" s="14" t="s">
        <v>109</v>
      </c>
      <c r="D31724" s="14" t="s">
        <v>197</v>
      </c>
      <c r="E31724" s="15">
        <v>45710</v>
      </c>
      <c r="F31724" s="14" t="s">
        <v>15</v>
      </c>
      <c r="G31724" s="16">
        <v>0</v>
      </c>
    </row>
    <row r="31725" spans="1:7" x14ac:dyDescent="0.3">
      <c r="A31725" s="13" t="s">
        <v>196</v>
      </c>
      <c r="B31725" s="14" t="s">
        <v>1</v>
      </c>
      <c r="C31725" s="14" t="s">
        <v>109</v>
      </c>
      <c r="D31725" s="14" t="s">
        <v>197</v>
      </c>
      <c r="E31725" s="15">
        <v>45711</v>
      </c>
      <c r="F31725" s="14" t="s">
        <v>15</v>
      </c>
      <c r="G31725" s="16">
        <v>0</v>
      </c>
    </row>
    <row r="31726" spans="1:7" x14ac:dyDescent="0.3">
      <c r="A31726" s="13" t="s">
        <v>196</v>
      </c>
      <c r="B31726" s="14" t="s">
        <v>1</v>
      </c>
      <c r="C31726" s="14" t="s">
        <v>109</v>
      </c>
      <c r="D31726" s="14" t="s">
        <v>197</v>
      </c>
      <c r="E31726" s="15">
        <v>45712</v>
      </c>
      <c r="F31726" s="14" t="s">
        <v>15</v>
      </c>
      <c r="G31726" s="16">
        <v>0</v>
      </c>
    </row>
    <row r="31727" spans="1:7" x14ac:dyDescent="0.3">
      <c r="A31727" s="13" t="s">
        <v>196</v>
      </c>
      <c r="B31727" s="14" t="s">
        <v>1</v>
      </c>
      <c r="C31727" s="14" t="s">
        <v>109</v>
      </c>
      <c r="D31727" s="14" t="s">
        <v>197</v>
      </c>
      <c r="E31727" s="15">
        <v>45713</v>
      </c>
      <c r="F31727" s="14" t="s">
        <v>15</v>
      </c>
      <c r="G31727" s="16">
        <v>0</v>
      </c>
    </row>
    <row r="31728" spans="1:7" x14ac:dyDescent="0.3">
      <c r="A31728" s="13" t="s">
        <v>196</v>
      </c>
      <c r="B31728" s="14" t="s">
        <v>1</v>
      </c>
      <c r="C31728" s="14" t="s">
        <v>109</v>
      </c>
      <c r="D31728" s="14" t="s">
        <v>197</v>
      </c>
      <c r="E31728" s="15">
        <v>45714</v>
      </c>
      <c r="F31728" s="14" t="s">
        <v>15</v>
      </c>
      <c r="G31728" s="16">
        <v>0</v>
      </c>
    </row>
    <row r="31729" spans="1:7" x14ac:dyDescent="0.3">
      <c r="A31729" s="13" t="s">
        <v>196</v>
      </c>
      <c r="B31729" s="14" t="s">
        <v>1</v>
      </c>
      <c r="C31729" s="14" t="s">
        <v>109</v>
      </c>
      <c r="D31729" s="14" t="s">
        <v>197</v>
      </c>
      <c r="E31729" s="15">
        <v>45715</v>
      </c>
      <c r="F31729" s="14" t="s">
        <v>15</v>
      </c>
      <c r="G31729" s="16">
        <v>0</v>
      </c>
    </row>
    <row r="31730" spans="1:7" x14ac:dyDescent="0.3">
      <c r="A31730" s="13" t="s">
        <v>196</v>
      </c>
      <c r="B31730" s="14" t="s">
        <v>1</v>
      </c>
      <c r="C31730" s="14" t="s">
        <v>109</v>
      </c>
      <c r="D31730" s="14" t="s">
        <v>197</v>
      </c>
      <c r="E31730" s="15">
        <v>45716</v>
      </c>
      <c r="F31730" s="14" t="s">
        <v>15</v>
      </c>
      <c r="G31730" s="16">
        <v>0</v>
      </c>
    </row>
    <row r="31731" spans="1:7" x14ac:dyDescent="0.3">
      <c r="A31731" s="13" t="s">
        <v>196</v>
      </c>
      <c r="B31731" s="14" t="s">
        <v>1</v>
      </c>
      <c r="C31731" s="14" t="s">
        <v>109</v>
      </c>
      <c r="D31731" s="14" t="s">
        <v>197</v>
      </c>
      <c r="E31731" s="15">
        <v>45717</v>
      </c>
      <c r="F31731" s="14" t="s">
        <v>15</v>
      </c>
      <c r="G31731" s="16">
        <v>0</v>
      </c>
    </row>
    <row r="31732" spans="1:7" x14ac:dyDescent="0.3">
      <c r="A31732" s="13" t="s">
        <v>196</v>
      </c>
      <c r="B31732" s="14" t="s">
        <v>1</v>
      </c>
      <c r="C31732" s="14" t="s">
        <v>109</v>
      </c>
      <c r="D31732" s="14" t="s">
        <v>197</v>
      </c>
      <c r="E31732" s="15">
        <v>45718</v>
      </c>
      <c r="F31732" s="14" t="s">
        <v>15</v>
      </c>
      <c r="G31732" s="16">
        <v>0</v>
      </c>
    </row>
    <row r="31733" spans="1:7" x14ac:dyDescent="0.3">
      <c r="A31733" s="13" t="s">
        <v>196</v>
      </c>
      <c r="B31733" s="14" t="s">
        <v>1</v>
      </c>
      <c r="C31733" s="14" t="s">
        <v>109</v>
      </c>
      <c r="D31733" s="14" t="s">
        <v>197</v>
      </c>
      <c r="E31733" s="15">
        <v>45719</v>
      </c>
      <c r="F31733" s="14" t="s">
        <v>15</v>
      </c>
      <c r="G31733" s="16">
        <v>0</v>
      </c>
    </row>
    <row r="31734" spans="1:7" x14ac:dyDescent="0.3">
      <c r="A31734" s="13" t="s">
        <v>196</v>
      </c>
      <c r="B31734" s="14" t="s">
        <v>1</v>
      </c>
      <c r="C31734" s="14" t="s">
        <v>109</v>
      </c>
      <c r="D31734" s="14" t="s">
        <v>197</v>
      </c>
      <c r="E31734" s="15">
        <v>45720</v>
      </c>
      <c r="F31734" s="14" t="s">
        <v>15</v>
      </c>
      <c r="G31734" s="16">
        <v>0</v>
      </c>
    </row>
    <row r="31735" spans="1:7" x14ac:dyDescent="0.3">
      <c r="A31735" s="13" t="s">
        <v>196</v>
      </c>
      <c r="B31735" s="14" t="s">
        <v>1</v>
      </c>
      <c r="C31735" s="14" t="s">
        <v>109</v>
      </c>
      <c r="D31735" s="14" t="s">
        <v>197</v>
      </c>
      <c r="E31735" s="15">
        <v>45721</v>
      </c>
      <c r="F31735" s="14" t="s">
        <v>15</v>
      </c>
      <c r="G31735" s="16">
        <v>0</v>
      </c>
    </row>
    <row r="31736" spans="1:7" x14ac:dyDescent="0.3">
      <c r="A31736" s="13" t="s">
        <v>196</v>
      </c>
      <c r="B31736" s="14" t="s">
        <v>1</v>
      </c>
      <c r="C31736" s="14" t="s">
        <v>109</v>
      </c>
      <c r="D31736" s="14" t="s">
        <v>197</v>
      </c>
      <c r="E31736" s="15">
        <v>45722</v>
      </c>
      <c r="F31736" s="14" t="s">
        <v>15</v>
      </c>
      <c r="G31736" s="16">
        <v>0</v>
      </c>
    </row>
    <row r="31737" spans="1:7" x14ac:dyDescent="0.3">
      <c r="A31737" s="13" t="s">
        <v>196</v>
      </c>
      <c r="B31737" s="14" t="s">
        <v>1</v>
      </c>
      <c r="C31737" s="14" t="s">
        <v>109</v>
      </c>
      <c r="D31737" s="14" t="s">
        <v>197</v>
      </c>
      <c r="E31737" s="15">
        <v>45723</v>
      </c>
      <c r="F31737" s="14" t="s">
        <v>15</v>
      </c>
      <c r="G31737" s="16">
        <v>0</v>
      </c>
    </row>
    <row r="31738" spans="1:7" x14ac:dyDescent="0.3">
      <c r="A31738" s="13" t="s">
        <v>196</v>
      </c>
      <c r="B31738" s="14" t="s">
        <v>1</v>
      </c>
      <c r="C31738" s="14" t="s">
        <v>109</v>
      </c>
      <c r="D31738" s="14" t="s">
        <v>197</v>
      </c>
      <c r="E31738" s="15">
        <v>45724</v>
      </c>
      <c r="F31738" s="14" t="s">
        <v>15</v>
      </c>
      <c r="G31738" s="16">
        <v>0</v>
      </c>
    </row>
    <row r="31739" spans="1:7" x14ac:dyDescent="0.3">
      <c r="A31739" s="13" t="s">
        <v>196</v>
      </c>
      <c r="B31739" s="14" t="s">
        <v>1</v>
      </c>
      <c r="C31739" s="14" t="s">
        <v>109</v>
      </c>
      <c r="D31739" s="14" t="s">
        <v>197</v>
      </c>
      <c r="E31739" s="15">
        <v>45725</v>
      </c>
      <c r="F31739" s="14" t="s">
        <v>15</v>
      </c>
      <c r="G31739" s="16">
        <v>0</v>
      </c>
    </row>
    <row r="31740" spans="1:7" x14ac:dyDescent="0.3">
      <c r="A31740" s="13" t="s">
        <v>196</v>
      </c>
      <c r="B31740" s="14" t="s">
        <v>1</v>
      </c>
      <c r="C31740" s="14" t="s">
        <v>109</v>
      </c>
      <c r="D31740" s="14" t="s">
        <v>197</v>
      </c>
      <c r="E31740" s="15">
        <v>45726</v>
      </c>
      <c r="F31740" s="14" t="s">
        <v>15</v>
      </c>
      <c r="G31740" s="16">
        <v>0</v>
      </c>
    </row>
    <row r="31741" spans="1:7" x14ac:dyDescent="0.3">
      <c r="A31741" s="13" t="s">
        <v>196</v>
      </c>
      <c r="B31741" s="14" t="s">
        <v>1</v>
      </c>
      <c r="C31741" s="14" t="s">
        <v>109</v>
      </c>
      <c r="D31741" s="14" t="s">
        <v>197</v>
      </c>
      <c r="E31741" s="15">
        <v>45727</v>
      </c>
      <c r="F31741" s="14" t="s">
        <v>15</v>
      </c>
      <c r="G31741" s="16">
        <v>0</v>
      </c>
    </row>
    <row r="31742" spans="1:7" x14ac:dyDescent="0.3">
      <c r="A31742" s="13" t="s">
        <v>196</v>
      </c>
      <c r="B31742" s="14" t="s">
        <v>1</v>
      </c>
      <c r="C31742" s="14" t="s">
        <v>109</v>
      </c>
      <c r="D31742" s="14" t="s">
        <v>197</v>
      </c>
      <c r="E31742" s="15">
        <v>45728</v>
      </c>
      <c r="F31742" s="14" t="s">
        <v>15</v>
      </c>
      <c r="G31742" s="16">
        <v>0</v>
      </c>
    </row>
    <row r="31743" spans="1:7" x14ac:dyDescent="0.3">
      <c r="A31743" s="13" t="s">
        <v>196</v>
      </c>
      <c r="B31743" s="14" t="s">
        <v>1</v>
      </c>
      <c r="C31743" s="14" t="s">
        <v>109</v>
      </c>
      <c r="D31743" s="14" t="s">
        <v>197</v>
      </c>
      <c r="E31743" s="15">
        <v>45729</v>
      </c>
      <c r="F31743" s="14" t="s">
        <v>15</v>
      </c>
      <c r="G31743" s="16">
        <v>0</v>
      </c>
    </row>
    <row r="31744" spans="1:7" x14ac:dyDescent="0.3">
      <c r="A31744" s="13" t="s">
        <v>196</v>
      </c>
      <c r="B31744" s="14" t="s">
        <v>1</v>
      </c>
      <c r="C31744" s="14" t="s">
        <v>109</v>
      </c>
      <c r="D31744" s="14" t="s">
        <v>197</v>
      </c>
      <c r="E31744" s="15">
        <v>45730</v>
      </c>
      <c r="F31744" s="14" t="s">
        <v>15</v>
      </c>
      <c r="G31744" s="16">
        <v>0</v>
      </c>
    </row>
    <row r="31745" spans="1:7" x14ac:dyDescent="0.3">
      <c r="A31745" s="13" t="s">
        <v>196</v>
      </c>
      <c r="B31745" s="14" t="s">
        <v>1</v>
      </c>
      <c r="C31745" s="14" t="s">
        <v>109</v>
      </c>
      <c r="D31745" s="14" t="s">
        <v>197</v>
      </c>
      <c r="E31745" s="15">
        <v>45731</v>
      </c>
      <c r="F31745" s="14" t="s">
        <v>15</v>
      </c>
      <c r="G31745" s="16">
        <v>0</v>
      </c>
    </row>
    <row r="31746" spans="1:7" x14ac:dyDescent="0.3">
      <c r="A31746" s="13" t="s">
        <v>196</v>
      </c>
      <c r="B31746" s="14" t="s">
        <v>1</v>
      </c>
      <c r="C31746" s="14" t="s">
        <v>109</v>
      </c>
      <c r="D31746" s="14" t="s">
        <v>197</v>
      </c>
      <c r="E31746" s="15">
        <v>45732</v>
      </c>
      <c r="F31746" s="14" t="s">
        <v>15</v>
      </c>
      <c r="G31746" s="16">
        <v>0</v>
      </c>
    </row>
    <row r="31747" spans="1:7" x14ac:dyDescent="0.3">
      <c r="A31747" s="13" t="s">
        <v>196</v>
      </c>
      <c r="B31747" s="14" t="s">
        <v>1</v>
      </c>
      <c r="C31747" s="14" t="s">
        <v>109</v>
      </c>
      <c r="D31747" s="14" t="s">
        <v>197</v>
      </c>
      <c r="E31747" s="15">
        <v>45733</v>
      </c>
      <c r="F31747" s="14" t="s">
        <v>15</v>
      </c>
      <c r="G31747" s="16">
        <v>0</v>
      </c>
    </row>
    <row r="31748" spans="1:7" x14ac:dyDescent="0.3">
      <c r="A31748" s="13" t="s">
        <v>196</v>
      </c>
      <c r="B31748" s="14" t="s">
        <v>1</v>
      </c>
      <c r="C31748" s="14" t="s">
        <v>109</v>
      </c>
      <c r="D31748" s="14" t="s">
        <v>197</v>
      </c>
      <c r="E31748" s="15">
        <v>45734</v>
      </c>
      <c r="F31748" s="14" t="s">
        <v>15</v>
      </c>
      <c r="G31748" s="16">
        <v>0</v>
      </c>
    </row>
    <row r="31749" spans="1:7" x14ac:dyDescent="0.3">
      <c r="A31749" s="13" t="s">
        <v>196</v>
      </c>
      <c r="B31749" s="14" t="s">
        <v>1</v>
      </c>
      <c r="C31749" s="14" t="s">
        <v>109</v>
      </c>
      <c r="D31749" s="14" t="s">
        <v>197</v>
      </c>
      <c r="E31749" s="15">
        <v>45735</v>
      </c>
      <c r="F31749" s="14" t="s">
        <v>15</v>
      </c>
      <c r="G31749" s="16">
        <v>0</v>
      </c>
    </row>
    <row r="31750" spans="1:7" x14ac:dyDescent="0.3">
      <c r="A31750" s="13" t="s">
        <v>196</v>
      </c>
      <c r="B31750" s="14" t="s">
        <v>1</v>
      </c>
      <c r="C31750" s="14" t="s">
        <v>109</v>
      </c>
      <c r="D31750" s="14" t="s">
        <v>197</v>
      </c>
      <c r="E31750" s="15">
        <v>45736</v>
      </c>
      <c r="F31750" s="14" t="s">
        <v>15</v>
      </c>
      <c r="G31750" s="16">
        <v>0</v>
      </c>
    </row>
    <row r="31751" spans="1:7" x14ac:dyDescent="0.3">
      <c r="A31751" s="13" t="s">
        <v>196</v>
      </c>
      <c r="B31751" s="14" t="s">
        <v>1</v>
      </c>
      <c r="C31751" s="14" t="s">
        <v>109</v>
      </c>
      <c r="D31751" s="14" t="s">
        <v>197</v>
      </c>
      <c r="E31751" s="15">
        <v>45737</v>
      </c>
      <c r="F31751" s="14" t="s">
        <v>15</v>
      </c>
      <c r="G31751" s="16">
        <v>0</v>
      </c>
    </row>
    <row r="31752" spans="1:7" x14ac:dyDescent="0.3">
      <c r="A31752" s="13" t="s">
        <v>196</v>
      </c>
      <c r="B31752" s="14" t="s">
        <v>1</v>
      </c>
      <c r="C31752" s="14" t="s">
        <v>109</v>
      </c>
      <c r="D31752" s="14" t="s">
        <v>197</v>
      </c>
      <c r="E31752" s="15">
        <v>45738</v>
      </c>
      <c r="F31752" s="14" t="s">
        <v>15</v>
      </c>
      <c r="G31752" s="16">
        <v>0</v>
      </c>
    </row>
    <row r="31753" spans="1:7" x14ac:dyDescent="0.3">
      <c r="A31753" s="13" t="s">
        <v>196</v>
      </c>
      <c r="B31753" s="14" t="s">
        <v>1</v>
      </c>
      <c r="C31753" s="14" t="s">
        <v>109</v>
      </c>
      <c r="D31753" s="14" t="s">
        <v>197</v>
      </c>
      <c r="E31753" s="15">
        <v>45739</v>
      </c>
      <c r="F31753" s="14" t="s">
        <v>15</v>
      </c>
      <c r="G31753" s="16">
        <v>0</v>
      </c>
    </row>
    <row r="31754" spans="1:7" x14ac:dyDescent="0.3">
      <c r="A31754" s="13" t="s">
        <v>196</v>
      </c>
      <c r="B31754" s="14" t="s">
        <v>1</v>
      </c>
      <c r="C31754" s="14" t="s">
        <v>109</v>
      </c>
      <c r="D31754" s="14" t="s">
        <v>197</v>
      </c>
      <c r="E31754" s="15">
        <v>45740</v>
      </c>
      <c r="F31754" s="14" t="s">
        <v>15</v>
      </c>
      <c r="G31754" s="16">
        <v>0</v>
      </c>
    </row>
    <row r="31755" spans="1:7" x14ac:dyDescent="0.3">
      <c r="A31755" s="13" t="s">
        <v>196</v>
      </c>
      <c r="B31755" s="14" t="s">
        <v>1</v>
      </c>
      <c r="C31755" s="14" t="s">
        <v>109</v>
      </c>
      <c r="D31755" s="14" t="s">
        <v>197</v>
      </c>
      <c r="E31755" s="15">
        <v>45741</v>
      </c>
      <c r="F31755" s="14" t="s">
        <v>15</v>
      </c>
      <c r="G31755" s="16">
        <v>0</v>
      </c>
    </row>
    <row r="31756" spans="1:7" x14ac:dyDescent="0.3">
      <c r="A31756" s="13" t="s">
        <v>196</v>
      </c>
      <c r="B31756" s="14" t="s">
        <v>1</v>
      </c>
      <c r="C31756" s="14" t="s">
        <v>109</v>
      </c>
      <c r="D31756" s="14" t="s">
        <v>197</v>
      </c>
      <c r="E31756" s="15">
        <v>45742</v>
      </c>
      <c r="F31756" s="14" t="s">
        <v>15</v>
      </c>
      <c r="G31756" s="16">
        <v>0</v>
      </c>
    </row>
    <row r="31757" spans="1:7" x14ac:dyDescent="0.3">
      <c r="A31757" s="13" t="s">
        <v>196</v>
      </c>
      <c r="B31757" s="14" t="s">
        <v>1</v>
      </c>
      <c r="C31757" s="14" t="s">
        <v>109</v>
      </c>
      <c r="D31757" s="14" t="s">
        <v>197</v>
      </c>
      <c r="E31757" s="15">
        <v>45743</v>
      </c>
      <c r="F31757" s="14" t="s">
        <v>15</v>
      </c>
      <c r="G31757" s="16">
        <v>0</v>
      </c>
    </row>
    <row r="31758" spans="1:7" x14ac:dyDescent="0.3">
      <c r="A31758" s="13" t="s">
        <v>196</v>
      </c>
      <c r="B31758" s="14" t="s">
        <v>1</v>
      </c>
      <c r="C31758" s="14" t="s">
        <v>109</v>
      </c>
      <c r="D31758" s="14" t="s">
        <v>197</v>
      </c>
      <c r="E31758" s="15">
        <v>45744</v>
      </c>
      <c r="F31758" s="14" t="s">
        <v>15</v>
      </c>
      <c r="G31758" s="16">
        <v>0</v>
      </c>
    </row>
    <row r="31759" spans="1:7" x14ac:dyDescent="0.3">
      <c r="A31759" s="13" t="s">
        <v>196</v>
      </c>
      <c r="B31759" s="14" t="s">
        <v>1</v>
      </c>
      <c r="C31759" s="14" t="s">
        <v>109</v>
      </c>
      <c r="D31759" s="14" t="s">
        <v>197</v>
      </c>
      <c r="E31759" s="15">
        <v>45745</v>
      </c>
      <c r="F31759" s="14" t="s">
        <v>15</v>
      </c>
      <c r="G31759" s="16">
        <v>0</v>
      </c>
    </row>
    <row r="31760" spans="1:7" x14ac:dyDescent="0.3">
      <c r="A31760" s="13" t="s">
        <v>196</v>
      </c>
      <c r="B31760" s="14" t="s">
        <v>1</v>
      </c>
      <c r="C31760" s="14" t="s">
        <v>109</v>
      </c>
      <c r="D31760" s="14" t="s">
        <v>197</v>
      </c>
      <c r="E31760" s="15">
        <v>45746</v>
      </c>
      <c r="F31760" s="14" t="s">
        <v>15</v>
      </c>
      <c r="G31760" s="16">
        <v>0</v>
      </c>
    </row>
    <row r="31761" spans="1:7" x14ac:dyDescent="0.3">
      <c r="A31761" s="13" t="s">
        <v>196</v>
      </c>
      <c r="B31761" s="14" t="s">
        <v>1</v>
      </c>
      <c r="C31761" s="14" t="s">
        <v>109</v>
      </c>
      <c r="D31761" s="14" t="s">
        <v>197</v>
      </c>
      <c r="E31761" s="15">
        <v>45747</v>
      </c>
      <c r="F31761" s="14" t="s">
        <v>15</v>
      </c>
      <c r="G31761" s="16">
        <v>0</v>
      </c>
    </row>
    <row r="31762" spans="1:7" x14ac:dyDescent="0.3">
      <c r="A31762" s="13" t="s">
        <v>198</v>
      </c>
      <c r="B31762" s="14" t="s">
        <v>1</v>
      </c>
      <c r="C31762" s="14" t="s">
        <v>109</v>
      </c>
      <c r="D31762" s="14" t="s">
        <v>114</v>
      </c>
      <c r="E31762" s="15">
        <v>45383</v>
      </c>
      <c r="F31762" s="14" t="s">
        <v>15</v>
      </c>
      <c r="G31762" s="16">
        <v>0</v>
      </c>
    </row>
    <row r="31763" spans="1:7" x14ac:dyDescent="0.3">
      <c r="A31763" s="13" t="s">
        <v>198</v>
      </c>
      <c r="B31763" s="14" t="s">
        <v>1</v>
      </c>
      <c r="C31763" s="14" t="s">
        <v>109</v>
      </c>
      <c r="D31763" s="14" t="s">
        <v>114</v>
      </c>
      <c r="E31763" s="15">
        <v>45384</v>
      </c>
      <c r="F31763" s="14" t="s">
        <v>15</v>
      </c>
      <c r="G31763" s="16">
        <v>0</v>
      </c>
    </row>
    <row r="31764" spans="1:7" x14ac:dyDescent="0.3">
      <c r="A31764" s="13" t="s">
        <v>198</v>
      </c>
      <c r="B31764" s="14" t="s">
        <v>1</v>
      </c>
      <c r="C31764" s="14" t="s">
        <v>109</v>
      </c>
      <c r="D31764" s="14" t="s">
        <v>114</v>
      </c>
      <c r="E31764" s="15">
        <v>45385</v>
      </c>
      <c r="F31764" s="14" t="s">
        <v>15</v>
      </c>
      <c r="G31764" s="16">
        <v>0</v>
      </c>
    </row>
    <row r="31765" spans="1:7" x14ac:dyDescent="0.3">
      <c r="A31765" s="13" t="s">
        <v>198</v>
      </c>
      <c r="B31765" s="14" t="s">
        <v>1</v>
      </c>
      <c r="C31765" s="14" t="s">
        <v>109</v>
      </c>
      <c r="D31765" s="14" t="s">
        <v>114</v>
      </c>
      <c r="E31765" s="15">
        <v>45386</v>
      </c>
      <c r="F31765" s="14" t="s">
        <v>15</v>
      </c>
      <c r="G31765" s="16">
        <v>0</v>
      </c>
    </row>
    <row r="31766" spans="1:7" x14ac:dyDescent="0.3">
      <c r="A31766" s="13" t="s">
        <v>198</v>
      </c>
      <c r="B31766" s="14" t="s">
        <v>1</v>
      </c>
      <c r="C31766" s="14" t="s">
        <v>109</v>
      </c>
      <c r="D31766" s="14" t="s">
        <v>114</v>
      </c>
      <c r="E31766" s="15">
        <v>45387</v>
      </c>
      <c r="F31766" s="14" t="s">
        <v>15</v>
      </c>
      <c r="G31766" s="16">
        <v>0</v>
      </c>
    </row>
    <row r="31767" spans="1:7" x14ac:dyDescent="0.3">
      <c r="A31767" s="13" t="s">
        <v>198</v>
      </c>
      <c r="B31767" s="14" t="s">
        <v>1</v>
      </c>
      <c r="C31767" s="14" t="s">
        <v>109</v>
      </c>
      <c r="D31767" s="14" t="s">
        <v>114</v>
      </c>
      <c r="E31767" s="15">
        <v>45388</v>
      </c>
      <c r="F31767" s="14" t="s">
        <v>15</v>
      </c>
      <c r="G31767" s="16">
        <v>0</v>
      </c>
    </row>
    <row r="31768" spans="1:7" x14ac:dyDescent="0.3">
      <c r="A31768" s="13" t="s">
        <v>198</v>
      </c>
      <c r="B31768" s="14" t="s">
        <v>1</v>
      </c>
      <c r="C31768" s="14" t="s">
        <v>109</v>
      </c>
      <c r="D31768" s="14" t="s">
        <v>114</v>
      </c>
      <c r="E31768" s="15">
        <v>45389</v>
      </c>
      <c r="F31768" s="14" t="s">
        <v>15</v>
      </c>
      <c r="G31768" s="16">
        <v>0</v>
      </c>
    </row>
    <row r="31769" spans="1:7" x14ac:dyDescent="0.3">
      <c r="A31769" s="13" t="s">
        <v>198</v>
      </c>
      <c r="B31769" s="14" t="s">
        <v>1</v>
      </c>
      <c r="C31769" s="14" t="s">
        <v>109</v>
      </c>
      <c r="D31769" s="14" t="s">
        <v>114</v>
      </c>
      <c r="E31769" s="15">
        <v>45390</v>
      </c>
      <c r="F31769" s="14" t="s">
        <v>15</v>
      </c>
      <c r="G31769" s="16">
        <v>0</v>
      </c>
    </row>
    <row r="31770" spans="1:7" x14ac:dyDescent="0.3">
      <c r="A31770" s="13" t="s">
        <v>198</v>
      </c>
      <c r="B31770" s="14" t="s">
        <v>1</v>
      </c>
      <c r="C31770" s="14" t="s">
        <v>109</v>
      </c>
      <c r="D31770" s="14" t="s">
        <v>114</v>
      </c>
      <c r="E31770" s="15">
        <v>45391</v>
      </c>
      <c r="F31770" s="14" t="s">
        <v>15</v>
      </c>
      <c r="G31770" s="16">
        <v>0</v>
      </c>
    </row>
    <row r="31771" spans="1:7" x14ac:dyDescent="0.3">
      <c r="A31771" s="13" t="s">
        <v>198</v>
      </c>
      <c r="B31771" s="14" t="s">
        <v>1</v>
      </c>
      <c r="C31771" s="14" t="s">
        <v>109</v>
      </c>
      <c r="D31771" s="14" t="s">
        <v>114</v>
      </c>
      <c r="E31771" s="15">
        <v>45392</v>
      </c>
      <c r="F31771" s="14" t="s">
        <v>15</v>
      </c>
      <c r="G31771" s="16">
        <v>0</v>
      </c>
    </row>
    <row r="31772" spans="1:7" x14ac:dyDescent="0.3">
      <c r="A31772" s="13" t="s">
        <v>198</v>
      </c>
      <c r="B31772" s="14" t="s">
        <v>1</v>
      </c>
      <c r="C31772" s="14" t="s">
        <v>109</v>
      </c>
      <c r="D31772" s="14" t="s">
        <v>114</v>
      </c>
      <c r="E31772" s="15">
        <v>45393</v>
      </c>
      <c r="F31772" s="14" t="s">
        <v>15</v>
      </c>
      <c r="G31772" s="16">
        <v>0</v>
      </c>
    </row>
    <row r="31773" spans="1:7" x14ac:dyDescent="0.3">
      <c r="A31773" s="13" t="s">
        <v>198</v>
      </c>
      <c r="B31773" s="14" t="s">
        <v>1</v>
      </c>
      <c r="C31773" s="14" t="s">
        <v>109</v>
      </c>
      <c r="D31773" s="14" t="s">
        <v>114</v>
      </c>
      <c r="E31773" s="15">
        <v>45394</v>
      </c>
      <c r="F31773" s="14" t="s">
        <v>15</v>
      </c>
      <c r="G31773" s="16">
        <v>0</v>
      </c>
    </row>
    <row r="31774" spans="1:7" x14ac:dyDescent="0.3">
      <c r="A31774" s="13" t="s">
        <v>198</v>
      </c>
      <c r="B31774" s="14" t="s">
        <v>1</v>
      </c>
      <c r="C31774" s="14" t="s">
        <v>109</v>
      </c>
      <c r="D31774" s="14" t="s">
        <v>114</v>
      </c>
      <c r="E31774" s="15">
        <v>45395</v>
      </c>
      <c r="F31774" s="14" t="s">
        <v>15</v>
      </c>
      <c r="G31774" s="16">
        <v>0</v>
      </c>
    </row>
    <row r="31775" spans="1:7" x14ac:dyDescent="0.3">
      <c r="A31775" s="13" t="s">
        <v>198</v>
      </c>
      <c r="B31775" s="14" t="s">
        <v>1</v>
      </c>
      <c r="C31775" s="14" t="s">
        <v>109</v>
      </c>
      <c r="D31775" s="14" t="s">
        <v>114</v>
      </c>
      <c r="E31775" s="15">
        <v>45396</v>
      </c>
      <c r="F31775" s="14" t="s">
        <v>15</v>
      </c>
      <c r="G31775" s="16">
        <v>0</v>
      </c>
    </row>
    <row r="31776" spans="1:7" x14ac:dyDescent="0.3">
      <c r="A31776" s="13" t="s">
        <v>198</v>
      </c>
      <c r="B31776" s="14" t="s">
        <v>1</v>
      </c>
      <c r="C31776" s="14" t="s">
        <v>109</v>
      </c>
      <c r="D31776" s="14" t="s">
        <v>114</v>
      </c>
      <c r="E31776" s="15">
        <v>45397</v>
      </c>
      <c r="F31776" s="14" t="s">
        <v>15</v>
      </c>
      <c r="G31776" s="16">
        <v>7.0382719897315151E-3</v>
      </c>
    </row>
    <row r="31777" spans="1:7" x14ac:dyDescent="0.3">
      <c r="A31777" s="13" t="s">
        <v>198</v>
      </c>
      <c r="B31777" s="14" t="s">
        <v>1</v>
      </c>
      <c r="C31777" s="14" t="s">
        <v>109</v>
      </c>
      <c r="D31777" s="14" t="s">
        <v>114</v>
      </c>
      <c r="E31777" s="15">
        <v>45398</v>
      </c>
      <c r="F31777" s="14" t="s">
        <v>15</v>
      </c>
      <c r="G31777" s="16">
        <v>1.3341503698222443E-3</v>
      </c>
    </row>
    <row r="31778" spans="1:7" x14ac:dyDescent="0.3">
      <c r="A31778" s="13" t="s">
        <v>198</v>
      </c>
      <c r="B31778" s="14" t="s">
        <v>1</v>
      </c>
      <c r="C31778" s="14" t="s">
        <v>109</v>
      </c>
      <c r="D31778" s="14" t="s">
        <v>114</v>
      </c>
      <c r="E31778" s="15">
        <v>45399</v>
      </c>
      <c r="F31778" s="14" t="s">
        <v>15</v>
      </c>
      <c r="G31778" s="16">
        <v>0</v>
      </c>
    </row>
    <row r="31779" spans="1:7" x14ac:dyDescent="0.3">
      <c r="A31779" s="13" t="s">
        <v>198</v>
      </c>
      <c r="B31779" s="14" t="s">
        <v>1</v>
      </c>
      <c r="C31779" s="14" t="s">
        <v>109</v>
      </c>
      <c r="D31779" s="14" t="s">
        <v>114</v>
      </c>
      <c r="E31779" s="15">
        <v>45400</v>
      </c>
      <c r="F31779" s="14" t="s">
        <v>15</v>
      </c>
      <c r="G31779" s="16">
        <v>0</v>
      </c>
    </row>
    <row r="31780" spans="1:7" x14ac:dyDescent="0.3">
      <c r="A31780" s="13" t="s">
        <v>198</v>
      </c>
      <c r="B31780" s="14" t="s">
        <v>1</v>
      </c>
      <c r="C31780" s="14" t="s">
        <v>109</v>
      </c>
      <c r="D31780" s="14" t="s">
        <v>114</v>
      </c>
      <c r="E31780" s="15">
        <v>45401</v>
      </c>
      <c r="F31780" s="14" t="s">
        <v>15</v>
      </c>
      <c r="G31780" s="16">
        <v>0</v>
      </c>
    </row>
    <row r="31781" spans="1:7" x14ac:dyDescent="0.3">
      <c r="A31781" s="13" t="s">
        <v>198</v>
      </c>
      <c r="B31781" s="14" t="s">
        <v>1</v>
      </c>
      <c r="C31781" s="14" t="s">
        <v>109</v>
      </c>
      <c r="D31781" s="14" t="s">
        <v>114</v>
      </c>
      <c r="E31781" s="15">
        <v>45402</v>
      </c>
      <c r="F31781" s="14" t="s">
        <v>15</v>
      </c>
      <c r="G31781" s="16">
        <v>0</v>
      </c>
    </row>
    <row r="31782" spans="1:7" x14ac:dyDescent="0.3">
      <c r="A31782" s="13" t="s">
        <v>198</v>
      </c>
      <c r="B31782" s="14" t="s">
        <v>1</v>
      </c>
      <c r="C31782" s="14" t="s">
        <v>109</v>
      </c>
      <c r="D31782" s="14" t="s">
        <v>114</v>
      </c>
      <c r="E31782" s="15">
        <v>45403</v>
      </c>
      <c r="F31782" s="14" t="s">
        <v>15</v>
      </c>
      <c r="G31782" s="16">
        <v>0</v>
      </c>
    </row>
    <row r="31783" spans="1:7" x14ac:dyDescent="0.3">
      <c r="A31783" s="13" t="s">
        <v>198</v>
      </c>
      <c r="B31783" s="14" t="s">
        <v>1</v>
      </c>
      <c r="C31783" s="14" t="s">
        <v>109</v>
      </c>
      <c r="D31783" s="14" t="s">
        <v>114</v>
      </c>
      <c r="E31783" s="15">
        <v>45404</v>
      </c>
      <c r="F31783" s="14" t="s">
        <v>15</v>
      </c>
      <c r="G31783" s="16">
        <v>0</v>
      </c>
    </row>
    <row r="31784" spans="1:7" x14ac:dyDescent="0.3">
      <c r="A31784" s="13" t="s">
        <v>198</v>
      </c>
      <c r="B31784" s="14" t="s">
        <v>1</v>
      </c>
      <c r="C31784" s="14" t="s">
        <v>109</v>
      </c>
      <c r="D31784" s="14" t="s">
        <v>114</v>
      </c>
      <c r="E31784" s="15">
        <v>45405</v>
      </c>
      <c r="F31784" s="14" t="s">
        <v>15</v>
      </c>
      <c r="G31784" s="16">
        <v>0</v>
      </c>
    </row>
    <row r="31785" spans="1:7" x14ac:dyDescent="0.3">
      <c r="A31785" s="13" t="s">
        <v>198</v>
      </c>
      <c r="B31785" s="14" t="s">
        <v>1</v>
      </c>
      <c r="C31785" s="14" t="s">
        <v>109</v>
      </c>
      <c r="D31785" s="14" t="s">
        <v>114</v>
      </c>
      <c r="E31785" s="15">
        <v>45406</v>
      </c>
      <c r="F31785" s="14" t="s">
        <v>15</v>
      </c>
      <c r="G31785" s="16">
        <v>0</v>
      </c>
    </row>
    <row r="31786" spans="1:7" x14ac:dyDescent="0.3">
      <c r="A31786" s="13" t="s">
        <v>198</v>
      </c>
      <c r="B31786" s="14" t="s">
        <v>1</v>
      </c>
      <c r="C31786" s="14" t="s">
        <v>109</v>
      </c>
      <c r="D31786" s="14" t="s">
        <v>114</v>
      </c>
      <c r="E31786" s="15">
        <v>45407</v>
      </c>
      <c r="F31786" s="14" t="s">
        <v>15</v>
      </c>
      <c r="G31786" s="16">
        <v>0</v>
      </c>
    </row>
    <row r="31787" spans="1:7" x14ac:dyDescent="0.3">
      <c r="A31787" s="13" t="s">
        <v>198</v>
      </c>
      <c r="B31787" s="14" t="s">
        <v>1</v>
      </c>
      <c r="C31787" s="14" t="s">
        <v>109</v>
      </c>
      <c r="D31787" s="14" t="s">
        <v>114</v>
      </c>
      <c r="E31787" s="15">
        <v>45408</v>
      </c>
      <c r="F31787" s="14" t="s">
        <v>15</v>
      </c>
      <c r="G31787" s="16">
        <v>0</v>
      </c>
    </row>
    <row r="31788" spans="1:7" x14ac:dyDescent="0.3">
      <c r="A31788" s="13" t="s">
        <v>198</v>
      </c>
      <c r="B31788" s="14" t="s">
        <v>1</v>
      </c>
      <c r="C31788" s="14" t="s">
        <v>109</v>
      </c>
      <c r="D31788" s="14" t="s">
        <v>114</v>
      </c>
      <c r="E31788" s="15">
        <v>45409</v>
      </c>
      <c r="F31788" s="14" t="s">
        <v>15</v>
      </c>
      <c r="G31788" s="16">
        <v>0</v>
      </c>
    </row>
    <row r="31789" spans="1:7" x14ac:dyDescent="0.3">
      <c r="A31789" s="13" t="s">
        <v>198</v>
      </c>
      <c r="B31789" s="14" t="s">
        <v>1</v>
      </c>
      <c r="C31789" s="14" t="s">
        <v>109</v>
      </c>
      <c r="D31789" s="14" t="s">
        <v>114</v>
      </c>
      <c r="E31789" s="15">
        <v>45410</v>
      </c>
      <c r="F31789" s="14" t="s">
        <v>15</v>
      </c>
      <c r="G31789" s="16">
        <v>0</v>
      </c>
    </row>
    <row r="31790" spans="1:7" x14ac:dyDescent="0.3">
      <c r="A31790" s="13" t="s">
        <v>198</v>
      </c>
      <c r="B31790" s="14" t="s">
        <v>1</v>
      </c>
      <c r="C31790" s="14" t="s">
        <v>109</v>
      </c>
      <c r="D31790" s="14" t="s">
        <v>114</v>
      </c>
      <c r="E31790" s="15">
        <v>45411</v>
      </c>
      <c r="F31790" s="14" t="s">
        <v>15</v>
      </c>
      <c r="G31790" s="16">
        <v>0</v>
      </c>
    </row>
    <row r="31791" spans="1:7" x14ac:dyDescent="0.3">
      <c r="A31791" s="13" t="s">
        <v>198</v>
      </c>
      <c r="B31791" s="14" t="s">
        <v>1</v>
      </c>
      <c r="C31791" s="14" t="s">
        <v>109</v>
      </c>
      <c r="D31791" s="14" t="s">
        <v>114</v>
      </c>
      <c r="E31791" s="15">
        <v>45412</v>
      </c>
      <c r="F31791" s="14" t="s">
        <v>15</v>
      </c>
      <c r="G31791" s="16">
        <v>1.9996790387647231E-3</v>
      </c>
    </row>
    <row r="31792" spans="1:7" x14ac:dyDescent="0.3">
      <c r="A31792" s="13" t="s">
        <v>198</v>
      </c>
      <c r="B31792" s="14" t="s">
        <v>1</v>
      </c>
      <c r="C31792" s="14" t="s">
        <v>109</v>
      </c>
      <c r="D31792" s="14" t="s">
        <v>114</v>
      </c>
      <c r="E31792" s="15">
        <v>45413</v>
      </c>
      <c r="F31792" s="14" t="s">
        <v>15</v>
      </c>
      <c r="G31792" s="16">
        <v>6.064078587381497E-4</v>
      </c>
    </row>
    <row r="31793" spans="1:7" x14ac:dyDescent="0.3">
      <c r="A31793" s="13" t="s">
        <v>198</v>
      </c>
      <c r="B31793" s="14" t="s">
        <v>1</v>
      </c>
      <c r="C31793" s="14" t="s">
        <v>109</v>
      </c>
      <c r="D31793" s="14" t="s">
        <v>114</v>
      </c>
      <c r="E31793" s="15">
        <v>45414</v>
      </c>
      <c r="F31793" s="14" t="s">
        <v>15</v>
      </c>
      <c r="G31793" s="16">
        <v>1.9462745086236001E-3</v>
      </c>
    </row>
    <row r="31794" spans="1:7" x14ac:dyDescent="0.3">
      <c r="A31794" s="13" t="s">
        <v>198</v>
      </c>
      <c r="B31794" s="14" t="s">
        <v>1</v>
      </c>
      <c r="C31794" s="14" t="s">
        <v>109</v>
      </c>
      <c r="D31794" s="14" t="s">
        <v>114</v>
      </c>
      <c r="E31794" s="15">
        <v>45415</v>
      </c>
      <c r="F31794" s="14" t="s">
        <v>15</v>
      </c>
      <c r="G31794" s="16">
        <v>1.1898573328910897E-4</v>
      </c>
    </row>
    <row r="31795" spans="1:7" x14ac:dyDescent="0.3">
      <c r="A31795" s="13" t="s">
        <v>198</v>
      </c>
      <c r="B31795" s="14" t="s">
        <v>1</v>
      </c>
      <c r="C31795" s="14" t="s">
        <v>109</v>
      </c>
      <c r="D31795" s="14" t="s">
        <v>114</v>
      </c>
      <c r="E31795" s="15">
        <v>45416</v>
      </c>
      <c r="F31795" s="14" t="s">
        <v>15</v>
      </c>
      <c r="G31795" s="16">
        <v>1.1898573328910897E-4</v>
      </c>
    </row>
    <row r="31796" spans="1:7" x14ac:dyDescent="0.3">
      <c r="A31796" s="13" t="s">
        <v>198</v>
      </c>
      <c r="B31796" s="14" t="s">
        <v>1</v>
      </c>
      <c r="C31796" s="14" t="s">
        <v>109</v>
      </c>
      <c r="D31796" s="14" t="s">
        <v>114</v>
      </c>
      <c r="E31796" s="15">
        <v>45417</v>
      </c>
      <c r="F31796" s="14" t="s">
        <v>15</v>
      </c>
      <c r="G31796" s="16">
        <v>1.1898573328910897E-4</v>
      </c>
    </row>
    <row r="31797" spans="1:7" x14ac:dyDescent="0.3">
      <c r="A31797" s="13" t="s">
        <v>198</v>
      </c>
      <c r="B31797" s="14" t="s">
        <v>1</v>
      </c>
      <c r="C31797" s="14" t="s">
        <v>109</v>
      </c>
      <c r="D31797" s="14" t="s">
        <v>114</v>
      </c>
      <c r="E31797" s="15">
        <v>45418</v>
      </c>
      <c r="F31797" s="14" t="s">
        <v>15</v>
      </c>
      <c r="G31797" s="16">
        <v>1.1898573328910897E-4</v>
      </c>
    </row>
    <row r="31798" spans="1:7" x14ac:dyDescent="0.3">
      <c r="A31798" s="13" t="s">
        <v>198</v>
      </c>
      <c r="B31798" s="14" t="s">
        <v>1</v>
      </c>
      <c r="C31798" s="14" t="s">
        <v>109</v>
      </c>
      <c r="D31798" s="14" t="s">
        <v>114</v>
      </c>
      <c r="E31798" s="15">
        <v>45419</v>
      </c>
      <c r="F31798" s="14" t="s">
        <v>15</v>
      </c>
      <c r="G31798" s="16">
        <v>0</v>
      </c>
    </row>
    <row r="31799" spans="1:7" x14ac:dyDescent="0.3">
      <c r="A31799" s="13" t="s">
        <v>198</v>
      </c>
      <c r="B31799" s="14" t="s">
        <v>1</v>
      </c>
      <c r="C31799" s="14" t="s">
        <v>109</v>
      </c>
      <c r="D31799" s="14" t="s">
        <v>114</v>
      </c>
      <c r="E31799" s="15">
        <v>45420</v>
      </c>
      <c r="F31799" s="14" t="s">
        <v>15</v>
      </c>
      <c r="G31799" s="16">
        <v>1.4091974165024819E-2</v>
      </c>
    </row>
    <row r="31800" spans="1:7" x14ac:dyDescent="0.3">
      <c r="A31800" s="13" t="s">
        <v>198</v>
      </c>
      <c r="B31800" s="14" t="s">
        <v>1</v>
      </c>
      <c r="C31800" s="14" t="s">
        <v>109</v>
      </c>
      <c r="D31800" s="14" t="s">
        <v>114</v>
      </c>
      <c r="E31800" s="15">
        <v>45421</v>
      </c>
      <c r="F31800" s="14" t="s">
        <v>15</v>
      </c>
      <c r="G31800" s="16">
        <v>1.2188439055379478E-2</v>
      </c>
    </row>
    <row r="31801" spans="1:7" x14ac:dyDescent="0.3">
      <c r="A31801" s="13" t="s">
        <v>198</v>
      </c>
      <c r="B31801" s="14" t="s">
        <v>1</v>
      </c>
      <c r="C31801" s="14" t="s">
        <v>109</v>
      </c>
      <c r="D31801" s="14" t="s">
        <v>114</v>
      </c>
      <c r="E31801" s="15">
        <v>45422</v>
      </c>
      <c r="F31801" s="14" t="s">
        <v>15</v>
      </c>
      <c r="G31801" s="16">
        <v>1.0296634151012727E-2</v>
      </c>
    </row>
    <row r="31802" spans="1:7" x14ac:dyDescent="0.3">
      <c r="A31802" s="13" t="s">
        <v>198</v>
      </c>
      <c r="B31802" s="14" t="s">
        <v>1</v>
      </c>
      <c r="C31802" s="14" t="s">
        <v>109</v>
      </c>
      <c r="D31802" s="14" t="s">
        <v>114</v>
      </c>
      <c r="E31802" s="15">
        <v>45423</v>
      </c>
      <c r="F31802" s="14" t="s">
        <v>15</v>
      </c>
      <c r="G31802" s="16">
        <v>1.0296634151012727E-2</v>
      </c>
    </row>
    <row r="31803" spans="1:7" x14ac:dyDescent="0.3">
      <c r="A31803" s="13" t="s">
        <v>198</v>
      </c>
      <c r="B31803" s="14" t="s">
        <v>1</v>
      </c>
      <c r="C31803" s="14" t="s">
        <v>109</v>
      </c>
      <c r="D31803" s="14" t="s">
        <v>114</v>
      </c>
      <c r="E31803" s="15">
        <v>45424</v>
      </c>
      <c r="F31803" s="14" t="s">
        <v>15</v>
      </c>
      <c r="G31803" s="16">
        <v>1.0296634151012727E-2</v>
      </c>
    </row>
    <row r="31804" spans="1:7" x14ac:dyDescent="0.3">
      <c r="A31804" s="13" t="s">
        <v>198</v>
      </c>
      <c r="B31804" s="14" t="s">
        <v>1</v>
      </c>
      <c r="C31804" s="14" t="s">
        <v>109</v>
      </c>
      <c r="D31804" s="14" t="s">
        <v>114</v>
      </c>
      <c r="E31804" s="15">
        <v>45425</v>
      </c>
      <c r="F31804" s="14" t="s">
        <v>15</v>
      </c>
      <c r="G31804" s="16">
        <v>2.2692219275971495E-2</v>
      </c>
    </row>
    <row r="31805" spans="1:7" x14ac:dyDescent="0.3">
      <c r="A31805" s="13" t="s">
        <v>198</v>
      </c>
      <c r="B31805" s="14" t="s">
        <v>1</v>
      </c>
      <c r="C31805" s="14" t="s">
        <v>109</v>
      </c>
      <c r="D31805" s="14" t="s">
        <v>114</v>
      </c>
      <c r="E31805" s="15">
        <v>45426</v>
      </c>
      <c r="F31805" s="14" t="s">
        <v>15</v>
      </c>
      <c r="G31805" s="16">
        <v>2.4820942230842281E-2</v>
      </c>
    </row>
    <row r="31806" spans="1:7" x14ac:dyDescent="0.3">
      <c r="A31806" s="13" t="s">
        <v>198</v>
      </c>
      <c r="B31806" s="14" t="s">
        <v>1</v>
      </c>
      <c r="C31806" s="14" t="s">
        <v>109</v>
      </c>
      <c r="D31806" s="14" t="s">
        <v>114</v>
      </c>
      <c r="E31806" s="15">
        <v>45427</v>
      </c>
      <c r="F31806" s="14" t="s">
        <v>15</v>
      </c>
      <c r="G31806" s="16">
        <v>2.5451131461372893E-2</v>
      </c>
    </row>
    <row r="31807" spans="1:7" x14ac:dyDescent="0.3">
      <c r="A31807" s="13" t="s">
        <v>198</v>
      </c>
      <c r="B31807" s="14" t="s">
        <v>1</v>
      </c>
      <c r="C31807" s="14" t="s">
        <v>109</v>
      </c>
      <c r="D31807" s="14" t="s">
        <v>114</v>
      </c>
      <c r="E31807" s="15">
        <v>45428</v>
      </c>
      <c r="F31807" s="14" t="s">
        <v>15</v>
      </c>
      <c r="G31807" s="16">
        <v>3.5298329489557467E-2</v>
      </c>
    </row>
    <row r="31808" spans="1:7" x14ac:dyDescent="0.3">
      <c r="A31808" s="13" t="s">
        <v>198</v>
      </c>
      <c r="B31808" s="14" t="s">
        <v>1</v>
      </c>
      <c r="C31808" s="14" t="s">
        <v>109</v>
      </c>
      <c r="D31808" s="14" t="s">
        <v>114</v>
      </c>
      <c r="E31808" s="15">
        <v>45429</v>
      </c>
      <c r="F31808" s="14" t="s">
        <v>15</v>
      </c>
      <c r="G31808" s="16">
        <v>3.2946114028005964E-2</v>
      </c>
    </row>
    <row r="31809" spans="1:7" x14ac:dyDescent="0.3">
      <c r="A31809" s="13" t="s">
        <v>198</v>
      </c>
      <c r="B31809" s="14" t="s">
        <v>1</v>
      </c>
      <c r="C31809" s="14" t="s">
        <v>109</v>
      </c>
      <c r="D31809" s="14" t="s">
        <v>114</v>
      </c>
      <c r="E31809" s="15">
        <v>45430</v>
      </c>
      <c r="F31809" s="14" t="s">
        <v>15</v>
      </c>
      <c r="G31809" s="16">
        <v>3.2946114028005964E-2</v>
      </c>
    </row>
    <row r="31810" spans="1:7" x14ac:dyDescent="0.3">
      <c r="A31810" s="13" t="s">
        <v>198</v>
      </c>
      <c r="B31810" s="14" t="s">
        <v>1</v>
      </c>
      <c r="C31810" s="14" t="s">
        <v>109</v>
      </c>
      <c r="D31810" s="14" t="s">
        <v>114</v>
      </c>
      <c r="E31810" s="15">
        <v>45431</v>
      </c>
      <c r="F31810" s="14" t="s">
        <v>15</v>
      </c>
      <c r="G31810" s="16">
        <v>3.2946114028005964E-2</v>
      </c>
    </row>
    <row r="31811" spans="1:7" x14ac:dyDescent="0.3">
      <c r="A31811" s="13" t="s">
        <v>198</v>
      </c>
      <c r="B31811" s="14" t="s">
        <v>1</v>
      </c>
      <c r="C31811" s="14" t="s">
        <v>109</v>
      </c>
      <c r="D31811" s="14" t="s">
        <v>114</v>
      </c>
      <c r="E31811" s="15">
        <v>45432</v>
      </c>
      <c r="F31811" s="14" t="s">
        <v>15</v>
      </c>
      <c r="G31811" s="16">
        <v>3.0992725545926608E-2</v>
      </c>
    </row>
    <row r="31812" spans="1:7" x14ac:dyDescent="0.3">
      <c r="A31812" s="13" t="s">
        <v>198</v>
      </c>
      <c r="B31812" s="14" t="s">
        <v>1</v>
      </c>
      <c r="C31812" s="14" t="s">
        <v>109</v>
      </c>
      <c r="D31812" s="14" t="s">
        <v>114</v>
      </c>
      <c r="E31812" s="15">
        <v>45433</v>
      </c>
      <c r="F31812" s="14" t="s">
        <v>15</v>
      </c>
      <c r="G31812" s="16">
        <v>2.5097988090240209E-2</v>
      </c>
    </row>
    <row r="31813" spans="1:7" x14ac:dyDescent="0.3">
      <c r="A31813" s="13" t="s">
        <v>198</v>
      </c>
      <c r="B31813" s="14" t="s">
        <v>1</v>
      </c>
      <c r="C31813" s="14" t="s">
        <v>109</v>
      </c>
      <c r="D31813" s="14" t="s">
        <v>114</v>
      </c>
      <c r="E31813" s="15">
        <v>45434</v>
      </c>
      <c r="F31813" s="14" t="s">
        <v>15</v>
      </c>
      <c r="G31813" s="16">
        <v>2.3127004300242962E-2</v>
      </c>
    </row>
    <row r="31814" spans="1:7" x14ac:dyDescent="0.3">
      <c r="A31814" s="13" t="s">
        <v>198</v>
      </c>
      <c r="B31814" s="14" t="s">
        <v>1</v>
      </c>
      <c r="C31814" s="14" t="s">
        <v>109</v>
      </c>
      <c r="D31814" s="14" t="s">
        <v>114</v>
      </c>
      <c r="E31814" s="15">
        <v>45435</v>
      </c>
      <c r="F31814" s="14" t="s">
        <v>15</v>
      </c>
      <c r="G31814" s="16">
        <v>2.1161885612885012E-2</v>
      </c>
    </row>
    <row r="31815" spans="1:7" x14ac:dyDescent="0.3">
      <c r="A31815" s="13" t="s">
        <v>198</v>
      </c>
      <c r="B31815" s="14" t="s">
        <v>1</v>
      </c>
      <c r="C31815" s="14" t="s">
        <v>109</v>
      </c>
      <c r="D31815" s="14" t="s">
        <v>114</v>
      </c>
      <c r="E31815" s="15">
        <v>45436</v>
      </c>
      <c r="F31815" s="14" t="s">
        <v>15</v>
      </c>
      <c r="G31815" s="16">
        <v>4.7202632028166366E-2</v>
      </c>
    </row>
    <row r="31816" spans="1:7" x14ac:dyDescent="0.3">
      <c r="A31816" s="13" t="s">
        <v>198</v>
      </c>
      <c r="B31816" s="14" t="s">
        <v>1</v>
      </c>
      <c r="C31816" s="14" t="s">
        <v>109</v>
      </c>
      <c r="D31816" s="14" t="s">
        <v>114</v>
      </c>
      <c r="E31816" s="15">
        <v>45437</v>
      </c>
      <c r="F31816" s="14" t="s">
        <v>15</v>
      </c>
      <c r="G31816" s="16">
        <v>4.7202632028166366E-2</v>
      </c>
    </row>
    <row r="31817" spans="1:7" x14ac:dyDescent="0.3">
      <c r="A31817" s="13" t="s">
        <v>198</v>
      </c>
      <c r="B31817" s="14" t="s">
        <v>1</v>
      </c>
      <c r="C31817" s="14" t="s">
        <v>109</v>
      </c>
      <c r="D31817" s="14" t="s">
        <v>114</v>
      </c>
      <c r="E31817" s="15">
        <v>45438</v>
      </c>
      <c r="F31817" s="14" t="s">
        <v>15</v>
      </c>
      <c r="G31817" s="16">
        <v>4.7202632028166366E-2</v>
      </c>
    </row>
    <row r="31818" spans="1:7" x14ac:dyDescent="0.3">
      <c r="A31818" s="13" t="s">
        <v>198</v>
      </c>
      <c r="B31818" s="14" t="s">
        <v>1</v>
      </c>
      <c r="C31818" s="14" t="s">
        <v>109</v>
      </c>
      <c r="D31818" s="14" t="s">
        <v>114</v>
      </c>
      <c r="E31818" s="15">
        <v>45439</v>
      </c>
      <c r="F31818" s="14" t="s">
        <v>15</v>
      </c>
      <c r="G31818" s="16">
        <v>4.8736047065148586E-2</v>
      </c>
    </row>
    <row r="31819" spans="1:7" x14ac:dyDescent="0.3">
      <c r="A31819" s="13" t="s">
        <v>198</v>
      </c>
      <c r="B31819" s="14" t="s">
        <v>1</v>
      </c>
      <c r="C31819" s="14" t="s">
        <v>109</v>
      </c>
      <c r="D31819" s="14" t="s">
        <v>114</v>
      </c>
      <c r="E31819" s="15">
        <v>45440</v>
      </c>
      <c r="F31819" s="14" t="s">
        <v>15</v>
      </c>
      <c r="G31819" s="16">
        <v>4.2706412248758381E-2</v>
      </c>
    </row>
    <row r="31820" spans="1:7" x14ac:dyDescent="0.3">
      <c r="A31820" s="13" t="s">
        <v>198</v>
      </c>
      <c r="B31820" s="14" t="s">
        <v>1</v>
      </c>
      <c r="C31820" s="14" t="s">
        <v>109</v>
      </c>
      <c r="D31820" s="14" t="s">
        <v>114</v>
      </c>
      <c r="E31820" s="15">
        <v>45441</v>
      </c>
      <c r="F31820" s="14" t="s">
        <v>15</v>
      </c>
      <c r="G31820" s="16">
        <v>4.1579538883332649E-2</v>
      </c>
    </row>
    <row r="31821" spans="1:7" x14ac:dyDescent="0.3">
      <c r="A31821" s="13" t="s">
        <v>198</v>
      </c>
      <c r="B31821" s="14" t="s">
        <v>1</v>
      </c>
      <c r="C31821" s="14" t="s">
        <v>109</v>
      </c>
      <c r="D31821" s="14" t="s">
        <v>114</v>
      </c>
      <c r="E31821" s="15">
        <v>45442</v>
      </c>
      <c r="F31821" s="14" t="s">
        <v>15</v>
      </c>
      <c r="G31821" s="16">
        <v>4.6412722579247861E-2</v>
      </c>
    </row>
    <row r="31822" spans="1:7" x14ac:dyDescent="0.3">
      <c r="A31822" s="13" t="s">
        <v>198</v>
      </c>
      <c r="B31822" s="14" t="s">
        <v>1</v>
      </c>
      <c r="C31822" s="14" t="s">
        <v>109</v>
      </c>
      <c r="D31822" s="14" t="s">
        <v>114</v>
      </c>
      <c r="E31822" s="15">
        <v>45443</v>
      </c>
      <c r="F31822" s="14" t="s">
        <v>15</v>
      </c>
      <c r="G31822" s="16">
        <v>4.4458459770170204E-2</v>
      </c>
    </row>
    <row r="31823" spans="1:7" x14ac:dyDescent="0.3">
      <c r="A31823" s="13" t="s">
        <v>198</v>
      </c>
      <c r="B31823" s="14" t="s">
        <v>1</v>
      </c>
      <c r="C31823" s="14" t="s">
        <v>109</v>
      </c>
      <c r="D31823" s="14" t="s">
        <v>114</v>
      </c>
      <c r="E31823" s="15">
        <v>45444</v>
      </c>
      <c r="F31823" s="14" t="s">
        <v>15</v>
      </c>
      <c r="G31823" s="16">
        <v>4.4458459770170204E-2</v>
      </c>
    </row>
    <row r="31824" spans="1:7" x14ac:dyDescent="0.3">
      <c r="A31824" s="13" t="s">
        <v>198</v>
      </c>
      <c r="B31824" s="14" t="s">
        <v>1</v>
      </c>
      <c r="C31824" s="14" t="s">
        <v>109</v>
      </c>
      <c r="D31824" s="14" t="s">
        <v>114</v>
      </c>
      <c r="E31824" s="15">
        <v>45445</v>
      </c>
      <c r="F31824" s="14" t="s">
        <v>15</v>
      </c>
      <c r="G31824" s="16">
        <v>4.4458459770170204E-2</v>
      </c>
    </row>
    <row r="31825" spans="1:7" x14ac:dyDescent="0.3">
      <c r="A31825" s="13" t="s">
        <v>198</v>
      </c>
      <c r="B31825" s="14" t="s">
        <v>1</v>
      </c>
      <c r="C31825" s="14" t="s">
        <v>109</v>
      </c>
      <c r="D31825" s="14" t="s">
        <v>114</v>
      </c>
      <c r="E31825" s="15">
        <v>45446</v>
      </c>
      <c r="F31825" s="14" t="s">
        <v>15</v>
      </c>
      <c r="G31825" s="16">
        <v>4.4458459770170204E-2</v>
      </c>
    </row>
    <row r="31826" spans="1:7" x14ac:dyDescent="0.3">
      <c r="A31826" s="13" t="s">
        <v>198</v>
      </c>
      <c r="B31826" s="14" t="s">
        <v>1</v>
      </c>
      <c r="C31826" s="14" t="s">
        <v>109</v>
      </c>
      <c r="D31826" s="14" t="s">
        <v>114</v>
      </c>
      <c r="E31826" s="15">
        <v>45447</v>
      </c>
      <c r="F31826" s="14" t="s">
        <v>15</v>
      </c>
      <c r="G31826" s="16">
        <v>4.2030587831277992E-2</v>
      </c>
    </row>
    <row r="31827" spans="1:7" x14ac:dyDescent="0.3">
      <c r="A31827" s="13" t="s">
        <v>198</v>
      </c>
      <c r="B31827" s="14" t="s">
        <v>1</v>
      </c>
      <c r="C31827" s="14" t="s">
        <v>109</v>
      </c>
      <c r="D31827" s="14" t="s">
        <v>114</v>
      </c>
      <c r="E31827" s="15">
        <v>45448</v>
      </c>
      <c r="F31827" s="14" t="s">
        <v>15</v>
      </c>
      <c r="G31827" s="16">
        <v>3.8541374950873661E-2</v>
      </c>
    </row>
    <row r="31828" spans="1:7" x14ac:dyDescent="0.3">
      <c r="A31828" s="13" t="s">
        <v>198</v>
      </c>
      <c r="B31828" s="14" t="s">
        <v>1</v>
      </c>
      <c r="C31828" s="14" t="s">
        <v>109</v>
      </c>
      <c r="D31828" s="14" t="s">
        <v>114</v>
      </c>
      <c r="E31828" s="15">
        <v>45449</v>
      </c>
      <c r="F31828" s="14" t="s">
        <v>15</v>
      </c>
      <c r="G31828" s="16">
        <v>3.6601377477031384E-2</v>
      </c>
    </row>
    <row r="31829" spans="1:7" x14ac:dyDescent="0.3">
      <c r="A31829" s="13" t="s">
        <v>198</v>
      </c>
      <c r="B31829" s="14" t="s">
        <v>1</v>
      </c>
      <c r="C31829" s="14" t="s">
        <v>109</v>
      </c>
      <c r="D31829" s="14" t="s">
        <v>114</v>
      </c>
      <c r="E31829" s="15">
        <v>45450</v>
      </c>
      <c r="F31829" s="14" t="s">
        <v>15</v>
      </c>
      <c r="G31829" s="16">
        <v>6.7029425652261859E-2</v>
      </c>
    </row>
    <row r="31830" spans="1:7" x14ac:dyDescent="0.3">
      <c r="A31830" s="13" t="s">
        <v>198</v>
      </c>
      <c r="B31830" s="14" t="s">
        <v>1</v>
      </c>
      <c r="C31830" s="14" t="s">
        <v>109</v>
      </c>
      <c r="D31830" s="14" t="s">
        <v>114</v>
      </c>
      <c r="E31830" s="15">
        <v>45451</v>
      </c>
      <c r="F31830" s="14" t="s">
        <v>15</v>
      </c>
      <c r="G31830" s="16">
        <v>6.7029425652261859E-2</v>
      </c>
    </row>
    <row r="31831" spans="1:7" x14ac:dyDescent="0.3">
      <c r="A31831" s="13" t="s">
        <v>198</v>
      </c>
      <c r="B31831" s="14" t="s">
        <v>1</v>
      </c>
      <c r="C31831" s="14" t="s">
        <v>109</v>
      </c>
      <c r="D31831" s="14" t="s">
        <v>114</v>
      </c>
      <c r="E31831" s="15">
        <v>45452</v>
      </c>
      <c r="F31831" s="14" t="s">
        <v>15</v>
      </c>
      <c r="G31831" s="16">
        <v>6.7029425652261859E-2</v>
      </c>
    </row>
    <row r="31832" spans="1:7" x14ac:dyDescent="0.3">
      <c r="A31832" s="13" t="s">
        <v>198</v>
      </c>
      <c r="B31832" s="14" t="s">
        <v>1</v>
      </c>
      <c r="C31832" s="14" t="s">
        <v>109</v>
      </c>
      <c r="D31832" s="14" t="s">
        <v>114</v>
      </c>
      <c r="E31832" s="15">
        <v>45453</v>
      </c>
      <c r="F31832" s="14" t="s">
        <v>15</v>
      </c>
      <c r="G31832" s="16">
        <v>6.5046632172713448E-2</v>
      </c>
    </row>
    <row r="31833" spans="1:7" x14ac:dyDescent="0.3">
      <c r="A31833" s="13" t="s">
        <v>198</v>
      </c>
      <c r="B31833" s="14" t="s">
        <v>1</v>
      </c>
      <c r="C31833" s="14" t="s">
        <v>109</v>
      </c>
      <c r="D31833" s="14" t="s">
        <v>114</v>
      </c>
      <c r="E31833" s="15">
        <v>45454</v>
      </c>
      <c r="F31833" s="14" t="s">
        <v>15</v>
      </c>
      <c r="G31833" s="16">
        <v>6.1023895754505973E-2</v>
      </c>
    </row>
    <row r="31834" spans="1:7" x14ac:dyDescent="0.3">
      <c r="A31834" s="13" t="s">
        <v>198</v>
      </c>
      <c r="B31834" s="14" t="s">
        <v>1</v>
      </c>
      <c r="C31834" s="14" t="s">
        <v>109</v>
      </c>
      <c r="D31834" s="14" t="s">
        <v>114</v>
      </c>
      <c r="E31834" s="15">
        <v>45455</v>
      </c>
      <c r="F31834" s="14" t="s">
        <v>15</v>
      </c>
      <c r="G31834" s="16">
        <v>7.6310717110906201E-2</v>
      </c>
    </row>
    <row r="31835" spans="1:7" x14ac:dyDescent="0.3">
      <c r="A31835" s="13" t="s">
        <v>198</v>
      </c>
      <c r="B31835" s="14" t="s">
        <v>1</v>
      </c>
      <c r="C31835" s="14" t="s">
        <v>109</v>
      </c>
      <c r="D31835" s="14" t="s">
        <v>114</v>
      </c>
      <c r="E31835" s="15">
        <v>45456</v>
      </c>
      <c r="F31835" s="14" t="s">
        <v>15</v>
      </c>
      <c r="G31835" s="16">
        <v>7.4313658296122423E-2</v>
      </c>
    </row>
    <row r="31836" spans="1:7" x14ac:dyDescent="0.3">
      <c r="A31836" s="13" t="s">
        <v>198</v>
      </c>
      <c r="B31836" s="14" t="s">
        <v>1</v>
      </c>
      <c r="C31836" s="14" t="s">
        <v>109</v>
      </c>
      <c r="D31836" s="14" t="s">
        <v>114</v>
      </c>
      <c r="E31836" s="15">
        <v>45457</v>
      </c>
      <c r="F31836" s="14" t="s">
        <v>15</v>
      </c>
      <c r="G31836" s="16">
        <v>7.2270950408585416E-2</v>
      </c>
    </row>
    <row r="31837" spans="1:7" x14ac:dyDescent="0.3">
      <c r="A31837" s="13" t="s">
        <v>198</v>
      </c>
      <c r="B31837" s="14" t="s">
        <v>1</v>
      </c>
      <c r="C31837" s="14" t="s">
        <v>109</v>
      </c>
      <c r="D31837" s="14" t="s">
        <v>114</v>
      </c>
      <c r="E31837" s="15">
        <v>45458</v>
      </c>
      <c r="F31837" s="14" t="s">
        <v>15</v>
      </c>
      <c r="G31837" s="16">
        <v>7.2270950408585416E-2</v>
      </c>
    </row>
    <row r="31838" spans="1:7" x14ac:dyDescent="0.3">
      <c r="A31838" s="13" t="s">
        <v>198</v>
      </c>
      <c r="B31838" s="14" t="s">
        <v>1</v>
      </c>
      <c r="C31838" s="14" t="s">
        <v>109</v>
      </c>
      <c r="D31838" s="14" t="s">
        <v>114</v>
      </c>
      <c r="E31838" s="15">
        <v>45459</v>
      </c>
      <c r="F31838" s="14" t="s">
        <v>15</v>
      </c>
      <c r="G31838" s="16">
        <v>7.2270950408585416E-2</v>
      </c>
    </row>
    <row r="31839" spans="1:7" x14ac:dyDescent="0.3">
      <c r="A31839" s="13" t="s">
        <v>198</v>
      </c>
      <c r="B31839" s="14" t="s">
        <v>1</v>
      </c>
      <c r="C31839" s="14" t="s">
        <v>109</v>
      </c>
      <c r="D31839" s="14" t="s">
        <v>114</v>
      </c>
      <c r="E31839" s="15">
        <v>45460</v>
      </c>
      <c r="F31839" s="14" t="s">
        <v>15</v>
      </c>
      <c r="G31839" s="16">
        <v>7.0222536386954262E-2</v>
      </c>
    </row>
    <row r="31840" spans="1:7" x14ac:dyDescent="0.3">
      <c r="A31840" s="13" t="s">
        <v>198</v>
      </c>
      <c r="B31840" s="14" t="s">
        <v>1</v>
      </c>
      <c r="C31840" s="14" t="s">
        <v>109</v>
      </c>
      <c r="D31840" s="14" t="s">
        <v>114</v>
      </c>
      <c r="E31840" s="15">
        <v>45461</v>
      </c>
      <c r="F31840" s="14" t="s">
        <v>15</v>
      </c>
      <c r="G31840" s="16">
        <v>6.4268273577876608E-2</v>
      </c>
    </row>
    <row r="31841" spans="1:7" x14ac:dyDescent="0.3">
      <c r="A31841" s="13" t="s">
        <v>198</v>
      </c>
      <c r="B31841" s="14" t="s">
        <v>1</v>
      </c>
      <c r="C31841" s="14" t="s">
        <v>109</v>
      </c>
      <c r="D31841" s="14" t="s">
        <v>114</v>
      </c>
      <c r="E31841" s="15">
        <v>45462</v>
      </c>
      <c r="F31841" s="14" t="s">
        <v>15</v>
      </c>
      <c r="G31841" s="16">
        <v>6.2219859556245462E-2</v>
      </c>
    </row>
    <row r="31842" spans="1:7" x14ac:dyDescent="0.3">
      <c r="A31842" s="13" t="s">
        <v>198</v>
      </c>
      <c r="B31842" s="14" t="s">
        <v>1</v>
      </c>
      <c r="C31842" s="14" t="s">
        <v>109</v>
      </c>
      <c r="D31842" s="14" t="s">
        <v>114</v>
      </c>
      <c r="E31842" s="15">
        <v>45463</v>
      </c>
      <c r="F31842" s="14" t="s">
        <v>15</v>
      </c>
      <c r="G31842" s="16">
        <v>6.0140061797096474E-2</v>
      </c>
    </row>
    <row r="31843" spans="1:7" x14ac:dyDescent="0.3">
      <c r="A31843" s="13" t="s">
        <v>198</v>
      </c>
      <c r="B31843" s="14" t="s">
        <v>1</v>
      </c>
      <c r="C31843" s="14" t="s">
        <v>109</v>
      </c>
      <c r="D31843" s="14" t="s">
        <v>114</v>
      </c>
      <c r="E31843" s="15">
        <v>45464</v>
      </c>
      <c r="F31843" s="14" t="s">
        <v>15</v>
      </c>
      <c r="G31843" s="16">
        <v>5.8060264037947493E-2</v>
      </c>
    </row>
    <row r="31844" spans="1:7" x14ac:dyDescent="0.3">
      <c r="A31844" s="13" t="s">
        <v>198</v>
      </c>
      <c r="B31844" s="14" t="s">
        <v>1</v>
      </c>
      <c r="C31844" s="14" t="s">
        <v>109</v>
      </c>
      <c r="D31844" s="14" t="s">
        <v>114</v>
      </c>
      <c r="E31844" s="15">
        <v>45465</v>
      </c>
      <c r="F31844" s="14" t="s">
        <v>15</v>
      </c>
      <c r="G31844" s="16">
        <v>5.8060264037947493E-2</v>
      </c>
    </row>
    <row r="31845" spans="1:7" x14ac:dyDescent="0.3">
      <c r="A31845" s="13" t="s">
        <v>198</v>
      </c>
      <c r="B31845" s="14" t="s">
        <v>1</v>
      </c>
      <c r="C31845" s="14" t="s">
        <v>109</v>
      </c>
      <c r="D31845" s="14" t="s">
        <v>114</v>
      </c>
      <c r="E31845" s="15">
        <v>45466</v>
      </c>
      <c r="F31845" s="14" t="s">
        <v>15</v>
      </c>
      <c r="G31845" s="16">
        <v>5.8060264037947493E-2</v>
      </c>
    </row>
    <row r="31846" spans="1:7" x14ac:dyDescent="0.3">
      <c r="A31846" s="13" t="s">
        <v>198</v>
      </c>
      <c r="B31846" s="14" t="s">
        <v>1</v>
      </c>
      <c r="C31846" s="14" t="s">
        <v>109</v>
      </c>
      <c r="D31846" s="14" t="s">
        <v>114</v>
      </c>
      <c r="E31846" s="15">
        <v>45467</v>
      </c>
      <c r="F31846" s="14" t="s">
        <v>15</v>
      </c>
      <c r="G31846" s="16">
        <v>5.6003290815175119E-2</v>
      </c>
    </row>
    <row r="31847" spans="1:7" x14ac:dyDescent="0.3">
      <c r="A31847" s="13" t="s">
        <v>198</v>
      </c>
      <c r="B31847" s="14" t="s">
        <v>1</v>
      </c>
      <c r="C31847" s="14" t="s">
        <v>109</v>
      </c>
      <c r="D31847" s="14" t="s">
        <v>114</v>
      </c>
      <c r="E31847" s="15">
        <v>45468</v>
      </c>
      <c r="F31847" s="14" t="s">
        <v>15</v>
      </c>
      <c r="G31847" s="16">
        <v>5.0166003755027562E-2</v>
      </c>
    </row>
    <row r="31848" spans="1:7" x14ac:dyDescent="0.3">
      <c r="A31848" s="13" t="s">
        <v>198</v>
      </c>
      <c r="B31848" s="14" t="s">
        <v>1</v>
      </c>
      <c r="C31848" s="14" t="s">
        <v>109</v>
      </c>
      <c r="D31848" s="14" t="s">
        <v>114</v>
      </c>
      <c r="E31848" s="15">
        <v>45469</v>
      </c>
      <c r="F31848" s="14" t="s">
        <v>15</v>
      </c>
      <c r="G31848" s="16">
        <v>4.9387204569345054E-2</v>
      </c>
    </row>
    <row r="31849" spans="1:7" x14ac:dyDescent="0.3">
      <c r="A31849" s="13" t="s">
        <v>198</v>
      </c>
      <c r="B31849" s="14" t="s">
        <v>1</v>
      </c>
      <c r="C31849" s="14" t="s">
        <v>109</v>
      </c>
      <c r="D31849" s="14" t="s">
        <v>114</v>
      </c>
      <c r="E31849" s="15">
        <v>45470</v>
      </c>
      <c r="F31849" s="14" t="s">
        <v>15</v>
      </c>
      <c r="G31849" s="16">
        <v>5.3612684984233161E-2</v>
      </c>
    </row>
    <row r="31850" spans="1:7" x14ac:dyDescent="0.3">
      <c r="A31850" s="13" t="s">
        <v>198</v>
      </c>
      <c r="B31850" s="14" t="s">
        <v>1</v>
      </c>
      <c r="C31850" s="14" t="s">
        <v>109</v>
      </c>
      <c r="D31850" s="14" t="s">
        <v>114</v>
      </c>
      <c r="E31850" s="15">
        <v>45471</v>
      </c>
      <c r="F31850" s="14" t="s">
        <v>15</v>
      </c>
      <c r="G31850" s="16">
        <v>8.7261845855611989E-2</v>
      </c>
    </row>
    <row r="31851" spans="1:7" x14ac:dyDescent="0.3">
      <c r="A31851" s="13" t="s">
        <v>198</v>
      </c>
      <c r="B31851" s="14" t="s">
        <v>1</v>
      </c>
      <c r="C31851" s="14" t="s">
        <v>109</v>
      </c>
      <c r="D31851" s="14" t="s">
        <v>114</v>
      </c>
      <c r="E31851" s="15">
        <v>45472</v>
      </c>
      <c r="F31851" s="14" t="s">
        <v>15</v>
      </c>
      <c r="G31851" s="16">
        <v>8.7261845855611989E-2</v>
      </c>
    </row>
    <row r="31852" spans="1:7" x14ac:dyDescent="0.3">
      <c r="A31852" s="13" t="s">
        <v>198</v>
      </c>
      <c r="B31852" s="14" t="s">
        <v>1</v>
      </c>
      <c r="C31852" s="14" t="s">
        <v>109</v>
      </c>
      <c r="D31852" s="14" t="s">
        <v>114</v>
      </c>
      <c r="E31852" s="15">
        <v>45473</v>
      </c>
      <c r="F31852" s="14" t="s">
        <v>15</v>
      </c>
      <c r="G31852" s="16">
        <v>8.7261845855611989E-2</v>
      </c>
    </row>
    <row r="31853" spans="1:7" x14ac:dyDescent="0.3">
      <c r="A31853" s="13" t="s">
        <v>198</v>
      </c>
      <c r="B31853" s="14" t="s">
        <v>1</v>
      </c>
      <c r="C31853" s="14" t="s">
        <v>109</v>
      </c>
      <c r="D31853" s="14" t="s">
        <v>114</v>
      </c>
      <c r="E31853" s="15">
        <v>45474</v>
      </c>
      <c r="F31853" s="14" t="s">
        <v>15</v>
      </c>
      <c r="G31853" s="16">
        <v>8.7122133688474421E-2</v>
      </c>
    </row>
    <row r="31854" spans="1:7" x14ac:dyDescent="0.3">
      <c r="A31854" s="13" t="s">
        <v>198</v>
      </c>
      <c r="B31854" s="14" t="s">
        <v>1</v>
      </c>
      <c r="C31854" s="14" t="s">
        <v>109</v>
      </c>
      <c r="D31854" s="14" t="s">
        <v>114</v>
      </c>
      <c r="E31854" s="15">
        <v>45475</v>
      </c>
      <c r="F31854" s="14" t="s">
        <v>15</v>
      </c>
      <c r="G31854" s="16">
        <v>8.312222180664354E-2</v>
      </c>
    </row>
    <row r="31855" spans="1:7" x14ac:dyDescent="0.3">
      <c r="A31855" s="13" t="s">
        <v>198</v>
      </c>
      <c r="B31855" s="14" t="s">
        <v>1</v>
      </c>
      <c r="C31855" s="14" t="s">
        <v>109</v>
      </c>
      <c r="D31855" s="14" t="s">
        <v>114</v>
      </c>
      <c r="E31855" s="15">
        <v>45476</v>
      </c>
      <c r="F31855" s="14" t="s">
        <v>15</v>
      </c>
      <c r="G31855" s="16">
        <v>8.1053836315682873E-2</v>
      </c>
    </row>
    <row r="31856" spans="1:7" x14ac:dyDescent="0.3">
      <c r="A31856" s="13" t="s">
        <v>198</v>
      </c>
      <c r="B31856" s="14" t="s">
        <v>1</v>
      </c>
      <c r="C31856" s="14" t="s">
        <v>109</v>
      </c>
      <c r="D31856" s="14" t="s">
        <v>114</v>
      </c>
      <c r="E31856" s="15">
        <v>45477</v>
      </c>
      <c r="F31856" s="14" t="s">
        <v>15</v>
      </c>
      <c r="G31856" s="16">
        <v>7.8971185489486811E-2</v>
      </c>
    </row>
    <row r="31857" spans="1:7" x14ac:dyDescent="0.3">
      <c r="A31857" s="13" t="s">
        <v>198</v>
      </c>
      <c r="B31857" s="14" t="s">
        <v>1</v>
      </c>
      <c r="C31857" s="14" t="s">
        <v>109</v>
      </c>
      <c r="D31857" s="14" t="s">
        <v>114</v>
      </c>
      <c r="E31857" s="15">
        <v>45478</v>
      </c>
      <c r="F31857" s="14" t="s">
        <v>15</v>
      </c>
      <c r="G31857" s="16">
        <v>8.1002657345173784E-2</v>
      </c>
    </row>
    <row r="31858" spans="1:7" x14ac:dyDescent="0.3">
      <c r="A31858" s="13" t="s">
        <v>198</v>
      </c>
      <c r="B31858" s="14" t="s">
        <v>1</v>
      </c>
      <c r="C31858" s="14" t="s">
        <v>109</v>
      </c>
      <c r="D31858" s="14" t="s">
        <v>114</v>
      </c>
      <c r="E31858" s="15">
        <v>45479</v>
      </c>
      <c r="F31858" s="14" t="s">
        <v>15</v>
      </c>
      <c r="G31858" s="16">
        <v>8.1002657345173784E-2</v>
      </c>
    </row>
    <row r="31859" spans="1:7" x14ac:dyDescent="0.3">
      <c r="A31859" s="13" t="s">
        <v>198</v>
      </c>
      <c r="B31859" s="14" t="s">
        <v>1</v>
      </c>
      <c r="C31859" s="14" t="s">
        <v>109</v>
      </c>
      <c r="D31859" s="14" t="s">
        <v>114</v>
      </c>
      <c r="E31859" s="15">
        <v>45480</v>
      </c>
      <c r="F31859" s="14" t="s">
        <v>15</v>
      </c>
      <c r="G31859" s="16">
        <v>8.1002657345173784E-2</v>
      </c>
    </row>
    <row r="31860" spans="1:7" x14ac:dyDescent="0.3">
      <c r="A31860" s="13" t="s">
        <v>198</v>
      </c>
      <c r="B31860" s="14" t="s">
        <v>1</v>
      </c>
      <c r="C31860" s="14" t="s">
        <v>109</v>
      </c>
      <c r="D31860" s="14" t="s">
        <v>114</v>
      </c>
      <c r="E31860" s="15">
        <v>45481</v>
      </c>
      <c r="F31860" s="14" t="s">
        <v>15</v>
      </c>
      <c r="G31860" s="16">
        <v>8.7128586809735897E-2</v>
      </c>
    </row>
    <row r="31861" spans="1:7" x14ac:dyDescent="0.3">
      <c r="A31861" s="13" t="s">
        <v>198</v>
      </c>
      <c r="B31861" s="14" t="s">
        <v>1</v>
      </c>
      <c r="C31861" s="14" t="s">
        <v>109</v>
      </c>
      <c r="D31861" s="14" t="s">
        <v>114</v>
      </c>
      <c r="E31861" s="15">
        <v>45482</v>
      </c>
      <c r="F31861" s="14" t="s">
        <v>15</v>
      </c>
      <c r="G31861" s="16">
        <v>8.0738477222694102E-2</v>
      </c>
    </row>
    <row r="31862" spans="1:7" x14ac:dyDescent="0.3">
      <c r="A31862" s="13" t="s">
        <v>198</v>
      </c>
      <c r="B31862" s="14" t="s">
        <v>1</v>
      </c>
      <c r="C31862" s="14" t="s">
        <v>109</v>
      </c>
      <c r="D31862" s="14" t="s">
        <v>114</v>
      </c>
      <c r="E31862" s="15">
        <v>45483</v>
      </c>
      <c r="F31862" s="14" t="s">
        <v>15</v>
      </c>
      <c r="G31862" s="16">
        <v>7.8607781861593742E-2</v>
      </c>
    </row>
    <row r="31863" spans="1:7" x14ac:dyDescent="0.3">
      <c r="A31863" s="13" t="s">
        <v>198</v>
      </c>
      <c r="B31863" s="14" t="s">
        <v>1</v>
      </c>
      <c r="C31863" s="14" t="s">
        <v>109</v>
      </c>
      <c r="D31863" s="14" t="s">
        <v>114</v>
      </c>
      <c r="E31863" s="15">
        <v>45484</v>
      </c>
      <c r="F31863" s="14" t="s">
        <v>15</v>
      </c>
      <c r="G31863" s="16">
        <v>7.6479875900772307E-2</v>
      </c>
    </row>
    <row r="31864" spans="1:7" x14ac:dyDescent="0.3">
      <c r="A31864" s="13" t="s">
        <v>198</v>
      </c>
      <c r="B31864" s="14" t="s">
        <v>1</v>
      </c>
      <c r="C31864" s="14" t="s">
        <v>109</v>
      </c>
      <c r="D31864" s="14" t="s">
        <v>114</v>
      </c>
      <c r="E31864" s="15">
        <v>45485</v>
      </c>
      <c r="F31864" s="14" t="s">
        <v>15</v>
      </c>
      <c r="G31864" s="16">
        <v>7.4340812338835119E-2</v>
      </c>
    </row>
    <row r="31865" spans="1:7" x14ac:dyDescent="0.3">
      <c r="A31865" s="13" t="s">
        <v>198</v>
      </c>
      <c r="B31865" s="14" t="s">
        <v>1</v>
      </c>
      <c r="C31865" s="14" t="s">
        <v>109</v>
      </c>
      <c r="D31865" s="14" t="s">
        <v>114</v>
      </c>
      <c r="E31865" s="15">
        <v>45486</v>
      </c>
      <c r="F31865" s="14" t="s">
        <v>15</v>
      </c>
      <c r="G31865" s="16">
        <v>7.4340812338835119E-2</v>
      </c>
    </row>
    <row r="31866" spans="1:7" x14ac:dyDescent="0.3">
      <c r="A31866" s="13" t="s">
        <v>198</v>
      </c>
      <c r="B31866" s="14" t="s">
        <v>1</v>
      </c>
      <c r="C31866" s="14" t="s">
        <v>109</v>
      </c>
      <c r="D31866" s="14" t="s">
        <v>114</v>
      </c>
      <c r="E31866" s="15">
        <v>45487</v>
      </c>
      <c r="F31866" s="14" t="s">
        <v>15</v>
      </c>
      <c r="G31866" s="16">
        <v>7.4340812338835119E-2</v>
      </c>
    </row>
    <row r="31867" spans="1:7" x14ac:dyDescent="0.3">
      <c r="A31867" s="13" t="s">
        <v>198</v>
      </c>
      <c r="B31867" s="14" t="s">
        <v>1</v>
      </c>
      <c r="C31867" s="14" t="s">
        <v>109</v>
      </c>
      <c r="D31867" s="14" t="s">
        <v>114</v>
      </c>
      <c r="E31867" s="15">
        <v>45488</v>
      </c>
      <c r="F31867" s="14" t="s">
        <v>15</v>
      </c>
      <c r="G31867" s="16">
        <v>7.3175249474247986E-2</v>
      </c>
    </row>
    <row r="31868" spans="1:7" x14ac:dyDescent="0.3">
      <c r="A31868" s="13" t="s">
        <v>198</v>
      </c>
      <c r="B31868" s="14" t="s">
        <v>1</v>
      </c>
      <c r="C31868" s="14" t="s">
        <v>109</v>
      </c>
      <c r="D31868" s="14" t="s">
        <v>114</v>
      </c>
      <c r="E31868" s="15">
        <v>45489</v>
      </c>
      <c r="F31868" s="14" t="s">
        <v>15</v>
      </c>
      <c r="G31868" s="16">
        <v>6.6754456484137858E-2</v>
      </c>
    </row>
    <row r="31869" spans="1:7" x14ac:dyDescent="0.3">
      <c r="A31869" s="13" t="s">
        <v>198</v>
      </c>
      <c r="B31869" s="14" t="s">
        <v>1</v>
      </c>
      <c r="C31869" s="14" t="s">
        <v>109</v>
      </c>
      <c r="D31869" s="14" t="s">
        <v>114</v>
      </c>
      <c r="E31869" s="15">
        <v>45490</v>
      </c>
      <c r="F31869" s="14" t="s">
        <v>15</v>
      </c>
      <c r="G31869" s="16">
        <v>6.4623761123037485E-2</v>
      </c>
    </row>
    <row r="31870" spans="1:7" x14ac:dyDescent="0.3">
      <c r="A31870" s="13" t="s">
        <v>198</v>
      </c>
      <c r="B31870" s="14" t="s">
        <v>1</v>
      </c>
      <c r="C31870" s="14" t="s">
        <v>109</v>
      </c>
      <c r="D31870" s="14" t="s">
        <v>114</v>
      </c>
      <c r="E31870" s="15">
        <v>45491</v>
      </c>
      <c r="F31870" s="14" t="s">
        <v>15</v>
      </c>
      <c r="G31870" s="16">
        <v>6.2487486961379235E-2</v>
      </c>
    </row>
    <row r="31871" spans="1:7" x14ac:dyDescent="0.3">
      <c r="A31871" s="13" t="s">
        <v>198</v>
      </c>
      <c r="B31871" s="14" t="s">
        <v>1</v>
      </c>
      <c r="C31871" s="14" t="s">
        <v>109</v>
      </c>
      <c r="D31871" s="14" t="s">
        <v>114</v>
      </c>
      <c r="E31871" s="15">
        <v>45492</v>
      </c>
      <c r="F31871" s="14" t="s">
        <v>15</v>
      </c>
      <c r="G31871" s="16">
        <v>6.0437684208368127E-2</v>
      </c>
    </row>
    <row r="31872" spans="1:7" x14ac:dyDescent="0.3">
      <c r="A31872" s="13" t="s">
        <v>198</v>
      </c>
      <c r="B31872" s="14" t="s">
        <v>1</v>
      </c>
      <c r="C31872" s="14" t="s">
        <v>109</v>
      </c>
      <c r="D31872" s="14" t="s">
        <v>114</v>
      </c>
      <c r="E31872" s="15">
        <v>45493</v>
      </c>
      <c r="F31872" s="14" t="s">
        <v>15</v>
      </c>
      <c r="G31872" s="16">
        <v>6.0437684208368127E-2</v>
      </c>
    </row>
    <row r="31873" spans="1:7" x14ac:dyDescent="0.3">
      <c r="A31873" s="13" t="s">
        <v>198</v>
      </c>
      <c r="B31873" s="14" t="s">
        <v>1</v>
      </c>
      <c r="C31873" s="14" t="s">
        <v>109</v>
      </c>
      <c r="D31873" s="14" t="s">
        <v>114</v>
      </c>
      <c r="E31873" s="15">
        <v>45494</v>
      </c>
      <c r="F31873" s="14" t="s">
        <v>15</v>
      </c>
      <c r="G31873" s="16">
        <v>6.0437684208368127E-2</v>
      </c>
    </row>
    <row r="31874" spans="1:7" x14ac:dyDescent="0.3">
      <c r="A31874" s="13" t="s">
        <v>198</v>
      </c>
      <c r="B31874" s="14" t="s">
        <v>1</v>
      </c>
      <c r="C31874" s="14" t="s">
        <v>109</v>
      </c>
      <c r="D31874" s="14" t="s">
        <v>114</v>
      </c>
      <c r="E31874" s="15">
        <v>45495</v>
      </c>
      <c r="F31874" s="14" t="s">
        <v>15</v>
      </c>
      <c r="G31874" s="16">
        <v>5.8404617857030661E-2</v>
      </c>
    </row>
    <row r="31875" spans="1:7" x14ac:dyDescent="0.3">
      <c r="A31875" s="13" t="s">
        <v>198</v>
      </c>
      <c r="B31875" s="14" t="s">
        <v>1</v>
      </c>
      <c r="C31875" s="14" t="s">
        <v>109</v>
      </c>
      <c r="D31875" s="14" t="s">
        <v>114</v>
      </c>
      <c r="E31875" s="15">
        <v>45496</v>
      </c>
      <c r="F31875" s="14" t="s">
        <v>15</v>
      </c>
      <c r="G31875" s="16">
        <v>5.2377130306251074E-2</v>
      </c>
    </row>
    <row r="31876" spans="1:7" x14ac:dyDescent="0.3">
      <c r="A31876" s="13" t="s">
        <v>198</v>
      </c>
      <c r="B31876" s="14" t="s">
        <v>1</v>
      </c>
      <c r="C31876" s="14" t="s">
        <v>109</v>
      </c>
      <c r="D31876" s="14" t="s">
        <v>114</v>
      </c>
      <c r="E31876" s="15">
        <v>45497</v>
      </c>
      <c r="F31876" s="14" t="s">
        <v>15</v>
      </c>
      <c r="G31876" s="16">
        <v>5.0352432155750429E-2</v>
      </c>
    </row>
    <row r="31877" spans="1:7" x14ac:dyDescent="0.3">
      <c r="A31877" s="13" t="s">
        <v>198</v>
      </c>
      <c r="B31877" s="14" t="s">
        <v>1</v>
      </c>
      <c r="C31877" s="14" t="s">
        <v>109</v>
      </c>
      <c r="D31877" s="14" t="s">
        <v>114</v>
      </c>
      <c r="E31877" s="15">
        <v>45498</v>
      </c>
      <c r="F31877" s="14" t="s">
        <v>15</v>
      </c>
      <c r="G31877" s="16">
        <v>4.831378700385508E-2</v>
      </c>
    </row>
    <row r="31878" spans="1:7" x14ac:dyDescent="0.3">
      <c r="A31878" s="13" t="s">
        <v>198</v>
      </c>
      <c r="B31878" s="14" t="s">
        <v>1</v>
      </c>
      <c r="C31878" s="14" t="s">
        <v>109</v>
      </c>
      <c r="D31878" s="14" t="s">
        <v>114</v>
      </c>
      <c r="E31878" s="15">
        <v>45499</v>
      </c>
      <c r="F31878" s="14" t="s">
        <v>15</v>
      </c>
      <c r="G31878" s="16">
        <v>4.6353245059770051E-2</v>
      </c>
    </row>
    <row r="31879" spans="1:7" x14ac:dyDescent="0.3">
      <c r="A31879" s="13" t="s">
        <v>198</v>
      </c>
      <c r="B31879" s="14" t="s">
        <v>1</v>
      </c>
      <c r="C31879" s="14" t="s">
        <v>109</v>
      </c>
      <c r="D31879" s="14" t="s">
        <v>114</v>
      </c>
      <c r="E31879" s="15">
        <v>45500</v>
      </c>
      <c r="F31879" s="14" t="s">
        <v>15</v>
      </c>
      <c r="G31879" s="16">
        <v>4.6353245059770051E-2</v>
      </c>
    </row>
    <row r="31880" spans="1:7" x14ac:dyDescent="0.3">
      <c r="A31880" s="13" t="s">
        <v>198</v>
      </c>
      <c r="B31880" s="14" t="s">
        <v>1</v>
      </c>
      <c r="C31880" s="14" t="s">
        <v>109</v>
      </c>
      <c r="D31880" s="14" t="s">
        <v>114</v>
      </c>
      <c r="E31880" s="15">
        <v>45501</v>
      </c>
      <c r="F31880" s="14" t="s">
        <v>15</v>
      </c>
      <c r="G31880" s="16">
        <v>4.6353245059770051E-2</v>
      </c>
    </row>
    <row r="31881" spans="1:7" x14ac:dyDescent="0.3">
      <c r="A31881" s="13" t="s">
        <v>198</v>
      </c>
      <c r="B31881" s="14" t="s">
        <v>1</v>
      </c>
      <c r="C31881" s="14" t="s">
        <v>109</v>
      </c>
      <c r="D31881" s="14" t="s">
        <v>114</v>
      </c>
      <c r="E31881" s="15">
        <v>45502</v>
      </c>
      <c r="F31881" s="14" t="s">
        <v>15</v>
      </c>
      <c r="G31881" s="16">
        <v>5.7533567829771488E-2</v>
      </c>
    </row>
    <row r="31882" spans="1:7" x14ac:dyDescent="0.3">
      <c r="A31882" s="13" t="s">
        <v>198</v>
      </c>
      <c r="B31882" s="14" t="s">
        <v>1</v>
      </c>
      <c r="C31882" s="14" t="s">
        <v>109</v>
      </c>
      <c r="D31882" s="14" t="s">
        <v>114</v>
      </c>
      <c r="E31882" s="15">
        <v>45503</v>
      </c>
      <c r="F31882" s="14" t="s">
        <v>15</v>
      </c>
      <c r="G31882" s="16">
        <v>5.1709706499354524E-2</v>
      </c>
    </row>
    <row r="31883" spans="1:7" x14ac:dyDescent="0.3">
      <c r="A31883" s="13" t="s">
        <v>198</v>
      </c>
      <c r="B31883" s="14" t="s">
        <v>1</v>
      </c>
      <c r="C31883" s="14" t="s">
        <v>109</v>
      </c>
      <c r="D31883" s="14" t="s">
        <v>114</v>
      </c>
      <c r="E31883" s="15">
        <v>45504</v>
      </c>
      <c r="F31883" s="14" t="s">
        <v>15</v>
      </c>
      <c r="G31883" s="16">
        <v>5.142001532235458E-2</v>
      </c>
    </row>
    <row r="31884" spans="1:7" x14ac:dyDescent="0.3">
      <c r="A31884" s="13" t="s">
        <v>198</v>
      </c>
      <c r="B31884" s="14" t="s">
        <v>1</v>
      </c>
      <c r="C31884" s="14" t="s">
        <v>109</v>
      </c>
      <c r="D31884" s="14" t="s">
        <v>114</v>
      </c>
      <c r="E31884" s="15">
        <v>45505</v>
      </c>
      <c r="F31884" s="14" t="s">
        <v>15</v>
      </c>
      <c r="G31884" s="16">
        <v>6.6943434326665649E-2</v>
      </c>
    </row>
    <row r="31885" spans="1:7" x14ac:dyDescent="0.3">
      <c r="A31885" s="13" t="s">
        <v>198</v>
      </c>
      <c r="B31885" s="14" t="s">
        <v>1</v>
      </c>
      <c r="C31885" s="14" t="s">
        <v>109</v>
      </c>
      <c r="D31885" s="14" t="s">
        <v>114</v>
      </c>
      <c r="E31885" s="15">
        <v>45506</v>
      </c>
      <c r="F31885" s="14" t="s">
        <v>15</v>
      </c>
      <c r="G31885" s="16">
        <v>6.4994049983696386E-2</v>
      </c>
    </row>
    <row r="31886" spans="1:7" x14ac:dyDescent="0.3">
      <c r="A31886" s="13" t="s">
        <v>198</v>
      </c>
      <c r="B31886" s="14" t="s">
        <v>1</v>
      </c>
      <c r="C31886" s="14" t="s">
        <v>109</v>
      </c>
      <c r="D31886" s="14" t="s">
        <v>114</v>
      </c>
      <c r="E31886" s="15">
        <v>45507</v>
      </c>
      <c r="F31886" s="14" t="s">
        <v>15</v>
      </c>
      <c r="G31886" s="16">
        <v>6.4994049983696386E-2</v>
      </c>
    </row>
    <row r="31887" spans="1:7" x14ac:dyDescent="0.3">
      <c r="A31887" s="13" t="s">
        <v>198</v>
      </c>
      <c r="B31887" s="14" t="s">
        <v>1</v>
      </c>
      <c r="C31887" s="14" t="s">
        <v>109</v>
      </c>
      <c r="D31887" s="14" t="s">
        <v>114</v>
      </c>
      <c r="E31887" s="15">
        <v>45508</v>
      </c>
      <c r="F31887" s="14" t="s">
        <v>15</v>
      </c>
      <c r="G31887" s="16">
        <v>6.4994049983696386E-2</v>
      </c>
    </row>
    <row r="31888" spans="1:7" x14ac:dyDescent="0.3">
      <c r="A31888" s="13" t="s">
        <v>198</v>
      </c>
      <c r="B31888" s="14" t="s">
        <v>1</v>
      </c>
      <c r="C31888" s="14" t="s">
        <v>109</v>
      </c>
      <c r="D31888" s="14" t="s">
        <v>114</v>
      </c>
      <c r="E31888" s="15">
        <v>45509</v>
      </c>
      <c r="F31888" s="14" t="s">
        <v>15</v>
      </c>
      <c r="G31888" s="16">
        <v>6.4994049983696386E-2</v>
      </c>
    </row>
    <row r="31889" spans="1:7" x14ac:dyDescent="0.3">
      <c r="A31889" s="13" t="s">
        <v>198</v>
      </c>
      <c r="B31889" s="14" t="s">
        <v>1</v>
      </c>
      <c r="C31889" s="14" t="s">
        <v>109</v>
      </c>
      <c r="D31889" s="14" t="s">
        <v>114</v>
      </c>
      <c r="E31889" s="15">
        <v>45510</v>
      </c>
      <c r="F31889" s="14" t="s">
        <v>15</v>
      </c>
      <c r="G31889" s="16">
        <v>6.310882184714274E-2</v>
      </c>
    </row>
    <row r="31890" spans="1:7" x14ac:dyDescent="0.3">
      <c r="A31890" s="13" t="s">
        <v>198</v>
      </c>
      <c r="B31890" s="14" t="s">
        <v>1</v>
      </c>
      <c r="C31890" s="14" t="s">
        <v>109</v>
      </c>
      <c r="D31890" s="14" t="s">
        <v>114</v>
      </c>
      <c r="E31890" s="15">
        <v>45511</v>
      </c>
      <c r="F31890" s="14" t="s">
        <v>15</v>
      </c>
      <c r="G31890" s="16">
        <v>5.9985099986739711E-2</v>
      </c>
    </row>
    <row r="31891" spans="1:7" x14ac:dyDescent="0.3">
      <c r="A31891" s="13" t="s">
        <v>198</v>
      </c>
      <c r="B31891" s="14" t="s">
        <v>1</v>
      </c>
      <c r="C31891" s="14" t="s">
        <v>109</v>
      </c>
      <c r="D31891" s="14" t="s">
        <v>114</v>
      </c>
      <c r="E31891" s="15">
        <v>45512</v>
      </c>
      <c r="F31891" s="14" t="s">
        <v>15</v>
      </c>
      <c r="G31891" s="16">
        <v>5.9224000162598905E-2</v>
      </c>
    </row>
    <row r="31892" spans="1:7" x14ac:dyDescent="0.3">
      <c r="A31892" s="13" t="s">
        <v>198</v>
      </c>
      <c r="B31892" s="14" t="s">
        <v>1</v>
      </c>
      <c r="C31892" s="14" t="s">
        <v>109</v>
      </c>
      <c r="D31892" s="14" t="s">
        <v>114</v>
      </c>
      <c r="E31892" s="15">
        <v>45513</v>
      </c>
      <c r="F31892" s="14" t="s">
        <v>15</v>
      </c>
      <c r="G31892" s="16">
        <v>7.2395954731763537E-2</v>
      </c>
    </row>
    <row r="31893" spans="1:7" x14ac:dyDescent="0.3">
      <c r="A31893" s="13" t="s">
        <v>198</v>
      </c>
      <c r="B31893" s="14" t="s">
        <v>1</v>
      </c>
      <c r="C31893" s="14" t="s">
        <v>109</v>
      </c>
      <c r="D31893" s="14" t="s">
        <v>114</v>
      </c>
      <c r="E31893" s="15">
        <v>45514</v>
      </c>
      <c r="F31893" s="14" t="s">
        <v>15</v>
      </c>
      <c r="G31893" s="16">
        <v>7.2395954731763537E-2</v>
      </c>
    </row>
    <row r="31894" spans="1:7" x14ac:dyDescent="0.3">
      <c r="A31894" s="13" t="s">
        <v>198</v>
      </c>
      <c r="B31894" s="14" t="s">
        <v>1</v>
      </c>
      <c r="C31894" s="14" t="s">
        <v>109</v>
      </c>
      <c r="D31894" s="14" t="s">
        <v>114</v>
      </c>
      <c r="E31894" s="15">
        <v>45515</v>
      </c>
      <c r="F31894" s="14" t="s">
        <v>15</v>
      </c>
      <c r="G31894" s="16">
        <v>7.2395954731763537E-2</v>
      </c>
    </row>
    <row r="31895" spans="1:7" x14ac:dyDescent="0.3">
      <c r="A31895" s="13" t="s">
        <v>198</v>
      </c>
      <c r="B31895" s="14" t="s">
        <v>1</v>
      </c>
      <c r="C31895" s="14" t="s">
        <v>109</v>
      </c>
      <c r="D31895" s="14" t="s">
        <v>114</v>
      </c>
      <c r="E31895" s="15">
        <v>45516</v>
      </c>
      <c r="F31895" s="14" t="s">
        <v>15</v>
      </c>
      <c r="G31895" s="16">
        <v>7.207558015169524E-2</v>
      </c>
    </row>
    <row r="31896" spans="1:7" x14ac:dyDescent="0.3">
      <c r="A31896" s="13" t="s">
        <v>198</v>
      </c>
      <c r="B31896" s="14" t="s">
        <v>1</v>
      </c>
      <c r="C31896" s="14" t="s">
        <v>109</v>
      </c>
      <c r="D31896" s="14" t="s">
        <v>114</v>
      </c>
      <c r="E31896" s="15">
        <v>45517</v>
      </c>
      <c r="F31896" s="14" t="s">
        <v>15</v>
      </c>
      <c r="G31896" s="16">
        <v>7.0698022865908677E-2</v>
      </c>
    </row>
    <row r="31897" spans="1:7" x14ac:dyDescent="0.3">
      <c r="A31897" s="13" t="s">
        <v>198</v>
      </c>
      <c r="B31897" s="14" t="s">
        <v>1</v>
      </c>
      <c r="C31897" s="14" t="s">
        <v>109</v>
      </c>
      <c r="D31897" s="14" t="s">
        <v>114</v>
      </c>
      <c r="E31897" s="15">
        <v>45518</v>
      </c>
      <c r="F31897" s="14" t="s">
        <v>15</v>
      </c>
      <c r="G31897" s="16">
        <v>6.8857425133818068E-2</v>
      </c>
    </row>
    <row r="31898" spans="1:7" x14ac:dyDescent="0.3">
      <c r="A31898" s="13" t="s">
        <v>198</v>
      </c>
      <c r="B31898" s="14" t="s">
        <v>1</v>
      </c>
      <c r="C31898" s="14" t="s">
        <v>109</v>
      </c>
      <c r="D31898" s="14" t="s">
        <v>114</v>
      </c>
      <c r="E31898" s="15">
        <v>45519</v>
      </c>
      <c r="F31898" s="14" t="s">
        <v>15</v>
      </c>
      <c r="G31898" s="16">
        <v>6.6966618196706545E-2</v>
      </c>
    </row>
    <row r="31899" spans="1:7" x14ac:dyDescent="0.3">
      <c r="A31899" s="13" t="s">
        <v>198</v>
      </c>
      <c r="B31899" s="14" t="s">
        <v>1</v>
      </c>
      <c r="C31899" s="14" t="s">
        <v>109</v>
      </c>
      <c r="D31899" s="14" t="s">
        <v>114</v>
      </c>
      <c r="E31899" s="15">
        <v>45520</v>
      </c>
      <c r="F31899" s="14" t="s">
        <v>15</v>
      </c>
      <c r="G31899" s="16">
        <v>7.6975392849553168E-2</v>
      </c>
    </row>
    <row r="31900" spans="1:7" x14ac:dyDescent="0.3">
      <c r="A31900" s="13" t="s">
        <v>198</v>
      </c>
      <c r="B31900" s="14" t="s">
        <v>1</v>
      </c>
      <c r="C31900" s="14" t="s">
        <v>109</v>
      </c>
      <c r="D31900" s="14" t="s">
        <v>114</v>
      </c>
      <c r="E31900" s="15">
        <v>45521</v>
      </c>
      <c r="F31900" s="14" t="s">
        <v>15</v>
      </c>
      <c r="G31900" s="16">
        <v>7.6975392849553168E-2</v>
      </c>
    </row>
    <row r="31901" spans="1:7" x14ac:dyDescent="0.3">
      <c r="A31901" s="13" t="s">
        <v>198</v>
      </c>
      <c r="B31901" s="14" t="s">
        <v>1</v>
      </c>
      <c r="C31901" s="14" t="s">
        <v>109</v>
      </c>
      <c r="D31901" s="14" t="s">
        <v>114</v>
      </c>
      <c r="E31901" s="15">
        <v>45522</v>
      </c>
      <c r="F31901" s="14" t="s">
        <v>15</v>
      </c>
      <c r="G31901" s="16">
        <v>7.6975392849553168E-2</v>
      </c>
    </row>
    <row r="31902" spans="1:7" x14ac:dyDescent="0.3">
      <c r="A31902" s="13" t="s">
        <v>198</v>
      </c>
      <c r="B31902" s="14" t="s">
        <v>1</v>
      </c>
      <c r="C31902" s="14" t="s">
        <v>109</v>
      </c>
      <c r="D31902" s="14" t="s">
        <v>114</v>
      </c>
      <c r="E31902" s="15">
        <v>45523</v>
      </c>
      <c r="F31902" s="14" t="s">
        <v>15</v>
      </c>
      <c r="G31902" s="16">
        <v>7.4702438074226857E-2</v>
      </c>
    </row>
    <row r="31903" spans="1:7" x14ac:dyDescent="0.3">
      <c r="A31903" s="13" t="s">
        <v>198</v>
      </c>
      <c r="B31903" s="14" t="s">
        <v>1</v>
      </c>
      <c r="C31903" s="14" t="s">
        <v>109</v>
      </c>
      <c r="D31903" s="14" t="s">
        <v>114</v>
      </c>
      <c r="E31903" s="15">
        <v>45524</v>
      </c>
      <c r="F31903" s="14" t="s">
        <v>15</v>
      </c>
      <c r="G31903" s="16">
        <v>6.8758632531815467E-2</v>
      </c>
    </row>
    <row r="31904" spans="1:7" x14ac:dyDescent="0.3">
      <c r="A31904" s="13" t="s">
        <v>198</v>
      </c>
      <c r="B31904" s="14" t="s">
        <v>1</v>
      </c>
      <c r="C31904" s="14" t="s">
        <v>109</v>
      </c>
      <c r="D31904" s="14" t="s">
        <v>114</v>
      </c>
      <c r="E31904" s="15">
        <v>45525</v>
      </c>
      <c r="F31904" s="14" t="s">
        <v>15</v>
      </c>
      <c r="G31904" s="16">
        <v>6.6753460183267402E-2</v>
      </c>
    </row>
    <row r="31905" spans="1:7" x14ac:dyDescent="0.3">
      <c r="A31905" s="13" t="s">
        <v>198</v>
      </c>
      <c r="B31905" s="14" t="s">
        <v>1</v>
      </c>
      <c r="C31905" s="14" t="s">
        <v>109</v>
      </c>
      <c r="D31905" s="14" t="s">
        <v>114</v>
      </c>
      <c r="E31905" s="15">
        <v>45526</v>
      </c>
      <c r="F31905" s="14" t="s">
        <v>15</v>
      </c>
      <c r="G31905" s="16">
        <v>6.4756656035556151E-2</v>
      </c>
    </row>
    <row r="31906" spans="1:7" x14ac:dyDescent="0.3">
      <c r="A31906" s="13" t="s">
        <v>198</v>
      </c>
      <c r="B31906" s="14" t="s">
        <v>1</v>
      </c>
      <c r="C31906" s="14" t="s">
        <v>109</v>
      </c>
      <c r="D31906" s="14" t="s">
        <v>114</v>
      </c>
      <c r="E31906" s="15">
        <v>45527</v>
      </c>
      <c r="F31906" s="14" t="s">
        <v>15</v>
      </c>
      <c r="G31906" s="16">
        <v>8.9002529712112685E-2</v>
      </c>
    </row>
    <row r="31907" spans="1:7" x14ac:dyDescent="0.3">
      <c r="A31907" s="13" t="s">
        <v>198</v>
      </c>
      <c r="B31907" s="14" t="s">
        <v>1</v>
      </c>
      <c r="C31907" s="14" t="s">
        <v>109</v>
      </c>
      <c r="D31907" s="14" t="s">
        <v>114</v>
      </c>
      <c r="E31907" s="15">
        <v>45528</v>
      </c>
      <c r="F31907" s="14" t="s">
        <v>15</v>
      </c>
      <c r="G31907" s="16">
        <v>8.9002529712112685E-2</v>
      </c>
    </row>
    <row r="31908" spans="1:7" x14ac:dyDescent="0.3">
      <c r="A31908" s="13" t="s">
        <v>198</v>
      </c>
      <c r="B31908" s="14" t="s">
        <v>1</v>
      </c>
      <c r="C31908" s="14" t="s">
        <v>109</v>
      </c>
      <c r="D31908" s="14" t="s">
        <v>114</v>
      </c>
      <c r="E31908" s="15">
        <v>45529</v>
      </c>
      <c r="F31908" s="14" t="s">
        <v>15</v>
      </c>
      <c r="G31908" s="16">
        <v>8.9002529712112685E-2</v>
      </c>
    </row>
    <row r="31909" spans="1:7" x14ac:dyDescent="0.3">
      <c r="A31909" s="13" t="s">
        <v>198</v>
      </c>
      <c r="B31909" s="14" t="s">
        <v>1</v>
      </c>
      <c r="C31909" s="14" t="s">
        <v>109</v>
      </c>
      <c r="D31909" s="14" t="s">
        <v>114</v>
      </c>
      <c r="E31909" s="15">
        <v>45530</v>
      </c>
      <c r="F31909" s="14" t="s">
        <v>15</v>
      </c>
      <c r="G31909" s="16">
        <v>8.7019672565796152E-2</v>
      </c>
    </row>
    <row r="31910" spans="1:7" x14ac:dyDescent="0.3">
      <c r="A31910" s="13" t="s">
        <v>198</v>
      </c>
      <c r="B31910" s="14" t="s">
        <v>1</v>
      </c>
      <c r="C31910" s="14" t="s">
        <v>109</v>
      </c>
      <c r="D31910" s="14" t="s">
        <v>114</v>
      </c>
      <c r="E31910" s="15">
        <v>45531</v>
      </c>
      <c r="F31910" s="14" t="s">
        <v>15</v>
      </c>
      <c r="G31910" s="16">
        <v>8.0955922811390343E-2</v>
      </c>
    </row>
    <row r="31911" spans="1:7" x14ac:dyDescent="0.3">
      <c r="A31911" s="13" t="s">
        <v>198</v>
      </c>
      <c r="B31911" s="14" t="s">
        <v>1</v>
      </c>
      <c r="C31911" s="14" t="s">
        <v>109</v>
      </c>
      <c r="D31911" s="14" t="s">
        <v>114</v>
      </c>
      <c r="E31911" s="15">
        <v>45532</v>
      </c>
      <c r="F31911" s="14" t="s">
        <v>15</v>
      </c>
      <c r="G31911" s="16">
        <v>9.1910304158797654E-2</v>
      </c>
    </row>
    <row r="31912" spans="1:7" x14ac:dyDescent="0.3">
      <c r="A31912" s="13" t="s">
        <v>198</v>
      </c>
      <c r="B31912" s="14" t="s">
        <v>1</v>
      </c>
      <c r="C31912" s="14" t="s">
        <v>109</v>
      </c>
      <c r="D31912" s="14" t="s">
        <v>114</v>
      </c>
      <c r="E31912" s="15">
        <v>45533</v>
      </c>
      <c r="F31912" s="14" t="s">
        <v>15</v>
      </c>
      <c r="G31912" s="16">
        <v>0.10452158927189532</v>
      </c>
    </row>
    <row r="31913" spans="1:7" x14ac:dyDescent="0.3">
      <c r="A31913" s="13" t="s">
        <v>198</v>
      </c>
      <c r="B31913" s="14" t="s">
        <v>1</v>
      </c>
      <c r="C31913" s="14" t="s">
        <v>109</v>
      </c>
      <c r="D31913" s="14" t="s">
        <v>114</v>
      </c>
      <c r="E31913" s="15">
        <v>45534</v>
      </c>
      <c r="F31913" s="14" t="s">
        <v>15</v>
      </c>
      <c r="G31913" s="16">
        <v>0.10256383672808925</v>
      </c>
    </row>
    <row r="31914" spans="1:7" x14ac:dyDescent="0.3">
      <c r="A31914" s="13" t="s">
        <v>198</v>
      </c>
      <c r="B31914" s="14" t="s">
        <v>1</v>
      </c>
      <c r="C31914" s="14" t="s">
        <v>109</v>
      </c>
      <c r="D31914" s="14" t="s">
        <v>114</v>
      </c>
      <c r="E31914" s="15">
        <v>45535</v>
      </c>
      <c r="F31914" s="14" t="s">
        <v>15</v>
      </c>
      <c r="G31914" s="16">
        <v>0.10256383672808925</v>
      </c>
    </row>
    <row r="31915" spans="1:7" x14ac:dyDescent="0.3">
      <c r="A31915" s="13" t="s">
        <v>198</v>
      </c>
      <c r="B31915" s="14" t="s">
        <v>1</v>
      </c>
      <c r="C31915" s="14" t="s">
        <v>109</v>
      </c>
      <c r="D31915" s="14" t="s">
        <v>114</v>
      </c>
      <c r="E31915" s="15">
        <v>45536</v>
      </c>
      <c r="F31915" s="14" t="s">
        <v>15</v>
      </c>
      <c r="G31915" s="16">
        <v>0.10256383672808925</v>
      </c>
    </row>
    <row r="31916" spans="1:7" x14ac:dyDescent="0.3">
      <c r="A31916" s="13" t="s">
        <v>198</v>
      </c>
      <c r="B31916" s="14" t="s">
        <v>1</v>
      </c>
      <c r="C31916" s="14" t="s">
        <v>109</v>
      </c>
      <c r="D31916" s="14" t="s">
        <v>114</v>
      </c>
      <c r="E31916" s="15">
        <v>45537</v>
      </c>
      <c r="F31916" s="14" t="s">
        <v>15</v>
      </c>
      <c r="G31916" s="16">
        <v>0.10060608418428316</v>
      </c>
    </row>
    <row r="31917" spans="1:7" x14ac:dyDescent="0.3">
      <c r="A31917" s="13" t="s">
        <v>198</v>
      </c>
      <c r="B31917" s="14" t="s">
        <v>1</v>
      </c>
      <c r="C31917" s="14" t="s">
        <v>109</v>
      </c>
      <c r="D31917" s="14" t="s">
        <v>114</v>
      </c>
      <c r="E31917" s="15">
        <v>45538</v>
      </c>
      <c r="F31917" s="14" t="s">
        <v>15</v>
      </c>
      <c r="G31917" s="16">
        <v>9.4659489241592815E-2</v>
      </c>
    </row>
    <row r="31918" spans="1:7" x14ac:dyDescent="0.3">
      <c r="A31918" s="13" t="s">
        <v>198</v>
      </c>
      <c r="B31918" s="14" t="s">
        <v>1</v>
      </c>
      <c r="C31918" s="14" t="s">
        <v>109</v>
      </c>
      <c r="D31918" s="14" t="s">
        <v>114</v>
      </c>
      <c r="E31918" s="15">
        <v>45539</v>
      </c>
      <c r="F31918" s="14" t="s">
        <v>15</v>
      </c>
      <c r="G31918" s="16">
        <v>9.4249853852598445E-2</v>
      </c>
    </row>
    <row r="31919" spans="1:7" x14ac:dyDescent="0.3">
      <c r="A31919" s="13" t="s">
        <v>198</v>
      </c>
      <c r="B31919" s="14" t="s">
        <v>1</v>
      </c>
      <c r="C31919" s="14" t="s">
        <v>109</v>
      </c>
      <c r="D31919" s="14" t="s">
        <v>114</v>
      </c>
      <c r="E31919" s="15">
        <v>45540</v>
      </c>
      <c r="F31919" s="14" t="s">
        <v>15</v>
      </c>
      <c r="G31919" s="16">
        <v>9.2367415116323737E-2</v>
      </c>
    </row>
    <row r="31920" spans="1:7" x14ac:dyDescent="0.3">
      <c r="A31920" s="13" t="s">
        <v>198</v>
      </c>
      <c r="B31920" s="14" t="s">
        <v>1</v>
      </c>
      <c r="C31920" s="14" t="s">
        <v>109</v>
      </c>
      <c r="D31920" s="14" t="s">
        <v>114</v>
      </c>
      <c r="E31920" s="15">
        <v>45541</v>
      </c>
      <c r="F31920" s="14" t="s">
        <v>15</v>
      </c>
      <c r="G31920" s="16">
        <v>9.091733342328473E-2</v>
      </c>
    </row>
    <row r="31921" spans="1:7" x14ac:dyDescent="0.3">
      <c r="A31921" s="13" t="s">
        <v>198</v>
      </c>
      <c r="B31921" s="14" t="s">
        <v>1</v>
      </c>
      <c r="C31921" s="14" t="s">
        <v>109</v>
      </c>
      <c r="D31921" s="14" t="s">
        <v>114</v>
      </c>
      <c r="E31921" s="15">
        <v>45542</v>
      </c>
      <c r="F31921" s="14" t="s">
        <v>15</v>
      </c>
      <c r="G31921" s="16">
        <v>9.091733342328473E-2</v>
      </c>
    </row>
    <row r="31922" spans="1:7" x14ac:dyDescent="0.3">
      <c r="A31922" s="13" t="s">
        <v>198</v>
      </c>
      <c r="B31922" s="14" t="s">
        <v>1</v>
      </c>
      <c r="C31922" s="14" t="s">
        <v>109</v>
      </c>
      <c r="D31922" s="14" t="s">
        <v>114</v>
      </c>
      <c r="E31922" s="15">
        <v>45543</v>
      </c>
      <c r="F31922" s="14" t="s">
        <v>15</v>
      </c>
      <c r="G31922" s="16">
        <v>9.091733342328473E-2</v>
      </c>
    </row>
    <row r="31923" spans="1:7" x14ac:dyDescent="0.3">
      <c r="A31923" s="13" t="s">
        <v>198</v>
      </c>
      <c r="B31923" s="14" t="s">
        <v>1</v>
      </c>
      <c r="C31923" s="14" t="s">
        <v>109</v>
      </c>
      <c r="D31923" s="14" t="s">
        <v>114</v>
      </c>
      <c r="E31923" s="15">
        <v>45544</v>
      </c>
      <c r="F31923" s="14" t="s">
        <v>15</v>
      </c>
      <c r="G31923" s="16">
        <v>9.4100445593565105E-2</v>
      </c>
    </row>
    <row r="31924" spans="1:7" x14ac:dyDescent="0.3">
      <c r="A31924" s="13" t="s">
        <v>198</v>
      </c>
      <c r="B31924" s="14" t="s">
        <v>1</v>
      </c>
      <c r="C31924" s="14" t="s">
        <v>109</v>
      </c>
      <c r="D31924" s="14" t="s">
        <v>114</v>
      </c>
      <c r="E31924" s="15">
        <v>45545</v>
      </c>
      <c r="F31924" s="14" t="s">
        <v>15</v>
      </c>
      <c r="G31924" s="16">
        <v>8.8625201266109704E-2</v>
      </c>
    </row>
    <row r="31925" spans="1:7" x14ac:dyDescent="0.3">
      <c r="A31925" s="13" t="s">
        <v>198</v>
      </c>
      <c r="B31925" s="14" t="s">
        <v>1</v>
      </c>
      <c r="C31925" s="14" t="s">
        <v>109</v>
      </c>
      <c r="D31925" s="14" t="s">
        <v>114</v>
      </c>
      <c r="E31925" s="15">
        <v>45546</v>
      </c>
      <c r="F31925" s="14" t="s">
        <v>15</v>
      </c>
      <c r="G31925" s="16">
        <v>8.6101413249333916E-2</v>
      </c>
    </row>
    <row r="31926" spans="1:7" x14ac:dyDescent="0.3">
      <c r="A31926" s="13" t="s">
        <v>198</v>
      </c>
      <c r="B31926" s="14" t="s">
        <v>1</v>
      </c>
      <c r="C31926" s="14" t="s">
        <v>109</v>
      </c>
      <c r="D31926" s="14" t="s">
        <v>114</v>
      </c>
      <c r="E31926" s="15">
        <v>45547</v>
      </c>
      <c r="F31926" s="14" t="s">
        <v>15</v>
      </c>
      <c r="G31926" s="16">
        <v>8.4271106508563662E-2</v>
      </c>
    </row>
    <row r="31927" spans="1:7" x14ac:dyDescent="0.3">
      <c r="A31927" s="13" t="s">
        <v>198</v>
      </c>
      <c r="B31927" s="14" t="s">
        <v>1</v>
      </c>
      <c r="C31927" s="14" t="s">
        <v>109</v>
      </c>
      <c r="D31927" s="14" t="s">
        <v>114</v>
      </c>
      <c r="E31927" s="15">
        <v>45548</v>
      </c>
      <c r="F31927" s="14" t="s">
        <v>15</v>
      </c>
      <c r="G31927" s="16">
        <v>8.2978941237973711E-2</v>
      </c>
    </row>
    <row r="31928" spans="1:7" x14ac:dyDescent="0.3">
      <c r="A31928" s="13" t="s">
        <v>198</v>
      </c>
      <c r="B31928" s="14" t="s">
        <v>1</v>
      </c>
      <c r="C31928" s="14" t="s">
        <v>109</v>
      </c>
      <c r="D31928" s="14" t="s">
        <v>114</v>
      </c>
      <c r="E31928" s="15">
        <v>45549</v>
      </c>
      <c r="F31928" s="14" t="s">
        <v>15</v>
      </c>
      <c r="G31928" s="16">
        <v>8.2978941237973711E-2</v>
      </c>
    </row>
    <row r="31929" spans="1:7" x14ac:dyDescent="0.3">
      <c r="A31929" s="13" t="s">
        <v>198</v>
      </c>
      <c r="B31929" s="14" t="s">
        <v>1</v>
      </c>
      <c r="C31929" s="14" t="s">
        <v>109</v>
      </c>
      <c r="D31929" s="14" t="s">
        <v>114</v>
      </c>
      <c r="E31929" s="15">
        <v>45550</v>
      </c>
      <c r="F31929" s="14" t="s">
        <v>15</v>
      </c>
      <c r="G31929" s="16">
        <v>8.2978941237973711E-2</v>
      </c>
    </row>
    <row r="31930" spans="1:7" x14ac:dyDescent="0.3">
      <c r="A31930" s="13" t="s">
        <v>198</v>
      </c>
      <c r="B31930" s="14" t="s">
        <v>1</v>
      </c>
      <c r="C31930" s="14" t="s">
        <v>109</v>
      </c>
      <c r="D31930" s="14" t="s">
        <v>114</v>
      </c>
      <c r="E31930" s="15">
        <v>45551</v>
      </c>
      <c r="F31930" s="14" t="s">
        <v>15</v>
      </c>
      <c r="G31930" s="16">
        <v>8.1437122708021781E-2</v>
      </c>
    </row>
    <row r="31931" spans="1:7" x14ac:dyDescent="0.3">
      <c r="A31931" s="13" t="s">
        <v>198</v>
      </c>
      <c r="B31931" s="14" t="s">
        <v>1</v>
      </c>
      <c r="C31931" s="14" t="s">
        <v>109</v>
      </c>
      <c r="D31931" s="14" t="s">
        <v>114</v>
      </c>
      <c r="E31931" s="15">
        <v>45552</v>
      </c>
      <c r="F31931" s="14" t="s">
        <v>15</v>
      </c>
      <c r="G31931" s="16">
        <v>7.5640103068499789E-2</v>
      </c>
    </row>
    <row r="31932" spans="1:7" x14ac:dyDescent="0.3">
      <c r="A31932" s="13" t="s">
        <v>198</v>
      </c>
      <c r="B31932" s="14" t="s">
        <v>1</v>
      </c>
      <c r="C31932" s="14" t="s">
        <v>109</v>
      </c>
      <c r="D31932" s="14" t="s">
        <v>114</v>
      </c>
      <c r="E31932" s="15">
        <v>45553</v>
      </c>
      <c r="F31932" s="14" t="s">
        <v>15</v>
      </c>
      <c r="G31932" s="16">
        <v>7.3962362208450774E-2</v>
      </c>
    </row>
    <row r="31933" spans="1:7" x14ac:dyDescent="0.3">
      <c r="A31933" s="13" t="s">
        <v>198</v>
      </c>
      <c r="B31933" s="14" t="s">
        <v>1</v>
      </c>
      <c r="C31933" s="14" t="s">
        <v>109</v>
      </c>
      <c r="D31933" s="14" t="s">
        <v>114</v>
      </c>
      <c r="E31933" s="15">
        <v>45554</v>
      </c>
      <c r="F31933" s="14" t="s">
        <v>15</v>
      </c>
      <c r="G31933" s="16">
        <v>7.2034968089039753E-2</v>
      </c>
    </row>
    <row r="31934" spans="1:7" x14ac:dyDescent="0.3">
      <c r="A31934" s="13" t="s">
        <v>198</v>
      </c>
      <c r="B31934" s="14" t="s">
        <v>1</v>
      </c>
      <c r="C31934" s="14" t="s">
        <v>109</v>
      </c>
      <c r="D31934" s="14" t="s">
        <v>114</v>
      </c>
      <c r="E31934" s="15">
        <v>45555</v>
      </c>
      <c r="F31934" s="14" t="s">
        <v>15</v>
      </c>
      <c r="G31934" s="16">
        <v>7.0129765370460895E-2</v>
      </c>
    </row>
    <row r="31935" spans="1:7" x14ac:dyDescent="0.3">
      <c r="A31935" s="13" t="s">
        <v>198</v>
      </c>
      <c r="B31935" s="14" t="s">
        <v>1</v>
      </c>
      <c r="C31935" s="14" t="s">
        <v>109</v>
      </c>
      <c r="D31935" s="14" t="s">
        <v>114</v>
      </c>
      <c r="E31935" s="15">
        <v>45556</v>
      </c>
      <c r="F31935" s="14" t="s">
        <v>15</v>
      </c>
      <c r="G31935" s="16">
        <v>7.0129765370460895E-2</v>
      </c>
    </row>
    <row r="31936" spans="1:7" x14ac:dyDescent="0.3">
      <c r="A31936" s="13" t="s">
        <v>198</v>
      </c>
      <c r="B31936" s="14" t="s">
        <v>1</v>
      </c>
      <c r="C31936" s="14" t="s">
        <v>109</v>
      </c>
      <c r="D31936" s="14" t="s">
        <v>114</v>
      </c>
      <c r="E31936" s="15">
        <v>45557</v>
      </c>
      <c r="F31936" s="14" t="s">
        <v>15</v>
      </c>
      <c r="G31936" s="16">
        <v>7.0129765370460895E-2</v>
      </c>
    </row>
    <row r="31937" spans="1:7" x14ac:dyDescent="0.3">
      <c r="A31937" s="13" t="s">
        <v>198</v>
      </c>
      <c r="B31937" s="14" t="s">
        <v>1</v>
      </c>
      <c r="C31937" s="14" t="s">
        <v>109</v>
      </c>
      <c r="D31937" s="14" t="s">
        <v>114</v>
      </c>
      <c r="E31937" s="15">
        <v>45558</v>
      </c>
      <c r="F31937" s="14" t="s">
        <v>15</v>
      </c>
      <c r="G31937" s="16">
        <v>6.8177405925113677E-2</v>
      </c>
    </row>
    <row r="31938" spans="1:7" x14ac:dyDescent="0.3">
      <c r="A31938" s="13" t="s">
        <v>198</v>
      </c>
      <c r="B31938" s="14" t="s">
        <v>1</v>
      </c>
      <c r="C31938" s="14" t="s">
        <v>109</v>
      </c>
      <c r="D31938" s="14" t="s">
        <v>114</v>
      </c>
      <c r="E31938" s="15">
        <v>45559</v>
      </c>
      <c r="F31938" s="14" t="s">
        <v>15</v>
      </c>
      <c r="G31938" s="16">
        <v>6.2313812083095159E-2</v>
      </c>
    </row>
    <row r="31939" spans="1:7" x14ac:dyDescent="0.3">
      <c r="A31939" s="13" t="s">
        <v>198</v>
      </c>
      <c r="B31939" s="14" t="s">
        <v>1</v>
      </c>
      <c r="C31939" s="14" t="s">
        <v>109</v>
      </c>
      <c r="D31939" s="14" t="s">
        <v>114</v>
      </c>
      <c r="E31939" s="15">
        <v>45560</v>
      </c>
      <c r="F31939" s="14" t="s">
        <v>15</v>
      </c>
      <c r="G31939" s="16">
        <v>6.0358678712643915E-2</v>
      </c>
    </row>
    <row r="31940" spans="1:7" x14ac:dyDescent="0.3">
      <c r="A31940" s="13" t="s">
        <v>198</v>
      </c>
      <c r="B31940" s="14" t="s">
        <v>1</v>
      </c>
      <c r="C31940" s="14" t="s">
        <v>109</v>
      </c>
      <c r="D31940" s="14" t="s">
        <v>114</v>
      </c>
      <c r="E31940" s="15">
        <v>45561</v>
      </c>
      <c r="F31940" s="14" t="s">
        <v>15</v>
      </c>
      <c r="G31940" s="16">
        <v>5.83813539413605E-2</v>
      </c>
    </row>
    <row r="31941" spans="1:7" x14ac:dyDescent="0.3">
      <c r="A31941" s="13" t="s">
        <v>198</v>
      </c>
      <c r="B31941" s="14" t="s">
        <v>1</v>
      </c>
      <c r="C31941" s="14" t="s">
        <v>109</v>
      </c>
      <c r="D31941" s="14" t="s">
        <v>114</v>
      </c>
      <c r="E31941" s="15">
        <v>45562</v>
      </c>
      <c r="F31941" s="14" t="s">
        <v>15</v>
      </c>
      <c r="G31941" s="16">
        <v>5.7313876604196359E-2</v>
      </c>
    </row>
    <row r="31942" spans="1:7" x14ac:dyDescent="0.3">
      <c r="A31942" s="13" t="s">
        <v>198</v>
      </c>
      <c r="B31942" s="14" t="s">
        <v>1</v>
      </c>
      <c r="C31942" s="14" t="s">
        <v>109</v>
      </c>
      <c r="D31942" s="14" t="s">
        <v>114</v>
      </c>
      <c r="E31942" s="15">
        <v>45563</v>
      </c>
      <c r="F31942" s="14" t="s">
        <v>15</v>
      </c>
      <c r="G31942" s="16">
        <v>5.7313876604196359E-2</v>
      </c>
    </row>
    <row r="31943" spans="1:7" x14ac:dyDescent="0.3">
      <c r="A31943" s="13" t="s">
        <v>198</v>
      </c>
      <c r="B31943" s="14" t="s">
        <v>1</v>
      </c>
      <c r="C31943" s="14" t="s">
        <v>109</v>
      </c>
      <c r="D31943" s="14" t="s">
        <v>114</v>
      </c>
      <c r="E31943" s="15">
        <v>45564</v>
      </c>
      <c r="F31943" s="14" t="s">
        <v>15</v>
      </c>
      <c r="G31943" s="16">
        <v>5.7313876604196359E-2</v>
      </c>
    </row>
    <row r="31944" spans="1:7" x14ac:dyDescent="0.3">
      <c r="A31944" s="13" t="s">
        <v>198</v>
      </c>
      <c r="B31944" s="14" t="s">
        <v>1</v>
      </c>
      <c r="C31944" s="14" t="s">
        <v>109</v>
      </c>
      <c r="D31944" s="14" t="s">
        <v>114</v>
      </c>
      <c r="E31944" s="15">
        <v>45565</v>
      </c>
      <c r="F31944" s="14" t="s">
        <v>15</v>
      </c>
      <c r="G31944" s="16">
        <v>8.0340712720568974E-2</v>
      </c>
    </row>
    <row r="31945" spans="1:7" x14ac:dyDescent="0.3">
      <c r="A31945" s="13" t="s">
        <v>198</v>
      </c>
      <c r="B31945" s="14" t="s">
        <v>1</v>
      </c>
      <c r="C31945" s="14" t="s">
        <v>109</v>
      </c>
      <c r="D31945" s="14" t="s">
        <v>114</v>
      </c>
      <c r="E31945" s="15">
        <v>45566</v>
      </c>
      <c r="F31945" s="14" t="s">
        <v>15</v>
      </c>
      <c r="G31945" s="16">
        <v>7.6696258961768224E-2</v>
      </c>
    </row>
    <row r="31946" spans="1:7" x14ac:dyDescent="0.3">
      <c r="A31946" s="13" t="s">
        <v>198</v>
      </c>
      <c r="B31946" s="14" t="s">
        <v>1</v>
      </c>
      <c r="C31946" s="14" t="s">
        <v>109</v>
      </c>
      <c r="D31946" s="14" t="s">
        <v>114</v>
      </c>
      <c r="E31946" s="15">
        <v>45567</v>
      </c>
      <c r="F31946" s="14" t="s">
        <v>15</v>
      </c>
      <c r="G31946" s="16">
        <v>7.4902013247350269E-2</v>
      </c>
    </row>
    <row r="31947" spans="1:7" x14ac:dyDescent="0.3">
      <c r="A31947" s="13" t="s">
        <v>198</v>
      </c>
      <c r="B31947" s="14" t="s">
        <v>1</v>
      </c>
      <c r="C31947" s="14" t="s">
        <v>109</v>
      </c>
      <c r="D31947" s="14" t="s">
        <v>114</v>
      </c>
      <c r="E31947" s="15">
        <v>45568</v>
      </c>
      <c r="F31947" s="14" t="s">
        <v>15</v>
      </c>
      <c r="G31947" s="16">
        <v>7.2938558101586962E-2</v>
      </c>
    </row>
    <row r="31948" spans="1:7" x14ac:dyDescent="0.3">
      <c r="A31948" s="13" t="s">
        <v>198</v>
      </c>
      <c r="B31948" s="14" t="s">
        <v>1</v>
      </c>
      <c r="C31948" s="14" t="s">
        <v>109</v>
      </c>
      <c r="D31948" s="14" t="s">
        <v>114</v>
      </c>
      <c r="E31948" s="15">
        <v>45569</v>
      </c>
      <c r="F31948" s="14" t="s">
        <v>15</v>
      </c>
      <c r="G31948" s="16">
        <v>7.0969555105615603E-2</v>
      </c>
    </row>
    <row r="31949" spans="1:7" x14ac:dyDescent="0.3">
      <c r="A31949" s="13" t="s">
        <v>198</v>
      </c>
      <c r="B31949" s="14" t="s">
        <v>1</v>
      </c>
      <c r="C31949" s="14" t="s">
        <v>109</v>
      </c>
      <c r="D31949" s="14" t="s">
        <v>114</v>
      </c>
      <c r="E31949" s="15">
        <v>45570</v>
      </c>
      <c r="F31949" s="14" t="s">
        <v>15</v>
      </c>
      <c r="G31949" s="16">
        <v>7.0969555105615603E-2</v>
      </c>
    </row>
    <row r="31950" spans="1:7" x14ac:dyDescent="0.3">
      <c r="A31950" s="13" t="s">
        <v>198</v>
      </c>
      <c r="B31950" s="14" t="s">
        <v>1</v>
      </c>
      <c r="C31950" s="14" t="s">
        <v>109</v>
      </c>
      <c r="D31950" s="14" t="s">
        <v>114</v>
      </c>
      <c r="E31950" s="15">
        <v>45571</v>
      </c>
      <c r="F31950" s="14" t="s">
        <v>15</v>
      </c>
      <c r="G31950" s="16">
        <v>7.0969555105615603E-2</v>
      </c>
    </row>
    <row r="31951" spans="1:7" x14ac:dyDescent="0.3">
      <c r="A31951" s="13" t="s">
        <v>198</v>
      </c>
      <c r="B31951" s="14" t="s">
        <v>1</v>
      </c>
      <c r="C31951" s="14" t="s">
        <v>109</v>
      </c>
      <c r="D31951" s="14" t="s">
        <v>114</v>
      </c>
      <c r="E31951" s="15">
        <v>45572</v>
      </c>
      <c r="F31951" s="14" t="s">
        <v>15</v>
      </c>
      <c r="G31951" s="16">
        <v>7.3072674162348819E-2</v>
      </c>
    </row>
    <row r="31952" spans="1:7" x14ac:dyDescent="0.3">
      <c r="A31952" s="13" t="s">
        <v>198</v>
      </c>
      <c r="B31952" s="14" t="s">
        <v>1</v>
      </c>
      <c r="C31952" s="14" t="s">
        <v>109</v>
      </c>
      <c r="D31952" s="14" t="s">
        <v>114</v>
      </c>
      <c r="E31952" s="15">
        <v>45573</v>
      </c>
      <c r="F31952" s="14" t="s">
        <v>15</v>
      </c>
      <c r="G31952" s="16">
        <v>6.7048192664297027E-2</v>
      </c>
    </row>
    <row r="31953" spans="1:7" x14ac:dyDescent="0.3">
      <c r="A31953" s="13" t="s">
        <v>198</v>
      </c>
      <c r="B31953" s="14" t="s">
        <v>1</v>
      </c>
      <c r="C31953" s="14" t="s">
        <v>109</v>
      </c>
      <c r="D31953" s="14" t="s">
        <v>114</v>
      </c>
      <c r="E31953" s="15">
        <v>45574</v>
      </c>
      <c r="F31953" s="14" t="s">
        <v>15</v>
      </c>
      <c r="G31953" s="16">
        <v>6.504867649218142E-2</v>
      </c>
    </row>
    <row r="31954" spans="1:7" x14ac:dyDescent="0.3">
      <c r="A31954" s="13" t="s">
        <v>198</v>
      </c>
      <c r="B31954" s="14" t="s">
        <v>1</v>
      </c>
      <c r="C31954" s="14" t="s">
        <v>109</v>
      </c>
      <c r="D31954" s="14" t="s">
        <v>114</v>
      </c>
      <c r="E31954" s="15">
        <v>45575</v>
      </c>
      <c r="F31954" s="14" t="s">
        <v>15</v>
      </c>
      <c r="G31954" s="16">
        <v>6.3029742844337669E-2</v>
      </c>
    </row>
    <row r="31955" spans="1:7" x14ac:dyDescent="0.3">
      <c r="A31955" s="13" t="s">
        <v>198</v>
      </c>
      <c r="B31955" s="14" t="s">
        <v>1</v>
      </c>
      <c r="C31955" s="14" t="s">
        <v>109</v>
      </c>
      <c r="D31955" s="14" t="s">
        <v>114</v>
      </c>
      <c r="E31955" s="15">
        <v>45576</v>
      </c>
      <c r="F31955" s="14" t="s">
        <v>15</v>
      </c>
      <c r="G31955" s="16">
        <v>6.0983069945453695E-2</v>
      </c>
    </row>
    <row r="31956" spans="1:7" x14ac:dyDescent="0.3">
      <c r="A31956" s="13" t="s">
        <v>198</v>
      </c>
      <c r="B31956" s="14" t="s">
        <v>1</v>
      </c>
      <c r="C31956" s="14" t="s">
        <v>109</v>
      </c>
      <c r="D31956" s="14" t="s">
        <v>114</v>
      </c>
      <c r="E31956" s="15">
        <v>45577</v>
      </c>
      <c r="F31956" s="14" t="s">
        <v>15</v>
      </c>
      <c r="G31956" s="16">
        <v>6.0983069945453695E-2</v>
      </c>
    </row>
    <row r="31957" spans="1:7" x14ac:dyDescent="0.3">
      <c r="A31957" s="13" t="s">
        <v>198</v>
      </c>
      <c r="B31957" s="14" t="s">
        <v>1</v>
      </c>
      <c r="C31957" s="14" t="s">
        <v>109</v>
      </c>
      <c r="D31957" s="14" t="s">
        <v>114</v>
      </c>
      <c r="E31957" s="15">
        <v>45578</v>
      </c>
      <c r="F31957" s="14" t="s">
        <v>15</v>
      </c>
      <c r="G31957" s="16">
        <v>6.0983069945453695E-2</v>
      </c>
    </row>
    <row r="31958" spans="1:7" x14ac:dyDescent="0.3">
      <c r="A31958" s="13" t="s">
        <v>198</v>
      </c>
      <c r="B31958" s="14" t="s">
        <v>1</v>
      </c>
      <c r="C31958" s="14" t="s">
        <v>109</v>
      </c>
      <c r="D31958" s="14" t="s">
        <v>114</v>
      </c>
      <c r="E31958" s="15">
        <v>45579</v>
      </c>
      <c r="F31958" s="14" t="s">
        <v>15</v>
      </c>
      <c r="G31958" s="16">
        <v>5.977689635308845E-2</v>
      </c>
    </row>
    <row r="31959" spans="1:7" x14ac:dyDescent="0.3">
      <c r="A31959" s="13" t="s">
        <v>198</v>
      </c>
      <c r="B31959" s="14" t="s">
        <v>1</v>
      </c>
      <c r="C31959" s="14" t="s">
        <v>109</v>
      </c>
      <c r="D31959" s="14" t="s">
        <v>114</v>
      </c>
      <c r="E31959" s="15">
        <v>45580</v>
      </c>
      <c r="F31959" s="14" t="s">
        <v>15</v>
      </c>
      <c r="G31959" s="16">
        <v>5.3480570194842474E-2</v>
      </c>
    </row>
    <row r="31960" spans="1:7" x14ac:dyDescent="0.3">
      <c r="A31960" s="13" t="s">
        <v>198</v>
      </c>
      <c r="B31960" s="14" t="s">
        <v>1</v>
      </c>
      <c r="C31960" s="14" t="s">
        <v>109</v>
      </c>
      <c r="D31960" s="14" t="s">
        <v>114</v>
      </c>
      <c r="E31960" s="15">
        <v>45581</v>
      </c>
      <c r="F31960" s="14" t="s">
        <v>15</v>
      </c>
      <c r="G31960" s="16">
        <v>5.137564486877403E-2</v>
      </c>
    </row>
    <row r="31961" spans="1:7" x14ac:dyDescent="0.3">
      <c r="A31961" s="13" t="s">
        <v>198</v>
      </c>
      <c r="B31961" s="14" t="s">
        <v>1</v>
      </c>
      <c r="C31961" s="14" t="s">
        <v>109</v>
      </c>
      <c r="D31961" s="14" t="s">
        <v>114</v>
      </c>
      <c r="E31961" s="15">
        <v>45582</v>
      </c>
      <c r="F31961" s="14" t="s">
        <v>15</v>
      </c>
      <c r="G31961" s="16">
        <v>4.9309554494161897E-2</v>
      </c>
    </row>
    <row r="31962" spans="1:7" x14ac:dyDescent="0.3">
      <c r="A31962" s="13" t="s">
        <v>198</v>
      </c>
      <c r="B31962" s="14" t="s">
        <v>1</v>
      </c>
      <c r="C31962" s="14" t="s">
        <v>109</v>
      </c>
      <c r="D31962" s="14" t="s">
        <v>114</v>
      </c>
      <c r="E31962" s="15">
        <v>45583</v>
      </c>
      <c r="F31962" s="14" t="s">
        <v>15</v>
      </c>
      <c r="G31962" s="16">
        <v>5.1873145118162801E-2</v>
      </c>
    </row>
    <row r="31963" spans="1:7" x14ac:dyDescent="0.3">
      <c r="A31963" s="13" t="s">
        <v>198</v>
      </c>
      <c r="B31963" s="14" t="s">
        <v>1</v>
      </c>
      <c r="C31963" s="14" t="s">
        <v>109</v>
      </c>
      <c r="D31963" s="14" t="s">
        <v>114</v>
      </c>
      <c r="E31963" s="15">
        <v>45584</v>
      </c>
      <c r="F31963" s="14" t="s">
        <v>15</v>
      </c>
      <c r="G31963" s="16">
        <v>5.1873145118162801E-2</v>
      </c>
    </row>
    <row r="31964" spans="1:7" x14ac:dyDescent="0.3">
      <c r="A31964" s="13" t="s">
        <v>198</v>
      </c>
      <c r="B31964" s="14" t="s">
        <v>1</v>
      </c>
      <c r="C31964" s="14" t="s">
        <v>109</v>
      </c>
      <c r="D31964" s="14" t="s">
        <v>114</v>
      </c>
      <c r="E31964" s="15">
        <v>45585</v>
      </c>
      <c r="F31964" s="14" t="s">
        <v>15</v>
      </c>
      <c r="G31964" s="16">
        <v>5.1873145118162801E-2</v>
      </c>
    </row>
    <row r="31965" spans="1:7" x14ac:dyDescent="0.3">
      <c r="A31965" s="13" t="s">
        <v>198</v>
      </c>
      <c r="B31965" s="14" t="s">
        <v>1</v>
      </c>
      <c r="C31965" s="14" t="s">
        <v>109</v>
      </c>
      <c r="D31965" s="14" t="s">
        <v>114</v>
      </c>
      <c r="E31965" s="15">
        <v>45586</v>
      </c>
      <c r="F31965" s="14" t="s">
        <v>15</v>
      </c>
      <c r="G31965" s="16">
        <v>4.979595904313458E-2</v>
      </c>
    </row>
    <row r="31966" spans="1:7" x14ac:dyDescent="0.3">
      <c r="A31966" s="13" t="s">
        <v>198</v>
      </c>
      <c r="B31966" s="14" t="s">
        <v>1</v>
      </c>
      <c r="C31966" s="14" t="s">
        <v>109</v>
      </c>
      <c r="D31966" s="14" t="s">
        <v>114</v>
      </c>
      <c r="E31966" s="15">
        <v>45587</v>
      </c>
      <c r="F31966" s="14" t="s">
        <v>15</v>
      </c>
      <c r="G31966" s="16">
        <v>4.3513502510408718E-2</v>
      </c>
    </row>
    <row r="31967" spans="1:7" x14ac:dyDescent="0.3">
      <c r="A31967" s="13" t="s">
        <v>198</v>
      </c>
      <c r="B31967" s="14" t="s">
        <v>1</v>
      </c>
      <c r="C31967" s="14" t="s">
        <v>109</v>
      </c>
      <c r="D31967" s="14" t="s">
        <v>114</v>
      </c>
      <c r="E31967" s="15">
        <v>45588</v>
      </c>
      <c r="F31967" s="14" t="s">
        <v>15</v>
      </c>
      <c r="G31967" s="16">
        <v>4.1419672884756363E-2</v>
      </c>
    </row>
    <row r="31968" spans="1:7" x14ac:dyDescent="0.3">
      <c r="A31968" s="13" t="s">
        <v>198</v>
      </c>
      <c r="B31968" s="14" t="s">
        <v>1</v>
      </c>
      <c r="C31968" s="14" t="s">
        <v>109</v>
      </c>
      <c r="D31968" s="14" t="s">
        <v>114</v>
      </c>
      <c r="E31968" s="15">
        <v>45589</v>
      </c>
      <c r="F31968" s="14" t="s">
        <v>15</v>
      </c>
      <c r="G31968" s="16">
        <v>3.9342486809728142E-2</v>
      </c>
    </row>
    <row r="31969" spans="1:7" x14ac:dyDescent="0.3">
      <c r="A31969" s="13" t="s">
        <v>198</v>
      </c>
      <c r="B31969" s="14" t="s">
        <v>1</v>
      </c>
      <c r="C31969" s="14" t="s">
        <v>109</v>
      </c>
      <c r="D31969" s="14" t="s">
        <v>114</v>
      </c>
      <c r="E31969" s="15">
        <v>45590</v>
      </c>
      <c r="F31969" s="14" t="s">
        <v>15</v>
      </c>
      <c r="G31969" s="16">
        <v>3.7293039985740142E-2</v>
      </c>
    </row>
    <row r="31970" spans="1:7" x14ac:dyDescent="0.3">
      <c r="A31970" s="13" t="s">
        <v>198</v>
      </c>
      <c r="B31970" s="14" t="s">
        <v>1</v>
      </c>
      <c r="C31970" s="14" t="s">
        <v>109</v>
      </c>
      <c r="D31970" s="14" t="s">
        <v>114</v>
      </c>
      <c r="E31970" s="15">
        <v>45591</v>
      </c>
      <c r="F31970" s="14" t="s">
        <v>15</v>
      </c>
      <c r="G31970" s="16">
        <v>3.7293039985740142E-2</v>
      </c>
    </row>
    <row r="31971" spans="1:7" x14ac:dyDescent="0.3">
      <c r="A31971" s="13" t="s">
        <v>198</v>
      </c>
      <c r="B31971" s="14" t="s">
        <v>1</v>
      </c>
      <c r="C31971" s="14" t="s">
        <v>109</v>
      </c>
      <c r="D31971" s="14" t="s">
        <v>114</v>
      </c>
      <c r="E31971" s="15">
        <v>45592</v>
      </c>
      <c r="F31971" s="14" t="s">
        <v>15</v>
      </c>
      <c r="G31971" s="16">
        <v>3.7293039985740142E-2</v>
      </c>
    </row>
    <row r="31972" spans="1:7" x14ac:dyDescent="0.3">
      <c r="A31972" s="13" t="s">
        <v>198</v>
      </c>
      <c r="B31972" s="14" t="s">
        <v>1</v>
      </c>
      <c r="C31972" s="14" t="s">
        <v>109</v>
      </c>
      <c r="D31972" s="14" t="s">
        <v>114</v>
      </c>
      <c r="E31972" s="15">
        <v>45593</v>
      </c>
      <c r="F31972" s="14" t="s">
        <v>15</v>
      </c>
      <c r="G31972" s="16">
        <v>3.7293039985740142E-2</v>
      </c>
    </row>
    <row r="31973" spans="1:7" x14ac:dyDescent="0.3">
      <c r="A31973" s="13" t="s">
        <v>198</v>
      </c>
      <c r="B31973" s="14" t="s">
        <v>1</v>
      </c>
      <c r="C31973" s="14" t="s">
        <v>109</v>
      </c>
      <c r="D31973" s="14" t="s">
        <v>114</v>
      </c>
      <c r="E31973" s="15">
        <v>45594</v>
      </c>
      <c r="F31973" s="14" t="s">
        <v>15</v>
      </c>
      <c r="G31973" s="16">
        <v>3.6050805367022605E-2</v>
      </c>
    </row>
    <row r="31974" spans="1:7" x14ac:dyDescent="0.3">
      <c r="A31974" s="13" t="s">
        <v>198</v>
      </c>
      <c r="B31974" s="14" t="s">
        <v>1</v>
      </c>
      <c r="C31974" s="14" t="s">
        <v>109</v>
      </c>
      <c r="D31974" s="14" t="s">
        <v>114</v>
      </c>
      <c r="E31974" s="15">
        <v>45595</v>
      </c>
      <c r="F31974" s="14" t="s">
        <v>15</v>
      </c>
      <c r="G31974" s="16">
        <v>2.9490956323894521E-2</v>
      </c>
    </row>
    <row r="31975" spans="1:7" x14ac:dyDescent="0.3">
      <c r="A31975" s="13" t="s">
        <v>198</v>
      </c>
      <c r="B31975" s="14" t="s">
        <v>1</v>
      </c>
      <c r="C31975" s="14" t="s">
        <v>109</v>
      </c>
      <c r="D31975" s="14" t="s">
        <v>114</v>
      </c>
      <c r="E31975" s="15">
        <v>45596</v>
      </c>
      <c r="F31975" s="14" t="s">
        <v>15</v>
      </c>
      <c r="G31975" s="16">
        <v>2.73888049229301E-2</v>
      </c>
    </row>
    <row r="31976" spans="1:7" x14ac:dyDescent="0.3">
      <c r="A31976" s="13" t="s">
        <v>198</v>
      </c>
      <c r="B31976" s="14" t="s">
        <v>1</v>
      </c>
      <c r="C31976" s="14" t="s">
        <v>109</v>
      </c>
      <c r="D31976" s="14" t="s">
        <v>114</v>
      </c>
      <c r="E31976" s="15">
        <v>45597</v>
      </c>
      <c r="F31976" s="14" t="s">
        <v>15</v>
      </c>
      <c r="G31976" s="16">
        <v>2.5272783896445567E-2</v>
      </c>
    </row>
    <row r="31977" spans="1:7" x14ac:dyDescent="0.3">
      <c r="A31977" s="13" t="s">
        <v>198</v>
      </c>
      <c r="B31977" s="14" t="s">
        <v>1</v>
      </c>
      <c r="C31977" s="14" t="s">
        <v>109</v>
      </c>
      <c r="D31977" s="14" t="s">
        <v>114</v>
      </c>
      <c r="E31977" s="15">
        <v>45598</v>
      </c>
      <c r="F31977" s="14" t="s">
        <v>15</v>
      </c>
      <c r="G31977" s="16">
        <v>2.5272783896445567E-2</v>
      </c>
    </row>
    <row r="31978" spans="1:7" x14ac:dyDescent="0.3">
      <c r="A31978" s="13" t="s">
        <v>198</v>
      </c>
      <c r="B31978" s="14" t="s">
        <v>1</v>
      </c>
      <c r="C31978" s="14" t="s">
        <v>109</v>
      </c>
      <c r="D31978" s="14" t="s">
        <v>114</v>
      </c>
      <c r="E31978" s="15">
        <v>45599</v>
      </c>
      <c r="F31978" s="14" t="s">
        <v>15</v>
      </c>
      <c r="G31978" s="16">
        <v>2.5272783896445567E-2</v>
      </c>
    </row>
    <row r="31979" spans="1:7" x14ac:dyDescent="0.3">
      <c r="A31979" s="13" t="s">
        <v>198</v>
      </c>
      <c r="B31979" s="14" t="s">
        <v>1</v>
      </c>
      <c r="C31979" s="14" t="s">
        <v>109</v>
      </c>
      <c r="D31979" s="14" t="s">
        <v>114</v>
      </c>
      <c r="E31979" s="15">
        <v>45600</v>
      </c>
      <c r="F31979" s="14" t="s">
        <v>15</v>
      </c>
      <c r="G31979" s="16">
        <v>2.2773961205605976E-2</v>
      </c>
    </row>
    <row r="31980" spans="1:7" x14ac:dyDescent="0.3">
      <c r="A31980" s="13" t="s">
        <v>198</v>
      </c>
      <c r="B31980" s="14" t="s">
        <v>1</v>
      </c>
      <c r="C31980" s="14" t="s">
        <v>109</v>
      </c>
      <c r="D31980" s="14" t="s">
        <v>114</v>
      </c>
      <c r="E31980" s="15">
        <v>45601</v>
      </c>
      <c r="F31980" s="14" t="s">
        <v>15</v>
      </c>
      <c r="G31980" s="16">
        <v>1.5315360428774702E-2</v>
      </c>
    </row>
    <row r="31981" spans="1:7" x14ac:dyDescent="0.3">
      <c r="A31981" s="13" t="s">
        <v>198</v>
      </c>
      <c r="B31981" s="14" t="s">
        <v>1</v>
      </c>
      <c r="C31981" s="14" t="s">
        <v>109</v>
      </c>
      <c r="D31981" s="14" t="s">
        <v>114</v>
      </c>
      <c r="E31981" s="15">
        <v>45602</v>
      </c>
      <c r="F31981" s="14" t="s">
        <v>15</v>
      </c>
      <c r="G31981" s="16">
        <v>1.3257591829474637E-2</v>
      </c>
    </row>
    <row r="31982" spans="1:7" x14ac:dyDescent="0.3">
      <c r="A31982" s="13" t="s">
        <v>198</v>
      </c>
      <c r="B31982" s="14" t="s">
        <v>1</v>
      </c>
      <c r="C31982" s="14" t="s">
        <v>109</v>
      </c>
      <c r="D31982" s="14" t="s">
        <v>114</v>
      </c>
      <c r="E31982" s="15">
        <v>45603</v>
      </c>
      <c r="F31982" s="14" t="s">
        <v>15</v>
      </c>
      <c r="G31982" s="16">
        <v>1.1144344728094129E-2</v>
      </c>
    </row>
    <row r="31983" spans="1:7" x14ac:dyDescent="0.3">
      <c r="A31983" s="13" t="s">
        <v>198</v>
      </c>
      <c r="B31983" s="14" t="s">
        <v>1</v>
      </c>
      <c r="C31983" s="14" t="s">
        <v>109</v>
      </c>
      <c r="D31983" s="14" t="s">
        <v>114</v>
      </c>
      <c r="E31983" s="15">
        <v>45604</v>
      </c>
      <c r="F31983" s="14" t="s">
        <v>15</v>
      </c>
      <c r="G31983" s="16">
        <v>8.9645234242170871E-3</v>
      </c>
    </row>
    <row r="31984" spans="1:7" x14ac:dyDescent="0.3">
      <c r="A31984" s="13" t="s">
        <v>198</v>
      </c>
      <c r="B31984" s="14" t="s">
        <v>1</v>
      </c>
      <c r="C31984" s="14" t="s">
        <v>109</v>
      </c>
      <c r="D31984" s="14" t="s">
        <v>114</v>
      </c>
      <c r="E31984" s="15">
        <v>45605</v>
      </c>
      <c r="F31984" s="14" t="s">
        <v>15</v>
      </c>
      <c r="G31984" s="16">
        <v>8.9645234242170871E-3</v>
      </c>
    </row>
    <row r="31985" spans="1:7" x14ac:dyDescent="0.3">
      <c r="A31985" s="13" t="s">
        <v>198</v>
      </c>
      <c r="B31985" s="14" t="s">
        <v>1</v>
      </c>
      <c r="C31985" s="14" t="s">
        <v>109</v>
      </c>
      <c r="D31985" s="14" t="s">
        <v>114</v>
      </c>
      <c r="E31985" s="15">
        <v>45606</v>
      </c>
      <c r="F31985" s="14" t="s">
        <v>15</v>
      </c>
      <c r="G31985" s="16">
        <v>8.9645234242170871E-3</v>
      </c>
    </row>
    <row r="31986" spans="1:7" x14ac:dyDescent="0.3">
      <c r="A31986" s="13" t="s">
        <v>198</v>
      </c>
      <c r="B31986" s="14" t="s">
        <v>1</v>
      </c>
      <c r="C31986" s="14" t="s">
        <v>109</v>
      </c>
      <c r="D31986" s="14" t="s">
        <v>114</v>
      </c>
      <c r="E31986" s="15">
        <v>45607</v>
      </c>
      <c r="F31986" s="14" t="s">
        <v>15</v>
      </c>
      <c r="G31986" s="16">
        <v>6.7403193186756907E-3</v>
      </c>
    </row>
    <row r="31987" spans="1:7" x14ac:dyDescent="0.3">
      <c r="A31987" s="13" t="s">
        <v>198</v>
      </c>
      <c r="B31987" s="14" t="s">
        <v>1</v>
      </c>
      <c r="C31987" s="14" t="s">
        <v>109</v>
      </c>
      <c r="D31987" s="14" t="s">
        <v>114</v>
      </c>
      <c r="E31987" s="15">
        <v>45608</v>
      </c>
      <c r="F31987" s="14" t="s">
        <v>15</v>
      </c>
      <c r="G31987" s="16">
        <v>2.9390688901888527E-6</v>
      </c>
    </row>
    <row r="31988" spans="1:7" x14ac:dyDescent="0.3">
      <c r="A31988" s="13" t="s">
        <v>198</v>
      </c>
      <c r="B31988" s="14" t="s">
        <v>1</v>
      </c>
      <c r="C31988" s="14" t="s">
        <v>109</v>
      </c>
      <c r="D31988" s="14" t="s">
        <v>114</v>
      </c>
      <c r="E31988" s="15">
        <v>45609</v>
      </c>
      <c r="F31988" s="14" t="s">
        <v>15</v>
      </c>
      <c r="G31988" s="16">
        <v>0</v>
      </c>
    </row>
    <row r="31989" spans="1:7" x14ac:dyDescent="0.3">
      <c r="A31989" s="13" t="s">
        <v>198</v>
      </c>
      <c r="B31989" s="14" t="s">
        <v>1</v>
      </c>
      <c r="C31989" s="14" t="s">
        <v>109</v>
      </c>
      <c r="D31989" s="14" t="s">
        <v>114</v>
      </c>
      <c r="E31989" s="15">
        <v>45610</v>
      </c>
      <c r="F31989" s="14" t="s">
        <v>15</v>
      </c>
      <c r="G31989" s="16">
        <v>0</v>
      </c>
    </row>
    <row r="31990" spans="1:7" x14ac:dyDescent="0.3">
      <c r="A31990" s="13" t="s">
        <v>198</v>
      </c>
      <c r="B31990" s="14" t="s">
        <v>1</v>
      </c>
      <c r="C31990" s="14" t="s">
        <v>109</v>
      </c>
      <c r="D31990" s="14" t="s">
        <v>114</v>
      </c>
      <c r="E31990" s="15">
        <v>45611</v>
      </c>
      <c r="F31990" s="14" t="s">
        <v>15</v>
      </c>
      <c r="G31990" s="16">
        <v>0</v>
      </c>
    </row>
    <row r="31991" spans="1:7" x14ac:dyDescent="0.3">
      <c r="A31991" s="13" t="s">
        <v>198</v>
      </c>
      <c r="B31991" s="14" t="s">
        <v>1</v>
      </c>
      <c r="C31991" s="14" t="s">
        <v>109</v>
      </c>
      <c r="D31991" s="14" t="s">
        <v>114</v>
      </c>
      <c r="E31991" s="15">
        <v>45612</v>
      </c>
      <c r="F31991" s="14" t="s">
        <v>15</v>
      </c>
      <c r="G31991" s="16">
        <v>0</v>
      </c>
    </row>
    <row r="31992" spans="1:7" x14ac:dyDescent="0.3">
      <c r="A31992" s="13" t="s">
        <v>198</v>
      </c>
      <c r="B31992" s="14" t="s">
        <v>1</v>
      </c>
      <c r="C31992" s="14" t="s">
        <v>109</v>
      </c>
      <c r="D31992" s="14" t="s">
        <v>114</v>
      </c>
      <c r="E31992" s="15">
        <v>45613</v>
      </c>
      <c r="F31992" s="14" t="s">
        <v>15</v>
      </c>
      <c r="G31992" s="16">
        <v>0</v>
      </c>
    </row>
    <row r="31993" spans="1:7" x14ac:dyDescent="0.3">
      <c r="A31993" s="13" t="s">
        <v>198</v>
      </c>
      <c r="B31993" s="14" t="s">
        <v>1</v>
      </c>
      <c r="C31993" s="14" t="s">
        <v>109</v>
      </c>
      <c r="D31993" s="14" t="s">
        <v>114</v>
      </c>
      <c r="E31993" s="15">
        <v>45614</v>
      </c>
      <c r="F31993" s="14" t="s">
        <v>15</v>
      </c>
      <c r="G31993" s="16">
        <v>0</v>
      </c>
    </row>
    <row r="31994" spans="1:7" x14ac:dyDescent="0.3">
      <c r="A31994" s="13" t="s">
        <v>198</v>
      </c>
      <c r="B31994" s="14" t="s">
        <v>1</v>
      </c>
      <c r="C31994" s="14" t="s">
        <v>109</v>
      </c>
      <c r="D31994" s="14" t="s">
        <v>114</v>
      </c>
      <c r="E31994" s="15">
        <v>45615</v>
      </c>
      <c r="F31994" s="14" t="s">
        <v>15</v>
      </c>
      <c r="G31994" s="16">
        <v>0</v>
      </c>
    </row>
    <row r="31995" spans="1:7" x14ac:dyDescent="0.3">
      <c r="A31995" s="13" t="s">
        <v>198</v>
      </c>
      <c r="B31995" s="14" t="s">
        <v>1</v>
      </c>
      <c r="C31995" s="14" t="s">
        <v>109</v>
      </c>
      <c r="D31995" s="14" t="s">
        <v>114</v>
      </c>
      <c r="E31995" s="15">
        <v>45616</v>
      </c>
      <c r="F31995" s="14" t="s">
        <v>15</v>
      </c>
      <c r="G31995" s="16">
        <v>0</v>
      </c>
    </row>
    <row r="31996" spans="1:7" x14ac:dyDescent="0.3">
      <c r="A31996" s="13" t="s">
        <v>198</v>
      </c>
      <c r="B31996" s="14" t="s">
        <v>1</v>
      </c>
      <c r="C31996" s="14" t="s">
        <v>109</v>
      </c>
      <c r="D31996" s="14" t="s">
        <v>114</v>
      </c>
      <c r="E31996" s="15">
        <v>45617</v>
      </c>
      <c r="F31996" s="14" t="s">
        <v>15</v>
      </c>
      <c r="G31996" s="16">
        <v>1.0292040149795288E-2</v>
      </c>
    </row>
    <row r="31997" spans="1:7" x14ac:dyDescent="0.3">
      <c r="A31997" s="13" t="s">
        <v>198</v>
      </c>
      <c r="B31997" s="14" t="s">
        <v>1</v>
      </c>
      <c r="C31997" s="14" t="s">
        <v>109</v>
      </c>
      <c r="D31997" s="14" t="s">
        <v>114</v>
      </c>
      <c r="E31997" s="15">
        <v>45618</v>
      </c>
      <c r="F31997" s="14" t="s">
        <v>15</v>
      </c>
      <c r="G31997" s="16">
        <v>1.0242593325807289E-2</v>
      </c>
    </row>
    <row r="31998" spans="1:7" x14ac:dyDescent="0.3">
      <c r="A31998" s="13" t="s">
        <v>198</v>
      </c>
      <c r="B31998" s="14" t="s">
        <v>1</v>
      </c>
      <c r="C31998" s="14" t="s">
        <v>109</v>
      </c>
      <c r="D31998" s="14" t="s">
        <v>114</v>
      </c>
      <c r="E31998" s="15">
        <v>45619</v>
      </c>
      <c r="F31998" s="14" t="s">
        <v>15</v>
      </c>
      <c r="G31998" s="16">
        <v>1.0242593325807289E-2</v>
      </c>
    </row>
    <row r="31999" spans="1:7" x14ac:dyDescent="0.3">
      <c r="A31999" s="13" t="s">
        <v>198</v>
      </c>
      <c r="B31999" s="14" t="s">
        <v>1</v>
      </c>
      <c r="C31999" s="14" t="s">
        <v>109</v>
      </c>
      <c r="D31999" s="14" t="s">
        <v>114</v>
      </c>
      <c r="E31999" s="15">
        <v>45620</v>
      </c>
      <c r="F31999" s="14" t="s">
        <v>15</v>
      </c>
      <c r="G31999" s="16">
        <v>1.0242593325807289E-2</v>
      </c>
    </row>
    <row r="32000" spans="1:7" x14ac:dyDescent="0.3">
      <c r="A32000" s="13" t="s">
        <v>198</v>
      </c>
      <c r="B32000" s="14" t="s">
        <v>1</v>
      </c>
      <c r="C32000" s="14" t="s">
        <v>109</v>
      </c>
      <c r="D32000" s="14" t="s">
        <v>114</v>
      </c>
      <c r="E32000" s="15">
        <v>45621</v>
      </c>
      <c r="F32000" s="14" t="s">
        <v>15</v>
      </c>
      <c r="G32000" s="16">
        <v>8.6869051703352407E-3</v>
      </c>
    </row>
    <row r="32001" spans="1:7" x14ac:dyDescent="0.3">
      <c r="A32001" s="13" t="s">
        <v>198</v>
      </c>
      <c r="B32001" s="14" t="s">
        <v>1</v>
      </c>
      <c r="C32001" s="14" t="s">
        <v>109</v>
      </c>
      <c r="D32001" s="14" t="s">
        <v>114</v>
      </c>
      <c r="E32001" s="15">
        <v>45622</v>
      </c>
      <c r="F32001" s="14" t="s">
        <v>15</v>
      </c>
      <c r="G32001" s="16">
        <v>1.9412031452376731E-3</v>
      </c>
    </row>
    <row r="32002" spans="1:7" x14ac:dyDescent="0.3">
      <c r="A32002" s="13" t="s">
        <v>198</v>
      </c>
      <c r="B32002" s="14" t="s">
        <v>1</v>
      </c>
      <c r="C32002" s="14" t="s">
        <v>109</v>
      </c>
      <c r="D32002" s="14" t="s">
        <v>114</v>
      </c>
      <c r="E32002" s="15">
        <v>45623</v>
      </c>
      <c r="F32002" s="14" t="s">
        <v>15</v>
      </c>
      <c r="G32002" s="16">
        <v>0</v>
      </c>
    </row>
    <row r="32003" spans="1:7" x14ac:dyDescent="0.3">
      <c r="A32003" s="13" t="s">
        <v>198</v>
      </c>
      <c r="B32003" s="14" t="s">
        <v>1</v>
      </c>
      <c r="C32003" s="14" t="s">
        <v>109</v>
      </c>
      <c r="D32003" s="14" t="s">
        <v>114</v>
      </c>
      <c r="E32003" s="15">
        <v>45624</v>
      </c>
      <c r="F32003" s="14" t="s">
        <v>15</v>
      </c>
      <c r="G32003" s="16">
        <v>0</v>
      </c>
    </row>
    <row r="32004" spans="1:7" x14ac:dyDescent="0.3">
      <c r="A32004" s="13" t="s">
        <v>198</v>
      </c>
      <c r="B32004" s="14" t="s">
        <v>1</v>
      </c>
      <c r="C32004" s="14" t="s">
        <v>109</v>
      </c>
      <c r="D32004" s="14" t="s">
        <v>114</v>
      </c>
      <c r="E32004" s="15">
        <v>45625</v>
      </c>
      <c r="F32004" s="14" t="s">
        <v>15</v>
      </c>
      <c r="G32004" s="16">
        <v>0</v>
      </c>
    </row>
    <row r="32005" spans="1:7" x14ac:dyDescent="0.3">
      <c r="A32005" s="13" t="s">
        <v>198</v>
      </c>
      <c r="B32005" s="14" t="s">
        <v>1</v>
      </c>
      <c r="C32005" s="14" t="s">
        <v>109</v>
      </c>
      <c r="D32005" s="14" t="s">
        <v>114</v>
      </c>
      <c r="E32005" s="15">
        <v>45626</v>
      </c>
      <c r="F32005" s="14" t="s">
        <v>15</v>
      </c>
      <c r="G32005" s="16">
        <v>0</v>
      </c>
    </row>
    <row r="32006" spans="1:7" x14ac:dyDescent="0.3">
      <c r="A32006" s="13" t="s">
        <v>198</v>
      </c>
      <c r="B32006" s="14" t="s">
        <v>1</v>
      </c>
      <c r="C32006" s="14" t="s">
        <v>109</v>
      </c>
      <c r="D32006" s="14" t="s">
        <v>114</v>
      </c>
      <c r="E32006" s="15">
        <v>45627</v>
      </c>
      <c r="F32006" s="14" t="s">
        <v>15</v>
      </c>
      <c r="G32006" s="16">
        <v>0</v>
      </c>
    </row>
    <row r="32007" spans="1:7" x14ac:dyDescent="0.3">
      <c r="A32007" s="13" t="s">
        <v>198</v>
      </c>
      <c r="B32007" s="14" t="s">
        <v>1</v>
      </c>
      <c r="C32007" s="14" t="s">
        <v>109</v>
      </c>
      <c r="D32007" s="14" t="s">
        <v>114</v>
      </c>
      <c r="E32007" s="15">
        <v>45628</v>
      </c>
      <c r="F32007" s="14" t="s">
        <v>15</v>
      </c>
      <c r="G32007" s="16">
        <v>0</v>
      </c>
    </row>
    <row r="32008" spans="1:7" x14ac:dyDescent="0.3">
      <c r="A32008" s="13" t="s">
        <v>198</v>
      </c>
      <c r="B32008" s="14" t="s">
        <v>1</v>
      </c>
      <c r="C32008" s="14" t="s">
        <v>109</v>
      </c>
      <c r="D32008" s="14" t="s">
        <v>114</v>
      </c>
      <c r="E32008" s="15">
        <v>45629</v>
      </c>
      <c r="F32008" s="14" t="s">
        <v>15</v>
      </c>
      <c r="G32008" s="16">
        <v>0</v>
      </c>
    </row>
    <row r="32009" spans="1:7" x14ac:dyDescent="0.3">
      <c r="A32009" s="13" t="s">
        <v>198</v>
      </c>
      <c r="B32009" s="14" t="s">
        <v>1</v>
      </c>
      <c r="C32009" s="14" t="s">
        <v>109</v>
      </c>
      <c r="D32009" s="14" t="s">
        <v>114</v>
      </c>
      <c r="E32009" s="15">
        <v>45630</v>
      </c>
      <c r="F32009" s="14" t="s">
        <v>15</v>
      </c>
      <c r="G32009" s="16">
        <v>0</v>
      </c>
    </row>
    <row r="32010" spans="1:7" x14ac:dyDescent="0.3">
      <c r="A32010" s="13" t="s">
        <v>198</v>
      </c>
      <c r="B32010" s="14" t="s">
        <v>1</v>
      </c>
      <c r="C32010" s="14" t="s">
        <v>109</v>
      </c>
      <c r="D32010" s="14" t="s">
        <v>114</v>
      </c>
      <c r="E32010" s="15">
        <v>45631</v>
      </c>
      <c r="F32010" s="14" t="s">
        <v>15</v>
      </c>
      <c r="G32010" s="16">
        <v>0</v>
      </c>
    </row>
    <row r="32011" spans="1:7" x14ac:dyDescent="0.3">
      <c r="A32011" s="13" t="s">
        <v>198</v>
      </c>
      <c r="B32011" s="14" t="s">
        <v>1</v>
      </c>
      <c r="C32011" s="14" t="s">
        <v>109</v>
      </c>
      <c r="D32011" s="14" t="s">
        <v>114</v>
      </c>
      <c r="E32011" s="15">
        <v>45632</v>
      </c>
      <c r="F32011" s="14" t="s">
        <v>15</v>
      </c>
      <c r="G32011" s="16">
        <v>0</v>
      </c>
    </row>
    <row r="32012" spans="1:7" x14ac:dyDescent="0.3">
      <c r="A32012" s="13" t="s">
        <v>198</v>
      </c>
      <c r="B32012" s="14" t="s">
        <v>1</v>
      </c>
      <c r="C32012" s="14" t="s">
        <v>109</v>
      </c>
      <c r="D32012" s="14" t="s">
        <v>114</v>
      </c>
      <c r="E32012" s="15">
        <v>45633</v>
      </c>
      <c r="F32012" s="14" t="s">
        <v>15</v>
      </c>
      <c r="G32012" s="16">
        <v>0</v>
      </c>
    </row>
    <row r="32013" spans="1:7" x14ac:dyDescent="0.3">
      <c r="A32013" s="13" t="s">
        <v>198</v>
      </c>
      <c r="B32013" s="14" t="s">
        <v>1</v>
      </c>
      <c r="C32013" s="14" t="s">
        <v>109</v>
      </c>
      <c r="D32013" s="14" t="s">
        <v>114</v>
      </c>
      <c r="E32013" s="15">
        <v>45634</v>
      </c>
      <c r="F32013" s="14" t="s">
        <v>15</v>
      </c>
      <c r="G32013" s="16">
        <v>0</v>
      </c>
    </row>
    <row r="32014" spans="1:7" x14ac:dyDescent="0.3">
      <c r="A32014" s="13" t="s">
        <v>198</v>
      </c>
      <c r="B32014" s="14" t="s">
        <v>1</v>
      </c>
      <c r="C32014" s="14" t="s">
        <v>109</v>
      </c>
      <c r="D32014" s="14" t="s">
        <v>114</v>
      </c>
      <c r="E32014" s="15">
        <v>45635</v>
      </c>
      <c r="F32014" s="14" t="s">
        <v>15</v>
      </c>
      <c r="G32014" s="16">
        <v>0</v>
      </c>
    </row>
    <row r="32015" spans="1:7" x14ac:dyDescent="0.3">
      <c r="A32015" s="13" t="s">
        <v>198</v>
      </c>
      <c r="B32015" s="14" t="s">
        <v>1</v>
      </c>
      <c r="C32015" s="14" t="s">
        <v>109</v>
      </c>
      <c r="D32015" s="14" t="s">
        <v>114</v>
      </c>
      <c r="E32015" s="15">
        <v>45636</v>
      </c>
      <c r="F32015" s="14" t="s">
        <v>15</v>
      </c>
      <c r="G32015" s="16">
        <v>0</v>
      </c>
    </row>
    <row r="32016" spans="1:7" x14ac:dyDescent="0.3">
      <c r="A32016" s="13" t="s">
        <v>198</v>
      </c>
      <c r="B32016" s="14" t="s">
        <v>1</v>
      </c>
      <c r="C32016" s="14" t="s">
        <v>109</v>
      </c>
      <c r="D32016" s="14" t="s">
        <v>114</v>
      </c>
      <c r="E32016" s="15">
        <v>45637</v>
      </c>
      <c r="F32016" s="14" t="s">
        <v>15</v>
      </c>
      <c r="G32016" s="16">
        <v>0</v>
      </c>
    </row>
    <row r="32017" spans="1:7" x14ac:dyDescent="0.3">
      <c r="A32017" s="13" t="s">
        <v>198</v>
      </c>
      <c r="B32017" s="14" t="s">
        <v>1</v>
      </c>
      <c r="C32017" s="14" t="s">
        <v>109</v>
      </c>
      <c r="D32017" s="14" t="s">
        <v>114</v>
      </c>
      <c r="E32017" s="15">
        <v>45638</v>
      </c>
      <c r="F32017" s="14" t="s">
        <v>15</v>
      </c>
      <c r="G32017" s="16">
        <v>0</v>
      </c>
    </row>
    <row r="32018" spans="1:7" x14ac:dyDescent="0.3">
      <c r="A32018" s="13" t="s">
        <v>198</v>
      </c>
      <c r="B32018" s="14" t="s">
        <v>1</v>
      </c>
      <c r="C32018" s="14" t="s">
        <v>109</v>
      </c>
      <c r="D32018" s="14" t="s">
        <v>114</v>
      </c>
      <c r="E32018" s="15">
        <v>45639</v>
      </c>
      <c r="F32018" s="14" t="s">
        <v>15</v>
      </c>
      <c r="G32018" s="16">
        <v>0</v>
      </c>
    </row>
    <row r="32019" spans="1:7" x14ac:dyDescent="0.3">
      <c r="A32019" s="13" t="s">
        <v>198</v>
      </c>
      <c r="B32019" s="14" t="s">
        <v>1</v>
      </c>
      <c r="C32019" s="14" t="s">
        <v>109</v>
      </c>
      <c r="D32019" s="14" t="s">
        <v>114</v>
      </c>
      <c r="E32019" s="15">
        <v>45640</v>
      </c>
      <c r="F32019" s="14" t="s">
        <v>15</v>
      </c>
      <c r="G32019" s="16">
        <v>0</v>
      </c>
    </row>
    <row r="32020" spans="1:7" x14ac:dyDescent="0.3">
      <c r="A32020" s="13" t="s">
        <v>198</v>
      </c>
      <c r="B32020" s="14" t="s">
        <v>1</v>
      </c>
      <c r="C32020" s="14" t="s">
        <v>109</v>
      </c>
      <c r="D32020" s="14" t="s">
        <v>114</v>
      </c>
      <c r="E32020" s="15">
        <v>45641</v>
      </c>
      <c r="F32020" s="14" t="s">
        <v>15</v>
      </c>
      <c r="G32020" s="16">
        <v>0</v>
      </c>
    </row>
    <row r="32021" spans="1:7" x14ac:dyDescent="0.3">
      <c r="A32021" s="13" t="s">
        <v>198</v>
      </c>
      <c r="B32021" s="14" t="s">
        <v>1</v>
      </c>
      <c r="C32021" s="14" t="s">
        <v>109</v>
      </c>
      <c r="D32021" s="14" t="s">
        <v>114</v>
      </c>
      <c r="E32021" s="15">
        <v>45642</v>
      </c>
      <c r="F32021" s="14" t="s">
        <v>15</v>
      </c>
      <c r="G32021" s="16">
        <v>0</v>
      </c>
    </row>
    <row r="32022" spans="1:7" x14ac:dyDescent="0.3">
      <c r="A32022" s="13" t="s">
        <v>198</v>
      </c>
      <c r="B32022" s="14" t="s">
        <v>1</v>
      </c>
      <c r="C32022" s="14" t="s">
        <v>109</v>
      </c>
      <c r="D32022" s="14" t="s">
        <v>114</v>
      </c>
      <c r="E32022" s="15">
        <v>45643</v>
      </c>
      <c r="F32022" s="14" t="s">
        <v>15</v>
      </c>
      <c r="G32022" s="16">
        <v>0</v>
      </c>
    </row>
    <row r="32023" spans="1:7" x14ac:dyDescent="0.3">
      <c r="A32023" s="13" t="s">
        <v>198</v>
      </c>
      <c r="B32023" s="14" t="s">
        <v>1</v>
      </c>
      <c r="C32023" s="14" t="s">
        <v>109</v>
      </c>
      <c r="D32023" s="14" t="s">
        <v>114</v>
      </c>
      <c r="E32023" s="15">
        <v>45644</v>
      </c>
      <c r="F32023" s="14" t="s">
        <v>15</v>
      </c>
      <c r="G32023" s="16">
        <v>0</v>
      </c>
    </row>
    <row r="32024" spans="1:7" x14ac:dyDescent="0.3">
      <c r="A32024" s="13" t="s">
        <v>198</v>
      </c>
      <c r="B32024" s="14" t="s">
        <v>1</v>
      </c>
      <c r="C32024" s="14" t="s">
        <v>109</v>
      </c>
      <c r="D32024" s="14" t="s">
        <v>114</v>
      </c>
      <c r="E32024" s="15">
        <v>45645</v>
      </c>
      <c r="F32024" s="14" t="s">
        <v>15</v>
      </c>
      <c r="G32024" s="16">
        <v>0</v>
      </c>
    </row>
    <row r="32025" spans="1:7" x14ac:dyDescent="0.3">
      <c r="A32025" s="13" t="s">
        <v>198</v>
      </c>
      <c r="B32025" s="14" t="s">
        <v>1</v>
      </c>
      <c r="C32025" s="14" t="s">
        <v>109</v>
      </c>
      <c r="D32025" s="14" t="s">
        <v>114</v>
      </c>
      <c r="E32025" s="15">
        <v>45646</v>
      </c>
      <c r="F32025" s="14" t="s">
        <v>15</v>
      </c>
      <c r="G32025" s="16">
        <v>0</v>
      </c>
    </row>
    <row r="32026" spans="1:7" x14ac:dyDescent="0.3">
      <c r="A32026" s="13" t="s">
        <v>198</v>
      </c>
      <c r="B32026" s="14" t="s">
        <v>1</v>
      </c>
      <c r="C32026" s="14" t="s">
        <v>109</v>
      </c>
      <c r="D32026" s="14" t="s">
        <v>114</v>
      </c>
      <c r="E32026" s="15">
        <v>45647</v>
      </c>
      <c r="F32026" s="14" t="s">
        <v>15</v>
      </c>
      <c r="G32026" s="16">
        <v>0</v>
      </c>
    </row>
    <row r="32027" spans="1:7" x14ac:dyDescent="0.3">
      <c r="A32027" s="13" t="s">
        <v>198</v>
      </c>
      <c r="B32027" s="14" t="s">
        <v>1</v>
      </c>
      <c r="C32027" s="14" t="s">
        <v>109</v>
      </c>
      <c r="D32027" s="14" t="s">
        <v>114</v>
      </c>
      <c r="E32027" s="15">
        <v>45648</v>
      </c>
      <c r="F32027" s="14" t="s">
        <v>15</v>
      </c>
      <c r="G32027" s="16">
        <v>0</v>
      </c>
    </row>
    <row r="32028" spans="1:7" x14ac:dyDescent="0.3">
      <c r="A32028" s="13" t="s">
        <v>198</v>
      </c>
      <c r="B32028" s="14" t="s">
        <v>1</v>
      </c>
      <c r="C32028" s="14" t="s">
        <v>109</v>
      </c>
      <c r="D32028" s="14" t="s">
        <v>114</v>
      </c>
      <c r="E32028" s="15">
        <v>45649</v>
      </c>
      <c r="F32028" s="14" t="s">
        <v>15</v>
      </c>
      <c r="G32028" s="16">
        <v>0</v>
      </c>
    </row>
    <row r="32029" spans="1:7" x14ac:dyDescent="0.3">
      <c r="A32029" s="13" t="s">
        <v>198</v>
      </c>
      <c r="B32029" s="14" t="s">
        <v>1</v>
      </c>
      <c r="C32029" s="14" t="s">
        <v>109</v>
      </c>
      <c r="D32029" s="14" t="s">
        <v>114</v>
      </c>
      <c r="E32029" s="15">
        <v>45650</v>
      </c>
      <c r="F32029" s="14" t="s">
        <v>15</v>
      </c>
      <c r="G32029" s="16">
        <v>0</v>
      </c>
    </row>
    <row r="32030" spans="1:7" x14ac:dyDescent="0.3">
      <c r="A32030" s="13" t="s">
        <v>198</v>
      </c>
      <c r="B32030" s="14" t="s">
        <v>1</v>
      </c>
      <c r="C32030" s="14" t="s">
        <v>109</v>
      </c>
      <c r="D32030" s="14" t="s">
        <v>114</v>
      </c>
      <c r="E32030" s="15">
        <v>45651</v>
      </c>
      <c r="F32030" s="14" t="s">
        <v>15</v>
      </c>
      <c r="G32030" s="16">
        <v>0</v>
      </c>
    </row>
    <row r="32031" spans="1:7" x14ac:dyDescent="0.3">
      <c r="A32031" s="13" t="s">
        <v>198</v>
      </c>
      <c r="B32031" s="14" t="s">
        <v>1</v>
      </c>
      <c r="C32031" s="14" t="s">
        <v>109</v>
      </c>
      <c r="D32031" s="14" t="s">
        <v>114</v>
      </c>
      <c r="E32031" s="15">
        <v>45652</v>
      </c>
      <c r="F32031" s="14" t="s">
        <v>15</v>
      </c>
      <c r="G32031" s="16">
        <v>0</v>
      </c>
    </row>
    <row r="32032" spans="1:7" x14ac:dyDescent="0.3">
      <c r="A32032" s="13" t="s">
        <v>198</v>
      </c>
      <c r="B32032" s="14" t="s">
        <v>1</v>
      </c>
      <c r="C32032" s="14" t="s">
        <v>109</v>
      </c>
      <c r="D32032" s="14" t="s">
        <v>114</v>
      </c>
      <c r="E32032" s="15">
        <v>45653</v>
      </c>
      <c r="F32032" s="14" t="s">
        <v>15</v>
      </c>
      <c r="G32032" s="16">
        <v>0</v>
      </c>
    </row>
    <row r="32033" spans="1:7" x14ac:dyDescent="0.3">
      <c r="A32033" s="13" t="s">
        <v>198</v>
      </c>
      <c r="B32033" s="14" t="s">
        <v>1</v>
      </c>
      <c r="C32033" s="14" t="s">
        <v>109</v>
      </c>
      <c r="D32033" s="14" t="s">
        <v>114</v>
      </c>
      <c r="E32033" s="15">
        <v>45654</v>
      </c>
      <c r="F32033" s="14" t="s">
        <v>15</v>
      </c>
      <c r="G32033" s="16">
        <v>0</v>
      </c>
    </row>
    <row r="32034" spans="1:7" x14ac:dyDescent="0.3">
      <c r="A32034" s="13" t="s">
        <v>198</v>
      </c>
      <c r="B32034" s="14" t="s">
        <v>1</v>
      </c>
      <c r="C32034" s="14" t="s">
        <v>109</v>
      </c>
      <c r="D32034" s="14" t="s">
        <v>114</v>
      </c>
      <c r="E32034" s="15">
        <v>45655</v>
      </c>
      <c r="F32034" s="14" t="s">
        <v>15</v>
      </c>
      <c r="G32034" s="16">
        <v>0</v>
      </c>
    </row>
    <row r="32035" spans="1:7" x14ac:dyDescent="0.3">
      <c r="A32035" s="13" t="s">
        <v>198</v>
      </c>
      <c r="B32035" s="14" t="s">
        <v>1</v>
      </c>
      <c r="C32035" s="14" t="s">
        <v>109</v>
      </c>
      <c r="D32035" s="14" t="s">
        <v>114</v>
      </c>
      <c r="E32035" s="15">
        <v>45656</v>
      </c>
      <c r="F32035" s="14" t="s">
        <v>15</v>
      </c>
      <c r="G32035" s="16">
        <v>0</v>
      </c>
    </row>
    <row r="32036" spans="1:7" x14ac:dyDescent="0.3">
      <c r="A32036" s="13" t="s">
        <v>198</v>
      </c>
      <c r="B32036" s="14" t="s">
        <v>1</v>
      </c>
      <c r="C32036" s="14" t="s">
        <v>109</v>
      </c>
      <c r="D32036" s="14" t="s">
        <v>114</v>
      </c>
      <c r="E32036" s="15">
        <v>45657</v>
      </c>
      <c r="F32036" s="14" t="s">
        <v>15</v>
      </c>
      <c r="G32036" s="16">
        <v>0</v>
      </c>
    </row>
    <row r="32037" spans="1:7" x14ac:dyDescent="0.3">
      <c r="A32037" s="13" t="s">
        <v>198</v>
      </c>
      <c r="B32037" s="14" t="s">
        <v>1</v>
      </c>
      <c r="C32037" s="14" t="s">
        <v>109</v>
      </c>
      <c r="D32037" s="14" t="s">
        <v>114</v>
      </c>
      <c r="E32037" s="15">
        <v>45658</v>
      </c>
      <c r="F32037" s="14" t="s">
        <v>15</v>
      </c>
      <c r="G32037" s="16">
        <v>0</v>
      </c>
    </row>
    <row r="32038" spans="1:7" x14ac:dyDescent="0.3">
      <c r="A32038" s="13" t="s">
        <v>198</v>
      </c>
      <c r="B32038" s="14" t="s">
        <v>1</v>
      </c>
      <c r="C32038" s="14" t="s">
        <v>109</v>
      </c>
      <c r="D32038" s="14" t="s">
        <v>114</v>
      </c>
      <c r="E32038" s="15">
        <v>45659</v>
      </c>
      <c r="F32038" s="14" t="s">
        <v>15</v>
      </c>
      <c r="G32038" s="16">
        <v>0</v>
      </c>
    </row>
    <row r="32039" spans="1:7" x14ac:dyDescent="0.3">
      <c r="A32039" s="13" t="s">
        <v>198</v>
      </c>
      <c r="B32039" s="14" t="s">
        <v>1</v>
      </c>
      <c r="C32039" s="14" t="s">
        <v>109</v>
      </c>
      <c r="D32039" s="14" t="s">
        <v>114</v>
      </c>
      <c r="E32039" s="15">
        <v>45660</v>
      </c>
      <c r="F32039" s="14" t="s">
        <v>15</v>
      </c>
      <c r="G32039" s="16">
        <v>0</v>
      </c>
    </row>
    <row r="32040" spans="1:7" x14ac:dyDescent="0.3">
      <c r="A32040" s="13" t="s">
        <v>198</v>
      </c>
      <c r="B32040" s="14" t="s">
        <v>1</v>
      </c>
      <c r="C32040" s="14" t="s">
        <v>109</v>
      </c>
      <c r="D32040" s="14" t="s">
        <v>114</v>
      </c>
      <c r="E32040" s="15">
        <v>45661</v>
      </c>
      <c r="F32040" s="14" t="s">
        <v>15</v>
      </c>
      <c r="G32040" s="16">
        <v>0</v>
      </c>
    </row>
    <row r="32041" spans="1:7" x14ac:dyDescent="0.3">
      <c r="A32041" s="13" t="s">
        <v>198</v>
      </c>
      <c r="B32041" s="14" t="s">
        <v>1</v>
      </c>
      <c r="C32041" s="14" t="s">
        <v>109</v>
      </c>
      <c r="D32041" s="14" t="s">
        <v>114</v>
      </c>
      <c r="E32041" s="15">
        <v>45662</v>
      </c>
      <c r="F32041" s="14" t="s">
        <v>15</v>
      </c>
      <c r="G32041" s="16">
        <v>0</v>
      </c>
    </row>
    <row r="32042" spans="1:7" x14ac:dyDescent="0.3">
      <c r="A32042" s="13" t="s">
        <v>198</v>
      </c>
      <c r="B32042" s="14" t="s">
        <v>1</v>
      </c>
      <c r="C32042" s="14" t="s">
        <v>109</v>
      </c>
      <c r="D32042" s="14" t="s">
        <v>114</v>
      </c>
      <c r="E32042" s="15">
        <v>45663</v>
      </c>
      <c r="F32042" s="14" t="s">
        <v>15</v>
      </c>
      <c r="G32042" s="16">
        <v>0</v>
      </c>
    </row>
    <row r="32043" spans="1:7" x14ac:dyDescent="0.3">
      <c r="A32043" s="13" t="s">
        <v>198</v>
      </c>
      <c r="B32043" s="14" t="s">
        <v>1</v>
      </c>
      <c r="C32043" s="14" t="s">
        <v>109</v>
      </c>
      <c r="D32043" s="14" t="s">
        <v>114</v>
      </c>
      <c r="E32043" s="15">
        <v>45664</v>
      </c>
      <c r="F32043" s="14" t="s">
        <v>15</v>
      </c>
      <c r="G32043" s="16">
        <v>0</v>
      </c>
    </row>
    <row r="32044" spans="1:7" x14ac:dyDescent="0.3">
      <c r="A32044" s="13" t="s">
        <v>198</v>
      </c>
      <c r="B32044" s="14" t="s">
        <v>1</v>
      </c>
      <c r="C32044" s="14" t="s">
        <v>109</v>
      </c>
      <c r="D32044" s="14" t="s">
        <v>114</v>
      </c>
      <c r="E32044" s="15">
        <v>45665</v>
      </c>
      <c r="F32044" s="14" t="s">
        <v>15</v>
      </c>
      <c r="G32044" s="16">
        <v>0</v>
      </c>
    </row>
    <row r="32045" spans="1:7" x14ac:dyDescent="0.3">
      <c r="A32045" s="13" t="s">
        <v>198</v>
      </c>
      <c r="B32045" s="14" t="s">
        <v>1</v>
      </c>
      <c r="C32045" s="14" t="s">
        <v>109</v>
      </c>
      <c r="D32045" s="14" t="s">
        <v>114</v>
      </c>
      <c r="E32045" s="15">
        <v>45666</v>
      </c>
      <c r="F32045" s="14" t="s">
        <v>15</v>
      </c>
      <c r="G32045" s="16">
        <v>0</v>
      </c>
    </row>
    <row r="32046" spans="1:7" x14ac:dyDescent="0.3">
      <c r="A32046" s="13" t="s">
        <v>198</v>
      </c>
      <c r="B32046" s="14" t="s">
        <v>1</v>
      </c>
      <c r="C32046" s="14" t="s">
        <v>109</v>
      </c>
      <c r="D32046" s="14" t="s">
        <v>114</v>
      </c>
      <c r="E32046" s="15">
        <v>45667</v>
      </c>
      <c r="F32046" s="14" t="s">
        <v>15</v>
      </c>
      <c r="G32046" s="16">
        <v>0</v>
      </c>
    </row>
    <row r="32047" spans="1:7" x14ac:dyDescent="0.3">
      <c r="A32047" s="13" t="s">
        <v>198</v>
      </c>
      <c r="B32047" s="14" t="s">
        <v>1</v>
      </c>
      <c r="C32047" s="14" t="s">
        <v>109</v>
      </c>
      <c r="D32047" s="14" t="s">
        <v>114</v>
      </c>
      <c r="E32047" s="15">
        <v>45668</v>
      </c>
      <c r="F32047" s="14" t="s">
        <v>15</v>
      </c>
      <c r="G32047" s="16">
        <v>0</v>
      </c>
    </row>
    <row r="32048" spans="1:7" x14ac:dyDescent="0.3">
      <c r="A32048" s="13" t="s">
        <v>198</v>
      </c>
      <c r="B32048" s="14" t="s">
        <v>1</v>
      </c>
      <c r="C32048" s="14" t="s">
        <v>109</v>
      </c>
      <c r="D32048" s="14" t="s">
        <v>114</v>
      </c>
      <c r="E32048" s="15">
        <v>45669</v>
      </c>
      <c r="F32048" s="14" t="s">
        <v>15</v>
      </c>
      <c r="G32048" s="16">
        <v>0</v>
      </c>
    </row>
    <row r="32049" spans="1:7" x14ac:dyDescent="0.3">
      <c r="A32049" s="13" t="s">
        <v>198</v>
      </c>
      <c r="B32049" s="14" t="s">
        <v>1</v>
      </c>
      <c r="C32049" s="14" t="s">
        <v>109</v>
      </c>
      <c r="D32049" s="14" t="s">
        <v>114</v>
      </c>
      <c r="E32049" s="15">
        <v>45670</v>
      </c>
      <c r="F32049" s="14" t="s">
        <v>15</v>
      </c>
      <c r="G32049" s="16">
        <v>0</v>
      </c>
    </row>
    <row r="32050" spans="1:7" x14ac:dyDescent="0.3">
      <c r="A32050" s="13" t="s">
        <v>198</v>
      </c>
      <c r="B32050" s="14" t="s">
        <v>1</v>
      </c>
      <c r="C32050" s="14" t="s">
        <v>109</v>
      </c>
      <c r="D32050" s="14" t="s">
        <v>114</v>
      </c>
      <c r="E32050" s="15">
        <v>45671</v>
      </c>
      <c r="F32050" s="14" t="s">
        <v>15</v>
      </c>
      <c r="G32050" s="16">
        <v>0</v>
      </c>
    </row>
    <row r="32051" spans="1:7" x14ac:dyDescent="0.3">
      <c r="A32051" s="13" t="s">
        <v>198</v>
      </c>
      <c r="B32051" s="14" t="s">
        <v>1</v>
      </c>
      <c r="C32051" s="14" t="s">
        <v>109</v>
      </c>
      <c r="D32051" s="14" t="s">
        <v>114</v>
      </c>
      <c r="E32051" s="15">
        <v>45672</v>
      </c>
      <c r="F32051" s="14" t="s">
        <v>15</v>
      </c>
      <c r="G32051" s="16">
        <v>0</v>
      </c>
    </row>
    <row r="32052" spans="1:7" x14ac:dyDescent="0.3">
      <c r="A32052" s="13" t="s">
        <v>198</v>
      </c>
      <c r="B32052" s="14" t="s">
        <v>1</v>
      </c>
      <c r="C32052" s="14" t="s">
        <v>109</v>
      </c>
      <c r="D32052" s="14" t="s">
        <v>114</v>
      </c>
      <c r="E32052" s="15">
        <v>45673</v>
      </c>
      <c r="F32052" s="14" t="s">
        <v>15</v>
      </c>
      <c r="G32052" s="16">
        <v>0</v>
      </c>
    </row>
    <row r="32053" spans="1:7" x14ac:dyDescent="0.3">
      <c r="A32053" s="13" t="s">
        <v>198</v>
      </c>
      <c r="B32053" s="14" t="s">
        <v>1</v>
      </c>
      <c r="C32053" s="14" t="s">
        <v>109</v>
      </c>
      <c r="D32053" s="14" t="s">
        <v>114</v>
      </c>
      <c r="E32053" s="15">
        <v>45674</v>
      </c>
      <c r="F32053" s="14" t="s">
        <v>15</v>
      </c>
      <c r="G32053" s="16">
        <v>0</v>
      </c>
    </row>
    <row r="32054" spans="1:7" x14ac:dyDescent="0.3">
      <c r="A32054" s="13" t="s">
        <v>198</v>
      </c>
      <c r="B32054" s="14" t="s">
        <v>1</v>
      </c>
      <c r="C32054" s="14" t="s">
        <v>109</v>
      </c>
      <c r="D32054" s="14" t="s">
        <v>114</v>
      </c>
      <c r="E32054" s="15">
        <v>45675</v>
      </c>
      <c r="F32054" s="14" t="s">
        <v>15</v>
      </c>
      <c r="G32054" s="16">
        <v>0</v>
      </c>
    </row>
    <row r="32055" spans="1:7" x14ac:dyDescent="0.3">
      <c r="A32055" s="13" t="s">
        <v>198</v>
      </c>
      <c r="B32055" s="14" t="s">
        <v>1</v>
      </c>
      <c r="C32055" s="14" t="s">
        <v>109</v>
      </c>
      <c r="D32055" s="14" t="s">
        <v>114</v>
      </c>
      <c r="E32055" s="15">
        <v>45676</v>
      </c>
      <c r="F32055" s="14" t="s">
        <v>15</v>
      </c>
      <c r="G32055" s="16">
        <v>0</v>
      </c>
    </row>
    <row r="32056" spans="1:7" x14ac:dyDescent="0.3">
      <c r="A32056" s="13" t="s">
        <v>198</v>
      </c>
      <c r="B32056" s="14" t="s">
        <v>1</v>
      </c>
      <c r="C32056" s="14" t="s">
        <v>109</v>
      </c>
      <c r="D32056" s="14" t="s">
        <v>114</v>
      </c>
      <c r="E32056" s="15">
        <v>45677</v>
      </c>
      <c r="F32056" s="14" t="s">
        <v>15</v>
      </c>
      <c r="G32056" s="16">
        <v>0</v>
      </c>
    </row>
    <row r="32057" spans="1:7" x14ac:dyDescent="0.3">
      <c r="A32057" s="13" t="s">
        <v>198</v>
      </c>
      <c r="B32057" s="14" t="s">
        <v>1</v>
      </c>
      <c r="C32057" s="14" t="s">
        <v>109</v>
      </c>
      <c r="D32057" s="14" t="s">
        <v>114</v>
      </c>
      <c r="E32057" s="15">
        <v>45678</v>
      </c>
      <c r="F32057" s="14" t="s">
        <v>15</v>
      </c>
      <c r="G32057" s="16">
        <v>0</v>
      </c>
    </row>
    <row r="32058" spans="1:7" x14ac:dyDescent="0.3">
      <c r="A32058" s="13" t="s">
        <v>198</v>
      </c>
      <c r="B32058" s="14" t="s">
        <v>1</v>
      </c>
      <c r="C32058" s="14" t="s">
        <v>109</v>
      </c>
      <c r="D32058" s="14" t="s">
        <v>114</v>
      </c>
      <c r="E32058" s="15">
        <v>45679</v>
      </c>
      <c r="F32058" s="14" t="s">
        <v>15</v>
      </c>
      <c r="G32058" s="16">
        <v>0</v>
      </c>
    </row>
    <row r="32059" spans="1:7" x14ac:dyDescent="0.3">
      <c r="A32059" s="13" t="s">
        <v>198</v>
      </c>
      <c r="B32059" s="14" t="s">
        <v>1</v>
      </c>
      <c r="C32059" s="14" t="s">
        <v>109</v>
      </c>
      <c r="D32059" s="14" t="s">
        <v>114</v>
      </c>
      <c r="E32059" s="15">
        <v>45680</v>
      </c>
      <c r="F32059" s="14" t="s">
        <v>15</v>
      </c>
      <c r="G32059" s="16">
        <v>0</v>
      </c>
    </row>
    <row r="32060" spans="1:7" x14ac:dyDescent="0.3">
      <c r="A32060" s="13" t="s">
        <v>198</v>
      </c>
      <c r="B32060" s="14" t="s">
        <v>1</v>
      </c>
      <c r="C32060" s="14" t="s">
        <v>109</v>
      </c>
      <c r="D32060" s="14" t="s">
        <v>114</v>
      </c>
      <c r="E32060" s="15">
        <v>45681</v>
      </c>
      <c r="F32060" s="14" t="s">
        <v>15</v>
      </c>
      <c r="G32060" s="16">
        <v>0</v>
      </c>
    </row>
    <row r="32061" spans="1:7" x14ac:dyDescent="0.3">
      <c r="A32061" s="13" t="s">
        <v>198</v>
      </c>
      <c r="B32061" s="14" t="s">
        <v>1</v>
      </c>
      <c r="C32061" s="14" t="s">
        <v>109</v>
      </c>
      <c r="D32061" s="14" t="s">
        <v>114</v>
      </c>
      <c r="E32061" s="15">
        <v>45682</v>
      </c>
      <c r="F32061" s="14" t="s">
        <v>15</v>
      </c>
      <c r="G32061" s="16">
        <v>0</v>
      </c>
    </row>
    <row r="32062" spans="1:7" x14ac:dyDescent="0.3">
      <c r="A32062" s="13" t="s">
        <v>198</v>
      </c>
      <c r="B32062" s="14" t="s">
        <v>1</v>
      </c>
      <c r="C32062" s="14" t="s">
        <v>109</v>
      </c>
      <c r="D32062" s="14" t="s">
        <v>114</v>
      </c>
      <c r="E32062" s="15">
        <v>45683</v>
      </c>
      <c r="F32062" s="14" t="s">
        <v>15</v>
      </c>
      <c r="G32062" s="16">
        <v>0</v>
      </c>
    </row>
    <row r="32063" spans="1:7" x14ac:dyDescent="0.3">
      <c r="A32063" s="13" t="s">
        <v>198</v>
      </c>
      <c r="B32063" s="14" t="s">
        <v>1</v>
      </c>
      <c r="C32063" s="14" t="s">
        <v>109</v>
      </c>
      <c r="D32063" s="14" t="s">
        <v>114</v>
      </c>
      <c r="E32063" s="15">
        <v>45684</v>
      </c>
      <c r="F32063" s="14" t="s">
        <v>15</v>
      </c>
      <c r="G32063" s="16">
        <v>0</v>
      </c>
    </row>
    <row r="32064" spans="1:7" x14ac:dyDescent="0.3">
      <c r="A32064" s="13" t="s">
        <v>198</v>
      </c>
      <c r="B32064" s="14" t="s">
        <v>1</v>
      </c>
      <c r="C32064" s="14" t="s">
        <v>109</v>
      </c>
      <c r="D32064" s="14" t="s">
        <v>114</v>
      </c>
      <c r="E32064" s="15">
        <v>45685</v>
      </c>
      <c r="F32064" s="14" t="s">
        <v>15</v>
      </c>
      <c r="G32064" s="16">
        <v>0</v>
      </c>
    </row>
    <row r="32065" spans="1:7" x14ac:dyDescent="0.3">
      <c r="A32065" s="13" t="s">
        <v>198</v>
      </c>
      <c r="B32065" s="14" t="s">
        <v>1</v>
      </c>
      <c r="C32065" s="14" t="s">
        <v>109</v>
      </c>
      <c r="D32065" s="14" t="s">
        <v>114</v>
      </c>
      <c r="E32065" s="15">
        <v>45686</v>
      </c>
      <c r="F32065" s="14" t="s">
        <v>15</v>
      </c>
      <c r="G32065" s="16">
        <v>0</v>
      </c>
    </row>
    <row r="32066" spans="1:7" x14ac:dyDescent="0.3">
      <c r="A32066" s="13" t="s">
        <v>198</v>
      </c>
      <c r="B32066" s="14" t="s">
        <v>1</v>
      </c>
      <c r="C32066" s="14" t="s">
        <v>109</v>
      </c>
      <c r="D32066" s="14" t="s">
        <v>114</v>
      </c>
      <c r="E32066" s="15">
        <v>45687</v>
      </c>
      <c r="F32066" s="14" t="s">
        <v>15</v>
      </c>
      <c r="G32066" s="16">
        <v>0</v>
      </c>
    </row>
    <row r="32067" spans="1:7" x14ac:dyDescent="0.3">
      <c r="A32067" s="13" t="s">
        <v>198</v>
      </c>
      <c r="B32067" s="14" t="s">
        <v>1</v>
      </c>
      <c r="C32067" s="14" t="s">
        <v>109</v>
      </c>
      <c r="D32067" s="14" t="s">
        <v>114</v>
      </c>
      <c r="E32067" s="15">
        <v>45688</v>
      </c>
      <c r="F32067" s="14" t="s">
        <v>15</v>
      </c>
      <c r="G32067" s="16">
        <v>0</v>
      </c>
    </row>
    <row r="32068" spans="1:7" x14ac:dyDescent="0.3">
      <c r="A32068" s="13" t="s">
        <v>198</v>
      </c>
      <c r="B32068" s="14" t="s">
        <v>1</v>
      </c>
      <c r="C32068" s="14" t="s">
        <v>109</v>
      </c>
      <c r="D32068" s="14" t="s">
        <v>114</v>
      </c>
      <c r="E32068" s="15">
        <v>45689</v>
      </c>
      <c r="F32068" s="14" t="s">
        <v>15</v>
      </c>
      <c r="G32068" s="16">
        <v>0</v>
      </c>
    </row>
    <row r="32069" spans="1:7" x14ac:dyDescent="0.3">
      <c r="A32069" s="13" t="s">
        <v>198</v>
      </c>
      <c r="B32069" s="14" t="s">
        <v>1</v>
      </c>
      <c r="C32069" s="14" t="s">
        <v>109</v>
      </c>
      <c r="D32069" s="14" t="s">
        <v>114</v>
      </c>
      <c r="E32069" s="15">
        <v>45690</v>
      </c>
      <c r="F32069" s="14" t="s">
        <v>15</v>
      </c>
      <c r="G32069" s="16">
        <v>0</v>
      </c>
    </row>
    <row r="32070" spans="1:7" x14ac:dyDescent="0.3">
      <c r="A32070" s="13" t="s">
        <v>198</v>
      </c>
      <c r="B32070" s="14" t="s">
        <v>1</v>
      </c>
      <c r="C32070" s="14" t="s">
        <v>109</v>
      </c>
      <c r="D32070" s="14" t="s">
        <v>114</v>
      </c>
      <c r="E32070" s="15">
        <v>45691</v>
      </c>
      <c r="F32070" s="14" t="s">
        <v>15</v>
      </c>
      <c r="G32070" s="16">
        <v>0</v>
      </c>
    </row>
    <row r="32071" spans="1:7" x14ac:dyDescent="0.3">
      <c r="A32071" s="13" t="s">
        <v>198</v>
      </c>
      <c r="B32071" s="14" t="s">
        <v>1</v>
      </c>
      <c r="C32071" s="14" t="s">
        <v>109</v>
      </c>
      <c r="D32071" s="14" t="s">
        <v>114</v>
      </c>
      <c r="E32071" s="15">
        <v>45692</v>
      </c>
      <c r="F32071" s="14" t="s">
        <v>15</v>
      </c>
      <c r="G32071" s="16">
        <v>0</v>
      </c>
    </row>
    <row r="32072" spans="1:7" x14ac:dyDescent="0.3">
      <c r="A32072" s="13" t="s">
        <v>198</v>
      </c>
      <c r="B32072" s="14" t="s">
        <v>1</v>
      </c>
      <c r="C32072" s="14" t="s">
        <v>109</v>
      </c>
      <c r="D32072" s="14" t="s">
        <v>114</v>
      </c>
      <c r="E32072" s="15">
        <v>45693</v>
      </c>
      <c r="F32072" s="14" t="s">
        <v>15</v>
      </c>
      <c r="G32072" s="16">
        <v>0</v>
      </c>
    </row>
    <row r="32073" spans="1:7" x14ac:dyDescent="0.3">
      <c r="A32073" s="13" t="s">
        <v>198</v>
      </c>
      <c r="B32073" s="14" t="s">
        <v>1</v>
      </c>
      <c r="C32073" s="14" t="s">
        <v>109</v>
      </c>
      <c r="D32073" s="14" t="s">
        <v>114</v>
      </c>
      <c r="E32073" s="15">
        <v>45694</v>
      </c>
      <c r="F32073" s="14" t="s">
        <v>15</v>
      </c>
      <c r="G32073" s="16">
        <v>0</v>
      </c>
    </row>
    <row r="32074" spans="1:7" x14ac:dyDescent="0.3">
      <c r="A32074" s="13" t="s">
        <v>198</v>
      </c>
      <c r="B32074" s="14" t="s">
        <v>1</v>
      </c>
      <c r="C32074" s="14" t="s">
        <v>109</v>
      </c>
      <c r="D32074" s="14" t="s">
        <v>114</v>
      </c>
      <c r="E32074" s="15">
        <v>45695</v>
      </c>
      <c r="F32074" s="14" t="s">
        <v>15</v>
      </c>
      <c r="G32074" s="16">
        <v>0</v>
      </c>
    </row>
    <row r="32075" spans="1:7" x14ac:dyDescent="0.3">
      <c r="A32075" s="13" t="s">
        <v>198</v>
      </c>
      <c r="B32075" s="14" t="s">
        <v>1</v>
      </c>
      <c r="C32075" s="14" t="s">
        <v>109</v>
      </c>
      <c r="D32075" s="14" t="s">
        <v>114</v>
      </c>
      <c r="E32075" s="15">
        <v>45696</v>
      </c>
      <c r="F32075" s="14" t="s">
        <v>15</v>
      </c>
      <c r="G32075" s="16">
        <v>0</v>
      </c>
    </row>
    <row r="32076" spans="1:7" x14ac:dyDescent="0.3">
      <c r="A32076" s="13" t="s">
        <v>198</v>
      </c>
      <c r="B32076" s="14" t="s">
        <v>1</v>
      </c>
      <c r="C32076" s="14" t="s">
        <v>109</v>
      </c>
      <c r="D32076" s="14" t="s">
        <v>114</v>
      </c>
      <c r="E32076" s="15">
        <v>45697</v>
      </c>
      <c r="F32076" s="14" t="s">
        <v>15</v>
      </c>
      <c r="G32076" s="16">
        <v>0</v>
      </c>
    </row>
    <row r="32077" spans="1:7" x14ac:dyDescent="0.3">
      <c r="A32077" s="13" t="s">
        <v>198</v>
      </c>
      <c r="B32077" s="14" t="s">
        <v>1</v>
      </c>
      <c r="C32077" s="14" t="s">
        <v>109</v>
      </c>
      <c r="D32077" s="14" t="s">
        <v>114</v>
      </c>
      <c r="E32077" s="15">
        <v>45698</v>
      </c>
      <c r="F32077" s="14" t="s">
        <v>15</v>
      </c>
      <c r="G32077" s="16">
        <v>0</v>
      </c>
    </row>
    <row r="32078" spans="1:7" x14ac:dyDescent="0.3">
      <c r="A32078" s="13" t="s">
        <v>198</v>
      </c>
      <c r="B32078" s="14" t="s">
        <v>1</v>
      </c>
      <c r="C32078" s="14" t="s">
        <v>109</v>
      </c>
      <c r="D32078" s="14" t="s">
        <v>114</v>
      </c>
      <c r="E32078" s="15">
        <v>45699</v>
      </c>
      <c r="F32078" s="14" t="s">
        <v>15</v>
      </c>
      <c r="G32078" s="16">
        <v>0</v>
      </c>
    </row>
    <row r="32079" spans="1:7" x14ac:dyDescent="0.3">
      <c r="A32079" s="13" t="s">
        <v>198</v>
      </c>
      <c r="B32079" s="14" t="s">
        <v>1</v>
      </c>
      <c r="C32079" s="14" t="s">
        <v>109</v>
      </c>
      <c r="D32079" s="14" t="s">
        <v>114</v>
      </c>
      <c r="E32079" s="15">
        <v>45700</v>
      </c>
      <c r="F32079" s="14" t="s">
        <v>15</v>
      </c>
      <c r="G32079" s="16">
        <v>0</v>
      </c>
    </row>
    <row r="32080" spans="1:7" x14ac:dyDescent="0.3">
      <c r="A32080" s="13" t="s">
        <v>198</v>
      </c>
      <c r="B32080" s="14" t="s">
        <v>1</v>
      </c>
      <c r="C32080" s="14" t="s">
        <v>109</v>
      </c>
      <c r="D32080" s="14" t="s">
        <v>114</v>
      </c>
      <c r="E32080" s="15">
        <v>45701</v>
      </c>
      <c r="F32080" s="14" t="s">
        <v>15</v>
      </c>
      <c r="G32080" s="16">
        <v>0</v>
      </c>
    </row>
    <row r="32081" spans="1:7" x14ac:dyDescent="0.3">
      <c r="A32081" s="13" t="s">
        <v>198</v>
      </c>
      <c r="B32081" s="14" t="s">
        <v>1</v>
      </c>
      <c r="C32081" s="14" t="s">
        <v>109</v>
      </c>
      <c r="D32081" s="14" t="s">
        <v>114</v>
      </c>
      <c r="E32081" s="15">
        <v>45702</v>
      </c>
      <c r="F32081" s="14" t="s">
        <v>15</v>
      </c>
      <c r="G32081" s="16">
        <v>0</v>
      </c>
    </row>
    <row r="32082" spans="1:7" x14ac:dyDescent="0.3">
      <c r="A32082" s="13" t="s">
        <v>198</v>
      </c>
      <c r="B32082" s="14" t="s">
        <v>1</v>
      </c>
      <c r="C32082" s="14" t="s">
        <v>109</v>
      </c>
      <c r="D32082" s="14" t="s">
        <v>114</v>
      </c>
      <c r="E32082" s="15">
        <v>45703</v>
      </c>
      <c r="F32082" s="14" t="s">
        <v>15</v>
      </c>
      <c r="G32082" s="16">
        <v>0</v>
      </c>
    </row>
    <row r="32083" spans="1:7" x14ac:dyDescent="0.3">
      <c r="A32083" s="13" t="s">
        <v>198</v>
      </c>
      <c r="B32083" s="14" t="s">
        <v>1</v>
      </c>
      <c r="C32083" s="14" t="s">
        <v>109</v>
      </c>
      <c r="D32083" s="14" t="s">
        <v>114</v>
      </c>
      <c r="E32083" s="15">
        <v>45704</v>
      </c>
      <c r="F32083" s="14" t="s">
        <v>15</v>
      </c>
      <c r="G32083" s="16">
        <v>0</v>
      </c>
    </row>
    <row r="32084" spans="1:7" x14ac:dyDescent="0.3">
      <c r="A32084" s="13" t="s">
        <v>198</v>
      </c>
      <c r="B32084" s="14" t="s">
        <v>1</v>
      </c>
      <c r="C32084" s="14" t="s">
        <v>109</v>
      </c>
      <c r="D32084" s="14" t="s">
        <v>114</v>
      </c>
      <c r="E32084" s="15">
        <v>45705</v>
      </c>
      <c r="F32084" s="14" t="s">
        <v>15</v>
      </c>
      <c r="G32084" s="16">
        <v>0</v>
      </c>
    </row>
    <row r="32085" spans="1:7" x14ac:dyDescent="0.3">
      <c r="A32085" s="13" t="s">
        <v>198</v>
      </c>
      <c r="B32085" s="14" t="s">
        <v>1</v>
      </c>
      <c r="C32085" s="14" t="s">
        <v>109</v>
      </c>
      <c r="D32085" s="14" t="s">
        <v>114</v>
      </c>
      <c r="E32085" s="15">
        <v>45706</v>
      </c>
      <c r="F32085" s="14" t="s">
        <v>15</v>
      </c>
      <c r="G32085" s="16">
        <v>0</v>
      </c>
    </row>
    <row r="32086" spans="1:7" x14ac:dyDescent="0.3">
      <c r="A32086" s="13" t="s">
        <v>198</v>
      </c>
      <c r="B32086" s="14" t="s">
        <v>1</v>
      </c>
      <c r="C32086" s="14" t="s">
        <v>109</v>
      </c>
      <c r="D32086" s="14" t="s">
        <v>114</v>
      </c>
      <c r="E32086" s="15">
        <v>45707</v>
      </c>
      <c r="F32086" s="14" t="s">
        <v>15</v>
      </c>
      <c r="G32086" s="16">
        <v>0</v>
      </c>
    </row>
    <row r="32087" spans="1:7" x14ac:dyDescent="0.3">
      <c r="A32087" s="13" t="s">
        <v>198</v>
      </c>
      <c r="B32087" s="14" t="s">
        <v>1</v>
      </c>
      <c r="C32087" s="14" t="s">
        <v>109</v>
      </c>
      <c r="D32087" s="14" t="s">
        <v>114</v>
      </c>
      <c r="E32087" s="15">
        <v>45708</v>
      </c>
      <c r="F32087" s="14" t="s">
        <v>15</v>
      </c>
      <c r="G32087" s="16">
        <v>0</v>
      </c>
    </row>
    <row r="32088" spans="1:7" x14ac:dyDescent="0.3">
      <c r="A32088" s="13" t="s">
        <v>198</v>
      </c>
      <c r="B32088" s="14" t="s">
        <v>1</v>
      </c>
      <c r="C32088" s="14" t="s">
        <v>109</v>
      </c>
      <c r="D32088" s="14" t="s">
        <v>114</v>
      </c>
      <c r="E32088" s="15">
        <v>45709</v>
      </c>
      <c r="F32088" s="14" t="s">
        <v>15</v>
      </c>
      <c r="G32088" s="16">
        <v>0</v>
      </c>
    </row>
    <row r="32089" spans="1:7" x14ac:dyDescent="0.3">
      <c r="A32089" s="13" t="s">
        <v>198</v>
      </c>
      <c r="B32089" s="14" t="s">
        <v>1</v>
      </c>
      <c r="C32089" s="14" t="s">
        <v>109</v>
      </c>
      <c r="D32089" s="14" t="s">
        <v>114</v>
      </c>
      <c r="E32089" s="15">
        <v>45710</v>
      </c>
      <c r="F32089" s="14" t="s">
        <v>15</v>
      </c>
      <c r="G32089" s="16">
        <v>0</v>
      </c>
    </row>
    <row r="32090" spans="1:7" x14ac:dyDescent="0.3">
      <c r="A32090" s="13" t="s">
        <v>198</v>
      </c>
      <c r="B32090" s="14" t="s">
        <v>1</v>
      </c>
      <c r="C32090" s="14" t="s">
        <v>109</v>
      </c>
      <c r="D32090" s="14" t="s">
        <v>114</v>
      </c>
      <c r="E32090" s="15">
        <v>45711</v>
      </c>
      <c r="F32090" s="14" t="s">
        <v>15</v>
      </c>
      <c r="G32090" s="16">
        <v>0</v>
      </c>
    </row>
    <row r="32091" spans="1:7" x14ac:dyDescent="0.3">
      <c r="A32091" s="13" t="s">
        <v>198</v>
      </c>
      <c r="B32091" s="14" t="s">
        <v>1</v>
      </c>
      <c r="C32091" s="14" t="s">
        <v>109</v>
      </c>
      <c r="D32091" s="14" t="s">
        <v>114</v>
      </c>
      <c r="E32091" s="15">
        <v>45712</v>
      </c>
      <c r="F32091" s="14" t="s">
        <v>15</v>
      </c>
      <c r="G32091" s="16">
        <v>0</v>
      </c>
    </row>
    <row r="32092" spans="1:7" x14ac:dyDescent="0.3">
      <c r="A32092" s="13" t="s">
        <v>198</v>
      </c>
      <c r="B32092" s="14" t="s">
        <v>1</v>
      </c>
      <c r="C32092" s="14" t="s">
        <v>109</v>
      </c>
      <c r="D32092" s="14" t="s">
        <v>114</v>
      </c>
      <c r="E32092" s="15">
        <v>45713</v>
      </c>
      <c r="F32092" s="14" t="s">
        <v>15</v>
      </c>
      <c r="G32092" s="16">
        <v>0</v>
      </c>
    </row>
    <row r="32093" spans="1:7" x14ac:dyDescent="0.3">
      <c r="A32093" s="13" t="s">
        <v>198</v>
      </c>
      <c r="B32093" s="14" t="s">
        <v>1</v>
      </c>
      <c r="C32093" s="14" t="s">
        <v>109</v>
      </c>
      <c r="D32093" s="14" t="s">
        <v>114</v>
      </c>
      <c r="E32093" s="15">
        <v>45714</v>
      </c>
      <c r="F32093" s="14" t="s">
        <v>15</v>
      </c>
      <c r="G32093" s="16">
        <v>0</v>
      </c>
    </row>
    <row r="32094" spans="1:7" x14ac:dyDescent="0.3">
      <c r="A32094" s="13" t="s">
        <v>198</v>
      </c>
      <c r="B32094" s="14" t="s">
        <v>1</v>
      </c>
      <c r="C32094" s="14" t="s">
        <v>109</v>
      </c>
      <c r="D32094" s="14" t="s">
        <v>114</v>
      </c>
      <c r="E32094" s="15">
        <v>45715</v>
      </c>
      <c r="F32094" s="14" t="s">
        <v>15</v>
      </c>
      <c r="G32094" s="16">
        <v>0</v>
      </c>
    </row>
    <row r="32095" spans="1:7" x14ac:dyDescent="0.3">
      <c r="A32095" s="13" t="s">
        <v>198</v>
      </c>
      <c r="B32095" s="14" t="s">
        <v>1</v>
      </c>
      <c r="C32095" s="14" t="s">
        <v>109</v>
      </c>
      <c r="D32095" s="14" t="s">
        <v>114</v>
      </c>
      <c r="E32095" s="15">
        <v>45716</v>
      </c>
      <c r="F32095" s="14" t="s">
        <v>15</v>
      </c>
      <c r="G32095" s="16">
        <v>0</v>
      </c>
    </row>
    <row r="32096" spans="1:7" x14ac:dyDescent="0.3">
      <c r="A32096" s="13" t="s">
        <v>198</v>
      </c>
      <c r="B32096" s="14" t="s">
        <v>1</v>
      </c>
      <c r="C32096" s="14" t="s">
        <v>109</v>
      </c>
      <c r="D32096" s="14" t="s">
        <v>114</v>
      </c>
      <c r="E32096" s="15">
        <v>45717</v>
      </c>
      <c r="F32096" s="14" t="s">
        <v>15</v>
      </c>
      <c r="G32096" s="16">
        <v>0</v>
      </c>
    </row>
    <row r="32097" spans="1:7" x14ac:dyDescent="0.3">
      <c r="A32097" s="13" t="s">
        <v>198</v>
      </c>
      <c r="B32097" s="14" t="s">
        <v>1</v>
      </c>
      <c r="C32097" s="14" t="s">
        <v>109</v>
      </c>
      <c r="D32097" s="14" t="s">
        <v>114</v>
      </c>
      <c r="E32097" s="15">
        <v>45718</v>
      </c>
      <c r="F32097" s="14" t="s">
        <v>15</v>
      </c>
      <c r="G32097" s="16">
        <v>0</v>
      </c>
    </row>
    <row r="32098" spans="1:7" x14ac:dyDescent="0.3">
      <c r="A32098" s="13" t="s">
        <v>198</v>
      </c>
      <c r="B32098" s="14" t="s">
        <v>1</v>
      </c>
      <c r="C32098" s="14" t="s">
        <v>109</v>
      </c>
      <c r="D32098" s="14" t="s">
        <v>114</v>
      </c>
      <c r="E32098" s="15">
        <v>45719</v>
      </c>
      <c r="F32098" s="14" t="s">
        <v>15</v>
      </c>
      <c r="G32098" s="16">
        <v>0</v>
      </c>
    </row>
    <row r="32099" spans="1:7" x14ac:dyDescent="0.3">
      <c r="A32099" s="13" t="s">
        <v>198</v>
      </c>
      <c r="B32099" s="14" t="s">
        <v>1</v>
      </c>
      <c r="C32099" s="14" t="s">
        <v>109</v>
      </c>
      <c r="D32099" s="14" t="s">
        <v>114</v>
      </c>
      <c r="E32099" s="15">
        <v>45720</v>
      </c>
      <c r="F32099" s="14" t="s">
        <v>15</v>
      </c>
      <c r="G32099" s="16">
        <v>0</v>
      </c>
    </row>
    <row r="32100" spans="1:7" x14ac:dyDescent="0.3">
      <c r="A32100" s="13" t="s">
        <v>198</v>
      </c>
      <c r="B32100" s="14" t="s">
        <v>1</v>
      </c>
      <c r="C32100" s="14" t="s">
        <v>109</v>
      </c>
      <c r="D32100" s="14" t="s">
        <v>114</v>
      </c>
      <c r="E32100" s="15">
        <v>45721</v>
      </c>
      <c r="F32100" s="14" t="s">
        <v>15</v>
      </c>
      <c r="G32100" s="16">
        <v>0</v>
      </c>
    </row>
    <row r="32101" spans="1:7" x14ac:dyDescent="0.3">
      <c r="A32101" s="13" t="s">
        <v>198</v>
      </c>
      <c r="B32101" s="14" t="s">
        <v>1</v>
      </c>
      <c r="C32101" s="14" t="s">
        <v>109</v>
      </c>
      <c r="D32101" s="14" t="s">
        <v>114</v>
      </c>
      <c r="E32101" s="15">
        <v>45722</v>
      </c>
      <c r="F32101" s="14" t="s">
        <v>15</v>
      </c>
      <c r="G32101" s="16">
        <v>0</v>
      </c>
    </row>
    <row r="32102" spans="1:7" x14ac:dyDescent="0.3">
      <c r="A32102" s="13" t="s">
        <v>198</v>
      </c>
      <c r="B32102" s="14" t="s">
        <v>1</v>
      </c>
      <c r="C32102" s="14" t="s">
        <v>109</v>
      </c>
      <c r="D32102" s="14" t="s">
        <v>114</v>
      </c>
      <c r="E32102" s="15">
        <v>45723</v>
      </c>
      <c r="F32102" s="14" t="s">
        <v>15</v>
      </c>
      <c r="G32102" s="16">
        <v>0</v>
      </c>
    </row>
    <row r="32103" spans="1:7" x14ac:dyDescent="0.3">
      <c r="A32103" s="13" t="s">
        <v>198</v>
      </c>
      <c r="B32103" s="14" t="s">
        <v>1</v>
      </c>
      <c r="C32103" s="14" t="s">
        <v>109</v>
      </c>
      <c r="D32103" s="14" t="s">
        <v>114</v>
      </c>
      <c r="E32103" s="15">
        <v>45724</v>
      </c>
      <c r="F32103" s="14" t="s">
        <v>15</v>
      </c>
      <c r="G32103" s="16">
        <v>0</v>
      </c>
    </row>
    <row r="32104" spans="1:7" x14ac:dyDescent="0.3">
      <c r="A32104" s="13" t="s">
        <v>198</v>
      </c>
      <c r="B32104" s="14" t="s">
        <v>1</v>
      </c>
      <c r="C32104" s="14" t="s">
        <v>109</v>
      </c>
      <c r="D32104" s="14" t="s">
        <v>114</v>
      </c>
      <c r="E32104" s="15">
        <v>45725</v>
      </c>
      <c r="F32104" s="14" t="s">
        <v>15</v>
      </c>
      <c r="G32104" s="16">
        <v>0</v>
      </c>
    </row>
    <row r="32105" spans="1:7" x14ac:dyDescent="0.3">
      <c r="A32105" s="13" t="s">
        <v>198</v>
      </c>
      <c r="B32105" s="14" t="s">
        <v>1</v>
      </c>
      <c r="C32105" s="14" t="s">
        <v>109</v>
      </c>
      <c r="D32105" s="14" t="s">
        <v>114</v>
      </c>
      <c r="E32105" s="15">
        <v>45726</v>
      </c>
      <c r="F32105" s="14" t="s">
        <v>15</v>
      </c>
      <c r="G32105" s="16">
        <v>0</v>
      </c>
    </row>
    <row r="32106" spans="1:7" x14ac:dyDescent="0.3">
      <c r="A32106" s="13" t="s">
        <v>198</v>
      </c>
      <c r="B32106" s="14" t="s">
        <v>1</v>
      </c>
      <c r="C32106" s="14" t="s">
        <v>109</v>
      </c>
      <c r="D32106" s="14" t="s">
        <v>114</v>
      </c>
      <c r="E32106" s="15">
        <v>45727</v>
      </c>
      <c r="F32106" s="14" t="s">
        <v>15</v>
      </c>
      <c r="G32106" s="16">
        <v>0</v>
      </c>
    </row>
    <row r="32107" spans="1:7" x14ac:dyDescent="0.3">
      <c r="A32107" s="13" t="s">
        <v>198</v>
      </c>
      <c r="B32107" s="14" t="s">
        <v>1</v>
      </c>
      <c r="C32107" s="14" t="s">
        <v>109</v>
      </c>
      <c r="D32107" s="14" t="s">
        <v>114</v>
      </c>
      <c r="E32107" s="15">
        <v>45728</v>
      </c>
      <c r="F32107" s="14" t="s">
        <v>15</v>
      </c>
      <c r="G32107" s="16">
        <v>0</v>
      </c>
    </row>
    <row r="32108" spans="1:7" x14ac:dyDescent="0.3">
      <c r="A32108" s="13" t="s">
        <v>198</v>
      </c>
      <c r="B32108" s="14" t="s">
        <v>1</v>
      </c>
      <c r="C32108" s="14" t="s">
        <v>109</v>
      </c>
      <c r="D32108" s="14" t="s">
        <v>114</v>
      </c>
      <c r="E32108" s="15">
        <v>45729</v>
      </c>
      <c r="F32108" s="14" t="s">
        <v>15</v>
      </c>
      <c r="G32108" s="16">
        <v>0</v>
      </c>
    </row>
    <row r="32109" spans="1:7" x14ac:dyDescent="0.3">
      <c r="A32109" s="13" t="s">
        <v>198</v>
      </c>
      <c r="B32109" s="14" t="s">
        <v>1</v>
      </c>
      <c r="C32109" s="14" t="s">
        <v>109</v>
      </c>
      <c r="D32109" s="14" t="s">
        <v>114</v>
      </c>
      <c r="E32109" s="15">
        <v>45730</v>
      </c>
      <c r="F32109" s="14" t="s">
        <v>15</v>
      </c>
      <c r="G32109" s="16">
        <v>0</v>
      </c>
    </row>
    <row r="32110" spans="1:7" x14ac:dyDescent="0.3">
      <c r="A32110" s="13" t="s">
        <v>198</v>
      </c>
      <c r="B32110" s="14" t="s">
        <v>1</v>
      </c>
      <c r="C32110" s="14" t="s">
        <v>109</v>
      </c>
      <c r="D32110" s="14" t="s">
        <v>114</v>
      </c>
      <c r="E32110" s="15">
        <v>45731</v>
      </c>
      <c r="F32110" s="14" t="s">
        <v>15</v>
      </c>
      <c r="G32110" s="16">
        <v>0</v>
      </c>
    </row>
    <row r="32111" spans="1:7" x14ac:dyDescent="0.3">
      <c r="A32111" s="13" t="s">
        <v>198</v>
      </c>
      <c r="B32111" s="14" t="s">
        <v>1</v>
      </c>
      <c r="C32111" s="14" t="s">
        <v>109</v>
      </c>
      <c r="D32111" s="14" t="s">
        <v>114</v>
      </c>
      <c r="E32111" s="15">
        <v>45732</v>
      </c>
      <c r="F32111" s="14" t="s">
        <v>15</v>
      </c>
      <c r="G32111" s="16">
        <v>0</v>
      </c>
    </row>
    <row r="32112" spans="1:7" x14ac:dyDescent="0.3">
      <c r="A32112" s="13" t="s">
        <v>198</v>
      </c>
      <c r="B32112" s="14" t="s">
        <v>1</v>
      </c>
      <c r="C32112" s="14" t="s">
        <v>109</v>
      </c>
      <c r="D32112" s="14" t="s">
        <v>114</v>
      </c>
      <c r="E32112" s="15">
        <v>45733</v>
      </c>
      <c r="F32112" s="14" t="s">
        <v>15</v>
      </c>
      <c r="G32112" s="16">
        <v>0</v>
      </c>
    </row>
    <row r="32113" spans="1:7" x14ac:dyDescent="0.3">
      <c r="A32113" s="13" t="s">
        <v>198</v>
      </c>
      <c r="B32113" s="14" t="s">
        <v>1</v>
      </c>
      <c r="C32113" s="14" t="s">
        <v>109</v>
      </c>
      <c r="D32113" s="14" t="s">
        <v>114</v>
      </c>
      <c r="E32113" s="15">
        <v>45734</v>
      </c>
      <c r="F32113" s="14" t="s">
        <v>15</v>
      </c>
      <c r="G32113" s="16">
        <v>0</v>
      </c>
    </row>
    <row r="32114" spans="1:7" x14ac:dyDescent="0.3">
      <c r="A32114" s="13" t="s">
        <v>198</v>
      </c>
      <c r="B32114" s="14" t="s">
        <v>1</v>
      </c>
      <c r="C32114" s="14" t="s">
        <v>109</v>
      </c>
      <c r="D32114" s="14" t="s">
        <v>114</v>
      </c>
      <c r="E32114" s="15">
        <v>45735</v>
      </c>
      <c r="F32114" s="14" t="s">
        <v>15</v>
      </c>
      <c r="G32114" s="16">
        <v>0</v>
      </c>
    </row>
    <row r="32115" spans="1:7" x14ac:dyDescent="0.3">
      <c r="A32115" s="13" t="s">
        <v>198</v>
      </c>
      <c r="B32115" s="14" t="s">
        <v>1</v>
      </c>
      <c r="C32115" s="14" t="s">
        <v>109</v>
      </c>
      <c r="D32115" s="14" t="s">
        <v>114</v>
      </c>
      <c r="E32115" s="15">
        <v>45736</v>
      </c>
      <c r="F32115" s="14" t="s">
        <v>15</v>
      </c>
      <c r="G32115" s="16">
        <v>0</v>
      </c>
    </row>
    <row r="32116" spans="1:7" x14ac:dyDescent="0.3">
      <c r="A32116" s="13" t="s">
        <v>198</v>
      </c>
      <c r="B32116" s="14" t="s">
        <v>1</v>
      </c>
      <c r="C32116" s="14" t="s">
        <v>109</v>
      </c>
      <c r="D32116" s="14" t="s">
        <v>114</v>
      </c>
      <c r="E32116" s="15">
        <v>45737</v>
      </c>
      <c r="F32116" s="14" t="s">
        <v>15</v>
      </c>
      <c r="G32116" s="16">
        <v>0</v>
      </c>
    </row>
    <row r="32117" spans="1:7" x14ac:dyDescent="0.3">
      <c r="A32117" s="13" t="s">
        <v>198</v>
      </c>
      <c r="B32117" s="14" t="s">
        <v>1</v>
      </c>
      <c r="C32117" s="14" t="s">
        <v>109</v>
      </c>
      <c r="D32117" s="14" t="s">
        <v>114</v>
      </c>
      <c r="E32117" s="15">
        <v>45738</v>
      </c>
      <c r="F32117" s="14" t="s">
        <v>15</v>
      </c>
      <c r="G32117" s="16">
        <v>0</v>
      </c>
    </row>
    <row r="32118" spans="1:7" x14ac:dyDescent="0.3">
      <c r="A32118" s="13" t="s">
        <v>198</v>
      </c>
      <c r="B32118" s="14" t="s">
        <v>1</v>
      </c>
      <c r="C32118" s="14" t="s">
        <v>109</v>
      </c>
      <c r="D32118" s="14" t="s">
        <v>114</v>
      </c>
      <c r="E32118" s="15">
        <v>45739</v>
      </c>
      <c r="F32118" s="14" t="s">
        <v>15</v>
      </c>
      <c r="G32118" s="16">
        <v>0</v>
      </c>
    </row>
    <row r="32119" spans="1:7" x14ac:dyDescent="0.3">
      <c r="A32119" s="13" t="s">
        <v>198</v>
      </c>
      <c r="B32119" s="14" t="s">
        <v>1</v>
      </c>
      <c r="C32119" s="14" t="s">
        <v>109</v>
      </c>
      <c r="D32119" s="14" t="s">
        <v>114</v>
      </c>
      <c r="E32119" s="15">
        <v>45740</v>
      </c>
      <c r="F32119" s="14" t="s">
        <v>15</v>
      </c>
      <c r="G32119" s="16">
        <v>0</v>
      </c>
    </row>
    <row r="32120" spans="1:7" x14ac:dyDescent="0.3">
      <c r="A32120" s="13" t="s">
        <v>198</v>
      </c>
      <c r="B32120" s="14" t="s">
        <v>1</v>
      </c>
      <c r="C32120" s="14" t="s">
        <v>109</v>
      </c>
      <c r="D32120" s="14" t="s">
        <v>114</v>
      </c>
      <c r="E32120" s="15">
        <v>45741</v>
      </c>
      <c r="F32120" s="14" t="s">
        <v>15</v>
      </c>
      <c r="G32120" s="16">
        <v>0</v>
      </c>
    </row>
    <row r="32121" spans="1:7" x14ac:dyDescent="0.3">
      <c r="A32121" s="13" t="s">
        <v>198</v>
      </c>
      <c r="B32121" s="14" t="s">
        <v>1</v>
      </c>
      <c r="C32121" s="14" t="s">
        <v>109</v>
      </c>
      <c r="D32121" s="14" t="s">
        <v>114</v>
      </c>
      <c r="E32121" s="15">
        <v>45742</v>
      </c>
      <c r="F32121" s="14" t="s">
        <v>15</v>
      </c>
      <c r="G32121" s="16">
        <v>0</v>
      </c>
    </row>
    <row r="32122" spans="1:7" x14ac:dyDescent="0.3">
      <c r="A32122" s="13" t="s">
        <v>198</v>
      </c>
      <c r="B32122" s="14" t="s">
        <v>1</v>
      </c>
      <c r="C32122" s="14" t="s">
        <v>109</v>
      </c>
      <c r="D32122" s="14" t="s">
        <v>114</v>
      </c>
      <c r="E32122" s="15">
        <v>45743</v>
      </c>
      <c r="F32122" s="14" t="s">
        <v>15</v>
      </c>
      <c r="G32122" s="16">
        <v>0</v>
      </c>
    </row>
    <row r="32123" spans="1:7" x14ac:dyDescent="0.3">
      <c r="A32123" s="13" t="s">
        <v>198</v>
      </c>
      <c r="B32123" s="14" t="s">
        <v>1</v>
      </c>
      <c r="C32123" s="14" t="s">
        <v>109</v>
      </c>
      <c r="D32123" s="14" t="s">
        <v>114</v>
      </c>
      <c r="E32123" s="15">
        <v>45744</v>
      </c>
      <c r="F32123" s="14" t="s">
        <v>15</v>
      </c>
      <c r="G32123" s="16">
        <v>0</v>
      </c>
    </row>
    <row r="32124" spans="1:7" x14ac:dyDescent="0.3">
      <c r="A32124" s="13" t="s">
        <v>198</v>
      </c>
      <c r="B32124" s="14" t="s">
        <v>1</v>
      </c>
      <c r="C32124" s="14" t="s">
        <v>109</v>
      </c>
      <c r="D32124" s="14" t="s">
        <v>114</v>
      </c>
      <c r="E32124" s="15">
        <v>45745</v>
      </c>
      <c r="F32124" s="14" t="s">
        <v>15</v>
      </c>
      <c r="G32124" s="16">
        <v>0</v>
      </c>
    </row>
    <row r="32125" spans="1:7" x14ac:dyDescent="0.3">
      <c r="A32125" s="13" t="s">
        <v>198</v>
      </c>
      <c r="B32125" s="14" t="s">
        <v>1</v>
      </c>
      <c r="C32125" s="14" t="s">
        <v>109</v>
      </c>
      <c r="D32125" s="14" t="s">
        <v>114</v>
      </c>
      <c r="E32125" s="15">
        <v>45746</v>
      </c>
      <c r="F32125" s="14" t="s">
        <v>15</v>
      </c>
      <c r="G32125" s="16">
        <v>0</v>
      </c>
    </row>
    <row r="32126" spans="1:7" x14ac:dyDescent="0.3">
      <c r="A32126" s="13" t="s">
        <v>198</v>
      </c>
      <c r="B32126" s="14" t="s">
        <v>1</v>
      </c>
      <c r="C32126" s="14" t="s">
        <v>109</v>
      </c>
      <c r="D32126" s="14" t="s">
        <v>114</v>
      </c>
      <c r="E32126" s="15">
        <v>45747</v>
      </c>
      <c r="F32126" s="14" t="s">
        <v>15</v>
      </c>
      <c r="G32126" s="16">
        <v>0</v>
      </c>
    </row>
    <row r="32127" spans="1:7" x14ac:dyDescent="0.3">
      <c r="A32127" s="13" t="s">
        <v>199</v>
      </c>
      <c r="B32127" s="14" t="s">
        <v>1</v>
      </c>
      <c r="C32127" s="14" t="s">
        <v>200</v>
      </c>
      <c r="D32127" s="14" t="s">
        <v>52</v>
      </c>
      <c r="E32127" s="15">
        <v>45383</v>
      </c>
      <c r="F32127" s="14" t="s">
        <v>53</v>
      </c>
      <c r="G32127" s="16">
        <v>0</v>
      </c>
    </row>
    <row r="32128" spans="1:7" x14ac:dyDescent="0.3">
      <c r="A32128" s="13" t="s">
        <v>199</v>
      </c>
      <c r="B32128" s="14" t="s">
        <v>1</v>
      </c>
      <c r="C32128" s="14" t="s">
        <v>200</v>
      </c>
      <c r="D32128" s="14" t="s">
        <v>52</v>
      </c>
      <c r="E32128" s="15">
        <v>45384</v>
      </c>
      <c r="F32128" s="14" t="s">
        <v>53</v>
      </c>
      <c r="G32128" s="16">
        <v>0</v>
      </c>
    </row>
    <row r="32129" spans="1:7" x14ac:dyDescent="0.3">
      <c r="A32129" s="13" t="s">
        <v>199</v>
      </c>
      <c r="B32129" s="14" t="s">
        <v>1</v>
      </c>
      <c r="C32129" s="14" t="s">
        <v>200</v>
      </c>
      <c r="D32129" s="14" t="s">
        <v>52</v>
      </c>
      <c r="E32129" s="15">
        <v>45385</v>
      </c>
      <c r="F32129" s="14" t="s">
        <v>53</v>
      </c>
      <c r="G32129" s="16">
        <v>3.974843222179561E-2</v>
      </c>
    </row>
    <row r="32130" spans="1:7" x14ac:dyDescent="0.3">
      <c r="A32130" s="13" t="s">
        <v>199</v>
      </c>
      <c r="B32130" s="14" t="s">
        <v>1</v>
      </c>
      <c r="C32130" s="14" t="s">
        <v>200</v>
      </c>
      <c r="D32130" s="14" t="s">
        <v>52</v>
      </c>
      <c r="E32130" s="15">
        <v>45386</v>
      </c>
      <c r="F32130" s="14" t="s">
        <v>53</v>
      </c>
      <c r="G32130" s="16">
        <v>5.0507955822129615E-2</v>
      </c>
    </row>
    <row r="32131" spans="1:7" x14ac:dyDescent="0.3">
      <c r="A32131" s="13" t="s">
        <v>199</v>
      </c>
      <c r="B32131" s="14" t="s">
        <v>1</v>
      </c>
      <c r="C32131" s="14" t="s">
        <v>200</v>
      </c>
      <c r="D32131" s="14" t="s">
        <v>52</v>
      </c>
      <c r="E32131" s="15">
        <v>45387</v>
      </c>
      <c r="F32131" s="14" t="s">
        <v>53</v>
      </c>
      <c r="G32131" s="16">
        <v>5.90243450382823E-2</v>
      </c>
    </row>
    <row r="32132" spans="1:7" x14ac:dyDescent="0.3">
      <c r="A32132" s="13" t="s">
        <v>199</v>
      </c>
      <c r="B32132" s="14" t="s">
        <v>1</v>
      </c>
      <c r="C32132" s="14" t="s">
        <v>200</v>
      </c>
      <c r="D32132" s="14" t="s">
        <v>52</v>
      </c>
      <c r="E32132" s="15">
        <v>45388</v>
      </c>
      <c r="F32132" s="14" t="s">
        <v>53</v>
      </c>
      <c r="G32132" s="16">
        <v>5.90243450382823E-2</v>
      </c>
    </row>
    <row r="32133" spans="1:7" x14ac:dyDescent="0.3">
      <c r="A32133" s="13" t="s">
        <v>199</v>
      </c>
      <c r="B32133" s="14" t="s">
        <v>1</v>
      </c>
      <c r="C32133" s="14" t="s">
        <v>200</v>
      </c>
      <c r="D32133" s="14" t="s">
        <v>52</v>
      </c>
      <c r="E32133" s="15">
        <v>45389</v>
      </c>
      <c r="F32133" s="14" t="s">
        <v>53</v>
      </c>
      <c r="G32133" s="16">
        <v>5.90243450382823E-2</v>
      </c>
    </row>
    <row r="32134" spans="1:7" x14ac:dyDescent="0.3">
      <c r="A32134" s="13" t="s">
        <v>199</v>
      </c>
      <c r="B32134" s="14" t="s">
        <v>1</v>
      </c>
      <c r="C32134" s="14" t="s">
        <v>200</v>
      </c>
      <c r="D32134" s="14" t="s">
        <v>52</v>
      </c>
      <c r="E32134" s="15">
        <v>45390</v>
      </c>
      <c r="F32134" s="14" t="s">
        <v>53</v>
      </c>
      <c r="G32134" s="16">
        <v>5.9433483455720325E-2</v>
      </c>
    </row>
    <row r="32135" spans="1:7" x14ac:dyDescent="0.3">
      <c r="A32135" s="13" t="s">
        <v>199</v>
      </c>
      <c r="B32135" s="14" t="s">
        <v>1</v>
      </c>
      <c r="C32135" s="14" t="s">
        <v>200</v>
      </c>
      <c r="D32135" s="14" t="s">
        <v>52</v>
      </c>
      <c r="E32135" s="15">
        <v>45391</v>
      </c>
      <c r="F32135" s="14" t="s">
        <v>53</v>
      </c>
      <c r="G32135" s="16">
        <v>8.2332536690262387E-2</v>
      </c>
    </row>
    <row r="32136" spans="1:7" x14ac:dyDescent="0.3">
      <c r="A32136" s="13" t="s">
        <v>199</v>
      </c>
      <c r="B32136" s="14" t="s">
        <v>1</v>
      </c>
      <c r="C32136" s="14" t="s">
        <v>200</v>
      </c>
      <c r="D32136" s="14" t="s">
        <v>52</v>
      </c>
      <c r="E32136" s="15">
        <v>45392</v>
      </c>
      <c r="F32136" s="14" t="s">
        <v>53</v>
      </c>
      <c r="G32136" s="16">
        <v>0.10333419099201339</v>
      </c>
    </row>
    <row r="32137" spans="1:7" x14ac:dyDescent="0.3">
      <c r="A32137" s="13" t="s">
        <v>199</v>
      </c>
      <c r="B32137" s="14" t="s">
        <v>1</v>
      </c>
      <c r="C32137" s="14" t="s">
        <v>200</v>
      </c>
      <c r="D32137" s="14" t="s">
        <v>52</v>
      </c>
      <c r="E32137" s="15">
        <v>45393</v>
      </c>
      <c r="F32137" s="14" t="s">
        <v>53</v>
      </c>
      <c r="G32137" s="16">
        <v>0.13044742618199634</v>
      </c>
    </row>
    <row r="32138" spans="1:7" x14ac:dyDescent="0.3">
      <c r="A32138" s="13" t="s">
        <v>199</v>
      </c>
      <c r="B32138" s="14" t="s">
        <v>1</v>
      </c>
      <c r="C32138" s="14" t="s">
        <v>200</v>
      </c>
      <c r="D32138" s="14" t="s">
        <v>52</v>
      </c>
      <c r="E32138" s="15">
        <v>45394</v>
      </c>
      <c r="F32138" s="14" t="s">
        <v>53</v>
      </c>
      <c r="G32138" s="16">
        <v>0.13731147664971455</v>
      </c>
    </row>
    <row r="32139" spans="1:7" x14ac:dyDescent="0.3">
      <c r="A32139" s="13" t="s">
        <v>199</v>
      </c>
      <c r="B32139" s="14" t="s">
        <v>1</v>
      </c>
      <c r="C32139" s="14" t="s">
        <v>200</v>
      </c>
      <c r="D32139" s="14" t="s">
        <v>52</v>
      </c>
      <c r="E32139" s="15">
        <v>45395</v>
      </c>
      <c r="F32139" s="14" t="s">
        <v>53</v>
      </c>
      <c r="G32139" s="16">
        <v>0.13731147664971455</v>
      </c>
    </row>
    <row r="32140" spans="1:7" x14ac:dyDescent="0.3">
      <c r="A32140" s="13" t="s">
        <v>199</v>
      </c>
      <c r="B32140" s="14" t="s">
        <v>1</v>
      </c>
      <c r="C32140" s="14" t="s">
        <v>200</v>
      </c>
      <c r="D32140" s="14" t="s">
        <v>52</v>
      </c>
      <c r="E32140" s="15">
        <v>45396</v>
      </c>
      <c r="F32140" s="14" t="s">
        <v>53</v>
      </c>
      <c r="G32140" s="16">
        <v>0.13731147664971455</v>
      </c>
    </row>
    <row r="32141" spans="1:7" x14ac:dyDescent="0.3">
      <c r="A32141" s="13" t="s">
        <v>199</v>
      </c>
      <c r="B32141" s="14" t="s">
        <v>1</v>
      </c>
      <c r="C32141" s="14" t="s">
        <v>200</v>
      </c>
      <c r="D32141" s="14" t="s">
        <v>52</v>
      </c>
      <c r="E32141" s="15">
        <v>45397</v>
      </c>
      <c r="F32141" s="14" t="s">
        <v>53</v>
      </c>
      <c r="G32141" s="16">
        <v>0.14618778736698224</v>
      </c>
    </row>
    <row r="32142" spans="1:7" x14ac:dyDescent="0.3">
      <c r="A32142" s="13" t="s">
        <v>199</v>
      </c>
      <c r="B32142" s="14" t="s">
        <v>1</v>
      </c>
      <c r="C32142" s="14" t="s">
        <v>200</v>
      </c>
      <c r="D32142" s="14" t="s">
        <v>52</v>
      </c>
      <c r="E32142" s="15">
        <v>45398</v>
      </c>
      <c r="F32142" s="14" t="s">
        <v>53</v>
      </c>
      <c r="G32142" s="16">
        <v>0.17321047438641657</v>
      </c>
    </row>
    <row r="32143" spans="1:7" x14ac:dyDescent="0.3">
      <c r="A32143" s="13" t="s">
        <v>199</v>
      </c>
      <c r="B32143" s="14" t="s">
        <v>1</v>
      </c>
      <c r="C32143" s="14" t="s">
        <v>200</v>
      </c>
      <c r="D32143" s="14" t="s">
        <v>52</v>
      </c>
      <c r="E32143" s="15">
        <v>45399</v>
      </c>
      <c r="F32143" s="14" t="s">
        <v>53</v>
      </c>
      <c r="G32143" s="16">
        <v>0.18111433933610543</v>
      </c>
    </row>
    <row r="32144" spans="1:7" x14ac:dyDescent="0.3">
      <c r="A32144" s="13" t="s">
        <v>199</v>
      </c>
      <c r="B32144" s="14" t="s">
        <v>1</v>
      </c>
      <c r="C32144" s="14" t="s">
        <v>200</v>
      </c>
      <c r="D32144" s="14" t="s">
        <v>52</v>
      </c>
      <c r="E32144" s="15">
        <v>45400</v>
      </c>
      <c r="F32144" s="14" t="s">
        <v>53</v>
      </c>
      <c r="G32144" s="16">
        <v>0.18955582263387369</v>
      </c>
    </row>
    <row r="32145" spans="1:7" x14ac:dyDescent="0.3">
      <c r="A32145" s="13" t="s">
        <v>199</v>
      </c>
      <c r="B32145" s="14" t="s">
        <v>1</v>
      </c>
      <c r="C32145" s="14" t="s">
        <v>200</v>
      </c>
      <c r="D32145" s="14" t="s">
        <v>52</v>
      </c>
      <c r="E32145" s="15">
        <v>45401</v>
      </c>
      <c r="F32145" s="14" t="s">
        <v>53</v>
      </c>
      <c r="G32145" s="16">
        <v>0.1860726350837868</v>
      </c>
    </row>
    <row r="32146" spans="1:7" x14ac:dyDescent="0.3">
      <c r="A32146" s="13" t="s">
        <v>199</v>
      </c>
      <c r="B32146" s="14" t="s">
        <v>1</v>
      </c>
      <c r="C32146" s="14" t="s">
        <v>200</v>
      </c>
      <c r="D32146" s="14" t="s">
        <v>52</v>
      </c>
      <c r="E32146" s="15">
        <v>45402</v>
      </c>
      <c r="F32146" s="14" t="s">
        <v>53</v>
      </c>
      <c r="G32146" s="16">
        <v>0.1860726350837868</v>
      </c>
    </row>
    <row r="32147" spans="1:7" x14ac:dyDescent="0.3">
      <c r="A32147" s="13" t="s">
        <v>199</v>
      </c>
      <c r="B32147" s="14" t="s">
        <v>1</v>
      </c>
      <c r="C32147" s="14" t="s">
        <v>200</v>
      </c>
      <c r="D32147" s="14" t="s">
        <v>52</v>
      </c>
      <c r="E32147" s="15">
        <v>45403</v>
      </c>
      <c r="F32147" s="14" t="s">
        <v>53</v>
      </c>
      <c r="G32147" s="16">
        <v>0.1860726350837868</v>
      </c>
    </row>
    <row r="32148" spans="1:7" x14ac:dyDescent="0.3">
      <c r="A32148" s="13" t="s">
        <v>199</v>
      </c>
      <c r="B32148" s="14" t="s">
        <v>1</v>
      </c>
      <c r="C32148" s="14" t="s">
        <v>200</v>
      </c>
      <c r="D32148" s="14" t="s">
        <v>52</v>
      </c>
      <c r="E32148" s="15">
        <v>45404</v>
      </c>
      <c r="F32148" s="14" t="s">
        <v>53</v>
      </c>
      <c r="G32148" s="16">
        <v>0.18214252307802029</v>
      </c>
    </row>
    <row r="32149" spans="1:7" x14ac:dyDescent="0.3">
      <c r="A32149" s="13" t="s">
        <v>199</v>
      </c>
      <c r="B32149" s="14" t="s">
        <v>1</v>
      </c>
      <c r="C32149" s="14" t="s">
        <v>200</v>
      </c>
      <c r="D32149" s="14" t="s">
        <v>52</v>
      </c>
      <c r="E32149" s="15">
        <v>45405</v>
      </c>
      <c r="F32149" s="14" t="s">
        <v>53</v>
      </c>
      <c r="G32149" s="16">
        <v>0.20767299145461871</v>
      </c>
    </row>
    <row r="32150" spans="1:7" x14ac:dyDescent="0.3">
      <c r="A32150" s="13" t="s">
        <v>199</v>
      </c>
      <c r="B32150" s="14" t="s">
        <v>1</v>
      </c>
      <c r="C32150" s="14" t="s">
        <v>200</v>
      </c>
      <c r="D32150" s="14" t="s">
        <v>52</v>
      </c>
      <c r="E32150" s="15">
        <v>45406</v>
      </c>
      <c r="F32150" s="14" t="s">
        <v>53</v>
      </c>
      <c r="G32150" s="16">
        <v>0.21729182580843143</v>
      </c>
    </row>
    <row r="32151" spans="1:7" x14ac:dyDescent="0.3">
      <c r="A32151" s="13" t="s">
        <v>199</v>
      </c>
      <c r="B32151" s="14" t="s">
        <v>1</v>
      </c>
      <c r="C32151" s="14" t="s">
        <v>200</v>
      </c>
      <c r="D32151" s="14" t="s">
        <v>52</v>
      </c>
      <c r="E32151" s="15">
        <v>45407</v>
      </c>
      <c r="F32151" s="14" t="s">
        <v>53</v>
      </c>
      <c r="G32151" s="16">
        <v>0.2237982559794551</v>
      </c>
    </row>
    <row r="32152" spans="1:7" x14ac:dyDescent="0.3">
      <c r="A32152" s="13" t="s">
        <v>199</v>
      </c>
      <c r="B32152" s="14" t="s">
        <v>1</v>
      </c>
      <c r="C32152" s="14" t="s">
        <v>200</v>
      </c>
      <c r="D32152" s="14" t="s">
        <v>52</v>
      </c>
      <c r="E32152" s="15">
        <v>45408</v>
      </c>
      <c r="F32152" s="14" t="s">
        <v>53</v>
      </c>
      <c r="G32152" s="16">
        <v>0.23175766934921327</v>
      </c>
    </row>
    <row r="32153" spans="1:7" x14ac:dyDescent="0.3">
      <c r="A32153" s="13" t="s">
        <v>199</v>
      </c>
      <c r="B32153" s="14" t="s">
        <v>1</v>
      </c>
      <c r="C32153" s="14" t="s">
        <v>200</v>
      </c>
      <c r="D32153" s="14" t="s">
        <v>52</v>
      </c>
      <c r="E32153" s="15">
        <v>45409</v>
      </c>
      <c r="F32153" s="14" t="s">
        <v>53</v>
      </c>
      <c r="G32153" s="16">
        <v>0.23175766934921327</v>
      </c>
    </row>
    <row r="32154" spans="1:7" x14ac:dyDescent="0.3">
      <c r="A32154" s="13" t="s">
        <v>199</v>
      </c>
      <c r="B32154" s="14" t="s">
        <v>1</v>
      </c>
      <c r="C32154" s="14" t="s">
        <v>200</v>
      </c>
      <c r="D32154" s="14" t="s">
        <v>52</v>
      </c>
      <c r="E32154" s="15">
        <v>45410</v>
      </c>
      <c r="F32154" s="14" t="s">
        <v>53</v>
      </c>
      <c r="G32154" s="16">
        <v>0.23175766934921327</v>
      </c>
    </row>
    <row r="32155" spans="1:7" x14ac:dyDescent="0.3">
      <c r="A32155" s="13" t="s">
        <v>199</v>
      </c>
      <c r="B32155" s="14" t="s">
        <v>1</v>
      </c>
      <c r="C32155" s="14" t="s">
        <v>200</v>
      </c>
      <c r="D32155" s="14" t="s">
        <v>52</v>
      </c>
      <c r="E32155" s="15">
        <v>45411</v>
      </c>
      <c r="F32155" s="14" t="s">
        <v>53</v>
      </c>
      <c r="G32155" s="16">
        <v>0.23823913028247945</v>
      </c>
    </row>
    <row r="32156" spans="1:7" x14ac:dyDescent="0.3">
      <c r="A32156" s="13" t="s">
        <v>199</v>
      </c>
      <c r="B32156" s="14" t="s">
        <v>1</v>
      </c>
      <c r="C32156" s="14" t="s">
        <v>200</v>
      </c>
      <c r="D32156" s="14" t="s">
        <v>52</v>
      </c>
      <c r="E32156" s="15">
        <v>45412</v>
      </c>
      <c r="F32156" s="14" t="s">
        <v>53</v>
      </c>
      <c r="G32156" s="16">
        <v>0.26197246795468199</v>
      </c>
    </row>
    <row r="32157" spans="1:7" x14ac:dyDescent="0.3">
      <c r="A32157" s="13" t="s">
        <v>199</v>
      </c>
      <c r="B32157" s="14" t="s">
        <v>1</v>
      </c>
      <c r="C32157" s="14" t="s">
        <v>200</v>
      </c>
      <c r="D32157" s="14" t="s">
        <v>52</v>
      </c>
      <c r="E32157" s="15">
        <v>45413</v>
      </c>
      <c r="F32157" s="14" t="s">
        <v>53</v>
      </c>
      <c r="G32157" s="16">
        <v>0.26783355257117536</v>
      </c>
    </row>
    <row r="32158" spans="1:7" x14ac:dyDescent="0.3">
      <c r="A32158" s="13" t="s">
        <v>199</v>
      </c>
      <c r="B32158" s="14" t="s">
        <v>1</v>
      </c>
      <c r="C32158" s="14" t="s">
        <v>200</v>
      </c>
      <c r="D32158" s="14" t="s">
        <v>52</v>
      </c>
      <c r="E32158" s="15">
        <v>45414</v>
      </c>
      <c r="F32158" s="14" t="s">
        <v>53</v>
      </c>
      <c r="G32158" s="16">
        <v>0.27794789474773507</v>
      </c>
    </row>
    <row r="32159" spans="1:7" x14ac:dyDescent="0.3">
      <c r="A32159" s="13" t="s">
        <v>199</v>
      </c>
      <c r="B32159" s="14" t="s">
        <v>1</v>
      </c>
      <c r="C32159" s="14" t="s">
        <v>200</v>
      </c>
      <c r="D32159" s="14" t="s">
        <v>52</v>
      </c>
      <c r="E32159" s="15">
        <v>45415</v>
      </c>
      <c r="F32159" s="14" t="s">
        <v>53</v>
      </c>
      <c r="G32159" s="16">
        <v>0.28491099607207215</v>
      </c>
    </row>
    <row r="32160" spans="1:7" x14ac:dyDescent="0.3">
      <c r="A32160" s="13" t="s">
        <v>199</v>
      </c>
      <c r="B32160" s="14" t="s">
        <v>1</v>
      </c>
      <c r="C32160" s="14" t="s">
        <v>200</v>
      </c>
      <c r="D32160" s="14" t="s">
        <v>52</v>
      </c>
      <c r="E32160" s="15">
        <v>45416</v>
      </c>
      <c r="F32160" s="14" t="s">
        <v>53</v>
      </c>
      <c r="G32160" s="16">
        <v>0.28491099607207215</v>
      </c>
    </row>
    <row r="32161" spans="1:7" x14ac:dyDescent="0.3">
      <c r="A32161" s="13" t="s">
        <v>199</v>
      </c>
      <c r="B32161" s="14" t="s">
        <v>1</v>
      </c>
      <c r="C32161" s="14" t="s">
        <v>200</v>
      </c>
      <c r="D32161" s="14" t="s">
        <v>52</v>
      </c>
      <c r="E32161" s="15">
        <v>45417</v>
      </c>
      <c r="F32161" s="14" t="s">
        <v>53</v>
      </c>
      <c r="G32161" s="16">
        <v>0.28491099607207215</v>
      </c>
    </row>
    <row r="32162" spans="1:7" x14ac:dyDescent="0.3">
      <c r="A32162" s="13" t="s">
        <v>199</v>
      </c>
      <c r="B32162" s="14" t="s">
        <v>1</v>
      </c>
      <c r="C32162" s="14" t="s">
        <v>200</v>
      </c>
      <c r="D32162" s="14" t="s">
        <v>52</v>
      </c>
      <c r="E32162" s="15">
        <v>45418</v>
      </c>
      <c r="F32162" s="14" t="s">
        <v>53</v>
      </c>
      <c r="G32162" s="16">
        <v>0.28491099607207215</v>
      </c>
    </row>
    <row r="32163" spans="1:7" x14ac:dyDescent="0.3">
      <c r="A32163" s="13" t="s">
        <v>199</v>
      </c>
      <c r="B32163" s="14" t="s">
        <v>1</v>
      </c>
      <c r="C32163" s="14" t="s">
        <v>200</v>
      </c>
      <c r="D32163" s="14" t="s">
        <v>52</v>
      </c>
      <c r="E32163" s="15">
        <v>45419</v>
      </c>
      <c r="F32163" s="14" t="s">
        <v>53</v>
      </c>
      <c r="G32163" s="16">
        <v>0.29112430833227781</v>
      </c>
    </row>
    <row r="32164" spans="1:7" x14ac:dyDescent="0.3">
      <c r="A32164" s="13" t="s">
        <v>199</v>
      </c>
      <c r="B32164" s="14" t="s">
        <v>1</v>
      </c>
      <c r="C32164" s="14" t="s">
        <v>200</v>
      </c>
      <c r="D32164" s="14" t="s">
        <v>52</v>
      </c>
      <c r="E32164" s="15">
        <v>45420</v>
      </c>
      <c r="F32164" s="14" t="s">
        <v>53</v>
      </c>
      <c r="G32164" s="16">
        <v>0.31836083691995798</v>
      </c>
    </row>
    <row r="32165" spans="1:7" x14ac:dyDescent="0.3">
      <c r="A32165" s="13" t="s">
        <v>199</v>
      </c>
      <c r="B32165" s="14" t="s">
        <v>1</v>
      </c>
      <c r="C32165" s="14" t="s">
        <v>200</v>
      </c>
      <c r="D32165" s="14" t="s">
        <v>52</v>
      </c>
      <c r="E32165" s="15">
        <v>45421</v>
      </c>
      <c r="F32165" s="14" t="s">
        <v>53</v>
      </c>
      <c r="G32165" s="16">
        <v>0.32535169664200658</v>
      </c>
    </row>
    <row r="32166" spans="1:7" x14ac:dyDescent="0.3">
      <c r="A32166" s="13" t="s">
        <v>199</v>
      </c>
      <c r="B32166" s="14" t="s">
        <v>1</v>
      </c>
      <c r="C32166" s="14" t="s">
        <v>200</v>
      </c>
      <c r="D32166" s="14" t="s">
        <v>52</v>
      </c>
      <c r="E32166" s="15">
        <v>45422</v>
      </c>
      <c r="F32166" s="14" t="s">
        <v>53</v>
      </c>
      <c r="G32166" s="16">
        <v>0.33230630182906834</v>
      </c>
    </row>
    <row r="32167" spans="1:7" x14ac:dyDescent="0.3">
      <c r="A32167" s="13" t="s">
        <v>199</v>
      </c>
      <c r="B32167" s="14" t="s">
        <v>1</v>
      </c>
      <c r="C32167" s="14" t="s">
        <v>200</v>
      </c>
      <c r="D32167" s="14" t="s">
        <v>52</v>
      </c>
      <c r="E32167" s="15">
        <v>45423</v>
      </c>
      <c r="F32167" s="14" t="s">
        <v>53</v>
      </c>
      <c r="G32167" s="16">
        <v>0.33230630182906834</v>
      </c>
    </row>
    <row r="32168" spans="1:7" x14ac:dyDescent="0.3">
      <c r="A32168" s="13" t="s">
        <v>199</v>
      </c>
      <c r="B32168" s="14" t="s">
        <v>1</v>
      </c>
      <c r="C32168" s="14" t="s">
        <v>200</v>
      </c>
      <c r="D32168" s="14" t="s">
        <v>52</v>
      </c>
      <c r="E32168" s="15">
        <v>45424</v>
      </c>
      <c r="F32168" s="14" t="s">
        <v>53</v>
      </c>
      <c r="G32168" s="16">
        <v>0.33230630182906834</v>
      </c>
    </row>
    <row r="32169" spans="1:7" x14ac:dyDescent="0.3">
      <c r="A32169" s="13" t="s">
        <v>199</v>
      </c>
      <c r="B32169" s="14" t="s">
        <v>1</v>
      </c>
      <c r="C32169" s="14" t="s">
        <v>200</v>
      </c>
      <c r="D32169" s="14" t="s">
        <v>52</v>
      </c>
      <c r="E32169" s="15">
        <v>45425</v>
      </c>
      <c r="F32169" s="14" t="s">
        <v>53</v>
      </c>
      <c r="G32169" s="16">
        <v>0.33687321921383173</v>
      </c>
    </row>
    <row r="32170" spans="1:7" x14ac:dyDescent="0.3">
      <c r="A32170" s="13" t="s">
        <v>199</v>
      </c>
      <c r="B32170" s="14" t="s">
        <v>1</v>
      </c>
      <c r="C32170" s="14" t="s">
        <v>200</v>
      </c>
      <c r="D32170" s="14" t="s">
        <v>52</v>
      </c>
      <c r="E32170" s="15">
        <v>45426</v>
      </c>
      <c r="F32170" s="14" t="s">
        <v>53</v>
      </c>
      <c r="G32170" s="16">
        <v>0.36255561286914878</v>
      </c>
    </row>
    <row r="32171" spans="1:7" x14ac:dyDescent="0.3">
      <c r="A32171" s="13" t="s">
        <v>199</v>
      </c>
      <c r="B32171" s="14" t="s">
        <v>1</v>
      </c>
      <c r="C32171" s="14" t="s">
        <v>200</v>
      </c>
      <c r="D32171" s="14" t="s">
        <v>52</v>
      </c>
      <c r="E32171" s="15">
        <v>45427</v>
      </c>
      <c r="F32171" s="14" t="s">
        <v>53</v>
      </c>
      <c r="G32171" s="16">
        <v>0.36722705872315081</v>
      </c>
    </row>
    <row r="32172" spans="1:7" x14ac:dyDescent="0.3">
      <c r="A32172" s="13" t="s">
        <v>199</v>
      </c>
      <c r="B32172" s="14" t="s">
        <v>1</v>
      </c>
      <c r="C32172" s="14" t="s">
        <v>200</v>
      </c>
      <c r="D32172" s="14" t="s">
        <v>52</v>
      </c>
      <c r="E32172" s="15">
        <v>45428</v>
      </c>
      <c r="F32172" s="14" t="s">
        <v>53</v>
      </c>
      <c r="G32172" s="16">
        <v>0.37600294492246733</v>
      </c>
    </row>
    <row r="32173" spans="1:7" x14ac:dyDescent="0.3">
      <c r="A32173" s="13" t="s">
        <v>199</v>
      </c>
      <c r="B32173" s="14" t="s">
        <v>1</v>
      </c>
      <c r="C32173" s="14" t="s">
        <v>200</v>
      </c>
      <c r="D32173" s="14" t="s">
        <v>52</v>
      </c>
      <c r="E32173" s="15">
        <v>45429</v>
      </c>
      <c r="F32173" s="14" t="s">
        <v>53</v>
      </c>
      <c r="G32173" s="16">
        <v>0.38277624123076642</v>
      </c>
    </row>
    <row r="32174" spans="1:7" x14ac:dyDescent="0.3">
      <c r="A32174" s="13" t="s">
        <v>199</v>
      </c>
      <c r="B32174" s="14" t="s">
        <v>1</v>
      </c>
      <c r="C32174" s="14" t="s">
        <v>200</v>
      </c>
      <c r="D32174" s="14" t="s">
        <v>52</v>
      </c>
      <c r="E32174" s="15">
        <v>45430</v>
      </c>
      <c r="F32174" s="14" t="s">
        <v>53</v>
      </c>
      <c r="G32174" s="16">
        <v>0.38277624123076642</v>
      </c>
    </row>
    <row r="32175" spans="1:7" x14ac:dyDescent="0.3">
      <c r="A32175" s="13" t="s">
        <v>199</v>
      </c>
      <c r="B32175" s="14" t="s">
        <v>1</v>
      </c>
      <c r="C32175" s="14" t="s">
        <v>200</v>
      </c>
      <c r="D32175" s="14" t="s">
        <v>52</v>
      </c>
      <c r="E32175" s="15">
        <v>45431</v>
      </c>
      <c r="F32175" s="14" t="s">
        <v>53</v>
      </c>
      <c r="G32175" s="16">
        <v>0.38277624123076642</v>
      </c>
    </row>
    <row r="32176" spans="1:7" x14ac:dyDescent="0.3">
      <c r="A32176" s="13" t="s">
        <v>199</v>
      </c>
      <c r="B32176" s="14" t="s">
        <v>1</v>
      </c>
      <c r="C32176" s="14" t="s">
        <v>200</v>
      </c>
      <c r="D32176" s="14" t="s">
        <v>52</v>
      </c>
      <c r="E32176" s="15">
        <v>45432</v>
      </c>
      <c r="F32176" s="14" t="s">
        <v>53</v>
      </c>
      <c r="G32176" s="16">
        <v>0.38783769736685675</v>
      </c>
    </row>
    <row r="32177" spans="1:7" x14ac:dyDescent="0.3">
      <c r="A32177" s="13" t="s">
        <v>199</v>
      </c>
      <c r="B32177" s="14" t="s">
        <v>1</v>
      </c>
      <c r="C32177" s="14" t="s">
        <v>200</v>
      </c>
      <c r="D32177" s="14" t="s">
        <v>52</v>
      </c>
      <c r="E32177" s="15">
        <v>45433</v>
      </c>
      <c r="F32177" s="14" t="s">
        <v>53</v>
      </c>
      <c r="G32177" s="16">
        <v>0.41139117626002381</v>
      </c>
    </row>
    <row r="32178" spans="1:7" x14ac:dyDescent="0.3">
      <c r="A32178" s="13" t="s">
        <v>199</v>
      </c>
      <c r="B32178" s="14" t="s">
        <v>1</v>
      </c>
      <c r="C32178" s="14" t="s">
        <v>200</v>
      </c>
      <c r="D32178" s="14" t="s">
        <v>52</v>
      </c>
      <c r="E32178" s="15">
        <v>45434</v>
      </c>
      <c r="F32178" s="14" t="s">
        <v>53</v>
      </c>
      <c r="G32178" s="16">
        <v>0.41974617201426984</v>
      </c>
    </row>
    <row r="32179" spans="1:7" x14ac:dyDescent="0.3">
      <c r="A32179" s="13" t="s">
        <v>199</v>
      </c>
      <c r="B32179" s="14" t="s">
        <v>1</v>
      </c>
      <c r="C32179" s="14" t="s">
        <v>200</v>
      </c>
      <c r="D32179" s="14" t="s">
        <v>52</v>
      </c>
      <c r="E32179" s="15">
        <v>45435</v>
      </c>
      <c r="F32179" s="14" t="s">
        <v>53</v>
      </c>
      <c r="G32179" s="16">
        <v>0.42786389500461319</v>
      </c>
    </row>
    <row r="32180" spans="1:7" x14ac:dyDescent="0.3">
      <c r="A32180" s="13" t="s">
        <v>199</v>
      </c>
      <c r="B32180" s="14" t="s">
        <v>1</v>
      </c>
      <c r="C32180" s="14" t="s">
        <v>200</v>
      </c>
      <c r="D32180" s="14" t="s">
        <v>52</v>
      </c>
      <c r="E32180" s="15">
        <v>45436</v>
      </c>
      <c r="F32180" s="14" t="s">
        <v>53</v>
      </c>
      <c r="G32180" s="16">
        <v>0.43391836535319656</v>
      </c>
    </row>
    <row r="32181" spans="1:7" x14ac:dyDescent="0.3">
      <c r="A32181" s="13" t="s">
        <v>199</v>
      </c>
      <c r="B32181" s="14" t="s">
        <v>1</v>
      </c>
      <c r="C32181" s="14" t="s">
        <v>200</v>
      </c>
      <c r="D32181" s="14" t="s">
        <v>52</v>
      </c>
      <c r="E32181" s="15">
        <v>45437</v>
      </c>
      <c r="F32181" s="14" t="s">
        <v>53</v>
      </c>
      <c r="G32181" s="16">
        <v>0.43391836535319656</v>
      </c>
    </row>
    <row r="32182" spans="1:7" x14ac:dyDescent="0.3">
      <c r="A32182" s="13" t="s">
        <v>199</v>
      </c>
      <c r="B32182" s="14" t="s">
        <v>1</v>
      </c>
      <c r="C32182" s="14" t="s">
        <v>200</v>
      </c>
      <c r="D32182" s="14" t="s">
        <v>52</v>
      </c>
      <c r="E32182" s="15">
        <v>45438</v>
      </c>
      <c r="F32182" s="14" t="s">
        <v>53</v>
      </c>
      <c r="G32182" s="16">
        <v>0.43391836535319656</v>
      </c>
    </row>
    <row r="32183" spans="1:7" x14ac:dyDescent="0.3">
      <c r="A32183" s="13" t="s">
        <v>199</v>
      </c>
      <c r="B32183" s="14" t="s">
        <v>1</v>
      </c>
      <c r="C32183" s="14" t="s">
        <v>200</v>
      </c>
      <c r="D32183" s="14" t="s">
        <v>52</v>
      </c>
      <c r="E32183" s="15">
        <v>45439</v>
      </c>
      <c r="F32183" s="14" t="s">
        <v>53</v>
      </c>
      <c r="G32183" s="16">
        <v>0.43391836535319656</v>
      </c>
    </row>
    <row r="32184" spans="1:7" x14ac:dyDescent="0.3">
      <c r="A32184" s="13" t="s">
        <v>199</v>
      </c>
      <c r="B32184" s="14" t="s">
        <v>1</v>
      </c>
      <c r="C32184" s="14" t="s">
        <v>200</v>
      </c>
      <c r="D32184" s="14" t="s">
        <v>52</v>
      </c>
      <c r="E32184" s="15">
        <v>45440</v>
      </c>
      <c r="F32184" s="14" t="s">
        <v>53</v>
      </c>
      <c r="G32184" s="16">
        <v>0.44060138124997605</v>
      </c>
    </row>
    <row r="32185" spans="1:7" x14ac:dyDescent="0.3">
      <c r="A32185" s="13" t="s">
        <v>199</v>
      </c>
      <c r="B32185" s="14" t="s">
        <v>1</v>
      </c>
      <c r="C32185" s="14" t="s">
        <v>200</v>
      </c>
      <c r="D32185" s="14" t="s">
        <v>52</v>
      </c>
      <c r="E32185" s="15">
        <v>45441</v>
      </c>
      <c r="F32185" s="14" t="s">
        <v>53</v>
      </c>
      <c r="G32185" s="16">
        <v>0.45844401663157552</v>
      </c>
    </row>
    <row r="32186" spans="1:7" x14ac:dyDescent="0.3">
      <c r="A32186" s="13" t="s">
        <v>199</v>
      </c>
      <c r="B32186" s="14" t="s">
        <v>1</v>
      </c>
      <c r="C32186" s="14" t="s">
        <v>200</v>
      </c>
      <c r="D32186" s="14" t="s">
        <v>52</v>
      </c>
      <c r="E32186" s="15">
        <v>45442</v>
      </c>
      <c r="F32186" s="14" t="s">
        <v>53</v>
      </c>
      <c r="G32186" s="16">
        <v>0.46041469861212259</v>
      </c>
    </row>
    <row r="32187" spans="1:7" x14ac:dyDescent="0.3">
      <c r="A32187" s="13" t="s">
        <v>199</v>
      </c>
      <c r="B32187" s="14" t="s">
        <v>1</v>
      </c>
      <c r="C32187" s="14" t="s">
        <v>200</v>
      </c>
      <c r="D32187" s="14" t="s">
        <v>52</v>
      </c>
      <c r="E32187" s="15">
        <v>45443</v>
      </c>
      <c r="F32187" s="14" t="s">
        <v>53</v>
      </c>
      <c r="G32187" s="16">
        <v>0.46650056238174403</v>
      </c>
    </row>
    <row r="32188" spans="1:7" x14ac:dyDescent="0.3">
      <c r="A32188" s="13" t="s">
        <v>199</v>
      </c>
      <c r="B32188" s="14" t="s">
        <v>1</v>
      </c>
      <c r="C32188" s="14" t="s">
        <v>200</v>
      </c>
      <c r="D32188" s="14" t="s">
        <v>52</v>
      </c>
      <c r="E32188" s="15">
        <v>45444</v>
      </c>
      <c r="F32188" s="14" t="s">
        <v>53</v>
      </c>
      <c r="G32188" s="16">
        <v>0.46650056238174403</v>
      </c>
    </row>
    <row r="32189" spans="1:7" x14ac:dyDescent="0.3">
      <c r="A32189" s="13" t="s">
        <v>199</v>
      </c>
      <c r="B32189" s="14" t="s">
        <v>1</v>
      </c>
      <c r="C32189" s="14" t="s">
        <v>200</v>
      </c>
      <c r="D32189" s="14" t="s">
        <v>52</v>
      </c>
      <c r="E32189" s="15">
        <v>45445</v>
      </c>
      <c r="F32189" s="14" t="s">
        <v>53</v>
      </c>
      <c r="G32189" s="16">
        <v>0.46650056238174403</v>
      </c>
    </row>
    <row r="32190" spans="1:7" x14ac:dyDescent="0.3">
      <c r="A32190" s="13" t="s">
        <v>199</v>
      </c>
      <c r="B32190" s="14" t="s">
        <v>1</v>
      </c>
      <c r="C32190" s="14" t="s">
        <v>200</v>
      </c>
      <c r="D32190" s="14" t="s">
        <v>52</v>
      </c>
      <c r="E32190" s="15">
        <v>45446</v>
      </c>
      <c r="F32190" s="14" t="s">
        <v>53</v>
      </c>
      <c r="G32190" s="16">
        <v>0.46650056238174403</v>
      </c>
    </row>
    <row r="32191" spans="1:7" x14ac:dyDescent="0.3">
      <c r="A32191" s="13" t="s">
        <v>199</v>
      </c>
      <c r="B32191" s="14" t="s">
        <v>1</v>
      </c>
      <c r="C32191" s="14" t="s">
        <v>200</v>
      </c>
      <c r="D32191" s="14" t="s">
        <v>52</v>
      </c>
      <c r="E32191" s="15">
        <v>45447</v>
      </c>
      <c r="F32191" s="14" t="s">
        <v>53</v>
      </c>
      <c r="G32191" s="16">
        <v>0.47433291216849383</v>
      </c>
    </row>
    <row r="32192" spans="1:7" x14ac:dyDescent="0.3">
      <c r="A32192" s="13" t="s">
        <v>199</v>
      </c>
      <c r="B32192" s="14" t="s">
        <v>1</v>
      </c>
      <c r="C32192" s="14" t="s">
        <v>200</v>
      </c>
      <c r="D32192" s="14" t="s">
        <v>52</v>
      </c>
      <c r="E32192" s="15">
        <v>45448</v>
      </c>
      <c r="F32192" s="14" t="s">
        <v>53</v>
      </c>
      <c r="G32192" s="16">
        <v>0.50163077470989093</v>
      </c>
    </row>
    <row r="32193" spans="1:7" x14ac:dyDescent="0.3">
      <c r="A32193" s="13" t="s">
        <v>199</v>
      </c>
      <c r="B32193" s="14" t="s">
        <v>1</v>
      </c>
      <c r="C32193" s="14" t="s">
        <v>200</v>
      </c>
      <c r="D32193" s="14" t="s">
        <v>52</v>
      </c>
      <c r="E32193" s="15">
        <v>45449</v>
      </c>
      <c r="F32193" s="14" t="s">
        <v>53</v>
      </c>
      <c r="G32193" s="16">
        <v>0.5085555782893133</v>
      </c>
    </row>
    <row r="32194" spans="1:7" x14ac:dyDescent="0.3">
      <c r="A32194" s="13" t="s">
        <v>199</v>
      </c>
      <c r="B32194" s="14" t="s">
        <v>1</v>
      </c>
      <c r="C32194" s="14" t="s">
        <v>200</v>
      </c>
      <c r="D32194" s="14" t="s">
        <v>52</v>
      </c>
      <c r="E32194" s="15">
        <v>45450</v>
      </c>
      <c r="F32194" s="14" t="s">
        <v>53</v>
      </c>
      <c r="G32194" s="16">
        <v>0.51835005501101239</v>
      </c>
    </row>
    <row r="32195" spans="1:7" x14ac:dyDescent="0.3">
      <c r="A32195" s="13" t="s">
        <v>199</v>
      </c>
      <c r="B32195" s="14" t="s">
        <v>1</v>
      </c>
      <c r="C32195" s="14" t="s">
        <v>200</v>
      </c>
      <c r="D32195" s="14" t="s">
        <v>52</v>
      </c>
      <c r="E32195" s="15">
        <v>45451</v>
      </c>
      <c r="F32195" s="14" t="s">
        <v>53</v>
      </c>
      <c r="G32195" s="16">
        <v>0.51835005501101239</v>
      </c>
    </row>
    <row r="32196" spans="1:7" x14ac:dyDescent="0.3">
      <c r="A32196" s="13" t="s">
        <v>199</v>
      </c>
      <c r="B32196" s="14" t="s">
        <v>1</v>
      </c>
      <c r="C32196" s="14" t="s">
        <v>200</v>
      </c>
      <c r="D32196" s="14" t="s">
        <v>52</v>
      </c>
      <c r="E32196" s="15">
        <v>45452</v>
      </c>
      <c r="F32196" s="14" t="s">
        <v>53</v>
      </c>
      <c r="G32196" s="16">
        <v>0.51835005501101239</v>
      </c>
    </row>
    <row r="32197" spans="1:7" x14ac:dyDescent="0.3">
      <c r="A32197" s="13" t="s">
        <v>199</v>
      </c>
      <c r="B32197" s="14" t="s">
        <v>1</v>
      </c>
      <c r="C32197" s="14" t="s">
        <v>200</v>
      </c>
      <c r="D32197" s="14" t="s">
        <v>52</v>
      </c>
      <c r="E32197" s="15">
        <v>45453</v>
      </c>
      <c r="F32197" s="14" t="s">
        <v>53</v>
      </c>
      <c r="G32197" s="16">
        <v>0.52540853140394073</v>
      </c>
    </row>
    <row r="32198" spans="1:7" x14ac:dyDescent="0.3">
      <c r="A32198" s="13" t="s">
        <v>199</v>
      </c>
      <c r="B32198" s="14" t="s">
        <v>1</v>
      </c>
      <c r="C32198" s="14" t="s">
        <v>200</v>
      </c>
      <c r="D32198" s="14" t="s">
        <v>52</v>
      </c>
      <c r="E32198" s="15">
        <v>45454</v>
      </c>
      <c r="F32198" s="14" t="s">
        <v>53</v>
      </c>
      <c r="G32198" s="16">
        <v>0.5457155155262231</v>
      </c>
    </row>
    <row r="32199" spans="1:7" x14ac:dyDescent="0.3">
      <c r="A32199" s="13" t="s">
        <v>199</v>
      </c>
      <c r="B32199" s="14" t="s">
        <v>1</v>
      </c>
      <c r="C32199" s="14" t="s">
        <v>200</v>
      </c>
      <c r="D32199" s="14" t="s">
        <v>52</v>
      </c>
      <c r="E32199" s="15">
        <v>45455</v>
      </c>
      <c r="F32199" s="14" t="s">
        <v>53</v>
      </c>
      <c r="G32199" s="16">
        <v>0.55262515742361573</v>
      </c>
    </row>
    <row r="32200" spans="1:7" x14ac:dyDescent="0.3">
      <c r="A32200" s="13" t="s">
        <v>199</v>
      </c>
      <c r="B32200" s="14" t="s">
        <v>1</v>
      </c>
      <c r="C32200" s="14" t="s">
        <v>200</v>
      </c>
      <c r="D32200" s="14" t="s">
        <v>52</v>
      </c>
      <c r="E32200" s="15">
        <v>45456</v>
      </c>
      <c r="F32200" s="14" t="s">
        <v>53</v>
      </c>
      <c r="G32200" s="16">
        <v>0.55931659770599407</v>
      </c>
    </row>
    <row r="32201" spans="1:7" x14ac:dyDescent="0.3">
      <c r="A32201" s="13" t="s">
        <v>199</v>
      </c>
      <c r="B32201" s="14" t="s">
        <v>1</v>
      </c>
      <c r="C32201" s="14" t="s">
        <v>200</v>
      </c>
      <c r="D32201" s="14" t="s">
        <v>52</v>
      </c>
      <c r="E32201" s="15">
        <v>45457</v>
      </c>
      <c r="F32201" s="14" t="s">
        <v>53</v>
      </c>
      <c r="G32201" s="16">
        <v>0.56960993585875597</v>
      </c>
    </row>
    <row r="32202" spans="1:7" x14ac:dyDescent="0.3">
      <c r="A32202" s="13" t="s">
        <v>199</v>
      </c>
      <c r="B32202" s="14" t="s">
        <v>1</v>
      </c>
      <c r="C32202" s="14" t="s">
        <v>200</v>
      </c>
      <c r="D32202" s="14" t="s">
        <v>52</v>
      </c>
      <c r="E32202" s="15">
        <v>45458</v>
      </c>
      <c r="F32202" s="14" t="s">
        <v>53</v>
      </c>
      <c r="G32202" s="16">
        <v>0.56960993585875597</v>
      </c>
    </row>
    <row r="32203" spans="1:7" x14ac:dyDescent="0.3">
      <c r="A32203" s="13" t="s">
        <v>199</v>
      </c>
      <c r="B32203" s="14" t="s">
        <v>1</v>
      </c>
      <c r="C32203" s="14" t="s">
        <v>200</v>
      </c>
      <c r="D32203" s="14" t="s">
        <v>52</v>
      </c>
      <c r="E32203" s="15">
        <v>45459</v>
      </c>
      <c r="F32203" s="14" t="s">
        <v>53</v>
      </c>
      <c r="G32203" s="16">
        <v>0.56960993585875597</v>
      </c>
    </row>
    <row r="32204" spans="1:7" x14ac:dyDescent="0.3">
      <c r="A32204" s="13" t="s">
        <v>199</v>
      </c>
      <c r="B32204" s="14" t="s">
        <v>1</v>
      </c>
      <c r="C32204" s="14" t="s">
        <v>200</v>
      </c>
      <c r="D32204" s="14" t="s">
        <v>52</v>
      </c>
      <c r="E32204" s="15">
        <v>45460</v>
      </c>
      <c r="F32204" s="14" t="s">
        <v>53</v>
      </c>
      <c r="G32204" s="16">
        <v>0.58540716306451357</v>
      </c>
    </row>
    <row r="32205" spans="1:7" x14ac:dyDescent="0.3">
      <c r="A32205" s="13" t="s">
        <v>199</v>
      </c>
      <c r="B32205" s="14" t="s">
        <v>1</v>
      </c>
      <c r="C32205" s="14" t="s">
        <v>200</v>
      </c>
      <c r="D32205" s="14" t="s">
        <v>52</v>
      </c>
      <c r="E32205" s="15">
        <v>45461</v>
      </c>
      <c r="F32205" s="14" t="s">
        <v>53</v>
      </c>
      <c r="G32205" s="16">
        <v>0.60478248632337994</v>
      </c>
    </row>
    <row r="32206" spans="1:7" x14ac:dyDescent="0.3">
      <c r="A32206" s="13" t="s">
        <v>199</v>
      </c>
      <c r="B32206" s="14" t="s">
        <v>1</v>
      </c>
      <c r="C32206" s="14" t="s">
        <v>200</v>
      </c>
      <c r="D32206" s="14" t="s">
        <v>52</v>
      </c>
      <c r="E32206" s="15">
        <v>45462</v>
      </c>
      <c r="F32206" s="14" t="s">
        <v>53</v>
      </c>
      <c r="G32206" s="16">
        <v>0.60478248632337994</v>
      </c>
    </row>
    <row r="32207" spans="1:7" x14ac:dyDescent="0.3">
      <c r="A32207" s="13" t="s">
        <v>199</v>
      </c>
      <c r="B32207" s="14" t="s">
        <v>1</v>
      </c>
      <c r="C32207" s="14" t="s">
        <v>200</v>
      </c>
      <c r="D32207" s="14" t="s">
        <v>52</v>
      </c>
      <c r="E32207" s="15">
        <v>45463</v>
      </c>
      <c r="F32207" s="14" t="s">
        <v>53</v>
      </c>
      <c r="G32207" s="16">
        <v>0.61399002513721102</v>
      </c>
    </row>
    <row r="32208" spans="1:7" x14ac:dyDescent="0.3">
      <c r="A32208" s="13" t="s">
        <v>199</v>
      </c>
      <c r="B32208" s="14" t="s">
        <v>1</v>
      </c>
      <c r="C32208" s="14" t="s">
        <v>200</v>
      </c>
      <c r="D32208" s="14" t="s">
        <v>52</v>
      </c>
      <c r="E32208" s="15">
        <v>45464</v>
      </c>
      <c r="F32208" s="14" t="s">
        <v>53</v>
      </c>
      <c r="G32208" s="16">
        <v>0.62771483327591593</v>
      </c>
    </row>
    <row r="32209" spans="1:7" x14ac:dyDescent="0.3">
      <c r="A32209" s="13" t="s">
        <v>199</v>
      </c>
      <c r="B32209" s="14" t="s">
        <v>1</v>
      </c>
      <c r="C32209" s="14" t="s">
        <v>200</v>
      </c>
      <c r="D32209" s="14" t="s">
        <v>52</v>
      </c>
      <c r="E32209" s="15">
        <v>45465</v>
      </c>
      <c r="F32209" s="14" t="s">
        <v>53</v>
      </c>
      <c r="G32209" s="16">
        <v>0.62771483327591593</v>
      </c>
    </row>
    <row r="32210" spans="1:7" x14ac:dyDescent="0.3">
      <c r="A32210" s="13" t="s">
        <v>199</v>
      </c>
      <c r="B32210" s="14" t="s">
        <v>1</v>
      </c>
      <c r="C32210" s="14" t="s">
        <v>200</v>
      </c>
      <c r="D32210" s="14" t="s">
        <v>52</v>
      </c>
      <c r="E32210" s="15">
        <v>45466</v>
      </c>
      <c r="F32210" s="14" t="s">
        <v>53</v>
      </c>
      <c r="G32210" s="16">
        <v>0.62771483327591593</v>
      </c>
    </row>
    <row r="32211" spans="1:7" x14ac:dyDescent="0.3">
      <c r="A32211" s="13" t="s">
        <v>199</v>
      </c>
      <c r="B32211" s="14" t="s">
        <v>1</v>
      </c>
      <c r="C32211" s="14" t="s">
        <v>200</v>
      </c>
      <c r="D32211" s="14" t="s">
        <v>52</v>
      </c>
      <c r="E32211" s="15">
        <v>45467</v>
      </c>
      <c r="F32211" s="14" t="s">
        <v>53</v>
      </c>
      <c r="G32211" s="16">
        <v>0.63320008312884202</v>
      </c>
    </row>
    <row r="32212" spans="1:7" x14ac:dyDescent="0.3">
      <c r="A32212" s="13" t="s">
        <v>199</v>
      </c>
      <c r="B32212" s="14" t="s">
        <v>1</v>
      </c>
      <c r="C32212" s="14" t="s">
        <v>200</v>
      </c>
      <c r="D32212" s="14" t="s">
        <v>52</v>
      </c>
      <c r="E32212" s="15">
        <v>45468</v>
      </c>
      <c r="F32212" s="14" t="s">
        <v>53</v>
      </c>
      <c r="G32212" s="16">
        <v>0.65462282045327169</v>
      </c>
    </row>
    <row r="32213" spans="1:7" x14ac:dyDescent="0.3">
      <c r="A32213" s="13" t="s">
        <v>199</v>
      </c>
      <c r="B32213" s="14" t="s">
        <v>1</v>
      </c>
      <c r="C32213" s="14" t="s">
        <v>200</v>
      </c>
      <c r="D32213" s="14" t="s">
        <v>52</v>
      </c>
      <c r="E32213" s="15">
        <v>45469</v>
      </c>
      <c r="F32213" s="14" t="s">
        <v>53</v>
      </c>
      <c r="G32213" s="16">
        <v>0.66511305786860719</v>
      </c>
    </row>
    <row r="32214" spans="1:7" x14ac:dyDescent="0.3">
      <c r="A32214" s="13" t="s">
        <v>199</v>
      </c>
      <c r="B32214" s="14" t="s">
        <v>1</v>
      </c>
      <c r="C32214" s="14" t="s">
        <v>200</v>
      </c>
      <c r="D32214" s="14" t="s">
        <v>52</v>
      </c>
      <c r="E32214" s="15">
        <v>45470</v>
      </c>
      <c r="F32214" s="14" t="s">
        <v>53</v>
      </c>
      <c r="G32214" s="16">
        <v>0.67255872733480104</v>
      </c>
    </row>
    <row r="32215" spans="1:7" x14ac:dyDescent="0.3">
      <c r="A32215" s="13" t="s">
        <v>199</v>
      </c>
      <c r="B32215" s="14" t="s">
        <v>1</v>
      </c>
      <c r="C32215" s="14" t="s">
        <v>200</v>
      </c>
      <c r="D32215" s="14" t="s">
        <v>52</v>
      </c>
      <c r="E32215" s="15">
        <v>45471</v>
      </c>
      <c r="F32215" s="14" t="s">
        <v>53</v>
      </c>
      <c r="G32215" s="16">
        <v>0.67743451940191524</v>
      </c>
    </row>
    <row r="32216" spans="1:7" x14ac:dyDescent="0.3">
      <c r="A32216" s="13" t="s">
        <v>199</v>
      </c>
      <c r="B32216" s="14" t="s">
        <v>1</v>
      </c>
      <c r="C32216" s="14" t="s">
        <v>200</v>
      </c>
      <c r="D32216" s="14" t="s">
        <v>52</v>
      </c>
      <c r="E32216" s="15">
        <v>45472</v>
      </c>
      <c r="F32216" s="14" t="s">
        <v>53</v>
      </c>
      <c r="G32216" s="16">
        <v>0.67743451940191524</v>
      </c>
    </row>
    <row r="32217" spans="1:7" x14ac:dyDescent="0.3">
      <c r="A32217" s="13" t="s">
        <v>199</v>
      </c>
      <c r="B32217" s="14" t="s">
        <v>1</v>
      </c>
      <c r="C32217" s="14" t="s">
        <v>200</v>
      </c>
      <c r="D32217" s="14" t="s">
        <v>52</v>
      </c>
      <c r="E32217" s="15">
        <v>45473</v>
      </c>
      <c r="F32217" s="14" t="s">
        <v>53</v>
      </c>
      <c r="G32217" s="16">
        <v>0.67743451940191524</v>
      </c>
    </row>
    <row r="32218" spans="1:7" x14ac:dyDescent="0.3">
      <c r="A32218" s="13" t="s">
        <v>199</v>
      </c>
      <c r="B32218" s="14" t="s">
        <v>1</v>
      </c>
      <c r="C32218" s="14" t="s">
        <v>200</v>
      </c>
      <c r="D32218" s="14" t="s">
        <v>52</v>
      </c>
      <c r="E32218" s="15">
        <v>45474</v>
      </c>
      <c r="F32218" s="14" t="s">
        <v>53</v>
      </c>
      <c r="G32218" s="16">
        <v>0.68415691414633606</v>
      </c>
    </row>
    <row r="32219" spans="1:7" x14ac:dyDescent="0.3">
      <c r="A32219" s="13" t="s">
        <v>199</v>
      </c>
      <c r="B32219" s="14" t="s">
        <v>1</v>
      </c>
      <c r="C32219" s="14" t="s">
        <v>200</v>
      </c>
      <c r="D32219" s="14" t="s">
        <v>52</v>
      </c>
      <c r="E32219" s="15">
        <v>45475</v>
      </c>
      <c r="F32219" s="14" t="s">
        <v>53</v>
      </c>
      <c r="G32219" s="16">
        <v>0.70553079051253942</v>
      </c>
    </row>
    <row r="32220" spans="1:7" x14ac:dyDescent="0.3">
      <c r="A32220" s="13" t="s">
        <v>199</v>
      </c>
      <c r="B32220" s="14" t="s">
        <v>1</v>
      </c>
      <c r="C32220" s="14" t="s">
        <v>200</v>
      </c>
      <c r="D32220" s="14" t="s">
        <v>52</v>
      </c>
      <c r="E32220" s="15">
        <v>45476</v>
      </c>
      <c r="F32220" s="14" t="s">
        <v>53</v>
      </c>
      <c r="G32220" s="16">
        <v>0.70879661558778373</v>
      </c>
    </row>
    <row r="32221" spans="1:7" x14ac:dyDescent="0.3">
      <c r="A32221" s="13" t="s">
        <v>199</v>
      </c>
      <c r="B32221" s="14" t="s">
        <v>1</v>
      </c>
      <c r="C32221" s="14" t="s">
        <v>200</v>
      </c>
      <c r="D32221" s="14" t="s">
        <v>52</v>
      </c>
      <c r="E32221" s="15">
        <v>45477</v>
      </c>
      <c r="F32221" s="14" t="s">
        <v>53</v>
      </c>
      <c r="G32221" s="16">
        <v>0.70879661558778373</v>
      </c>
    </row>
    <row r="32222" spans="1:7" x14ac:dyDescent="0.3">
      <c r="A32222" s="13" t="s">
        <v>199</v>
      </c>
      <c r="B32222" s="14" t="s">
        <v>1</v>
      </c>
      <c r="C32222" s="14" t="s">
        <v>200</v>
      </c>
      <c r="D32222" s="14" t="s">
        <v>52</v>
      </c>
      <c r="E32222" s="15">
        <v>45478</v>
      </c>
      <c r="F32222" s="14" t="s">
        <v>53</v>
      </c>
      <c r="G32222" s="16">
        <v>0.71165561290110657</v>
      </c>
    </row>
    <row r="32223" spans="1:7" x14ac:dyDescent="0.3">
      <c r="A32223" s="13" t="s">
        <v>199</v>
      </c>
      <c r="B32223" s="14" t="s">
        <v>1</v>
      </c>
      <c r="C32223" s="14" t="s">
        <v>200</v>
      </c>
      <c r="D32223" s="14" t="s">
        <v>52</v>
      </c>
      <c r="E32223" s="15">
        <v>45479</v>
      </c>
      <c r="F32223" s="14" t="s">
        <v>53</v>
      </c>
      <c r="G32223" s="16">
        <v>0.71165561290110657</v>
      </c>
    </row>
    <row r="32224" spans="1:7" x14ac:dyDescent="0.3">
      <c r="A32224" s="13" t="s">
        <v>199</v>
      </c>
      <c r="B32224" s="14" t="s">
        <v>1</v>
      </c>
      <c r="C32224" s="14" t="s">
        <v>200</v>
      </c>
      <c r="D32224" s="14" t="s">
        <v>52</v>
      </c>
      <c r="E32224" s="15">
        <v>45480</v>
      </c>
      <c r="F32224" s="14" t="s">
        <v>53</v>
      </c>
      <c r="G32224" s="16">
        <v>0.71165561290110657</v>
      </c>
    </row>
    <row r="32225" spans="1:7" x14ac:dyDescent="0.3">
      <c r="A32225" s="13" t="s">
        <v>199</v>
      </c>
      <c r="B32225" s="14" t="s">
        <v>1</v>
      </c>
      <c r="C32225" s="14" t="s">
        <v>200</v>
      </c>
      <c r="D32225" s="14" t="s">
        <v>52</v>
      </c>
      <c r="E32225" s="15">
        <v>45481</v>
      </c>
      <c r="F32225" s="14" t="s">
        <v>53</v>
      </c>
      <c r="G32225" s="16">
        <v>0.72433154367966268</v>
      </c>
    </row>
    <row r="32226" spans="1:7" x14ac:dyDescent="0.3">
      <c r="A32226" s="13" t="s">
        <v>199</v>
      </c>
      <c r="B32226" s="14" t="s">
        <v>1</v>
      </c>
      <c r="C32226" s="14" t="s">
        <v>200</v>
      </c>
      <c r="D32226" s="14" t="s">
        <v>52</v>
      </c>
      <c r="E32226" s="15">
        <v>45482</v>
      </c>
      <c r="F32226" s="14" t="s">
        <v>53</v>
      </c>
      <c r="G32226" s="16">
        <v>0.74770811544273608</v>
      </c>
    </row>
    <row r="32227" spans="1:7" x14ac:dyDescent="0.3">
      <c r="A32227" s="13" t="s">
        <v>199</v>
      </c>
      <c r="B32227" s="14" t="s">
        <v>1</v>
      </c>
      <c r="C32227" s="14" t="s">
        <v>200</v>
      </c>
      <c r="D32227" s="14" t="s">
        <v>52</v>
      </c>
      <c r="E32227" s="15">
        <v>45483</v>
      </c>
      <c r="F32227" s="14" t="s">
        <v>53</v>
      </c>
      <c r="G32227" s="16">
        <v>0.75157406456653675</v>
      </c>
    </row>
    <row r="32228" spans="1:7" x14ac:dyDescent="0.3">
      <c r="A32228" s="13" t="s">
        <v>199</v>
      </c>
      <c r="B32228" s="14" t="s">
        <v>1</v>
      </c>
      <c r="C32228" s="14" t="s">
        <v>200</v>
      </c>
      <c r="D32228" s="14" t="s">
        <v>52</v>
      </c>
      <c r="E32228" s="15">
        <v>45484</v>
      </c>
      <c r="F32228" s="14" t="s">
        <v>53</v>
      </c>
      <c r="G32228" s="16">
        <v>0.75351706885767256</v>
      </c>
    </row>
    <row r="32229" spans="1:7" x14ac:dyDescent="0.3">
      <c r="A32229" s="13" t="s">
        <v>199</v>
      </c>
      <c r="B32229" s="14" t="s">
        <v>1</v>
      </c>
      <c r="C32229" s="14" t="s">
        <v>200</v>
      </c>
      <c r="D32229" s="14" t="s">
        <v>52</v>
      </c>
      <c r="E32229" s="15">
        <v>45485</v>
      </c>
      <c r="F32229" s="14" t="s">
        <v>53</v>
      </c>
      <c r="G32229" s="16">
        <v>0.75593426671434694</v>
      </c>
    </row>
    <row r="32230" spans="1:7" x14ac:dyDescent="0.3">
      <c r="A32230" s="13" t="s">
        <v>199</v>
      </c>
      <c r="B32230" s="14" t="s">
        <v>1</v>
      </c>
      <c r="C32230" s="14" t="s">
        <v>200</v>
      </c>
      <c r="D32230" s="14" t="s">
        <v>52</v>
      </c>
      <c r="E32230" s="15">
        <v>45486</v>
      </c>
      <c r="F32230" s="14" t="s">
        <v>53</v>
      </c>
      <c r="G32230" s="16">
        <v>0.75593426671434694</v>
      </c>
    </row>
    <row r="32231" spans="1:7" x14ac:dyDescent="0.3">
      <c r="A32231" s="13" t="s">
        <v>199</v>
      </c>
      <c r="B32231" s="14" t="s">
        <v>1</v>
      </c>
      <c r="C32231" s="14" t="s">
        <v>200</v>
      </c>
      <c r="D32231" s="14" t="s">
        <v>52</v>
      </c>
      <c r="E32231" s="15">
        <v>45487</v>
      </c>
      <c r="F32231" s="14" t="s">
        <v>53</v>
      </c>
      <c r="G32231" s="16">
        <v>0.75593426671434694</v>
      </c>
    </row>
    <row r="32232" spans="1:7" x14ac:dyDescent="0.3">
      <c r="A32232" s="13" t="s">
        <v>199</v>
      </c>
      <c r="B32232" s="14" t="s">
        <v>1</v>
      </c>
      <c r="C32232" s="14" t="s">
        <v>200</v>
      </c>
      <c r="D32232" s="14" t="s">
        <v>52</v>
      </c>
      <c r="E32232" s="15">
        <v>45488</v>
      </c>
      <c r="F32232" s="14" t="s">
        <v>53</v>
      </c>
      <c r="G32232" s="16">
        <v>0.75913782482774428</v>
      </c>
    </row>
    <row r="32233" spans="1:7" x14ac:dyDescent="0.3">
      <c r="A32233" s="13" t="s">
        <v>199</v>
      </c>
      <c r="B32233" s="14" t="s">
        <v>1</v>
      </c>
      <c r="C32233" s="14" t="s">
        <v>200</v>
      </c>
      <c r="D32233" s="14" t="s">
        <v>52</v>
      </c>
      <c r="E32233" s="15">
        <v>45489</v>
      </c>
      <c r="F32233" s="14" t="s">
        <v>53</v>
      </c>
      <c r="G32233" s="16">
        <v>0.78164010954784058</v>
      </c>
    </row>
    <row r="32234" spans="1:7" x14ac:dyDescent="0.3">
      <c r="A32234" s="13" t="s">
        <v>199</v>
      </c>
      <c r="B32234" s="14" t="s">
        <v>1</v>
      </c>
      <c r="C32234" s="14" t="s">
        <v>200</v>
      </c>
      <c r="D32234" s="14" t="s">
        <v>52</v>
      </c>
      <c r="E32234" s="15">
        <v>45490</v>
      </c>
      <c r="F32234" s="14" t="s">
        <v>53</v>
      </c>
      <c r="G32234" s="16">
        <v>0.77546248983759403</v>
      </c>
    </row>
    <row r="32235" spans="1:7" x14ac:dyDescent="0.3">
      <c r="A32235" s="13" t="s">
        <v>199</v>
      </c>
      <c r="B32235" s="14" t="s">
        <v>1</v>
      </c>
      <c r="C32235" s="14" t="s">
        <v>200</v>
      </c>
      <c r="D32235" s="14" t="s">
        <v>52</v>
      </c>
      <c r="E32235" s="15">
        <v>45491</v>
      </c>
      <c r="F32235" s="14" t="s">
        <v>53</v>
      </c>
      <c r="G32235" s="16">
        <v>0.78685124480472379</v>
      </c>
    </row>
    <row r="32236" spans="1:7" x14ac:dyDescent="0.3">
      <c r="A32236" s="13" t="s">
        <v>199</v>
      </c>
      <c r="B32236" s="14" t="s">
        <v>1</v>
      </c>
      <c r="C32236" s="14" t="s">
        <v>200</v>
      </c>
      <c r="D32236" s="14" t="s">
        <v>52</v>
      </c>
      <c r="E32236" s="15">
        <v>45492</v>
      </c>
      <c r="F32236" s="14" t="s">
        <v>53</v>
      </c>
      <c r="G32236" s="16">
        <v>0.79602470056186225</v>
      </c>
    </row>
    <row r="32237" spans="1:7" x14ac:dyDescent="0.3">
      <c r="A32237" s="13" t="s">
        <v>199</v>
      </c>
      <c r="B32237" s="14" t="s">
        <v>1</v>
      </c>
      <c r="C32237" s="14" t="s">
        <v>200</v>
      </c>
      <c r="D32237" s="14" t="s">
        <v>52</v>
      </c>
      <c r="E32237" s="15">
        <v>45493</v>
      </c>
      <c r="F32237" s="14" t="s">
        <v>53</v>
      </c>
      <c r="G32237" s="16">
        <v>0.79602470056186225</v>
      </c>
    </row>
    <row r="32238" spans="1:7" x14ac:dyDescent="0.3">
      <c r="A32238" s="13" t="s">
        <v>199</v>
      </c>
      <c r="B32238" s="14" t="s">
        <v>1</v>
      </c>
      <c r="C32238" s="14" t="s">
        <v>200</v>
      </c>
      <c r="D32238" s="14" t="s">
        <v>52</v>
      </c>
      <c r="E32238" s="15">
        <v>45494</v>
      </c>
      <c r="F32238" s="14" t="s">
        <v>53</v>
      </c>
      <c r="G32238" s="16">
        <v>0.79602470056186225</v>
      </c>
    </row>
    <row r="32239" spans="1:7" x14ac:dyDescent="0.3">
      <c r="A32239" s="13" t="s">
        <v>199</v>
      </c>
      <c r="B32239" s="14" t="s">
        <v>1</v>
      </c>
      <c r="C32239" s="14" t="s">
        <v>200</v>
      </c>
      <c r="D32239" s="14" t="s">
        <v>52</v>
      </c>
      <c r="E32239" s="15">
        <v>45495</v>
      </c>
      <c r="F32239" s="14" t="s">
        <v>53</v>
      </c>
      <c r="G32239" s="16">
        <v>0.80268502930668217</v>
      </c>
    </row>
    <row r="32240" spans="1:7" x14ac:dyDescent="0.3">
      <c r="A32240" s="13" t="s">
        <v>199</v>
      </c>
      <c r="B32240" s="14" t="s">
        <v>1</v>
      </c>
      <c r="C32240" s="14" t="s">
        <v>200</v>
      </c>
      <c r="D32240" s="14" t="s">
        <v>52</v>
      </c>
      <c r="E32240" s="15">
        <v>45496</v>
      </c>
      <c r="F32240" s="14" t="s">
        <v>53</v>
      </c>
      <c r="G32240" s="16">
        <v>0.82659570894794832</v>
      </c>
    </row>
    <row r="32241" spans="1:7" x14ac:dyDescent="0.3">
      <c r="A32241" s="13" t="s">
        <v>199</v>
      </c>
      <c r="B32241" s="14" t="s">
        <v>1</v>
      </c>
      <c r="C32241" s="14" t="s">
        <v>200</v>
      </c>
      <c r="D32241" s="14" t="s">
        <v>52</v>
      </c>
      <c r="E32241" s="15">
        <v>45497</v>
      </c>
      <c r="F32241" s="14" t="s">
        <v>53</v>
      </c>
      <c r="G32241" s="16">
        <v>0.83379768688479816</v>
      </c>
    </row>
    <row r="32242" spans="1:7" x14ac:dyDescent="0.3">
      <c r="A32242" s="13" t="s">
        <v>199</v>
      </c>
      <c r="B32242" s="14" t="s">
        <v>1</v>
      </c>
      <c r="C32242" s="14" t="s">
        <v>200</v>
      </c>
      <c r="D32242" s="14" t="s">
        <v>52</v>
      </c>
      <c r="E32242" s="15">
        <v>45498</v>
      </c>
      <c r="F32242" s="14" t="s">
        <v>53</v>
      </c>
      <c r="G32242" s="16">
        <v>0.8447397836609597</v>
      </c>
    </row>
    <row r="32243" spans="1:7" x14ac:dyDescent="0.3">
      <c r="A32243" s="13" t="s">
        <v>199</v>
      </c>
      <c r="B32243" s="14" t="s">
        <v>1</v>
      </c>
      <c r="C32243" s="14" t="s">
        <v>200</v>
      </c>
      <c r="D32243" s="14" t="s">
        <v>52</v>
      </c>
      <c r="E32243" s="15">
        <v>45499</v>
      </c>
      <c r="F32243" s="14" t="s">
        <v>53</v>
      </c>
      <c r="G32243" s="16">
        <v>0.8507821091715273</v>
      </c>
    </row>
    <row r="32244" spans="1:7" x14ac:dyDescent="0.3">
      <c r="A32244" s="13" t="s">
        <v>199</v>
      </c>
      <c r="B32244" s="14" t="s">
        <v>1</v>
      </c>
      <c r="C32244" s="14" t="s">
        <v>200</v>
      </c>
      <c r="D32244" s="14" t="s">
        <v>52</v>
      </c>
      <c r="E32244" s="15">
        <v>45500</v>
      </c>
      <c r="F32244" s="14" t="s">
        <v>53</v>
      </c>
      <c r="G32244" s="16">
        <v>0.8507821091715273</v>
      </c>
    </row>
    <row r="32245" spans="1:7" x14ac:dyDescent="0.3">
      <c r="A32245" s="13" t="s">
        <v>199</v>
      </c>
      <c r="B32245" s="14" t="s">
        <v>1</v>
      </c>
      <c r="C32245" s="14" t="s">
        <v>200</v>
      </c>
      <c r="D32245" s="14" t="s">
        <v>52</v>
      </c>
      <c r="E32245" s="15">
        <v>45501</v>
      </c>
      <c r="F32245" s="14" t="s">
        <v>53</v>
      </c>
      <c r="G32245" s="16">
        <v>0.8507821091715273</v>
      </c>
    </row>
    <row r="32246" spans="1:7" x14ac:dyDescent="0.3">
      <c r="A32246" s="13" t="s">
        <v>199</v>
      </c>
      <c r="B32246" s="14" t="s">
        <v>1</v>
      </c>
      <c r="C32246" s="14" t="s">
        <v>200</v>
      </c>
      <c r="D32246" s="14" t="s">
        <v>52</v>
      </c>
      <c r="E32246" s="15">
        <v>45502</v>
      </c>
      <c r="F32246" s="14" t="s">
        <v>53</v>
      </c>
      <c r="G32246" s="16">
        <v>0.8632579611014588</v>
      </c>
    </row>
    <row r="32247" spans="1:7" x14ac:dyDescent="0.3">
      <c r="A32247" s="13" t="s">
        <v>199</v>
      </c>
      <c r="B32247" s="14" t="s">
        <v>1</v>
      </c>
      <c r="C32247" s="14" t="s">
        <v>200</v>
      </c>
      <c r="D32247" s="14" t="s">
        <v>52</v>
      </c>
      <c r="E32247" s="15">
        <v>45503</v>
      </c>
      <c r="F32247" s="14" t="s">
        <v>53</v>
      </c>
      <c r="G32247" s="16">
        <v>0.88564262179486486</v>
      </c>
    </row>
    <row r="32248" spans="1:7" x14ac:dyDescent="0.3">
      <c r="A32248" s="13" t="s">
        <v>199</v>
      </c>
      <c r="B32248" s="14" t="s">
        <v>1</v>
      </c>
      <c r="C32248" s="14" t="s">
        <v>200</v>
      </c>
      <c r="D32248" s="14" t="s">
        <v>52</v>
      </c>
      <c r="E32248" s="15">
        <v>45504</v>
      </c>
      <c r="F32248" s="14" t="s">
        <v>53</v>
      </c>
      <c r="G32248" s="16">
        <v>0.89143954998516906</v>
      </c>
    </row>
    <row r="32249" spans="1:7" x14ac:dyDescent="0.3">
      <c r="A32249" s="13" t="s">
        <v>199</v>
      </c>
      <c r="B32249" s="14" t="s">
        <v>1</v>
      </c>
      <c r="C32249" s="14" t="s">
        <v>200</v>
      </c>
      <c r="D32249" s="14" t="s">
        <v>52</v>
      </c>
      <c r="E32249" s="15">
        <v>45505</v>
      </c>
      <c r="F32249" s="14" t="s">
        <v>53</v>
      </c>
      <c r="G32249" s="16">
        <v>0.90755531274577572</v>
      </c>
    </row>
    <row r="32250" spans="1:7" x14ac:dyDescent="0.3">
      <c r="A32250" s="13" t="s">
        <v>199</v>
      </c>
      <c r="B32250" s="14" t="s">
        <v>1</v>
      </c>
      <c r="C32250" s="14" t="s">
        <v>200</v>
      </c>
      <c r="D32250" s="14" t="s">
        <v>52</v>
      </c>
      <c r="E32250" s="15">
        <v>45506</v>
      </c>
      <c r="F32250" s="14" t="s">
        <v>53</v>
      </c>
      <c r="G32250" s="16">
        <v>0.91849542878514656</v>
      </c>
    </row>
    <row r="32251" spans="1:7" x14ac:dyDescent="0.3">
      <c r="A32251" s="13" t="s">
        <v>199</v>
      </c>
      <c r="B32251" s="14" t="s">
        <v>1</v>
      </c>
      <c r="C32251" s="14" t="s">
        <v>200</v>
      </c>
      <c r="D32251" s="14" t="s">
        <v>52</v>
      </c>
      <c r="E32251" s="15">
        <v>45507</v>
      </c>
      <c r="F32251" s="14" t="s">
        <v>53</v>
      </c>
      <c r="G32251" s="16">
        <v>0.91849542878514656</v>
      </c>
    </row>
    <row r="32252" spans="1:7" x14ac:dyDescent="0.3">
      <c r="A32252" s="13" t="s">
        <v>199</v>
      </c>
      <c r="B32252" s="14" t="s">
        <v>1</v>
      </c>
      <c r="C32252" s="14" t="s">
        <v>200</v>
      </c>
      <c r="D32252" s="14" t="s">
        <v>52</v>
      </c>
      <c r="E32252" s="15">
        <v>45508</v>
      </c>
      <c r="F32252" s="14" t="s">
        <v>53</v>
      </c>
      <c r="G32252" s="16">
        <v>0.91849542878514656</v>
      </c>
    </row>
    <row r="32253" spans="1:7" x14ac:dyDescent="0.3">
      <c r="A32253" s="13" t="s">
        <v>199</v>
      </c>
      <c r="B32253" s="14" t="s">
        <v>1</v>
      </c>
      <c r="C32253" s="14" t="s">
        <v>200</v>
      </c>
      <c r="D32253" s="14" t="s">
        <v>52</v>
      </c>
      <c r="E32253" s="15">
        <v>45509</v>
      </c>
      <c r="F32253" s="14" t="s">
        <v>53</v>
      </c>
      <c r="G32253" s="16">
        <v>0.91849542878514656</v>
      </c>
    </row>
    <row r="32254" spans="1:7" x14ac:dyDescent="0.3">
      <c r="A32254" s="13" t="s">
        <v>199</v>
      </c>
      <c r="B32254" s="14" t="s">
        <v>1</v>
      </c>
      <c r="C32254" s="14" t="s">
        <v>200</v>
      </c>
      <c r="D32254" s="14" t="s">
        <v>52</v>
      </c>
      <c r="E32254" s="15">
        <v>45510</v>
      </c>
      <c r="F32254" s="14" t="s">
        <v>53</v>
      </c>
      <c r="G32254" s="16">
        <v>0.94100104180551258</v>
      </c>
    </row>
    <row r="32255" spans="1:7" x14ac:dyDescent="0.3">
      <c r="A32255" s="13" t="s">
        <v>199</v>
      </c>
      <c r="B32255" s="14" t="s">
        <v>1</v>
      </c>
      <c r="C32255" s="14" t="s">
        <v>200</v>
      </c>
      <c r="D32255" s="14" t="s">
        <v>52</v>
      </c>
      <c r="E32255" s="15">
        <v>45511</v>
      </c>
      <c r="F32255" s="14" t="s">
        <v>53</v>
      </c>
      <c r="G32255" s="16">
        <v>0.97019536672552631</v>
      </c>
    </row>
    <row r="32256" spans="1:7" x14ac:dyDescent="0.3">
      <c r="A32256" s="13" t="s">
        <v>199</v>
      </c>
      <c r="B32256" s="14" t="s">
        <v>1</v>
      </c>
      <c r="C32256" s="14" t="s">
        <v>200</v>
      </c>
      <c r="D32256" s="14" t="s">
        <v>52</v>
      </c>
      <c r="E32256" s="15">
        <v>45512</v>
      </c>
      <c r="F32256" s="14" t="s">
        <v>53</v>
      </c>
      <c r="G32256" s="16">
        <v>0.97240145626475094</v>
      </c>
    </row>
    <row r="32257" spans="1:7" x14ac:dyDescent="0.3">
      <c r="A32257" s="13" t="s">
        <v>199</v>
      </c>
      <c r="B32257" s="14" t="s">
        <v>1</v>
      </c>
      <c r="C32257" s="14" t="s">
        <v>200</v>
      </c>
      <c r="D32257" s="14" t="s">
        <v>52</v>
      </c>
      <c r="E32257" s="15">
        <v>45513</v>
      </c>
      <c r="F32257" s="14" t="s">
        <v>53</v>
      </c>
      <c r="G32257" s="16">
        <v>0.97749534505579017</v>
      </c>
    </row>
    <row r="32258" spans="1:7" x14ac:dyDescent="0.3">
      <c r="A32258" s="13" t="s">
        <v>199</v>
      </c>
      <c r="B32258" s="14" t="s">
        <v>1</v>
      </c>
      <c r="C32258" s="14" t="s">
        <v>200</v>
      </c>
      <c r="D32258" s="14" t="s">
        <v>52</v>
      </c>
      <c r="E32258" s="15">
        <v>45514</v>
      </c>
      <c r="F32258" s="14" t="s">
        <v>53</v>
      </c>
      <c r="G32258" s="16">
        <v>0.97749534505579017</v>
      </c>
    </row>
    <row r="32259" spans="1:7" x14ac:dyDescent="0.3">
      <c r="A32259" s="13" t="s">
        <v>199</v>
      </c>
      <c r="B32259" s="14" t="s">
        <v>1</v>
      </c>
      <c r="C32259" s="14" t="s">
        <v>200</v>
      </c>
      <c r="D32259" s="14" t="s">
        <v>52</v>
      </c>
      <c r="E32259" s="15">
        <v>45515</v>
      </c>
      <c r="F32259" s="14" t="s">
        <v>53</v>
      </c>
      <c r="G32259" s="16">
        <v>0.97749534505579017</v>
      </c>
    </row>
    <row r="32260" spans="1:7" x14ac:dyDescent="0.3">
      <c r="A32260" s="13" t="s">
        <v>199</v>
      </c>
      <c r="B32260" s="14" t="s">
        <v>1</v>
      </c>
      <c r="C32260" s="14" t="s">
        <v>200</v>
      </c>
      <c r="D32260" s="14" t="s">
        <v>52</v>
      </c>
      <c r="E32260" s="15">
        <v>45516</v>
      </c>
      <c r="F32260" s="14" t="s">
        <v>53</v>
      </c>
      <c r="G32260" s="16">
        <v>0.98274069266381203</v>
      </c>
    </row>
    <row r="32261" spans="1:7" x14ac:dyDescent="0.3">
      <c r="A32261" s="13" t="s">
        <v>199</v>
      </c>
      <c r="B32261" s="14" t="s">
        <v>1</v>
      </c>
      <c r="C32261" s="14" t="s">
        <v>200</v>
      </c>
      <c r="D32261" s="14" t="s">
        <v>52</v>
      </c>
      <c r="E32261" s="15">
        <v>45517</v>
      </c>
      <c r="F32261" s="14" t="s">
        <v>53</v>
      </c>
      <c r="G32261" s="16">
        <v>0.99444748209364886</v>
      </c>
    </row>
    <row r="32262" spans="1:7" x14ac:dyDescent="0.3">
      <c r="A32262" s="13" t="s">
        <v>199</v>
      </c>
      <c r="B32262" s="14" t="s">
        <v>1</v>
      </c>
      <c r="C32262" s="14" t="s">
        <v>200</v>
      </c>
      <c r="D32262" s="14" t="s">
        <v>52</v>
      </c>
      <c r="E32262" s="15">
        <v>45518</v>
      </c>
      <c r="F32262" s="14" t="s">
        <v>53</v>
      </c>
      <c r="G32262" s="16">
        <v>1.0047496329271302</v>
      </c>
    </row>
    <row r="32263" spans="1:7" x14ac:dyDescent="0.3">
      <c r="A32263" s="13" t="s">
        <v>199</v>
      </c>
      <c r="B32263" s="14" t="s">
        <v>1</v>
      </c>
      <c r="C32263" s="14" t="s">
        <v>200</v>
      </c>
      <c r="D32263" s="14" t="s">
        <v>52</v>
      </c>
      <c r="E32263" s="15">
        <v>45519</v>
      </c>
      <c r="F32263" s="14" t="s">
        <v>53</v>
      </c>
      <c r="G32263" s="16">
        <v>1.0094154247787952</v>
      </c>
    </row>
    <row r="32264" spans="1:7" x14ac:dyDescent="0.3">
      <c r="A32264" s="13" t="s">
        <v>199</v>
      </c>
      <c r="B32264" s="14" t="s">
        <v>1</v>
      </c>
      <c r="C32264" s="14" t="s">
        <v>200</v>
      </c>
      <c r="D32264" s="14" t="s">
        <v>52</v>
      </c>
      <c r="E32264" s="15">
        <v>45520</v>
      </c>
      <c r="F32264" s="14" t="s">
        <v>53</v>
      </c>
      <c r="G32264" s="16">
        <v>1.0089265837888406</v>
      </c>
    </row>
    <row r="32265" spans="1:7" x14ac:dyDescent="0.3">
      <c r="A32265" s="13" t="s">
        <v>199</v>
      </c>
      <c r="B32265" s="14" t="s">
        <v>1</v>
      </c>
      <c r="C32265" s="14" t="s">
        <v>200</v>
      </c>
      <c r="D32265" s="14" t="s">
        <v>52</v>
      </c>
      <c r="E32265" s="15">
        <v>45521</v>
      </c>
      <c r="F32265" s="14" t="s">
        <v>53</v>
      </c>
      <c r="G32265" s="16">
        <v>1.0089265837888406</v>
      </c>
    </row>
    <row r="32266" spans="1:7" x14ac:dyDescent="0.3">
      <c r="A32266" s="13" t="s">
        <v>199</v>
      </c>
      <c r="B32266" s="14" t="s">
        <v>1</v>
      </c>
      <c r="C32266" s="14" t="s">
        <v>200</v>
      </c>
      <c r="D32266" s="14" t="s">
        <v>52</v>
      </c>
      <c r="E32266" s="15">
        <v>45522</v>
      </c>
      <c r="F32266" s="14" t="s">
        <v>53</v>
      </c>
      <c r="G32266" s="16">
        <v>1.0089265837888406</v>
      </c>
    </row>
    <row r="32267" spans="1:7" x14ac:dyDescent="0.3">
      <c r="A32267" s="13" t="s">
        <v>199</v>
      </c>
      <c r="B32267" s="14" t="s">
        <v>1</v>
      </c>
      <c r="C32267" s="14" t="s">
        <v>200</v>
      </c>
      <c r="D32267" s="14" t="s">
        <v>52</v>
      </c>
      <c r="E32267" s="15">
        <v>45523</v>
      </c>
      <c r="F32267" s="14" t="s">
        <v>53</v>
      </c>
      <c r="G32267" s="16">
        <v>1.0117958939550629</v>
      </c>
    </row>
    <row r="32268" spans="1:7" x14ac:dyDescent="0.3">
      <c r="A32268" s="13" t="s">
        <v>199</v>
      </c>
      <c r="B32268" s="14" t="s">
        <v>1</v>
      </c>
      <c r="C32268" s="14" t="s">
        <v>200</v>
      </c>
      <c r="D32268" s="14" t="s">
        <v>52</v>
      </c>
      <c r="E32268" s="15">
        <v>45524</v>
      </c>
      <c r="F32268" s="14" t="s">
        <v>53</v>
      </c>
      <c r="G32268" s="16">
        <v>1.027368301780587</v>
      </c>
    </row>
    <row r="32269" spans="1:7" x14ac:dyDescent="0.3">
      <c r="A32269" s="13" t="s">
        <v>199</v>
      </c>
      <c r="B32269" s="14" t="s">
        <v>1</v>
      </c>
      <c r="C32269" s="14" t="s">
        <v>200</v>
      </c>
      <c r="D32269" s="14" t="s">
        <v>52</v>
      </c>
      <c r="E32269" s="15">
        <v>45525</v>
      </c>
      <c r="F32269" s="14" t="s">
        <v>53</v>
      </c>
      <c r="G32269" s="16">
        <v>1.0283877472007408</v>
      </c>
    </row>
    <row r="32270" spans="1:7" x14ac:dyDescent="0.3">
      <c r="A32270" s="13" t="s">
        <v>199</v>
      </c>
      <c r="B32270" s="14" t="s">
        <v>1</v>
      </c>
      <c r="C32270" s="14" t="s">
        <v>200</v>
      </c>
      <c r="D32270" s="14" t="s">
        <v>52</v>
      </c>
      <c r="E32270" s="15">
        <v>45526</v>
      </c>
      <c r="F32270" s="14" t="s">
        <v>53</v>
      </c>
      <c r="G32270" s="16">
        <v>1.0386869649829091</v>
      </c>
    </row>
    <row r="32271" spans="1:7" x14ac:dyDescent="0.3">
      <c r="A32271" s="13" t="s">
        <v>199</v>
      </c>
      <c r="B32271" s="14" t="s">
        <v>1</v>
      </c>
      <c r="C32271" s="14" t="s">
        <v>200</v>
      </c>
      <c r="D32271" s="14" t="s">
        <v>52</v>
      </c>
      <c r="E32271" s="15">
        <v>45527</v>
      </c>
      <c r="F32271" s="14" t="s">
        <v>53</v>
      </c>
      <c r="G32271" s="16">
        <v>1.0331902331213243</v>
      </c>
    </row>
    <row r="32272" spans="1:7" x14ac:dyDescent="0.3">
      <c r="A32272" s="13" t="s">
        <v>199</v>
      </c>
      <c r="B32272" s="14" t="s">
        <v>1</v>
      </c>
      <c r="C32272" s="14" t="s">
        <v>200</v>
      </c>
      <c r="D32272" s="14" t="s">
        <v>52</v>
      </c>
      <c r="E32272" s="15">
        <v>45528</v>
      </c>
      <c r="F32272" s="14" t="s">
        <v>53</v>
      </c>
      <c r="G32272" s="16">
        <v>1.0331902331213243</v>
      </c>
    </row>
    <row r="32273" spans="1:7" x14ac:dyDescent="0.3">
      <c r="A32273" s="13" t="s">
        <v>199</v>
      </c>
      <c r="B32273" s="14" t="s">
        <v>1</v>
      </c>
      <c r="C32273" s="14" t="s">
        <v>200</v>
      </c>
      <c r="D32273" s="14" t="s">
        <v>52</v>
      </c>
      <c r="E32273" s="15">
        <v>45529</v>
      </c>
      <c r="F32273" s="14" t="s">
        <v>53</v>
      </c>
      <c r="G32273" s="16">
        <v>1.0331902331213243</v>
      </c>
    </row>
    <row r="32274" spans="1:7" x14ac:dyDescent="0.3">
      <c r="A32274" s="13" t="s">
        <v>199</v>
      </c>
      <c r="B32274" s="14" t="s">
        <v>1</v>
      </c>
      <c r="C32274" s="14" t="s">
        <v>200</v>
      </c>
      <c r="D32274" s="14" t="s">
        <v>52</v>
      </c>
      <c r="E32274" s="15">
        <v>45530</v>
      </c>
      <c r="F32274" s="14" t="s">
        <v>53</v>
      </c>
      <c r="G32274" s="16">
        <v>1.0501294348970371</v>
      </c>
    </row>
    <row r="32275" spans="1:7" x14ac:dyDescent="0.3">
      <c r="A32275" s="13" t="s">
        <v>199</v>
      </c>
      <c r="B32275" s="14" t="s">
        <v>1</v>
      </c>
      <c r="C32275" s="14" t="s">
        <v>200</v>
      </c>
      <c r="D32275" s="14" t="s">
        <v>52</v>
      </c>
      <c r="E32275" s="15">
        <v>45531</v>
      </c>
      <c r="F32275" s="14" t="s">
        <v>53</v>
      </c>
      <c r="G32275" s="16">
        <v>1.0634442370362565</v>
      </c>
    </row>
    <row r="32276" spans="1:7" x14ac:dyDescent="0.3">
      <c r="A32276" s="13" t="s">
        <v>199</v>
      </c>
      <c r="B32276" s="14" t="s">
        <v>1</v>
      </c>
      <c r="C32276" s="14" t="s">
        <v>200</v>
      </c>
      <c r="D32276" s="14" t="s">
        <v>52</v>
      </c>
      <c r="E32276" s="15">
        <v>45532</v>
      </c>
      <c r="F32276" s="14" t="s">
        <v>53</v>
      </c>
      <c r="G32276" s="16">
        <v>1.074923767330725</v>
      </c>
    </row>
    <row r="32277" spans="1:7" x14ac:dyDescent="0.3">
      <c r="A32277" s="13" t="s">
        <v>199</v>
      </c>
      <c r="B32277" s="14" t="s">
        <v>1</v>
      </c>
      <c r="C32277" s="14" t="s">
        <v>200</v>
      </c>
      <c r="D32277" s="14" t="s">
        <v>52</v>
      </c>
      <c r="E32277" s="15">
        <v>45533</v>
      </c>
      <c r="F32277" s="14" t="s">
        <v>53</v>
      </c>
      <c r="G32277" s="16">
        <v>1.0825299933943049</v>
      </c>
    </row>
    <row r="32278" spans="1:7" x14ac:dyDescent="0.3">
      <c r="A32278" s="13" t="s">
        <v>199</v>
      </c>
      <c r="B32278" s="14" t="s">
        <v>1</v>
      </c>
      <c r="C32278" s="14" t="s">
        <v>200</v>
      </c>
      <c r="D32278" s="14" t="s">
        <v>52</v>
      </c>
      <c r="E32278" s="15">
        <v>45534</v>
      </c>
      <c r="F32278" s="14" t="s">
        <v>53</v>
      </c>
      <c r="G32278" s="16">
        <v>1.0956291705970835</v>
      </c>
    </row>
    <row r="32279" spans="1:7" x14ac:dyDescent="0.3">
      <c r="A32279" s="13" t="s">
        <v>199</v>
      </c>
      <c r="B32279" s="14" t="s">
        <v>1</v>
      </c>
      <c r="C32279" s="14" t="s">
        <v>200</v>
      </c>
      <c r="D32279" s="14" t="s">
        <v>52</v>
      </c>
      <c r="E32279" s="15">
        <v>45535</v>
      </c>
      <c r="F32279" s="14" t="s">
        <v>53</v>
      </c>
      <c r="G32279" s="16">
        <v>1.0956291705970835</v>
      </c>
    </row>
    <row r="32280" spans="1:7" x14ac:dyDescent="0.3">
      <c r="A32280" s="13" t="s">
        <v>199</v>
      </c>
      <c r="B32280" s="14" t="s">
        <v>1</v>
      </c>
      <c r="C32280" s="14" t="s">
        <v>200</v>
      </c>
      <c r="D32280" s="14" t="s">
        <v>52</v>
      </c>
      <c r="E32280" s="15">
        <v>45536</v>
      </c>
      <c r="F32280" s="14" t="s">
        <v>53</v>
      </c>
      <c r="G32280" s="16">
        <v>1.0956291705970835</v>
      </c>
    </row>
    <row r="32281" spans="1:7" x14ac:dyDescent="0.3">
      <c r="A32281" s="13" t="s">
        <v>199</v>
      </c>
      <c r="B32281" s="14" t="s">
        <v>1</v>
      </c>
      <c r="C32281" s="14" t="s">
        <v>200</v>
      </c>
      <c r="D32281" s="14" t="s">
        <v>52</v>
      </c>
      <c r="E32281" s="15">
        <v>45537</v>
      </c>
      <c r="F32281" s="14" t="s">
        <v>53</v>
      </c>
      <c r="G32281" s="16">
        <v>1.0956291705970835</v>
      </c>
    </row>
    <row r="32282" spans="1:7" x14ac:dyDescent="0.3">
      <c r="A32282" s="13" t="s">
        <v>199</v>
      </c>
      <c r="B32282" s="14" t="s">
        <v>1</v>
      </c>
      <c r="C32282" s="14" t="s">
        <v>200</v>
      </c>
      <c r="D32282" s="14" t="s">
        <v>52</v>
      </c>
      <c r="E32282" s="15">
        <v>45538</v>
      </c>
      <c r="F32282" s="14" t="s">
        <v>53</v>
      </c>
      <c r="G32282" s="16">
        <v>1.1033572548287827</v>
      </c>
    </row>
    <row r="32283" spans="1:7" x14ac:dyDescent="0.3">
      <c r="A32283" s="13" t="s">
        <v>199</v>
      </c>
      <c r="B32283" s="14" t="s">
        <v>1</v>
      </c>
      <c r="C32283" s="14" t="s">
        <v>200</v>
      </c>
      <c r="D32283" s="14" t="s">
        <v>52</v>
      </c>
      <c r="E32283" s="15">
        <v>45539</v>
      </c>
      <c r="F32283" s="14" t="s">
        <v>53</v>
      </c>
      <c r="G32283" s="16">
        <v>1.1224912524743174</v>
      </c>
    </row>
    <row r="32284" spans="1:7" x14ac:dyDescent="0.3">
      <c r="A32284" s="13" t="s">
        <v>199</v>
      </c>
      <c r="B32284" s="14" t="s">
        <v>1</v>
      </c>
      <c r="C32284" s="14" t="s">
        <v>200</v>
      </c>
      <c r="D32284" s="14" t="s">
        <v>52</v>
      </c>
      <c r="E32284" s="15">
        <v>45540</v>
      </c>
      <c r="F32284" s="14" t="s">
        <v>53</v>
      </c>
      <c r="G32284" s="16">
        <v>1.1261489685968427</v>
      </c>
    </row>
    <row r="32285" spans="1:7" x14ac:dyDescent="0.3">
      <c r="A32285" s="13" t="s">
        <v>199</v>
      </c>
      <c r="B32285" s="14" t="s">
        <v>1</v>
      </c>
      <c r="C32285" s="14" t="s">
        <v>200</v>
      </c>
      <c r="D32285" s="14" t="s">
        <v>52</v>
      </c>
      <c r="E32285" s="15">
        <v>45541</v>
      </c>
      <c r="F32285" s="14" t="s">
        <v>53</v>
      </c>
      <c r="G32285" s="16">
        <v>1.137514658340208</v>
      </c>
    </row>
    <row r="32286" spans="1:7" x14ac:dyDescent="0.3">
      <c r="A32286" s="13" t="s">
        <v>199</v>
      </c>
      <c r="B32286" s="14" t="s">
        <v>1</v>
      </c>
      <c r="C32286" s="14" t="s">
        <v>200</v>
      </c>
      <c r="D32286" s="14" t="s">
        <v>52</v>
      </c>
      <c r="E32286" s="15">
        <v>45542</v>
      </c>
      <c r="F32286" s="14" t="s">
        <v>53</v>
      </c>
      <c r="G32286" s="16">
        <v>1.137514658340208</v>
      </c>
    </row>
    <row r="32287" spans="1:7" x14ac:dyDescent="0.3">
      <c r="A32287" s="13" t="s">
        <v>199</v>
      </c>
      <c r="B32287" s="14" t="s">
        <v>1</v>
      </c>
      <c r="C32287" s="14" t="s">
        <v>200</v>
      </c>
      <c r="D32287" s="14" t="s">
        <v>52</v>
      </c>
      <c r="E32287" s="15">
        <v>45543</v>
      </c>
      <c r="F32287" s="14" t="s">
        <v>53</v>
      </c>
      <c r="G32287" s="16">
        <v>1.137514658340208</v>
      </c>
    </row>
    <row r="32288" spans="1:7" x14ac:dyDescent="0.3">
      <c r="A32288" s="13" t="s">
        <v>199</v>
      </c>
      <c r="B32288" s="14" t="s">
        <v>1</v>
      </c>
      <c r="C32288" s="14" t="s">
        <v>200</v>
      </c>
      <c r="D32288" s="14" t="s">
        <v>52</v>
      </c>
      <c r="E32288" s="15">
        <v>45544</v>
      </c>
      <c r="F32288" s="14" t="s">
        <v>53</v>
      </c>
      <c r="G32288" s="16">
        <v>1.1511500070839582</v>
      </c>
    </row>
    <row r="32289" spans="1:7" x14ac:dyDescent="0.3">
      <c r="A32289" s="13" t="s">
        <v>199</v>
      </c>
      <c r="B32289" s="14" t="s">
        <v>1</v>
      </c>
      <c r="C32289" s="14" t="s">
        <v>200</v>
      </c>
      <c r="D32289" s="14" t="s">
        <v>52</v>
      </c>
      <c r="E32289" s="15">
        <v>45545</v>
      </c>
      <c r="F32289" s="14" t="s">
        <v>53</v>
      </c>
      <c r="G32289" s="16">
        <v>1.1684482563015859</v>
      </c>
    </row>
    <row r="32290" spans="1:7" x14ac:dyDescent="0.3">
      <c r="A32290" s="13" t="s">
        <v>199</v>
      </c>
      <c r="B32290" s="14" t="s">
        <v>1</v>
      </c>
      <c r="C32290" s="14" t="s">
        <v>200</v>
      </c>
      <c r="D32290" s="14" t="s">
        <v>52</v>
      </c>
      <c r="E32290" s="15">
        <v>45546</v>
      </c>
      <c r="F32290" s="14" t="s">
        <v>53</v>
      </c>
      <c r="G32290" s="16">
        <v>1.1797125250745482</v>
      </c>
    </row>
    <row r="32291" spans="1:7" x14ac:dyDescent="0.3">
      <c r="A32291" s="13" t="s">
        <v>199</v>
      </c>
      <c r="B32291" s="14" t="s">
        <v>1</v>
      </c>
      <c r="C32291" s="14" t="s">
        <v>200</v>
      </c>
      <c r="D32291" s="14" t="s">
        <v>52</v>
      </c>
      <c r="E32291" s="15">
        <v>45547</v>
      </c>
      <c r="F32291" s="14" t="s">
        <v>53</v>
      </c>
      <c r="G32291" s="16">
        <v>1.1786885485174237</v>
      </c>
    </row>
    <row r="32292" spans="1:7" x14ac:dyDescent="0.3">
      <c r="A32292" s="13" t="s">
        <v>199</v>
      </c>
      <c r="B32292" s="14" t="s">
        <v>1</v>
      </c>
      <c r="C32292" s="14" t="s">
        <v>200</v>
      </c>
      <c r="D32292" s="14" t="s">
        <v>52</v>
      </c>
      <c r="E32292" s="15">
        <v>45548</v>
      </c>
      <c r="F32292" s="14" t="s">
        <v>53</v>
      </c>
      <c r="G32292" s="16">
        <v>1.1844803115948548</v>
      </c>
    </row>
    <row r="32293" spans="1:7" x14ac:dyDescent="0.3">
      <c r="A32293" s="13" t="s">
        <v>199</v>
      </c>
      <c r="B32293" s="14" t="s">
        <v>1</v>
      </c>
      <c r="C32293" s="14" t="s">
        <v>200</v>
      </c>
      <c r="D32293" s="14" t="s">
        <v>52</v>
      </c>
      <c r="E32293" s="15">
        <v>45549</v>
      </c>
      <c r="F32293" s="14" t="s">
        <v>53</v>
      </c>
      <c r="G32293" s="16">
        <v>1.1844803115948548</v>
      </c>
    </row>
    <row r="32294" spans="1:7" x14ac:dyDescent="0.3">
      <c r="A32294" s="13" t="s">
        <v>199</v>
      </c>
      <c r="B32294" s="14" t="s">
        <v>1</v>
      </c>
      <c r="C32294" s="14" t="s">
        <v>200</v>
      </c>
      <c r="D32294" s="14" t="s">
        <v>52</v>
      </c>
      <c r="E32294" s="15">
        <v>45550</v>
      </c>
      <c r="F32294" s="14" t="s">
        <v>53</v>
      </c>
      <c r="G32294" s="16">
        <v>1.1844803115948548</v>
      </c>
    </row>
    <row r="32295" spans="1:7" x14ac:dyDescent="0.3">
      <c r="A32295" s="13" t="s">
        <v>199</v>
      </c>
      <c r="B32295" s="14" t="s">
        <v>1</v>
      </c>
      <c r="C32295" s="14" t="s">
        <v>200</v>
      </c>
      <c r="D32295" s="14" t="s">
        <v>52</v>
      </c>
      <c r="E32295" s="15">
        <v>45551</v>
      </c>
      <c r="F32295" s="14" t="s">
        <v>53</v>
      </c>
      <c r="G32295" s="16">
        <v>1.182386421224638</v>
      </c>
    </row>
    <row r="32296" spans="1:7" x14ac:dyDescent="0.3">
      <c r="A32296" s="13" t="s">
        <v>199</v>
      </c>
      <c r="B32296" s="14" t="s">
        <v>1</v>
      </c>
      <c r="C32296" s="14" t="s">
        <v>200</v>
      </c>
      <c r="D32296" s="14" t="s">
        <v>52</v>
      </c>
      <c r="E32296" s="15">
        <v>45552</v>
      </c>
      <c r="F32296" s="14" t="s">
        <v>53</v>
      </c>
      <c r="G32296" s="16">
        <v>1.2039362261927222</v>
      </c>
    </row>
    <row r="32297" spans="1:7" x14ac:dyDescent="0.3">
      <c r="A32297" s="13" t="s">
        <v>199</v>
      </c>
      <c r="B32297" s="14" t="s">
        <v>1</v>
      </c>
      <c r="C32297" s="14" t="s">
        <v>200</v>
      </c>
      <c r="D32297" s="14" t="s">
        <v>52</v>
      </c>
      <c r="E32297" s="15">
        <v>45553</v>
      </c>
      <c r="F32297" s="14" t="s">
        <v>53</v>
      </c>
      <c r="G32297" s="16">
        <v>1.2056923896180414</v>
      </c>
    </row>
    <row r="32298" spans="1:7" x14ac:dyDescent="0.3">
      <c r="A32298" s="13" t="s">
        <v>199</v>
      </c>
      <c r="B32298" s="14" t="s">
        <v>1</v>
      </c>
      <c r="C32298" s="14" t="s">
        <v>200</v>
      </c>
      <c r="D32298" s="14" t="s">
        <v>52</v>
      </c>
      <c r="E32298" s="15">
        <v>45554</v>
      </c>
      <c r="F32298" s="14" t="s">
        <v>53</v>
      </c>
      <c r="G32298" s="16">
        <v>1.2057199155523917</v>
      </c>
    </row>
    <row r="32299" spans="1:7" x14ac:dyDescent="0.3">
      <c r="A32299" s="13" t="s">
        <v>199</v>
      </c>
      <c r="B32299" s="14" t="s">
        <v>1</v>
      </c>
      <c r="C32299" s="14" t="s">
        <v>200</v>
      </c>
      <c r="D32299" s="14" t="s">
        <v>52</v>
      </c>
      <c r="E32299" s="15">
        <v>45555</v>
      </c>
      <c r="F32299" s="14" t="s">
        <v>53</v>
      </c>
      <c r="G32299" s="16">
        <v>1.2101500049228207</v>
      </c>
    </row>
    <row r="32300" spans="1:7" x14ac:dyDescent="0.3">
      <c r="A32300" s="13" t="s">
        <v>199</v>
      </c>
      <c r="B32300" s="14" t="s">
        <v>1</v>
      </c>
      <c r="C32300" s="14" t="s">
        <v>200</v>
      </c>
      <c r="D32300" s="14" t="s">
        <v>52</v>
      </c>
      <c r="E32300" s="15">
        <v>45556</v>
      </c>
      <c r="F32300" s="14" t="s">
        <v>53</v>
      </c>
      <c r="G32300" s="16">
        <v>1.2101500049228207</v>
      </c>
    </row>
    <row r="32301" spans="1:7" x14ac:dyDescent="0.3">
      <c r="A32301" s="13" t="s">
        <v>199</v>
      </c>
      <c r="B32301" s="14" t="s">
        <v>1</v>
      </c>
      <c r="C32301" s="14" t="s">
        <v>200</v>
      </c>
      <c r="D32301" s="14" t="s">
        <v>52</v>
      </c>
      <c r="E32301" s="15">
        <v>45557</v>
      </c>
      <c r="F32301" s="14" t="s">
        <v>53</v>
      </c>
      <c r="G32301" s="16">
        <v>1.2101500049228207</v>
      </c>
    </row>
    <row r="32302" spans="1:7" x14ac:dyDescent="0.3">
      <c r="A32302" s="13" t="s">
        <v>199</v>
      </c>
      <c r="B32302" s="14" t="s">
        <v>1</v>
      </c>
      <c r="C32302" s="14" t="s">
        <v>200</v>
      </c>
      <c r="D32302" s="14" t="s">
        <v>52</v>
      </c>
      <c r="E32302" s="15">
        <v>45558</v>
      </c>
      <c r="F32302" s="14" t="s">
        <v>53</v>
      </c>
      <c r="G32302" s="16">
        <v>1.2147434302461393</v>
      </c>
    </row>
    <row r="32303" spans="1:7" x14ac:dyDescent="0.3">
      <c r="A32303" s="13" t="s">
        <v>199</v>
      </c>
      <c r="B32303" s="14" t="s">
        <v>1</v>
      </c>
      <c r="C32303" s="14" t="s">
        <v>200</v>
      </c>
      <c r="D32303" s="14" t="s">
        <v>52</v>
      </c>
      <c r="E32303" s="15">
        <v>45559</v>
      </c>
      <c r="F32303" s="14" t="s">
        <v>53</v>
      </c>
      <c r="G32303" s="16">
        <v>1.2282149125653481</v>
      </c>
    </row>
    <row r="32304" spans="1:7" x14ac:dyDescent="0.3">
      <c r="A32304" s="13" t="s">
        <v>199</v>
      </c>
      <c r="B32304" s="14" t="s">
        <v>1</v>
      </c>
      <c r="C32304" s="14" t="s">
        <v>200</v>
      </c>
      <c r="D32304" s="14" t="s">
        <v>52</v>
      </c>
      <c r="E32304" s="15">
        <v>45560</v>
      </c>
      <c r="F32304" s="14" t="s">
        <v>53</v>
      </c>
      <c r="G32304" s="16">
        <v>1.2427855904105987</v>
      </c>
    </row>
    <row r="32305" spans="1:7" x14ac:dyDescent="0.3">
      <c r="A32305" s="13" t="s">
        <v>199</v>
      </c>
      <c r="B32305" s="14" t="s">
        <v>1</v>
      </c>
      <c r="C32305" s="14" t="s">
        <v>200</v>
      </c>
      <c r="D32305" s="14" t="s">
        <v>52</v>
      </c>
      <c r="E32305" s="15">
        <v>45561</v>
      </c>
      <c r="F32305" s="14" t="s">
        <v>53</v>
      </c>
      <c r="G32305" s="16">
        <v>1.2408854003964553</v>
      </c>
    </row>
    <row r="32306" spans="1:7" x14ac:dyDescent="0.3">
      <c r="A32306" s="13" t="s">
        <v>199</v>
      </c>
      <c r="B32306" s="14" t="s">
        <v>1</v>
      </c>
      <c r="C32306" s="14" t="s">
        <v>200</v>
      </c>
      <c r="D32306" s="14" t="s">
        <v>52</v>
      </c>
      <c r="E32306" s="15">
        <v>45562</v>
      </c>
      <c r="F32306" s="14" t="s">
        <v>53</v>
      </c>
      <c r="G32306" s="16">
        <v>1.2510768202483118</v>
      </c>
    </row>
    <row r="32307" spans="1:7" x14ac:dyDescent="0.3">
      <c r="A32307" s="13" t="s">
        <v>199</v>
      </c>
      <c r="B32307" s="14" t="s">
        <v>1</v>
      </c>
      <c r="C32307" s="14" t="s">
        <v>200</v>
      </c>
      <c r="D32307" s="14" t="s">
        <v>52</v>
      </c>
      <c r="E32307" s="15">
        <v>45563</v>
      </c>
      <c r="F32307" s="14" t="s">
        <v>53</v>
      </c>
      <c r="G32307" s="16">
        <v>1.2510768202483118</v>
      </c>
    </row>
    <row r="32308" spans="1:7" x14ac:dyDescent="0.3">
      <c r="A32308" s="13" t="s">
        <v>199</v>
      </c>
      <c r="B32308" s="14" t="s">
        <v>1</v>
      </c>
      <c r="C32308" s="14" t="s">
        <v>200</v>
      </c>
      <c r="D32308" s="14" t="s">
        <v>52</v>
      </c>
      <c r="E32308" s="15">
        <v>45564</v>
      </c>
      <c r="F32308" s="14" t="s">
        <v>53</v>
      </c>
      <c r="G32308" s="16">
        <v>1.2510768202483118</v>
      </c>
    </row>
    <row r="32309" spans="1:7" x14ac:dyDescent="0.3">
      <c r="A32309" s="13" t="s">
        <v>199</v>
      </c>
      <c r="B32309" s="14" t="s">
        <v>1</v>
      </c>
      <c r="C32309" s="14" t="s">
        <v>200</v>
      </c>
      <c r="D32309" s="14" t="s">
        <v>52</v>
      </c>
      <c r="E32309" s="15">
        <v>45565</v>
      </c>
      <c r="F32309" s="14" t="s">
        <v>53</v>
      </c>
      <c r="G32309" s="16">
        <v>1.2581151508581006</v>
      </c>
    </row>
    <row r="32310" spans="1:7" x14ac:dyDescent="0.3">
      <c r="A32310" s="13" t="s">
        <v>199</v>
      </c>
      <c r="B32310" s="14" t="s">
        <v>1</v>
      </c>
      <c r="C32310" s="14" t="s">
        <v>200</v>
      </c>
      <c r="D32310" s="14" t="s">
        <v>52</v>
      </c>
      <c r="E32310" s="15">
        <v>45566</v>
      </c>
      <c r="F32310" s="14" t="s">
        <v>53</v>
      </c>
      <c r="G32310" s="16">
        <v>1.2771836702861743</v>
      </c>
    </row>
    <row r="32311" spans="1:7" x14ac:dyDescent="0.3">
      <c r="A32311" s="13" t="s">
        <v>199</v>
      </c>
      <c r="B32311" s="14" t="s">
        <v>1</v>
      </c>
      <c r="C32311" s="14" t="s">
        <v>200</v>
      </c>
      <c r="D32311" s="14" t="s">
        <v>52</v>
      </c>
      <c r="E32311" s="15">
        <v>45567</v>
      </c>
      <c r="F32311" s="14" t="s">
        <v>53</v>
      </c>
      <c r="G32311" s="16">
        <v>1.2883383501336922</v>
      </c>
    </row>
    <row r="32312" spans="1:7" x14ac:dyDescent="0.3">
      <c r="A32312" s="13" t="s">
        <v>199</v>
      </c>
      <c r="B32312" s="14" t="s">
        <v>1</v>
      </c>
      <c r="C32312" s="14" t="s">
        <v>200</v>
      </c>
      <c r="D32312" s="14" t="s">
        <v>52</v>
      </c>
      <c r="E32312" s="15">
        <v>45568</v>
      </c>
      <c r="F32312" s="14" t="s">
        <v>53</v>
      </c>
      <c r="G32312" s="16">
        <v>1.3088729946788906</v>
      </c>
    </row>
    <row r="32313" spans="1:7" x14ac:dyDescent="0.3">
      <c r="A32313" s="13" t="s">
        <v>199</v>
      </c>
      <c r="B32313" s="14" t="s">
        <v>1</v>
      </c>
      <c r="C32313" s="14" t="s">
        <v>200</v>
      </c>
      <c r="D32313" s="14" t="s">
        <v>52</v>
      </c>
      <c r="E32313" s="15">
        <v>45569</v>
      </c>
      <c r="F32313" s="14" t="s">
        <v>53</v>
      </c>
      <c r="G32313" s="16">
        <v>1.3154428980579043</v>
      </c>
    </row>
    <row r="32314" spans="1:7" x14ac:dyDescent="0.3">
      <c r="A32314" s="13" t="s">
        <v>199</v>
      </c>
      <c r="B32314" s="14" t="s">
        <v>1</v>
      </c>
      <c r="C32314" s="14" t="s">
        <v>200</v>
      </c>
      <c r="D32314" s="14" t="s">
        <v>52</v>
      </c>
      <c r="E32314" s="15">
        <v>45570</v>
      </c>
      <c r="F32314" s="14" t="s">
        <v>53</v>
      </c>
      <c r="G32314" s="16">
        <v>1.3154428980579043</v>
      </c>
    </row>
    <row r="32315" spans="1:7" x14ac:dyDescent="0.3">
      <c r="A32315" s="13" t="s">
        <v>199</v>
      </c>
      <c r="B32315" s="14" t="s">
        <v>1</v>
      </c>
      <c r="C32315" s="14" t="s">
        <v>200</v>
      </c>
      <c r="D32315" s="14" t="s">
        <v>52</v>
      </c>
      <c r="E32315" s="15">
        <v>45571</v>
      </c>
      <c r="F32315" s="14" t="s">
        <v>53</v>
      </c>
      <c r="G32315" s="16">
        <v>1.3154428980579043</v>
      </c>
    </row>
    <row r="32316" spans="1:7" x14ac:dyDescent="0.3">
      <c r="A32316" s="13" t="s">
        <v>199</v>
      </c>
      <c r="B32316" s="14" t="s">
        <v>1</v>
      </c>
      <c r="C32316" s="14" t="s">
        <v>200</v>
      </c>
      <c r="D32316" s="14" t="s">
        <v>52</v>
      </c>
      <c r="E32316" s="15">
        <v>45572</v>
      </c>
      <c r="F32316" s="14" t="s">
        <v>53</v>
      </c>
      <c r="G32316" s="16">
        <v>1.3319640107115815</v>
      </c>
    </row>
    <row r="32317" spans="1:7" x14ac:dyDescent="0.3">
      <c r="A32317" s="13" t="s">
        <v>199</v>
      </c>
      <c r="B32317" s="14" t="s">
        <v>1</v>
      </c>
      <c r="C32317" s="14" t="s">
        <v>200</v>
      </c>
      <c r="D32317" s="14" t="s">
        <v>52</v>
      </c>
      <c r="E32317" s="15">
        <v>45573</v>
      </c>
      <c r="F32317" s="14" t="s">
        <v>53</v>
      </c>
      <c r="G32317" s="16">
        <v>1.3486074838031561</v>
      </c>
    </row>
    <row r="32318" spans="1:7" x14ac:dyDescent="0.3">
      <c r="A32318" s="13" t="s">
        <v>199</v>
      </c>
      <c r="B32318" s="14" t="s">
        <v>1</v>
      </c>
      <c r="C32318" s="14" t="s">
        <v>200</v>
      </c>
      <c r="D32318" s="14" t="s">
        <v>52</v>
      </c>
      <c r="E32318" s="15">
        <v>45574</v>
      </c>
      <c r="F32318" s="14" t="s">
        <v>53</v>
      </c>
      <c r="G32318" s="16">
        <v>1.3583567796259215</v>
      </c>
    </row>
    <row r="32319" spans="1:7" x14ac:dyDescent="0.3">
      <c r="A32319" s="13" t="s">
        <v>199</v>
      </c>
      <c r="B32319" s="14" t="s">
        <v>1</v>
      </c>
      <c r="C32319" s="14" t="s">
        <v>200</v>
      </c>
      <c r="D32319" s="14" t="s">
        <v>52</v>
      </c>
      <c r="E32319" s="15">
        <v>45575</v>
      </c>
      <c r="F32319" s="14" t="s">
        <v>53</v>
      </c>
      <c r="G32319" s="16">
        <v>1.3645898079217376</v>
      </c>
    </row>
    <row r="32320" spans="1:7" x14ac:dyDescent="0.3">
      <c r="A32320" s="13" t="s">
        <v>199</v>
      </c>
      <c r="B32320" s="14" t="s">
        <v>1</v>
      </c>
      <c r="C32320" s="14" t="s">
        <v>200</v>
      </c>
      <c r="D32320" s="14" t="s">
        <v>52</v>
      </c>
      <c r="E32320" s="15">
        <v>45576</v>
      </c>
      <c r="F32320" s="14" t="s">
        <v>53</v>
      </c>
      <c r="G32320" s="16">
        <v>1.3695478022750873</v>
      </c>
    </row>
    <row r="32321" spans="1:7" x14ac:dyDescent="0.3">
      <c r="A32321" s="13" t="s">
        <v>199</v>
      </c>
      <c r="B32321" s="14" t="s">
        <v>1</v>
      </c>
      <c r="C32321" s="14" t="s">
        <v>200</v>
      </c>
      <c r="D32321" s="14" t="s">
        <v>52</v>
      </c>
      <c r="E32321" s="15">
        <v>45577</v>
      </c>
      <c r="F32321" s="14" t="s">
        <v>53</v>
      </c>
      <c r="G32321" s="16">
        <v>1.3695478022750873</v>
      </c>
    </row>
    <row r="32322" spans="1:7" x14ac:dyDescent="0.3">
      <c r="A32322" s="13" t="s">
        <v>199</v>
      </c>
      <c r="B32322" s="14" t="s">
        <v>1</v>
      </c>
      <c r="C32322" s="14" t="s">
        <v>200</v>
      </c>
      <c r="D32322" s="14" t="s">
        <v>52</v>
      </c>
      <c r="E32322" s="15">
        <v>45578</v>
      </c>
      <c r="F32322" s="14" t="s">
        <v>53</v>
      </c>
      <c r="G32322" s="16">
        <v>1.3695478022750873</v>
      </c>
    </row>
    <row r="32323" spans="1:7" x14ac:dyDescent="0.3">
      <c r="A32323" s="13" t="s">
        <v>199</v>
      </c>
      <c r="B32323" s="14" t="s">
        <v>1</v>
      </c>
      <c r="C32323" s="14" t="s">
        <v>200</v>
      </c>
      <c r="D32323" s="14" t="s">
        <v>52</v>
      </c>
      <c r="E32323" s="15">
        <v>45579</v>
      </c>
      <c r="F32323" s="14" t="s">
        <v>53</v>
      </c>
      <c r="G32323" s="16">
        <v>1.3695478022750873</v>
      </c>
    </row>
    <row r="32324" spans="1:7" x14ac:dyDescent="0.3">
      <c r="A32324" s="13" t="s">
        <v>199</v>
      </c>
      <c r="B32324" s="14" t="s">
        <v>1</v>
      </c>
      <c r="C32324" s="14" t="s">
        <v>200</v>
      </c>
      <c r="D32324" s="14" t="s">
        <v>52</v>
      </c>
      <c r="E32324" s="15">
        <v>45580</v>
      </c>
      <c r="F32324" s="14" t="s">
        <v>53</v>
      </c>
      <c r="G32324" s="16">
        <v>1.3750911354736488</v>
      </c>
    </row>
    <row r="32325" spans="1:7" x14ac:dyDescent="0.3">
      <c r="A32325" s="13" t="s">
        <v>199</v>
      </c>
      <c r="B32325" s="14" t="s">
        <v>1</v>
      </c>
      <c r="C32325" s="14" t="s">
        <v>200</v>
      </c>
      <c r="D32325" s="14" t="s">
        <v>52</v>
      </c>
      <c r="E32325" s="15">
        <v>45581</v>
      </c>
      <c r="F32325" s="14" t="s">
        <v>53</v>
      </c>
      <c r="G32325" s="16">
        <v>1.4087780917861426</v>
      </c>
    </row>
    <row r="32326" spans="1:7" x14ac:dyDescent="0.3">
      <c r="A32326" s="13" t="s">
        <v>199</v>
      </c>
      <c r="B32326" s="14" t="s">
        <v>1</v>
      </c>
      <c r="C32326" s="14" t="s">
        <v>200</v>
      </c>
      <c r="D32326" s="14" t="s">
        <v>52</v>
      </c>
      <c r="E32326" s="15">
        <v>45582</v>
      </c>
      <c r="F32326" s="14" t="s">
        <v>53</v>
      </c>
      <c r="G32326" s="16">
        <v>1.4151369834437326</v>
      </c>
    </row>
    <row r="32327" spans="1:7" x14ac:dyDescent="0.3">
      <c r="A32327" s="13" t="s">
        <v>199</v>
      </c>
      <c r="B32327" s="14" t="s">
        <v>1</v>
      </c>
      <c r="C32327" s="14" t="s">
        <v>200</v>
      </c>
      <c r="D32327" s="14" t="s">
        <v>52</v>
      </c>
      <c r="E32327" s="15">
        <v>45583</v>
      </c>
      <c r="F32327" s="14" t="s">
        <v>53</v>
      </c>
      <c r="G32327" s="16">
        <v>1.4246251134757224</v>
      </c>
    </row>
    <row r="32328" spans="1:7" x14ac:dyDescent="0.3">
      <c r="A32328" s="13" t="s">
        <v>199</v>
      </c>
      <c r="B32328" s="14" t="s">
        <v>1</v>
      </c>
      <c r="C32328" s="14" t="s">
        <v>200</v>
      </c>
      <c r="D32328" s="14" t="s">
        <v>52</v>
      </c>
      <c r="E32328" s="15">
        <v>45584</v>
      </c>
      <c r="F32328" s="14" t="s">
        <v>53</v>
      </c>
      <c r="G32328" s="16">
        <v>1.4246251134757224</v>
      </c>
    </row>
    <row r="32329" spans="1:7" x14ac:dyDescent="0.3">
      <c r="A32329" s="13" t="s">
        <v>199</v>
      </c>
      <c r="B32329" s="14" t="s">
        <v>1</v>
      </c>
      <c r="C32329" s="14" t="s">
        <v>200</v>
      </c>
      <c r="D32329" s="14" t="s">
        <v>52</v>
      </c>
      <c r="E32329" s="15">
        <v>45585</v>
      </c>
      <c r="F32329" s="14" t="s">
        <v>53</v>
      </c>
      <c r="G32329" s="16">
        <v>1.4246251134757224</v>
      </c>
    </row>
    <row r="32330" spans="1:7" x14ac:dyDescent="0.3">
      <c r="A32330" s="13" t="s">
        <v>199</v>
      </c>
      <c r="B32330" s="14" t="s">
        <v>1</v>
      </c>
      <c r="C32330" s="14" t="s">
        <v>200</v>
      </c>
      <c r="D32330" s="14" t="s">
        <v>52</v>
      </c>
      <c r="E32330" s="15">
        <v>45586</v>
      </c>
      <c r="F32330" s="14" t="s">
        <v>53</v>
      </c>
      <c r="G32330" s="16">
        <v>1.4441355877627517</v>
      </c>
    </row>
    <row r="32331" spans="1:7" x14ac:dyDescent="0.3">
      <c r="A32331" s="13" t="s">
        <v>199</v>
      </c>
      <c r="B32331" s="14" t="s">
        <v>1</v>
      </c>
      <c r="C32331" s="14" t="s">
        <v>200</v>
      </c>
      <c r="D32331" s="14" t="s">
        <v>52</v>
      </c>
      <c r="E32331" s="15">
        <v>45587</v>
      </c>
      <c r="F32331" s="14" t="s">
        <v>53</v>
      </c>
      <c r="G32331" s="16">
        <v>1.4641956109758907</v>
      </c>
    </row>
    <row r="32332" spans="1:7" x14ac:dyDescent="0.3">
      <c r="A32332" s="13" t="s">
        <v>199</v>
      </c>
      <c r="B32332" s="14" t="s">
        <v>1</v>
      </c>
      <c r="C32332" s="14" t="s">
        <v>200</v>
      </c>
      <c r="D32332" s="14" t="s">
        <v>52</v>
      </c>
      <c r="E32332" s="15">
        <v>45588</v>
      </c>
      <c r="F32332" s="14" t="s">
        <v>53</v>
      </c>
      <c r="G32332" s="16">
        <v>1.4781511683070023</v>
      </c>
    </row>
    <row r="32333" spans="1:7" x14ac:dyDescent="0.3">
      <c r="A32333" s="13" t="s">
        <v>199</v>
      </c>
      <c r="B32333" s="14" t="s">
        <v>1</v>
      </c>
      <c r="C32333" s="14" t="s">
        <v>200</v>
      </c>
      <c r="D32333" s="14" t="s">
        <v>52</v>
      </c>
      <c r="E32333" s="15">
        <v>45589</v>
      </c>
      <c r="F32333" s="14" t="s">
        <v>53</v>
      </c>
      <c r="G32333" s="16">
        <v>1.4787293624371802</v>
      </c>
    </row>
    <row r="32334" spans="1:7" x14ac:dyDescent="0.3">
      <c r="A32334" s="13" t="s">
        <v>199</v>
      </c>
      <c r="B32334" s="14" t="s">
        <v>1</v>
      </c>
      <c r="C32334" s="14" t="s">
        <v>200</v>
      </c>
      <c r="D32334" s="14" t="s">
        <v>52</v>
      </c>
      <c r="E32334" s="15">
        <v>45590</v>
      </c>
      <c r="F32334" s="14" t="s">
        <v>53</v>
      </c>
      <c r="G32334" s="16">
        <v>1.4864988540348707</v>
      </c>
    </row>
    <row r="32335" spans="1:7" x14ac:dyDescent="0.3">
      <c r="A32335" s="13" t="s">
        <v>199</v>
      </c>
      <c r="B32335" s="14" t="s">
        <v>1</v>
      </c>
      <c r="C32335" s="14" t="s">
        <v>200</v>
      </c>
      <c r="D32335" s="14" t="s">
        <v>52</v>
      </c>
      <c r="E32335" s="15">
        <v>45591</v>
      </c>
      <c r="F32335" s="14" t="s">
        <v>53</v>
      </c>
      <c r="G32335" s="16">
        <v>1.4864988540348707</v>
      </c>
    </row>
    <row r="32336" spans="1:7" x14ac:dyDescent="0.3">
      <c r="A32336" s="13" t="s">
        <v>199</v>
      </c>
      <c r="B32336" s="14" t="s">
        <v>1</v>
      </c>
      <c r="C32336" s="14" t="s">
        <v>200</v>
      </c>
      <c r="D32336" s="14" t="s">
        <v>52</v>
      </c>
      <c r="E32336" s="15">
        <v>45592</v>
      </c>
      <c r="F32336" s="14" t="s">
        <v>53</v>
      </c>
      <c r="G32336" s="16">
        <v>1.4864988540348707</v>
      </c>
    </row>
    <row r="32337" spans="1:7" x14ac:dyDescent="0.3">
      <c r="A32337" s="13" t="s">
        <v>199</v>
      </c>
      <c r="B32337" s="14" t="s">
        <v>1</v>
      </c>
      <c r="C32337" s="14" t="s">
        <v>200</v>
      </c>
      <c r="D32337" s="14" t="s">
        <v>52</v>
      </c>
      <c r="E32337" s="15">
        <v>45593</v>
      </c>
      <c r="F32337" s="14" t="s">
        <v>53</v>
      </c>
      <c r="G32337" s="16">
        <v>1.4864988540348707</v>
      </c>
    </row>
    <row r="32338" spans="1:7" x14ac:dyDescent="0.3">
      <c r="A32338" s="13" t="s">
        <v>199</v>
      </c>
      <c r="B32338" s="14" t="s">
        <v>1</v>
      </c>
      <c r="C32338" s="14" t="s">
        <v>200</v>
      </c>
      <c r="D32338" s="14" t="s">
        <v>52</v>
      </c>
      <c r="E32338" s="15">
        <v>45594</v>
      </c>
      <c r="F32338" s="14" t="s">
        <v>53</v>
      </c>
      <c r="G32338" s="16">
        <v>1.4877422751910188</v>
      </c>
    </row>
    <row r="32339" spans="1:7" x14ac:dyDescent="0.3">
      <c r="A32339" s="13" t="s">
        <v>199</v>
      </c>
      <c r="B32339" s="14" t="s">
        <v>1</v>
      </c>
      <c r="C32339" s="14" t="s">
        <v>200</v>
      </c>
      <c r="D32339" s="14" t="s">
        <v>52</v>
      </c>
      <c r="E32339" s="15">
        <v>45595</v>
      </c>
      <c r="F32339" s="14" t="s">
        <v>53</v>
      </c>
      <c r="G32339" s="16">
        <v>1.5209038196011455</v>
      </c>
    </row>
    <row r="32340" spans="1:7" x14ac:dyDescent="0.3">
      <c r="A32340" s="13" t="s">
        <v>199</v>
      </c>
      <c r="B32340" s="14" t="s">
        <v>1</v>
      </c>
      <c r="C32340" s="14" t="s">
        <v>200</v>
      </c>
      <c r="D32340" s="14" t="s">
        <v>52</v>
      </c>
      <c r="E32340" s="15">
        <v>45596</v>
      </c>
      <c r="F32340" s="14" t="s">
        <v>53</v>
      </c>
      <c r="G32340" s="16">
        <v>1.5350762628170618</v>
      </c>
    </row>
    <row r="32341" spans="1:7" x14ac:dyDescent="0.3">
      <c r="A32341" s="13" t="s">
        <v>199</v>
      </c>
      <c r="B32341" s="14" t="s">
        <v>1</v>
      </c>
      <c r="C32341" s="14" t="s">
        <v>200</v>
      </c>
      <c r="D32341" s="14" t="s">
        <v>52</v>
      </c>
      <c r="E32341" s="15">
        <v>45597</v>
      </c>
      <c r="F32341" s="14" t="s">
        <v>53</v>
      </c>
      <c r="G32341" s="16">
        <v>1.5377363686200141</v>
      </c>
    </row>
    <row r="32342" spans="1:7" x14ac:dyDescent="0.3">
      <c r="A32342" s="13" t="s">
        <v>199</v>
      </c>
      <c r="B32342" s="14" t="s">
        <v>1</v>
      </c>
      <c r="C32342" s="14" t="s">
        <v>200</v>
      </c>
      <c r="D32342" s="14" t="s">
        <v>52</v>
      </c>
      <c r="E32342" s="15">
        <v>45598</v>
      </c>
      <c r="F32342" s="14" t="s">
        <v>53</v>
      </c>
      <c r="G32342" s="16">
        <v>1.5377363686200141</v>
      </c>
    </row>
    <row r="32343" spans="1:7" x14ac:dyDescent="0.3">
      <c r="A32343" s="13" t="s">
        <v>199</v>
      </c>
      <c r="B32343" s="14" t="s">
        <v>1</v>
      </c>
      <c r="C32343" s="14" t="s">
        <v>200</v>
      </c>
      <c r="D32343" s="14" t="s">
        <v>52</v>
      </c>
      <c r="E32343" s="15">
        <v>45599</v>
      </c>
      <c r="F32343" s="14" t="s">
        <v>53</v>
      </c>
      <c r="G32343" s="16">
        <v>1.5377363686200141</v>
      </c>
    </row>
    <row r="32344" spans="1:7" x14ac:dyDescent="0.3">
      <c r="A32344" s="13" t="s">
        <v>199</v>
      </c>
      <c r="B32344" s="14" t="s">
        <v>1</v>
      </c>
      <c r="C32344" s="14" t="s">
        <v>200</v>
      </c>
      <c r="D32344" s="14" t="s">
        <v>52</v>
      </c>
      <c r="E32344" s="15">
        <v>45600</v>
      </c>
      <c r="F32344" s="14" t="s">
        <v>53</v>
      </c>
      <c r="G32344" s="16">
        <v>1.5428063675492483</v>
      </c>
    </row>
    <row r="32345" spans="1:7" x14ac:dyDescent="0.3">
      <c r="A32345" s="13" t="s">
        <v>199</v>
      </c>
      <c r="B32345" s="14" t="s">
        <v>1</v>
      </c>
      <c r="C32345" s="14" t="s">
        <v>200</v>
      </c>
      <c r="D32345" s="14" t="s">
        <v>52</v>
      </c>
      <c r="E32345" s="15">
        <v>45601</v>
      </c>
      <c r="F32345" s="14" t="s">
        <v>53</v>
      </c>
      <c r="G32345" s="16">
        <v>1.5614578783844351</v>
      </c>
    </row>
    <row r="32346" spans="1:7" x14ac:dyDescent="0.3">
      <c r="A32346" s="13" t="s">
        <v>199</v>
      </c>
      <c r="B32346" s="14" t="s">
        <v>1</v>
      </c>
      <c r="C32346" s="14" t="s">
        <v>200</v>
      </c>
      <c r="D32346" s="14" t="s">
        <v>52</v>
      </c>
      <c r="E32346" s="15">
        <v>45602</v>
      </c>
      <c r="F32346" s="14" t="s">
        <v>53</v>
      </c>
      <c r="G32346" s="16">
        <v>1.5874621812070833</v>
      </c>
    </row>
    <row r="32347" spans="1:7" x14ac:dyDescent="0.3">
      <c r="A32347" s="13" t="s">
        <v>199</v>
      </c>
      <c r="B32347" s="14" t="s">
        <v>1</v>
      </c>
      <c r="C32347" s="14" t="s">
        <v>200</v>
      </c>
      <c r="D32347" s="14" t="s">
        <v>52</v>
      </c>
      <c r="E32347" s="15">
        <v>45603</v>
      </c>
      <c r="F32347" s="14" t="s">
        <v>53</v>
      </c>
      <c r="G32347" s="16">
        <v>1.573782055130662</v>
      </c>
    </row>
    <row r="32348" spans="1:7" x14ac:dyDescent="0.3">
      <c r="A32348" s="13" t="s">
        <v>199</v>
      </c>
      <c r="B32348" s="14" t="s">
        <v>1</v>
      </c>
      <c r="C32348" s="14" t="s">
        <v>200</v>
      </c>
      <c r="D32348" s="14" t="s">
        <v>52</v>
      </c>
      <c r="E32348" s="15">
        <v>45604</v>
      </c>
      <c r="F32348" s="14" t="s">
        <v>53</v>
      </c>
      <c r="G32348" s="16">
        <v>1.5897790580552056</v>
      </c>
    </row>
    <row r="32349" spans="1:7" x14ac:dyDescent="0.3">
      <c r="A32349" s="13" t="s">
        <v>199</v>
      </c>
      <c r="B32349" s="14" t="s">
        <v>1</v>
      </c>
      <c r="C32349" s="14" t="s">
        <v>200</v>
      </c>
      <c r="D32349" s="14" t="s">
        <v>52</v>
      </c>
      <c r="E32349" s="15">
        <v>45605</v>
      </c>
      <c r="F32349" s="14" t="s">
        <v>53</v>
      </c>
      <c r="G32349" s="16">
        <v>1.5897790580552056</v>
      </c>
    </row>
    <row r="32350" spans="1:7" x14ac:dyDescent="0.3">
      <c r="A32350" s="13" t="s">
        <v>199</v>
      </c>
      <c r="B32350" s="14" t="s">
        <v>1</v>
      </c>
      <c r="C32350" s="14" t="s">
        <v>200</v>
      </c>
      <c r="D32350" s="14" t="s">
        <v>52</v>
      </c>
      <c r="E32350" s="15">
        <v>45606</v>
      </c>
      <c r="F32350" s="14" t="s">
        <v>53</v>
      </c>
      <c r="G32350" s="16">
        <v>1.5897790580552056</v>
      </c>
    </row>
    <row r="32351" spans="1:7" x14ac:dyDescent="0.3">
      <c r="A32351" s="13" t="s">
        <v>199</v>
      </c>
      <c r="B32351" s="14" t="s">
        <v>1</v>
      </c>
      <c r="C32351" s="14" t="s">
        <v>200</v>
      </c>
      <c r="D32351" s="14" t="s">
        <v>52</v>
      </c>
      <c r="E32351" s="15">
        <v>45607</v>
      </c>
      <c r="F32351" s="14" t="s">
        <v>53</v>
      </c>
      <c r="G32351" s="16">
        <v>1.5897790580552056</v>
      </c>
    </row>
    <row r="32352" spans="1:7" x14ac:dyDescent="0.3">
      <c r="A32352" s="13" t="s">
        <v>199</v>
      </c>
      <c r="B32352" s="14" t="s">
        <v>1</v>
      </c>
      <c r="C32352" s="14" t="s">
        <v>200</v>
      </c>
      <c r="D32352" s="14" t="s">
        <v>52</v>
      </c>
      <c r="E32352" s="15">
        <v>45608</v>
      </c>
      <c r="F32352" s="14" t="s">
        <v>53</v>
      </c>
      <c r="G32352" s="16">
        <v>1.6198458277340158</v>
      </c>
    </row>
    <row r="32353" spans="1:7" x14ac:dyDescent="0.3">
      <c r="A32353" s="13" t="s">
        <v>199</v>
      </c>
      <c r="B32353" s="14" t="s">
        <v>1</v>
      </c>
      <c r="C32353" s="14" t="s">
        <v>200</v>
      </c>
      <c r="D32353" s="14" t="s">
        <v>52</v>
      </c>
      <c r="E32353" s="15">
        <v>45609</v>
      </c>
      <c r="F32353" s="14" t="s">
        <v>53</v>
      </c>
      <c r="G32353" s="16">
        <v>1.6442974935139456</v>
      </c>
    </row>
    <row r="32354" spans="1:7" x14ac:dyDescent="0.3">
      <c r="A32354" s="13" t="s">
        <v>199</v>
      </c>
      <c r="B32354" s="14" t="s">
        <v>1</v>
      </c>
      <c r="C32354" s="14" t="s">
        <v>200</v>
      </c>
      <c r="D32354" s="14" t="s">
        <v>52</v>
      </c>
      <c r="E32354" s="15">
        <v>45610</v>
      </c>
      <c r="F32354" s="14" t="s">
        <v>53</v>
      </c>
      <c r="G32354" s="16">
        <v>1.6566708087334885</v>
      </c>
    </row>
    <row r="32355" spans="1:7" x14ac:dyDescent="0.3">
      <c r="A32355" s="13" t="s">
        <v>199</v>
      </c>
      <c r="B32355" s="14" t="s">
        <v>1</v>
      </c>
      <c r="C32355" s="14" t="s">
        <v>200</v>
      </c>
      <c r="D32355" s="14" t="s">
        <v>52</v>
      </c>
      <c r="E32355" s="15">
        <v>45611</v>
      </c>
      <c r="F32355" s="14" t="s">
        <v>53</v>
      </c>
      <c r="G32355" s="16">
        <v>1.6701347255295493</v>
      </c>
    </row>
    <row r="32356" spans="1:7" x14ac:dyDescent="0.3">
      <c r="A32356" s="13" t="s">
        <v>199</v>
      </c>
      <c r="B32356" s="14" t="s">
        <v>1</v>
      </c>
      <c r="C32356" s="14" t="s">
        <v>200</v>
      </c>
      <c r="D32356" s="14" t="s">
        <v>52</v>
      </c>
      <c r="E32356" s="15">
        <v>45612</v>
      </c>
      <c r="F32356" s="14" t="s">
        <v>53</v>
      </c>
      <c r="G32356" s="16">
        <v>1.6701347255295493</v>
      </c>
    </row>
    <row r="32357" spans="1:7" x14ac:dyDescent="0.3">
      <c r="A32357" s="13" t="s">
        <v>199</v>
      </c>
      <c r="B32357" s="14" t="s">
        <v>1</v>
      </c>
      <c r="C32357" s="14" t="s">
        <v>200</v>
      </c>
      <c r="D32357" s="14" t="s">
        <v>52</v>
      </c>
      <c r="E32357" s="15">
        <v>45613</v>
      </c>
      <c r="F32357" s="14" t="s">
        <v>53</v>
      </c>
      <c r="G32357" s="16">
        <v>1.6701347255295493</v>
      </c>
    </row>
    <row r="32358" spans="1:7" x14ac:dyDescent="0.3">
      <c r="A32358" s="13" t="s">
        <v>199</v>
      </c>
      <c r="B32358" s="14" t="s">
        <v>1</v>
      </c>
      <c r="C32358" s="14" t="s">
        <v>200</v>
      </c>
      <c r="D32358" s="14" t="s">
        <v>52</v>
      </c>
      <c r="E32358" s="15">
        <v>45614</v>
      </c>
      <c r="F32358" s="14" t="s">
        <v>53</v>
      </c>
      <c r="G32358" s="16">
        <v>1.6685814175277389</v>
      </c>
    </row>
    <row r="32359" spans="1:7" x14ac:dyDescent="0.3">
      <c r="A32359" s="13" t="s">
        <v>199</v>
      </c>
      <c r="B32359" s="14" t="s">
        <v>1</v>
      </c>
      <c r="C32359" s="14" t="s">
        <v>200</v>
      </c>
      <c r="D32359" s="14" t="s">
        <v>52</v>
      </c>
      <c r="E32359" s="15">
        <v>45615</v>
      </c>
      <c r="F32359" s="14" t="s">
        <v>53</v>
      </c>
      <c r="G32359" s="16">
        <v>1.6879757367973995</v>
      </c>
    </row>
    <row r="32360" spans="1:7" x14ac:dyDescent="0.3">
      <c r="A32360" s="13" t="s">
        <v>199</v>
      </c>
      <c r="B32360" s="14" t="s">
        <v>1</v>
      </c>
      <c r="C32360" s="14" t="s">
        <v>200</v>
      </c>
      <c r="D32360" s="14" t="s">
        <v>52</v>
      </c>
      <c r="E32360" s="15">
        <v>45616</v>
      </c>
      <c r="F32360" s="14" t="s">
        <v>53</v>
      </c>
      <c r="G32360" s="16">
        <v>1.7010686373745056</v>
      </c>
    </row>
    <row r="32361" spans="1:7" x14ac:dyDescent="0.3">
      <c r="A32361" s="13" t="s">
        <v>199</v>
      </c>
      <c r="B32361" s="14" t="s">
        <v>1</v>
      </c>
      <c r="C32361" s="14" t="s">
        <v>200</v>
      </c>
      <c r="D32361" s="14" t="s">
        <v>52</v>
      </c>
      <c r="E32361" s="15">
        <v>45617</v>
      </c>
      <c r="F32361" s="14" t="s">
        <v>53</v>
      </c>
      <c r="G32361" s="16">
        <v>1.7160730893752996</v>
      </c>
    </row>
    <row r="32362" spans="1:7" x14ac:dyDescent="0.3">
      <c r="A32362" s="13" t="s">
        <v>199</v>
      </c>
      <c r="B32362" s="14" t="s">
        <v>1</v>
      </c>
      <c r="C32362" s="14" t="s">
        <v>200</v>
      </c>
      <c r="D32362" s="14" t="s">
        <v>52</v>
      </c>
      <c r="E32362" s="15">
        <v>45618</v>
      </c>
      <c r="F32362" s="14" t="s">
        <v>53</v>
      </c>
      <c r="G32362" s="16">
        <v>1.7338424952402933</v>
      </c>
    </row>
    <row r="32363" spans="1:7" x14ac:dyDescent="0.3">
      <c r="A32363" s="13" t="s">
        <v>199</v>
      </c>
      <c r="B32363" s="14" t="s">
        <v>1</v>
      </c>
      <c r="C32363" s="14" t="s">
        <v>200</v>
      </c>
      <c r="D32363" s="14" t="s">
        <v>52</v>
      </c>
      <c r="E32363" s="15">
        <v>45619</v>
      </c>
      <c r="F32363" s="14" t="s">
        <v>53</v>
      </c>
      <c r="G32363" s="16">
        <v>1.7338424952402933</v>
      </c>
    </row>
    <row r="32364" spans="1:7" x14ac:dyDescent="0.3">
      <c r="A32364" s="13" t="s">
        <v>199</v>
      </c>
      <c r="B32364" s="14" t="s">
        <v>1</v>
      </c>
      <c r="C32364" s="14" t="s">
        <v>200</v>
      </c>
      <c r="D32364" s="14" t="s">
        <v>52</v>
      </c>
      <c r="E32364" s="15">
        <v>45620</v>
      </c>
      <c r="F32364" s="14" t="s">
        <v>53</v>
      </c>
      <c r="G32364" s="16">
        <v>1.7338424952402933</v>
      </c>
    </row>
    <row r="32365" spans="1:7" x14ac:dyDescent="0.3">
      <c r="A32365" s="13" t="s">
        <v>199</v>
      </c>
      <c r="B32365" s="14" t="s">
        <v>1</v>
      </c>
      <c r="C32365" s="14" t="s">
        <v>200</v>
      </c>
      <c r="D32365" s="14" t="s">
        <v>52</v>
      </c>
      <c r="E32365" s="15">
        <v>45621</v>
      </c>
      <c r="F32365" s="14" t="s">
        <v>53</v>
      </c>
      <c r="G32365" s="16">
        <v>1.7336330379358018</v>
      </c>
    </row>
    <row r="32366" spans="1:7" x14ac:dyDescent="0.3">
      <c r="A32366" s="13" t="s">
        <v>199</v>
      </c>
      <c r="B32366" s="14" t="s">
        <v>1</v>
      </c>
      <c r="C32366" s="14" t="s">
        <v>200</v>
      </c>
      <c r="D32366" s="14" t="s">
        <v>52</v>
      </c>
      <c r="E32366" s="15">
        <v>45622</v>
      </c>
      <c r="F32366" s="14" t="s">
        <v>53</v>
      </c>
      <c r="G32366" s="16">
        <v>1.7565280501541027</v>
      </c>
    </row>
    <row r="32367" spans="1:7" x14ac:dyDescent="0.3">
      <c r="A32367" s="13" t="s">
        <v>199</v>
      </c>
      <c r="B32367" s="14" t="s">
        <v>1</v>
      </c>
      <c r="C32367" s="14" t="s">
        <v>200</v>
      </c>
      <c r="D32367" s="14" t="s">
        <v>52</v>
      </c>
      <c r="E32367" s="15">
        <v>45623</v>
      </c>
      <c r="F32367" s="14" t="s">
        <v>53</v>
      </c>
      <c r="G32367" s="16">
        <v>1.74777361642747</v>
      </c>
    </row>
    <row r="32368" spans="1:7" x14ac:dyDescent="0.3">
      <c r="A32368" s="13" t="s">
        <v>199</v>
      </c>
      <c r="B32368" s="14" t="s">
        <v>1</v>
      </c>
      <c r="C32368" s="14" t="s">
        <v>200</v>
      </c>
      <c r="D32368" s="14" t="s">
        <v>52</v>
      </c>
      <c r="E32368" s="15">
        <v>45624</v>
      </c>
      <c r="F32368" s="14" t="s">
        <v>53</v>
      </c>
      <c r="G32368" s="16">
        <v>1.74777361642747</v>
      </c>
    </row>
    <row r="32369" spans="1:7" x14ac:dyDescent="0.3">
      <c r="A32369" s="13" t="s">
        <v>199</v>
      </c>
      <c r="B32369" s="14" t="s">
        <v>1</v>
      </c>
      <c r="C32369" s="14" t="s">
        <v>200</v>
      </c>
      <c r="D32369" s="14" t="s">
        <v>52</v>
      </c>
      <c r="E32369" s="15">
        <v>45625</v>
      </c>
      <c r="F32369" s="14" t="s">
        <v>53</v>
      </c>
      <c r="G32369" s="16">
        <v>1.748422948297913</v>
      </c>
    </row>
    <row r="32370" spans="1:7" x14ac:dyDescent="0.3">
      <c r="A32370" s="13" t="s">
        <v>199</v>
      </c>
      <c r="B32370" s="14" t="s">
        <v>1</v>
      </c>
      <c r="C32370" s="14" t="s">
        <v>200</v>
      </c>
      <c r="D32370" s="14" t="s">
        <v>52</v>
      </c>
      <c r="E32370" s="15">
        <v>45626</v>
      </c>
      <c r="F32370" s="14" t="s">
        <v>53</v>
      </c>
      <c r="G32370" s="16">
        <v>1.748422948297913</v>
      </c>
    </row>
    <row r="32371" spans="1:7" x14ac:dyDescent="0.3">
      <c r="A32371" s="13" t="s">
        <v>199</v>
      </c>
      <c r="B32371" s="14" t="s">
        <v>1</v>
      </c>
      <c r="C32371" s="14" t="s">
        <v>200</v>
      </c>
      <c r="D32371" s="14" t="s">
        <v>52</v>
      </c>
      <c r="E32371" s="15">
        <v>45627</v>
      </c>
      <c r="F32371" s="14" t="s">
        <v>53</v>
      </c>
      <c r="G32371" s="16">
        <v>1.748422948297913</v>
      </c>
    </row>
    <row r="32372" spans="1:7" x14ac:dyDescent="0.3">
      <c r="A32372" s="13" t="s">
        <v>199</v>
      </c>
      <c r="B32372" s="14" t="s">
        <v>1</v>
      </c>
      <c r="C32372" s="14" t="s">
        <v>200</v>
      </c>
      <c r="D32372" s="14" t="s">
        <v>52</v>
      </c>
      <c r="E32372" s="15">
        <v>45628</v>
      </c>
      <c r="F32372" s="14" t="s">
        <v>53</v>
      </c>
      <c r="G32372" s="16">
        <v>1.7741876837365942</v>
      </c>
    </row>
    <row r="32373" spans="1:7" x14ac:dyDescent="0.3">
      <c r="A32373" s="13" t="s">
        <v>199</v>
      </c>
      <c r="B32373" s="14" t="s">
        <v>1</v>
      </c>
      <c r="C32373" s="14" t="s">
        <v>200</v>
      </c>
      <c r="D32373" s="14" t="s">
        <v>52</v>
      </c>
      <c r="E32373" s="15">
        <v>45629</v>
      </c>
      <c r="F32373" s="14" t="s">
        <v>53</v>
      </c>
      <c r="G32373" s="16">
        <v>1.7918440765584076</v>
      </c>
    </row>
    <row r="32374" spans="1:7" x14ac:dyDescent="0.3">
      <c r="A32374" s="13" t="s">
        <v>199</v>
      </c>
      <c r="B32374" s="14" t="s">
        <v>1</v>
      </c>
      <c r="C32374" s="14" t="s">
        <v>200</v>
      </c>
      <c r="D32374" s="14" t="s">
        <v>52</v>
      </c>
      <c r="E32374" s="15">
        <v>45630</v>
      </c>
      <c r="F32374" s="14" t="s">
        <v>53</v>
      </c>
      <c r="G32374" s="16">
        <v>1.7931171286622287</v>
      </c>
    </row>
    <row r="32375" spans="1:7" x14ac:dyDescent="0.3">
      <c r="A32375" s="13" t="s">
        <v>199</v>
      </c>
      <c r="B32375" s="14" t="s">
        <v>1</v>
      </c>
      <c r="C32375" s="14" t="s">
        <v>200</v>
      </c>
      <c r="D32375" s="14" t="s">
        <v>52</v>
      </c>
      <c r="E32375" s="15">
        <v>45631</v>
      </c>
      <c r="F32375" s="14" t="s">
        <v>53</v>
      </c>
      <c r="G32375" s="16">
        <v>1.789616968371321</v>
      </c>
    </row>
    <row r="32376" spans="1:7" x14ac:dyDescent="0.3">
      <c r="A32376" s="13" t="s">
        <v>199</v>
      </c>
      <c r="B32376" s="14" t="s">
        <v>1</v>
      </c>
      <c r="C32376" s="14" t="s">
        <v>200</v>
      </c>
      <c r="D32376" s="14" t="s">
        <v>52</v>
      </c>
      <c r="E32376" s="15">
        <v>45632</v>
      </c>
      <c r="F32376" s="14" t="s">
        <v>53</v>
      </c>
      <c r="G32376" s="16">
        <v>1.7988018726557733</v>
      </c>
    </row>
    <row r="32377" spans="1:7" x14ac:dyDescent="0.3">
      <c r="A32377" s="13" t="s">
        <v>199</v>
      </c>
      <c r="B32377" s="14" t="s">
        <v>1</v>
      </c>
      <c r="C32377" s="14" t="s">
        <v>200</v>
      </c>
      <c r="D32377" s="14" t="s">
        <v>52</v>
      </c>
      <c r="E32377" s="15">
        <v>45633</v>
      </c>
      <c r="F32377" s="14" t="s">
        <v>53</v>
      </c>
      <c r="G32377" s="16">
        <v>1.7988018726557733</v>
      </c>
    </row>
    <row r="32378" spans="1:7" x14ac:dyDescent="0.3">
      <c r="A32378" s="13" t="s">
        <v>199</v>
      </c>
      <c r="B32378" s="14" t="s">
        <v>1</v>
      </c>
      <c r="C32378" s="14" t="s">
        <v>200</v>
      </c>
      <c r="D32378" s="14" t="s">
        <v>52</v>
      </c>
      <c r="E32378" s="15">
        <v>45634</v>
      </c>
      <c r="F32378" s="14" t="s">
        <v>53</v>
      </c>
      <c r="G32378" s="16">
        <v>1.7988018726557733</v>
      </c>
    </row>
    <row r="32379" spans="1:7" x14ac:dyDescent="0.3">
      <c r="A32379" s="13" t="s">
        <v>199</v>
      </c>
      <c r="B32379" s="14" t="s">
        <v>1</v>
      </c>
      <c r="C32379" s="14" t="s">
        <v>200</v>
      </c>
      <c r="D32379" s="14" t="s">
        <v>52</v>
      </c>
      <c r="E32379" s="15">
        <v>45635</v>
      </c>
      <c r="F32379" s="14" t="s">
        <v>53</v>
      </c>
      <c r="G32379" s="16">
        <v>1.8047142247897816</v>
      </c>
    </row>
    <row r="32380" spans="1:7" x14ac:dyDescent="0.3">
      <c r="A32380" s="13" t="s">
        <v>199</v>
      </c>
      <c r="B32380" s="14" t="s">
        <v>1</v>
      </c>
      <c r="C32380" s="14" t="s">
        <v>200</v>
      </c>
      <c r="D32380" s="14" t="s">
        <v>52</v>
      </c>
      <c r="E32380" s="15">
        <v>45636</v>
      </c>
      <c r="F32380" s="14" t="s">
        <v>53</v>
      </c>
      <c r="G32380" s="16">
        <v>1.8249951076750039</v>
      </c>
    </row>
    <row r="32381" spans="1:7" x14ac:dyDescent="0.3">
      <c r="A32381" s="13" t="s">
        <v>199</v>
      </c>
      <c r="B32381" s="14" t="s">
        <v>1</v>
      </c>
      <c r="C32381" s="14" t="s">
        <v>200</v>
      </c>
      <c r="D32381" s="14" t="s">
        <v>52</v>
      </c>
      <c r="E32381" s="15">
        <v>45637</v>
      </c>
      <c r="F32381" s="14" t="s">
        <v>53</v>
      </c>
      <c r="G32381" s="16">
        <v>1.8348404806595848</v>
      </c>
    </row>
    <row r="32382" spans="1:7" x14ac:dyDescent="0.3">
      <c r="A32382" s="13" t="s">
        <v>199</v>
      </c>
      <c r="B32382" s="14" t="s">
        <v>1</v>
      </c>
      <c r="C32382" s="14" t="s">
        <v>200</v>
      </c>
      <c r="D32382" s="14" t="s">
        <v>52</v>
      </c>
      <c r="E32382" s="15">
        <v>45638</v>
      </c>
      <c r="F32382" s="14" t="s">
        <v>53</v>
      </c>
      <c r="G32382" s="16">
        <v>1.8524939676840564</v>
      </c>
    </row>
    <row r="32383" spans="1:7" x14ac:dyDescent="0.3">
      <c r="A32383" s="13" t="s">
        <v>199</v>
      </c>
      <c r="B32383" s="14" t="s">
        <v>1</v>
      </c>
      <c r="C32383" s="14" t="s">
        <v>200</v>
      </c>
      <c r="D32383" s="14" t="s">
        <v>52</v>
      </c>
      <c r="E32383" s="15">
        <v>45639</v>
      </c>
      <c r="F32383" s="14" t="s">
        <v>53</v>
      </c>
      <c r="G32383" s="16">
        <v>1.8691513010881387</v>
      </c>
    </row>
    <row r="32384" spans="1:7" x14ac:dyDescent="0.3">
      <c r="A32384" s="13" t="s">
        <v>199</v>
      </c>
      <c r="B32384" s="14" t="s">
        <v>1</v>
      </c>
      <c r="C32384" s="14" t="s">
        <v>200</v>
      </c>
      <c r="D32384" s="14" t="s">
        <v>52</v>
      </c>
      <c r="E32384" s="15">
        <v>45640</v>
      </c>
      <c r="F32384" s="14" t="s">
        <v>53</v>
      </c>
      <c r="G32384" s="16">
        <v>1.8691513010881387</v>
      </c>
    </row>
    <row r="32385" spans="1:7" x14ac:dyDescent="0.3">
      <c r="A32385" s="13" t="s">
        <v>199</v>
      </c>
      <c r="B32385" s="14" t="s">
        <v>1</v>
      </c>
      <c r="C32385" s="14" t="s">
        <v>200</v>
      </c>
      <c r="D32385" s="14" t="s">
        <v>52</v>
      </c>
      <c r="E32385" s="15">
        <v>45641</v>
      </c>
      <c r="F32385" s="14" t="s">
        <v>53</v>
      </c>
      <c r="G32385" s="16">
        <v>1.8691513010881387</v>
      </c>
    </row>
    <row r="32386" spans="1:7" x14ac:dyDescent="0.3">
      <c r="A32386" s="13" t="s">
        <v>199</v>
      </c>
      <c r="B32386" s="14" t="s">
        <v>1</v>
      </c>
      <c r="C32386" s="14" t="s">
        <v>200</v>
      </c>
      <c r="D32386" s="14" t="s">
        <v>52</v>
      </c>
      <c r="E32386" s="15">
        <v>45642</v>
      </c>
      <c r="F32386" s="14" t="s">
        <v>53</v>
      </c>
      <c r="G32386" s="16">
        <v>1.8673544290593311</v>
      </c>
    </row>
    <row r="32387" spans="1:7" x14ac:dyDescent="0.3">
      <c r="A32387" s="13" t="s">
        <v>199</v>
      </c>
      <c r="B32387" s="14" t="s">
        <v>1</v>
      </c>
      <c r="C32387" s="14" t="s">
        <v>200</v>
      </c>
      <c r="D32387" s="14" t="s">
        <v>52</v>
      </c>
      <c r="E32387" s="15">
        <v>45643</v>
      </c>
      <c r="F32387" s="14" t="s">
        <v>53</v>
      </c>
      <c r="G32387" s="16">
        <v>1.8832561757082704</v>
      </c>
    </row>
    <row r="32388" spans="1:7" x14ac:dyDescent="0.3">
      <c r="A32388" s="13" t="s">
        <v>199</v>
      </c>
      <c r="B32388" s="14" t="s">
        <v>1</v>
      </c>
      <c r="C32388" s="14" t="s">
        <v>200</v>
      </c>
      <c r="D32388" s="14" t="s">
        <v>52</v>
      </c>
      <c r="E32388" s="15">
        <v>45644</v>
      </c>
      <c r="F32388" s="14" t="s">
        <v>53</v>
      </c>
      <c r="G32388" s="16">
        <v>1.9108511870539211</v>
      </c>
    </row>
    <row r="32389" spans="1:7" x14ac:dyDescent="0.3">
      <c r="A32389" s="13" t="s">
        <v>199</v>
      </c>
      <c r="B32389" s="14" t="s">
        <v>1</v>
      </c>
      <c r="C32389" s="14" t="s">
        <v>200</v>
      </c>
      <c r="D32389" s="14" t="s">
        <v>52</v>
      </c>
      <c r="E32389" s="15">
        <v>45645</v>
      </c>
      <c r="F32389" s="14" t="s">
        <v>53</v>
      </c>
      <c r="G32389" s="16">
        <v>1.9305594979270737</v>
      </c>
    </row>
    <row r="32390" spans="1:7" x14ac:dyDescent="0.3">
      <c r="A32390" s="13" t="s">
        <v>199</v>
      </c>
      <c r="B32390" s="14" t="s">
        <v>1</v>
      </c>
      <c r="C32390" s="14" t="s">
        <v>200</v>
      </c>
      <c r="D32390" s="14" t="s">
        <v>52</v>
      </c>
      <c r="E32390" s="15">
        <v>45646</v>
      </c>
      <c r="F32390" s="14" t="s">
        <v>53</v>
      </c>
      <c r="G32390" s="16">
        <v>1.9309667849216008</v>
      </c>
    </row>
    <row r="32391" spans="1:7" x14ac:dyDescent="0.3">
      <c r="A32391" s="13" t="s">
        <v>199</v>
      </c>
      <c r="B32391" s="14" t="s">
        <v>1</v>
      </c>
      <c r="C32391" s="14" t="s">
        <v>200</v>
      </c>
      <c r="D32391" s="14" t="s">
        <v>52</v>
      </c>
      <c r="E32391" s="15">
        <v>45647</v>
      </c>
      <c r="F32391" s="14" t="s">
        <v>53</v>
      </c>
      <c r="G32391" s="16">
        <v>1.9309667849216008</v>
      </c>
    </row>
    <row r="32392" spans="1:7" x14ac:dyDescent="0.3">
      <c r="A32392" s="13" t="s">
        <v>199</v>
      </c>
      <c r="B32392" s="14" t="s">
        <v>1</v>
      </c>
      <c r="C32392" s="14" t="s">
        <v>200</v>
      </c>
      <c r="D32392" s="14" t="s">
        <v>52</v>
      </c>
      <c r="E32392" s="15">
        <v>45648</v>
      </c>
      <c r="F32392" s="14" t="s">
        <v>53</v>
      </c>
      <c r="G32392" s="16">
        <v>1.9309667849216008</v>
      </c>
    </row>
    <row r="32393" spans="1:7" x14ac:dyDescent="0.3">
      <c r="A32393" s="13" t="s">
        <v>199</v>
      </c>
      <c r="B32393" s="14" t="s">
        <v>1</v>
      </c>
      <c r="C32393" s="14" t="s">
        <v>200</v>
      </c>
      <c r="D32393" s="14" t="s">
        <v>52</v>
      </c>
      <c r="E32393" s="15">
        <v>45649</v>
      </c>
      <c r="F32393" s="14" t="s">
        <v>53</v>
      </c>
      <c r="G32393" s="16">
        <v>1.944033358688239</v>
      </c>
    </row>
    <row r="32394" spans="1:7" x14ac:dyDescent="0.3">
      <c r="A32394" s="13" t="s">
        <v>199</v>
      </c>
      <c r="B32394" s="14" t="s">
        <v>1</v>
      </c>
      <c r="C32394" s="14" t="s">
        <v>200</v>
      </c>
      <c r="D32394" s="14" t="s">
        <v>52</v>
      </c>
      <c r="E32394" s="15">
        <v>45650</v>
      </c>
      <c r="F32394" s="14" t="s">
        <v>53</v>
      </c>
      <c r="G32394" s="16">
        <v>1.9629046356033348</v>
      </c>
    </row>
    <row r="32395" spans="1:7" x14ac:dyDescent="0.3">
      <c r="A32395" s="13" t="s">
        <v>199</v>
      </c>
      <c r="B32395" s="14" t="s">
        <v>1</v>
      </c>
      <c r="C32395" s="14" t="s">
        <v>200</v>
      </c>
      <c r="D32395" s="14" t="s">
        <v>52</v>
      </c>
      <c r="E32395" s="15">
        <v>45651</v>
      </c>
      <c r="F32395" s="14" t="s">
        <v>53</v>
      </c>
      <c r="G32395" s="16">
        <v>1.9629046356033348</v>
      </c>
    </row>
    <row r="32396" spans="1:7" x14ac:dyDescent="0.3">
      <c r="A32396" s="13" t="s">
        <v>199</v>
      </c>
      <c r="B32396" s="14" t="s">
        <v>1</v>
      </c>
      <c r="C32396" s="14" t="s">
        <v>200</v>
      </c>
      <c r="D32396" s="14" t="s">
        <v>52</v>
      </c>
      <c r="E32396" s="15">
        <v>45652</v>
      </c>
      <c r="F32396" s="14" t="s">
        <v>53</v>
      </c>
      <c r="G32396" s="16">
        <v>1.9629046356033348</v>
      </c>
    </row>
    <row r="32397" spans="1:7" x14ac:dyDescent="0.3">
      <c r="A32397" s="13" t="s">
        <v>199</v>
      </c>
      <c r="B32397" s="14" t="s">
        <v>1</v>
      </c>
      <c r="C32397" s="14" t="s">
        <v>200</v>
      </c>
      <c r="D32397" s="14" t="s">
        <v>52</v>
      </c>
      <c r="E32397" s="15">
        <v>45653</v>
      </c>
      <c r="F32397" s="14" t="s">
        <v>53</v>
      </c>
      <c r="G32397" s="16">
        <v>1.9629046356033348</v>
      </c>
    </row>
    <row r="32398" spans="1:7" x14ac:dyDescent="0.3">
      <c r="A32398" s="13" t="s">
        <v>199</v>
      </c>
      <c r="B32398" s="14" t="s">
        <v>1</v>
      </c>
      <c r="C32398" s="14" t="s">
        <v>200</v>
      </c>
      <c r="D32398" s="14" t="s">
        <v>52</v>
      </c>
      <c r="E32398" s="15">
        <v>45654</v>
      </c>
      <c r="F32398" s="14" t="s">
        <v>53</v>
      </c>
      <c r="G32398" s="16">
        <v>1.9629046356033348</v>
      </c>
    </row>
    <row r="32399" spans="1:7" x14ac:dyDescent="0.3">
      <c r="A32399" s="13" t="s">
        <v>199</v>
      </c>
      <c r="B32399" s="14" t="s">
        <v>1</v>
      </c>
      <c r="C32399" s="14" t="s">
        <v>200</v>
      </c>
      <c r="D32399" s="14" t="s">
        <v>52</v>
      </c>
      <c r="E32399" s="15">
        <v>45655</v>
      </c>
      <c r="F32399" s="14" t="s">
        <v>53</v>
      </c>
      <c r="G32399" s="16">
        <v>1.9629046356033348</v>
      </c>
    </row>
    <row r="32400" spans="1:7" x14ac:dyDescent="0.3">
      <c r="A32400" s="13" t="s">
        <v>199</v>
      </c>
      <c r="B32400" s="14" t="s">
        <v>1</v>
      </c>
      <c r="C32400" s="14" t="s">
        <v>200</v>
      </c>
      <c r="D32400" s="14" t="s">
        <v>52</v>
      </c>
      <c r="E32400" s="15">
        <v>45656</v>
      </c>
      <c r="F32400" s="14" t="s">
        <v>53</v>
      </c>
      <c r="G32400" s="16">
        <v>1.9693679901077867</v>
      </c>
    </row>
    <row r="32401" spans="1:7" x14ac:dyDescent="0.3">
      <c r="A32401" s="13" t="s">
        <v>199</v>
      </c>
      <c r="B32401" s="14" t="s">
        <v>1</v>
      </c>
      <c r="C32401" s="14" t="s">
        <v>200</v>
      </c>
      <c r="D32401" s="14" t="s">
        <v>52</v>
      </c>
      <c r="E32401" s="15">
        <v>45657</v>
      </c>
      <c r="F32401" s="14" t="s">
        <v>53</v>
      </c>
      <c r="G32401" s="16">
        <v>2.0210237592925591</v>
      </c>
    </row>
    <row r="32402" spans="1:7" x14ac:dyDescent="0.3">
      <c r="A32402" s="13" t="s">
        <v>199</v>
      </c>
      <c r="B32402" s="14" t="s">
        <v>1</v>
      </c>
      <c r="C32402" s="14" t="s">
        <v>200</v>
      </c>
      <c r="D32402" s="14" t="s">
        <v>52</v>
      </c>
      <c r="E32402" s="15">
        <v>45658</v>
      </c>
      <c r="F32402" s="14" t="s">
        <v>53</v>
      </c>
      <c r="G32402" s="16">
        <v>2.0210237592925591</v>
      </c>
    </row>
    <row r="32403" spans="1:7" x14ac:dyDescent="0.3">
      <c r="A32403" s="13" t="s">
        <v>199</v>
      </c>
      <c r="B32403" s="14" t="s">
        <v>1</v>
      </c>
      <c r="C32403" s="14" t="s">
        <v>200</v>
      </c>
      <c r="D32403" s="14" t="s">
        <v>52</v>
      </c>
      <c r="E32403" s="15">
        <v>45659</v>
      </c>
      <c r="F32403" s="14" t="s">
        <v>53</v>
      </c>
      <c r="G32403" s="16">
        <v>2.0510116507598148</v>
      </c>
    </row>
    <row r="32404" spans="1:7" x14ac:dyDescent="0.3">
      <c r="A32404" s="13" t="s">
        <v>199</v>
      </c>
      <c r="B32404" s="14" t="s">
        <v>1</v>
      </c>
      <c r="C32404" s="14" t="s">
        <v>200</v>
      </c>
      <c r="D32404" s="14" t="s">
        <v>52</v>
      </c>
      <c r="E32404" s="15">
        <v>45660</v>
      </c>
      <c r="F32404" s="14" t="s">
        <v>53</v>
      </c>
      <c r="G32404" s="16">
        <v>2.0539561767838643</v>
      </c>
    </row>
    <row r="32405" spans="1:7" x14ac:dyDescent="0.3">
      <c r="A32405" s="13" t="s">
        <v>199</v>
      </c>
      <c r="B32405" s="14" t="s">
        <v>1</v>
      </c>
      <c r="C32405" s="14" t="s">
        <v>200</v>
      </c>
      <c r="D32405" s="14" t="s">
        <v>52</v>
      </c>
      <c r="E32405" s="15">
        <v>45661</v>
      </c>
      <c r="F32405" s="14" t="s">
        <v>53</v>
      </c>
      <c r="G32405" s="16">
        <v>2.0539561767838643</v>
      </c>
    </row>
    <row r="32406" spans="1:7" x14ac:dyDescent="0.3">
      <c r="A32406" s="13" t="s">
        <v>199</v>
      </c>
      <c r="B32406" s="14" t="s">
        <v>1</v>
      </c>
      <c r="C32406" s="14" t="s">
        <v>200</v>
      </c>
      <c r="D32406" s="14" t="s">
        <v>52</v>
      </c>
      <c r="E32406" s="15">
        <v>45662</v>
      </c>
      <c r="F32406" s="14" t="s">
        <v>53</v>
      </c>
      <c r="G32406" s="16">
        <v>2.0539561767838643</v>
      </c>
    </row>
    <row r="32407" spans="1:7" x14ac:dyDescent="0.3">
      <c r="A32407" s="13" t="s">
        <v>199</v>
      </c>
      <c r="B32407" s="14" t="s">
        <v>1</v>
      </c>
      <c r="C32407" s="14" t="s">
        <v>200</v>
      </c>
      <c r="D32407" s="14" t="s">
        <v>52</v>
      </c>
      <c r="E32407" s="15">
        <v>45663</v>
      </c>
      <c r="F32407" s="14" t="s">
        <v>53</v>
      </c>
      <c r="G32407" s="16">
        <v>2.0444062945672981</v>
      </c>
    </row>
    <row r="32408" spans="1:7" x14ac:dyDescent="0.3">
      <c r="A32408" s="13" t="s">
        <v>199</v>
      </c>
      <c r="B32408" s="14" t="s">
        <v>1</v>
      </c>
      <c r="C32408" s="14" t="s">
        <v>200</v>
      </c>
      <c r="D32408" s="14" t="s">
        <v>52</v>
      </c>
      <c r="E32408" s="15">
        <v>45664</v>
      </c>
      <c r="F32408" s="14" t="s">
        <v>53</v>
      </c>
      <c r="G32408" s="16">
        <v>2.0740794686520072</v>
      </c>
    </row>
    <row r="32409" spans="1:7" x14ac:dyDescent="0.3">
      <c r="A32409" s="13" t="s">
        <v>199</v>
      </c>
      <c r="B32409" s="14" t="s">
        <v>1</v>
      </c>
      <c r="C32409" s="14" t="s">
        <v>200</v>
      </c>
      <c r="D32409" s="14" t="s">
        <v>52</v>
      </c>
      <c r="E32409" s="15">
        <v>45665</v>
      </c>
      <c r="F32409" s="14" t="s">
        <v>53</v>
      </c>
      <c r="G32409" s="16">
        <v>2.1005516066487684</v>
      </c>
    </row>
    <row r="32410" spans="1:7" x14ac:dyDescent="0.3">
      <c r="A32410" s="13" t="s">
        <v>199</v>
      </c>
      <c r="B32410" s="14" t="s">
        <v>1</v>
      </c>
      <c r="C32410" s="14" t="s">
        <v>200</v>
      </c>
      <c r="D32410" s="14" t="s">
        <v>52</v>
      </c>
      <c r="E32410" s="15">
        <v>45666</v>
      </c>
      <c r="F32410" s="14" t="s">
        <v>53</v>
      </c>
      <c r="G32410" s="16">
        <v>2.1005516066487684</v>
      </c>
    </row>
    <row r="32411" spans="1:7" x14ac:dyDescent="0.3">
      <c r="A32411" s="13" t="s">
        <v>199</v>
      </c>
      <c r="B32411" s="14" t="s">
        <v>1</v>
      </c>
      <c r="C32411" s="14" t="s">
        <v>200</v>
      </c>
      <c r="D32411" s="14" t="s">
        <v>52</v>
      </c>
      <c r="E32411" s="15">
        <v>45667</v>
      </c>
      <c r="F32411" s="14" t="s">
        <v>53</v>
      </c>
      <c r="G32411" s="16">
        <v>2.1400273139450232</v>
      </c>
    </row>
    <row r="32412" spans="1:7" x14ac:dyDescent="0.3">
      <c r="A32412" s="13" t="s">
        <v>199</v>
      </c>
      <c r="B32412" s="14" t="s">
        <v>1</v>
      </c>
      <c r="C32412" s="14" t="s">
        <v>200</v>
      </c>
      <c r="D32412" s="14" t="s">
        <v>52</v>
      </c>
      <c r="E32412" s="15">
        <v>45668</v>
      </c>
      <c r="F32412" s="14" t="s">
        <v>53</v>
      </c>
      <c r="G32412" s="16">
        <v>2.1400273139450232</v>
      </c>
    </row>
    <row r="32413" spans="1:7" x14ac:dyDescent="0.3">
      <c r="A32413" s="13" t="s">
        <v>199</v>
      </c>
      <c r="B32413" s="14" t="s">
        <v>1</v>
      </c>
      <c r="C32413" s="14" t="s">
        <v>200</v>
      </c>
      <c r="D32413" s="14" t="s">
        <v>52</v>
      </c>
      <c r="E32413" s="15">
        <v>45669</v>
      </c>
      <c r="F32413" s="14" t="s">
        <v>53</v>
      </c>
      <c r="G32413" s="16">
        <v>2.1400273139450232</v>
      </c>
    </row>
    <row r="32414" spans="1:7" x14ac:dyDescent="0.3">
      <c r="A32414" s="13" t="s">
        <v>199</v>
      </c>
      <c r="B32414" s="14" t="s">
        <v>1</v>
      </c>
      <c r="C32414" s="14" t="s">
        <v>200</v>
      </c>
      <c r="D32414" s="14" t="s">
        <v>52</v>
      </c>
      <c r="E32414" s="15">
        <v>45670</v>
      </c>
      <c r="F32414" s="14" t="s">
        <v>53</v>
      </c>
      <c r="G32414" s="16">
        <v>2.1540208580207163</v>
      </c>
    </row>
    <row r="32415" spans="1:7" x14ac:dyDescent="0.3">
      <c r="A32415" s="13" t="s">
        <v>199</v>
      </c>
      <c r="B32415" s="14" t="s">
        <v>1</v>
      </c>
      <c r="C32415" s="14" t="s">
        <v>200</v>
      </c>
      <c r="D32415" s="14" t="s">
        <v>52</v>
      </c>
      <c r="E32415" s="15">
        <v>45671</v>
      </c>
      <c r="F32415" s="14" t="s">
        <v>53</v>
      </c>
      <c r="G32415" s="16">
        <v>2.1703606871069123</v>
      </c>
    </row>
    <row r="32416" spans="1:7" x14ac:dyDescent="0.3">
      <c r="A32416" s="13" t="s">
        <v>199</v>
      </c>
      <c r="B32416" s="14" t="s">
        <v>1</v>
      </c>
      <c r="C32416" s="14" t="s">
        <v>200</v>
      </c>
      <c r="D32416" s="14" t="s">
        <v>52</v>
      </c>
      <c r="E32416" s="15">
        <v>45672</v>
      </c>
      <c r="F32416" s="14" t="s">
        <v>53</v>
      </c>
      <c r="G32416" s="16">
        <v>2.1716490536415396</v>
      </c>
    </row>
    <row r="32417" spans="1:7" x14ac:dyDescent="0.3">
      <c r="A32417" s="13" t="s">
        <v>199</v>
      </c>
      <c r="B32417" s="14" t="s">
        <v>1</v>
      </c>
      <c r="C32417" s="14" t="s">
        <v>200</v>
      </c>
      <c r="D32417" s="14" t="s">
        <v>52</v>
      </c>
      <c r="E32417" s="15">
        <v>45673</v>
      </c>
      <c r="F32417" s="14" t="s">
        <v>53</v>
      </c>
      <c r="G32417" s="16">
        <v>2.177789465830716</v>
      </c>
    </row>
    <row r="32418" spans="1:7" x14ac:dyDescent="0.3">
      <c r="A32418" s="13" t="s">
        <v>199</v>
      </c>
      <c r="B32418" s="14" t="s">
        <v>1</v>
      </c>
      <c r="C32418" s="14" t="s">
        <v>200</v>
      </c>
      <c r="D32418" s="14" t="s">
        <v>52</v>
      </c>
      <c r="E32418" s="15">
        <v>45674</v>
      </c>
      <c r="F32418" s="14" t="s">
        <v>53</v>
      </c>
      <c r="G32418" s="16">
        <v>2.196745678443254</v>
      </c>
    </row>
    <row r="32419" spans="1:7" x14ac:dyDescent="0.3">
      <c r="A32419" s="13" t="s">
        <v>199</v>
      </c>
      <c r="B32419" s="14" t="s">
        <v>1</v>
      </c>
      <c r="C32419" s="14" t="s">
        <v>200</v>
      </c>
      <c r="D32419" s="14" t="s">
        <v>52</v>
      </c>
      <c r="E32419" s="15">
        <v>45675</v>
      </c>
      <c r="F32419" s="14" t="s">
        <v>53</v>
      </c>
      <c r="G32419" s="16">
        <v>2.196745678443254</v>
      </c>
    </row>
    <row r="32420" spans="1:7" x14ac:dyDescent="0.3">
      <c r="A32420" s="13" t="s">
        <v>199</v>
      </c>
      <c r="B32420" s="14" t="s">
        <v>1</v>
      </c>
      <c r="C32420" s="14" t="s">
        <v>200</v>
      </c>
      <c r="D32420" s="14" t="s">
        <v>52</v>
      </c>
      <c r="E32420" s="15">
        <v>45676</v>
      </c>
      <c r="F32420" s="14" t="s">
        <v>53</v>
      </c>
      <c r="G32420" s="16">
        <v>2.196745678443254</v>
      </c>
    </row>
    <row r="32421" spans="1:7" x14ac:dyDescent="0.3">
      <c r="A32421" s="13" t="s">
        <v>199</v>
      </c>
      <c r="B32421" s="14" t="s">
        <v>1</v>
      </c>
      <c r="C32421" s="14" t="s">
        <v>200</v>
      </c>
      <c r="D32421" s="14" t="s">
        <v>52</v>
      </c>
      <c r="E32421" s="15">
        <v>45677</v>
      </c>
      <c r="F32421" s="14" t="s">
        <v>53</v>
      </c>
      <c r="G32421" s="16">
        <v>2.196745678443254</v>
      </c>
    </row>
    <row r="32422" spans="1:7" x14ac:dyDescent="0.3">
      <c r="A32422" s="13" t="s">
        <v>199</v>
      </c>
      <c r="B32422" s="14" t="s">
        <v>1</v>
      </c>
      <c r="C32422" s="14" t="s">
        <v>200</v>
      </c>
      <c r="D32422" s="14" t="s">
        <v>52</v>
      </c>
      <c r="E32422" s="15">
        <v>45678</v>
      </c>
      <c r="F32422" s="14" t="s">
        <v>53</v>
      </c>
      <c r="G32422" s="16">
        <v>2.1711484037005921</v>
      </c>
    </row>
    <row r="32423" spans="1:7" x14ac:dyDescent="0.3">
      <c r="A32423" s="13" t="s">
        <v>199</v>
      </c>
      <c r="B32423" s="14" t="s">
        <v>1</v>
      </c>
      <c r="C32423" s="14" t="s">
        <v>200</v>
      </c>
      <c r="D32423" s="14" t="s">
        <v>52</v>
      </c>
      <c r="E32423" s="15">
        <v>45679</v>
      </c>
      <c r="F32423" s="14" t="s">
        <v>53</v>
      </c>
      <c r="G32423" s="16">
        <v>2.2016563278019992</v>
      </c>
    </row>
    <row r="32424" spans="1:7" x14ac:dyDescent="0.3">
      <c r="A32424" s="13" t="s">
        <v>199</v>
      </c>
      <c r="B32424" s="14" t="s">
        <v>1</v>
      </c>
      <c r="C32424" s="14" t="s">
        <v>200</v>
      </c>
      <c r="D32424" s="14" t="s">
        <v>52</v>
      </c>
      <c r="E32424" s="15">
        <v>45680</v>
      </c>
      <c r="F32424" s="14" t="s">
        <v>53</v>
      </c>
      <c r="G32424" s="16">
        <v>2.2020066215285454</v>
      </c>
    </row>
    <row r="32425" spans="1:7" x14ac:dyDescent="0.3">
      <c r="A32425" s="13" t="s">
        <v>199</v>
      </c>
      <c r="B32425" s="14" t="s">
        <v>1</v>
      </c>
      <c r="C32425" s="14" t="s">
        <v>200</v>
      </c>
      <c r="D32425" s="14" t="s">
        <v>52</v>
      </c>
      <c r="E32425" s="15">
        <v>45681</v>
      </c>
      <c r="F32425" s="14" t="s">
        <v>53</v>
      </c>
      <c r="G32425" s="16">
        <v>2.1844553248688583</v>
      </c>
    </row>
    <row r="32426" spans="1:7" x14ac:dyDescent="0.3">
      <c r="A32426" s="13" t="s">
        <v>199</v>
      </c>
      <c r="B32426" s="14" t="s">
        <v>1</v>
      </c>
      <c r="C32426" s="14" t="s">
        <v>200</v>
      </c>
      <c r="D32426" s="14" t="s">
        <v>52</v>
      </c>
      <c r="E32426" s="15">
        <v>45682</v>
      </c>
      <c r="F32426" s="14" t="s">
        <v>53</v>
      </c>
      <c r="G32426" s="16">
        <v>2.1844553248688583</v>
      </c>
    </row>
    <row r="32427" spans="1:7" x14ac:dyDescent="0.3">
      <c r="A32427" s="13" t="s">
        <v>199</v>
      </c>
      <c r="B32427" s="14" t="s">
        <v>1</v>
      </c>
      <c r="C32427" s="14" t="s">
        <v>200</v>
      </c>
      <c r="D32427" s="14" t="s">
        <v>52</v>
      </c>
      <c r="E32427" s="15">
        <v>45683</v>
      </c>
      <c r="F32427" s="14" t="s">
        <v>53</v>
      </c>
      <c r="G32427" s="16">
        <v>2.1844553248688583</v>
      </c>
    </row>
    <row r="32428" spans="1:7" x14ac:dyDescent="0.3">
      <c r="A32428" s="13" t="s">
        <v>199</v>
      </c>
      <c r="B32428" s="14" t="s">
        <v>1</v>
      </c>
      <c r="C32428" s="14" t="s">
        <v>200</v>
      </c>
      <c r="D32428" s="14" t="s">
        <v>52</v>
      </c>
      <c r="E32428" s="15">
        <v>45684</v>
      </c>
      <c r="F32428" s="14" t="s">
        <v>53</v>
      </c>
      <c r="G32428" s="16">
        <v>2.187031970465974</v>
      </c>
    </row>
    <row r="32429" spans="1:7" x14ac:dyDescent="0.3">
      <c r="A32429" s="13" t="s">
        <v>199</v>
      </c>
      <c r="B32429" s="14" t="s">
        <v>1</v>
      </c>
      <c r="C32429" s="14" t="s">
        <v>200</v>
      </c>
      <c r="D32429" s="14" t="s">
        <v>52</v>
      </c>
      <c r="E32429" s="15">
        <v>45685</v>
      </c>
      <c r="F32429" s="14" t="s">
        <v>53</v>
      </c>
      <c r="G32429" s="16">
        <v>2.2162641323372356</v>
      </c>
    </row>
    <row r="32430" spans="1:7" x14ac:dyDescent="0.3">
      <c r="A32430" s="13" t="s">
        <v>199</v>
      </c>
      <c r="B32430" s="14" t="s">
        <v>1</v>
      </c>
      <c r="C32430" s="14" t="s">
        <v>200</v>
      </c>
      <c r="D32430" s="14" t="s">
        <v>52</v>
      </c>
      <c r="E32430" s="15">
        <v>45686</v>
      </c>
      <c r="F32430" s="14" t="s">
        <v>53</v>
      </c>
      <c r="G32430" s="16">
        <v>2.2204124557476606</v>
      </c>
    </row>
    <row r="32431" spans="1:7" x14ac:dyDescent="0.3">
      <c r="A32431" s="13" t="s">
        <v>199</v>
      </c>
      <c r="B32431" s="14" t="s">
        <v>1</v>
      </c>
      <c r="C32431" s="14" t="s">
        <v>200</v>
      </c>
      <c r="D32431" s="14" t="s">
        <v>52</v>
      </c>
      <c r="E32431" s="15">
        <v>45687</v>
      </c>
      <c r="F32431" s="14" t="s">
        <v>53</v>
      </c>
      <c r="G32431" s="16">
        <v>2.2313081713336742</v>
      </c>
    </row>
    <row r="32432" spans="1:7" x14ac:dyDescent="0.3">
      <c r="A32432" s="13" t="s">
        <v>199</v>
      </c>
      <c r="B32432" s="14" t="s">
        <v>1</v>
      </c>
      <c r="C32432" s="14" t="s">
        <v>200</v>
      </c>
      <c r="D32432" s="14" t="s">
        <v>52</v>
      </c>
      <c r="E32432" s="15">
        <v>45688</v>
      </c>
      <c r="F32432" s="14" t="s">
        <v>53</v>
      </c>
      <c r="G32432" s="16">
        <v>2.2425673050059118</v>
      </c>
    </row>
    <row r="32433" spans="1:7" x14ac:dyDescent="0.3">
      <c r="A32433" s="13" t="s">
        <v>199</v>
      </c>
      <c r="B32433" s="14" t="s">
        <v>1</v>
      </c>
      <c r="C32433" s="14" t="s">
        <v>200</v>
      </c>
      <c r="D32433" s="14" t="s">
        <v>52</v>
      </c>
      <c r="E32433" s="15">
        <v>45689</v>
      </c>
      <c r="F32433" s="14" t="s">
        <v>53</v>
      </c>
      <c r="G32433" s="16">
        <v>2.2425673050059118</v>
      </c>
    </row>
    <row r="32434" spans="1:7" x14ac:dyDescent="0.3">
      <c r="A32434" s="13" t="s">
        <v>199</v>
      </c>
      <c r="B32434" s="14" t="s">
        <v>1</v>
      </c>
      <c r="C32434" s="14" t="s">
        <v>200</v>
      </c>
      <c r="D32434" s="14" t="s">
        <v>52</v>
      </c>
      <c r="E32434" s="15">
        <v>45690</v>
      </c>
      <c r="F32434" s="14" t="s">
        <v>53</v>
      </c>
      <c r="G32434" s="16">
        <v>2.2425673050059118</v>
      </c>
    </row>
    <row r="32435" spans="1:7" x14ac:dyDescent="0.3">
      <c r="A32435" s="13" t="s">
        <v>199</v>
      </c>
      <c r="B32435" s="14" t="s">
        <v>1</v>
      </c>
      <c r="C32435" s="14" t="s">
        <v>200</v>
      </c>
      <c r="D32435" s="14" t="s">
        <v>52</v>
      </c>
      <c r="E32435" s="15">
        <v>45691</v>
      </c>
      <c r="F32435" s="14" t="s">
        <v>53</v>
      </c>
      <c r="G32435" s="16">
        <v>2.2425673050059118</v>
      </c>
    </row>
    <row r="32436" spans="1:7" x14ac:dyDescent="0.3">
      <c r="A32436" s="13" t="s">
        <v>199</v>
      </c>
      <c r="B32436" s="14" t="s">
        <v>1</v>
      </c>
      <c r="C32436" s="14" t="s">
        <v>200</v>
      </c>
      <c r="D32436" s="14" t="s">
        <v>52</v>
      </c>
      <c r="E32436" s="15">
        <v>45692</v>
      </c>
      <c r="F32436" s="14" t="s">
        <v>53</v>
      </c>
      <c r="G32436" s="16">
        <v>2.2340444284967762</v>
      </c>
    </row>
    <row r="32437" spans="1:7" x14ac:dyDescent="0.3">
      <c r="A32437" s="13" t="s">
        <v>199</v>
      </c>
      <c r="B32437" s="14" t="s">
        <v>1</v>
      </c>
      <c r="C32437" s="14" t="s">
        <v>200</v>
      </c>
      <c r="D32437" s="14" t="s">
        <v>52</v>
      </c>
      <c r="E32437" s="15">
        <v>45693</v>
      </c>
      <c r="F32437" s="14" t="s">
        <v>53</v>
      </c>
      <c r="G32437" s="16">
        <v>2.2561715359356098</v>
      </c>
    </row>
    <row r="32438" spans="1:7" x14ac:dyDescent="0.3">
      <c r="A32438" s="13" t="s">
        <v>199</v>
      </c>
      <c r="B32438" s="14" t="s">
        <v>1</v>
      </c>
      <c r="C32438" s="14" t="s">
        <v>200</v>
      </c>
      <c r="D32438" s="14" t="s">
        <v>52</v>
      </c>
      <c r="E32438" s="15">
        <v>45694</v>
      </c>
      <c r="F32438" s="14" t="s">
        <v>53</v>
      </c>
      <c r="G32438" s="16">
        <v>2.2760482300873464</v>
      </c>
    </row>
    <row r="32439" spans="1:7" x14ac:dyDescent="0.3">
      <c r="A32439" s="13" t="s">
        <v>199</v>
      </c>
      <c r="B32439" s="14" t="s">
        <v>1</v>
      </c>
      <c r="C32439" s="14" t="s">
        <v>200</v>
      </c>
      <c r="D32439" s="14" t="s">
        <v>52</v>
      </c>
      <c r="E32439" s="15">
        <v>45695</v>
      </c>
      <c r="F32439" s="14" t="s">
        <v>53</v>
      </c>
      <c r="G32439" s="16">
        <v>2.2875302560826074</v>
      </c>
    </row>
    <row r="32440" spans="1:7" x14ac:dyDescent="0.3">
      <c r="A32440" s="13" t="s">
        <v>199</v>
      </c>
      <c r="B32440" s="14" t="s">
        <v>1</v>
      </c>
      <c r="C32440" s="14" t="s">
        <v>200</v>
      </c>
      <c r="D32440" s="14" t="s">
        <v>52</v>
      </c>
      <c r="E32440" s="15">
        <v>45696</v>
      </c>
      <c r="F32440" s="14" t="s">
        <v>53</v>
      </c>
      <c r="G32440" s="16">
        <v>2.2875302560826074</v>
      </c>
    </row>
    <row r="32441" spans="1:7" x14ac:dyDescent="0.3">
      <c r="A32441" s="13" t="s">
        <v>199</v>
      </c>
      <c r="B32441" s="14" t="s">
        <v>1</v>
      </c>
      <c r="C32441" s="14" t="s">
        <v>200</v>
      </c>
      <c r="D32441" s="14" t="s">
        <v>52</v>
      </c>
      <c r="E32441" s="15">
        <v>45697</v>
      </c>
      <c r="F32441" s="14" t="s">
        <v>53</v>
      </c>
      <c r="G32441" s="16">
        <v>2.2875302560826074</v>
      </c>
    </row>
    <row r="32442" spans="1:7" x14ac:dyDescent="0.3">
      <c r="A32442" s="13" t="s">
        <v>199</v>
      </c>
      <c r="B32442" s="14" t="s">
        <v>1</v>
      </c>
      <c r="C32442" s="14" t="s">
        <v>200</v>
      </c>
      <c r="D32442" s="14" t="s">
        <v>52</v>
      </c>
      <c r="E32442" s="15">
        <v>45698</v>
      </c>
      <c r="F32442" s="14" t="s">
        <v>53</v>
      </c>
      <c r="G32442" s="16">
        <v>2.301789048031198</v>
      </c>
    </row>
    <row r="32443" spans="1:7" x14ac:dyDescent="0.3">
      <c r="A32443" s="13" t="s">
        <v>199</v>
      </c>
      <c r="B32443" s="14" t="s">
        <v>1</v>
      </c>
      <c r="C32443" s="14" t="s">
        <v>200</v>
      </c>
      <c r="D32443" s="14" t="s">
        <v>52</v>
      </c>
      <c r="E32443" s="15">
        <v>45699</v>
      </c>
      <c r="F32443" s="14" t="s">
        <v>53</v>
      </c>
      <c r="G32443" s="16">
        <v>2.3090505929518264</v>
      </c>
    </row>
    <row r="32444" spans="1:7" x14ac:dyDescent="0.3">
      <c r="A32444" s="13" t="s">
        <v>199</v>
      </c>
      <c r="B32444" s="14" t="s">
        <v>1</v>
      </c>
      <c r="C32444" s="14" t="s">
        <v>200</v>
      </c>
      <c r="D32444" s="14" t="s">
        <v>52</v>
      </c>
      <c r="E32444" s="15">
        <v>45700</v>
      </c>
      <c r="F32444" s="14" t="s">
        <v>53</v>
      </c>
      <c r="G32444" s="16">
        <v>2.3169775681391696</v>
      </c>
    </row>
    <row r="32445" spans="1:7" x14ac:dyDescent="0.3">
      <c r="A32445" s="13" t="s">
        <v>199</v>
      </c>
      <c r="B32445" s="14" t="s">
        <v>1</v>
      </c>
      <c r="C32445" s="14" t="s">
        <v>200</v>
      </c>
      <c r="D32445" s="14" t="s">
        <v>52</v>
      </c>
      <c r="E32445" s="15">
        <v>45701</v>
      </c>
      <c r="F32445" s="14" t="s">
        <v>53</v>
      </c>
      <c r="G32445" s="16">
        <v>2.30331195476395</v>
      </c>
    </row>
    <row r="32446" spans="1:7" x14ac:dyDescent="0.3">
      <c r="A32446" s="13" t="s">
        <v>199</v>
      </c>
      <c r="B32446" s="14" t="s">
        <v>1</v>
      </c>
      <c r="C32446" s="14" t="s">
        <v>200</v>
      </c>
      <c r="D32446" s="14" t="s">
        <v>52</v>
      </c>
      <c r="E32446" s="15">
        <v>45702</v>
      </c>
      <c r="F32446" s="14" t="s">
        <v>53</v>
      </c>
      <c r="G32446" s="16">
        <v>2.30704275538268</v>
      </c>
    </row>
    <row r="32447" spans="1:7" x14ac:dyDescent="0.3">
      <c r="A32447" s="13" t="s">
        <v>199</v>
      </c>
      <c r="B32447" s="14" t="s">
        <v>1</v>
      </c>
      <c r="C32447" s="14" t="s">
        <v>200</v>
      </c>
      <c r="D32447" s="14" t="s">
        <v>52</v>
      </c>
      <c r="E32447" s="15">
        <v>45703</v>
      </c>
      <c r="F32447" s="14" t="s">
        <v>53</v>
      </c>
      <c r="G32447" s="16">
        <v>2.30704275538268</v>
      </c>
    </row>
    <row r="32448" spans="1:7" x14ac:dyDescent="0.3">
      <c r="A32448" s="13" t="s">
        <v>199</v>
      </c>
      <c r="B32448" s="14" t="s">
        <v>1</v>
      </c>
      <c r="C32448" s="14" t="s">
        <v>200</v>
      </c>
      <c r="D32448" s="14" t="s">
        <v>52</v>
      </c>
      <c r="E32448" s="15">
        <v>45704</v>
      </c>
      <c r="F32448" s="14" t="s">
        <v>53</v>
      </c>
      <c r="G32448" s="16">
        <v>2.30704275538268</v>
      </c>
    </row>
    <row r="32449" spans="1:7" x14ac:dyDescent="0.3">
      <c r="A32449" s="13" t="s">
        <v>199</v>
      </c>
      <c r="B32449" s="14" t="s">
        <v>1</v>
      </c>
      <c r="C32449" s="14" t="s">
        <v>200</v>
      </c>
      <c r="D32449" s="14" t="s">
        <v>52</v>
      </c>
      <c r="E32449" s="15">
        <v>45705</v>
      </c>
      <c r="F32449" s="14" t="s">
        <v>53</v>
      </c>
      <c r="G32449" s="16">
        <v>2.30704275538268</v>
      </c>
    </row>
    <row r="32450" spans="1:7" x14ac:dyDescent="0.3">
      <c r="A32450" s="13" t="s">
        <v>199</v>
      </c>
      <c r="B32450" s="14" t="s">
        <v>1</v>
      </c>
      <c r="C32450" s="14" t="s">
        <v>200</v>
      </c>
      <c r="D32450" s="14" t="s">
        <v>52</v>
      </c>
      <c r="E32450" s="15">
        <v>45706</v>
      </c>
      <c r="F32450" s="14" t="s">
        <v>53</v>
      </c>
      <c r="G32450" s="16">
        <v>2.3097129399515168</v>
      </c>
    </row>
    <row r="32451" spans="1:7" x14ac:dyDescent="0.3">
      <c r="A32451" s="13" t="s">
        <v>199</v>
      </c>
      <c r="B32451" s="14" t="s">
        <v>1</v>
      </c>
      <c r="C32451" s="14" t="s">
        <v>200</v>
      </c>
      <c r="D32451" s="14" t="s">
        <v>52</v>
      </c>
      <c r="E32451" s="15">
        <v>45707</v>
      </c>
      <c r="F32451" s="14" t="s">
        <v>53</v>
      </c>
      <c r="G32451" s="16">
        <v>2.3416875642783328</v>
      </c>
    </row>
    <row r="32452" spans="1:7" x14ac:dyDescent="0.3">
      <c r="A32452" s="13" t="s">
        <v>199</v>
      </c>
      <c r="B32452" s="14" t="s">
        <v>1</v>
      </c>
      <c r="C32452" s="14" t="s">
        <v>200</v>
      </c>
      <c r="D32452" s="14" t="s">
        <v>52</v>
      </c>
      <c r="E32452" s="15">
        <v>45708</v>
      </c>
      <c r="F32452" s="14" t="s">
        <v>53</v>
      </c>
      <c r="G32452" s="16">
        <v>2.3335077058709373</v>
      </c>
    </row>
    <row r="32453" spans="1:7" x14ac:dyDescent="0.3">
      <c r="A32453" s="13" t="s">
        <v>199</v>
      </c>
      <c r="B32453" s="14" t="s">
        <v>1</v>
      </c>
      <c r="C32453" s="14" t="s">
        <v>200</v>
      </c>
      <c r="D32453" s="14" t="s">
        <v>52</v>
      </c>
      <c r="E32453" s="15">
        <v>45709</v>
      </c>
      <c r="F32453" s="14" t="s">
        <v>53</v>
      </c>
      <c r="G32453" s="16">
        <v>2.3481186817589581</v>
      </c>
    </row>
    <row r="32454" spans="1:7" x14ac:dyDescent="0.3">
      <c r="A32454" s="13" t="s">
        <v>199</v>
      </c>
      <c r="B32454" s="14" t="s">
        <v>1</v>
      </c>
      <c r="C32454" s="14" t="s">
        <v>200</v>
      </c>
      <c r="D32454" s="14" t="s">
        <v>52</v>
      </c>
      <c r="E32454" s="15">
        <v>45710</v>
      </c>
      <c r="F32454" s="14" t="s">
        <v>53</v>
      </c>
      <c r="G32454" s="16">
        <v>2.3481186817589581</v>
      </c>
    </row>
    <row r="32455" spans="1:7" x14ac:dyDescent="0.3">
      <c r="A32455" s="13" t="s">
        <v>199</v>
      </c>
      <c r="B32455" s="14" t="s">
        <v>1</v>
      </c>
      <c r="C32455" s="14" t="s">
        <v>200</v>
      </c>
      <c r="D32455" s="14" t="s">
        <v>52</v>
      </c>
      <c r="E32455" s="15">
        <v>45711</v>
      </c>
      <c r="F32455" s="14" t="s">
        <v>53</v>
      </c>
      <c r="G32455" s="16">
        <v>2.3481186817589581</v>
      </c>
    </row>
    <row r="32456" spans="1:7" x14ac:dyDescent="0.3">
      <c r="A32456" s="13" t="s">
        <v>199</v>
      </c>
      <c r="B32456" s="14" t="s">
        <v>1</v>
      </c>
      <c r="C32456" s="14" t="s">
        <v>200</v>
      </c>
      <c r="D32456" s="14" t="s">
        <v>52</v>
      </c>
      <c r="E32456" s="15">
        <v>45712</v>
      </c>
      <c r="F32456" s="14" t="s">
        <v>53</v>
      </c>
      <c r="G32456" s="16">
        <v>2.3574728823783153</v>
      </c>
    </row>
    <row r="32457" spans="1:7" x14ac:dyDescent="0.3">
      <c r="A32457" s="13" t="s">
        <v>199</v>
      </c>
      <c r="B32457" s="14" t="s">
        <v>1</v>
      </c>
      <c r="C32457" s="14" t="s">
        <v>200</v>
      </c>
      <c r="D32457" s="14" t="s">
        <v>52</v>
      </c>
      <c r="E32457" s="15">
        <v>45713</v>
      </c>
      <c r="F32457" s="14" t="s">
        <v>53</v>
      </c>
      <c r="G32457" s="16">
        <v>2.370548352235716</v>
      </c>
    </row>
    <row r="32458" spans="1:7" x14ac:dyDescent="0.3">
      <c r="A32458" s="13" t="s">
        <v>199</v>
      </c>
      <c r="B32458" s="14" t="s">
        <v>1</v>
      </c>
      <c r="C32458" s="14" t="s">
        <v>200</v>
      </c>
      <c r="D32458" s="14" t="s">
        <v>52</v>
      </c>
      <c r="E32458" s="15">
        <v>45714</v>
      </c>
      <c r="F32458" s="14" t="s">
        <v>53</v>
      </c>
      <c r="G32458" s="16">
        <v>2.3767335728430425</v>
      </c>
    </row>
    <row r="32459" spans="1:7" x14ac:dyDescent="0.3">
      <c r="A32459" s="13" t="s">
        <v>199</v>
      </c>
      <c r="B32459" s="14" t="s">
        <v>1</v>
      </c>
      <c r="C32459" s="14" t="s">
        <v>200</v>
      </c>
      <c r="D32459" s="14" t="s">
        <v>52</v>
      </c>
      <c r="E32459" s="15">
        <v>45715</v>
      </c>
      <c r="F32459" s="14" t="s">
        <v>53</v>
      </c>
      <c r="G32459" s="16">
        <v>2.3981450129581181</v>
      </c>
    </row>
    <row r="32460" spans="1:7" x14ac:dyDescent="0.3">
      <c r="A32460" s="13" t="s">
        <v>199</v>
      </c>
      <c r="B32460" s="14" t="s">
        <v>1</v>
      </c>
      <c r="C32460" s="14" t="s">
        <v>200</v>
      </c>
      <c r="D32460" s="14" t="s">
        <v>52</v>
      </c>
      <c r="E32460" s="15">
        <v>45716</v>
      </c>
      <c r="F32460" s="14" t="s">
        <v>53</v>
      </c>
      <c r="G32460" s="16">
        <v>2.4097840220112503</v>
      </c>
    </row>
    <row r="32461" spans="1:7" x14ac:dyDescent="0.3">
      <c r="A32461" s="13" t="s">
        <v>199</v>
      </c>
      <c r="B32461" s="14" t="s">
        <v>1</v>
      </c>
      <c r="C32461" s="14" t="s">
        <v>200</v>
      </c>
      <c r="D32461" s="14" t="s">
        <v>52</v>
      </c>
      <c r="E32461" s="15">
        <v>45717</v>
      </c>
      <c r="F32461" s="14" t="s">
        <v>53</v>
      </c>
      <c r="G32461" s="16">
        <v>2.4097840220112503</v>
      </c>
    </row>
    <row r="32462" spans="1:7" x14ac:dyDescent="0.3">
      <c r="A32462" s="13" t="s">
        <v>199</v>
      </c>
      <c r="B32462" s="14" t="s">
        <v>1</v>
      </c>
      <c r="C32462" s="14" t="s">
        <v>200</v>
      </c>
      <c r="D32462" s="14" t="s">
        <v>52</v>
      </c>
      <c r="E32462" s="15">
        <v>45718</v>
      </c>
      <c r="F32462" s="14" t="s">
        <v>53</v>
      </c>
      <c r="G32462" s="16">
        <v>2.4097840220112503</v>
      </c>
    </row>
    <row r="32463" spans="1:7" x14ac:dyDescent="0.3">
      <c r="A32463" s="13" t="s">
        <v>199</v>
      </c>
      <c r="B32463" s="14" t="s">
        <v>1</v>
      </c>
      <c r="C32463" s="14" t="s">
        <v>200</v>
      </c>
      <c r="D32463" s="14" t="s">
        <v>52</v>
      </c>
      <c r="E32463" s="15">
        <v>45719</v>
      </c>
      <c r="F32463" s="14" t="s">
        <v>53</v>
      </c>
      <c r="G32463" s="16">
        <v>2.3972994116314696</v>
      </c>
    </row>
    <row r="32464" spans="1:7" x14ac:dyDescent="0.3">
      <c r="A32464" s="13" t="s">
        <v>199</v>
      </c>
      <c r="B32464" s="14" t="s">
        <v>1</v>
      </c>
      <c r="C32464" s="14" t="s">
        <v>200</v>
      </c>
      <c r="D32464" s="14" t="s">
        <v>52</v>
      </c>
      <c r="E32464" s="15">
        <v>45720</v>
      </c>
      <c r="F32464" s="14" t="s">
        <v>53</v>
      </c>
      <c r="G32464" s="16">
        <v>2.4006815878652081</v>
      </c>
    </row>
    <row r="32465" spans="1:7" x14ac:dyDescent="0.3">
      <c r="A32465" s="13" t="s">
        <v>199</v>
      </c>
      <c r="B32465" s="14" t="s">
        <v>1</v>
      </c>
      <c r="C32465" s="14" t="s">
        <v>200</v>
      </c>
      <c r="D32465" s="14" t="s">
        <v>52</v>
      </c>
      <c r="E32465" s="15">
        <v>45721</v>
      </c>
      <c r="F32465" s="14" t="s">
        <v>53</v>
      </c>
      <c r="G32465" s="16">
        <v>2.3888560472427471</v>
      </c>
    </row>
    <row r="32466" spans="1:7" x14ac:dyDescent="0.3">
      <c r="A32466" s="13" t="s">
        <v>199</v>
      </c>
      <c r="B32466" s="14" t="s">
        <v>1</v>
      </c>
      <c r="C32466" s="14" t="s">
        <v>200</v>
      </c>
      <c r="D32466" s="14" t="s">
        <v>52</v>
      </c>
      <c r="E32466" s="15">
        <v>45722</v>
      </c>
      <c r="F32466" s="14" t="s">
        <v>53</v>
      </c>
      <c r="G32466" s="16">
        <v>2.3981732534386651</v>
      </c>
    </row>
    <row r="32467" spans="1:7" x14ac:dyDescent="0.3">
      <c r="A32467" s="13" t="s">
        <v>199</v>
      </c>
      <c r="B32467" s="14" t="s">
        <v>1</v>
      </c>
      <c r="C32467" s="14" t="s">
        <v>200</v>
      </c>
      <c r="D32467" s="14" t="s">
        <v>52</v>
      </c>
      <c r="E32467" s="15">
        <v>45723</v>
      </c>
      <c r="F32467" s="14" t="s">
        <v>53</v>
      </c>
      <c r="G32467" s="16">
        <v>2.3979759008538135</v>
      </c>
    </row>
    <row r="32468" spans="1:7" x14ac:dyDescent="0.3">
      <c r="A32468" s="13" t="s">
        <v>199</v>
      </c>
      <c r="B32468" s="14" t="s">
        <v>1</v>
      </c>
      <c r="C32468" s="14" t="s">
        <v>200</v>
      </c>
      <c r="D32468" s="14" t="s">
        <v>52</v>
      </c>
      <c r="E32468" s="15">
        <v>45724</v>
      </c>
      <c r="F32468" s="14" t="s">
        <v>53</v>
      </c>
      <c r="G32468" s="16">
        <v>2.3979759008538135</v>
      </c>
    </row>
    <row r="32469" spans="1:7" x14ac:dyDescent="0.3">
      <c r="A32469" s="13" t="s">
        <v>199</v>
      </c>
      <c r="B32469" s="14" t="s">
        <v>1</v>
      </c>
      <c r="C32469" s="14" t="s">
        <v>200</v>
      </c>
      <c r="D32469" s="14" t="s">
        <v>52</v>
      </c>
      <c r="E32469" s="15">
        <v>45725</v>
      </c>
      <c r="F32469" s="14" t="s">
        <v>53</v>
      </c>
      <c r="G32469" s="16">
        <v>2.3979759008538135</v>
      </c>
    </row>
    <row r="32470" spans="1:7" x14ac:dyDescent="0.3">
      <c r="A32470" s="13" t="s">
        <v>199</v>
      </c>
      <c r="B32470" s="14" t="s">
        <v>1</v>
      </c>
      <c r="C32470" s="14" t="s">
        <v>200</v>
      </c>
      <c r="D32470" s="14" t="s">
        <v>52</v>
      </c>
      <c r="E32470" s="15">
        <v>45726</v>
      </c>
      <c r="F32470" s="14" t="s">
        <v>53</v>
      </c>
      <c r="G32470" s="16">
        <v>2.4129421721375652</v>
      </c>
    </row>
    <row r="32471" spans="1:7" x14ac:dyDescent="0.3">
      <c r="A32471" s="13" t="s">
        <v>199</v>
      </c>
      <c r="B32471" s="14" t="s">
        <v>1</v>
      </c>
      <c r="C32471" s="14" t="s">
        <v>200</v>
      </c>
      <c r="D32471" s="14" t="s">
        <v>52</v>
      </c>
      <c r="E32471" s="15">
        <v>45727</v>
      </c>
      <c r="F32471" s="14" t="s">
        <v>53</v>
      </c>
      <c r="G32471" s="16">
        <v>2.4210069998692476</v>
      </c>
    </row>
    <row r="32472" spans="1:7" x14ac:dyDescent="0.3">
      <c r="A32472" s="13" t="s">
        <v>199</v>
      </c>
      <c r="B32472" s="14" t="s">
        <v>1</v>
      </c>
      <c r="C32472" s="14" t="s">
        <v>200</v>
      </c>
      <c r="D32472" s="14" t="s">
        <v>52</v>
      </c>
      <c r="E32472" s="15">
        <v>45728</v>
      </c>
      <c r="F32472" s="14" t="s">
        <v>53</v>
      </c>
      <c r="G32472" s="16">
        <v>2.4272772836034853</v>
      </c>
    </row>
    <row r="32473" spans="1:7" x14ac:dyDescent="0.3">
      <c r="A32473" s="13" t="s">
        <v>199</v>
      </c>
      <c r="B32473" s="14" t="s">
        <v>1</v>
      </c>
      <c r="C32473" s="14" t="s">
        <v>200</v>
      </c>
      <c r="D32473" s="14" t="s">
        <v>52</v>
      </c>
      <c r="E32473" s="15">
        <v>45729</v>
      </c>
      <c r="F32473" s="14" t="s">
        <v>53</v>
      </c>
      <c r="G32473" s="16">
        <v>2.4376197560289712</v>
      </c>
    </row>
    <row r="32474" spans="1:7" x14ac:dyDescent="0.3">
      <c r="A32474" s="13" t="s">
        <v>199</v>
      </c>
      <c r="B32474" s="14" t="s">
        <v>1</v>
      </c>
      <c r="C32474" s="14" t="s">
        <v>200</v>
      </c>
      <c r="D32474" s="14" t="s">
        <v>52</v>
      </c>
      <c r="E32474" s="15">
        <v>45730</v>
      </c>
      <c r="F32474" s="14" t="s">
        <v>53</v>
      </c>
      <c r="G32474" s="16">
        <v>2.4479334419707564</v>
      </c>
    </row>
    <row r="32475" spans="1:7" x14ac:dyDescent="0.3">
      <c r="A32475" s="13" t="s">
        <v>199</v>
      </c>
      <c r="B32475" s="14" t="s">
        <v>1</v>
      </c>
      <c r="C32475" s="14" t="s">
        <v>200</v>
      </c>
      <c r="D32475" s="14" t="s">
        <v>52</v>
      </c>
      <c r="E32475" s="15">
        <v>45731</v>
      </c>
      <c r="F32475" s="14" t="s">
        <v>53</v>
      </c>
      <c r="G32475" s="16">
        <v>2.4479334419707564</v>
      </c>
    </row>
    <row r="32476" spans="1:7" x14ac:dyDescent="0.3">
      <c r="A32476" s="13" t="s">
        <v>199</v>
      </c>
      <c r="B32476" s="14" t="s">
        <v>1</v>
      </c>
      <c r="C32476" s="14" t="s">
        <v>200</v>
      </c>
      <c r="D32476" s="14" t="s">
        <v>52</v>
      </c>
      <c r="E32476" s="15">
        <v>45732</v>
      </c>
      <c r="F32476" s="14" t="s">
        <v>53</v>
      </c>
      <c r="G32476" s="16">
        <v>2.4479334419707564</v>
      </c>
    </row>
    <row r="32477" spans="1:7" x14ac:dyDescent="0.3">
      <c r="A32477" s="13" t="s">
        <v>199</v>
      </c>
      <c r="B32477" s="14" t="s">
        <v>1</v>
      </c>
      <c r="C32477" s="14" t="s">
        <v>200</v>
      </c>
      <c r="D32477" s="14" t="s">
        <v>52</v>
      </c>
      <c r="E32477" s="15">
        <v>45733</v>
      </c>
      <c r="F32477" s="14" t="s">
        <v>53</v>
      </c>
      <c r="G32477" s="16">
        <v>2.4479334419707564</v>
      </c>
    </row>
    <row r="32478" spans="1:7" x14ac:dyDescent="0.3">
      <c r="A32478" s="13" t="s">
        <v>199</v>
      </c>
      <c r="B32478" s="14" t="s">
        <v>1</v>
      </c>
      <c r="C32478" s="14" t="s">
        <v>200</v>
      </c>
      <c r="D32478" s="14" t="s">
        <v>52</v>
      </c>
      <c r="E32478" s="15">
        <v>45734</v>
      </c>
      <c r="F32478" s="14" t="s">
        <v>53</v>
      </c>
      <c r="G32478" s="16">
        <v>2.4426385361603851</v>
      </c>
    </row>
    <row r="32479" spans="1:7" x14ac:dyDescent="0.3">
      <c r="A32479" s="13" t="s">
        <v>199</v>
      </c>
      <c r="B32479" s="14" t="s">
        <v>1</v>
      </c>
      <c r="C32479" s="14" t="s">
        <v>200</v>
      </c>
      <c r="D32479" s="14" t="s">
        <v>52</v>
      </c>
      <c r="E32479" s="15">
        <v>45735</v>
      </c>
      <c r="F32479" s="14" t="s">
        <v>53</v>
      </c>
      <c r="G32479" s="16">
        <v>2.4677415925825108</v>
      </c>
    </row>
    <row r="32480" spans="1:7" x14ac:dyDescent="0.3">
      <c r="A32480" s="13" t="s">
        <v>199</v>
      </c>
      <c r="B32480" s="14" t="s">
        <v>1</v>
      </c>
      <c r="C32480" s="14" t="s">
        <v>200</v>
      </c>
      <c r="D32480" s="14" t="s">
        <v>52</v>
      </c>
      <c r="E32480" s="15">
        <v>45736</v>
      </c>
      <c r="F32480" s="14" t="s">
        <v>53</v>
      </c>
      <c r="G32480" s="16">
        <v>2.4822899616430316</v>
      </c>
    </row>
    <row r="32481" spans="1:7" x14ac:dyDescent="0.3">
      <c r="A32481" s="13" t="s">
        <v>199</v>
      </c>
      <c r="B32481" s="14" t="s">
        <v>1</v>
      </c>
      <c r="C32481" s="14" t="s">
        <v>200</v>
      </c>
      <c r="D32481" s="14" t="s">
        <v>52</v>
      </c>
      <c r="E32481" s="15">
        <v>45737</v>
      </c>
      <c r="F32481" s="14" t="s">
        <v>53</v>
      </c>
      <c r="G32481" s="16">
        <v>2.4948792868862135</v>
      </c>
    </row>
    <row r="32482" spans="1:7" x14ac:dyDescent="0.3">
      <c r="A32482" s="13" t="s">
        <v>199</v>
      </c>
      <c r="B32482" s="14" t="s">
        <v>1</v>
      </c>
      <c r="C32482" s="14" t="s">
        <v>200</v>
      </c>
      <c r="D32482" s="14" t="s">
        <v>52</v>
      </c>
      <c r="E32482" s="15">
        <v>45738</v>
      </c>
      <c r="F32482" s="14" t="s">
        <v>53</v>
      </c>
      <c r="G32482" s="16">
        <v>2.4948792868862135</v>
      </c>
    </row>
    <row r="32483" spans="1:7" x14ac:dyDescent="0.3">
      <c r="A32483" s="13" t="s">
        <v>199</v>
      </c>
      <c r="B32483" s="14" t="s">
        <v>1</v>
      </c>
      <c r="C32483" s="14" t="s">
        <v>200</v>
      </c>
      <c r="D32483" s="14" t="s">
        <v>52</v>
      </c>
      <c r="E32483" s="15">
        <v>45739</v>
      </c>
      <c r="F32483" s="14" t="s">
        <v>53</v>
      </c>
      <c r="G32483" s="16">
        <v>2.4948792868862135</v>
      </c>
    </row>
    <row r="32484" spans="1:7" x14ac:dyDescent="0.3">
      <c r="A32484" s="13" t="s">
        <v>199</v>
      </c>
      <c r="B32484" s="14" t="s">
        <v>1</v>
      </c>
      <c r="C32484" s="14" t="s">
        <v>200</v>
      </c>
      <c r="D32484" s="14" t="s">
        <v>52</v>
      </c>
      <c r="E32484" s="15">
        <v>45740</v>
      </c>
      <c r="F32484" s="14" t="s">
        <v>53</v>
      </c>
      <c r="G32484" s="16">
        <v>2.4998817413918681</v>
      </c>
    </row>
    <row r="32485" spans="1:7" x14ac:dyDescent="0.3">
      <c r="A32485" s="13" t="s">
        <v>199</v>
      </c>
      <c r="B32485" s="14" t="s">
        <v>1</v>
      </c>
      <c r="C32485" s="14" t="s">
        <v>200</v>
      </c>
      <c r="D32485" s="14" t="s">
        <v>52</v>
      </c>
      <c r="E32485" s="15">
        <v>45741</v>
      </c>
      <c r="F32485" s="14" t="s">
        <v>53</v>
      </c>
      <c r="G32485" s="16">
        <v>2.517263358765808</v>
      </c>
    </row>
    <row r="32486" spans="1:7" x14ac:dyDescent="0.3">
      <c r="A32486" s="13" t="s">
        <v>199</v>
      </c>
      <c r="B32486" s="14" t="s">
        <v>1</v>
      </c>
      <c r="C32486" s="14" t="s">
        <v>200</v>
      </c>
      <c r="D32486" s="14" t="s">
        <v>52</v>
      </c>
      <c r="E32486" s="15">
        <v>45742</v>
      </c>
      <c r="F32486" s="14" t="s">
        <v>53</v>
      </c>
      <c r="G32486" s="16">
        <v>2.5341786716240802</v>
      </c>
    </row>
    <row r="32487" spans="1:7" x14ac:dyDescent="0.3">
      <c r="A32487" s="13" t="s">
        <v>199</v>
      </c>
      <c r="B32487" s="14" t="s">
        <v>1</v>
      </c>
      <c r="C32487" s="14" t="s">
        <v>200</v>
      </c>
      <c r="D32487" s="14" t="s">
        <v>52</v>
      </c>
      <c r="E32487" s="15">
        <v>45743</v>
      </c>
      <c r="F32487" s="14" t="s">
        <v>53</v>
      </c>
      <c r="G32487" s="16">
        <v>2.5287954303010278</v>
      </c>
    </row>
    <row r="32488" spans="1:7" x14ac:dyDescent="0.3">
      <c r="A32488" s="13" t="s">
        <v>199</v>
      </c>
      <c r="B32488" s="14" t="s">
        <v>1</v>
      </c>
      <c r="C32488" s="14" t="s">
        <v>200</v>
      </c>
      <c r="D32488" s="14" t="s">
        <v>52</v>
      </c>
      <c r="E32488" s="15">
        <v>45744</v>
      </c>
      <c r="F32488" s="14" t="s">
        <v>53</v>
      </c>
      <c r="G32488" s="16">
        <v>2.5367649960804051</v>
      </c>
    </row>
    <row r="32489" spans="1:7" x14ac:dyDescent="0.3">
      <c r="A32489" s="13" t="s">
        <v>199</v>
      </c>
      <c r="B32489" s="14" t="s">
        <v>1</v>
      </c>
      <c r="C32489" s="14" t="s">
        <v>200</v>
      </c>
      <c r="D32489" s="14" t="s">
        <v>52</v>
      </c>
      <c r="E32489" s="15">
        <v>45745</v>
      </c>
      <c r="F32489" s="14" t="s">
        <v>53</v>
      </c>
      <c r="G32489" s="16">
        <v>2.5367649960804051</v>
      </c>
    </row>
    <row r="32490" spans="1:7" x14ac:dyDescent="0.3">
      <c r="A32490" s="13" t="s">
        <v>199</v>
      </c>
      <c r="B32490" s="14" t="s">
        <v>1</v>
      </c>
      <c r="C32490" s="14" t="s">
        <v>200</v>
      </c>
      <c r="D32490" s="14" t="s">
        <v>52</v>
      </c>
      <c r="E32490" s="15">
        <v>45746</v>
      </c>
      <c r="F32490" s="14" t="s">
        <v>53</v>
      </c>
      <c r="G32490" s="16">
        <v>2.5367649960804051</v>
      </c>
    </row>
    <row r="32491" spans="1:7" x14ac:dyDescent="0.3">
      <c r="A32491" s="13" t="s">
        <v>199</v>
      </c>
      <c r="B32491" s="14" t="s">
        <v>1</v>
      </c>
      <c r="C32491" s="14" t="s">
        <v>200</v>
      </c>
      <c r="D32491" s="14" t="s">
        <v>52</v>
      </c>
      <c r="E32491" s="15">
        <v>45747</v>
      </c>
      <c r="F32491" s="14" t="s">
        <v>53</v>
      </c>
      <c r="G32491" s="16">
        <v>2.5488614630994761</v>
      </c>
    </row>
    <row r="32492" spans="1:7" x14ac:dyDescent="0.3">
      <c r="A32492" s="13" t="s">
        <v>201</v>
      </c>
      <c r="B32492" s="14" t="s">
        <v>1</v>
      </c>
      <c r="C32492" s="14" t="s">
        <v>23</v>
      </c>
      <c r="D32492" s="14" t="s">
        <v>202</v>
      </c>
      <c r="E32492" s="15">
        <v>45383</v>
      </c>
      <c r="F32492" s="14" t="s">
        <v>53</v>
      </c>
      <c r="G32492" s="16">
        <v>0</v>
      </c>
    </row>
    <row r="32493" spans="1:7" x14ac:dyDescent="0.3">
      <c r="A32493" s="13" t="s">
        <v>201</v>
      </c>
      <c r="B32493" s="14" t="s">
        <v>1</v>
      </c>
      <c r="C32493" s="14" t="s">
        <v>23</v>
      </c>
      <c r="D32493" s="14" t="s">
        <v>202</v>
      </c>
      <c r="E32493" s="15">
        <v>45384</v>
      </c>
      <c r="F32493" s="14" t="s">
        <v>53</v>
      </c>
      <c r="G32493" s="16">
        <v>0</v>
      </c>
    </row>
    <row r="32494" spans="1:7" x14ac:dyDescent="0.3">
      <c r="A32494" s="13" t="s">
        <v>201</v>
      </c>
      <c r="B32494" s="14" t="s">
        <v>1</v>
      </c>
      <c r="C32494" s="14" t="s">
        <v>23</v>
      </c>
      <c r="D32494" s="14" t="s">
        <v>202</v>
      </c>
      <c r="E32494" s="15">
        <v>45385</v>
      </c>
      <c r="F32494" s="14" t="s">
        <v>53</v>
      </c>
      <c r="G32494" s="16">
        <v>7.3579932412846119E-2</v>
      </c>
    </row>
    <row r="32495" spans="1:7" x14ac:dyDescent="0.3">
      <c r="A32495" s="13" t="s">
        <v>201</v>
      </c>
      <c r="B32495" s="14" t="s">
        <v>1</v>
      </c>
      <c r="C32495" s="14" t="s">
        <v>23</v>
      </c>
      <c r="D32495" s="14" t="s">
        <v>202</v>
      </c>
      <c r="E32495" s="15">
        <v>45386</v>
      </c>
      <c r="F32495" s="14" t="s">
        <v>53</v>
      </c>
      <c r="G32495" s="16">
        <v>9.2718126639635537E-2</v>
      </c>
    </row>
    <row r="32496" spans="1:7" x14ac:dyDescent="0.3">
      <c r="A32496" s="13" t="s">
        <v>201</v>
      </c>
      <c r="B32496" s="14" t="s">
        <v>1</v>
      </c>
      <c r="C32496" s="14" t="s">
        <v>23</v>
      </c>
      <c r="D32496" s="14" t="s">
        <v>202</v>
      </c>
      <c r="E32496" s="15">
        <v>45387</v>
      </c>
      <c r="F32496" s="14" t="s">
        <v>53</v>
      </c>
      <c r="G32496" s="16">
        <v>0.12131260930828612</v>
      </c>
    </row>
    <row r="32497" spans="1:7" x14ac:dyDescent="0.3">
      <c r="A32497" s="13" t="s">
        <v>201</v>
      </c>
      <c r="B32497" s="14" t="s">
        <v>1</v>
      </c>
      <c r="C32497" s="14" t="s">
        <v>23</v>
      </c>
      <c r="D32497" s="14" t="s">
        <v>202</v>
      </c>
      <c r="E32497" s="15">
        <v>45388</v>
      </c>
      <c r="F32497" s="14" t="s">
        <v>53</v>
      </c>
      <c r="G32497" s="16">
        <v>0.12131260930828612</v>
      </c>
    </row>
    <row r="32498" spans="1:7" x14ac:dyDescent="0.3">
      <c r="A32498" s="13" t="s">
        <v>201</v>
      </c>
      <c r="B32498" s="14" t="s">
        <v>1</v>
      </c>
      <c r="C32498" s="14" t="s">
        <v>23</v>
      </c>
      <c r="D32498" s="14" t="s">
        <v>202</v>
      </c>
      <c r="E32498" s="15">
        <v>45389</v>
      </c>
      <c r="F32498" s="14" t="s">
        <v>53</v>
      </c>
      <c r="G32498" s="16">
        <v>0.12131260930828612</v>
      </c>
    </row>
    <row r="32499" spans="1:7" x14ac:dyDescent="0.3">
      <c r="A32499" s="13" t="s">
        <v>201</v>
      </c>
      <c r="B32499" s="14" t="s">
        <v>1</v>
      </c>
      <c r="C32499" s="14" t="s">
        <v>23</v>
      </c>
      <c r="D32499" s="14" t="s">
        <v>202</v>
      </c>
      <c r="E32499" s="15">
        <v>45390</v>
      </c>
      <c r="F32499" s="14" t="s">
        <v>53</v>
      </c>
      <c r="G32499" s="16">
        <v>0.13784268341882924</v>
      </c>
    </row>
    <row r="32500" spans="1:7" x14ac:dyDescent="0.3">
      <c r="A32500" s="13" t="s">
        <v>201</v>
      </c>
      <c r="B32500" s="14" t="s">
        <v>1</v>
      </c>
      <c r="C32500" s="14" t="s">
        <v>23</v>
      </c>
      <c r="D32500" s="14" t="s">
        <v>202</v>
      </c>
      <c r="E32500" s="15">
        <v>45391</v>
      </c>
      <c r="F32500" s="14" t="s">
        <v>53</v>
      </c>
      <c r="G32500" s="16">
        <v>0.18577673741312609</v>
      </c>
    </row>
    <row r="32501" spans="1:7" x14ac:dyDescent="0.3">
      <c r="A32501" s="13" t="s">
        <v>201</v>
      </c>
      <c r="B32501" s="14" t="s">
        <v>1</v>
      </c>
      <c r="C32501" s="14" t="s">
        <v>23</v>
      </c>
      <c r="D32501" s="14" t="s">
        <v>202</v>
      </c>
      <c r="E32501" s="15">
        <v>45392</v>
      </c>
      <c r="F32501" s="14" t="s">
        <v>53</v>
      </c>
      <c r="G32501" s="16">
        <v>0.20705361824420815</v>
      </c>
    </row>
    <row r="32502" spans="1:7" x14ac:dyDescent="0.3">
      <c r="A32502" s="13" t="s">
        <v>201</v>
      </c>
      <c r="B32502" s="14" t="s">
        <v>1</v>
      </c>
      <c r="C32502" s="14" t="s">
        <v>23</v>
      </c>
      <c r="D32502" s="14" t="s">
        <v>202</v>
      </c>
      <c r="E32502" s="15">
        <v>45393</v>
      </c>
      <c r="F32502" s="14" t="s">
        <v>53</v>
      </c>
      <c r="G32502" s="16">
        <v>0.22522914312216466</v>
      </c>
    </row>
    <row r="32503" spans="1:7" x14ac:dyDescent="0.3">
      <c r="A32503" s="13" t="s">
        <v>201</v>
      </c>
      <c r="B32503" s="14" t="s">
        <v>1</v>
      </c>
      <c r="C32503" s="14" t="s">
        <v>23</v>
      </c>
      <c r="D32503" s="14" t="s">
        <v>202</v>
      </c>
      <c r="E32503" s="15">
        <v>45394</v>
      </c>
      <c r="F32503" s="14" t="s">
        <v>53</v>
      </c>
      <c r="G32503" s="16">
        <v>0.24405149483690644</v>
      </c>
    </row>
    <row r="32504" spans="1:7" x14ac:dyDescent="0.3">
      <c r="A32504" s="13" t="s">
        <v>201</v>
      </c>
      <c r="B32504" s="14" t="s">
        <v>1</v>
      </c>
      <c r="C32504" s="14" t="s">
        <v>23</v>
      </c>
      <c r="D32504" s="14" t="s">
        <v>202</v>
      </c>
      <c r="E32504" s="15">
        <v>45395</v>
      </c>
      <c r="F32504" s="14" t="s">
        <v>53</v>
      </c>
      <c r="G32504" s="16">
        <v>0.24405149483690644</v>
      </c>
    </row>
    <row r="32505" spans="1:7" x14ac:dyDescent="0.3">
      <c r="A32505" s="13" t="s">
        <v>201</v>
      </c>
      <c r="B32505" s="14" t="s">
        <v>1</v>
      </c>
      <c r="C32505" s="14" t="s">
        <v>23</v>
      </c>
      <c r="D32505" s="14" t="s">
        <v>202</v>
      </c>
      <c r="E32505" s="15">
        <v>45396</v>
      </c>
      <c r="F32505" s="14" t="s">
        <v>53</v>
      </c>
      <c r="G32505" s="16">
        <v>0.24405149483690644</v>
      </c>
    </row>
    <row r="32506" spans="1:7" x14ac:dyDescent="0.3">
      <c r="A32506" s="13" t="s">
        <v>201</v>
      </c>
      <c r="B32506" s="14" t="s">
        <v>1</v>
      </c>
      <c r="C32506" s="14" t="s">
        <v>23</v>
      </c>
      <c r="D32506" s="14" t="s">
        <v>202</v>
      </c>
      <c r="E32506" s="15">
        <v>45397</v>
      </c>
      <c r="F32506" s="14" t="s">
        <v>53</v>
      </c>
      <c r="G32506" s="16">
        <v>0.26190811876126746</v>
      </c>
    </row>
    <row r="32507" spans="1:7" x14ac:dyDescent="0.3">
      <c r="A32507" s="13" t="s">
        <v>201</v>
      </c>
      <c r="B32507" s="14" t="s">
        <v>1</v>
      </c>
      <c r="C32507" s="14" t="s">
        <v>23</v>
      </c>
      <c r="D32507" s="14" t="s">
        <v>202</v>
      </c>
      <c r="E32507" s="15">
        <v>45398</v>
      </c>
      <c r="F32507" s="14" t="s">
        <v>53</v>
      </c>
      <c r="G32507" s="16">
        <v>0.30828716784834198</v>
      </c>
    </row>
    <row r="32508" spans="1:7" x14ac:dyDescent="0.3">
      <c r="A32508" s="13" t="s">
        <v>201</v>
      </c>
      <c r="B32508" s="14" t="s">
        <v>1</v>
      </c>
      <c r="C32508" s="14" t="s">
        <v>23</v>
      </c>
      <c r="D32508" s="14" t="s">
        <v>202</v>
      </c>
      <c r="E32508" s="15">
        <v>45399</v>
      </c>
      <c r="F32508" s="14" t="s">
        <v>53</v>
      </c>
      <c r="G32508" s="16">
        <v>0.32374627612169249</v>
      </c>
    </row>
    <row r="32509" spans="1:7" x14ac:dyDescent="0.3">
      <c r="A32509" s="13" t="s">
        <v>201</v>
      </c>
      <c r="B32509" s="14" t="s">
        <v>1</v>
      </c>
      <c r="C32509" s="14" t="s">
        <v>23</v>
      </c>
      <c r="D32509" s="14" t="s">
        <v>202</v>
      </c>
      <c r="E32509" s="15">
        <v>45400</v>
      </c>
      <c r="F32509" s="14" t="s">
        <v>53</v>
      </c>
      <c r="G32509" s="16">
        <v>0.34044546792968194</v>
      </c>
    </row>
    <row r="32510" spans="1:7" x14ac:dyDescent="0.3">
      <c r="A32510" s="13" t="s">
        <v>201</v>
      </c>
      <c r="B32510" s="14" t="s">
        <v>1</v>
      </c>
      <c r="C32510" s="14" t="s">
        <v>23</v>
      </c>
      <c r="D32510" s="14" t="s">
        <v>202</v>
      </c>
      <c r="E32510" s="15">
        <v>45401</v>
      </c>
      <c r="F32510" s="14" t="s">
        <v>53</v>
      </c>
      <c r="G32510" s="16">
        <v>0.35839441715600129</v>
      </c>
    </row>
    <row r="32511" spans="1:7" x14ac:dyDescent="0.3">
      <c r="A32511" s="13" t="s">
        <v>201</v>
      </c>
      <c r="B32511" s="14" t="s">
        <v>1</v>
      </c>
      <c r="C32511" s="14" t="s">
        <v>23</v>
      </c>
      <c r="D32511" s="14" t="s">
        <v>202</v>
      </c>
      <c r="E32511" s="15">
        <v>45402</v>
      </c>
      <c r="F32511" s="14" t="s">
        <v>53</v>
      </c>
      <c r="G32511" s="16">
        <v>0.35839441715600129</v>
      </c>
    </row>
    <row r="32512" spans="1:7" x14ac:dyDescent="0.3">
      <c r="A32512" s="13" t="s">
        <v>201</v>
      </c>
      <c r="B32512" s="14" t="s">
        <v>1</v>
      </c>
      <c r="C32512" s="14" t="s">
        <v>23</v>
      </c>
      <c r="D32512" s="14" t="s">
        <v>202</v>
      </c>
      <c r="E32512" s="15">
        <v>45403</v>
      </c>
      <c r="F32512" s="14" t="s">
        <v>53</v>
      </c>
      <c r="G32512" s="16">
        <v>0.35839441715600129</v>
      </c>
    </row>
    <row r="32513" spans="1:7" x14ac:dyDescent="0.3">
      <c r="A32513" s="13" t="s">
        <v>201</v>
      </c>
      <c r="B32513" s="14" t="s">
        <v>1</v>
      </c>
      <c r="C32513" s="14" t="s">
        <v>23</v>
      </c>
      <c r="D32513" s="14" t="s">
        <v>202</v>
      </c>
      <c r="E32513" s="15">
        <v>45404</v>
      </c>
      <c r="F32513" s="14" t="s">
        <v>53</v>
      </c>
      <c r="G32513" s="16">
        <v>0.38186920749878622</v>
      </c>
    </row>
    <row r="32514" spans="1:7" x14ac:dyDescent="0.3">
      <c r="A32514" s="13" t="s">
        <v>201</v>
      </c>
      <c r="B32514" s="14" t="s">
        <v>1</v>
      </c>
      <c r="C32514" s="14" t="s">
        <v>23</v>
      </c>
      <c r="D32514" s="14" t="s">
        <v>202</v>
      </c>
      <c r="E32514" s="15">
        <v>45405</v>
      </c>
      <c r="F32514" s="14" t="s">
        <v>53</v>
      </c>
      <c r="G32514" s="16">
        <v>0.41980745119128143</v>
      </c>
    </row>
    <row r="32515" spans="1:7" x14ac:dyDescent="0.3">
      <c r="A32515" s="13" t="s">
        <v>201</v>
      </c>
      <c r="B32515" s="14" t="s">
        <v>1</v>
      </c>
      <c r="C32515" s="14" t="s">
        <v>23</v>
      </c>
      <c r="D32515" s="14" t="s">
        <v>202</v>
      </c>
      <c r="E32515" s="15">
        <v>45406</v>
      </c>
      <c r="F32515" s="14" t="s">
        <v>53</v>
      </c>
      <c r="G32515" s="16">
        <v>0.43226491023204544</v>
      </c>
    </row>
    <row r="32516" spans="1:7" x14ac:dyDescent="0.3">
      <c r="A32516" s="13" t="s">
        <v>201</v>
      </c>
      <c r="B32516" s="14" t="s">
        <v>1</v>
      </c>
      <c r="C32516" s="14" t="s">
        <v>23</v>
      </c>
      <c r="D32516" s="14" t="s">
        <v>202</v>
      </c>
      <c r="E32516" s="15">
        <v>45407</v>
      </c>
      <c r="F32516" s="14" t="s">
        <v>53</v>
      </c>
      <c r="G32516" s="16">
        <v>0.3986729419940378</v>
      </c>
    </row>
    <row r="32517" spans="1:7" x14ac:dyDescent="0.3">
      <c r="A32517" s="13" t="s">
        <v>201</v>
      </c>
      <c r="B32517" s="14" t="s">
        <v>1</v>
      </c>
      <c r="C32517" s="14" t="s">
        <v>23</v>
      </c>
      <c r="D32517" s="14" t="s">
        <v>202</v>
      </c>
      <c r="E32517" s="15">
        <v>45408</v>
      </c>
      <c r="F32517" s="14" t="s">
        <v>53</v>
      </c>
      <c r="G32517" s="16">
        <v>0.41387120417407791</v>
      </c>
    </row>
    <row r="32518" spans="1:7" x14ac:dyDescent="0.3">
      <c r="A32518" s="13" t="s">
        <v>201</v>
      </c>
      <c r="B32518" s="14" t="s">
        <v>1</v>
      </c>
      <c r="C32518" s="14" t="s">
        <v>23</v>
      </c>
      <c r="D32518" s="14" t="s">
        <v>202</v>
      </c>
      <c r="E32518" s="15">
        <v>45409</v>
      </c>
      <c r="F32518" s="14" t="s">
        <v>53</v>
      </c>
      <c r="G32518" s="16">
        <v>0.41387120417407791</v>
      </c>
    </row>
    <row r="32519" spans="1:7" x14ac:dyDescent="0.3">
      <c r="A32519" s="13" t="s">
        <v>201</v>
      </c>
      <c r="B32519" s="14" t="s">
        <v>1</v>
      </c>
      <c r="C32519" s="14" t="s">
        <v>23</v>
      </c>
      <c r="D32519" s="14" t="s">
        <v>202</v>
      </c>
      <c r="E32519" s="15">
        <v>45410</v>
      </c>
      <c r="F32519" s="14" t="s">
        <v>53</v>
      </c>
      <c r="G32519" s="16">
        <v>0.41387120417407791</v>
      </c>
    </row>
    <row r="32520" spans="1:7" x14ac:dyDescent="0.3">
      <c r="A32520" s="13" t="s">
        <v>201</v>
      </c>
      <c r="B32520" s="14" t="s">
        <v>1</v>
      </c>
      <c r="C32520" s="14" t="s">
        <v>23</v>
      </c>
      <c r="D32520" s="14" t="s">
        <v>202</v>
      </c>
      <c r="E32520" s="15">
        <v>45411</v>
      </c>
      <c r="F32520" s="14" t="s">
        <v>53</v>
      </c>
      <c r="G32520" s="16">
        <v>0.42835023330840311</v>
      </c>
    </row>
    <row r="32521" spans="1:7" x14ac:dyDescent="0.3">
      <c r="A32521" s="13" t="s">
        <v>201</v>
      </c>
      <c r="B32521" s="14" t="s">
        <v>1</v>
      </c>
      <c r="C32521" s="14" t="s">
        <v>23</v>
      </c>
      <c r="D32521" s="14" t="s">
        <v>202</v>
      </c>
      <c r="E32521" s="15">
        <v>45412</v>
      </c>
      <c r="F32521" s="14" t="s">
        <v>53</v>
      </c>
      <c r="G32521" s="16">
        <v>0.47974895802286277</v>
      </c>
    </row>
    <row r="32522" spans="1:7" x14ac:dyDescent="0.3">
      <c r="A32522" s="13" t="s">
        <v>201</v>
      </c>
      <c r="B32522" s="14" t="s">
        <v>1</v>
      </c>
      <c r="C32522" s="14" t="s">
        <v>23</v>
      </c>
      <c r="D32522" s="14" t="s">
        <v>202</v>
      </c>
      <c r="E32522" s="15">
        <v>45413</v>
      </c>
      <c r="F32522" s="14" t="s">
        <v>53</v>
      </c>
      <c r="G32522" s="16">
        <v>0.49528704106387739</v>
      </c>
    </row>
    <row r="32523" spans="1:7" x14ac:dyDescent="0.3">
      <c r="A32523" s="13" t="s">
        <v>201</v>
      </c>
      <c r="B32523" s="14" t="s">
        <v>1</v>
      </c>
      <c r="C32523" s="14" t="s">
        <v>23</v>
      </c>
      <c r="D32523" s="14" t="s">
        <v>202</v>
      </c>
      <c r="E32523" s="15">
        <v>45414</v>
      </c>
      <c r="F32523" s="14" t="s">
        <v>53</v>
      </c>
      <c r="G32523" s="16">
        <v>0.51169452973259055</v>
      </c>
    </row>
    <row r="32524" spans="1:7" x14ac:dyDescent="0.3">
      <c r="A32524" s="13" t="s">
        <v>201</v>
      </c>
      <c r="B32524" s="14" t="s">
        <v>1</v>
      </c>
      <c r="C32524" s="14" t="s">
        <v>23</v>
      </c>
      <c r="D32524" s="14" t="s">
        <v>202</v>
      </c>
      <c r="E32524" s="15">
        <v>45415</v>
      </c>
      <c r="F32524" s="14" t="s">
        <v>53</v>
      </c>
      <c r="G32524" s="16">
        <v>0.52807245658736068</v>
      </c>
    </row>
    <row r="32525" spans="1:7" x14ac:dyDescent="0.3">
      <c r="A32525" s="13" t="s">
        <v>201</v>
      </c>
      <c r="B32525" s="14" t="s">
        <v>1</v>
      </c>
      <c r="C32525" s="14" t="s">
        <v>23</v>
      </c>
      <c r="D32525" s="14" t="s">
        <v>202</v>
      </c>
      <c r="E32525" s="15">
        <v>45416</v>
      </c>
      <c r="F32525" s="14" t="s">
        <v>53</v>
      </c>
      <c r="G32525" s="16">
        <v>0.52807245658736068</v>
      </c>
    </row>
    <row r="32526" spans="1:7" x14ac:dyDescent="0.3">
      <c r="A32526" s="13" t="s">
        <v>201</v>
      </c>
      <c r="B32526" s="14" t="s">
        <v>1</v>
      </c>
      <c r="C32526" s="14" t="s">
        <v>23</v>
      </c>
      <c r="D32526" s="14" t="s">
        <v>202</v>
      </c>
      <c r="E32526" s="15">
        <v>45417</v>
      </c>
      <c r="F32526" s="14" t="s">
        <v>53</v>
      </c>
      <c r="G32526" s="16">
        <v>0.52807245658736068</v>
      </c>
    </row>
    <row r="32527" spans="1:7" x14ac:dyDescent="0.3">
      <c r="A32527" s="13" t="s">
        <v>201</v>
      </c>
      <c r="B32527" s="14" t="s">
        <v>1</v>
      </c>
      <c r="C32527" s="14" t="s">
        <v>23</v>
      </c>
      <c r="D32527" s="14" t="s">
        <v>202</v>
      </c>
      <c r="E32527" s="15">
        <v>45418</v>
      </c>
      <c r="F32527" s="14" t="s">
        <v>53</v>
      </c>
      <c r="G32527" s="16">
        <v>0.52807245658736068</v>
      </c>
    </row>
    <row r="32528" spans="1:7" x14ac:dyDescent="0.3">
      <c r="A32528" s="13" t="s">
        <v>201</v>
      </c>
      <c r="B32528" s="14" t="s">
        <v>1</v>
      </c>
      <c r="C32528" s="14" t="s">
        <v>23</v>
      </c>
      <c r="D32528" s="14" t="s">
        <v>202</v>
      </c>
      <c r="E32528" s="15">
        <v>45419</v>
      </c>
      <c r="F32528" s="14" t="s">
        <v>53</v>
      </c>
      <c r="G32528" s="16">
        <v>0.54580949827879044</v>
      </c>
    </row>
    <row r="32529" spans="1:7" x14ac:dyDescent="0.3">
      <c r="A32529" s="13" t="s">
        <v>201</v>
      </c>
      <c r="B32529" s="14" t="s">
        <v>1</v>
      </c>
      <c r="C32529" s="14" t="s">
        <v>23</v>
      </c>
      <c r="D32529" s="14" t="s">
        <v>202</v>
      </c>
      <c r="E32529" s="15">
        <v>45420</v>
      </c>
      <c r="F32529" s="14" t="s">
        <v>53</v>
      </c>
      <c r="G32529" s="16">
        <v>0.62478971671469785</v>
      </c>
    </row>
    <row r="32530" spans="1:7" x14ac:dyDescent="0.3">
      <c r="A32530" s="13" t="s">
        <v>201</v>
      </c>
      <c r="B32530" s="14" t="s">
        <v>1</v>
      </c>
      <c r="C32530" s="14" t="s">
        <v>23</v>
      </c>
      <c r="D32530" s="14" t="s">
        <v>202</v>
      </c>
      <c r="E32530" s="15">
        <v>45421</v>
      </c>
      <c r="F32530" s="14" t="s">
        <v>53</v>
      </c>
      <c r="G32530" s="16">
        <v>0.64024068417432434</v>
      </c>
    </row>
    <row r="32531" spans="1:7" x14ac:dyDescent="0.3">
      <c r="A32531" s="13" t="s">
        <v>201</v>
      </c>
      <c r="B32531" s="14" t="s">
        <v>1</v>
      </c>
      <c r="C32531" s="14" t="s">
        <v>23</v>
      </c>
      <c r="D32531" s="14" t="s">
        <v>202</v>
      </c>
      <c r="E32531" s="15">
        <v>45422</v>
      </c>
      <c r="F32531" s="14" t="s">
        <v>53</v>
      </c>
      <c r="G32531" s="16">
        <v>0.65717956486616158</v>
      </c>
    </row>
    <row r="32532" spans="1:7" x14ac:dyDescent="0.3">
      <c r="A32532" s="13" t="s">
        <v>201</v>
      </c>
      <c r="B32532" s="14" t="s">
        <v>1</v>
      </c>
      <c r="C32532" s="14" t="s">
        <v>23</v>
      </c>
      <c r="D32532" s="14" t="s">
        <v>202</v>
      </c>
      <c r="E32532" s="15">
        <v>45423</v>
      </c>
      <c r="F32532" s="14" t="s">
        <v>53</v>
      </c>
      <c r="G32532" s="16">
        <v>0.65717956486616158</v>
      </c>
    </row>
    <row r="32533" spans="1:7" x14ac:dyDescent="0.3">
      <c r="A32533" s="13" t="s">
        <v>201</v>
      </c>
      <c r="B32533" s="14" t="s">
        <v>1</v>
      </c>
      <c r="C32533" s="14" t="s">
        <v>23</v>
      </c>
      <c r="D32533" s="14" t="s">
        <v>202</v>
      </c>
      <c r="E32533" s="15">
        <v>45424</v>
      </c>
      <c r="F32533" s="14" t="s">
        <v>53</v>
      </c>
      <c r="G32533" s="16">
        <v>0.65717956486616158</v>
      </c>
    </row>
    <row r="32534" spans="1:7" x14ac:dyDescent="0.3">
      <c r="A32534" s="13" t="s">
        <v>201</v>
      </c>
      <c r="B32534" s="14" t="s">
        <v>1</v>
      </c>
      <c r="C32534" s="14" t="s">
        <v>23</v>
      </c>
      <c r="D32534" s="14" t="s">
        <v>202</v>
      </c>
      <c r="E32534" s="15">
        <v>45425</v>
      </c>
      <c r="F32534" s="14" t="s">
        <v>53</v>
      </c>
      <c r="G32534" s="16">
        <v>0.67218092523288531</v>
      </c>
    </row>
    <row r="32535" spans="1:7" x14ac:dyDescent="0.3">
      <c r="A32535" s="13" t="s">
        <v>201</v>
      </c>
      <c r="B32535" s="14" t="s">
        <v>1</v>
      </c>
      <c r="C32535" s="14" t="s">
        <v>23</v>
      </c>
      <c r="D32535" s="14" t="s">
        <v>202</v>
      </c>
      <c r="E32535" s="15">
        <v>45426</v>
      </c>
      <c r="F32535" s="14" t="s">
        <v>53</v>
      </c>
      <c r="G32535" s="16">
        <v>0.72034664185547603</v>
      </c>
    </row>
    <row r="32536" spans="1:7" x14ac:dyDescent="0.3">
      <c r="A32536" s="13" t="s">
        <v>201</v>
      </c>
      <c r="B32536" s="14" t="s">
        <v>1</v>
      </c>
      <c r="C32536" s="14" t="s">
        <v>23</v>
      </c>
      <c r="D32536" s="14" t="s">
        <v>202</v>
      </c>
      <c r="E32536" s="15">
        <v>45427</v>
      </c>
      <c r="F32536" s="14" t="s">
        <v>53</v>
      </c>
      <c r="G32536" s="16">
        <v>0.7319108842462636</v>
      </c>
    </row>
    <row r="32537" spans="1:7" x14ac:dyDescent="0.3">
      <c r="A32537" s="13" t="s">
        <v>201</v>
      </c>
      <c r="B32537" s="14" t="s">
        <v>1</v>
      </c>
      <c r="C32537" s="14" t="s">
        <v>23</v>
      </c>
      <c r="D32537" s="14" t="s">
        <v>202</v>
      </c>
      <c r="E32537" s="15">
        <v>45428</v>
      </c>
      <c r="F32537" s="14" t="s">
        <v>53</v>
      </c>
      <c r="G32537" s="16">
        <v>0.74931596347289642</v>
      </c>
    </row>
    <row r="32538" spans="1:7" x14ac:dyDescent="0.3">
      <c r="A32538" s="13" t="s">
        <v>201</v>
      </c>
      <c r="B32538" s="14" t="s">
        <v>1</v>
      </c>
      <c r="C32538" s="14" t="s">
        <v>23</v>
      </c>
      <c r="D32538" s="14" t="s">
        <v>202</v>
      </c>
      <c r="E32538" s="15">
        <v>45429</v>
      </c>
      <c r="F32538" s="14" t="s">
        <v>53</v>
      </c>
      <c r="G32538" s="16">
        <v>0.76413394139782154</v>
      </c>
    </row>
    <row r="32539" spans="1:7" x14ac:dyDescent="0.3">
      <c r="A32539" s="13" t="s">
        <v>201</v>
      </c>
      <c r="B32539" s="14" t="s">
        <v>1</v>
      </c>
      <c r="C32539" s="14" t="s">
        <v>23</v>
      </c>
      <c r="D32539" s="14" t="s">
        <v>202</v>
      </c>
      <c r="E32539" s="15">
        <v>45430</v>
      </c>
      <c r="F32539" s="14" t="s">
        <v>53</v>
      </c>
      <c r="G32539" s="16">
        <v>0.76413394139782154</v>
      </c>
    </row>
    <row r="32540" spans="1:7" x14ac:dyDescent="0.3">
      <c r="A32540" s="13" t="s">
        <v>201</v>
      </c>
      <c r="B32540" s="14" t="s">
        <v>1</v>
      </c>
      <c r="C32540" s="14" t="s">
        <v>23</v>
      </c>
      <c r="D32540" s="14" t="s">
        <v>202</v>
      </c>
      <c r="E32540" s="15">
        <v>45431</v>
      </c>
      <c r="F32540" s="14" t="s">
        <v>53</v>
      </c>
      <c r="G32540" s="16">
        <v>0.76413394139782154</v>
      </c>
    </row>
    <row r="32541" spans="1:7" x14ac:dyDescent="0.3">
      <c r="A32541" s="13" t="s">
        <v>201</v>
      </c>
      <c r="B32541" s="14" t="s">
        <v>1</v>
      </c>
      <c r="C32541" s="14" t="s">
        <v>23</v>
      </c>
      <c r="D32541" s="14" t="s">
        <v>202</v>
      </c>
      <c r="E32541" s="15">
        <v>45432</v>
      </c>
      <c r="F32541" s="14" t="s">
        <v>53</v>
      </c>
      <c r="G32541" s="16">
        <v>0.78045858281076175</v>
      </c>
    </row>
    <row r="32542" spans="1:7" x14ac:dyDescent="0.3">
      <c r="A32542" s="13" t="s">
        <v>201</v>
      </c>
      <c r="B32542" s="14" t="s">
        <v>1</v>
      </c>
      <c r="C32542" s="14" t="s">
        <v>23</v>
      </c>
      <c r="D32542" s="14" t="s">
        <v>202</v>
      </c>
      <c r="E32542" s="15">
        <v>45433</v>
      </c>
      <c r="F32542" s="14" t="s">
        <v>53</v>
      </c>
      <c r="G32542" s="16">
        <v>0.82912654785158846</v>
      </c>
    </row>
    <row r="32543" spans="1:7" x14ac:dyDescent="0.3">
      <c r="A32543" s="13" t="s">
        <v>201</v>
      </c>
      <c r="B32543" s="14" t="s">
        <v>1</v>
      </c>
      <c r="C32543" s="14" t="s">
        <v>23</v>
      </c>
      <c r="D32543" s="14" t="s">
        <v>202</v>
      </c>
      <c r="E32543" s="15">
        <v>45434</v>
      </c>
      <c r="F32543" s="14" t="s">
        <v>53</v>
      </c>
      <c r="G32543" s="16">
        <v>0.84520065305528536</v>
      </c>
    </row>
    <row r="32544" spans="1:7" x14ac:dyDescent="0.3">
      <c r="A32544" s="13" t="s">
        <v>201</v>
      </c>
      <c r="B32544" s="14" t="s">
        <v>1</v>
      </c>
      <c r="C32544" s="14" t="s">
        <v>23</v>
      </c>
      <c r="D32544" s="14" t="s">
        <v>202</v>
      </c>
      <c r="E32544" s="15">
        <v>45435</v>
      </c>
      <c r="F32544" s="14" t="s">
        <v>53</v>
      </c>
      <c r="G32544" s="16">
        <v>0.86536940016554642</v>
      </c>
    </row>
    <row r="32545" spans="1:7" x14ac:dyDescent="0.3">
      <c r="A32545" s="13" t="s">
        <v>201</v>
      </c>
      <c r="B32545" s="14" t="s">
        <v>1</v>
      </c>
      <c r="C32545" s="14" t="s">
        <v>23</v>
      </c>
      <c r="D32545" s="14" t="s">
        <v>202</v>
      </c>
      <c r="E32545" s="15">
        <v>45436</v>
      </c>
      <c r="F32545" s="14" t="s">
        <v>53</v>
      </c>
      <c r="G32545" s="16">
        <v>0.87930503376510727</v>
      </c>
    </row>
    <row r="32546" spans="1:7" x14ac:dyDescent="0.3">
      <c r="A32546" s="13" t="s">
        <v>201</v>
      </c>
      <c r="B32546" s="14" t="s">
        <v>1</v>
      </c>
      <c r="C32546" s="14" t="s">
        <v>23</v>
      </c>
      <c r="D32546" s="14" t="s">
        <v>202</v>
      </c>
      <c r="E32546" s="15">
        <v>45437</v>
      </c>
      <c r="F32546" s="14" t="s">
        <v>53</v>
      </c>
      <c r="G32546" s="16">
        <v>0.87930503376510727</v>
      </c>
    </row>
    <row r="32547" spans="1:7" x14ac:dyDescent="0.3">
      <c r="A32547" s="13" t="s">
        <v>201</v>
      </c>
      <c r="B32547" s="14" t="s">
        <v>1</v>
      </c>
      <c r="C32547" s="14" t="s">
        <v>23</v>
      </c>
      <c r="D32547" s="14" t="s">
        <v>202</v>
      </c>
      <c r="E32547" s="15">
        <v>45438</v>
      </c>
      <c r="F32547" s="14" t="s">
        <v>53</v>
      </c>
      <c r="G32547" s="16">
        <v>0.87930503376510727</v>
      </c>
    </row>
    <row r="32548" spans="1:7" x14ac:dyDescent="0.3">
      <c r="A32548" s="13" t="s">
        <v>201</v>
      </c>
      <c r="B32548" s="14" t="s">
        <v>1</v>
      </c>
      <c r="C32548" s="14" t="s">
        <v>23</v>
      </c>
      <c r="D32548" s="14" t="s">
        <v>202</v>
      </c>
      <c r="E32548" s="15">
        <v>45439</v>
      </c>
      <c r="F32548" s="14" t="s">
        <v>53</v>
      </c>
      <c r="G32548" s="16">
        <v>0.87930503376510727</v>
      </c>
    </row>
    <row r="32549" spans="1:7" x14ac:dyDescent="0.3">
      <c r="A32549" s="13" t="s">
        <v>201</v>
      </c>
      <c r="B32549" s="14" t="s">
        <v>1</v>
      </c>
      <c r="C32549" s="14" t="s">
        <v>23</v>
      </c>
      <c r="D32549" s="14" t="s">
        <v>202</v>
      </c>
      <c r="E32549" s="15">
        <v>45440</v>
      </c>
      <c r="F32549" s="14" t="s">
        <v>53</v>
      </c>
      <c r="G32549" s="16">
        <v>0.89428070466675169</v>
      </c>
    </row>
    <row r="32550" spans="1:7" x14ac:dyDescent="0.3">
      <c r="A32550" s="13" t="s">
        <v>201</v>
      </c>
      <c r="B32550" s="14" t="s">
        <v>1</v>
      </c>
      <c r="C32550" s="14" t="s">
        <v>23</v>
      </c>
      <c r="D32550" s="14" t="s">
        <v>202</v>
      </c>
      <c r="E32550" s="15">
        <v>45441</v>
      </c>
      <c r="F32550" s="14" t="s">
        <v>53</v>
      </c>
      <c r="G32550" s="16">
        <v>0.9568476410785951</v>
      </c>
    </row>
    <row r="32551" spans="1:7" x14ac:dyDescent="0.3">
      <c r="A32551" s="13" t="s">
        <v>201</v>
      </c>
      <c r="B32551" s="14" t="s">
        <v>1</v>
      </c>
      <c r="C32551" s="14" t="s">
        <v>23</v>
      </c>
      <c r="D32551" s="14" t="s">
        <v>202</v>
      </c>
      <c r="E32551" s="15">
        <v>45442</v>
      </c>
      <c r="F32551" s="14" t="s">
        <v>53</v>
      </c>
      <c r="G32551" s="16">
        <v>0.97281470488733668</v>
      </c>
    </row>
    <row r="32552" spans="1:7" x14ac:dyDescent="0.3">
      <c r="A32552" s="13" t="s">
        <v>201</v>
      </c>
      <c r="B32552" s="14" t="s">
        <v>1</v>
      </c>
      <c r="C32552" s="14" t="s">
        <v>23</v>
      </c>
      <c r="D32552" s="14" t="s">
        <v>202</v>
      </c>
      <c r="E32552" s="15">
        <v>45443</v>
      </c>
      <c r="F32552" s="14" t="s">
        <v>53</v>
      </c>
      <c r="G32552" s="16">
        <v>0.98368349143999156</v>
      </c>
    </row>
    <row r="32553" spans="1:7" x14ac:dyDescent="0.3">
      <c r="A32553" s="13" t="s">
        <v>201</v>
      </c>
      <c r="B32553" s="14" t="s">
        <v>1</v>
      </c>
      <c r="C32553" s="14" t="s">
        <v>23</v>
      </c>
      <c r="D32553" s="14" t="s">
        <v>202</v>
      </c>
      <c r="E32553" s="15">
        <v>45444</v>
      </c>
      <c r="F32553" s="14" t="s">
        <v>53</v>
      </c>
      <c r="G32553" s="16">
        <v>0.98368349143999156</v>
      </c>
    </row>
    <row r="32554" spans="1:7" x14ac:dyDescent="0.3">
      <c r="A32554" s="13" t="s">
        <v>201</v>
      </c>
      <c r="B32554" s="14" t="s">
        <v>1</v>
      </c>
      <c r="C32554" s="14" t="s">
        <v>23</v>
      </c>
      <c r="D32554" s="14" t="s">
        <v>202</v>
      </c>
      <c r="E32554" s="15">
        <v>45445</v>
      </c>
      <c r="F32554" s="14" t="s">
        <v>53</v>
      </c>
      <c r="G32554" s="16">
        <v>0.98368349143999156</v>
      </c>
    </row>
    <row r="32555" spans="1:7" x14ac:dyDescent="0.3">
      <c r="A32555" s="13" t="s">
        <v>201</v>
      </c>
      <c r="B32555" s="14" t="s">
        <v>1</v>
      </c>
      <c r="C32555" s="14" t="s">
        <v>23</v>
      </c>
      <c r="D32555" s="14" t="s">
        <v>202</v>
      </c>
      <c r="E32555" s="15">
        <v>45446</v>
      </c>
      <c r="F32555" s="14" t="s">
        <v>53</v>
      </c>
      <c r="G32555" s="16">
        <v>0.98368349143999156</v>
      </c>
    </row>
    <row r="32556" spans="1:7" x14ac:dyDescent="0.3">
      <c r="A32556" s="13" t="s">
        <v>201</v>
      </c>
      <c r="B32556" s="14" t="s">
        <v>1</v>
      </c>
      <c r="C32556" s="14" t="s">
        <v>23</v>
      </c>
      <c r="D32556" s="14" t="s">
        <v>202</v>
      </c>
      <c r="E32556" s="15">
        <v>45447</v>
      </c>
      <c r="F32556" s="14" t="s">
        <v>53</v>
      </c>
      <c r="G32556" s="16">
        <v>1.0009433658532763</v>
      </c>
    </row>
    <row r="32557" spans="1:7" x14ac:dyDescent="0.3">
      <c r="A32557" s="13" t="s">
        <v>201</v>
      </c>
      <c r="B32557" s="14" t="s">
        <v>1</v>
      </c>
      <c r="C32557" s="14" t="s">
        <v>23</v>
      </c>
      <c r="D32557" s="14" t="s">
        <v>202</v>
      </c>
      <c r="E32557" s="15">
        <v>45448</v>
      </c>
      <c r="F32557" s="14" t="s">
        <v>53</v>
      </c>
      <c r="G32557" s="16">
        <v>1.0664881427549837</v>
      </c>
    </row>
    <row r="32558" spans="1:7" x14ac:dyDescent="0.3">
      <c r="A32558" s="13" t="s">
        <v>201</v>
      </c>
      <c r="B32558" s="14" t="s">
        <v>1</v>
      </c>
      <c r="C32558" s="14" t="s">
        <v>23</v>
      </c>
      <c r="D32558" s="14" t="s">
        <v>202</v>
      </c>
      <c r="E32558" s="15">
        <v>45449</v>
      </c>
      <c r="F32558" s="14" t="s">
        <v>53</v>
      </c>
      <c r="G32558" s="16">
        <v>1.0819396987260939</v>
      </c>
    </row>
    <row r="32559" spans="1:7" x14ac:dyDescent="0.3">
      <c r="A32559" s="13" t="s">
        <v>201</v>
      </c>
      <c r="B32559" s="14" t="s">
        <v>1</v>
      </c>
      <c r="C32559" s="14" t="s">
        <v>23</v>
      </c>
      <c r="D32559" s="14" t="s">
        <v>202</v>
      </c>
      <c r="E32559" s="15">
        <v>45450</v>
      </c>
      <c r="F32559" s="14" t="s">
        <v>53</v>
      </c>
      <c r="G32559" s="16">
        <v>1.1232091935794852</v>
      </c>
    </row>
    <row r="32560" spans="1:7" x14ac:dyDescent="0.3">
      <c r="A32560" s="13" t="s">
        <v>201</v>
      </c>
      <c r="B32560" s="14" t="s">
        <v>1</v>
      </c>
      <c r="C32560" s="14" t="s">
        <v>23</v>
      </c>
      <c r="D32560" s="14" t="s">
        <v>202</v>
      </c>
      <c r="E32560" s="15">
        <v>45451</v>
      </c>
      <c r="F32560" s="14" t="s">
        <v>53</v>
      </c>
      <c r="G32560" s="16">
        <v>1.1232091935794852</v>
      </c>
    </row>
    <row r="32561" spans="1:7" x14ac:dyDescent="0.3">
      <c r="A32561" s="13" t="s">
        <v>201</v>
      </c>
      <c r="B32561" s="14" t="s">
        <v>1</v>
      </c>
      <c r="C32561" s="14" t="s">
        <v>23</v>
      </c>
      <c r="D32561" s="14" t="s">
        <v>202</v>
      </c>
      <c r="E32561" s="15">
        <v>45452</v>
      </c>
      <c r="F32561" s="14" t="s">
        <v>53</v>
      </c>
      <c r="G32561" s="16">
        <v>1.1232091935794852</v>
      </c>
    </row>
    <row r="32562" spans="1:7" x14ac:dyDescent="0.3">
      <c r="A32562" s="13" t="s">
        <v>201</v>
      </c>
      <c r="B32562" s="14" t="s">
        <v>1</v>
      </c>
      <c r="C32562" s="14" t="s">
        <v>23</v>
      </c>
      <c r="D32562" s="14" t="s">
        <v>202</v>
      </c>
      <c r="E32562" s="15">
        <v>45453</v>
      </c>
      <c r="F32562" s="14" t="s">
        <v>53</v>
      </c>
      <c r="G32562" s="16">
        <v>1.1382933706204372</v>
      </c>
    </row>
    <row r="32563" spans="1:7" x14ac:dyDescent="0.3">
      <c r="A32563" s="13" t="s">
        <v>201</v>
      </c>
      <c r="B32563" s="14" t="s">
        <v>1</v>
      </c>
      <c r="C32563" s="14" t="s">
        <v>23</v>
      </c>
      <c r="D32563" s="14" t="s">
        <v>202</v>
      </c>
      <c r="E32563" s="15">
        <v>45454</v>
      </c>
      <c r="F32563" s="14" t="s">
        <v>53</v>
      </c>
      <c r="G32563" s="16">
        <v>1.1820974456149533</v>
      </c>
    </row>
    <row r="32564" spans="1:7" x14ac:dyDescent="0.3">
      <c r="A32564" s="13" t="s">
        <v>201</v>
      </c>
      <c r="B32564" s="14" t="s">
        <v>1</v>
      </c>
      <c r="C32564" s="14" t="s">
        <v>23</v>
      </c>
      <c r="D32564" s="14" t="s">
        <v>202</v>
      </c>
      <c r="E32564" s="15">
        <v>45455</v>
      </c>
      <c r="F32564" s="14" t="s">
        <v>53</v>
      </c>
      <c r="G32564" s="16">
        <v>1.1926918794476336</v>
      </c>
    </row>
    <row r="32565" spans="1:7" x14ac:dyDescent="0.3">
      <c r="A32565" s="13" t="s">
        <v>201</v>
      </c>
      <c r="B32565" s="14" t="s">
        <v>1</v>
      </c>
      <c r="C32565" s="14" t="s">
        <v>23</v>
      </c>
      <c r="D32565" s="14" t="s">
        <v>202</v>
      </c>
      <c r="E32565" s="15">
        <v>45456</v>
      </c>
      <c r="F32565" s="14" t="s">
        <v>53</v>
      </c>
      <c r="G32565" s="16">
        <v>1.2110273428597591</v>
      </c>
    </row>
    <row r="32566" spans="1:7" x14ac:dyDescent="0.3">
      <c r="A32566" s="13" t="s">
        <v>201</v>
      </c>
      <c r="B32566" s="14" t="s">
        <v>1</v>
      </c>
      <c r="C32566" s="14" t="s">
        <v>23</v>
      </c>
      <c r="D32566" s="14" t="s">
        <v>202</v>
      </c>
      <c r="E32566" s="15">
        <v>45457</v>
      </c>
      <c r="F32566" s="14" t="s">
        <v>53</v>
      </c>
      <c r="G32566" s="16">
        <v>1.2354099066896191</v>
      </c>
    </row>
    <row r="32567" spans="1:7" x14ac:dyDescent="0.3">
      <c r="A32567" s="13" t="s">
        <v>201</v>
      </c>
      <c r="B32567" s="14" t="s">
        <v>1</v>
      </c>
      <c r="C32567" s="14" t="s">
        <v>23</v>
      </c>
      <c r="D32567" s="14" t="s">
        <v>202</v>
      </c>
      <c r="E32567" s="15">
        <v>45458</v>
      </c>
      <c r="F32567" s="14" t="s">
        <v>53</v>
      </c>
      <c r="G32567" s="16">
        <v>1.2354099066896191</v>
      </c>
    </row>
    <row r="32568" spans="1:7" x14ac:dyDescent="0.3">
      <c r="A32568" s="13" t="s">
        <v>201</v>
      </c>
      <c r="B32568" s="14" t="s">
        <v>1</v>
      </c>
      <c r="C32568" s="14" t="s">
        <v>23</v>
      </c>
      <c r="D32568" s="14" t="s">
        <v>202</v>
      </c>
      <c r="E32568" s="15">
        <v>45459</v>
      </c>
      <c r="F32568" s="14" t="s">
        <v>53</v>
      </c>
      <c r="G32568" s="16">
        <v>1.2354099066896191</v>
      </c>
    </row>
    <row r="32569" spans="1:7" x14ac:dyDescent="0.3">
      <c r="A32569" s="13" t="s">
        <v>201</v>
      </c>
      <c r="B32569" s="14" t="s">
        <v>1</v>
      </c>
      <c r="C32569" s="14" t="s">
        <v>23</v>
      </c>
      <c r="D32569" s="14" t="s">
        <v>202</v>
      </c>
      <c r="E32569" s="15">
        <v>45460</v>
      </c>
      <c r="F32569" s="14" t="s">
        <v>53</v>
      </c>
      <c r="G32569" s="16">
        <v>1.2496730901726203</v>
      </c>
    </row>
    <row r="32570" spans="1:7" x14ac:dyDescent="0.3">
      <c r="A32570" s="13" t="s">
        <v>201</v>
      </c>
      <c r="B32570" s="14" t="s">
        <v>1</v>
      </c>
      <c r="C32570" s="14" t="s">
        <v>23</v>
      </c>
      <c r="D32570" s="14" t="s">
        <v>202</v>
      </c>
      <c r="E32570" s="15">
        <v>45461</v>
      </c>
      <c r="F32570" s="14" t="s">
        <v>53</v>
      </c>
      <c r="G32570" s="16">
        <v>1.2957029496553707</v>
      </c>
    </row>
    <row r="32571" spans="1:7" x14ac:dyDescent="0.3">
      <c r="A32571" s="13" t="s">
        <v>201</v>
      </c>
      <c r="B32571" s="14" t="s">
        <v>1</v>
      </c>
      <c r="C32571" s="14" t="s">
        <v>23</v>
      </c>
      <c r="D32571" s="14" t="s">
        <v>202</v>
      </c>
      <c r="E32571" s="15">
        <v>45462</v>
      </c>
      <c r="F32571" s="14" t="s">
        <v>53</v>
      </c>
      <c r="G32571" s="16">
        <v>1.2957029496553707</v>
      </c>
    </row>
    <row r="32572" spans="1:7" x14ac:dyDescent="0.3">
      <c r="A32572" s="13" t="s">
        <v>201</v>
      </c>
      <c r="B32572" s="14" t="s">
        <v>1</v>
      </c>
      <c r="C32572" s="14" t="s">
        <v>23</v>
      </c>
      <c r="D32572" s="14" t="s">
        <v>202</v>
      </c>
      <c r="E32572" s="15">
        <v>45463</v>
      </c>
      <c r="F32572" s="14" t="s">
        <v>53</v>
      </c>
      <c r="G32572" s="16">
        <v>1.3170293927181309</v>
      </c>
    </row>
    <row r="32573" spans="1:7" x14ac:dyDescent="0.3">
      <c r="A32573" s="13" t="s">
        <v>201</v>
      </c>
      <c r="B32573" s="14" t="s">
        <v>1</v>
      </c>
      <c r="C32573" s="14" t="s">
        <v>23</v>
      </c>
      <c r="D32573" s="14" t="s">
        <v>202</v>
      </c>
      <c r="E32573" s="15">
        <v>45464</v>
      </c>
      <c r="F32573" s="14" t="s">
        <v>53</v>
      </c>
      <c r="G32573" s="16">
        <v>1.3505356468516725</v>
      </c>
    </row>
    <row r="32574" spans="1:7" x14ac:dyDescent="0.3">
      <c r="A32574" s="13" t="s">
        <v>201</v>
      </c>
      <c r="B32574" s="14" t="s">
        <v>1</v>
      </c>
      <c r="C32574" s="14" t="s">
        <v>23</v>
      </c>
      <c r="D32574" s="14" t="s">
        <v>202</v>
      </c>
      <c r="E32574" s="15">
        <v>45465</v>
      </c>
      <c r="F32574" s="14" t="s">
        <v>53</v>
      </c>
      <c r="G32574" s="16">
        <v>1.3505356468516725</v>
      </c>
    </row>
    <row r="32575" spans="1:7" x14ac:dyDescent="0.3">
      <c r="A32575" s="13" t="s">
        <v>201</v>
      </c>
      <c r="B32575" s="14" t="s">
        <v>1</v>
      </c>
      <c r="C32575" s="14" t="s">
        <v>23</v>
      </c>
      <c r="D32575" s="14" t="s">
        <v>202</v>
      </c>
      <c r="E32575" s="15">
        <v>45466</v>
      </c>
      <c r="F32575" s="14" t="s">
        <v>53</v>
      </c>
      <c r="G32575" s="16">
        <v>1.3505356468516725</v>
      </c>
    </row>
    <row r="32576" spans="1:7" x14ac:dyDescent="0.3">
      <c r="A32576" s="13" t="s">
        <v>201</v>
      </c>
      <c r="B32576" s="14" t="s">
        <v>1</v>
      </c>
      <c r="C32576" s="14" t="s">
        <v>23</v>
      </c>
      <c r="D32576" s="14" t="s">
        <v>202</v>
      </c>
      <c r="E32576" s="15">
        <v>45467</v>
      </c>
      <c r="F32576" s="14" t="s">
        <v>53</v>
      </c>
      <c r="G32576" s="16">
        <v>1.3619452973585813</v>
      </c>
    </row>
    <row r="32577" spans="1:7" x14ac:dyDescent="0.3">
      <c r="A32577" s="13" t="s">
        <v>201</v>
      </c>
      <c r="B32577" s="14" t="s">
        <v>1</v>
      </c>
      <c r="C32577" s="14" t="s">
        <v>23</v>
      </c>
      <c r="D32577" s="14" t="s">
        <v>202</v>
      </c>
      <c r="E32577" s="15">
        <v>45468</v>
      </c>
      <c r="F32577" s="14" t="s">
        <v>53</v>
      </c>
      <c r="G32577" s="16">
        <v>1.4120386700039198</v>
      </c>
    </row>
    <row r="32578" spans="1:7" x14ac:dyDescent="0.3">
      <c r="A32578" s="13" t="s">
        <v>201</v>
      </c>
      <c r="B32578" s="14" t="s">
        <v>1</v>
      </c>
      <c r="C32578" s="14" t="s">
        <v>23</v>
      </c>
      <c r="D32578" s="14" t="s">
        <v>202</v>
      </c>
      <c r="E32578" s="15">
        <v>45469</v>
      </c>
      <c r="F32578" s="14" t="s">
        <v>53</v>
      </c>
      <c r="G32578" s="16">
        <v>1.4341668649965558</v>
      </c>
    </row>
    <row r="32579" spans="1:7" x14ac:dyDescent="0.3">
      <c r="A32579" s="13" t="s">
        <v>201</v>
      </c>
      <c r="B32579" s="14" t="s">
        <v>1</v>
      </c>
      <c r="C32579" s="14" t="s">
        <v>23</v>
      </c>
      <c r="D32579" s="14" t="s">
        <v>202</v>
      </c>
      <c r="E32579" s="15">
        <v>45470</v>
      </c>
      <c r="F32579" s="14" t="s">
        <v>53</v>
      </c>
      <c r="G32579" s="16">
        <v>1.4480866429214811</v>
      </c>
    </row>
    <row r="32580" spans="1:7" x14ac:dyDescent="0.3">
      <c r="A32580" s="13" t="s">
        <v>201</v>
      </c>
      <c r="B32580" s="14" t="s">
        <v>1</v>
      </c>
      <c r="C32580" s="14" t="s">
        <v>23</v>
      </c>
      <c r="D32580" s="14" t="s">
        <v>202</v>
      </c>
      <c r="E32580" s="15">
        <v>45471</v>
      </c>
      <c r="F32580" s="14" t="s">
        <v>53</v>
      </c>
      <c r="G32580" s="16">
        <v>1.4636279039390583</v>
      </c>
    </row>
    <row r="32581" spans="1:7" x14ac:dyDescent="0.3">
      <c r="A32581" s="13" t="s">
        <v>201</v>
      </c>
      <c r="B32581" s="14" t="s">
        <v>1</v>
      </c>
      <c r="C32581" s="14" t="s">
        <v>23</v>
      </c>
      <c r="D32581" s="14" t="s">
        <v>202</v>
      </c>
      <c r="E32581" s="15">
        <v>45472</v>
      </c>
      <c r="F32581" s="14" t="s">
        <v>53</v>
      </c>
      <c r="G32581" s="16">
        <v>1.4636279039390583</v>
      </c>
    </row>
    <row r="32582" spans="1:7" x14ac:dyDescent="0.3">
      <c r="A32582" s="13" t="s">
        <v>201</v>
      </c>
      <c r="B32582" s="14" t="s">
        <v>1</v>
      </c>
      <c r="C32582" s="14" t="s">
        <v>23</v>
      </c>
      <c r="D32582" s="14" t="s">
        <v>202</v>
      </c>
      <c r="E32582" s="15">
        <v>45473</v>
      </c>
      <c r="F32582" s="14" t="s">
        <v>53</v>
      </c>
      <c r="G32582" s="16">
        <v>1.4636279039390583</v>
      </c>
    </row>
    <row r="32583" spans="1:7" x14ac:dyDescent="0.3">
      <c r="A32583" s="13" t="s">
        <v>201</v>
      </c>
      <c r="B32583" s="14" t="s">
        <v>1</v>
      </c>
      <c r="C32583" s="14" t="s">
        <v>23</v>
      </c>
      <c r="D32583" s="14" t="s">
        <v>202</v>
      </c>
      <c r="E32583" s="15">
        <v>45474</v>
      </c>
      <c r="F32583" s="14" t="s">
        <v>53</v>
      </c>
      <c r="G32583" s="16">
        <v>1.4787869317474238</v>
      </c>
    </row>
    <row r="32584" spans="1:7" x14ac:dyDescent="0.3">
      <c r="A32584" s="13" t="s">
        <v>201</v>
      </c>
      <c r="B32584" s="14" t="s">
        <v>1</v>
      </c>
      <c r="C32584" s="14" t="s">
        <v>23</v>
      </c>
      <c r="D32584" s="14" t="s">
        <v>202</v>
      </c>
      <c r="E32584" s="15">
        <v>45475</v>
      </c>
      <c r="F32584" s="14" t="s">
        <v>53</v>
      </c>
      <c r="G32584" s="16">
        <v>1.5220539762542697</v>
      </c>
    </row>
    <row r="32585" spans="1:7" x14ac:dyDescent="0.3">
      <c r="A32585" s="13" t="s">
        <v>201</v>
      </c>
      <c r="B32585" s="14" t="s">
        <v>1</v>
      </c>
      <c r="C32585" s="14" t="s">
        <v>23</v>
      </c>
      <c r="D32585" s="14" t="s">
        <v>202</v>
      </c>
      <c r="E32585" s="15">
        <v>45476</v>
      </c>
      <c r="F32585" s="14" t="s">
        <v>53</v>
      </c>
      <c r="G32585" s="16">
        <v>1.5318646963431302</v>
      </c>
    </row>
    <row r="32586" spans="1:7" x14ac:dyDescent="0.3">
      <c r="A32586" s="13" t="s">
        <v>201</v>
      </c>
      <c r="B32586" s="14" t="s">
        <v>1</v>
      </c>
      <c r="C32586" s="14" t="s">
        <v>23</v>
      </c>
      <c r="D32586" s="14" t="s">
        <v>202</v>
      </c>
      <c r="E32586" s="15">
        <v>45477</v>
      </c>
      <c r="F32586" s="14" t="s">
        <v>53</v>
      </c>
      <c r="G32586" s="16">
        <v>1.5318646963431302</v>
      </c>
    </row>
    <row r="32587" spans="1:7" x14ac:dyDescent="0.3">
      <c r="A32587" s="13" t="s">
        <v>201</v>
      </c>
      <c r="B32587" s="14" t="s">
        <v>1</v>
      </c>
      <c r="C32587" s="14" t="s">
        <v>23</v>
      </c>
      <c r="D32587" s="14" t="s">
        <v>202</v>
      </c>
      <c r="E32587" s="15">
        <v>45478</v>
      </c>
      <c r="F32587" s="14" t="s">
        <v>53</v>
      </c>
      <c r="G32587" s="16">
        <v>1.5393569975720818</v>
      </c>
    </row>
    <row r="32588" spans="1:7" x14ac:dyDescent="0.3">
      <c r="A32588" s="13" t="s">
        <v>201</v>
      </c>
      <c r="B32588" s="14" t="s">
        <v>1</v>
      </c>
      <c r="C32588" s="14" t="s">
        <v>23</v>
      </c>
      <c r="D32588" s="14" t="s">
        <v>202</v>
      </c>
      <c r="E32588" s="15">
        <v>45479</v>
      </c>
      <c r="F32588" s="14" t="s">
        <v>53</v>
      </c>
      <c r="G32588" s="16">
        <v>1.5393569975720818</v>
      </c>
    </row>
    <row r="32589" spans="1:7" x14ac:dyDescent="0.3">
      <c r="A32589" s="13" t="s">
        <v>201</v>
      </c>
      <c r="B32589" s="14" t="s">
        <v>1</v>
      </c>
      <c r="C32589" s="14" t="s">
        <v>23</v>
      </c>
      <c r="D32589" s="14" t="s">
        <v>202</v>
      </c>
      <c r="E32589" s="15">
        <v>45480</v>
      </c>
      <c r="F32589" s="14" t="s">
        <v>53</v>
      </c>
      <c r="G32589" s="16">
        <v>1.5393569975720818</v>
      </c>
    </row>
    <row r="32590" spans="1:7" x14ac:dyDescent="0.3">
      <c r="A32590" s="13" t="s">
        <v>201</v>
      </c>
      <c r="B32590" s="14" t="s">
        <v>1</v>
      </c>
      <c r="C32590" s="14" t="s">
        <v>23</v>
      </c>
      <c r="D32590" s="14" t="s">
        <v>202</v>
      </c>
      <c r="E32590" s="15">
        <v>45481</v>
      </c>
      <c r="F32590" s="14" t="s">
        <v>53</v>
      </c>
      <c r="G32590" s="16">
        <v>1.5966370612173264</v>
      </c>
    </row>
    <row r="32591" spans="1:7" x14ac:dyDescent="0.3">
      <c r="A32591" s="13" t="s">
        <v>201</v>
      </c>
      <c r="B32591" s="14" t="s">
        <v>1</v>
      </c>
      <c r="C32591" s="14" t="s">
        <v>23</v>
      </c>
      <c r="D32591" s="14" t="s">
        <v>202</v>
      </c>
      <c r="E32591" s="15">
        <v>45482</v>
      </c>
      <c r="F32591" s="14" t="s">
        <v>53</v>
      </c>
      <c r="G32591" s="16">
        <v>1.6470823506761383</v>
      </c>
    </row>
    <row r="32592" spans="1:7" x14ac:dyDescent="0.3">
      <c r="A32592" s="13" t="s">
        <v>201</v>
      </c>
      <c r="B32592" s="14" t="s">
        <v>1</v>
      </c>
      <c r="C32592" s="14" t="s">
        <v>23</v>
      </c>
      <c r="D32592" s="14" t="s">
        <v>202</v>
      </c>
      <c r="E32592" s="15">
        <v>45483</v>
      </c>
      <c r="F32592" s="14" t="s">
        <v>53</v>
      </c>
      <c r="G32592" s="16">
        <v>1.6562857359513379</v>
      </c>
    </row>
    <row r="32593" spans="1:7" x14ac:dyDescent="0.3">
      <c r="A32593" s="13" t="s">
        <v>201</v>
      </c>
      <c r="B32593" s="14" t="s">
        <v>1</v>
      </c>
      <c r="C32593" s="14" t="s">
        <v>23</v>
      </c>
      <c r="D32593" s="14" t="s">
        <v>202</v>
      </c>
      <c r="E32593" s="15">
        <v>45484</v>
      </c>
      <c r="F32593" s="14" t="s">
        <v>53</v>
      </c>
      <c r="G32593" s="16">
        <v>1.6643317684126879</v>
      </c>
    </row>
    <row r="32594" spans="1:7" x14ac:dyDescent="0.3">
      <c r="A32594" s="13" t="s">
        <v>201</v>
      </c>
      <c r="B32594" s="14" t="s">
        <v>1</v>
      </c>
      <c r="C32594" s="14" t="s">
        <v>23</v>
      </c>
      <c r="D32594" s="14" t="s">
        <v>202</v>
      </c>
      <c r="E32594" s="15">
        <v>45485</v>
      </c>
      <c r="F32594" s="14" t="s">
        <v>53</v>
      </c>
      <c r="G32594" s="16">
        <v>1.6712459117117007</v>
      </c>
    </row>
    <row r="32595" spans="1:7" x14ac:dyDescent="0.3">
      <c r="A32595" s="13" t="s">
        <v>201</v>
      </c>
      <c r="B32595" s="14" t="s">
        <v>1</v>
      </c>
      <c r="C32595" s="14" t="s">
        <v>23</v>
      </c>
      <c r="D32595" s="14" t="s">
        <v>202</v>
      </c>
      <c r="E32595" s="15">
        <v>45486</v>
      </c>
      <c r="F32595" s="14" t="s">
        <v>53</v>
      </c>
      <c r="G32595" s="16">
        <v>1.6712459117117007</v>
      </c>
    </row>
    <row r="32596" spans="1:7" x14ac:dyDescent="0.3">
      <c r="A32596" s="13" t="s">
        <v>201</v>
      </c>
      <c r="B32596" s="14" t="s">
        <v>1</v>
      </c>
      <c r="C32596" s="14" t="s">
        <v>23</v>
      </c>
      <c r="D32596" s="14" t="s">
        <v>202</v>
      </c>
      <c r="E32596" s="15">
        <v>45487</v>
      </c>
      <c r="F32596" s="14" t="s">
        <v>53</v>
      </c>
      <c r="G32596" s="16">
        <v>1.6712459117117007</v>
      </c>
    </row>
    <row r="32597" spans="1:7" x14ac:dyDescent="0.3">
      <c r="A32597" s="13" t="s">
        <v>201</v>
      </c>
      <c r="B32597" s="14" t="s">
        <v>1</v>
      </c>
      <c r="C32597" s="14" t="s">
        <v>23</v>
      </c>
      <c r="D32597" s="14" t="s">
        <v>202</v>
      </c>
      <c r="E32597" s="15">
        <v>45488</v>
      </c>
      <c r="F32597" s="14" t="s">
        <v>53</v>
      </c>
      <c r="G32597" s="16">
        <v>1.6907838142634781</v>
      </c>
    </row>
    <row r="32598" spans="1:7" x14ac:dyDescent="0.3">
      <c r="A32598" s="13" t="s">
        <v>201</v>
      </c>
      <c r="B32598" s="14" t="s">
        <v>1</v>
      </c>
      <c r="C32598" s="14" t="s">
        <v>23</v>
      </c>
      <c r="D32598" s="14" t="s">
        <v>202</v>
      </c>
      <c r="E32598" s="15">
        <v>45489</v>
      </c>
      <c r="F32598" s="14" t="s">
        <v>53</v>
      </c>
      <c r="G32598" s="16">
        <v>1.7381293365833899</v>
      </c>
    </row>
    <row r="32599" spans="1:7" x14ac:dyDescent="0.3">
      <c r="A32599" s="13" t="s">
        <v>201</v>
      </c>
      <c r="B32599" s="14" t="s">
        <v>1</v>
      </c>
      <c r="C32599" s="14" t="s">
        <v>23</v>
      </c>
      <c r="D32599" s="14" t="s">
        <v>202</v>
      </c>
      <c r="E32599" s="15">
        <v>45490</v>
      </c>
      <c r="F32599" s="14" t="s">
        <v>53</v>
      </c>
      <c r="G32599" s="16">
        <v>1.7487235456953429</v>
      </c>
    </row>
    <row r="32600" spans="1:7" x14ac:dyDescent="0.3">
      <c r="A32600" s="13" t="s">
        <v>201</v>
      </c>
      <c r="B32600" s="14" t="s">
        <v>1</v>
      </c>
      <c r="C32600" s="14" t="s">
        <v>23</v>
      </c>
      <c r="D32600" s="14" t="s">
        <v>202</v>
      </c>
      <c r="E32600" s="15">
        <v>45491</v>
      </c>
      <c r="F32600" s="14" t="s">
        <v>53</v>
      </c>
      <c r="G32600" s="16">
        <v>1.7739086368039745</v>
      </c>
    </row>
    <row r="32601" spans="1:7" x14ac:dyDescent="0.3">
      <c r="A32601" s="13" t="s">
        <v>201</v>
      </c>
      <c r="B32601" s="14" t="s">
        <v>1</v>
      </c>
      <c r="C32601" s="14" t="s">
        <v>23</v>
      </c>
      <c r="D32601" s="14" t="s">
        <v>202</v>
      </c>
      <c r="E32601" s="15">
        <v>45492</v>
      </c>
      <c r="F32601" s="14" t="s">
        <v>53</v>
      </c>
      <c r="G32601" s="16">
        <v>1.7932330920999788</v>
      </c>
    </row>
    <row r="32602" spans="1:7" x14ac:dyDescent="0.3">
      <c r="A32602" s="13" t="s">
        <v>201</v>
      </c>
      <c r="B32602" s="14" t="s">
        <v>1</v>
      </c>
      <c r="C32602" s="14" t="s">
        <v>23</v>
      </c>
      <c r="D32602" s="14" t="s">
        <v>202</v>
      </c>
      <c r="E32602" s="15">
        <v>45493</v>
      </c>
      <c r="F32602" s="14" t="s">
        <v>53</v>
      </c>
      <c r="G32602" s="16">
        <v>1.7932330920999788</v>
      </c>
    </row>
    <row r="32603" spans="1:7" x14ac:dyDescent="0.3">
      <c r="A32603" s="13" t="s">
        <v>201</v>
      </c>
      <c r="B32603" s="14" t="s">
        <v>1</v>
      </c>
      <c r="C32603" s="14" t="s">
        <v>23</v>
      </c>
      <c r="D32603" s="14" t="s">
        <v>202</v>
      </c>
      <c r="E32603" s="15">
        <v>45494</v>
      </c>
      <c r="F32603" s="14" t="s">
        <v>53</v>
      </c>
      <c r="G32603" s="16">
        <v>1.7932330920999788</v>
      </c>
    </row>
    <row r="32604" spans="1:7" x14ac:dyDescent="0.3">
      <c r="A32604" s="13" t="s">
        <v>201</v>
      </c>
      <c r="B32604" s="14" t="s">
        <v>1</v>
      </c>
      <c r="C32604" s="14" t="s">
        <v>23</v>
      </c>
      <c r="D32604" s="14" t="s">
        <v>202</v>
      </c>
      <c r="E32604" s="15">
        <v>45495</v>
      </c>
      <c r="F32604" s="14" t="s">
        <v>53</v>
      </c>
      <c r="G32604" s="16">
        <v>1.8081691971644307</v>
      </c>
    </row>
    <row r="32605" spans="1:7" x14ac:dyDescent="0.3">
      <c r="A32605" s="13" t="s">
        <v>201</v>
      </c>
      <c r="B32605" s="14" t="s">
        <v>1</v>
      </c>
      <c r="C32605" s="14" t="s">
        <v>23</v>
      </c>
      <c r="D32605" s="14" t="s">
        <v>202</v>
      </c>
      <c r="E32605" s="15">
        <v>45496</v>
      </c>
      <c r="F32605" s="14" t="s">
        <v>53</v>
      </c>
      <c r="G32605" s="16">
        <v>1.8574738675998368</v>
      </c>
    </row>
    <row r="32606" spans="1:7" x14ac:dyDescent="0.3">
      <c r="A32606" s="13" t="s">
        <v>201</v>
      </c>
      <c r="B32606" s="14" t="s">
        <v>1</v>
      </c>
      <c r="C32606" s="14" t="s">
        <v>23</v>
      </c>
      <c r="D32606" s="14" t="s">
        <v>202</v>
      </c>
      <c r="E32606" s="15">
        <v>45497</v>
      </c>
      <c r="F32606" s="14" t="s">
        <v>53</v>
      </c>
      <c r="G32606" s="16">
        <v>1.875381508501168</v>
      </c>
    </row>
    <row r="32607" spans="1:7" x14ac:dyDescent="0.3">
      <c r="A32607" s="13" t="s">
        <v>201</v>
      </c>
      <c r="B32607" s="14" t="s">
        <v>1</v>
      </c>
      <c r="C32607" s="14" t="s">
        <v>23</v>
      </c>
      <c r="D32607" s="14" t="s">
        <v>202</v>
      </c>
      <c r="E32607" s="15">
        <v>45498</v>
      </c>
      <c r="F32607" s="14" t="s">
        <v>53</v>
      </c>
      <c r="G32607" s="16">
        <v>1.8992641086098936</v>
      </c>
    </row>
    <row r="32608" spans="1:7" x14ac:dyDescent="0.3">
      <c r="A32608" s="13" t="s">
        <v>201</v>
      </c>
      <c r="B32608" s="14" t="s">
        <v>1</v>
      </c>
      <c r="C32608" s="14" t="s">
        <v>23</v>
      </c>
      <c r="D32608" s="14" t="s">
        <v>202</v>
      </c>
      <c r="E32608" s="15">
        <v>45499</v>
      </c>
      <c r="F32608" s="14" t="s">
        <v>53</v>
      </c>
      <c r="G32608" s="16">
        <v>1.9119628240700219</v>
      </c>
    </row>
    <row r="32609" spans="1:7" x14ac:dyDescent="0.3">
      <c r="A32609" s="13" t="s">
        <v>201</v>
      </c>
      <c r="B32609" s="14" t="s">
        <v>1</v>
      </c>
      <c r="C32609" s="14" t="s">
        <v>23</v>
      </c>
      <c r="D32609" s="14" t="s">
        <v>202</v>
      </c>
      <c r="E32609" s="15">
        <v>45500</v>
      </c>
      <c r="F32609" s="14" t="s">
        <v>53</v>
      </c>
      <c r="G32609" s="16">
        <v>1.9119628240700219</v>
      </c>
    </row>
    <row r="32610" spans="1:7" x14ac:dyDescent="0.3">
      <c r="A32610" s="13" t="s">
        <v>201</v>
      </c>
      <c r="B32610" s="14" t="s">
        <v>1</v>
      </c>
      <c r="C32610" s="14" t="s">
        <v>23</v>
      </c>
      <c r="D32610" s="14" t="s">
        <v>202</v>
      </c>
      <c r="E32610" s="15">
        <v>45501</v>
      </c>
      <c r="F32610" s="14" t="s">
        <v>53</v>
      </c>
      <c r="G32610" s="16">
        <v>1.9119628240700219</v>
      </c>
    </row>
    <row r="32611" spans="1:7" x14ac:dyDescent="0.3">
      <c r="A32611" s="13" t="s">
        <v>201</v>
      </c>
      <c r="B32611" s="14" t="s">
        <v>1</v>
      </c>
      <c r="C32611" s="14" t="s">
        <v>23</v>
      </c>
      <c r="D32611" s="14" t="s">
        <v>202</v>
      </c>
      <c r="E32611" s="15">
        <v>45502</v>
      </c>
      <c r="F32611" s="14" t="s">
        <v>53</v>
      </c>
      <c r="G32611" s="16">
        <v>1.9288311847152351</v>
      </c>
    </row>
    <row r="32612" spans="1:7" x14ac:dyDescent="0.3">
      <c r="A32612" s="13" t="s">
        <v>201</v>
      </c>
      <c r="B32612" s="14" t="s">
        <v>1</v>
      </c>
      <c r="C32612" s="14" t="s">
        <v>23</v>
      </c>
      <c r="D32612" s="14" t="s">
        <v>202</v>
      </c>
      <c r="E32612" s="15">
        <v>45503</v>
      </c>
      <c r="F32612" s="14" t="s">
        <v>53</v>
      </c>
      <c r="G32612" s="16">
        <v>1.977294032103986</v>
      </c>
    </row>
    <row r="32613" spans="1:7" x14ac:dyDescent="0.3">
      <c r="A32613" s="13" t="s">
        <v>201</v>
      </c>
      <c r="B32613" s="14" t="s">
        <v>1</v>
      </c>
      <c r="C32613" s="14" t="s">
        <v>23</v>
      </c>
      <c r="D32613" s="14" t="s">
        <v>202</v>
      </c>
      <c r="E32613" s="15">
        <v>45504</v>
      </c>
      <c r="F32613" s="14" t="s">
        <v>53</v>
      </c>
      <c r="G32613" s="16">
        <v>1.9906718354943662</v>
      </c>
    </row>
    <row r="32614" spans="1:7" x14ac:dyDescent="0.3">
      <c r="A32614" s="13" t="s">
        <v>201</v>
      </c>
      <c r="B32614" s="14" t="s">
        <v>1</v>
      </c>
      <c r="C32614" s="14" t="s">
        <v>23</v>
      </c>
      <c r="D32614" s="14" t="s">
        <v>202</v>
      </c>
      <c r="E32614" s="15">
        <v>45505</v>
      </c>
      <c r="F32614" s="14" t="s">
        <v>53</v>
      </c>
      <c r="G32614" s="16">
        <v>2.0167830261821296</v>
      </c>
    </row>
    <row r="32615" spans="1:7" x14ac:dyDescent="0.3">
      <c r="A32615" s="13" t="s">
        <v>201</v>
      </c>
      <c r="B32615" s="14" t="s">
        <v>1</v>
      </c>
      <c r="C32615" s="14" t="s">
        <v>23</v>
      </c>
      <c r="D32615" s="14" t="s">
        <v>202</v>
      </c>
      <c r="E32615" s="15">
        <v>45506</v>
      </c>
      <c r="F32615" s="14" t="s">
        <v>53</v>
      </c>
      <c r="G32615" s="16">
        <v>2.015178250969345</v>
      </c>
    </row>
    <row r="32616" spans="1:7" x14ac:dyDescent="0.3">
      <c r="A32616" s="13" t="s">
        <v>201</v>
      </c>
      <c r="B32616" s="14" t="s">
        <v>1</v>
      </c>
      <c r="C32616" s="14" t="s">
        <v>23</v>
      </c>
      <c r="D32616" s="14" t="s">
        <v>202</v>
      </c>
      <c r="E32616" s="15">
        <v>45507</v>
      </c>
      <c r="F32616" s="14" t="s">
        <v>53</v>
      </c>
      <c r="G32616" s="16">
        <v>2.015178250969345</v>
      </c>
    </row>
    <row r="32617" spans="1:7" x14ac:dyDescent="0.3">
      <c r="A32617" s="13" t="s">
        <v>201</v>
      </c>
      <c r="B32617" s="14" t="s">
        <v>1</v>
      </c>
      <c r="C32617" s="14" t="s">
        <v>23</v>
      </c>
      <c r="D32617" s="14" t="s">
        <v>202</v>
      </c>
      <c r="E32617" s="15">
        <v>45508</v>
      </c>
      <c r="F32617" s="14" t="s">
        <v>53</v>
      </c>
      <c r="G32617" s="16">
        <v>2.015178250969345</v>
      </c>
    </row>
    <row r="32618" spans="1:7" x14ac:dyDescent="0.3">
      <c r="A32618" s="13" t="s">
        <v>201</v>
      </c>
      <c r="B32618" s="14" t="s">
        <v>1</v>
      </c>
      <c r="C32618" s="14" t="s">
        <v>23</v>
      </c>
      <c r="D32618" s="14" t="s">
        <v>202</v>
      </c>
      <c r="E32618" s="15">
        <v>45509</v>
      </c>
      <c r="F32618" s="14" t="s">
        <v>53</v>
      </c>
      <c r="G32618" s="16">
        <v>2.015178250969345</v>
      </c>
    </row>
    <row r="32619" spans="1:7" x14ac:dyDescent="0.3">
      <c r="A32619" s="13" t="s">
        <v>201</v>
      </c>
      <c r="B32619" s="14" t="s">
        <v>1</v>
      </c>
      <c r="C32619" s="14" t="s">
        <v>23</v>
      </c>
      <c r="D32619" s="14" t="s">
        <v>202</v>
      </c>
      <c r="E32619" s="15">
        <v>45510</v>
      </c>
      <c r="F32619" s="14" t="s">
        <v>53</v>
      </c>
      <c r="G32619" s="16">
        <v>2.0472628214712398</v>
      </c>
    </row>
    <row r="32620" spans="1:7" x14ac:dyDescent="0.3">
      <c r="A32620" s="13" t="s">
        <v>201</v>
      </c>
      <c r="B32620" s="14" t="s">
        <v>1</v>
      </c>
      <c r="C32620" s="14" t="s">
        <v>23</v>
      </c>
      <c r="D32620" s="14" t="s">
        <v>202</v>
      </c>
      <c r="E32620" s="15">
        <v>45511</v>
      </c>
      <c r="F32620" s="14" t="s">
        <v>53</v>
      </c>
      <c r="G32620" s="16">
        <v>2.1224642589305533</v>
      </c>
    </row>
    <row r="32621" spans="1:7" x14ac:dyDescent="0.3">
      <c r="A32621" s="13" t="s">
        <v>201</v>
      </c>
      <c r="B32621" s="14" t="s">
        <v>1</v>
      </c>
      <c r="C32621" s="14" t="s">
        <v>23</v>
      </c>
      <c r="D32621" s="14" t="s">
        <v>202</v>
      </c>
      <c r="E32621" s="15">
        <v>45512</v>
      </c>
      <c r="F32621" s="14" t="s">
        <v>53</v>
      </c>
      <c r="G32621" s="16">
        <v>2.1222687415084627</v>
      </c>
    </row>
    <row r="32622" spans="1:7" x14ac:dyDescent="0.3">
      <c r="A32622" s="13" t="s">
        <v>201</v>
      </c>
      <c r="B32622" s="14" t="s">
        <v>1</v>
      </c>
      <c r="C32622" s="14" t="s">
        <v>23</v>
      </c>
      <c r="D32622" s="14" t="s">
        <v>202</v>
      </c>
      <c r="E32622" s="15">
        <v>45513</v>
      </c>
      <c r="F32622" s="14" t="s">
        <v>53</v>
      </c>
      <c r="G32622" s="16">
        <v>2.1337527364103583</v>
      </c>
    </row>
    <row r="32623" spans="1:7" x14ac:dyDescent="0.3">
      <c r="A32623" s="13" t="s">
        <v>201</v>
      </c>
      <c r="B32623" s="14" t="s">
        <v>1</v>
      </c>
      <c r="C32623" s="14" t="s">
        <v>23</v>
      </c>
      <c r="D32623" s="14" t="s">
        <v>202</v>
      </c>
      <c r="E32623" s="15">
        <v>45514</v>
      </c>
      <c r="F32623" s="14" t="s">
        <v>53</v>
      </c>
      <c r="G32623" s="16">
        <v>2.1337527364103583</v>
      </c>
    </row>
    <row r="32624" spans="1:7" x14ac:dyDescent="0.3">
      <c r="A32624" s="13" t="s">
        <v>201</v>
      </c>
      <c r="B32624" s="14" t="s">
        <v>1</v>
      </c>
      <c r="C32624" s="14" t="s">
        <v>23</v>
      </c>
      <c r="D32624" s="14" t="s">
        <v>202</v>
      </c>
      <c r="E32624" s="15">
        <v>45515</v>
      </c>
      <c r="F32624" s="14" t="s">
        <v>53</v>
      </c>
      <c r="G32624" s="16">
        <v>2.1337527364103583</v>
      </c>
    </row>
    <row r="32625" spans="1:7" x14ac:dyDescent="0.3">
      <c r="A32625" s="13" t="s">
        <v>201</v>
      </c>
      <c r="B32625" s="14" t="s">
        <v>1</v>
      </c>
      <c r="C32625" s="14" t="s">
        <v>23</v>
      </c>
      <c r="D32625" s="14" t="s">
        <v>202</v>
      </c>
      <c r="E32625" s="15">
        <v>45516</v>
      </c>
      <c r="F32625" s="14" t="s">
        <v>53</v>
      </c>
      <c r="G32625" s="16">
        <v>2.1487259713116269</v>
      </c>
    </row>
    <row r="32626" spans="1:7" x14ac:dyDescent="0.3">
      <c r="A32626" s="13" t="s">
        <v>201</v>
      </c>
      <c r="B32626" s="14" t="s">
        <v>1</v>
      </c>
      <c r="C32626" s="14" t="s">
        <v>23</v>
      </c>
      <c r="D32626" s="14" t="s">
        <v>202</v>
      </c>
      <c r="E32626" s="15">
        <v>45517</v>
      </c>
      <c r="F32626" s="14" t="s">
        <v>53</v>
      </c>
      <c r="G32626" s="16">
        <v>2.1769429144260242</v>
      </c>
    </row>
    <row r="32627" spans="1:7" x14ac:dyDescent="0.3">
      <c r="A32627" s="13" t="s">
        <v>201</v>
      </c>
      <c r="B32627" s="14" t="s">
        <v>1</v>
      </c>
      <c r="C32627" s="14" t="s">
        <v>23</v>
      </c>
      <c r="D32627" s="14" t="s">
        <v>202</v>
      </c>
      <c r="E32627" s="15">
        <v>45518</v>
      </c>
      <c r="F32627" s="14" t="s">
        <v>53</v>
      </c>
      <c r="G32627" s="16">
        <v>2.1985036122794468</v>
      </c>
    </row>
    <row r="32628" spans="1:7" x14ac:dyDescent="0.3">
      <c r="A32628" s="13" t="s">
        <v>201</v>
      </c>
      <c r="B32628" s="14" t="s">
        <v>1</v>
      </c>
      <c r="C32628" s="14" t="s">
        <v>23</v>
      </c>
      <c r="D32628" s="14" t="s">
        <v>202</v>
      </c>
      <c r="E32628" s="15">
        <v>45519</v>
      </c>
      <c r="F32628" s="14" t="s">
        <v>53</v>
      </c>
      <c r="G32628" s="16">
        <v>2.204193579321339</v>
      </c>
    </row>
    <row r="32629" spans="1:7" x14ac:dyDescent="0.3">
      <c r="A32629" s="13" t="s">
        <v>201</v>
      </c>
      <c r="B32629" s="14" t="s">
        <v>1</v>
      </c>
      <c r="C32629" s="14" t="s">
        <v>23</v>
      </c>
      <c r="D32629" s="14" t="s">
        <v>202</v>
      </c>
      <c r="E32629" s="15">
        <v>45520</v>
      </c>
      <c r="F32629" s="14" t="s">
        <v>53</v>
      </c>
      <c r="G32629" s="16">
        <v>2.2041465059007526</v>
      </c>
    </row>
    <row r="32630" spans="1:7" x14ac:dyDescent="0.3">
      <c r="A32630" s="13" t="s">
        <v>201</v>
      </c>
      <c r="B32630" s="14" t="s">
        <v>1</v>
      </c>
      <c r="C32630" s="14" t="s">
        <v>23</v>
      </c>
      <c r="D32630" s="14" t="s">
        <v>202</v>
      </c>
      <c r="E32630" s="15">
        <v>45521</v>
      </c>
      <c r="F32630" s="14" t="s">
        <v>53</v>
      </c>
      <c r="G32630" s="16">
        <v>2.2041465059007526</v>
      </c>
    </row>
    <row r="32631" spans="1:7" x14ac:dyDescent="0.3">
      <c r="A32631" s="13" t="s">
        <v>201</v>
      </c>
      <c r="B32631" s="14" t="s">
        <v>1</v>
      </c>
      <c r="C32631" s="14" t="s">
        <v>23</v>
      </c>
      <c r="D32631" s="14" t="s">
        <v>202</v>
      </c>
      <c r="E32631" s="15">
        <v>45522</v>
      </c>
      <c r="F32631" s="14" t="s">
        <v>53</v>
      </c>
      <c r="G32631" s="16">
        <v>2.2041465059007526</v>
      </c>
    </row>
    <row r="32632" spans="1:7" x14ac:dyDescent="0.3">
      <c r="A32632" s="13" t="s">
        <v>201</v>
      </c>
      <c r="B32632" s="14" t="s">
        <v>1</v>
      </c>
      <c r="C32632" s="14" t="s">
        <v>23</v>
      </c>
      <c r="D32632" s="14" t="s">
        <v>202</v>
      </c>
      <c r="E32632" s="15">
        <v>45523</v>
      </c>
      <c r="F32632" s="14" t="s">
        <v>53</v>
      </c>
      <c r="G32632" s="16">
        <v>2.2116372835714402</v>
      </c>
    </row>
    <row r="32633" spans="1:7" x14ac:dyDescent="0.3">
      <c r="A32633" s="13" t="s">
        <v>201</v>
      </c>
      <c r="B32633" s="14" t="s">
        <v>1</v>
      </c>
      <c r="C32633" s="14" t="s">
        <v>23</v>
      </c>
      <c r="D32633" s="14" t="s">
        <v>202</v>
      </c>
      <c r="E32633" s="15">
        <v>45524</v>
      </c>
      <c r="F32633" s="14" t="s">
        <v>53</v>
      </c>
      <c r="G32633" s="16">
        <v>2.2495071869164502</v>
      </c>
    </row>
    <row r="32634" spans="1:7" x14ac:dyDescent="0.3">
      <c r="A32634" s="13" t="s">
        <v>201</v>
      </c>
      <c r="B32634" s="14" t="s">
        <v>1</v>
      </c>
      <c r="C32634" s="14" t="s">
        <v>23</v>
      </c>
      <c r="D32634" s="14" t="s">
        <v>202</v>
      </c>
      <c r="E32634" s="15">
        <v>45525</v>
      </c>
      <c r="F32634" s="14" t="s">
        <v>53</v>
      </c>
      <c r="G32634" s="16">
        <v>2.2513725030759359</v>
      </c>
    </row>
    <row r="32635" spans="1:7" x14ac:dyDescent="0.3">
      <c r="A32635" s="13" t="s">
        <v>201</v>
      </c>
      <c r="B32635" s="14" t="s">
        <v>1</v>
      </c>
      <c r="C32635" s="14" t="s">
        <v>23</v>
      </c>
      <c r="D32635" s="14" t="s">
        <v>202</v>
      </c>
      <c r="E32635" s="15">
        <v>45526</v>
      </c>
      <c r="F32635" s="14" t="s">
        <v>53</v>
      </c>
      <c r="G32635" s="16">
        <v>2.2674984725819987</v>
      </c>
    </row>
    <row r="32636" spans="1:7" x14ac:dyDescent="0.3">
      <c r="A32636" s="13" t="s">
        <v>201</v>
      </c>
      <c r="B32636" s="14" t="s">
        <v>1</v>
      </c>
      <c r="C32636" s="14" t="s">
        <v>23</v>
      </c>
      <c r="D32636" s="14" t="s">
        <v>202</v>
      </c>
      <c r="E32636" s="15">
        <v>45527</v>
      </c>
      <c r="F32636" s="14" t="s">
        <v>53</v>
      </c>
      <c r="G32636" s="16">
        <v>2.2626929623255672</v>
      </c>
    </row>
    <row r="32637" spans="1:7" x14ac:dyDescent="0.3">
      <c r="A32637" s="13" t="s">
        <v>201</v>
      </c>
      <c r="B32637" s="14" t="s">
        <v>1</v>
      </c>
      <c r="C32637" s="14" t="s">
        <v>23</v>
      </c>
      <c r="D32637" s="14" t="s">
        <v>202</v>
      </c>
      <c r="E32637" s="15">
        <v>45528</v>
      </c>
      <c r="F32637" s="14" t="s">
        <v>53</v>
      </c>
      <c r="G32637" s="16">
        <v>2.2626929623255672</v>
      </c>
    </row>
    <row r="32638" spans="1:7" x14ac:dyDescent="0.3">
      <c r="A32638" s="13" t="s">
        <v>201</v>
      </c>
      <c r="B32638" s="14" t="s">
        <v>1</v>
      </c>
      <c r="C32638" s="14" t="s">
        <v>23</v>
      </c>
      <c r="D32638" s="14" t="s">
        <v>202</v>
      </c>
      <c r="E32638" s="15">
        <v>45529</v>
      </c>
      <c r="F32638" s="14" t="s">
        <v>53</v>
      </c>
      <c r="G32638" s="16">
        <v>2.2626929623255672</v>
      </c>
    </row>
    <row r="32639" spans="1:7" x14ac:dyDescent="0.3">
      <c r="A32639" s="13" t="s">
        <v>201</v>
      </c>
      <c r="B32639" s="14" t="s">
        <v>1</v>
      </c>
      <c r="C32639" s="14" t="s">
        <v>23</v>
      </c>
      <c r="D32639" s="14" t="s">
        <v>202</v>
      </c>
      <c r="E32639" s="15">
        <v>45530</v>
      </c>
      <c r="F32639" s="14" t="s">
        <v>53</v>
      </c>
      <c r="G32639" s="16">
        <v>2.2828869805283549</v>
      </c>
    </row>
    <row r="32640" spans="1:7" x14ac:dyDescent="0.3">
      <c r="A32640" s="13" t="s">
        <v>201</v>
      </c>
      <c r="B32640" s="14" t="s">
        <v>1</v>
      </c>
      <c r="C32640" s="14" t="s">
        <v>23</v>
      </c>
      <c r="D32640" s="14" t="s">
        <v>202</v>
      </c>
      <c r="E32640" s="15">
        <v>45531</v>
      </c>
      <c r="F32640" s="14" t="s">
        <v>53</v>
      </c>
      <c r="G32640" s="16">
        <v>2.3158676882932303</v>
      </c>
    </row>
    <row r="32641" spans="1:7" x14ac:dyDescent="0.3">
      <c r="A32641" s="13" t="s">
        <v>201</v>
      </c>
      <c r="B32641" s="14" t="s">
        <v>1</v>
      </c>
      <c r="C32641" s="14" t="s">
        <v>23</v>
      </c>
      <c r="D32641" s="14" t="s">
        <v>202</v>
      </c>
      <c r="E32641" s="15">
        <v>45532</v>
      </c>
      <c r="F32641" s="14" t="s">
        <v>53</v>
      </c>
      <c r="G32641" s="16">
        <v>2.3449170692150534</v>
      </c>
    </row>
    <row r="32642" spans="1:7" x14ac:dyDescent="0.3">
      <c r="A32642" s="13" t="s">
        <v>201</v>
      </c>
      <c r="B32642" s="14" t="s">
        <v>1</v>
      </c>
      <c r="C32642" s="14" t="s">
        <v>23</v>
      </c>
      <c r="D32642" s="14" t="s">
        <v>202</v>
      </c>
      <c r="E32642" s="15">
        <v>45533</v>
      </c>
      <c r="F32642" s="14" t="s">
        <v>53</v>
      </c>
      <c r="G32642" s="16">
        <v>2.3645238231154755</v>
      </c>
    </row>
    <row r="32643" spans="1:7" x14ac:dyDescent="0.3">
      <c r="A32643" s="13" t="s">
        <v>201</v>
      </c>
      <c r="B32643" s="14" t="s">
        <v>1</v>
      </c>
      <c r="C32643" s="14" t="s">
        <v>23</v>
      </c>
      <c r="D32643" s="14" t="s">
        <v>202</v>
      </c>
      <c r="E32643" s="15">
        <v>45534</v>
      </c>
      <c r="F32643" s="14" t="s">
        <v>53</v>
      </c>
      <c r="G32643" s="16">
        <v>2.3868285742247339</v>
      </c>
    </row>
    <row r="32644" spans="1:7" x14ac:dyDescent="0.3">
      <c r="A32644" s="13" t="s">
        <v>201</v>
      </c>
      <c r="B32644" s="14" t="s">
        <v>1</v>
      </c>
      <c r="C32644" s="14" t="s">
        <v>23</v>
      </c>
      <c r="D32644" s="14" t="s">
        <v>202</v>
      </c>
      <c r="E32644" s="15">
        <v>45535</v>
      </c>
      <c r="F32644" s="14" t="s">
        <v>53</v>
      </c>
      <c r="G32644" s="16">
        <v>2.3868285742247339</v>
      </c>
    </row>
    <row r="32645" spans="1:7" x14ac:dyDescent="0.3">
      <c r="A32645" s="13" t="s">
        <v>201</v>
      </c>
      <c r="B32645" s="14" t="s">
        <v>1</v>
      </c>
      <c r="C32645" s="14" t="s">
        <v>23</v>
      </c>
      <c r="D32645" s="14" t="s">
        <v>202</v>
      </c>
      <c r="E32645" s="15">
        <v>45536</v>
      </c>
      <c r="F32645" s="14" t="s">
        <v>53</v>
      </c>
      <c r="G32645" s="16">
        <v>2.3868285742247339</v>
      </c>
    </row>
    <row r="32646" spans="1:7" x14ac:dyDescent="0.3">
      <c r="A32646" s="13" t="s">
        <v>201</v>
      </c>
      <c r="B32646" s="14" t="s">
        <v>1</v>
      </c>
      <c r="C32646" s="14" t="s">
        <v>23</v>
      </c>
      <c r="D32646" s="14" t="s">
        <v>202</v>
      </c>
      <c r="E32646" s="15">
        <v>45537</v>
      </c>
      <c r="F32646" s="14" t="s">
        <v>53</v>
      </c>
      <c r="G32646" s="16">
        <v>2.3868285742247339</v>
      </c>
    </row>
    <row r="32647" spans="1:7" x14ac:dyDescent="0.3">
      <c r="A32647" s="13" t="s">
        <v>201</v>
      </c>
      <c r="B32647" s="14" t="s">
        <v>1</v>
      </c>
      <c r="C32647" s="14" t="s">
        <v>23</v>
      </c>
      <c r="D32647" s="14" t="s">
        <v>202</v>
      </c>
      <c r="E32647" s="15">
        <v>45538</v>
      </c>
      <c r="F32647" s="14" t="s">
        <v>53</v>
      </c>
      <c r="G32647" s="16">
        <v>2.4060618827765738</v>
      </c>
    </row>
    <row r="32648" spans="1:7" x14ac:dyDescent="0.3">
      <c r="A32648" s="13" t="s">
        <v>201</v>
      </c>
      <c r="B32648" s="14" t="s">
        <v>1</v>
      </c>
      <c r="C32648" s="14" t="s">
        <v>23</v>
      </c>
      <c r="D32648" s="14" t="s">
        <v>202</v>
      </c>
      <c r="E32648" s="15">
        <v>45539</v>
      </c>
      <c r="F32648" s="14" t="s">
        <v>53</v>
      </c>
      <c r="G32648" s="16">
        <v>2.4518675631445506</v>
      </c>
    </row>
    <row r="32649" spans="1:7" x14ac:dyDescent="0.3">
      <c r="A32649" s="13" t="s">
        <v>201</v>
      </c>
      <c r="B32649" s="14" t="s">
        <v>1</v>
      </c>
      <c r="C32649" s="14" t="s">
        <v>23</v>
      </c>
      <c r="D32649" s="14" t="s">
        <v>202</v>
      </c>
      <c r="E32649" s="15">
        <v>45540</v>
      </c>
      <c r="F32649" s="14" t="s">
        <v>53</v>
      </c>
      <c r="G32649" s="16">
        <v>2.4620847179078282</v>
      </c>
    </row>
    <row r="32650" spans="1:7" x14ac:dyDescent="0.3">
      <c r="A32650" s="13" t="s">
        <v>201</v>
      </c>
      <c r="B32650" s="14" t="s">
        <v>1</v>
      </c>
      <c r="C32650" s="14" t="s">
        <v>23</v>
      </c>
      <c r="D32650" s="14" t="s">
        <v>202</v>
      </c>
      <c r="E32650" s="15">
        <v>45541</v>
      </c>
      <c r="F32650" s="14" t="s">
        <v>53</v>
      </c>
      <c r="G32650" s="16">
        <v>2.488665564388354</v>
      </c>
    </row>
    <row r="32651" spans="1:7" x14ac:dyDescent="0.3">
      <c r="A32651" s="13" t="s">
        <v>201</v>
      </c>
      <c r="B32651" s="14" t="s">
        <v>1</v>
      </c>
      <c r="C32651" s="14" t="s">
        <v>23</v>
      </c>
      <c r="D32651" s="14" t="s">
        <v>202</v>
      </c>
      <c r="E32651" s="15">
        <v>45542</v>
      </c>
      <c r="F32651" s="14" t="s">
        <v>53</v>
      </c>
      <c r="G32651" s="16">
        <v>2.488665564388354</v>
      </c>
    </row>
    <row r="32652" spans="1:7" x14ac:dyDescent="0.3">
      <c r="A32652" s="13" t="s">
        <v>201</v>
      </c>
      <c r="B32652" s="14" t="s">
        <v>1</v>
      </c>
      <c r="C32652" s="14" t="s">
        <v>23</v>
      </c>
      <c r="D32652" s="14" t="s">
        <v>202</v>
      </c>
      <c r="E32652" s="15">
        <v>45543</v>
      </c>
      <c r="F32652" s="14" t="s">
        <v>53</v>
      </c>
      <c r="G32652" s="16">
        <v>2.488665564388354</v>
      </c>
    </row>
    <row r="32653" spans="1:7" x14ac:dyDescent="0.3">
      <c r="A32653" s="13" t="s">
        <v>201</v>
      </c>
      <c r="B32653" s="14" t="s">
        <v>1</v>
      </c>
      <c r="C32653" s="14" t="s">
        <v>23</v>
      </c>
      <c r="D32653" s="14" t="s">
        <v>202</v>
      </c>
      <c r="E32653" s="15">
        <v>45544</v>
      </c>
      <c r="F32653" s="14" t="s">
        <v>53</v>
      </c>
      <c r="G32653" s="16">
        <v>2.5424760410780602</v>
      </c>
    </row>
    <row r="32654" spans="1:7" x14ac:dyDescent="0.3">
      <c r="A32654" s="13" t="s">
        <v>201</v>
      </c>
      <c r="B32654" s="14" t="s">
        <v>1</v>
      </c>
      <c r="C32654" s="14" t="s">
        <v>23</v>
      </c>
      <c r="D32654" s="14" t="s">
        <v>202</v>
      </c>
      <c r="E32654" s="15">
        <v>45545</v>
      </c>
      <c r="F32654" s="14" t="s">
        <v>53</v>
      </c>
      <c r="G32654" s="16">
        <v>2.5836145928866761</v>
      </c>
    </row>
    <row r="32655" spans="1:7" x14ac:dyDescent="0.3">
      <c r="A32655" s="13" t="s">
        <v>201</v>
      </c>
      <c r="B32655" s="14" t="s">
        <v>1</v>
      </c>
      <c r="C32655" s="14" t="s">
        <v>23</v>
      </c>
      <c r="D32655" s="14" t="s">
        <v>202</v>
      </c>
      <c r="E32655" s="15">
        <v>45546</v>
      </c>
      <c r="F32655" s="14" t="s">
        <v>53</v>
      </c>
      <c r="G32655" s="16">
        <v>2.6045989114375763</v>
      </c>
    </row>
    <row r="32656" spans="1:7" x14ac:dyDescent="0.3">
      <c r="A32656" s="13" t="s">
        <v>201</v>
      </c>
      <c r="B32656" s="14" t="s">
        <v>1</v>
      </c>
      <c r="C32656" s="14" t="s">
        <v>23</v>
      </c>
      <c r="D32656" s="14" t="s">
        <v>202</v>
      </c>
      <c r="E32656" s="15">
        <v>45547</v>
      </c>
      <c r="F32656" s="14" t="s">
        <v>53</v>
      </c>
      <c r="G32656" s="16">
        <v>2.6047181605520366</v>
      </c>
    </row>
    <row r="32657" spans="1:7" x14ac:dyDescent="0.3">
      <c r="A32657" s="13" t="s">
        <v>201</v>
      </c>
      <c r="B32657" s="14" t="s">
        <v>1</v>
      </c>
      <c r="C32657" s="14" t="s">
        <v>23</v>
      </c>
      <c r="D32657" s="14" t="s">
        <v>202</v>
      </c>
      <c r="E32657" s="15">
        <v>45548</v>
      </c>
      <c r="F32657" s="14" t="s">
        <v>53</v>
      </c>
      <c r="G32657" s="16">
        <v>2.6208061220116008</v>
      </c>
    </row>
    <row r="32658" spans="1:7" x14ac:dyDescent="0.3">
      <c r="A32658" s="13" t="s">
        <v>201</v>
      </c>
      <c r="B32658" s="14" t="s">
        <v>1</v>
      </c>
      <c r="C32658" s="14" t="s">
        <v>23</v>
      </c>
      <c r="D32658" s="14" t="s">
        <v>202</v>
      </c>
      <c r="E32658" s="15">
        <v>45549</v>
      </c>
      <c r="F32658" s="14" t="s">
        <v>53</v>
      </c>
      <c r="G32658" s="16">
        <v>2.6208061220116008</v>
      </c>
    </row>
    <row r="32659" spans="1:7" x14ac:dyDescent="0.3">
      <c r="A32659" s="13" t="s">
        <v>201</v>
      </c>
      <c r="B32659" s="14" t="s">
        <v>1</v>
      </c>
      <c r="C32659" s="14" t="s">
        <v>23</v>
      </c>
      <c r="D32659" s="14" t="s">
        <v>202</v>
      </c>
      <c r="E32659" s="15">
        <v>45550</v>
      </c>
      <c r="F32659" s="14" t="s">
        <v>53</v>
      </c>
      <c r="G32659" s="16">
        <v>2.6208061220116008</v>
      </c>
    </row>
    <row r="32660" spans="1:7" x14ac:dyDescent="0.3">
      <c r="A32660" s="13" t="s">
        <v>201</v>
      </c>
      <c r="B32660" s="14" t="s">
        <v>1</v>
      </c>
      <c r="C32660" s="14" t="s">
        <v>23</v>
      </c>
      <c r="D32660" s="14" t="s">
        <v>202</v>
      </c>
      <c r="E32660" s="15">
        <v>45551</v>
      </c>
      <c r="F32660" s="14" t="s">
        <v>53</v>
      </c>
      <c r="G32660" s="16">
        <v>2.6185510743592122</v>
      </c>
    </row>
    <row r="32661" spans="1:7" x14ac:dyDescent="0.3">
      <c r="A32661" s="13" t="s">
        <v>201</v>
      </c>
      <c r="B32661" s="14" t="s">
        <v>1</v>
      </c>
      <c r="C32661" s="14" t="s">
        <v>23</v>
      </c>
      <c r="D32661" s="14" t="s">
        <v>202</v>
      </c>
      <c r="E32661" s="15">
        <v>45552</v>
      </c>
      <c r="F32661" s="14" t="s">
        <v>53</v>
      </c>
      <c r="G32661" s="16">
        <v>2.6768215174673422</v>
      </c>
    </row>
    <row r="32662" spans="1:7" x14ac:dyDescent="0.3">
      <c r="A32662" s="13" t="s">
        <v>201</v>
      </c>
      <c r="B32662" s="14" t="s">
        <v>1</v>
      </c>
      <c r="C32662" s="14" t="s">
        <v>23</v>
      </c>
      <c r="D32662" s="14" t="s">
        <v>202</v>
      </c>
      <c r="E32662" s="15">
        <v>45553</v>
      </c>
      <c r="F32662" s="14" t="s">
        <v>53</v>
      </c>
      <c r="G32662" s="16">
        <v>2.6829894073712741</v>
      </c>
    </row>
    <row r="32663" spans="1:7" x14ac:dyDescent="0.3">
      <c r="A32663" s="13" t="s">
        <v>201</v>
      </c>
      <c r="B32663" s="14" t="s">
        <v>1</v>
      </c>
      <c r="C32663" s="14" t="s">
        <v>23</v>
      </c>
      <c r="D32663" s="14" t="s">
        <v>202</v>
      </c>
      <c r="E32663" s="15">
        <v>45554</v>
      </c>
      <c r="F32663" s="14" t="s">
        <v>53</v>
      </c>
      <c r="G32663" s="16">
        <v>2.6847045119272508</v>
      </c>
    </row>
    <row r="32664" spans="1:7" x14ac:dyDescent="0.3">
      <c r="A32664" s="13" t="s">
        <v>201</v>
      </c>
      <c r="B32664" s="14" t="s">
        <v>1</v>
      </c>
      <c r="C32664" s="14" t="s">
        <v>23</v>
      </c>
      <c r="D32664" s="14" t="s">
        <v>202</v>
      </c>
      <c r="E32664" s="15">
        <v>45555</v>
      </c>
      <c r="F32664" s="14" t="s">
        <v>53</v>
      </c>
      <c r="G32664" s="16">
        <v>2.6934586252259503</v>
      </c>
    </row>
    <row r="32665" spans="1:7" x14ac:dyDescent="0.3">
      <c r="A32665" s="13" t="s">
        <v>201</v>
      </c>
      <c r="B32665" s="14" t="s">
        <v>1</v>
      </c>
      <c r="C32665" s="14" t="s">
        <v>23</v>
      </c>
      <c r="D32665" s="14" t="s">
        <v>202</v>
      </c>
      <c r="E32665" s="15">
        <v>45556</v>
      </c>
      <c r="F32665" s="14" t="s">
        <v>53</v>
      </c>
      <c r="G32665" s="16">
        <v>2.6934586252259503</v>
      </c>
    </row>
    <row r="32666" spans="1:7" x14ac:dyDescent="0.3">
      <c r="A32666" s="13" t="s">
        <v>201</v>
      </c>
      <c r="B32666" s="14" t="s">
        <v>1</v>
      </c>
      <c r="C32666" s="14" t="s">
        <v>23</v>
      </c>
      <c r="D32666" s="14" t="s">
        <v>202</v>
      </c>
      <c r="E32666" s="15">
        <v>45557</v>
      </c>
      <c r="F32666" s="14" t="s">
        <v>53</v>
      </c>
      <c r="G32666" s="16">
        <v>2.6934586252259503</v>
      </c>
    </row>
    <row r="32667" spans="1:7" x14ac:dyDescent="0.3">
      <c r="A32667" s="13" t="s">
        <v>201</v>
      </c>
      <c r="B32667" s="14" t="s">
        <v>1</v>
      </c>
      <c r="C32667" s="14" t="s">
        <v>23</v>
      </c>
      <c r="D32667" s="14" t="s">
        <v>202</v>
      </c>
      <c r="E32667" s="15">
        <v>45558</v>
      </c>
      <c r="F32667" s="14" t="s">
        <v>53</v>
      </c>
      <c r="G32667" s="16">
        <v>2.7050038483844645</v>
      </c>
    </row>
    <row r="32668" spans="1:7" x14ac:dyDescent="0.3">
      <c r="A32668" s="13" t="s">
        <v>201</v>
      </c>
      <c r="B32668" s="14" t="s">
        <v>1</v>
      </c>
      <c r="C32668" s="14" t="s">
        <v>23</v>
      </c>
      <c r="D32668" s="14" t="s">
        <v>202</v>
      </c>
      <c r="E32668" s="15">
        <v>45559</v>
      </c>
      <c r="F32668" s="14" t="s">
        <v>53</v>
      </c>
      <c r="G32668" s="16">
        <v>2.7506255791263725</v>
      </c>
    </row>
    <row r="32669" spans="1:7" x14ac:dyDescent="0.3">
      <c r="A32669" s="13" t="s">
        <v>201</v>
      </c>
      <c r="B32669" s="14" t="s">
        <v>1</v>
      </c>
      <c r="C32669" s="14" t="s">
        <v>23</v>
      </c>
      <c r="D32669" s="14" t="s">
        <v>202</v>
      </c>
      <c r="E32669" s="15">
        <v>45560</v>
      </c>
      <c r="F32669" s="14" t="s">
        <v>53</v>
      </c>
      <c r="G32669" s="16">
        <v>2.7856715159770689</v>
      </c>
    </row>
    <row r="32670" spans="1:7" x14ac:dyDescent="0.3">
      <c r="A32670" s="13" t="s">
        <v>201</v>
      </c>
      <c r="B32670" s="14" t="s">
        <v>1</v>
      </c>
      <c r="C32670" s="14" t="s">
        <v>23</v>
      </c>
      <c r="D32670" s="14" t="s">
        <v>202</v>
      </c>
      <c r="E32670" s="15">
        <v>45561</v>
      </c>
      <c r="F32670" s="14" t="s">
        <v>53</v>
      </c>
      <c r="G32670" s="16">
        <v>2.7832265239993155</v>
      </c>
    </row>
    <row r="32671" spans="1:7" x14ac:dyDescent="0.3">
      <c r="A32671" s="13" t="s">
        <v>201</v>
      </c>
      <c r="B32671" s="14" t="s">
        <v>1</v>
      </c>
      <c r="C32671" s="14" t="s">
        <v>23</v>
      </c>
      <c r="D32671" s="14" t="s">
        <v>202</v>
      </c>
      <c r="E32671" s="15">
        <v>45562</v>
      </c>
      <c r="F32671" s="14" t="s">
        <v>53</v>
      </c>
      <c r="G32671" s="16">
        <v>2.8109650461314786</v>
      </c>
    </row>
    <row r="32672" spans="1:7" x14ac:dyDescent="0.3">
      <c r="A32672" s="13" t="s">
        <v>201</v>
      </c>
      <c r="B32672" s="14" t="s">
        <v>1</v>
      </c>
      <c r="C32672" s="14" t="s">
        <v>23</v>
      </c>
      <c r="D32672" s="14" t="s">
        <v>202</v>
      </c>
      <c r="E32672" s="15">
        <v>45563</v>
      </c>
      <c r="F32672" s="14" t="s">
        <v>53</v>
      </c>
      <c r="G32672" s="16">
        <v>2.8109650461314786</v>
      </c>
    </row>
    <row r="32673" spans="1:7" x14ac:dyDescent="0.3">
      <c r="A32673" s="13" t="s">
        <v>201</v>
      </c>
      <c r="B32673" s="14" t="s">
        <v>1</v>
      </c>
      <c r="C32673" s="14" t="s">
        <v>23</v>
      </c>
      <c r="D32673" s="14" t="s">
        <v>202</v>
      </c>
      <c r="E32673" s="15">
        <v>45564</v>
      </c>
      <c r="F32673" s="14" t="s">
        <v>53</v>
      </c>
      <c r="G32673" s="16">
        <v>2.8109650461314786</v>
      </c>
    </row>
    <row r="32674" spans="1:7" x14ac:dyDescent="0.3">
      <c r="A32674" s="13" t="s">
        <v>201</v>
      </c>
      <c r="B32674" s="14" t="s">
        <v>1</v>
      </c>
      <c r="C32674" s="14" t="s">
        <v>23</v>
      </c>
      <c r="D32674" s="14" t="s">
        <v>202</v>
      </c>
      <c r="E32674" s="15">
        <v>45565</v>
      </c>
      <c r="F32674" s="14" t="s">
        <v>53</v>
      </c>
      <c r="G32674" s="16">
        <v>2.826742234591324</v>
      </c>
    </row>
    <row r="32675" spans="1:7" x14ac:dyDescent="0.3">
      <c r="A32675" s="13" t="s">
        <v>201</v>
      </c>
      <c r="B32675" s="14" t="s">
        <v>1</v>
      </c>
      <c r="C32675" s="14" t="s">
        <v>23</v>
      </c>
      <c r="D32675" s="14" t="s">
        <v>202</v>
      </c>
      <c r="E32675" s="15">
        <v>45566</v>
      </c>
      <c r="F32675" s="14" t="s">
        <v>53</v>
      </c>
      <c r="G32675" s="16">
        <v>2.8957998676276389</v>
      </c>
    </row>
    <row r="32676" spans="1:7" x14ac:dyDescent="0.3">
      <c r="A32676" s="13" t="s">
        <v>201</v>
      </c>
      <c r="B32676" s="14" t="s">
        <v>1</v>
      </c>
      <c r="C32676" s="14" t="s">
        <v>23</v>
      </c>
      <c r="D32676" s="14" t="s">
        <v>202</v>
      </c>
      <c r="E32676" s="15">
        <v>45567</v>
      </c>
      <c r="F32676" s="14" t="s">
        <v>53</v>
      </c>
      <c r="G32676" s="16">
        <v>2.9159286646213403</v>
      </c>
    </row>
    <row r="32677" spans="1:7" x14ac:dyDescent="0.3">
      <c r="A32677" s="13" t="s">
        <v>201</v>
      </c>
      <c r="B32677" s="14" t="s">
        <v>1</v>
      </c>
      <c r="C32677" s="14" t="s">
        <v>23</v>
      </c>
      <c r="D32677" s="14" t="s">
        <v>202</v>
      </c>
      <c r="E32677" s="15">
        <v>45568</v>
      </c>
      <c r="F32677" s="14" t="s">
        <v>53</v>
      </c>
      <c r="G32677" s="16">
        <v>2.9549892824454966</v>
      </c>
    </row>
    <row r="32678" spans="1:7" x14ac:dyDescent="0.3">
      <c r="A32678" s="13" t="s">
        <v>201</v>
      </c>
      <c r="B32678" s="14" t="s">
        <v>1</v>
      </c>
      <c r="C32678" s="14" t="s">
        <v>23</v>
      </c>
      <c r="D32678" s="14" t="s">
        <v>202</v>
      </c>
      <c r="E32678" s="15">
        <v>45569</v>
      </c>
      <c r="F32678" s="14" t="s">
        <v>53</v>
      </c>
      <c r="G32678" s="16">
        <v>2.9722292002305504</v>
      </c>
    </row>
    <row r="32679" spans="1:7" x14ac:dyDescent="0.3">
      <c r="A32679" s="13" t="s">
        <v>201</v>
      </c>
      <c r="B32679" s="14" t="s">
        <v>1</v>
      </c>
      <c r="C32679" s="14" t="s">
        <v>23</v>
      </c>
      <c r="D32679" s="14" t="s">
        <v>202</v>
      </c>
      <c r="E32679" s="15">
        <v>45570</v>
      </c>
      <c r="F32679" s="14" t="s">
        <v>53</v>
      </c>
      <c r="G32679" s="16">
        <v>2.9722292002305504</v>
      </c>
    </row>
    <row r="32680" spans="1:7" x14ac:dyDescent="0.3">
      <c r="A32680" s="13" t="s">
        <v>201</v>
      </c>
      <c r="B32680" s="14" t="s">
        <v>1</v>
      </c>
      <c r="C32680" s="14" t="s">
        <v>23</v>
      </c>
      <c r="D32680" s="14" t="s">
        <v>202</v>
      </c>
      <c r="E32680" s="15">
        <v>45571</v>
      </c>
      <c r="F32680" s="14" t="s">
        <v>53</v>
      </c>
      <c r="G32680" s="16">
        <v>2.9722292002305504</v>
      </c>
    </row>
    <row r="32681" spans="1:7" x14ac:dyDescent="0.3">
      <c r="A32681" s="13" t="s">
        <v>201</v>
      </c>
      <c r="B32681" s="14" t="s">
        <v>1</v>
      </c>
      <c r="C32681" s="14" t="s">
        <v>23</v>
      </c>
      <c r="D32681" s="14" t="s">
        <v>202</v>
      </c>
      <c r="E32681" s="15">
        <v>45572</v>
      </c>
      <c r="F32681" s="14" t="s">
        <v>53</v>
      </c>
      <c r="G32681" s="16">
        <v>3.0206371666880769</v>
      </c>
    </row>
    <row r="32682" spans="1:7" x14ac:dyDescent="0.3">
      <c r="A32682" s="13" t="s">
        <v>201</v>
      </c>
      <c r="B32682" s="14" t="s">
        <v>1</v>
      </c>
      <c r="C32682" s="14" t="s">
        <v>23</v>
      </c>
      <c r="D32682" s="14" t="s">
        <v>202</v>
      </c>
      <c r="E32682" s="15">
        <v>45573</v>
      </c>
      <c r="F32682" s="14" t="s">
        <v>53</v>
      </c>
      <c r="G32682" s="16">
        <v>3.0682682201253946</v>
      </c>
    </row>
    <row r="32683" spans="1:7" x14ac:dyDescent="0.3">
      <c r="A32683" s="13" t="s">
        <v>201</v>
      </c>
      <c r="B32683" s="14" t="s">
        <v>1</v>
      </c>
      <c r="C32683" s="14" t="s">
        <v>23</v>
      </c>
      <c r="D32683" s="14" t="s">
        <v>202</v>
      </c>
      <c r="E32683" s="15">
        <v>45574</v>
      </c>
      <c r="F32683" s="14" t="s">
        <v>53</v>
      </c>
      <c r="G32683" s="16">
        <v>3.093230440280744</v>
      </c>
    </row>
    <row r="32684" spans="1:7" x14ac:dyDescent="0.3">
      <c r="A32684" s="13" t="s">
        <v>201</v>
      </c>
      <c r="B32684" s="14" t="s">
        <v>1</v>
      </c>
      <c r="C32684" s="14" t="s">
        <v>23</v>
      </c>
      <c r="D32684" s="14" t="s">
        <v>202</v>
      </c>
      <c r="E32684" s="15">
        <v>45575</v>
      </c>
      <c r="F32684" s="14" t="s">
        <v>53</v>
      </c>
      <c r="G32684" s="16">
        <v>3.1125900869490191</v>
      </c>
    </row>
    <row r="32685" spans="1:7" x14ac:dyDescent="0.3">
      <c r="A32685" s="13" t="s">
        <v>201</v>
      </c>
      <c r="B32685" s="14" t="s">
        <v>1</v>
      </c>
      <c r="C32685" s="14" t="s">
        <v>23</v>
      </c>
      <c r="D32685" s="14" t="s">
        <v>202</v>
      </c>
      <c r="E32685" s="15">
        <v>45576</v>
      </c>
      <c r="F32685" s="14" t="s">
        <v>53</v>
      </c>
      <c r="G32685" s="16">
        <v>3.1274804170369395</v>
      </c>
    </row>
    <row r="32686" spans="1:7" x14ac:dyDescent="0.3">
      <c r="A32686" s="13" t="s">
        <v>201</v>
      </c>
      <c r="B32686" s="14" t="s">
        <v>1</v>
      </c>
      <c r="C32686" s="14" t="s">
        <v>23</v>
      </c>
      <c r="D32686" s="14" t="s">
        <v>202</v>
      </c>
      <c r="E32686" s="15">
        <v>45577</v>
      </c>
      <c r="F32686" s="14" t="s">
        <v>53</v>
      </c>
      <c r="G32686" s="16">
        <v>3.1274804170369395</v>
      </c>
    </row>
    <row r="32687" spans="1:7" x14ac:dyDescent="0.3">
      <c r="A32687" s="13" t="s">
        <v>201</v>
      </c>
      <c r="B32687" s="14" t="s">
        <v>1</v>
      </c>
      <c r="C32687" s="14" t="s">
        <v>23</v>
      </c>
      <c r="D32687" s="14" t="s">
        <v>202</v>
      </c>
      <c r="E32687" s="15">
        <v>45578</v>
      </c>
      <c r="F32687" s="14" t="s">
        <v>53</v>
      </c>
      <c r="G32687" s="16">
        <v>3.1274804170369395</v>
      </c>
    </row>
    <row r="32688" spans="1:7" x14ac:dyDescent="0.3">
      <c r="A32688" s="13" t="s">
        <v>201</v>
      </c>
      <c r="B32688" s="14" t="s">
        <v>1</v>
      </c>
      <c r="C32688" s="14" t="s">
        <v>23</v>
      </c>
      <c r="D32688" s="14" t="s">
        <v>202</v>
      </c>
      <c r="E32688" s="15">
        <v>45579</v>
      </c>
      <c r="F32688" s="14" t="s">
        <v>53</v>
      </c>
      <c r="G32688" s="16">
        <v>3.1274804170369395</v>
      </c>
    </row>
    <row r="32689" spans="1:7" x14ac:dyDescent="0.3">
      <c r="A32689" s="13" t="s">
        <v>201</v>
      </c>
      <c r="B32689" s="14" t="s">
        <v>1</v>
      </c>
      <c r="C32689" s="14" t="s">
        <v>23</v>
      </c>
      <c r="D32689" s="14" t="s">
        <v>202</v>
      </c>
      <c r="E32689" s="15">
        <v>45580</v>
      </c>
      <c r="F32689" s="14" t="s">
        <v>53</v>
      </c>
      <c r="G32689" s="16">
        <v>3.1431704828921165</v>
      </c>
    </row>
    <row r="32690" spans="1:7" x14ac:dyDescent="0.3">
      <c r="A32690" s="13" t="s">
        <v>201</v>
      </c>
      <c r="B32690" s="14" t="s">
        <v>1</v>
      </c>
      <c r="C32690" s="14" t="s">
        <v>23</v>
      </c>
      <c r="D32690" s="14" t="s">
        <v>202</v>
      </c>
      <c r="E32690" s="15">
        <v>45581</v>
      </c>
      <c r="F32690" s="14" t="s">
        <v>53</v>
      </c>
      <c r="G32690" s="16">
        <v>3.2295976154864445</v>
      </c>
    </row>
    <row r="32691" spans="1:7" x14ac:dyDescent="0.3">
      <c r="A32691" s="13" t="s">
        <v>201</v>
      </c>
      <c r="B32691" s="14" t="s">
        <v>1</v>
      </c>
      <c r="C32691" s="14" t="s">
        <v>23</v>
      </c>
      <c r="D32691" s="14" t="s">
        <v>202</v>
      </c>
      <c r="E32691" s="15">
        <v>45582</v>
      </c>
      <c r="F32691" s="14" t="s">
        <v>53</v>
      </c>
      <c r="G32691" s="16">
        <v>3.2403709557611742</v>
      </c>
    </row>
    <row r="32692" spans="1:7" x14ac:dyDescent="0.3">
      <c r="A32692" s="13" t="s">
        <v>201</v>
      </c>
      <c r="B32692" s="14" t="s">
        <v>1</v>
      </c>
      <c r="C32692" s="14" t="s">
        <v>23</v>
      </c>
      <c r="D32692" s="14" t="s">
        <v>202</v>
      </c>
      <c r="E32692" s="15">
        <v>45583</v>
      </c>
      <c r="F32692" s="14" t="s">
        <v>53</v>
      </c>
      <c r="G32692" s="16">
        <v>3.2467702713394284</v>
      </c>
    </row>
    <row r="32693" spans="1:7" x14ac:dyDescent="0.3">
      <c r="A32693" s="13" t="s">
        <v>201</v>
      </c>
      <c r="B32693" s="14" t="s">
        <v>1</v>
      </c>
      <c r="C32693" s="14" t="s">
        <v>23</v>
      </c>
      <c r="D32693" s="14" t="s">
        <v>202</v>
      </c>
      <c r="E32693" s="15">
        <v>45584</v>
      </c>
      <c r="F32693" s="14" t="s">
        <v>53</v>
      </c>
      <c r="G32693" s="16">
        <v>3.2467702713394284</v>
      </c>
    </row>
    <row r="32694" spans="1:7" x14ac:dyDescent="0.3">
      <c r="A32694" s="13" t="s">
        <v>201</v>
      </c>
      <c r="B32694" s="14" t="s">
        <v>1</v>
      </c>
      <c r="C32694" s="14" t="s">
        <v>23</v>
      </c>
      <c r="D32694" s="14" t="s">
        <v>202</v>
      </c>
      <c r="E32694" s="15">
        <v>45585</v>
      </c>
      <c r="F32694" s="14" t="s">
        <v>53</v>
      </c>
      <c r="G32694" s="16">
        <v>3.2467702713394284</v>
      </c>
    </row>
    <row r="32695" spans="1:7" x14ac:dyDescent="0.3">
      <c r="A32695" s="13" t="s">
        <v>201</v>
      </c>
      <c r="B32695" s="14" t="s">
        <v>1</v>
      </c>
      <c r="C32695" s="14" t="s">
        <v>23</v>
      </c>
      <c r="D32695" s="14" t="s">
        <v>202</v>
      </c>
      <c r="E32695" s="15">
        <v>45586</v>
      </c>
      <c r="F32695" s="14" t="s">
        <v>53</v>
      </c>
      <c r="G32695" s="16">
        <v>3.2804096548646666</v>
      </c>
    </row>
    <row r="32696" spans="1:7" x14ac:dyDescent="0.3">
      <c r="A32696" s="13" t="s">
        <v>201</v>
      </c>
      <c r="B32696" s="14" t="s">
        <v>1</v>
      </c>
      <c r="C32696" s="14" t="s">
        <v>23</v>
      </c>
      <c r="D32696" s="14" t="s">
        <v>202</v>
      </c>
      <c r="E32696" s="15">
        <v>45587</v>
      </c>
      <c r="F32696" s="14" t="s">
        <v>53</v>
      </c>
      <c r="G32696" s="16">
        <v>3.3302174475566293</v>
      </c>
    </row>
    <row r="32697" spans="1:7" x14ac:dyDescent="0.3">
      <c r="A32697" s="13" t="s">
        <v>201</v>
      </c>
      <c r="B32697" s="14" t="s">
        <v>1</v>
      </c>
      <c r="C32697" s="14" t="s">
        <v>23</v>
      </c>
      <c r="D32697" s="14" t="s">
        <v>202</v>
      </c>
      <c r="E32697" s="15">
        <v>45588</v>
      </c>
      <c r="F32697" s="14" t="s">
        <v>53</v>
      </c>
      <c r="G32697" s="16">
        <v>3.3633308841984588</v>
      </c>
    </row>
    <row r="32698" spans="1:7" x14ac:dyDescent="0.3">
      <c r="A32698" s="13" t="s">
        <v>201</v>
      </c>
      <c r="B32698" s="14" t="s">
        <v>1</v>
      </c>
      <c r="C32698" s="14" t="s">
        <v>23</v>
      </c>
      <c r="D32698" s="14" t="s">
        <v>202</v>
      </c>
      <c r="E32698" s="15">
        <v>45589</v>
      </c>
      <c r="F32698" s="14" t="s">
        <v>53</v>
      </c>
      <c r="G32698" s="16">
        <v>3.3664683220332701</v>
      </c>
    </row>
    <row r="32699" spans="1:7" x14ac:dyDescent="0.3">
      <c r="A32699" s="13" t="s">
        <v>201</v>
      </c>
      <c r="B32699" s="14" t="s">
        <v>1</v>
      </c>
      <c r="C32699" s="14" t="s">
        <v>23</v>
      </c>
      <c r="D32699" s="14" t="s">
        <v>202</v>
      </c>
      <c r="E32699" s="15">
        <v>45590</v>
      </c>
      <c r="F32699" s="14" t="s">
        <v>53</v>
      </c>
      <c r="G32699" s="16">
        <v>3.3861469094456451</v>
      </c>
    </row>
    <row r="32700" spans="1:7" x14ac:dyDescent="0.3">
      <c r="A32700" s="13" t="s">
        <v>201</v>
      </c>
      <c r="B32700" s="14" t="s">
        <v>1</v>
      </c>
      <c r="C32700" s="14" t="s">
        <v>23</v>
      </c>
      <c r="D32700" s="14" t="s">
        <v>202</v>
      </c>
      <c r="E32700" s="15">
        <v>45591</v>
      </c>
      <c r="F32700" s="14" t="s">
        <v>53</v>
      </c>
      <c r="G32700" s="16">
        <v>3.3861469094456451</v>
      </c>
    </row>
    <row r="32701" spans="1:7" x14ac:dyDescent="0.3">
      <c r="A32701" s="13" t="s">
        <v>201</v>
      </c>
      <c r="B32701" s="14" t="s">
        <v>1</v>
      </c>
      <c r="C32701" s="14" t="s">
        <v>23</v>
      </c>
      <c r="D32701" s="14" t="s">
        <v>202</v>
      </c>
      <c r="E32701" s="15">
        <v>45592</v>
      </c>
      <c r="F32701" s="14" t="s">
        <v>53</v>
      </c>
      <c r="G32701" s="16">
        <v>3.3861469094456451</v>
      </c>
    </row>
    <row r="32702" spans="1:7" x14ac:dyDescent="0.3">
      <c r="A32702" s="13" t="s">
        <v>201</v>
      </c>
      <c r="B32702" s="14" t="s">
        <v>1</v>
      </c>
      <c r="C32702" s="14" t="s">
        <v>23</v>
      </c>
      <c r="D32702" s="14" t="s">
        <v>202</v>
      </c>
      <c r="E32702" s="15">
        <v>45593</v>
      </c>
      <c r="F32702" s="14" t="s">
        <v>53</v>
      </c>
      <c r="G32702" s="16">
        <v>3.3861469094456451</v>
      </c>
    </row>
    <row r="32703" spans="1:7" x14ac:dyDescent="0.3">
      <c r="A32703" s="13" t="s">
        <v>201</v>
      </c>
      <c r="B32703" s="14" t="s">
        <v>1</v>
      </c>
      <c r="C32703" s="14" t="s">
        <v>23</v>
      </c>
      <c r="D32703" s="14" t="s">
        <v>202</v>
      </c>
      <c r="E32703" s="15">
        <v>45594</v>
      </c>
      <c r="F32703" s="14" t="s">
        <v>53</v>
      </c>
      <c r="G32703" s="16">
        <v>3.3930409664431074</v>
      </c>
    </row>
    <row r="32704" spans="1:7" x14ac:dyDescent="0.3">
      <c r="A32704" s="13" t="s">
        <v>201</v>
      </c>
      <c r="B32704" s="14" t="s">
        <v>1</v>
      </c>
      <c r="C32704" s="14" t="s">
        <v>23</v>
      </c>
      <c r="D32704" s="14" t="s">
        <v>202</v>
      </c>
      <c r="E32704" s="15">
        <v>45595</v>
      </c>
      <c r="F32704" s="14" t="s">
        <v>53</v>
      </c>
      <c r="G32704" s="16">
        <v>3.4700754465505792</v>
      </c>
    </row>
    <row r="32705" spans="1:7" x14ac:dyDescent="0.3">
      <c r="A32705" s="13" t="s">
        <v>201</v>
      </c>
      <c r="B32705" s="14" t="s">
        <v>1</v>
      </c>
      <c r="C32705" s="14" t="s">
        <v>23</v>
      </c>
      <c r="D32705" s="14" t="s">
        <v>202</v>
      </c>
      <c r="E32705" s="15">
        <v>45596</v>
      </c>
      <c r="F32705" s="14" t="s">
        <v>53</v>
      </c>
      <c r="G32705" s="16">
        <v>3.4919102129596022</v>
      </c>
    </row>
    <row r="32706" spans="1:7" x14ac:dyDescent="0.3">
      <c r="A32706" s="13" t="s">
        <v>201</v>
      </c>
      <c r="B32706" s="14" t="s">
        <v>1</v>
      </c>
      <c r="C32706" s="14" t="s">
        <v>23</v>
      </c>
      <c r="D32706" s="14" t="s">
        <v>202</v>
      </c>
      <c r="E32706" s="15">
        <v>45597</v>
      </c>
      <c r="F32706" s="14" t="s">
        <v>53</v>
      </c>
      <c r="G32706" s="16">
        <v>3.5005854173278301</v>
      </c>
    </row>
    <row r="32707" spans="1:7" x14ac:dyDescent="0.3">
      <c r="A32707" s="13" t="s">
        <v>201</v>
      </c>
      <c r="B32707" s="14" t="s">
        <v>1</v>
      </c>
      <c r="C32707" s="14" t="s">
        <v>23</v>
      </c>
      <c r="D32707" s="14" t="s">
        <v>202</v>
      </c>
      <c r="E32707" s="15">
        <v>45598</v>
      </c>
      <c r="F32707" s="14" t="s">
        <v>53</v>
      </c>
      <c r="G32707" s="16">
        <v>3.5005854173278301</v>
      </c>
    </row>
    <row r="32708" spans="1:7" x14ac:dyDescent="0.3">
      <c r="A32708" s="13" t="s">
        <v>201</v>
      </c>
      <c r="B32708" s="14" t="s">
        <v>1</v>
      </c>
      <c r="C32708" s="14" t="s">
        <v>23</v>
      </c>
      <c r="D32708" s="14" t="s">
        <v>202</v>
      </c>
      <c r="E32708" s="15">
        <v>45599</v>
      </c>
      <c r="F32708" s="14" t="s">
        <v>53</v>
      </c>
      <c r="G32708" s="16">
        <v>3.5005854173278301</v>
      </c>
    </row>
    <row r="32709" spans="1:7" x14ac:dyDescent="0.3">
      <c r="A32709" s="13" t="s">
        <v>201</v>
      </c>
      <c r="B32709" s="14" t="s">
        <v>1</v>
      </c>
      <c r="C32709" s="14" t="s">
        <v>23</v>
      </c>
      <c r="D32709" s="14" t="s">
        <v>202</v>
      </c>
      <c r="E32709" s="15">
        <v>45600</v>
      </c>
      <c r="F32709" s="14" t="s">
        <v>53</v>
      </c>
      <c r="G32709" s="16">
        <v>3.500245452789212</v>
      </c>
    </row>
    <row r="32710" spans="1:7" x14ac:dyDescent="0.3">
      <c r="A32710" s="13" t="s">
        <v>201</v>
      </c>
      <c r="B32710" s="14" t="s">
        <v>1</v>
      </c>
      <c r="C32710" s="14" t="s">
        <v>23</v>
      </c>
      <c r="D32710" s="14" t="s">
        <v>202</v>
      </c>
      <c r="E32710" s="15">
        <v>45601</v>
      </c>
      <c r="F32710" s="14" t="s">
        <v>53</v>
      </c>
      <c r="G32710" s="16">
        <v>3.5259573725330937</v>
      </c>
    </row>
    <row r="32711" spans="1:7" x14ac:dyDescent="0.3">
      <c r="A32711" s="13" t="s">
        <v>201</v>
      </c>
      <c r="B32711" s="14" t="s">
        <v>1</v>
      </c>
      <c r="C32711" s="14" t="s">
        <v>23</v>
      </c>
      <c r="D32711" s="14" t="s">
        <v>202</v>
      </c>
      <c r="E32711" s="15">
        <v>45602</v>
      </c>
      <c r="F32711" s="14" t="s">
        <v>53</v>
      </c>
      <c r="G32711" s="16">
        <v>3.5877369962845571</v>
      </c>
    </row>
    <row r="32712" spans="1:7" x14ac:dyDescent="0.3">
      <c r="A32712" s="13" t="s">
        <v>201</v>
      </c>
      <c r="B32712" s="14" t="s">
        <v>1</v>
      </c>
      <c r="C32712" s="14" t="s">
        <v>23</v>
      </c>
      <c r="D32712" s="14" t="s">
        <v>202</v>
      </c>
      <c r="E32712" s="15">
        <v>45603</v>
      </c>
      <c r="F32712" s="14" t="s">
        <v>53</v>
      </c>
      <c r="G32712" s="16">
        <v>3.5767316549834769</v>
      </c>
    </row>
    <row r="32713" spans="1:7" x14ac:dyDescent="0.3">
      <c r="A32713" s="13" t="s">
        <v>201</v>
      </c>
      <c r="B32713" s="14" t="s">
        <v>1</v>
      </c>
      <c r="C32713" s="14" t="s">
        <v>23</v>
      </c>
      <c r="D32713" s="14" t="s">
        <v>202</v>
      </c>
      <c r="E32713" s="15">
        <v>45604</v>
      </c>
      <c r="F32713" s="14" t="s">
        <v>53</v>
      </c>
      <c r="G32713" s="16">
        <v>3.6118030726715222</v>
      </c>
    </row>
    <row r="32714" spans="1:7" x14ac:dyDescent="0.3">
      <c r="A32714" s="13" t="s">
        <v>201</v>
      </c>
      <c r="B32714" s="14" t="s">
        <v>1</v>
      </c>
      <c r="C32714" s="14" t="s">
        <v>23</v>
      </c>
      <c r="D32714" s="14" t="s">
        <v>202</v>
      </c>
      <c r="E32714" s="15">
        <v>45605</v>
      </c>
      <c r="F32714" s="14" t="s">
        <v>53</v>
      </c>
      <c r="G32714" s="16">
        <v>3.6118030726715222</v>
      </c>
    </row>
    <row r="32715" spans="1:7" x14ac:dyDescent="0.3">
      <c r="A32715" s="13" t="s">
        <v>201</v>
      </c>
      <c r="B32715" s="14" t="s">
        <v>1</v>
      </c>
      <c r="C32715" s="14" t="s">
        <v>23</v>
      </c>
      <c r="D32715" s="14" t="s">
        <v>202</v>
      </c>
      <c r="E32715" s="15">
        <v>45606</v>
      </c>
      <c r="F32715" s="14" t="s">
        <v>53</v>
      </c>
      <c r="G32715" s="16">
        <v>3.6118030726715222</v>
      </c>
    </row>
    <row r="32716" spans="1:7" x14ac:dyDescent="0.3">
      <c r="A32716" s="13" t="s">
        <v>201</v>
      </c>
      <c r="B32716" s="14" t="s">
        <v>1</v>
      </c>
      <c r="C32716" s="14" t="s">
        <v>23</v>
      </c>
      <c r="D32716" s="14" t="s">
        <v>202</v>
      </c>
      <c r="E32716" s="15">
        <v>45607</v>
      </c>
      <c r="F32716" s="14" t="s">
        <v>53</v>
      </c>
      <c r="G32716" s="16">
        <v>3.6118030726715222</v>
      </c>
    </row>
    <row r="32717" spans="1:7" x14ac:dyDescent="0.3">
      <c r="A32717" s="13" t="s">
        <v>201</v>
      </c>
      <c r="B32717" s="14" t="s">
        <v>1</v>
      </c>
      <c r="C32717" s="14" t="s">
        <v>23</v>
      </c>
      <c r="D32717" s="14" t="s">
        <v>202</v>
      </c>
      <c r="E32717" s="15">
        <v>45608</v>
      </c>
      <c r="F32717" s="14" t="s">
        <v>53</v>
      </c>
      <c r="G32717" s="16">
        <v>3.6783161061193037</v>
      </c>
    </row>
    <row r="32718" spans="1:7" x14ac:dyDescent="0.3">
      <c r="A32718" s="13" t="s">
        <v>201</v>
      </c>
      <c r="B32718" s="14" t="s">
        <v>1</v>
      </c>
      <c r="C32718" s="14" t="s">
        <v>23</v>
      </c>
      <c r="D32718" s="14" t="s">
        <v>202</v>
      </c>
      <c r="E32718" s="15">
        <v>45609</v>
      </c>
      <c r="F32718" s="14" t="s">
        <v>53</v>
      </c>
      <c r="G32718" s="16">
        <v>3.7670758095761725</v>
      </c>
    </row>
    <row r="32719" spans="1:7" x14ac:dyDescent="0.3">
      <c r="A32719" s="13" t="s">
        <v>201</v>
      </c>
      <c r="B32719" s="14" t="s">
        <v>1</v>
      </c>
      <c r="C32719" s="14" t="s">
        <v>23</v>
      </c>
      <c r="D32719" s="14" t="s">
        <v>202</v>
      </c>
      <c r="E32719" s="15">
        <v>45610</v>
      </c>
      <c r="F32719" s="14" t="s">
        <v>53</v>
      </c>
      <c r="G32719" s="16">
        <v>3.7971542288929201</v>
      </c>
    </row>
    <row r="32720" spans="1:7" x14ac:dyDescent="0.3">
      <c r="A32720" s="13" t="s">
        <v>201</v>
      </c>
      <c r="B32720" s="14" t="s">
        <v>1</v>
      </c>
      <c r="C32720" s="14" t="s">
        <v>23</v>
      </c>
      <c r="D32720" s="14" t="s">
        <v>202</v>
      </c>
      <c r="E32720" s="15">
        <v>45611</v>
      </c>
      <c r="F32720" s="14" t="s">
        <v>53</v>
      </c>
      <c r="G32720" s="16">
        <v>3.8260756270702023</v>
      </c>
    </row>
    <row r="32721" spans="1:7" x14ac:dyDescent="0.3">
      <c r="A32721" s="13" t="s">
        <v>201</v>
      </c>
      <c r="B32721" s="14" t="s">
        <v>1</v>
      </c>
      <c r="C32721" s="14" t="s">
        <v>23</v>
      </c>
      <c r="D32721" s="14" t="s">
        <v>202</v>
      </c>
      <c r="E32721" s="15">
        <v>45612</v>
      </c>
      <c r="F32721" s="14" t="s">
        <v>53</v>
      </c>
      <c r="G32721" s="16">
        <v>3.8260756270702023</v>
      </c>
    </row>
    <row r="32722" spans="1:7" x14ac:dyDescent="0.3">
      <c r="A32722" s="13" t="s">
        <v>201</v>
      </c>
      <c r="B32722" s="14" t="s">
        <v>1</v>
      </c>
      <c r="C32722" s="14" t="s">
        <v>23</v>
      </c>
      <c r="D32722" s="14" t="s">
        <v>202</v>
      </c>
      <c r="E32722" s="15">
        <v>45613</v>
      </c>
      <c r="F32722" s="14" t="s">
        <v>53</v>
      </c>
      <c r="G32722" s="16">
        <v>3.8260756270702023</v>
      </c>
    </row>
    <row r="32723" spans="1:7" x14ac:dyDescent="0.3">
      <c r="A32723" s="13" t="s">
        <v>201</v>
      </c>
      <c r="B32723" s="14" t="s">
        <v>1</v>
      </c>
      <c r="C32723" s="14" t="s">
        <v>23</v>
      </c>
      <c r="D32723" s="14" t="s">
        <v>202</v>
      </c>
      <c r="E32723" s="15">
        <v>45614</v>
      </c>
      <c r="F32723" s="14" t="s">
        <v>53</v>
      </c>
      <c r="G32723" s="16">
        <v>3.8240669323709069</v>
      </c>
    </row>
    <row r="32724" spans="1:7" x14ac:dyDescent="0.3">
      <c r="A32724" s="13" t="s">
        <v>201</v>
      </c>
      <c r="B32724" s="14" t="s">
        <v>1</v>
      </c>
      <c r="C32724" s="14" t="s">
        <v>23</v>
      </c>
      <c r="D32724" s="14" t="s">
        <v>202</v>
      </c>
      <c r="E32724" s="15">
        <v>45615</v>
      </c>
      <c r="F32724" s="14" t="s">
        <v>53</v>
      </c>
      <c r="G32724" s="16">
        <v>3.8706795682953934</v>
      </c>
    </row>
    <row r="32725" spans="1:7" x14ac:dyDescent="0.3">
      <c r="A32725" s="13" t="s">
        <v>201</v>
      </c>
      <c r="B32725" s="14" t="s">
        <v>1</v>
      </c>
      <c r="C32725" s="14" t="s">
        <v>23</v>
      </c>
      <c r="D32725" s="14" t="s">
        <v>202</v>
      </c>
      <c r="E32725" s="15">
        <v>45616</v>
      </c>
      <c r="F32725" s="14" t="s">
        <v>53</v>
      </c>
      <c r="G32725" s="16">
        <v>3.8962032594736473</v>
      </c>
    </row>
    <row r="32726" spans="1:7" x14ac:dyDescent="0.3">
      <c r="A32726" s="13" t="s">
        <v>201</v>
      </c>
      <c r="B32726" s="14" t="s">
        <v>1</v>
      </c>
      <c r="C32726" s="14" t="s">
        <v>23</v>
      </c>
      <c r="D32726" s="14" t="s">
        <v>202</v>
      </c>
      <c r="E32726" s="15">
        <v>45617</v>
      </c>
      <c r="F32726" s="14" t="s">
        <v>53</v>
      </c>
      <c r="G32726" s="16">
        <v>3.9322003739285427</v>
      </c>
    </row>
    <row r="32727" spans="1:7" x14ac:dyDescent="0.3">
      <c r="A32727" s="13" t="s">
        <v>201</v>
      </c>
      <c r="B32727" s="14" t="s">
        <v>1</v>
      </c>
      <c r="C32727" s="14" t="s">
        <v>23</v>
      </c>
      <c r="D32727" s="14" t="s">
        <v>202</v>
      </c>
      <c r="E32727" s="15">
        <v>45618</v>
      </c>
      <c r="F32727" s="14" t="s">
        <v>53</v>
      </c>
      <c r="G32727" s="16">
        <v>3.9668705113604701</v>
      </c>
    </row>
    <row r="32728" spans="1:7" x14ac:dyDescent="0.3">
      <c r="A32728" s="13" t="s">
        <v>201</v>
      </c>
      <c r="B32728" s="14" t="s">
        <v>1</v>
      </c>
      <c r="C32728" s="14" t="s">
        <v>23</v>
      </c>
      <c r="D32728" s="14" t="s">
        <v>202</v>
      </c>
      <c r="E32728" s="15">
        <v>45619</v>
      </c>
      <c r="F32728" s="14" t="s">
        <v>53</v>
      </c>
      <c r="G32728" s="16">
        <v>3.9668705113604701</v>
      </c>
    </row>
    <row r="32729" spans="1:7" x14ac:dyDescent="0.3">
      <c r="A32729" s="13" t="s">
        <v>201</v>
      </c>
      <c r="B32729" s="14" t="s">
        <v>1</v>
      </c>
      <c r="C32729" s="14" t="s">
        <v>23</v>
      </c>
      <c r="D32729" s="14" t="s">
        <v>202</v>
      </c>
      <c r="E32729" s="15">
        <v>45620</v>
      </c>
      <c r="F32729" s="14" t="s">
        <v>53</v>
      </c>
      <c r="G32729" s="16">
        <v>3.9668705113604701</v>
      </c>
    </row>
    <row r="32730" spans="1:7" x14ac:dyDescent="0.3">
      <c r="A32730" s="13" t="s">
        <v>201</v>
      </c>
      <c r="B32730" s="14" t="s">
        <v>1</v>
      </c>
      <c r="C32730" s="14" t="s">
        <v>23</v>
      </c>
      <c r="D32730" s="14" t="s">
        <v>202</v>
      </c>
      <c r="E32730" s="15">
        <v>45621</v>
      </c>
      <c r="F32730" s="14" t="s">
        <v>53</v>
      </c>
      <c r="G32730" s="16">
        <v>3.9715077143493502</v>
      </c>
    </row>
    <row r="32731" spans="1:7" x14ac:dyDescent="0.3">
      <c r="A32731" s="13" t="s">
        <v>201</v>
      </c>
      <c r="B32731" s="14" t="s">
        <v>1</v>
      </c>
      <c r="C32731" s="14" t="s">
        <v>23</v>
      </c>
      <c r="D32731" s="14" t="s">
        <v>202</v>
      </c>
      <c r="E32731" s="15">
        <v>45622</v>
      </c>
      <c r="F32731" s="14" t="s">
        <v>53</v>
      </c>
      <c r="G32731" s="16">
        <v>4.0191672541980568</v>
      </c>
    </row>
    <row r="32732" spans="1:7" x14ac:dyDescent="0.3">
      <c r="A32732" s="13" t="s">
        <v>201</v>
      </c>
      <c r="B32732" s="14" t="s">
        <v>1</v>
      </c>
      <c r="C32732" s="14" t="s">
        <v>23</v>
      </c>
      <c r="D32732" s="14" t="s">
        <v>202</v>
      </c>
      <c r="E32732" s="15">
        <v>45623</v>
      </c>
      <c r="F32732" s="14" t="s">
        <v>53</v>
      </c>
      <c r="G32732" s="16">
        <v>3.9998482634057777</v>
      </c>
    </row>
    <row r="32733" spans="1:7" x14ac:dyDescent="0.3">
      <c r="A32733" s="13" t="s">
        <v>201</v>
      </c>
      <c r="B32733" s="14" t="s">
        <v>1</v>
      </c>
      <c r="C32733" s="14" t="s">
        <v>23</v>
      </c>
      <c r="D32733" s="14" t="s">
        <v>202</v>
      </c>
      <c r="E32733" s="15">
        <v>45624</v>
      </c>
      <c r="F32733" s="14" t="s">
        <v>53</v>
      </c>
      <c r="G32733" s="16">
        <v>3.9998482634057777</v>
      </c>
    </row>
    <row r="32734" spans="1:7" x14ac:dyDescent="0.3">
      <c r="A32734" s="13" t="s">
        <v>201</v>
      </c>
      <c r="B32734" s="14" t="s">
        <v>1</v>
      </c>
      <c r="C32734" s="14" t="s">
        <v>23</v>
      </c>
      <c r="D32734" s="14" t="s">
        <v>202</v>
      </c>
      <c r="E32734" s="15">
        <v>45625</v>
      </c>
      <c r="F32734" s="14" t="s">
        <v>53</v>
      </c>
      <c r="G32734" s="16">
        <v>4.0021364757026419</v>
      </c>
    </row>
    <row r="32735" spans="1:7" x14ac:dyDescent="0.3">
      <c r="A32735" s="13" t="s">
        <v>201</v>
      </c>
      <c r="B32735" s="14" t="s">
        <v>1</v>
      </c>
      <c r="C32735" s="14" t="s">
        <v>23</v>
      </c>
      <c r="D32735" s="14" t="s">
        <v>202</v>
      </c>
      <c r="E32735" s="15">
        <v>45626</v>
      </c>
      <c r="F32735" s="14" t="s">
        <v>53</v>
      </c>
      <c r="G32735" s="16">
        <v>4.0021364757026419</v>
      </c>
    </row>
    <row r="32736" spans="1:7" x14ac:dyDescent="0.3">
      <c r="A32736" s="13" t="s">
        <v>201</v>
      </c>
      <c r="B32736" s="14" t="s">
        <v>1</v>
      </c>
      <c r="C32736" s="14" t="s">
        <v>23</v>
      </c>
      <c r="D32736" s="14" t="s">
        <v>202</v>
      </c>
      <c r="E32736" s="15">
        <v>45627</v>
      </c>
      <c r="F32736" s="14" t="s">
        <v>53</v>
      </c>
      <c r="G32736" s="16">
        <v>4.0021364757026419</v>
      </c>
    </row>
    <row r="32737" spans="1:7" x14ac:dyDescent="0.3">
      <c r="A32737" s="13" t="s">
        <v>201</v>
      </c>
      <c r="B32737" s="14" t="s">
        <v>1</v>
      </c>
      <c r="C32737" s="14" t="s">
        <v>23</v>
      </c>
      <c r="D32737" s="14" t="s">
        <v>202</v>
      </c>
      <c r="E32737" s="15">
        <v>45628</v>
      </c>
      <c r="F32737" s="14" t="s">
        <v>53</v>
      </c>
      <c r="G32737" s="16">
        <v>4.0600791060026671</v>
      </c>
    </row>
    <row r="32738" spans="1:7" x14ac:dyDescent="0.3">
      <c r="A32738" s="13" t="s">
        <v>201</v>
      </c>
      <c r="B32738" s="14" t="s">
        <v>1</v>
      </c>
      <c r="C32738" s="14" t="s">
        <v>23</v>
      </c>
      <c r="D32738" s="14" t="s">
        <v>202</v>
      </c>
      <c r="E32738" s="15">
        <v>45629</v>
      </c>
      <c r="F32738" s="14" t="s">
        <v>53</v>
      </c>
      <c r="G32738" s="16">
        <v>4.088792010112047</v>
      </c>
    </row>
    <row r="32739" spans="1:7" x14ac:dyDescent="0.3">
      <c r="A32739" s="13" t="s">
        <v>201</v>
      </c>
      <c r="B32739" s="14" t="s">
        <v>1</v>
      </c>
      <c r="C32739" s="14" t="s">
        <v>23</v>
      </c>
      <c r="D32739" s="14" t="s">
        <v>202</v>
      </c>
      <c r="E32739" s="15">
        <v>45630</v>
      </c>
      <c r="F32739" s="14" t="s">
        <v>53</v>
      </c>
      <c r="G32739" s="16">
        <v>4.0933988532745831</v>
      </c>
    </row>
    <row r="32740" spans="1:7" x14ac:dyDescent="0.3">
      <c r="A32740" s="13" t="s">
        <v>201</v>
      </c>
      <c r="B32740" s="14" t="s">
        <v>1</v>
      </c>
      <c r="C32740" s="14" t="s">
        <v>23</v>
      </c>
      <c r="D32740" s="14" t="s">
        <v>202</v>
      </c>
      <c r="E32740" s="15">
        <v>45631</v>
      </c>
      <c r="F32740" s="14" t="s">
        <v>53</v>
      </c>
      <c r="G32740" s="16">
        <v>4.0926223460282269</v>
      </c>
    </row>
    <row r="32741" spans="1:7" x14ac:dyDescent="0.3">
      <c r="A32741" s="13" t="s">
        <v>201</v>
      </c>
      <c r="B32741" s="14" t="s">
        <v>1</v>
      </c>
      <c r="C32741" s="14" t="s">
        <v>23</v>
      </c>
      <c r="D32741" s="14" t="s">
        <v>202</v>
      </c>
      <c r="E32741" s="15">
        <v>45632</v>
      </c>
      <c r="F32741" s="14" t="s">
        <v>53</v>
      </c>
      <c r="G32741" s="16">
        <v>4.1140049305751143</v>
      </c>
    </row>
    <row r="32742" spans="1:7" x14ac:dyDescent="0.3">
      <c r="A32742" s="13" t="s">
        <v>201</v>
      </c>
      <c r="B32742" s="14" t="s">
        <v>1</v>
      </c>
      <c r="C32742" s="14" t="s">
        <v>23</v>
      </c>
      <c r="D32742" s="14" t="s">
        <v>202</v>
      </c>
      <c r="E32742" s="15">
        <v>45633</v>
      </c>
      <c r="F32742" s="14" t="s">
        <v>53</v>
      </c>
      <c r="G32742" s="16">
        <v>4.1140049305751143</v>
      </c>
    </row>
    <row r="32743" spans="1:7" x14ac:dyDescent="0.3">
      <c r="A32743" s="13" t="s">
        <v>201</v>
      </c>
      <c r="B32743" s="14" t="s">
        <v>1</v>
      </c>
      <c r="C32743" s="14" t="s">
        <v>23</v>
      </c>
      <c r="D32743" s="14" t="s">
        <v>202</v>
      </c>
      <c r="E32743" s="15">
        <v>45634</v>
      </c>
      <c r="F32743" s="14" t="s">
        <v>53</v>
      </c>
      <c r="G32743" s="16">
        <v>4.1140049305751143</v>
      </c>
    </row>
    <row r="32744" spans="1:7" x14ac:dyDescent="0.3">
      <c r="A32744" s="13" t="s">
        <v>201</v>
      </c>
      <c r="B32744" s="14" t="s">
        <v>1</v>
      </c>
      <c r="C32744" s="14" t="s">
        <v>23</v>
      </c>
      <c r="D32744" s="14" t="s">
        <v>202</v>
      </c>
      <c r="E32744" s="15">
        <v>45635</v>
      </c>
      <c r="F32744" s="14" t="s">
        <v>53</v>
      </c>
      <c r="G32744" s="16">
        <v>4.1356883570379877</v>
      </c>
    </row>
    <row r="32745" spans="1:7" x14ac:dyDescent="0.3">
      <c r="A32745" s="13" t="s">
        <v>201</v>
      </c>
      <c r="B32745" s="14" t="s">
        <v>1</v>
      </c>
      <c r="C32745" s="14" t="s">
        <v>23</v>
      </c>
      <c r="D32745" s="14" t="s">
        <v>202</v>
      </c>
      <c r="E32745" s="15">
        <v>45636</v>
      </c>
      <c r="F32745" s="14" t="s">
        <v>53</v>
      </c>
      <c r="G32745" s="16">
        <v>4.1759591976075807</v>
      </c>
    </row>
    <row r="32746" spans="1:7" x14ac:dyDescent="0.3">
      <c r="A32746" s="13" t="s">
        <v>201</v>
      </c>
      <c r="B32746" s="14" t="s">
        <v>1</v>
      </c>
      <c r="C32746" s="14" t="s">
        <v>23</v>
      </c>
      <c r="D32746" s="14" t="s">
        <v>202</v>
      </c>
      <c r="E32746" s="15">
        <v>45637</v>
      </c>
      <c r="F32746" s="14" t="s">
        <v>53</v>
      </c>
      <c r="G32746" s="16">
        <v>4.1993940589074876</v>
      </c>
    </row>
    <row r="32747" spans="1:7" x14ac:dyDescent="0.3">
      <c r="A32747" s="13" t="s">
        <v>201</v>
      </c>
      <c r="B32747" s="14" t="s">
        <v>1</v>
      </c>
      <c r="C32747" s="14" t="s">
        <v>23</v>
      </c>
      <c r="D32747" s="14" t="s">
        <v>202</v>
      </c>
      <c r="E32747" s="15">
        <v>45638</v>
      </c>
      <c r="F32747" s="14" t="s">
        <v>53</v>
      </c>
      <c r="G32747" s="16">
        <v>4.2402309479510292</v>
      </c>
    </row>
    <row r="32748" spans="1:7" x14ac:dyDescent="0.3">
      <c r="A32748" s="13" t="s">
        <v>201</v>
      </c>
      <c r="B32748" s="14" t="s">
        <v>1</v>
      </c>
      <c r="C32748" s="14" t="s">
        <v>23</v>
      </c>
      <c r="D32748" s="14" t="s">
        <v>202</v>
      </c>
      <c r="E32748" s="15">
        <v>45639</v>
      </c>
      <c r="F32748" s="14" t="s">
        <v>53</v>
      </c>
      <c r="G32748" s="16">
        <v>4.2761099294068625</v>
      </c>
    </row>
    <row r="32749" spans="1:7" x14ac:dyDescent="0.3">
      <c r="A32749" s="13" t="s">
        <v>201</v>
      </c>
      <c r="B32749" s="14" t="s">
        <v>1</v>
      </c>
      <c r="C32749" s="14" t="s">
        <v>23</v>
      </c>
      <c r="D32749" s="14" t="s">
        <v>202</v>
      </c>
      <c r="E32749" s="15">
        <v>45640</v>
      </c>
      <c r="F32749" s="14" t="s">
        <v>53</v>
      </c>
      <c r="G32749" s="16">
        <v>4.2761099294068625</v>
      </c>
    </row>
    <row r="32750" spans="1:7" x14ac:dyDescent="0.3">
      <c r="A32750" s="13" t="s">
        <v>201</v>
      </c>
      <c r="B32750" s="14" t="s">
        <v>1</v>
      </c>
      <c r="C32750" s="14" t="s">
        <v>23</v>
      </c>
      <c r="D32750" s="14" t="s">
        <v>202</v>
      </c>
      <c r="E32750" s="15">
        <v>45641</v>
      </c>
      <c r="F32750" s="14" t="s">
        <v>53</v>
      </c>
      <c r="G32750" s="16">
        <v>4.2761099294068625</v>
      </c>
    </row>
    <row r="32751" spans="1:7" x14ac:dyDescent="0.3">
      <c r="A32751" s="13" t="s">
        <v>201</v>
      </c>
      <c r="B32751" s="14" t="s">
        <v>1</v>
      </c>
      <c r="C32751" s="14" t="s">
        <v>23</v>
      </c>
      <c r="D32751" s="14" t="s">
        <v>202</v>
      </c>
      <c r="E32751" s="15">
        <v>45642</v>
      </c>
      <c r="F32751" s="14" t="s">
        <v>53</v>
      </c>
      <c r="G32751" s="16">
        <v>4.2721924568521725</v>
      </c>
    </row>
    <row r="32752" spans="1:7" x14ac:dyDescent="0.3">
      <c r="A32752" s="13" t="s">
        <v>201</v>
      </c>
      <c r="B32752" s="14" t="s">
        <v>1</v>
      </c>
      <c r="C32752" s="14" t="s">
        <v>23</v>
      </c>
      <c r="D32752" s="14" t="s">
        <v>202</v>
      </c>
      <c r="E32752" s="15">
        <v>45643</v>
      </c>
      <c r="F32752" s="14" t="s">
        <v>53</v>
      </c>
      <c r="G32752" s="16">
        <v>4.3089528929931262</v>
      </c>
    </row>
    <row r="32753" spans="1:7" x14ac:dyDescent="0.3">
      <c r="A32753" s="13" t="s">
        <v>201</v>
      </c>
      <c r="B32753" s="14" t="s">
        <v>1</v>
      </c>
      <c r="C32753" s="14" t="s">
        <v>23</v>
      </c>
      <c r="D32753" s="14" t="s">
        <v>202</v>
      </c>
      <c r="E32753" s="15">
        <v>45644</v>
      </c>
      <c r="F32753" s="14" t="s">
        <v>53</v>
      </c>
      <c r="G32753" s="16">
        <v>4.3726957428229722</v>
      </c>
    </row>
    <row r="32754" spans="1:7" x14ac:dyDescent="0.3">
      <c r="A32754" s="13" t="s">
        <v>201</v>
      </c>
      <c r="B32754" s="14" t="s">
        <v>1</v>
      </c>
      <c r="C32754" s="14" t="s">
        <v>23</v>
      </c>
      <c r="D32754" s="14" t="s">
        <v>202</v>
      </c>
      <c r="E32754" s="15">
        <v>45645</v>
      </c>
      <c r="F32754" s="14" t="s">
        <v>53</v>
      </c>
      <c r="G32754" s="16">
        <v>4.412554815986514</v>
      </c>
    </row>
    <row r="32755" spans="1:7" x14ac:dyDescent="0.3">
      <c r="A32755" s="13" t="s">
        <v>201</v>
      </c>
      <c r="B32755" s="14" t="s">
        <v>1</v>
      </c>
      <c r="C32755" s="14" t="s">
        <v>23</v>
      </c>
      <c r="D32755" s="14" t="s">
        <v>202</v>
      </c>
      <c r="E32755" s="15">
        <v>45646</v>
      </c>
      <c r="F32755" s="14" t="s">
        <v>53</v>
      </c>
      <c r="G32755" s="16">
        <v>4.4053891104256362</v>
      </c>
    </row>
    <row r="32756" spans="1:7" x14ac:dyDescent="0.3">
      <c r="A32756" s="13" t="s">
        <v>201</v>
      </c>
      <c r="B32756" s="14" t="s">
        <v>1</v>
      </c>
      <c r="C32756" s="14" t="s">
        <v>23</v>
      </c>
      <c r="D32756" s="14" t="s">
        <v>202</v>
      </c>
      <c r="E32756" s="15">
        <v>45647</v>
      </c>
      <c r="F32756" s="14" t="s">
        <v>53</v>
      </c>
      <c r="G32756" s="16">
        <v>4.4053891104256362</v>
      </c>
    </row>
    <row r="32757" spans="1:7" x14ac:dyDescent="0.3">
      <c r="A32757" s="13" t="s">
        <v>201</v>
      </c>
      <c r="B32757" s="14" t="s">
        <v>1</v>
      </c>
      <c r="C32757" s="14" t="s">
        <v>23</v>
      </c>
      <c r="D32757" s="14" t="s">
        <v>202</v>
      </c>
      <c r="E32757" s="15">
        <v>45648</v>
      </c>
      <c r="F32757" s="14" t="s">
        <v>53</v>
      </c>
      <c r="G32757" s="16">
        <v>4.4053891104256362</v>
      </c>
    </row>
    <row r="32758" spans="1:7" x14ac:dyDescent="0.3">
      <c r="A32758" s="13" t="s">
        <v>201</v>
      </c>
      <c r="B32758" s="14" t="s">
        <v>1</v>
      </c>
      <c r="C32758" s="14" t="s">
        <v>23</v>
      </c>
      <c r="D32758" s="14" t="s">
        <v>202</v>
      </c>
      <c r="E32758" s="15">
        <v>45649</v>
      </c>
      <c r="F32758" s="14" t="s">
        <v>53</v>
      </c>
      <c r="G32758" s="16">
        <v>4.3950956489537862</v>
      </c>
    </row>
    <row r="32759" spans="1:7" x14ac:dyDescent="0.3">
      <c r="A32759" s="13" t="s">
        <v>201</v>
      </c>
      <c r="B32759" s="14" t="s">
        <v>1</v>
      </c>
      <c r="C32759" s="14" t="s">
        <v>23</v>
      </c>
      <c r="D32759" s="14" t="s">
        <v>202</v>
      </c>
      <c r="E32759" s="15">
        <v>45650</v>
      </c>
      <c r="F32759" s="14" t="s">
        <v>53</v>
      </c>
      <c r="G32759" s="16">
        <v>4.4312702036088192</v>
      </c>
    </row>
    <row r="32760" spans="1:7" x14ac:dyDescent="0.3">
      <c r="A32760" s="13" t="s">
        <v>201</v>
      </c>
      <c r="B32760" s="14" t="s">
        <v>1</v>
      </c>
      <c r="C32760" s="14" t="s">
        <v>23</v>
      </c>
      <c r="D32760" s="14" t="s">
        <v>202</v>
      </c>
      <c r="E32760" s="15">
        <v>45651</v>
      </c>
      <c r="F32760" s="14" t="s">
        <v>53</v>
      </c>
      <c r="G32760" s="16">
        <v>4.4312702036088192</v>
      </c>
    </row>
    <row r="32761" spans="1:7" x14ac:dyDescent="0.3">
      <c r="A32761" s="13" t="s">
        <v>201</v>
      </c>
      <c r="B32761" s="14" t="s">
        <v>1</v>
      </c>
      <c r="C32761" s="14" t="s">
        <v>23</v>
      </c>
      <c r="D32761" s="14" t="s">
        <v>202</v>
      </c>
      <c r="E32761" s="15">
        <v>45652</v>
      </c>
      <c r="F32761" s="14" t="s">
        <v>53</v>
      </c>
      <c r="G32761" s="16">
        <v>4.4312702036088192</v>
      </c>
    </row>
    <row r="32762" spans="1:7" x14ac:dyDescent="0.3">
      <c r="A32762" s="13" t="s">
        <v>201</v>
      </c>
      <c r="B32762" s="14" t="s">
        <v>1</v>
      </c>
      <c r="C32762" s="14" t="s">
        <v>23</v>
      </c>
      <c r="D32762" s="14" t="s">
        <v>202</v>
      </c>
      <c r="E32762" s="15">
        <v>45653</v>
      </c>
      <c r="F32762" s="14" t="s">
        <v>53</v>
      </c>
      <c r="G32762" s="16">
        <v>4.4312702036088192</v>
      </c>
    </row>
    <row r="32763" spans="1:7" x14ac:dyDescent="0.3">
      <c r="A32763" s="13" t="s">
        <v>201</v>
      </c>
      <c r="B32763" s="14" t="s">
        <v>1</v>
      </c>
      <c r="C32763" s="14" t="s">
        <v>23</v>
      </c>
      <c r="D32763" s="14" t="s">
        <v>202</v>
      </c>
      <c r="E32763" s="15">
        <v>45654</v>
      </c>
      <c r="F32763" s="14" t="s">
        <v>53</v>
      </c>
      <c r="G32763" s="16">
        <v>4.4312702036088192</v>
      </c>
    </row>
    <row r="32764" spans="1:7" x14ac:dyDescent="0.3">
      <c r="A32764" s="13" t="s">
        <v>201</v>
      </c>
      <c r="B32764" s="14" t="s">
        <v>1</v>
      </c>
      <c r="C32764" s="14" t="s">
        <v>23</v>
      </c>
      <c r="D32764" s="14" t="s">
        <v>202</v>
      </c>
      <c r="E32764" s="15">
        <v>45655</v>
      </c>
      <c r="F32764" s="14" t="s">
        <v>53</v>
      </c>
      <c r="G32764" s="16">
        <v>4.4312702036088192</v>
      </c>
    </row>
    <row r="32765" spans="1:7" x14ac:dyDescent="0.3">
      <c r="A32765" s="13" t="s">
        <v>201</v>
      </c>
      <c r="B32765" s="14" t="s">
        <v>1</v>
      </c>
      <c r="C32765" s="14" t="s">
        <v>23</v>
      </c>
      <c r="D32765" s="14" t="s">
        <v>202</v>
      </c>
      <c r="E32765" s="15">
        <v>45656</v>
      </c>
      <c r="F32765" s="14" t="s">
        <v>53</v>
      </c>
      <c r="G32765" s="16">
        <v>4.4462367300807033</v>
      </c>
    </row>
    <row r="32766" spans="1:7" x14ac:dyDescent="0.3">
      <c r="A32766" s="13" t="s">
        <v>201</v>
      </c>
      <c r="B32766" s="14" t="s">
        <v>1</v>
      </c>
      <c r="C32766" s="14" t="s">
        <v>23</v>
      </c>
      <c r="D32766" s="14" t="s">
        <v>202</v>
      </c>
      <c r="E32766" s="15">
        <v>45657</v>
      </c>
      <c r="F32766" s="14" t="s">
        <v>53</v>
      </c>
      <c r="G32766" s="16">
        <v>4.5565020975947332</v>
      </c>
    </row>
    <row r="32767" spans="1:7" x14ac:dyDescent="0.3">
      <c r="A32767" s="13" t="s">
        <v>201</v>
      </c>
      <c r="B32767" s="14" t="s">
        <v>1</v>
      </c>
      <c r="C32767" s="14" t="s">
        <v>23</v>
      </c>
      <c r="D32767" s="14" t="s">
        <v>202</v>
      </c>
      <c r="E32767" s="15">
        <v>45658</v>
      </c>
      <c r="F32767" s="14" t="s">
        <v>53</v>
      </c>
      <c r="G32767" s="16">
        <v>4.5565020975947332</v>
      </c>
    </row>
    <row r="32768" spans="1:7" x14ac:dyDescent="0.3">
      <c r="A32768" s="13" t="s">
        <v>201</v>
      </c>
      <c r="B32768" s="14" t="s">
        <v>1</v>
      </c>
      <c r="C32768" s="14" t="s">
        <v>23</v>
      </c>
      <c r="D32768" s="14" t="s">
        <v>202</v>
      </c>
      <c r="E32768" s="15">
        <v>45659</v>
      </c>
      <c r="F32768" s="14" t="s">
        <v>53</v>
      </c>
      <c r="G32768" s="16">
        <v>4.6208176944650292</v>
      </c>
    </row>
    <row r="32769" spans="1:7" x14ac:dyDescent="0.3">
      <c r="A32769" s="13" t="s">
        <v>201</v>
      </c>
      <c r="B32769" s="14" t="s">
        <v>1</v>
      </c>
      <c r="C32769" s="14" t="s">
        <v>23</v>
      </c>
      <c r="D32769" s="14" t="s">
        <v>202</v>
      </c>
      <c r="E32769" s="15">
        <v>45660</v>
      </c>
      <c r="F32769" s="14" t="s">
        <v>53</v>
      </c>
      <c r="G32769" s="16">
        <v>4.6270261979751099</v>
      </c>
    </row>
    <row r="32770" spans="1:7" x14ac:dyDescent="0.3">
      <c r="A32770" s="13" t="s">
        <v>201</v>
      </c>
      <c r="B32770" s="14" t="s">
        <v>1</v>
      </c>
      <c r="C32770" s="14" t="s">
        <v>23</v>
      </c>
      <c r="D32770" s="14" t="s">
        <v>202</v>
      </c>
      <c r="E32770" s="15">
        <v>45661</v>
      </c>
      <c r="F32770" s="14" t="s">
        <v>53</v>
      </c>
      <c r="G32770" s="16">
        <v>4.6270261979751099</v>
      </c>
    </row>
    <row r="32771" spans="1:7" x14ac:dyDescent="0.3">
      <c r="A32771" s="13" t="s">
        <v>201</v>
      </c>
      <c r="B32771" s="14" t="s">
        <v>1</v>
      </c>
      <c r="C32771" s="14" t="s">
        <v>23</v>
      </c>
      <c r="D32771" s="14" t="s">
        <v>202</v>
      </c>
      <c r="E32771" s="15">
        <v>45662</v>
      </c>
      <c r="F32771" s="14" t="s">
        <v>53</v>
      </c>
      <c r="G32771" s="16">
        <v>4.6270261979751099</v>
      </c>
    </row>
    <row r="32772" spans="1:7" x14ac:dyDescent="0.3">
      <c r="A32772" s="13" t="s">
        <v>201</v>
      </c>
      <c r="B32772" s="14" t="s">
        <v>1</v>
      </c>
      <c r="C32772" s="14" t="s">
        <v>23</v>
      </c>
      <c r="D32772" s="14" t="s">
        <v>202</v>
      </c>
      <c r="E32772" s="15">
        <v>45663</v>
      </c>
      <c r="F32772" s="14" t="s">
        <v>53</v>
      </c>
      <c r="G32772" s="16">
        <v>4.6057708270493443</v>
      </c>
    </row>
    <row r="32773" spans="1:7" x14ac:dyDescent="0.3">
      <c r="A32773" s="13" t="s">
        <v>201</v>
      </c>
      <c r="B32773" s="14" t="s">
        <v>1</v>
      </c>
      <c r="C32773" s="14" t="s">
        <v>23</v>
      </c>
      <c r="D32773" s="14" t="s">
        <v>202</v>
      </c>
      <c r="E32773" s="15">
        <v>45664</v>
      </c>
      <c r="F32773" s="14" t="s">
        <v>53</v>
      </c>
      <c r="G32773" s="16">
        <v>4.6690037973872585</v>
      </c>
    </row>
    <row r="32774" spans="1:7" x14ac:dyDescent="0.3">
      <c r="A32774" s="13" t="s">
        <v>201</v>
      </c>
      <c r="B32774" s="14" t="s">
        <v>1</v>
      </c>
      <c r="C32774" s="14" t="s">
        <v>23</v>
      </c>
      <c r="D32774" s="14" t="s">
        <v>202</v>
      </c>
      <c r="E32774" s="15">
        <v>45665</v>
      </c>
      <c r="F32774" s="14" t="s">
        <v>53</v>
      </c>
      <c r="G32774" s="16">
        <v>4.7314543115384948</v>
      </c>
    </row>
    <row r="32775" spans="1:7" x14ac:dyDescent="0.3">
      <c r="A32775" s="13" t="s">
        <v>201</v>
      </c>
      <c r="B32775" s="14" t="s">
        <v>1</v>
      </c>
      <c r="C32775" s="14" t="s">
        <v>23</v>
      </c>
      <c r="D32775" s="14" t="s">
        <v>202</v>
      </c>
      <c r="E32775" s="15">
        <v>45666</v>
      </c>
      <c r="F32775" s="14" t="s">
        <v>53</v>
      </c>
      <c r="G32775" s="16">
        <v>4.7314543115384948</v>
      </c>
    </row>
    <row r="32776" spans="1:7" x14ac:dyDescent="0.3">
      <c r="A32776" s="13" t="s">
        <v>201</v>
      </c>
      <c r="B32776" s="14" t="s">
        <v>1</v>
      </c>
      <c r="C32776" s="14" t="s">
        <v>23</v>
      </c>
      <c r="D32776" s="14" t="s">
        <v>202</v>
      </c>
      <c r="E32776" s="15">
        <v>45667</v>
      </c>
      <c r="F32776" s="14" t="s">
        <v>53</v>
      </c>
      <c r="G32776" s="16">
        <v>4.8109525135818529</v>
      </c>
    </row>
    <row r="32777" spans="1:7" x14ac:dyDescent="0.3">
      <c r="A32777" s="13" t="s">
        <v>201</v>
      </c>
      <c r="B32777" s="14" t="s">
        <v>1</v>
      </c>
      <c r="C32777" s="14" t="s">
        <v>23</v>
      </c>
      <c r="D32777" s="14" t="s">
        <v>202</v>
      </c>
      <c r="E32777" s="15">
        <v>45668</v>
      </c>
      <c r="F32777" s="14" t="s">
        <v>53</v>
      </c>
      <c r="G32777" s="16">
        <v>4.8109525135818529</v>
      </c>
    </row>
    <row r="32778" spans="1:7" x14ac:dyDescent="0.3">
      <c r="A32778" s="13" t="s">
        <v>201</v>
      </c>
      <c r="B32778" s="14" t="s">
        <v>1</v>
      </c>
      <c r="C32778" s="14" t="s">
        <v>23</v>
      </c>
      <c r="D32778" s="14" t="s">
        <v>202</v>
      </c>
      <c r="E32778" s="15">
        <v>45669</v>
      </c>
      <c r="F32778" s="14" t="s">
        <v>53</v>
      </c>
      <c r="G32778" s="16">
        <v>4.8109525135818529</v>
      </c>
    </row>
    <row r="32779" spans="1:7" x14ac:dyDescent="0.3">
      <c r="A32779" s="13" t="s">
        <v>201</v>
      </c>
      <c r="B32779" s="14" t="s">
        <v>1</v>
      </c>
      <c r="C32779" s="14" t="s">
        <v>23</v>
      </c>
      <c r="D32779" s="14" t="s">
        <v>202</v>
      </c>
      <c r="E32779" s="15">
        <v>45670</v>
      </c>
      <c r="F32779" s="14" t="s">
        <v>53</v>
      </c>
      <c r="G32779" s="16">
        <v>4.8490051423908742</v>
      </c>
    </row>
    <row r="32780" spans="1:7" x14ac:dyDescent="0.3">
      <c r="A32780" s="13" t="s">
        <v>201</v>
      </c>
      <c r="B32780" s="14" t="s">
        <v>1</v>
      </c>
      <c r="C32780" s="14" t="s">
        <v>23</v>
      </c>
      <c r="D32780" s="14" t="s">
        <v>202</v>
      </c>
      <c r="E32780" s="15">
        <v>45671</v>
      </c>
      <c r="F32780" s="14" t="s">
        <v>53</v>
      </c>
      <c r="G32780" s="16">
        <v>4.8856905392344743</v>
      </c>
    </row>
    <row r="32781" spans="1:7" x14ac:dyDescent="0.3">
      <c r="A32781" s="13" t="s">
        <v>201</v>
      </c>
      <c r="B32781" s="14" t="s">
        <v>1</v>
      </c>
      <c r="C32781" s="14" t="s">
        <v>23</v>
      </c>
      <c r="D32781" s="14" t="s">
        <v>202</v>
      </c>
      <c r="E32781" s="15">
        <v>45672</v>
      </c>
      <c r="F32781" s="14" t="s">
        <v>53</v>
      </c>
      <c r="G32781" s="16">
        <v>4.8897466602183544</v>
      </c>
    </row>
    <row r="32782" spans="1:7" x14ac:dyDescent="0.3">
      <c r="A32782" s="13" t="s">
        <v>201</v>
      </c>
      <c r="B32782" s="14" t="s">
        <v>1</v>
      </c>
      <c r="C32782" s="14" t="s">
        <v>23</v>
      </c>
      <c r="D32782" s="14" t="s">
        <v>202</v>
      </c>
      <c r="E32782" s="15">
        <v>45673</v>
      </c>
      <c r="F32782" s="14" t="s">
        <v>53</v>
      </c>
      <c r="G32782" s="16">
        <v>4.9081712501214758</v>
      </c>
    </row>
    <row r="32783" spans="1:7" x14ac:dyDescent="0.3">
      <c r="A32783" s="13" t="s">
        <v>201</v>
      </c>
      <c r="B32783" s="14" t="s">
        <v>1</v>
      </c>
      <c r="C32783" s="14" t="s">
        <v>23</v>
      </c>
      <c r="D32783" s="14" t="s">
        <v>202</v>
      </c>
      <c r="E32783" s="15">
        <v>45674</v>
      </c>
      <c r="F32783" s="14" t="s">
        <v>53</v>
      </c>
      <c r="G32783" s="16">
        <v>4.9446966951294611</v>
      </c>
    </row>
    <row r="32784" spans="1:7" x14ac:dyDescent="0.3">
      <c r="A32784" s="13" t="s">
        <v>201</v>
      </c>
      <c r="B32784" s="14" t="s">
        <v>1</v>
      </c>
      <c r="C32784" s="14" t="s">
        <v>23</v>
      </c>
      <c r="D32784" s="14" t="s">
        <v>202</v>
      </c>
      <c r="E32784" s="15">
        <v>45675</v>
      </c>
      <c r="F32784" s="14" t="s">
        <v>53</v>
      </c>
      <c r="G32784" s="16">
        <v>4.9446966951294611</v>
      </c>
    </row>
    <row r="32785" spans="1:7" x14ac:dyDescent="0.3">
      <c r="A32785" s="13" t="s">
        <v>201</v>
      </c>
      <c r="B32785" s="14" t="s">
        <v>1</v>
      </c>
      <c r="C32785" s="14" t="s">
        <v>23</v>
      </c>
      <c r="D32785" s="14" t="s">
        <v>202</v>
      </c>
      <c r="E32785" s="15">
        <v>45676</v>
      </c>
      <c r="F32785" s="14" t="s">
        <v>53</v>
      </c>
      <c r="G32785" s="16">
        <v>4.9446966951294611</v>
      </c>
    </row>
    <row r="32786" spans="1:7" x14ac:dyDescent="0.3">
      <c r="A32786" s="13" t="s">
        <v>201</v>
      </c>
      <c r="B32786" s="14" t="s">
        <v>1</v>
      </c>
      <c r="C32786" s="14" t="s">
        <v>23</v>
      </c>
      <c r="D32786" s="14" t="s">
        <v>202</v>
      </c>
      <c r="E32786" s="15">
        <v>45677</v>
      </c>
      <c r="F32786" s="14" t="s">
        <v>53</v>
      </c>
      <c r="G32786" s="16">
        <v>4.9446966951294611</v>
      </c>
    </row>
    <row r="32787" spans="1:7" x14ac:dyDescent="0.3">
      <c r="A32787" s="13" t="s">
        <v>201</v>
      </c>
      <c r="B32787" s="14" t="s">
        <v>1</v>
      </c>
      <c r="C32787" s="14" t="s">
        <v>23</v>
      </c>
      <c r="D32787" s="14" t="s">
        <v>202</v>
      </c>
      <c r="E32787" s="15">
        <v>45678</v>
      </c>
      <c r="F32787" s="14" t="s">
        <v>53</v>
      </c>
      <c r="G32787" s="16">
        <v>4.8865484144473781</v>
      </c>
    </row>
    <row r="32788" spans="1:7" x14ac:dyDescent="0.3">
      <c r="A32788" s="13" t="s">
        <v>201</v>
      </c>
      <c r="B32788" s="14" t="s">
        <v>1</v>
      </c>
      <c r="C32788" s="14" t="s">
        <v>23</v>
      </c>
      <c r="D32788" s="14" t="s">
        <v>202</v>
      </c>
      <c r="E32788" s="15">
        <v>45679</v>
      </c>
      <c r="F32788" s="14" t="s">
        <v>53</v>
      </c>
      <c r="G32788" s="16">
        <v>4.9593483868923709</v>
      </c>
    </row>
    <row r="32789" spans="1:7" x14ac:dyDescent="0.3">
      <c r="A32789" s="13" t="s">
        <v>201</v>
      </c>
      <c r="B32789" s="14" t="s">
        <v>1</v>
      </c>
      <c r="C32789" s="14" t="s">
        <v>23</v>
      </c>
      <c r="D32789" s="14" t="s">
        <v>202</v>
      </c>
      <c r="E32789" s="15">
        <v>45680</v>
      </c>
      <c r="F32789" s="14" t="s">
        <v>53</v>
      </c>
      <c r="G32789" s="16">
        <v>4.960364861826374</v>
      </c>
    </row>
    <row r="32790" spans="1:7" x14ac:dyDescent="0.3">
      <c r="A32790" s="13" t="s">
        <v>201</v>
      </c>
      <c r="B32790" s="14" t="s">
        <v>1</v>
      </c>
      <c r="C32790" s="14" t="s">
        <v>23</v>
      </c>
      <c r="D32790" s="14" t="s">
        <v>202</v>
      </c>
      <c r="E32790" s="15">
        <v>45681</v>
      </c>
      <c r="F32790" s="14" t="s">
        <v>53</v>
      </c>
      <c r="G32790" s="16">
        <v>4.922429135095955</v>
      </c>
    </row>
    <row r="32791" spans="1:7" x14ac:dyDescent="0.3">
      <c r="A32791" s="13" t="s">
        <v>201</v>
      </c>
      <c r="B32791" s="14" t="s">
        <v>1</v>
      </c>
      <c r="C32791" s="14" t="s">
        <v>23</v>
      </c>
      <c r="D32791" s="14" t="s">
        <v>202</v>
      </c>
      <c r="E32791" s="15">
        <v>45682</v>
      </c>
      <c r="F32791" s="14" t="s">
        <v>53</v>
      </c>
      <c r="G32791" s="16">
        <v>4.922429135095955</v>
      </c>
    </row>
    <row r="32792" spans="1:7" x14ac:dyDescent="0.3">
      <c r="A32792" s="13" t="s">
        <v>201</v>
      </c>
      <c r="B32792" s="14" t="s">
        <v>1</v>
      </c>
      <c r="C32792" s="14" t="s">
        <v>23</v>
      </c>
      <c r="D32792" s="14" t="s">
        <v>202</v>
      </c>
      <c r="E32792" s="15">
        <v>45683</v>
      </c>
      <c r="F32792" s="14" t="s">
        <v>53</v>
      </c>
      <c r="G32792" s="16">
        <v>4.922429135095955</v>
      </c>
    </row>
    <row r="32793" spans="1:7" x14ac:dyDescent="0.3">
      <c r="A32793" s="13" t="s">
        <v>201</v>
      </c>
      <c r="B32793" s="14" t="s">
        <v>1</v>
      </c>
      <c r="C32793" s="14" t="s">
        <v>23</v>
      </c>
      <c r="D32793" s="14" t="s">
        <v>202</v>
      </c>
      <c r="E32793" s="15">
        <v>45684</v>
      </c>
      <c r="F32793" s="14" t="s">
        <v>53</v>
      </c>
      <c r="G32793" s="16">
        <v>4.9334048452587558</v>
      </c>
    </row>
    <row r="32794" spans="1:7" x14ac:dyDescent="0.3">
      <c r="A32794" s="13" t="s">
        <v>201</v>
      </c>
      <c r="B32794" s="14" t="s">
        <v>1</v>
      </c>
      <c r="C32794" s="14" t="s">
        <v>23</v>
      </c>
      <c r="D32794" s="14" t="s">
        <v>202</v>
      </c>
      <c r="E32794" s="15">
        <v>45685</v>
      </c>
      <c r="F32794" s="14" t="s">
        <v>53</v>
      </c>
      <c r="G32794" s="16">
        <v>4.9995076358147985</v>
      </c>
    </row>
    <row r="32795" spans="1:7" x14ac:dyDescent="0.3">
      <c r="A32795" s="13" t="s">
        <v>201</v>
      </c>
      <c r="B32795" s="14" t="s">
        <v>1</v>
      </c>
      <c r="C32795" s="14" t="s">
        <v>23</v>
      </c>
      <c r="D32795" s="14" t="s">
        <v>202</v>
      </c>
      <c r="E32795" s="15">
        <v>45686</v>
      </c>
      <c r="F32795" s="14" t="s">
        <v>53</v>
      </c>
      <c r="G32795" s="16">
        <v>5.0096347989469026</v>
      </c>
    </row>
    <row r="32796" spans="1:7" x14ac:dyDescent="0.3">
      <c r="A32796" s="13" t="s">
        <v>201</v>
      </c>
      <c r="B32796" s="14" t="s">
        <v>1</v>
      </c>
      <c r="C32796" s="14" t="s">
        <v>23</v>
      </c>
      <c r="D32796" s="14" t="s">
        <v>202</v>
      </c>
      <c r="E32796" s="15">
        <v>45687</v>
      </c>
      <c r="F32796" s="14" t="s">
        <v>53</v>
      </c>
      <c r="G32796" s="16">
        <v>5.0391369387105005</v>
      </c>
    </row>
    <row r="32797" spans="1:7" x14ac:dyDescent="0.3">
      <c r="A32797" s="13" t="s">
        <v>201</v>
      </c>
      <c r="B32797" s="14" t="s">
        <v>1</v>
      </c>
      <c r="C32797" s="14" t="s">
        <v>23</v>
      </c>
      <c r="D32797" s="14" t="s">
        <v>202</v>
      </c>
      <c r="E32797" s="15">
        <v>45688</v>
      </c>
      <c r="F32797" s="14" t="s">
        <v>53</v>
      </c>
      <c r="G32797" s="16">
        <v>5.064724979437881</v>
      </c>
    </row>
    <row r="32798" spans="1:7" x14ac:dyDescent="0.3">
      <c r="A32798" s="13" t="s">
        <v>201</v>
      </c>
      <c r="B32798" s="14" t="s">
        <v>1</v>
      </c>
      <c r="C32798" s="14" t="s">
        <v>23</v>
      </c>
      <c r="D32798" s="14" t="s">
        <v>202</v>
      </c>
      <c r="E32798" s="15">
        <v>45689</v>
      </c>
      <c r="F32798" s="14" t="s">
        <v>53</v>
      </c>
      <c r="G32798" s="16">
        <v>5.064724979437881</v>
      </c>
    </row>
    <row r="32799" spans="1:7" x14ac:dyDescent="0.3">
      <c r="A32799" s="13" t="s">
        <v>201</v>
      </c>
      <c r="B32799" s="14" t="s">
        <v>1</v>
      </c>
      <c r="C32799" s="14" t="s">
        <v>23</v>
      </c>
      <c r="D32799" s="14" t="s">
        <v>202</v>
      </c>
      <c r="E32799" s="15">
        <v>45690</v>
      </c>
      <c r="F32799" s="14" t="s">
        <v>53</v>
      </c>
      <c r="G32799" s="16">
        <v>5.064724979437881</v>
      </c>
    </row>
    <row r="32800" spans="1:7" x14ac:dyDescent="0.3">
      <c r="A32800" s="13" t="s">
        <v>201</v>
      </c>
      <c r="B32800" s="14" t="s">
        <v>1</v>
      </c>
      <c r="C32800" s="14" t="s">
        <v>23</v>
      </c>
      <c r="D32800" s="14" t="s">
        <v>202</v>
      </c>
      <c r="E32800" s="15">
        <v>45691</v>
      </c>
      <c r="F32800" s="14" t="s">
        <v>53</v>
      </c>
      <c r="G32800" s="16">
        <v>5.064724979437881</v>
      </c>
    </row>
    <row r="32801" spans="1:7" x14ac:dyDescent="0.3">
      <c r="A32801" s="13" t="s">
        <v>201</v>
      </c>
      <c r="B32801" s="14" t="s">
        <v>1</v>
      </c>
      <c r="C32801" s="14" t="s">
        <v>23</v>
      </c>
      <c r="D32801" s="14" t="s">
        <v>202</v>
      </c>
      <c r="E32801" s="15">
        <v>45692</v>
      </c>
      <c r="F32801" s="14" t="s">
        <v>53</v>
      </c>
      <c r="G32801" s="16">
        <v>5.0443485877292984</v>
      </c>
    </row>
    <row r="32802" spans="1:7" x14ac:dyDescent="0.3">
      <c r="A32802" s="13" t="s">
        <v>201</v>
      </c>
      <c r="B32802" s="14" t="s">
        <v>1</v>
      </c>
      <c r="C32802" s="14" t="s">
        <v>23</v>
      </c>
      <c r="D32802" s="14" t="s">
        <v>202</v>
      </c>
      <c r="E32802" s="15">
        <v>45693</v>
      </c>
      <c r="F32802" s="14" t="s">
        <v>53</v>
      </c>
      <c r="G32802" s="16">
        <v>5.0823227219874134</v>
      </c>
    </row>
    <row r="32803" spans="1:7" x14ac:dyDescent="0.3">
      <c r="A32803" s="13" t="s">
        <v>201</v>
      </c>
      <c r="B32803" s="14" t="s">
        <v>1</v>
      </c>
      <c r="C32803" s="14" t="s">
        <v>23</v>
      </c>
      <c r="D32803" s="14" t="s">
        <v>202</v>
      </c>
      <c r="E32803" s="15">
        <v>45694</v>
      </c>
      <c r="F32803" s="14" t="s">
        <v>53</v>
      </c>
      <c r="G32803" s="16">
        <v>5.1262967270316411</v>
      </c>
    </row>
    <row r="32804" spans="1:7" x14ac:dyDescent="0.3">
      <c r="A32804" s="13" t="s">
        <v>201</v>
      </c>
      <c r="B32804" s="14" t="s">
        <v>1</v>
      </c>
      <c r="C32804" s="14" t="s">
        <v>23</v>
      </c>
      <c r="D32804" s="14" t="s">
        <v>202</v>
      </c>
      <c r="E32804" s="15">
        <v>45695</v>
      </c>
      <c r="F32804" s="14" t="s">
        <v>53</v>
      </c>
      <c r="G32804" s="16">
        <v>5.1520260530568498</v>
      </c>
    </row>
    <row r="32805" spans="1:7" x14ac:dyDescent="0.3">
      <c r="A32805" s="13" t="s">
        <v>201</v>
      </c>
      <c r="B32805" s="14" t="s">
        <v>1</v>
      </c>
      <c r="C32805" s="14" t="s">
        <v>23</v>
      </c>
      <c r="D32805" s="14" t="s">
        <v>202</v>
      </c>
      <c r="E32805" s="15">
        <v>45696</v>
      </c>
      <c r="F32805" s="14" t="s">
        <v>53</v>
      </c>
      <c r="G32805" s="16">
        <v>5.1520260530568498</v>
      </c>
    </row>
    <row r="32806" spans="1:7" x14ac:dyDescent="0.3">
      <c r="A32806" s="13" t="s">
        <v>201</v>
      </c>
      <c r="B32806" s="14" t="s">
        <v>1</v>
      </c>
      <c r="C32806" s="14" t="s">
        <v>23</v>
      </c>
      <c r="D32806" s="14" t="s">
        <v>202</v>
      </c>
      <c r="E32806" s="15">
        <v>45697</v>
      </c>
      <c r="F32806" s="14" t="s">
        <v>53</v>
      </c>
      <c r="G32806" s="16">
        <v>5.1520260530568498</v>
      </c>
    </row>
    <row r="32807" spans="1:7" x14ac:dyDescent="0.3">
      <c r="A32807" s="13" t="s">
        <v>201</v>
      </c>
      <c r="B32807" s="14" t="s">
        <v>1</v>
      </c>
      <c r="C32807" s="14" t="s">
        <v>23</v>
      </c>
      <c r="D32807" s="14" t="s">
        <v>202</v>
      </c>
      <c r="E32807" s="15">
        <v>45698</v>
      </c>
      <c r="F32807" s="14" t="s">
        <v>53</v>
      </c>
      <c r="G32807" s="16">
        <v>5.1917937147406548</v>
      </c>
    </row>
    <row r="32808" spans="1:7" x14ac:dyDescent="0.3">
      <c r="A32808" s="13" t="s">
        <v>201</v>
      </c>
      <c r="B32808" s="14" t="s">
        <v>1</v>
      </c>
      <c r="C32808" s="14" t="s">
        <v>23</v>
      </c>
      <c r="D32808" s="14" t="s">
        <v>202</v>
      </c>
      <c r="E32808" s="15">
        <v>45699</v>
      </c>
      <c r="F32808" s="14" t="s">
        <v>53</v>
      </c>
      <c r="G32808" s="16">
        <v>5.2043717162261611</v>
      </c>
    </row>
    <row r="32809" spans="1:7" x14ac:dyDescent="0.3">
      <c r="A32809" s="13" t="s">
        <v>201</v>
      </c>
      <c r="B32809" s="14" t="s">
        <v>1</v>
      </c>
      <c r="C32809" s="14" t="s">
        <v>23</v>
      </c>
      <c r="D32809" s="14" t="s">
        <v>202</v>
      </c>
      <c r="E32809" s="15">
        <v>45700</v>
      </c>
      <c r="F32809" s="14" t="s">
        <v>53</v>
      </c>
      <c r="G32809" s="16">
        <v>5.2214098156973563</v>
      </c>
    </row>
    <row r="32810" spans="1:7" x14ac:dyDescent="0.3">
      <c r="A32810" s="13" t="s">
        <v>201</v>
      </c>
      <c r="B32810" s="14" t="s">
        <v>1</v>
      </c>
      <c r="C32810" s="14" t="s">
        <v>23</v>
      </c>
      <c r="D32810" s="14" t="s">
        <v>202</v>
      </c>
      <c r="E32810" s="15">
        <v>45701</v>
      </c>
      <c r="F32810" s="14" t="s">
        <v>53</v>
      </c>
      <c r="G32810" s="16">
        <v>5.1862823658313451</v>
      </c>
    </row>
    <row r="32811" spans="1:7" x14ac:dyDescent="0.3">
      <c r="A32811" s="13" t="s">
        <v>201</v>
      </c>
      <c r="B32811" s="14" t="s">
        <v>1</v>
      </c>
      <c r="C32811" s="14" t="s">
        <v>23</v>
      </c>
      <c r="D32811" s="14" t="s">
        <v>202</v>
      </c>
      <c r="E32811" s="15">
        <v>45702</v>
      </c>
      <c r="F32811" s="14" t="s">
        <v>53</v>
      </c>
      <c r="G32811" s="16">
        <v>5.1940491173865917</v>
      </c>
    </row>
    <row r="32812" spans="1:7" x14ac:dyDescent="0.3">
      <c r="A32812" s="13" t="s">
        <v>201</v>
      </c>
      <c r="B32812" s="14" t="s">
        <v>1</v>
      </c>
      <c r="C32812" s="14" t="s">
        <v>23</v>
      </c>
      <c r="D32812" s="14" t="s">
        <v>202</v>
      </c>
      <c r="E32812" s="15">
        <v>45703</v>
      </c>
      <c r="F32812" s="14" t="s">
        <v>53</v>
      </c>
      <c r="G32812" s="16">
        <v>5.1940491173865917</v>
      </c>
    </row>
    <row r="32813" spans="1:7" x14ac:dyDescent="0.3">
      <c r="A32813" s="13" t="s">
        <v>201</v>
      </c>
      <c r="B32813" s="14" t="s">
        <v>1</v>
      </c>
      <c r="C32813" s="14" t="s">
        <v>23</v>
      </c>
      <c r="D32813" s="14" t="s">
        <v>202</v>
      </c>
      <c r="E32813" s="15">
        <v>45704</v>
      </c>
      <c r="F32813" s="14" t="s">
        <v>53</v>
      </c>
      <c r="G32813" s="16">
        <v>5.1940491173865917</v>
      </c>
    </row>
    <row r="32814" spans="1:7" x14ac:dyDescent="0.3">
      <c r="A32814" s="13" t="s">
        <v>201</v>
      </c>
      <c r="B32814" s="14" t="s">
        <v>1</v>
      </c>
      <c r="C32814" s="14" t="s">
        <v>23</v>
      </c>
      <c r="D32814" s="14" t="s">
        <v>202</v>
      </c>
      <c r="E32814" s="15">
        <v>45705</v>
      </c>
      <c r="F32814" s="14" t="s">
        <v>53</v>
      </c>
      <c r="G32814" s="16">
        <v>5.1940491173865917</v>
      </c>
    </row>
    <row r="32815" spans="1:7" x14ac:dyDescent="0.3">
      <c r="A32815" s="13" t="s">
        <v>201</v>
      </c>
      <c r="B32815" s="14" t="s">
        <v>1</v>
      </c>
      <c r="C32815" s="14" t="s">
        <v>23</v>
      </c>
      <c r="D32815" s="14" t="s">
        <v>202</v>
      </c>
      <c r="E32815" s="15">
        <v>45706</v>
      </c>
      <c r="F32815" s="14" t="s">
        <v>53</v>
      </c>
      <c r="G32815" s="16">
        <v>5.1985002254298314</v>
      </c>
    </row>
    <row r="32816" spans="1:7" x14ac:dyDescent="0.3">
      <c r="A32816" s="13" t="s">
        <v>201</v>
      </c>
      <c r="B32816" s="14" t="s">
        <v>1</v>
      </c>
      <c r="C32816" s="14" t="s">
        <v>23</v>
      </c>
      <c r="D32816" s="14" t="s">
        <v>202</v>
      </c>
      <c r="E32816" s="15">
        <v>45707</v>
      </c>
      <c r="F32816" s="14" t="s">
        <v>53</v>
      </c>
      <c r="G32816" s="16">
        <v>5.270119330419103</v>
      </c>
    </row>
    <row r="32817" spans="1:7" x14ac:dyDescent="0.3">
      <c r="A32817" s="13" t="s">
        <v>201</v>
      </c>
      <c r="B32817" s="14" t="s">
        <v>1</v>
      </c>
      <c r="C32817" s="14" t="s">
        <v>23</v>
      </c>
      <c r="D32817" s="14" t="s">
        <v>202</v>
      </c>
      <c r="E32817" s="15">
        <v>45708</v>
      </c>
      <c r="F32817" s="14" t="s">
        <v>53</v>
      </c>
      <c r="G32817" s="16">
        <v>5.2498542805892594</v>
      </c>
    </row>
    <row r="32818" spans="1:7" x14ac:dyDescent="0.3">
      <c r="A32818" s="13" t="s">
        <v>201</v>
      </c>
      <c r="B32818" s="14" t="s">
        <v>1</v>
      </c>
      <c r="C32818" s="14" t="s">
        <v>23</v>
      </c>
      <c r="D32818" s="14" t="s">
        <v>202</v>
      </c>
      <c r="E32818" s="15">
        <v>45709</v>
      </c>
      <c r="F32818" s="14" t="s">
        <v>53</v>
      </c>
      <c r="G32818" s="16">
        <v>5.274865562375755</v>
      </c>
    </row>
    <row r="32819" spans="1:7" x14ac:dyDescent="0.3">
      <c r="A32819" s="13" t="s">
        <v>201</v>
      </c>
      <c r="B32819" s="14" t="s">
        <v>1</v>
      </c>
      <c r="C32819" s="14" t="s">
        <v>23</v>
      </c>
      <c r="D32819" s="14" t="s">
        <v>202</v>
      </c>
      <c r="E32819" s="15">
        <v>45710</v>
      </c>
      <c r="F32819" s="14" t="s">
        <v>53</v>
      </c>
      <c r="G32819" s="16">
        <v>5.274865562375755</v>
      </c>
    </row>
    <row r="32820" spans="1:7" x14ac:dyDescent="0.3">
      <c r="A32820" s="13" t="s">
        <v>201</v>
      </c>
      <c r="B32820" s="14" t="s">
        <v>1</v>
      </c>
      <c r="C32820" s="14" t="s">
        <v>23</v>
      </c>
      <c r="D32820" s="14" t="s">
        <v>202</v>
      </c>
      <c r="E32820" s="15">
        <v>45711</v>
      </c>
      <c r="F32820" s="14" t="s">
        <v>53</v>
      </c>
      <c r="G32820" s="16">
        <v>5.274865562375755</v>
      </c>
    </row>
    <row r="32821" spans="1:7" x14ac:dyDescent="0.3">
      <c r="A32821" s="13" t="s">
        <v>201</v>
      </c>
      <c r="B32821" s="14" t="s">
        <v>1</v>
      </c>
      <c r="C32821" s="14" t="s">
        <v>23</v>
      </c>
      <c r="D32821" s="14" t="s">
        <v>202</v>
      </c>
      <c r="E32821" s="15">
        <v>45712</v>
      </c>
      <c r="F32821" s="14" t="s">
        <v>53</v>
      </c>
      <c r="G32821" s="16">
        <v>5.2897560603590676</v>
      </c>
    </row>
    <row r="32822" spans="1:7" x14ac:dyDescent="0.3">
      <c r="A32822" s="13" t="s">
        <v>201</v>
      </c>
      <c r="B32822" s="14" t="s">
        <v>1</v>
      </c>
      <c r="C32822" s="14" t="s">
        <v>23</v>
      </c>
      <c r="D32822" s="14" t="s">
        <v>202</v>
      </c>
      <c r="E32822" s="15">
        <v>45713</v>
      </c>
      <c r="F32822" s="14" t="s">
        <v>53</v>
      </c>
      <c r="G32822" s="16">
        <v>5.3160969111891552</v>
      </c>
    </row>
    <row r="32823" spans="1:7" x14ac:dyDescent="0.3">
      <c r="A32823" s="13" t="s">
        <v>201</v>
      </c>
      <c r="B32823" s="14" t="s">
        <v>1</v>
      </c>
      <c r="C32823" s="14" t="s">
        <v>23</v>
      </c>
      <c r="D32823" s="14" t="s">
        <v>202</v>
      </c>
      <c r="E32823" s="15">
        <v>45714</v>
      </c>
      <c r="F32823" s="14" t="s">
        <v>53</v>
      </c>
      <c r="G32823" s="16">
        <v>5.3262992375418996</v>
      </c>
    </row>
    <row r="32824" spans="1:7" x14ac:dyDescent="0.3">
      <c r="A32824" s="13" t="s">
        <v>201</v>
      </c>
      <c r="B32824" s="14" t="s">
        <v>1</v>
      </c>
      <c r="C32824" s="14" t="s">
        <v>23</v>
      </c>
      <c r="D32824" s="14" t="s">
        <v>202</v>
      </c>
      <c r="E32824" s="15">
        <v>45715</v>
      </c>
      <c r="F32824" s="14" t="s">
        <v>53</v>
      </c>
      <c r="G32824" s="16">
        <v>5.3723203701695876</v>
      </c>
    </row>
    <row r="32825" spans="1:7" x14ac:dyDescent="0.3">
      <c r="A32825" s="13" t="s">
        <v>201</v>
      </c>
      <c r="B32825" s="14" t="s">
        <v>1</v>
      </c>
      <c r="C32825" s="14" t="s">
        <v>23</v>
      </c>
      <c r="D32825" s="14" t="s">
        <v>202</v>
      </c>
      <c r="E32825" s="15">
        <v>45716</v>
      </c>
      <c r="F32825" s="14" t="s">
        <v>53</v>
      </c>
      <c r="G32825" s="16">
        <v>5.3969126273962411</v>
      </c>
    </row>
    <row r="32826" spans="1:7" x14ac:dyDescent="0.3">
      <c r="A32826" s="13" t="s">
        <v>201</v>
      </c>
      <c r="B32826" s="14" t="s">
        <v>1</v>
      </c>
      <c r="C32826" s="14" t="s">
        <v>23</v>
      </c>
      <c r="D32826" s="14" t="s">
        <v>202</v>
      </c>
      <c r="E32826" s="15">
        <v>45717</v>
      </c>
      <c r="F32826" s="14" t="s">
        <v>53</v>
      </c>
      <c r="G32826" s="16">
        <v>0</v>
      </c>
    </row>
    <row r="32827" spans="1:7" x14ac:dyDescent="0.3">
      <c r="A32827" s="13" t="s">
        <v>201</v>
      </c>
      <c r="B32827" s="14" t="s">
        <v>1</v>
      </c>
      <c r="C32827" s="14" t="s">
        <v>23</v>
      </c>
      <c r="D32827" s="14" t="s">
        <v>202</v>
      </c>
      <c r="E32827" s="15">
        <v>45718</v>
      </c>
      <c r="F32827" s="14" t="s">
        <v>53</v>
      </c>
      <c r="G32827" s="16">
        <v>0</v>
      </c>
    </row>
    <row r="32828" spans="1:7" x14ac:dyDescent="0.3">
      <c r="A32828" s="13" t="s">
        <v>201</v>
      </c>
      <c r="B32828" s="14" t="s">
        <v>1</v>
      </c>
      <c r="C32828" s="14" t="s">
        <v>23</v>
      </c>
      <c r="D32828" s="14" t="s">
        <v>202</v>
      </c>
      <c r="E32828" s="15">
        <v>45719</v>
      </c>
      <c r="F32828" s="14" t="s">
        <v>53</v>
      </c>
      <c r="G32828" s="16">
        <v>0</v>
      </c>
    </row>
    <row r="32829" spans="1:7" x14ac:dyDescent="0.3">
      <c r="A32829" s="13" t="s">
        <v>201</v>
      </c>
      <c r="B32829" s="14" t="s">
        <v>1</v>
      </c>
      <c r="C32829" s="14" t="s">
        <v>23</v>
      </c>
      <c r="D32829" s="14" t="s">
        <v>202</v>
      </c>
      <c r="E32829" s="15">
        <v>45720</v>
      </c>
      <c r="F32829" s="14" t="s">
        <v>53</v>
      </c>
      <c r="G32829" s="16">
        <v>0</v>
      </c>
    </row>
    <row r="32830" spans="1:7" x14ac:dyDescent="0.3">
      <c r="A32830" s="13" t="s">
        <v>201</v>
      </c>
      <c r="B32830" s="14" t="s">
        <v>1</v>
      </c>
      <c r="C32830" s="14" t="s">
        <v>23</v>
      </c>
      <c r="D32830" s="14" t="s">
        <v>202</v>
      </c>
      <c r="E32830" s="15">
        <v>45721</v>
      </c>
      <c r="F32830" s="14" t="s">
        <v>53</v>
      </c>
      <c r="G32830" s="16">
        <v>0</v>
      </c>
    </row>
    <row r="32831" spans="1:7" x14ac:dyDescent="0.3">
      <c r="A32831" s="13" t="s">
        <v>201</v>
      </c>
      <c r="B32831" s="14" t="s">
        <v>1</v>
      </c>
      <c r="C32831" s="14" t="s">
        <v>23</v>
      </c>
      <c r="D32831" s="14" t="s">
        <v>202</v>
      </c>
      <c r="E32831" s="15">
        <v>45722</v>
      </c>
      <c r="F32831" s="14" t="s">
        <v>53</v>
      </c>
      <c r="G32831" s="16">
        <v>0</v>
      </c>
    </row>
    <row r="32832" spans="1:7" x14ac:dyDescent="0.3">
      <c r="A32832" s="13" t="s">
        <v>201</v>
      </c>
      <c r="B32832" s="14" t="s">
        <v>1</v>
      </c>
      <c r="C32832" s="14" t="s">
        <v>23</v>
      </c>
      <c r="D32832" s="14" t="s">
        <v>202</v>
      </c>
      <c r="E32832" s="15">
        <v>45723</v>
      </c>
      <c r="F32832" s="14" t="s">
        <v>53</v>
      </c>
      <c r="G32832" s="16">
        <v>0</v>
      </c>
    </row>
    <row r="32833" spans="1:7" x14ac:dyDescent="0.3">
      <c r="A32833" s="13" t="s">
        <v>201</v>
      </c>
      <c r="B32833" s="14" t="s">
        <v>1</v>
      </c>
      <c r="C32833" s="14" t="s">
        <v>23</v>
      </c>
      <c r="D32833" s="14" t="s">
        <v>202</v>
      </c>
      <c r="E32833" s="15">
        <v>45724</v>
      </c>
      <c r="F32833" s="14" t="s">
        <v>53</v>
      </c>
      <c r="G32833" s="16">
        <v>0</v>
      </c>
    </row>
    <row r="32834" spans="1:7" x14ac:dyDescent="0.3">
      <c r="A32834" s="13" t="s">
        <v>201</v>
      </c>
      <c r="B32834" s="14" t="s">
        <v>1</v>
      </c>
      <c r="C32834" s="14" t="s">
        <v>23</v>
      </c>
      <c r="D32834" s="14" t="s">
        <v>202</v>
      </c>
      <c r="E32834" s="15">
        <v>45725</v>
      </c>
      <c r="F32834" s="14" t="s">
        <v>53</v>
      </c>
      <c r="G32834" s="16">
        <v>0</v>
      </c>
    </row>
    <row r="32835" spans="1:7" x14ac:dyDescent="0.3">
      <c r="A32835" s="13" t="s">
        <v>201</v>
      </c>
      <c r="B32835" s="14" t="s">
        <v>1</v>
      </c>
      <c r="C32835" s="14" t="s">
        <v>23</v>
      </c>
      <c r="D32835" s="14" t="s">
        <v>202</v>
      </c>
      <c r="E32835" s="15">
        <v>45726</v>
      </c>
      <c r="F32835" s="14" t="s">
        <v>53</v>
      </c>
      <c r="G32835" s="16">
        <v>0</v>
      </c>
    </row>
    <row r="32836" spans="1:7" x14ac:dyDescent="0.3">
      <c r="A32836" s="13" t="s">
        <v>201</v>
      </c>
      <c r="B32836" s="14" t="s">
        <v>1</v>
      </c>
      <c r="C32836" s="14" t="s">
        <v>23</v>
      </c>
      <c r="D32836" s="14" t="s">
        <v>202</v>
      </c>
      <c r="E32836" s="15">
        <v>45727</v>
      </c>
      <c r="F32836" s="14" t="s">
        <v>53</v>
      </c>
      <c r="G32836" s="16">
        <v>0</v>
      </c>
    </row>
    <row r="32837" spans="1:7" x14ac:dyDescent="0.3">
      <c r="A32837" s="13" t="s">
        <v>201</v>
      </c>
      <c r="B32837" s="14" t="s">
        <v>1</v>
      </c>
      <c r="C32837" s="14" t="s">
        <v>23</v>
      </c>
      <c r="D32837" s="14" t="s">
        <v>202</v>
      </c>
      <c r="E32837" s="15">
        <v>45728</v>
      </c>
      <c r="F32837" s="14" t="s">
        <v>53</v>
      </c>
      <c r="G32837" s="16">
        <v>0</v>
      </c>
    </row>
    <row r="32838" spans="1:7" x14ac:dyDescent="0.3">
      <c r="A32838" s="13" t="s">
        <v>201</v>
      </c>
      <c r="B32838" s="14" t="s">
        <v>1</v>
      </c>
      <c r="C32838" s="14" t="s">
        <v>23</v>
      </c>
      <c r="D32838" s="14" t="s">
        <v>202</v>
      </c>
      <c r="E32838" s="15">
        <v>45729</v>
      </c>
      <c r="F32838" s="14" t="s">
        <v>53</v>
      </c>
      <c r="G32838" s="16">
        <v>0</v>
      </c>
    </row>
    <row r="32839" spans="1:7" x14ac:dyDescent="0.3">
      <c r="A32839" s="13" t="s">
        <v>201</v>
      </c>
      <c r="B32839" s="14" t="s">
        <v>1</v>
      </c>
      <c r="C32839" s="14" t="s">
        <v>23</v>
      </c>
      <c r="D32839" s="14" t="s">
        <v>202</v>
      </c>
      <c r="E32839" s="15">
        <v>45730</v>
      </c>
      <c r="F32839" s="14" t="s">
        <v>53</v>
      </c>
      <c r="G32839" s="16">
        <v>0</v>
      </c>
    </row>
    <row r="32840" spans="1:7" x14ac:dyDescent="0.3">
      <c r="A32840" s="13" t="s">
        <v>201</v>
      </c>
      <c r="B32840" s="14" t="s">
        <v>1</v>
      </c>
      <c r="C32840" s="14" t="s">
        <v>23</v>
      </c>
      <c r="D32840" s="14" t="s">
        <v>202</v>
      </c>
      <c r="E32840" s="15">
        <v>45731</v>
      </c>
      <c r="F32840" s="14" t="s">
        <v>53</v>
      </c>
      <c r="G32840" s="16">
        <v>0</v>
      </c>
    </row>
    <row r="32841" spans="1:7" x14ac:dyDescent="0.3">
      <c r="A32841" s="13" t="s">
        <v>201</v>
      </c>
      <c r="B32841" s="14" t="s">
        <v>1</v>
      </c>
      <c r="C32841" s="14" t="s">
        <v>23</v>
      </c>
      <c r="D32841" s="14" t="s">
        <v>202</v>
      </c>
      <c r="E32841" s="15">
        <v>45732</v>
      </c>
      <c r="F32841" s="14" t="s">
        <v>53</v>
      </c>
      <c r="G32841" s="16">
        <v>0</v>
      </c>
    </row>
    <row r="32842" spans="1:7" x14ac:dyDescent="0.3">
      <c r="A32842" s="13" t="s">
        <v>201</v>
      </c>
      <c r="B32842" s="14" t="s">
        <v>1</v>
      </c>
      <c r="C32842" s="14" t="s">
        <v>23</v>
      </c>
      <c r="D32842" s="14" t="s">
        <v>202</v>
      </c>
      <c r="E32842" s="15">
        <v>45733</v>
      </c>
      <c r="F32842" s="14" t="s">
        <v>53</v>
      </c>
      <c r="G32842" s="16">
        <v>0</v>
      </c>
    </row>
    <row r="32843" spans="1:7" x14ac:dyDescent="0.3">
      <c r="A32843" s="13" t="s">
        <v>201</v>
      </c>
      <c r="B32843" s="14" t="s">
        <v>1</v>
      </c>
      <c r="C32843" s="14" t="s">
        <v>23</v>
      </c>
      <c r="D32843" s="14" t="s">
        <v>202</v>
      </c>
      <c r="E32843" s="15">
        <v>45734</v>
      </c>
      <c r="F32843" s="14" t="s">
        <v>53</v>
      </c>
      <c r="G32843" s="16">
        <v>0</v>
      </c>
    </row>
    <row r="32844" spans="1:7" x14ac:dyDescent="0.3">
      <c r="A32844" s="13" t="s">
        <v>201</v>
      </c>
      <c r="B32844" s="14" t="s">
        <v>1</v>
      </c>
      <c r="C32844" s="14" t="s">
        <v>23</v>
      </c>
      <c r="D32844" s="14" t="s">
        <v>202</v>
      </c>
      <c r="E32844" s="15">
        <v>45735</v>
      </c>
      <c r="F32844" s="14" t="s">
        <v>53</v>
      </c>
      <c r="G32844" s="16">
        <v>0</v>
      </c>
    </row>
    <row r="32845" spans="1:7" x14ac:dyDescent="0.3">
      <c r="A32845" s="13" t="s">
        <v>201</v>
      </c>
      <c r="B32845" s="14" t="s">
        <v>1</v>
      </c>
      <c r="C32845" s="14" t="s">
        <v>23</v>
      </c>
      <c r="D32845" s="14" t="s">
        <v>202</v>
      </c>
      <c r="E32845" s="15">
        <v>45736</v>
      </c>
      <c r="F32845" s="14" t="s">
        <v>53</v>
      </c>
      <c r="G32845" s="16">
        <v>0</v>
      </c>
    </row>
    <row r="32846" spans="1:7" x14ac:dyDescent="0.3">
      <c r="A32846" s="13" t="s">
        <v>201</v>
      </c>
      <c r="B32846" s="14" t="s">
        <v>1</v>
      </c>
      <c r="C32846" s="14" t="s">
        <v>23</v>
      </c>
      <c r="D32846" s="14" t="s">
        <v>202</v>
      </c>
      <c r="E32846" s="15">
        <v>45737</v>
      </c>
      <c r="F32846" s="14" t="s">
        <v>53</v>
      </c>
      <c r="G32846" s="16">
        <v>0</v>
      </c>
    </row>
    <row r="32847" spans="1:7" x14ac:dyDescent="0.3">
      <c r="A32847" s="13" t="s">
        <v>201</v>
      </c>
      <c r="B32847" s="14" t="s">
        <v>1</v>
      </c>
      <c r="C32847" s="14" t="s">
        <v>23</v>
      </c>
      <c r="D32847" s="14" t="s">
        <v>202</v>
      </c>
      <c r="E32847" s="15">
        <v>45738</v>
      </c>
      <c r="F32847" s="14" t="s">
        <v>53</v>
      </c>
      <c r="G32847" s="16">
        <v>0</v>
      </c>
    </row>
    <row r="32848" spans="1:7" x14ac:dyDescent="0.3">
      <c r="A32848" s="13" t="s">
        <v>201</v>
      </c>
      <c r="B32848" s="14" t="s">
        <v>1</v>
      </c>
      <c r="C32848" s="14" t="s">
        <v>23</v>
      </c>
      <c r="D32848" s="14" t="s">
        <v>202</v>
      </c>
      <c r="E32848" s="15">
        <v>45739</v>
      </c>
      <c r="F32848" s="14" t="s">
        <v>53</v>
      </c>
      <c r="G32848" s="16">
        <v>0</v>
      </c>
    </row>
    <row r="32849" spans="1:7" x14ac:dyDescent="0.3">
      <c r="A32849" s="13" t="s">
        <v>201</v>
      </c>
      <c r="B32849" s="14" t="s">
        <v>1</v>
      </c>
      <c r="C32849" s="14" t="s">
        <v>23</v>
      </c>
      <c r="D32849" s="14" t="s">
        <v>202</v>
      </c>
      <c r="E32849" s="15">
        <v>45740</v>
      </c>
      <c r="F32849" s="14" t="s">
        <v>53</v>
      </c>
      <c r="G32849" s="16">
        <v>0</v>
      </c>
    </row>
    <row r="32850" spans="1:7" x14ac:dyDescent="0.3">
      <c r="A32850" s="13" t="s">
        <v>201</v>
      </c>
      <c r="B32850" s="14" t="s">
        <v>1</v>
      </c>
      <c r="C32850" s="14" t="s">
        <v>23</v>
      </c>
      <c r="D32850" s="14" t="s">
        <v>202</v>
      </c>
      <c r="E32850" s="15">
        <v>45741</v>
      </c>
      <c r="F32850" s="14" t="s">
        <v>53</v>
      </c>
      <c r="G32850" s="16">
        <v>0</v>
      </c>
    </row>
    <row r="32851" spans="1:7" x14ac:dyDescent="0.3">
      <c r="A32851" s="13" t="s">
        <v>201</v>
      </c>
      <c r="B32851" s="14" t="s">
        <v>1</v>
      </c>
      <c r="C32851" s="14" t="s">
        <v>23</v>
      </c>
      <c r="D32851" s="14" t="s">
        <v>202</v>
      </c>
      <c r="E32851" s="15">
        <v>45742</v>
      </c>
      <c r="F32851" s="14" t="s">
        <v>53</v>
      </c>
      <c r="G32851" s="16">
        <v>0</v>
      </c>
    </row>
    <row r="32852" spans="1:7" x14ac:dyDescent="0.3">
      <c r="A32852" s="13" t="s">
        <v>201</v>
      </c>
      <c r="B32852" s="14" t="s">
        <v>1</v>
      </c>
      <c r="C32852" s="14" t="s">
        <v>23</v>
      </c>
      <c r="D32852" s="14" t="s">
        <v>202</v>
      </c>
      <c r="E32852" s="15">
        <v>45743</v>
      </c>
      <c r="F32852" s="14" t="s">
        <v>53</v>
      </c>
      <c r="G32852" s="16">
        <v>0</v>
      </c>
    </row>
    <row r="32853" spans="1:7" x14ac:dyDescent="0.3">
      <c r="A32853" s="13" t="s">
        <v>201</v>
      </c>
      <c r="B32853" s="14" t="s">
        <v>1</v>
      </c>
      <c r="C32853" s="14" t="s">
        <v>23</v>
      </c>
      <c r="D32853" s="14" t="s">
        <v>202</v>
      </c>
      <c r="E32853" s="15">
        <v>45744</v>
      </c>
      <c r="F32853" s="14" t="s">
        <v>53</v>
      </c>
      <c r="G32853" s="16">
        <v>0</v>
      </c>
    </row>
    <row r="32854" spans="1:7" x14ac:dyDescent="0.3">
      <c r="A32854" s="13" t="s">
        <v>201</v>
      </c>
      <c r="B32854" s="14" t="s">
        <v>1</v>
      </c>
      <c r="C32854" s="14" t="s">
        <v>23</v>
      </c>
      <c r="D32854" s="14" t="s">
        <v>202</v>
      </c>
      <c r="E32854" s="15">
        <v>45745</v>
      </c>
      <c r="F32854" s="14" t="s">
        <v>53</v>
      </c>
      <c r="G32854" s="16">
        <v>0</v>
      </c>
    </row>
    <row r="32855" spans="1:7" x14ac:dyDescent="0.3">
      <c r="A32855" s="13" t="s">
        <v>201</v>
      </c>
      <c r="B32855" s="14" t="s">
        <v>1</v>
      </c>
      <c r="C32855" s="14" t="s">
        <v>23</v>
      </c>
      <c r="D32855" s="14" t="s">
        <v>202</v>
      </c>
      <c r="E32855" s="15">
        <v>45746</v>
      </c>
      <c r="F32855" s="14" t="s">
        <v>53</v>
      </c>
      <c r="G32855" s="16">
        <v>0</v>
      </c>
    </row>
    <row r="32856" spans="1:7" x14ac:dyDescent="0.3">
      <c r="A32856" s="13" t="s">
        <v>201</v>
      </c>
      <c r="B32856" s="14" t="s">
        <v>1</v>
      </c>
      <c r="C32856" s="14" t="s">
        <v>23</v>
      </c>
      <c r="D32856" s="14" t="s">
        <v>202</v>
      </c>
      <c r="E32856" s="15">
        <v>45747</v>
      </c>
      <c r="F32856" s="14" t="s">
        <v>53</v>
      </c>
      <c r="G32856" s="16">
        <v>0</v>
      </c>
    </row>
    <row r="32857" spans="1:7" x14ac:dyDescent="0.3">
      <c r="A32857" s="13" t="s">
        <v>203</v>
      </c>
      <c r="B32857" s="14" t="s">
        <v>1</v>
      </c>
      <c r="C32857" s="14" t="s">
        <v>200</v>
      </c>
      <c r="D32857" s="14" t="s">
        <v>204</v>
      </c>
      <c r="E32857" s="15">
        <v>45383</v>
      </c>
      <c r="F32857" s="14" t="s">
        <v>53</v>
      </c>
      <c r="G32857" s="16">
        <v>0</v>
      </c>
    </row>
    <row r="32858" spans="1:7" x14ac:dyDescent="0.3">
      <c r="A32858" s="13" t="s">
        <v>203</v>
      </c>
      <c r="B32858" s="14" t="s">
        <v>1</v>
      </c>
      <c r="C32858" s="14" t="s">
        <v>200</v>
      </c>
      <c r="D32858" s="14" t="s">
        <v>204</v>
      </c>
      <c r="E32858" s="15">
        <v>45384</v>
      </c>
      <c r="F32858" s="14" t="s">
        <v>53</v>
      </c>
      <c r="G32858" s="16">
        <v>0</v>
      </c>
    </row>
    <row r="32859" spans="1:7" x14ac:dyDescent="0.3">
      <c r="A32859" s="13" t="s">
        <v>203</v>
      </c>
      <c r="B32859" s="14" t="s">
        <v>1</v>
      </c>
      <c r="C32859" s="14" t="s">
        <v>200</v>
      </c>
      <c r="D32859" s="14" t="s">
        <v>204</v>
      </c>
      <c r="E32859" s="15">
        <v>45385</v>
      </c>
      <c r="F32859" s="14" t="s">
        <v>53</v>
      </c>
      <c r="G32859" s="16">
        <v>3.7885676500769926E-2</v>
      </c>
    </row>
    <row r="32860" spans="1:7" x14ac:dyDescent="0.3">
      <c r="A32860" s="13" t="s">
        <v>203</v>
      </c>
      <c r="B32860" s="14" t="s">
        <v>1</v>
      </c>
      <c r="C32860" s="14" t="s">
        <v>200</v>
      </c>
      <c r="D32860" s="14" t="s">
        <v>204</v>
      </c>
      <c r="E32860" s="15">
        <v>45386</v>
      </c>
      <c r="F32860" s="14" t="s">
        <v>53</v>
      </c>
      <c r="G32860" s="16">
        <v>4.8156975182128421E-2</v>
      </c>
    </row>
    <row r="32861" spans="1:7" x14ac:dyDescent="0.3">
      <c r="A32861" s="13" t="s">
        <v>203</v>
      </c>
      <c r="B32861" s="14" t="s">
        <v>1</v>
      </c>
      <c r="C32861" s="14" t="s">
        <v>200</v>
      </c>
      <c r="D32861" s="14" t="s">
        <v>204</v>
      </c>
      <c r="E32861" s="15">
        <v>45387</v>
      </c>
      <c r="F32861" s="14" t="s">
        <v>53</v>
      </c>
      <c r="G32861" s="16">
        <v>5.5245079422016299E-2</v>
      </c>
    </row>
    <row r="32862" spans="1:7" x14ac:dyDescent="0.3">
      <c r="A32862" s="13" t="s">
        <v>203</v>
      </c>
      <c r="B32862" s="14" t="s">
        <v>1</v>
      </c>
      <c r="C32862" s="14" t="s">
        <v>200</v>
      </c>
      <c r="D32862" s="14" t="s">
        <v>204</v>
      </c>
      <c r="E32862" s="15">
        <v>45388</v>
      </c>
      <c r="F32862" s="14" t="s">
        <v>53</v>
      </c>
      <c r="G32862" s="16">
        <v>5.5245079422016299E-2</v>
      </c>
    </row>
    <row r="32863" spans="1:7" x14ac:dyDescent="0.3">
      <c r="A32863" s="13" t="s">
        <v>203</v>
      </c>
      <c r="B32863" s="14" t="s">
        <v>1</v>
      </c>
      <c r="C32863" s="14" t="s">
        <v>200</v>
      </c>
      <c r="D32863" s="14" t="s">
        <v>204</v>
      </c>
      <c r="E32863" s="15">
        <v>45389</v>
      </c>
      <c r="F32863" s="14" t="s">
        <v>53</v>
      </c>
      <c r="G32863" s="16">
        <v>5.5245079422016299E-2</v>
      </c>
    </row>
    <row r="32864" spans="1:7" x14ac:dyDescent="0.3">
      <c r="A32864" s="13" t="s">
        <v>203</v>
      </c>
      <c r="B32864" s="14" t="s">
        <v>1</v>
      </c>
      <c r="C32864" s="14" t="s">
        <v>200</v>
      </c>
      <c r="D32864" s="14" t="s">
        <v>204</v>
      </c>
      <c r="E32864" s="15">
        <v>45390</v>
      </c>
      <c r="F32864" s="14" t="s">
        <v>53</v>
      </c>
      <c r="G32864" s="16">
        <v>5.513132823719729E-2</v>
      </c>
    </row>
    <row r="32865" spans="1:7" x14ac:dyDescent="0.3">
      <c r="A32865" s="13" t="s">
        <v>203</v>
      </c>
      <c r="B32865" s="14" t="s">
        <v>1</v>
      </c>
      <c r="C32865" s="14" t="s">
        <v>200</v>
      </c>
      <c r="D32865" s="14" t="s">
        <v>204</v>
      </c>
      <c r="E32865" s="15">
        <v>45391</v>
      </c>
      <c r="F32865" s="14" t="s">
        <v>53</v>
      </c>
      <c r="G32865" s="16">
        <v>7.4697827186200758E-2</v>
      </c>
    </row>
    <row r="32866" spans="1:7" x14ac:dyDescent="0.3">
      <c r="A32866" s="13" t="s">
        <v>203</v>
      </c>
      <c r="B32866" s="14" t="s">
        <v>1</v>
      </c>
      <c r="C32866" s="14" t="s">
        <v>200</v>
      </c>
      <c r="D32866" s="14" t="s">
        <v>204</v>
      </c>
      <c r="E32866" s="15">
        <v>45392</v>
      </c>
      <c r="F32866" s="14" t="s">
        <v>53</v>
      </c>
      <c r="G32866" s="16">
        <v>9.3815491071099988E-2</v>
      </c>
    </row>
    <row r="32867" spans="1:7" x14ac:dyDescent="0.3">
      <c r="A32867" s="13" t="s">
        <v>203</v>
      </c>
      <c r="B32867" s="14" t="s">
        <v>1</v>
      </c>
      <c r="C32867" s="14" t="s">
        <v>200</v>
      </c>
      <c r="D32867" s="14" t="s">
        <v>204</v>
      </c>
      <c r="E32867" s="15">
        <v>45393</v>
      </c>
      <c r="F32867" s="14" t="s">
        <v>53</v>
      </c>
      <c r="G32867" s="16">
        <v>0.11676092310363481</v>
      </c>
    </row>
    <row r="32868" spans="1:7" x14ac:dyDescent="0.3">
      <c r="A32868" s="13" t="s">
        <v>203</v>
      </c>
      <c r="B32868" s="14" t="s">
        <v>1</v>
      </c>
      <c r="C32868" s="14" t="s">
        <v>200</v>
      </c>
      <c r="D32868" s="14" t="s">
        <v>204</v>
      </c>
      <c r="E32868" s="15">
        <v>45394</v>
      </c>
      <c r="F32868" s="14" t="s">
        <v>53</v>
      </c>
      <c r="G32868" s="16">
        <v>0.12250192007206538</v>
      </c>
    </row>
    <row r="32869" spans="1:7" x14ac:dyDescent="0.3">
      <c r="A32869" s="13" t="s">
        <v>203</v>
      </c>
      <c r="B32869" s="14" t="s">
        <v>1</v>
      </c>
      <c r="C32869" s="14" t="s">
        <v>200</v>
      </c>
      <c r="D32869" s="14" t="s">
        <v>204</v>
      </c>
      <c r="E32869" s="15">
        <v>45395</v>
      </c>
      <c r="F32869" s="14" t="s">
        <v>53</v>
      </c>
      <c r="G32869" s="16">
        <v>0.12250192007206538</v>
      </c>
    </row>
    <row r="32870" spans="1:7" x14ac:dyDescent="0.3">
      <c r="A32870" s="13" t="s">
        <v>203</v>
      </c>
      <c r="B32870" s="14" t="s">
        <v>1</v>
      </c>
      <c r="C32870" s="14" t="s">
        <v>200</v>
      </c>
      <c r="D32870" s="14" t="s">
        <v>204</v>
      </c>
      <c r="E32870" s="15">
        <v>45396</v>
      </c>
      <c r="F32870" s="14" t="s">
        <v>53</v>
      </c>
      <c r="G32870" s="16">
        <v>0.12250192007206538</v>
      </c>
    </row>
    <row r="32871" spans="1:7" x14ac:dyDescent="0.3">
      <c r="A32871" s="13" t="s">
        <v>203</v>
      </c>
      <c r="B32871" s="14" t="s">
        <v>1</v>
      </c>
      <c r="C32871" s="14" t="s">
        <v>200</v>
      </c>
      <c r="D32871" s="14" t="s">
        <v>204</v>
      </c>
      <c r="E32871" s="15">
        <v>45397</v>
      </c>
      <c r="F32871" s="14" t="s">
        <v>53</v>
      </c>
      <c r="G32871" s="16">
        <v>0.13053603500078004</v>
      </c>
    </row>
    <row r="32872" spans="1:7" x14ac:dyDescent="0.3">
      <c r="A32872" s="13" t="s">
        <v>203</v>
      </c>
      <c r="B32872" s="14" t="s">
        <v>1</v>
      </c>
      <c r="C32872" s="14" t="s">
        <v>200</v>
      </c>
      <c r="D32872" s="14" t="s">
        <v>204</v>
      </c>
      <c r="E32872" s="15">
        <v>45398</v>
      </c>
      <c r="F32872" s="14" t="s">
        <v>53</v>
      </c>
      <c r="G32872" s="16">
        <v>0.15403596072537951</v>
      </c>
    </row>
    <row r="32873" spans="1:7" x14ac:dyDescent="0.3">
      <c r="A32873" s="13" t="s">
        <v>203</v>
      </c>
      <c r="B32873" s="14" t="s">
        <v>1</v>
      </c>
      <c r="C32873" s="14" t="s">
        <v>200</v>
      </c>
      <c r="D32873" s="14" t="s">
        <v>204</v>
      </c>
      <c r="E32873" s="15">
        <v>45399</v>
      </c>
      <c r="F32873" s="14" t="s">
        <v>53</v>
      </c>
      <c r="G32873" s="16">
        <v>0.16167473738673643</v>
      </c>
    </row>
    <row r="32874" spans="1:7" x14ac:dyDescent="0.3">
      <c r="A32874" s="13" t="s">
        <v>203</v>
      </c>
      <c r="B32874" s="14" t="s">
        <v>1</v>
      </c>
      <c r="C32874" s="14" t="s">
        <v>200</v>
      </c>
      <c r="D32874" s="14" t="s">
        <v>204</v>
      </c>
      <c r="E32874" s="15">
        <v>45400</v>
      </c>
      <c r="F32874" s="14" t="s">
        <v>53</v>
      </c>
      <c r="G32874" s="16">
        <v>0.16993284638221873</v>
      </c>
    </row>
    <row r="32875" spans="1:7" x14ac:dyDescent="0.3">
      <c r="A32875" s="13" t="s">
        <v>203</v>
      </c>
      <c r="B32875" s="14" t="s">
        <v>1</v>
      </c>
      <c r="C32875" s="14" t="s">
        <v>200</v>
      </c>
      <c r="D32875" s="14" t="s">
        <v>204</v>
      </c>
      <c r="E32875" s="15">
        <v>45401</v>
      </c>
      <c r="F32875" s="14" t="s">
        <v>53</v>
      </c>
      <c r="G32875" s="16">
        <v>0.16750085981212146</v>
      </c>
    </row>
    <row r="32876" spans="1:7" x14ac:dyDescent="0.3">
      <c r="A32876" s="13" t="s">
        <v>203</v>
      </c>
      <c r="B32876" s="14" t="s">
        <v>1</v>
      </c>
      <c r="C32876" s="14" t="s">
        <v>200</v>
      </c>
      <c r="D32876" s="14" t="s">
        <v>204</v>
      </c>
      <c r="E32876" s="15">
        <v>45402</v>
      </c>
      <c r="F32876" s="14" t="s">
        <v>53</v>
      </c>
      <c r="G32876" s="16">
        <v>0.16750085981212146</v>
      </c>
    </row>
    <row r="32877" spans="1:7" x14ac:dyDescent="0.3">
      <c r="A32877" s="13" t="s">
        <v>203</v>
      </c>
      <c r="B32877" s="14" t="s">
        <v>1</v>
      </c>
      <c r="C32877" s="14" t="s">
        <v>200</v>
      </c>
      <c r="D32877" s="14" t="s">
        <v>204</v>
      </c>
      <c r="E32877" s="15">
        <v>45403</v>
      </c>
      <c r="F32877" s="14" t="s">
        <v>53</v>
      </c>
      <c r="G32877" s="16">
        <v>0.16750085981212146</v>
      </c>
    </row>
    <row r="32878" spans="1:7" x14ac:dyDescent="0.3">
      <c r="A32878" s="13" t="s">
        <v>203</v>
      </c>
      <c r="B32878" s="14" t="s">
        <v>1</v>
      </c>
      <c r="C32878" s="14" t="s">
        <v>200</v>
      </c>
      <c r="D32878" s="14" t="s">
        <v>204</v>
      </c>
      <c r="E32878" s="15">
        <v>45404</v>
      </c>
      <c r="F32878" s="14" t="s">
        <v>53</v>
      </c>
      <c r="G32878" s="16">
        <v>0.16454869622554769</v>
      </c>
    </row>
    <row r="32879" spans="1:7" x14ac:dyDescent="0.3">
      <c r="A32879" s="13" t="s">
        <v>203</v>
      </c>
      <c r="B32879" s="14" t="s">
        <v>1</v>
      </c>
      <c r="C32879" s="14" t="s">
        <v>200</v>
      </c>
      <c r="D32879" s="14" t="s">
        <v>204</v>
      </c>
      <c r="E32879" s="15">
        <v>45405</v>
      </c>
      <c r="F32879" s="14" t="s">
        <v>53</v>
      </c>
      <c r="G32879" s="16">
        <v>0.18725579175718174</v>
      </c>
    </row>
    <row r="32880" spans="1:7" x14ac:dyDescent="0.3">
      <c r="A32880" s="13" t="s">
        <v>203</v>
      </c>
      <c r="B32880" s="14" t="s">
        <v>1</v>
      </c>
      <c r="C32880" s="14" t="s">
        <v>200</v>
      </c>
      <c r="D32880" s="14" t="s">
        <v>204</v>
      </c>
      <c r="E32880" s="15">
        <v>45406</v>
      </c>
      <c r="F32880" s="14" t="s">
        <v>53</v>
      </c>
      <c r="G32880" s="16">
        <v>0.19662775163589249</v>
      </c>
    </row>
    <row r="32881" spans="1:7" x14ac:dyDescent="0.3">
      <c r="A32881" s="13" t="s">
        <v>203</v>
      </c>
      <c r="B32881" s="14" t="s">
        <v>1</v>
      </c>
      <c r="C32881" s="14" t="s">
        <v>200</v>
      </c>
      <c r="D32881" s="14" t="s">
        <v>204</v>
      </c>
      <c r="E32881" s="15">
        <v>45407</v>
      </c>
      <c r="F32881" s="14" t="s">
        <v>53</v>
      </c>
      <c r="G32881" s="16">
        <v>0.20298998495312329</v>
      </c>
    </row>
    <row r="32882" spans="1:7" x14ac:dyDescent="0.3">
      <c r="A32882" s="13" t="s">
        <v>203</v>
      </c>
      <c r="B32882" s="14" t="s">
        <v>1</v>
      </c>
      <c r="C32882" s="14" t="s">
        <v>200</v>
      </c>
      <c r="D32882" s="14" t="s">
        <v>204</v>
      </c>
      <c r="E32882" s="15">
        <v>45408</v>
      </c>
      <c r="F32882" s="14" t="s">
        <v>53</v>
      </c>
      <c r="G32882" s="16">
        <v>0.21050477155390104</v>
      </c>
    </row>
    <row r="32883" spans="1:7" x14ac:dyDescent="0.3">
      <c r="A32883" s="13" t="s">
        <v>203</v>
      </c>
      <c r="B32883" s="14" t="s">
        <v>1</v>
      </c>
      <c r="C32883" s="14" t="s">
        <v>200</v>
      </c>
      <c r="D32883" s="14" t="s">
        <v>204</v>
      </c>
      <c r="E32883" s="15">
        <v>45409</v>
      </c>
      <c r="F32883" s="14" t="s">
        <v>53</v>
      </c>
      <c r="G32883" s="16">
        <v>0.21050477155390104</v>
      </c>
    </row>
    <row r="32884" spans="1:7" x14ac:dyDescent="0.3">
      <c r="A32884" s="13" t="s">
        <v>203</v>
      </c>
      <c r="B32884" s="14" t="s">
        <v>1</v>
      </c>
      <c r="C32884" s="14" t="s">
        <v>200</v>
      </c>
      <c r="D32884" s="14" t="s">
        <v>204</v>
      </c>
      <c r="E32884" s="15">
        <v>45410</v>
      </c>
      <c r="F32884" s="14" t="s">
        <v>53</v>
      </c>
      <c r="G32884" s="16">
        <v>0.21050477155390104</v>
      </c>
    </row>
    <row r="32885" spans="1:7" x14ac:dyDescent="0.3">
      <c r="A32885" s="13" t="s">
        <v>203</v>
      </c>
      <c r="B32885" s="14" t="s">
        <v>1</v>
      </c>
      <c r="C32885" s="14" t="s">
        <v>200</v>
      </c>
      <c r="D32885" s="14" t="s">
        <v>204</v>
      </c>
      <c r="E32885" s="15">
        <v>45411</v>
      </c>
      <c r="F32885" s="14" t="s">
        <v>53</v>
      </c>
      <c r="G32885" s="16">
        <v>0.21644013362730077</v>
      </c>
    </row>
    <row r="32886" spans="1:7" x14ac:dyDescent="0.3">
      <c r="A32886" s="13" t="s">
        <v>203</v>
      </c>
      <c r="B32886" s="14" t="s">
        <v>1</v>
      </c>
      <c r="C32886" s="14" t="s">
        <v>200</v>
      </c>
      <c r="D32886" s="14" t="s">
        <v>204</v>
      </c>
      <c r="E32886" s="15">
        <v>45412</v>
      </c>
      <c r="F32886" s="14" t="s">
        <v>53</v>
      </c>
      <c r="G32886" s="16">
        <v>0.23765907944485781</v>
      </c>
    </row>
    <row r="32887" spans="1:7" x14ac:dyDescent="0.3">
      <c r="A32887" s="13" t="s">
        <v>203</v>
      </c>
      <c r="B32887" s="14" t="s">
        <v>1</v>
      </c>
      <c r="C32887" s="14" t="s">
        <v>200</v>
      </c>
      <c r="D32887" s="14" t="s">
        <v>204</v>
      </c>
      <c r="E32887" s="15">
        <v>45413</v>
      </c>
      <c r="F32887" s="14" t="s">
        <v>53</v>
      </c>
      <c r="G32887" s="16">
        <v>0.24254965145767832</v>
      </c>
    </row>
    <row r="32888" spans="1:7" x14ac:dyDescent="0.3">
      <c r="A32888" s="13" t="s">
        <v>203</v>
      </c>
      <c r="B32888" s="14" t="s">
        <v>1</v>
      </c>
      <c r="C32888" s="14" t="s">
        <v>200</v>
      </c>
      <c r="D32888" s="14" t="s">
        <v>204</v>
      </c>
      <c r="E32888" s="15">
        <v>45414</v>
      </c>
      <c r="F32888" s="14" t="s">
        <v>53</v>
      </c>
      <c r="G32888" s="16">
        <v>0.25186383373109361</v>
      </c>
    </row>
    <row r="32889" spans="1:7" x14ac:dyDescent="0.3">
      <c r="A32889" s="13" t="s">
        <v>203</v>
      </c>
      <c r="B32889" s="14" t="s">
        <v>1</v>
      </c>
      <c r="C32889" s="14" t="s">
        <v>200</v>
      </c>
      <c r="D32889" s="14" t="s">
        <v>204</v>
      </c>
      <c r="E32889" s="15">
        <v>45415</v>
      </c>
      <c r="F32889" s="14" t="s">
        <v>53</v>
      </c>
      <c r="G32889" s="16">
        <v>0.25877059382392043</v>
      </c>
    </row>
    <row r="32890" spans="1:7" x14ac:dyDescent="0.3">
      <c r="A32890" s="13" t="s">
        <v>203</v>
      </c>
      <c r="B32890" s="14" t="s">
        <v>1</v>
      </c>
      <c r="C32890" s="14" t="s">
        <v>200</v>
      </c>
      <c r="D32890" s="14" t="s">
        <v>204</v>
      </c>
      <c r="E32890" s="15">
        <v>45416</v>
      </c>
      <c r="F32890" s="14" t="s">
        <v>53</v>
      </c>
      <c r="G32890" s="16">
        <v>0.25877059382392043</v>
      </c>
    </row>
    <row r="32891" spans="1:7" x14ac:dyDescent="0.3">
      <c r="A32891" s="13" t="s">
        <v>203</v>
      </c>
      <c r="B32891" s="14" t="s">
        <v>1</v>
      </c>
      <c r="C32891" s="14" t="s">
        <v>200</v>
      </c>
      <c r="D32891" s="14" t="s">
        <v>204</v>
      </c>
      <c r="E32891" s="15">
        <v>45417</v>
      </c>
      <c r="F32891" s="14" t="s">
        <v>53</v>
      </c>
      <c r="G32891" s="16">
        <v>0.25877059382392043</v>
      </c>
    </row>
    <row r="32892" spans="1:7" x14ac:dyDescent="0.3">
      <c r="A32892" s="13" t="s">
        <v>203</v>
      </c>
      <c r="B32892" s="14" t="s">
        <v>1</v>
      </c>
      <c r="C32892" s="14" t="s">
        <v>200</v>
      </c>
      <c r="D32892" s="14" t="s">
        <v>204</v>
      </c>
      <c r="E32892" s="15">
        <v>45418</v>
      </c>
      <c r="F32892" s="14" t="s">
        <v>53</v>
      </c>
      <c r="G32892" s="16">
        <v>0.25877059382392043</v>
      </c>
    </row>
    <row r="32893" spans="1:7" x14ac:dyDescent="0.3">
      <c r="A32893" s="13" t="s">
        <v>203</v>
      </c>
      <c r="B32893" s="14" t="s">
        <v>1</v>
      </c>
      <c r="C32893" s="14" t="s">
        <v>200</v>
      </c>
      <c r="D32893" s="14" t="s">
        <v>204</v>
      </c>
      <c r="E32893" s="15">
        <v>45419</v>
      </c>
      <c r="F32893" s="14" t="s">
        <v>53</v>
      </c>
      <c r="G32893" s="16">
        <v>0.26433436278558803</v>
      </c>
    </row>
    <row r="32894" spans="1:7" x14ac:dyDescent="0.3">
      <c r="A32894" s="13" t="s">
        <v>203</v>
      </c>
      <c r="B32894" s="14" t="s">
        <v>1</v>
      </c>
      <c r="C32894" s="14" t="s">
        <v>200</v>
      </c>
      <c r="D32894" s="14" t="s">
        <v>204</v>
      </c>
      <c r="E32894" s="15">
        <v>45420</v>
      </c>
      <c r="F32894" s="14" t="s">
        <v>53</v>
      </c>
      <c r="G32894" s="16">
        <v>0.28692415515901115</v>
      </c>
    </row>
    <row r="32895" spans="1:7" x14ac:dyDescent="0.3">
      <c r="A32895" s="13" t="s">
        <v>203</v>
      </c>
      <c r="B32895" s="14" t="s">
        <v>1</v>
      </c>
      <c r="C32895" s="14" t="s">
        <v>200</v>
      </c>
      <c r="D32895" s="14" t="s">
        <v>204</v>
      </c>
      <c r="E32895" s="15">
        <v>45421</v>
      </c>
      <c r="F32895" s="14" t="s">
        <v>53</v>
      </c>
      <c r="G32895" s="16">
        <v>0.29421728275712555</v>
      </c>
    </row>
    <row r="32896" spans="1:7" x14ac:dyDescent="0.3">
      <c r="A32896" s="13" t="s">
        <v>203</v>
      </c>
      <c r="B32896" s="14" t="s">
        <v>1</v>
      </c>
      <c r="C32896" s="14" t="s">
        <v>200</v>
      </c>
      <c r="D32896" s="14" t="s">
        <v>204</v>
      </c>
      <c r="E32896" s="15">
        <v>45422</v>
      </c>
      <c r="F32896" s="14" t="s">
        <v>53</v>
      </c>
      <c r="G32896" s="16">
        <v>0.3005969589367215</v>
      </c>
    </row>
    <row r="32897" spans="1:7" x14ac:dyDescent="0.3">
      <c r="A32897" s="13" t="s">
        <v>203</v>
      </c>
      <c r="B32897" s="14" t="s">
        <v>1</v>
      </c>
      <c r="C32897" s="14" t="s">
        <v>200</v>
      </c>
      <c r="D32897" s="14" t="s">
        <v>204</v>
      </c>
      <c r="E32897" s="15">
        <v>45423</v>
      </c>
      <c r="F32897" s="14" t="s">
        <v>53</v>
      </c>
      <c r="G32897" s="16">
        <v>0.3005969589367215</v>
      </c>
    </row>
    <row r="32898" spans="1:7" x14ac:dyDescent="0.3">
      <c r="A32898" s="13" t="s">
        <v>203</v>
      </c>
      <c r="B32898" s="14" t="s">
        <v>1</v>
      </c>
      <c r="C32898" s="14" t="s">
        <v>200</v>
      </c>
      <c r="D32898" s="14" t="s">
        <v>204</v>
      </c>
      <c r="E32898" s="15">
        <v>45424</v>
      </c>
      <c r="F32898" s="14" t="s">
        <v>53</v>
      </c>
      <c r="G32898" s="16">
        <v>0.3005969589367215</v>
      </c>
    </row>
    <row r="32899" spans="1:7" x14ac:dyDescent="0.3">
      <c r="A32899" s="13" t="s">
        <v>203</v>
      </c>
      <c r="B32899" s="14" t="s">
        <v>1</v>
      </c>
      <c r="C32899" s="14" t="s">
        <v>200</v>
      </c>
      <c r="D32899" s="14" t="s">
        <v>204</v>
      </c>
      <c r="E32899" s="15">
        <v>45425</v>
      </c>
      <c r="F32899" s="14" t="s">
        <v>53</v>
      </c>
      <c r="G32899" s="16">
        <v>0.30450160369218504</v>
      </c>
    </row>
    <row r="32900" spans="1:7" x14ac:dyDescent="0.3">
      <c r="A32900" s="13" t="s">
        <v>203</v>
      </c>
      <c r="B32900" s="14" t="s">
        <v>1</v>
      </c>
      <c r="C32900" s="14" t="s">
        <v>200</v>
      </c>
      <c r="D32900" s="14" t="s">
        <v>204</v>
      </c>
      <c r="E32900" s="15">
        <v>45426</v>
      </c>
      <c r="F32900" s="14" t="s">
        <v>53</v>
      </c>
      <c r="G32900" s="16">
        <v>0.326600954220294</v>
      </c>
    </row>
    <row r="32901" spans="1:7" x14ac:dyDescent="0.3">
      <c r="A32901" s="13" t="s">
        <v>203</v>
      </c>
      <c r="B32901" s="14" t="s">
        <v>1</v>
      </c>
      <c r="C32901" s="14" t="s">
        <v>200</v>
      </c>
      <c r="D32901" s="14" t="s">
        <v>204</v>
      </c>
      <c r="E32901" s="15">
        <v>45427</v>
      </c>
      <c r="F32901" s="14" t="s">
        <v>53</v>
      </c>
      <c r="G32901" s="16">
        <v>0.33055976338484966</v>
      </c>
    </row>
    <row r="32902" spans="1:7" x14ac:dyDescent="0.3">
      <c r="A32902" s="13" t="s">
        <v>203</v>
      </c>
      <c r="B32902" s="14" t="s">
        <v>1</v>
      </c>
      <c r="C32902" s="14" t="s">
        <v>200</v>
      </c>
      <c r="D32902" s="14" t="s">
        <v>204</v>
      </c>
      <c r="E32902" s="15">
        <v>45428</v>
      </c>
      <c r="F32902" s="14" t="s">
        <v>53</v>
      </c>
      <c r="G32902" s="16">
        <v>0.33795326698238953</v>
      </c>
    </row>
    <row r="32903" spans="1:7" x14ac:dyDescent="0.3">
      <c r="A32903" s="13" t="s">
        <v>203</v>
      </c>
      <c r="B32903" s="14" t="s">
        <v>1</v>
      </c>
      <c r="C32903" s="14" t="s">
        <v>200</v>
      </c>
      <c r="D32903" s="14" t="s">
        <v>204</v>
      </c>
      <c r="E32903" s="15">
        <v>45429</v>
      </c>
      <c r="F32903" s="14" t="s">
        <v>53</v>
      </c>
      <c r="G32903" s="16">
        <v>0.34496778421285118</v>
      </c>
    </row>
    <row r="32904" spans="1:7" x14ac:dyDescent="0.3">
      <c r="A32904" s="13" t="s">
        <v>203</v>
      </c>
      <c r="B32904" s="14" t="s">
        <v>1</v>
      </c>
      <c r="C32904" s="14" t="s">
        <v>200</v>
      </c>
      <c r="D32904" s="14" t="s">
        <v>204</v>
      </c>
      <c r="E32904" s="15">
        <v>45430</v>
      </c>
      <c r="F32904" s="14" t="s">
        <v>53</v>
      </c>
      <c r="G32904" s="16">
        <v>0.34496778421285118</v>
      </c>
    </row>
    <row r="32905" spans="1:7" x14ac:dyDescent="0.3">
      <c r="A32905" s="13" t="s">
        <v>203</v>
      </c>
      <c r="B32905" s="14" t="s">
        <v>1</v>
      </c>
      <c r="C32905" s="14" t="s">
        <v>200</v>
      </c>
      <c r="D32905" s="14" t="s">
        <v>204</v>
      </c>
      <c r="E32905" s="15">
        <v>45431</v>
      </c>
      <c r="F32905" s="14" t="s">
        <v>53</v>
      </c>
      <c r="G32905" s="16">
        <v>0.34496778421285118</v>
      </c>
    </row>
    <row r="32906" spans="1:7" x14ac:dyDescent="0.3">
      <c r="A32906" s="13" t="s">
        <v>203</v>
      </c>
      <c r="B32906" s="14" t="s">
        <v>1</v>
      </c>
      <c r="C32906" s="14" t="s">
        <v>200</v>
      </c>
      <c r="D32906" s="14" t="s">
        <v>204</v>
      </c>
      <c r="E32906" s="15">
        <v>45432</v>
      </c>
      <c r="F32906" s="14" t="s">
        <v>53</v>
      </c>
      <c r="G32906" s="16">
        <v>0.35030087776391228</v>
      </c>
    </row>
    <row r="32907" spans="1:7" x14ac:dyDescent="0.3">
      <c r="A32907" s="13" t="s">
        <v>203</v>
      </c>
      <c r="B32907" s="14" t="s">
        <v>1</v>
      </c>
      <c r="C32907" s="14" t="s">
        <v>200</v>
      </c>
      <c r="D32907" s="14" t="s">
        <v>204</v>
      </c>
      <c r="E32907" s="15">
        <v>45433</v>
      </c>
      <c r="F32907" s="14" t="s">
        <v>53</v>
      </c>
      <c r="G32907" s="16">
        <v>0.37140901567615048</v>
      </c>
    </row>
    <row r="32908" spans="1:7" x14ac:dyDescent="0.3">
      <c r="A32908" s="13" t="s">
        <v>203</v>
      </c>
      <c r="B32908" s="14" t="s">
        <v>1</v>
      </c>
      <c r="C32908" s="14" t="s">
        <v>200</v>
      </c>
      <c r="D32908" s="14" t="s">
        <v>204</v>
      </c>
      <c r="E32908" s="15">
        <v>45434</v>
      </c>
      <c r="F32908" s="14" t="s">
        <v>53</v>
      </c>
      <c r="G32908" s="16">
        <v>0.37899125946809215</v>
      </c>
    </row>
    <row r="32909" spans="1:7" x14ac:dyDescent="0.3">
      <c r="A32909" s="13" t="s">
        <v>203</v>
      </c>
      <c r="B32909" s="14" t="s">
        <v>1</v>
      </c>
      <c r="C32909" s="14" t="s">
        <v>200</v>
      </c>
      <c r="D32909" s="14" t="s">
        <v>204</v>
      </c>
      <c r="E32909" s="15">
        <v>45435</v>
      </c>
      <c r="F32909" s="14" t="s">
        <v>53</v>
      </c>
      <c r="G32909" s="16">
        <v>0.38656345713239959</v>
      </c>
    </row>
    <row r="32910" spans="1:7" x14ac:dyDescent="0.3">
      <c r="A32910" s="13" t="s">
        <v>203</v>
      </c>
      <c r="B32910" s="14" t="s">
        <v>1</v>
      </c>
      <c r="C32910" s="14" t="s">
        <v>200</v>
      </c>
      <c r="D32910" s="14" t="s">
        <v>204</v>
      </c>
      <c r="E32910" s="15">
        <v>45436</v>
      </c>
      <c r="F32910" s="14" t="s">
        <v>53</v>
      </c>
      <c r="G32910" s="16">
        <v>0.3924055308046191</v>
      </c>
    </row>
    <row r="32911" spans="1:7" x14ac:dyDescent="0.3">
      <c r="A32911" s="13" t="s">
        <v>203</v>
      </c>
      <c r="B32911" s="14" t="s">
        <v>1</v>
      </c>
      <c r="C32911" s="14" t="s">
        <v>200</v>
      </c>
      <c r="D32911" s="14" t="s">
        <v>204</v>
      </c>
      <c r="E32911" s="15">
        <v>45437</v>
      </c>
      <c r="F32911" s="14" t="s">
        <v>53</v>
      </c>
      <c r="G32911" s="16">
        <v>0.3924055308046191</v>
      </c>
    </row>
    <row r="32912" spans="1:7" x14ac:dyDescent="0.3">
      <c r="A32912" s="13" t="s">
        <v>203</v>
      </c>
      <c r="B32912" s="14" t="s">
        <v>1</v>
      </c>
      <c r="C32912" s="14" t="s">
        <v>200</v>
      </c>
      <c r="D32912" s="14" t="s">
        <v>204</v>
      </c>
      <c r="E32912" s="15">
        <v>45438</v>
      </c>
      <c r="F32912" s="14" t="s">
        <v>53</v>
      </c>
      <c r="G32912" s="16">
        <v>0.3924055308046191</v>
      </c>
    </row>
    <row r="32913" spans="1:7" x14ac:dyDescent="0.3">
      <c r="A32913" s="13" t="s">
        <v>203</v>
      </c>
      <c r="B32913" s="14" t="s">
        <v>1</v>
      </c>
      <c r="C32913" s="14" t="s">
        <v>200</v>
      </c>
      <c r="D32913" s="14" t="s">
        <v>204</v>
      </c>
      <c r="E32913" s="15">
        <v>45439</v>
      </c>
      <c r="F32913" s="14" t="s">
        <v>53</v>
      </c>
      <c r="G32913" s="16">
        <v>0.3924055308046191</v>
      </c>
    </row>
    <row r="32914" spans="1:7" x14ac:dyDescent="0.3">
      <c r="A32914" s="13" t="s">
        <v>203</v>
      </c>
      <c r="B32914" s="14" t="s">
        <v>1</v>
      </c>
      <c r="C32914" s="14" t="s">
        <v>200</v>
      </c>
      <c r="D32914" s="14" t="s">
        <v>204</v>
      </c>
      <c r="E32914" s="15">
        <v>45440</v>
      </c>
      <c r="F32914" s="14" t="s">
        <v>53</v>
      </c>
      <c r="G32914" s="16">
        <v>0.39871355904508138</v>
      </c>
    </row>
    <row r="32915" spans="1:7" x14ac:dyDescent="0.3">
      <c r="A32915" s="13" t="s">
        <v>203</v>
      </c>
      <c r="B32915" s="14" t="s">
        <v>1</v>
      </c>
      <c r="C32915" s="14" t="s">
        <v>200</v>
      </c>
      <c r="D32915" s="14" t="s">
        <v>204</v>
      </c>
      <c r="E32915" s="15">
        <v>45441</v>
      </c>
      <c r="F32915" s="14" t="s">
        <v>53</v>
      </c>
      <c r="G32915" s="16">
        <v>0.41393508700941234</v>
      </c>
    </row>
    <row r="32916" spans="1:7" x14ac:dyDescent="0.3">
      <c r="A32916" s="13" t="s">
        <v>203</v>
      </c>
      <c r="B32916" s="14" t="s">
        <v>1</v>
      </c>
      <c r="C32916" s="14" t="s">
        <v>200</v>
      </c>
      <c r="D32916" s="14" t="s">
        <v>204</v>
      </c>
      <c r="E32916" s="15">
        <v>45442</v>
      </c>
      <c r="F32916" s="14" t="s">
        <v>53</v>
      </c>
      <c r="G32916" s="16">
        <v>0.41608653240722387</v>
      </c>
    </row>
    <row r="32917" spans="1:7" x14ac:dyDescent="0.3">
      <c r="A32917" s="13" t="s">
        <v>203</v>
      </c>
      <c r="B32917" s="14" t="s">
        <v>1</v>
      </c>
      <c r="C32917" s="14" t="s">
        <v>200</v>
      </c>
      <c r="D32917" s="14" t="s">
        <v>204</v>
      </c>
      <c r="E32917" s="15">
        <v>45443</v>
      </c>
      <c r="F32917" s="14" t="s">
        <v>53</v>
      </c>
      <c r="G32917" s="16">
        <v>0.42189589891504398</v>
      </c>
    </row>
    <row r="32918" spans="1:7" x14ac:dyDescent="0.3">
      <c r="A32918" s="13" t="s">
        <v>203</v>
      </c>
      <c r="B32918" s="14" t="s">
        <v>1</v>
      </c>
      <c r="C32918" s="14" t="s">
        <v>200</v>
      </c>
      <c r="D32918" s="14" t="s">
        <v>204</v>
      </c>
      <c r="E32918" s="15">
        <v>45444</v>
      </c>
      <c r="F32918" s="14" t="s">
        <v>53</v>
      </c>
      <c r="G32918" s="16">
        <v>0.42189589891504398</v>
      </c>
    </row>
    <row r="32919" spans="1:7" x14ac:dyDescent="0.3">
      <c r="A32919" s="13" t="s">
        <v>203</v>
      </c>
      <c r="B32919" s="14" t="s">
        <v>1</v>
      </c>
      <c r="C32919" s="14" t="s">
        <v>200</v>
      </c>
      <c r="D32919" s="14" t="s">
        <v>204</v>
      </c>
      <c r="E32919" s="15">
        <v>45445</v>
      </c>
      <c r="F32919" s="14" t="s">
        <v>53</v>
      </c>
      <c r="G32919" s="16">
        <v>0.42189589891504398</v>
      </c>
    </row>
    <row r="32920" spans="1:7" x14ac:dyDescent="0.3">
      <c r="A32920" s="13" t="s">
        <v>203</v>
      </c>
      <c r="B32920" s="14" t="s">
        <v>1</v>
      </c>
      <c r="C32920" s="14" t="s">
        <v>200</v>
      </c>
      <c r="D32920" s="14" t="s">
        <v>204</v>
      </c>
      <c r="E32920" s="15">
        <v>45446</v>
      </c>
      <c r="F32920" s="14" t="s">
        <v>53</v>
      </c>
      <c r="G32920" s="16">
        <v>0.42189589891504398</v>
      </c>
    </row>
    <row r="32921" spans="1:7" x14ac:dyDescent="0.3">
      <c r="A32921" s="13" t="s">
        <v>203</v>
      </c>
      <c r="B32921" s="14" t="s">
        <v>1</v>
      </c>
      <c r="C32921" s="14" t="s">
        <v>200</v>
      </c>
      <c r="D32921" s="14" t="s">
        <v>204</v>
      </c>
      <c r="E32921" s="15">
        <v>45447</v>
      </c>
      <c r="F32921" s="14" t="s">
        <v>53</v>
      </c>
      <c r="G32921" s="16">
        <v>0.42898632165050604</v>
      </c>
    </row>
    <row r="32922" spans="1:7" x14ac:dyDescent="0.3">
      <c r="A32922" s="13" t="s">
        <v>203</v>
      </c>
      <c r="B32922" s="14" t="s">
        <v>1</v>
      </c>
      <c r="C32922" s="14" t="s">
        <v>200</v>
      </c>
      <c r="D32922" s="14" t="s">
        <v>204</v>
      </c>
      <c r="E32922" s="15">
        <v>45448</v>
      </c>
      <c r="F32922" s="14" t="s">
        <v>53</v>
      </c>
      <c r="G32922" s="16">
        <v>0.4531969279244959</v>
      </c>
    </row>
    <row r="32923" spans="1:7" x14ac:dyDescent="0.3">
      <c r="A32923" s="13" t="s">
        <v>203</v>
      </c>
      <c r="B32923" s="14" t="s">
        <v>1</v>
      </c>
      <c r="C32923" s="14" t="s">
        <v>200</v>
      </c>
      <c r="D32923" s="14" t="s">
        <v>204</v>
      </c>
      <c r="E32923" s="15">
        <v>45449</v>
      </c>
      <c r="F32923" s="14" t="s">
        <v>53</v>
      </c>
      <c r="G32923" s="16">
        <v>0.45929115493379125</v>
      </c>
    </row>
    <row r="32924" spans="1:7" x14ac:dyDescent="0.3">
      <c r="A32924" s="13" t="s">
        <v>203</v>
      </c>
      <c r="B32924" s="14" t="s">
        <v>1</v>
      </c>
      <c r="C32924" s="14" t="s">
        <v>200</v>
      </c>
      <c r="D32924" s="14" t="s">
        <v>204</v>
      </c>
      <c r="E32924" s="15">
        <v>45450</v>
      </c>
      <c r="F32924" s="14" t="s">
        <v>53</v>
      </c>
      <c r="G32924" s="16">
        <v>0.46800239828901447</v>
      </c>
    </row>
    <row r="32925" spans="1:7" x14ac:dyDescent="0.3">
      <c r="A32925" s="13" t="s">
        <v>203</v>
      </c>
      <c r="B32925" s="14" t="s">
        <v>1</v>
      </c>
      <c r="C32925" s="14" t="s">
        <v>200</v>
      </c>
      <c r="D32925" s="14" t="s">
        <v>204</v>
      </c>
      <c r="E32925" s="15">
        <v>45451</v>
      </c>
      <c r="F32925" s="14" t="s">
        <v>53</v>
      </c>
      <c r="G32925" s="16">
        <v>0.46800239828901447</v>
      </c>
    </row>
    <row r="32926" spans="1:7" x14ac:dyDescent="0.3">
      <c r="A32926" s="13" t="s">
        <v>203</v>
      </c>
      <c r="B32926" s="14" t="s">
        <v>1</v>
      </c>
      <c r="C32926" s="14" t="s">
        <v>200</v>
      </c>
      <c r="D32926" s="14" t="s">
        <v>204</v>
      </c>
      <c r="E32926" s="15">
        <v>45452</v>
      </c>
      <c r="F32926" s="14" t="s">
        <v>53</v>
      </c>
      <c r="G32926" s="16">
        <v>0.46800239828901447</v>
      </c>
    </row>
    <row r="32927" spans="1:7" x14ac:dyDescent="0.3">
      <c r="A32927" s="13" t="s">
        <v>203</v>
      </c>
      <c r="B32927" s="14" t="s">
        <v>1</v>
      </c>
      <c r="C32927" s="14" t="s">
        <v>200</v>
      </c>
      <c r="D32927" s="14" t="s">
        <v>204</v>
      </c>
      <c r="E32927" s="15">
        <v>45453</v>
      </c>
      <c r="F32927" s="14" t="s">
        <v>53</v>
      </c>
      <c r="G32927" s="16">
        <v>0.47472959226830752</v>
      </c>
    </row>
    <row r="32928" spans="1:7" x14ac:dyDescent="0.3">
      <c r="A32928" s="13" t="s">
        <v>203</v>
      </c>
      <c r="B32928" s="14" t="s">
        <v>1</v>
      </c>
      <c r="C32928" s="14" t="s">
        <v>200</v>
      </c>
      <c r="D32928" s="14" t="s">
        <v>204</v>
      </c>
      <c r="E32928" s="15">
        <v>45454</v>
      </c>
      <c r="F32928" s="14" t="s">
        <v>53</v>
      </c>
      <c r="G32928" s="16">
        <v>0.49231096433465699</v>
      </c>
    </row>
    <row r="32929" spans="1:7" x14ac:dyDescent="0.3">
      <c r="A32929" s="13" t="s">
        <v>203</v>
      </c>
      <c r="B32929" s="14" t="s">
        <v>1</v>
      </c>
      <c r="C32929" s="14" t="s">
        <v>200</v>
      </c>
      <c r="D32929" s="14" t="s">
        <v>204</v>
      </c>
      <c r="E32929" s="15">
        <v>45455</v>
      </c>
      <c r="F32929" s="14" t="s">
        <v>53</v>
      </c>
      <c r="G32929" s="16">
        <v>0.49872871807450581</v>
      </c>
    </row>
    <row r="32930" spans="1:7" x14ac:dyDescent="0.3">
      <c r="A32930" s="13" t="s">
        <v>203</v>
      </c>
      <c r="B32930" s="14" t="s">
        <v>1</v>
      </c>
      <c r="C32930" s="14" t="s">
        <v>200</v>
      </c>
      <c r="D32930" s="14" t="s">
        <v>204</v>
      </c>
      <c r="E32930" s="15">
        <v>45456</v>
      </c>
      <c r="F32930" s="14" t="s">
        <v>53</v>
      </c>
      <c r="G32930" s="16">
        <v>0.5040069971897102</v>
      </c>
    </row>
    <row r="32931" spans="1:7" x14ac:dyDescent="0.3">
      <c r="A32931" s="13" t="s">
        <v>203</v>
      </c>
      <c r="B32931" s="14" t="s">
        <v>1</v>
      </c>
      <c r="C32931" s="14" t="s">
        <v>200</v>
      </c>
      <c r="D32931" s="14" t="s">
        <v>204</v>
      </c>
      <c r="E32931" s="15">
        <v>45457</v>
      </c>
      <c r="F32931" s="14" t="s">
        <v>53</v>
      </c>
      <c r="G32931" s="16">
        <v>0.51316193942082455</v>
      </c>
    </row>
    <row r="32932" spans="1:7" x14ac:dyDescent="0.3">
      <c r="A32932" s="13" t="s">
        <v>203</v>
      </c>
      <c r="B32932" s="14" t="s">
        <v>1</v>
      </c>
      <c r="C32932" s="14" t="s">
        <v>200</v>
      </c>
      <c r="D32932" s="14" t="s">
        <v>204</v>
      </c>
      <c r="E32932" s="15">
        <v>45458</v>
      </c>
      <c r="F32932" s="14" t="s">
        <v>53</v>
      </c>
      <c r="G32932" s="16">
        <v>0.51316193942082455</v>
      </c>
    </row>
    <row r="32933" spans="1:7" x14ac:dyDescent="0.3">
      <c r="A32933" s="13" t="s">
        <v>203</v>
      </c>
      <c r="B32933" s="14" t="s">
        <v>1</v>
      </c>
      <c r="C32933" s="14" t="s">
        <v>200</v>
      </c>
      <c r="D32933" s="14" t="s">
        <v>204</v>
      </c>
      <c r="E32933" s="15">
        <v>45459</v>
      </c>
      <c r="F32933" s="14" t="s">
        <v>53</v>
      </c>
      <c r="G32933" s="16">
        <v>0.51316193942082455</v>
      </c>
    </row>
    <row r="32934" spans="1:7" x14ac:dyDescent="0.3">
      <c r="A32934" s="13" t="s">
        <v>203</v>
      </c>
      <c r="B32934" s="14" t="s">
        <v>1</v>
      </c>
      <c r="C32934" s="14" t="s">
        <v>200</v>
      </c>
      <c r="D32934" s="14" t="s">
        <v>204</v>
      </c>
      <c r="E32934" s="15">
        <v>45460</v>
      </c>
      <c r="F32934" s="14" t="s">
        <v>53</v>
      </c>
      <c r="G32934" s="16">
        <v>0.52663297305922929</v>
      </c>
    </row>
    <row r="32935" spans="1:7" x14ac:dyDescent="0.3">
      <c r="A32935" s="13" t="s">
        <v>203</v>
      </c>
      <c r="B32935" s="14" t="s">
        <v>1</v>
      </c>
      <c r="C32935" s="14" t="s">
        <v>200</v>
      </c>
      <c r="D32935" s="14" t="s">
        <v>204</v>
      </c>
      <c r="E32935" s="15">
        <v>45461</v>
      </c>
      <c r="F32935" s="14" t="s">
        <v>53</v>
      </c>
      <c r="G32935" s="16">
        <v>0.54369589456352418</v>
      </c>
    </row>
    <row r="32936" spans="1:7" x14ac:dyDescent="0.3">
      <c r="A32936" s="13" t="s">
        <v>203</v>
      </c>
      <c r="B32936" s="14" t="s">
        <v>1</v>
      </c>
      <c r="C32936" s="14" t="s">
        <v>200</v>
      </c>
      <c r="D32936" s="14" t="s">
        <v>204</v>
      </c>
      <c r="E32936" s="15">
        <v>45462</v>
      </c>
      <c r="F32936" s="14" t="s">
        <v>53</v>
      </c>
      <c r="G32936" s="16">
        <v>0.54369589456352418</v>
      </c>
    </row>
    <row r="32937" spans="1:7" x14ac:dyDescent="0.3">
      <c r="A32937" s="13" t="s">
        <v>203</v>
      </c>
      <c r="B32937" s="14" t="s">
        <v>1</v>
      </c>
      <c r="C32937" s="14" t="s">
        <v>200</v>
      </c>
      <c r="D32937" s="14" t="s">
        <v>204</v>
      </c>
      <c r="E32937" s="15">
        <v>45463</v>
      </c>
      <c r="F32937" s="14" t="s">
        <v>53</v>
      </c>
      <c r="G32937" s="16">
        <v>0.55225264374492178</v>
      </c>
    </row>
    <row r="32938" spans="1:7" x14ac:dyDescent="0.3">
      <c r="A32938" s="13" t="s">
        <v>203</v>
      </c>
      <c r="B32938" s="14" t="s">
        <v>1</v>
      </c>
      <c r="C32938" s="14" t="s">
        <v>200</v>
      </c>
      <c r="D32938" s="14" t="s">
        <v>204</v>
      </c>
      <c r="E32938" s="15">
        <v>45464</v>
      </c>
      <c r="F32938" s="14" t="s">
        <v>53</v>
      </c>
      <c r="G32938" s="16">
        <v>0.5644871303992286</v>
      </c>
    </row>
    <row r="32939" spans="1:7" x14ac:dyDescent="0.3">
      <c r="A32939" s="13" t="s">
        <v>203</v>
      </c>
      <c r="B32939" s="14" t="s">
        <v>1</v>
      </c>
      <c r="C32939" s="14" t="s">
        <v>200</v>
      </c>
      <c r="D32939" s="14" t="s">
        <v>204</v>
      </c>
      <c r="E32939" s="15">
        <v>45465</v>
      </c>
      <c r="F32939" s="14" t="s">
        <v>53</v>
      </c>
      <c r="G32939" s="16">
        <v>0.5644871303992286</v>
      </c>
    </row>
    <row r="32940" spans="1:7" x14ac:dyDescent="0.3">
      <c r="A32940" s="13" t="s">
        <v>203</v>
      </c>
      <c r="B32940" s="14" t="s">
        <v>1</v>
      </c>
      <c r="C32940" s="14" t="s">
        <v>200</v>
      </c>
      <c r="D32940" s="14" t="s">
        <v>204</v>
      </c>
      <c r="E32940" s="15">
        <v>45466</v>
      </c>
      <c r="F32940" s="14" t="s">
        <v>53</v>
      </c>
      <c r="G32940" s="16">
        <v>0.5644871303992286</v>
      </c>
    </row>
    <row r="32941" spans="1:7" x14ac:dyDescent="0.3">
      <c r="A32941" s="13" t="s">
        <v>203</v>
      </c>
      <c r="B32941" s="14" t="s">
        <v>1</v>
      </c>
      <c r="C32941" s="14" t="s">
        <v>200</v>
      </c>
      <c r="D32941" s="14" t="s">
        <v>204</v>
      </c>
      <c r="E32941" s="15">
        <v>45467</v>
      </c>
      <c r="F32941" s="14" t="s">
        <v>53</v>
      </c>
      <c r="G32941" s="16">
        <v>0.56889093336290697</v>
      </c>
    </row>
    <row r="32942" spans="1:7" x14ac:dyDescent="0.3">
      <c r="A32942" s="13" t="s">
        <v>203</v>
      </c>
      <c r="B32942" s="14" t="s">
        <v>1</v>
      </c>
      <c r="C32942" s="14" t="s">
        <v>200</v>
      </c>
      <c r="D32942" s="14" t="s">
        <v>204</v>
      </c>
      <c r="E32942" s="15">
        <v>45468</v>
      </c>
      <c r="F32942" s="14" t="s">
        <v>53</v>
      </c>
      <c r="G32942" s="16">
        <v>0.58790830959603191</v>
      </c>
    </row>
    <row r="32943" spans="1:7" x14ac:dyDescent="0.3">
      <c r="A32943" s="13" t="s">
        <v>203</v>
      </c>
      <c r="B32943" s="14" t="s">
        <v>1</v>
      </c>
      <c r="C32943" s="14" t="s">
        <v>200</v>
      </c>
      <c r="D32943" s="14" t="s">
        <v>204</v>
      </c>
      <c r="E32943" s="15">
        <v>45469</v>
      </c>
      <c r="F32943" s="14" t="s">
        <v>53</v>
      </c>
      <c r="G32943" s="16">
        <v>0.59711004065655837</v>
      </c>
    </row>
    <row r="32944" spans="1:7" x14ac:dyDescent="0.3">
      <c r="A32944" s="13" t="s">
        <v>203</v>
      </c>
      <c r="B32944" s="14" t="s">
        <v>1</v>
      </c>
      <c r="C32944" s="14" t="s">
        <v>200</v>
      </c>
      <c r="D32944" s="14" t="s">
        <v>204</v>
      </c>
      <c r="E32944" s="15">
        <v>45470</v>
      </c>
      <c r="F32944" s="14" t="s">
        <v>53</v>
      </c>
      <c r="G32944" s="16">
        <v>0.60335585788701995</v>
      </c>
    </row>
    <row r="32945" spans="1:7" x14ac:dyDescent="0.3">
      <c r="A32945" s="13" t="s">
        <v>203</v>
      </c>
      <c r="B32945" s="14" t="s">
        <v>1</v>
      </c>
      <c r="C32945" s="14" t="s">
        <v>200</v>
      </c>
      <c r="D32945" s="14" t="s">
        <v>204</v>
      </c>
      <c r="E32945" s="15">
        <v>45471</v>
      </c>
      <c r="F32945" s="14" t="s">
        <v>53</v>
      </c>
      <c r="G32945" s="16">
        <v>0.60790414582602259</v>
      </c>
    </row>
    <row r="32946" spans="1:7" x14ac:dyDescent="0.3">
      <c r="A32946" s="13" t="s">
        <v>203</v>
      </c>
      <c r="B32946" s="14" t="s">
        <v>1</v>
      </c>
      <c r="C32946" s="14" t="s">
        <v>200</v>
      </c>
      <c r="D32946" s="14" t="s">
        <v>204</v>
      </c>
      <c r="E32946" s="15">
        <v>45472</v>
      </c>
      <c r="F32946" s="14" t="s">
        <v>53</v>
      </c>
      <c r="G32946" s="16">
        <v>0.60790414582602259</v>
      </c>
    </row>
    <row r="32947" spans="1:7" x14ac:dyDescent="0.3">
      <c r="A32947" s="13" t="s">
        <v>203</v>
      </c>
      <c r="B32947" s="14" t="s">
        <v>1</v>
      </c>
      <c r="C32947" s="14" t="s">
        <v>200</v>
      </c>
      <c r="D32947" s="14" t="s">
        <v>204</v>
      </c>
      <c r="E32947" s="15">
        <v>45473</v>
      </c>
      <c r="F32947" s="14" t="s">
        <v>53</v>
      </c>
      <c r="G32947" s="16">
        <v>0.60790414582602259</v>
      </c>
    </row>
    <row r="32948" spans="1:7" x14ac:dyDescent="0.3">
      <c r="A32948" s="13" t="s">
        <v>203</v>
      </c>
      <c r="B32948" s="14" t="s">
        <v>1</v>
      </c>
      <c r="C32948" s="14" t="s">
        <v>200</v>
      </c>
      <c r="D32948" s="14" t="s">
        <v>204</v>
      </c>
      <c r="E32948" s="15">
        <v>45474</v>
      </c>
      <c r="F32948" s="14" t="s">
        <v>53</v>
      </c>
      <c r="G32948" s="16">
        <v>0.61387592302266958</v>
      </c>
    </row>
    <row r="32949" spans="1:7" x14ac:dyDescent="0.3">
      <c r="A32949" s="13" t="s">
        <v>203</v>
      </c>
      <c r="B32949" s="14" t="s">
        <v>1</v>
      </c>
      <c r="C32949" s="14" t="s">
        <v>200</v>
      </c>
      <c r="D32949" s="14" t="s">
        <v>204</v>
      </c>
      <c r="E32949" s="15">
        <v>45475</v>
      </c>
      <c r="F32949" s="14" t="s">
        <v>53</v>
      </c>
      <c r="G32949" s="16">
        <v>0.63261664795282035</v>
      </c>
    </row>
    <row r="32950" spans="1:7" x14ac:dyDescent="0.3">
      <c r="A32950" s="13" t="s">
        <v>203</v>
      </c>
      <c r="B32950" s="14" t="s">
        <v>1</v>
      </c>
      <c r="C32950" s="14" t="s">
        <v>200</v>
      </c>
      <c r="D32950" s="14" t="s">
        <v>204</v>
      </c>
      <c r="E32950" s="15">
        <v>45476</v>
      </c>
      <c r="F32950" s="14" t="s">
        <v>53</v>
      </c>
      <c r="G32950" s="16">
        <v>0.6360414976329517</v>
      </c>
    </row>
    <row r="32951" spans="1:7" x14ac:dyDescent="0.3">
      <c r="A32951" s="13" t="s">
        <v>203</v>
      </c>
      <c r="B32951" s="14" t="s">
        <v>1</v>
      </c>
      <c r="C32951" s="14" t="s">
        <v>200</v>
      </c>
      <c r="D32951" s="14" t="s">
        <v>204</v>
      </c>
      <c r="E32951" s="15">
        <v>45477</v>
      </c>
      <c r="F32951" s="14" t="s">
        <v>53</v>
      </c>
      <c r="G32951" s="16">
        <v>0.6360414976329517</v>
      </c>
    </row>
    <row r="32952" spans="1:7" x14ac:dyDescent="0.3">
      <c r="A32952" s="13" t="s">
        <v>203</v>
      </c>
      <c r="B32952" s="14" t="s">
        <v>1</v>
      </c>
      <c r="C32952" s="14" t="s">
        <v>200</v>
      </c>
      <c r="D32952" s="14" t="s">
        <v>204</v>
      </c>
      <c r="E32952" s="15">
        <v>45478</v>
      </c>
      <c r="F32952" s="14" t="s">
        <v>53</v>
      </c>
      <c r="G32952" s="16">
        <v>0.63851038847100672</v>
      </c>
    </row>
    <row r="32953" spans="1:7" x14ac:dyDescent="0.3">
      <c r="A32953" s="13" t="s">
        <v>203</v>
      </c>
      <c r="B32953" s="14" t="s">
        <v>1</v>
      </c>
      <c r="C32953" s="14" t="s">
        <v>200</v>
      </c>
      <c r="D32953" s="14" t="s">
        <v>204</v>
      </c>
      <c r="E32953" s="15">
        <v>45479</v>
      </c>
      <c r="F32953" s="14" t="s">
        <v>53</v>
      </c>
      <c r="G32953" s="16">
        <v>0.63851038847100672</v>
      </c>
    </row>
    <row r="32954" spans="1:7" x14ac:dyDescent="0.3">
      <c r="A32954" s="13" t="s">
        <v>203</v>
      </c>
      <c r="B32954" s="14" t="s">
        <v>1</v>
      </c>
      <c r="C32954" s="14" t="s">
        <v>200</v>
      </c>
      <c r="D32954" s="14" t="s">
        <v>204</v>
      </c>
      <c r="E32954" s="15">
        <v>45480</v>
      </c>
      <c r="F32954" s="14" t="s">
        <v>53</v>
      </c>
      <c r="G32954" s="16">
        <v>0.63851038847100672</v>
      </c>
    </row>
    <row r="32955" spans="1:7" x14ac:dyDescent="0.3">
      <c r="A32955" s="13" t="s">
        <v>203</v>
      </c>
      <c r="B32955" s="14" t="s">
        <v>1</v>
      </c>
      <c r="C32955" s="14" t="s">
        <v>200</v>
      </c>
      <c r="D32955" s="14" t="s">
        <v>204</v>
      </c>
      <c r="E32955" s="15">
        <v>45481</v>
      </c>
      <c r="F32955" s="14" t="s">
        <v>53</v>
      </c>
      <c r="G32955" s="16">
        <v>0.64902404765384059</v>
      </c>
    </row>
    <row r="32956" spans="1:7" x14ac:dyDescent="0.3">
      <c r="A32956" s="13" t="s">
        <v>203</v>
      </c>
      <c r="B32956" s="14" t="s">
        <v>1</v>
      </c>
      <c r="C32956" s="14" t="s">
        <v>200</v>
      </c>
      <c r="D32956" s="14" t="s">
        <v>204</v>
      </c>
      <c r="E32956" s="15">
        <v>45482</v>
      </c>
      <c r="F32956" s="14" t="s">
        <v>53</v>
      </c>
      <c r="G32956" s="16">
        <v>0.66960896081609833</v>
      </c>
    </row>
    <row r="32957" spans="1:7" x14ac:dyDescent="0.3">
      <c r="A32957" s="13" t="s">
        <v>203</v>
      </c>
      <c r="B32957" s="14" t="s">
        <v>1</v>
      </c>
      <c r="C32957" s="14" t="s">
        <v>200</v>
      </c>
      <c r="D32957" s="14" t="s">
        <v>204</v>
      </c>
      <c r="E32957" s="15">
        <v>45483</v>
      </c>
      <c r="F32957" s="14" t="s">
        <v>53</v>
      </c>
      <c r="G32957" s="16">
        <v>0.67253623946651453</v>
      </c>
    </row>
    <row r="32958" spans="1:7" x14ac:dyDescent="0.3">
      <c r="A32958" s="13" t="s">
        <v>203</v>
      </c>
      <c r="B32958" s="14" t="s">
        <v>1</v>
      </c>
      <c r="C32958" s="14" t="s">
        <v>200</v>
      </c>
      <c r="D32958" s="14" t="s">
        <v>204</v>
      </c>
      <c r="E32958" s="15">
        <v>45484</v>
      </c>
      <c r="F32958" s="14" t="s">
        <v>53</v>
      </c>
      <c r="G32958" s="16">
        <v>0.6737675129866334</v>
      </c>
    </row>
    <row r="32959" spans="1:7" x14ac:dyDescent="0.3">
      <c r="A32959" s="13" t="s">
        <v>203</v>
      </c>
      <c r="B32959" s="14" t="s">
        <v>1</v>
      </c>
      <c r="C32959" s="14" t="s">
        <v>200</v>
      </c>
      <c r="D32959" s="14" t="s">
        <v>204</v>
      </c>
      <c r="E32959" s="15">
        <v>45485</v>
      </c>
      <c r="F32959" s="14" t="s">
        <v>53</v>
      </c>
      <c r="G32959" s="16">
        <v>0.676559943912032</v>
      </c>
    </row>
    <row r="32960" spans="1:7" x14ac:dyDescent="0.3">
      <c r="A32960" s="13" t="s">
        <v>203</v>
      </c>
      <c r="B32960" s="14" t="s">
        <v>1</v>
      </c>
      <c r="C32960" s="14" t="s">
        <v>200</v>
      </c>
      <c r="D32960" s="14" t="s">
        <v>204</v>
      </c>
      <c r="E32960" s="15">
        <v>45486</v>
      </c>
      <c r="F32960" s="14" t="s">
        <v>53</v>
      </c>
      <c r="G32960" s="16">
        <v>0.676559943912032</v>
      </c>
    </row>
    <row r="32961" spans="1:7" x14ac:dyDescent="0.3">
      <c r="A32961" s="13" t="s">
        <v>203</v>
      </c>
      <c r="B32961" s="14" t="s">
        <v>1</v>
      </c>
      <c r="C32961" s="14" t="s">
        <v>200</v>
      </c>
      <c r="D32961" s="14" t="s">
        <v>204</v>
      </c>
      <c r="E32961" s="15">
        <v>45487</v>
      </c>
      <c r="F32961" s="14" t="s">
        <v>53</v>
      </c>
      <c r="G32961" s="16">
        <v>0.676559943912032</v>
      </c>
    </row>
    <row r="32962" spans="1:7" x14ac:dyDescent="0.3">
      <c r="A32962" s="13" t="s">
        <v>203</v>
      </c>
      <c r="B32962" s="14" t="s">
        <v>1</v>
      </c>
      <c r="C32962" s="14" t="s">
        <v>200</v>
      </c>
      <c r="D32962" s="14" t="s">
        <v>204</v>
      </c>
      <c r="E32962" s="15">
        <v>45488</v>
      </c>
      <c r="F32962" s="14" t="s">
        <v>53</v>
      </c>
      <c r="G32962" s="16">
        <v>0.68014891795046795</v>
      </c>
    </row>
    <row r="32963" spans="1:7" x14ac:dyDescent="0.3">
      <c r="A32963" s="13" t="s">
        <v>203</v>
      </c>
      <c r="B32963" s="14" t="s">
        <v>1</v>
      </c>
      <c r="C32963" s="14" t="s">
        <v>200</v>
      </c>
      <c r="D32963" s="14" t="s">
        <v>204</v>
      </c>
      <c r="E32963" s="15">
        <v>45489</v>
      </c>
      <c r="F32963" s="14" t="s">
        <v>53</v>
      </c>
      <c r="G32963" s="16">
        <v>0.70024287259182338</v>
      </c>
    </row>
    <row r="32964" spans="1:7" x14ac:dyDescent="0.3">
      <c r="A32964" s="13" t="s">
        <v>203</v>
      </c>
      <c r="B32964" s="14" t="s">
        <v>1</v>
      </c>
      <c r="C32964" s="14" t="s">
        <v>200</v>
      </c>
      <c r="D32964" s="14" t="s">
        <v>204</v>
      </c>
      <c r="E32964" s="15">
        <v>45490</v>
      </c>
      <c r="F32964" s="14" t="s">
        <v>53</v>
      </c>
      <c r="G32964" s="16">
        <v>0.69562407716137165</v>
      </c>
    </row>
    <row r="32965" spans="1:7" x14ac:dyDescent="0.3">
      <c r="A32965" s="13" t="s">
        <v>203</v>
      </c>
      <c r="B32965" s="14" t="s">
        <v>1</v>
      </c>
      <c r="C32965" s="14" t="s">
        <v>200</v>
      </c>
      <c r="D32965" s="14" t="s">
        <v>204</v>
      </c>
      <c r="E32965" s="15">
        <v>45491</v>
      </c>
      <c r="F32965" s="14" t="s">
        <v>53</v>
      </c>
      <c r="G32965" s="16">
        <v>0.7060633459539658</v>
      </c>
    </row>
    <row r="32966" spans="1:7" x14ac:dyDescent="0.3">
      <c r="A32966" s="13" t="s">
        <v>203</v>
      </c>
      <c r="B32966" s="14" t="s">
        <v>1</v>
      </c>
      <c r="C32966" s="14" t="s">
        <v>200</v>
      </c>
      <c r="D32966" s="14" t="s">
        <v>204</v>
      </c>
      <c r="E32966" s="15">
        <v>45492</v>
      </c>
      <c r="F32966" s="14" t="s">
        <v>53</v>
      </c>
      <c r="G32966" s="16">
        <v>0.71417273127004766</v>
      </c>
    </row>
    <row r="32967" spans="1:7" x14ac:dyDescent="0.3">
      <c r="A32967" s="13" t="s">
        <v>203</v>
      </c>
      <c r="B32967" s="14" t="s">
        <v>1</v>
      </c>
      <c r="C32967" s="14" t="s">
        <v>200</v>
      </c>
      <c r="D32967" s="14" t="s">
        <v>204</v>
      </c>
      <c r="E32967" s="15">
        <v>45493</v>
      </c>
      <c r="F32967" s="14" t="s">
        <v>53</v>
      </c>
      <c r="G32967" s="16">
        <v>0.71417273127004766</v>
      </c>
    </row>
    <row r="32968" spans="1:7" x14ac:dyDescent="0.3">
      <c r="A32968" s="13" t="s">
        <v>203</v>
      </c>
      <c r="B32968" s="14" t="s">
        <v>1</v>
      </c>
      <c r="C32968" s="14" t="s">
        <v>200</v>
      </c>
      <c r="D32968" s="14" t="s">
        <v>204</v>
      </c>
      <c r="E32968" s="15">
        <v>45494</v>
      </c>
      <c r="F32968" s="14" t="s">
        <v>53</v>
      </c>
      <c r="G32968" s="16">
        <v>0.71417273127004766</v>
      </c>
    </row>
    <row r="32969" spans="1:7" x14ac:dyDescent="0.3">
      <c r="A32969" s="13" t="s">
        <v>203</v>
      </c>
      <c r="B32969" s="14" t="s">
        <v>1</v>
      </c>
      <c r="C32969" s="14" t="s">
        <v>200</v>
      </c>
      <c r="D32969" s="14" t="s">
        <v>204</v>
      </c>
      <c r="E32969" s="15">
        <v>45495</v>
      </c>
      <c r="F32969" s="14" t="s">
        <v>53</v>
      </c>
      <c r="G32969" s="16">
        <v>0.71976158735668594</v>
      </c>
    </row>
    <row r="32970" spans="1:7" x14ac:dyDescent="0.3">
      <c r="A32970" s="13" t="s">
        <v>203</v>
      </c>
      <c r="B32970" s="14" t="s">
        <v>1</v>
      </c>
      <c r="C32970" s="14" t="s">
        <v>200</v>
      </c>
      <c r="D32970" s="14" t="s">
        <v>204</v>
      </c>
      <c r="E32970" s="15">
        <v>45496</v>
      </c>
      <c r="F32970" s="14" t="s">
        <v>53</v>
      </c>
      <c r="G32970" s="16">
        <v>0.74048235546188967</v>
      </c>
    </row>
    <row r="32971" spans="1:7" x14ac:dyDescent="0.3">
      <c r="A32971" s="13" t="s">
        <v>203</v>
      </c>
      <c r="B32971" s="14" t="s">
        <v>1</v>
      </c>
      <c r="C32971" s="14" t="s">
        <v>200</v>
      </c>
      <c r="D32971" s="14" t="s">
        <v>204</v>
      </c>
      <c r="E32971" s="15">
        <v>45497</v>
      </c>
      <c r="F32971" s="14" t="s">
        <v>53</v>
      </c>
      <c r="G32971" s="16">
        <v>0.74741159353471487</v>
      </c>
    </row>
    <row r="32972" spans="1:7" x14ac:dyDescent="0.3">
      <c r="A32972" s="13" t="s">
        <v>203</v>
      </c>
      <c r="B32972" s="14" t="s">
        <v>1</v>
      </c>
      <c r="C32972" s="14" t="s">
        <v>200</v>
      </c>
      <c r="D32972" s="14" t="s">
        <v>204</v>
      </c>
      <c r="E32972" s="15">
        <v>45498</v>
      </c>
      <c r="F32972" s="14" t="s">
        <v>53</v>
      </c>
      <c r="G32972" s="16">
        <v>0.75765147937760025</v>
      </c>
    </row>
    <row r="32973" spans="1:7" x14ac:dyDescent="0.3">
      <c r="A32973" s="13" t="s">
        <v>203</v>
      </c>
      <c r="B32973" s="14" t="s">
        <v>1</v>
      </c>
      <c r="C32973" s="14" t="s">
        <v>200</v>
      </c>
      <c r="D32973" s="14" t="s">
        <v>204</v>
      </c>
      <c r="E32973" s="15">
        <v>45499</v>
      </c>
      <c r="F32973" s="14" t="s">
        <v>53</v>
      </c>
      <c r="G32973" s="16">
        <v>0.76343193124393405</v>
      </c>
    </row>
    <row r="32974" spans="1:7" x14ac:dyDescent="0.3">
      <c r="A32974" s="13" t="s">
        <v>203</v>
      </c>
      <c r="B32974" s="14" t="s">
        <v>1</v>
      </c>
      <c r="C32974" s="14" t="s">
        <v>200</v>
      </c>
      <c r="D32974" s="14" t="s">
        <v>204</v>
      </c>
      <c r="E32974" s="15">
        <v>45500</v>
      </c>
      <c r="F32974" s="14" t="s">
        <v>53</v>
      </c>
      <c r="G32974" s="16">
        <v>0.76343193124393405</v>
      </c>
    </row>
    <row r="32975" spans="1:7" x14ac:dyDescent="0.3">
      <c r="A32975" s="13" t="s">
        <v>203</v>
      </c>
      <c r="B32975" s="14" t="s">
        <v>1</v>
      </c>
      <c r="C32975" s="14" t="s">
        <v>200</v>
      </c>
      <c r="D32975" s="14" t="s">
        <v>204</v>
      </c>
      <c r="E32975" s="15">
        <v>45501</v>
      </c>
      <c r="F32975" s="14" t="s">
        <v>53</v>
      </c>
      <c r="G32975" s="16">
        <v>0.76343193124393405</v>
      </c>
    </row>
    <row r="32976" spans="1:7" x14ac:dyDescent="0.3">
      <c r="A32976" s="13" t="s">
        <v>203</v>
      </c>
      <c r="B32976" s="14" t="s">
        <v>1</v>
      </c>
      <c r="C32976" s="14" t="s">
        <v>200</v>
      </c>
      <c r="D32976" s="14" t="s">
        <v>204</v>
      </c>
      <c r="E32976" s="15">
        <v>45502</v>
      </c>
      <c r="F32976" s="14" t="s">
        <v>53</v>
      </c>
      <c r="G32976" s="16">
        <v>0.77476365141000414</v>
      </c>
    </row>
    <row r="32977" spans="1:7" x14ac:dyDescent="0.3">
      <c r="A32977" s="13" t="s">
        <v>203</v>
      </c>
      <c r="B32977" s="14" t="s">
        <v>1</v>
      </c>
      <c r="C32977" s="14" t="s">
        <v>200</v>
      </c>
      <c r="D32977" s="14" t="s">
        <v>204</v>
      </c>
      <c r="E32977" s="15">
        <v>45503</v>
      </c>
      <c r="F32977" s="14" t="s">
        <v>53</v>
      </c>
      <c r="G32977" s="16">
        <v>0.79423192448491819</v>
      </c>
    </row>
    <row r="32978" spans="1:7" x14ac:dyDescent="0.3">
      <c r="A32978" s="13" t="s">
        <v>203</v>
      </c>
      <c r="B32978" s="14" t="s">
        <v>1</v>
      </c>
      <c r="C32978" s="14" t="s">
        <v>200</v>
      </c>
      <c r="D32978" s="14" t="s">
        <v>204</v>
      </c>
      <c r="E32978" s="15">
        <v>45504</v>
      </c>
      <c r="F32978" s="14" t="s">
        <v>53</v>
      </c>
      <c r="G32978" s="16">
        <v>0.79918762643154562</v>
      </c>
    </row>
    <row r="32979" spans="1:7" x14ac:dyDescent="0.3">
      <c r="A32979" s="13" t="s">
        <v>203</v>
      </c>
      <c r="B32979" s="14" t="s">
        <v>1</v>
      </c>
      <c r="C32979" s="14" t="s">
        <v>200</v>
      </c>
      <c r="D32979" s="14" t="s">
        <v>204</v>
      </c>
      <c r="E32979" s="15">
        <v>45505</v>
      </c>
      <c r="F32979" s="14" t="s">
        <v>53</v>
      </c>
      <c r="G32979" s="16">
        <v>0.8135033304318583</v>
      </c>
    </row>
    <row r="32980" spans="1:7" x14ac:dyDescent="0.3">
      <c r="A32980" s="13" t="s">
        <v>203</v>
      </c>
      <c r="B32980" s="14" t="s">
        <v>1</v>
      </c>
      <c r="C32980" s="14" t="s">
        <v>200</v>
      </c>
      <c r="D32980" s="14" t="s">
        <v>204</v>
      </c>
      <c r="E32980" s="15">
        <v>45506</v>
      </c>
      <c r="F32980" s="14" t="s">
        <v>53</v>
      </c>
      <c r="G32980" s="16">
        <v>0.82368667177843868</v>
      </c>
    </row>
    <row r="32981" spans="1:7" x14ac:dyDescent="0.3">
      <c r="A32981" s="13" t="s">
        <v>203</v>
      </c>
      <c r="B32981" s="14" t="s">
        <v>1</v>
      </c>
      <c r="C32981" s="14" t="s">
        <v>200</v>
      </c>
      <c r="D32981" s="14" t="s">
        <v>204</v>
      </c>
      <c r="E32981" s="15">
        <v>45507</v>
      </c>
      <c r="F32981" s="14" t="s">
        <v>53</v>
      </c>
      <c r="G32981" s="16">
        <v>0.82368667177843868</v>
      </c>
    </row>
    <row r="32982" spans="1:7" x14ac:dyDescent="0.3">
      <c r="A32982" s="13" t="s">
        <v>203</v>
      </c>
      <c r="B32982" s="14" t="s">
        <v>1</v>
      </c>
      <c r="C32982" s="14" t="s">
        <v>200</v>
      </c>
      <c r="D32982" s="14" t="s">
        <v>204</v>
      </c>
      <c r="E32982" s="15">
        <v>45508</v>
      </c>
      <c r="F32982" s="14" t="s">
        <v>53</v>
      </c>
      <c r="G32982" s="16">
        <v>0.82368667177843868</v>
      </c>
    </row>
    <row r="32983" spans="1:7" x14ac:dyDescent="0.3">
      <c r="A32983" s="13" t="s">
        <v>203</v>
      </c>
      <c r="B32983" s="14" t="s">
        <v>1</v>
      </c>
      <c r="C32983" s="14" t="s">
        <v>200</v>
      </c>
      <c r="D32983" s="14" t="s">
        <v>204</v>
      </c>
      <c r="E32983" s="15">
        <v>45509</v>
      </c>
      <c r="F32983" s="14" t="s">
        <v>53</v>
      </c>
      <c r="G32983" s="16">
        <v>0.82368667177843868</v>
      </c>
    </row>
    <row r="32984" spans="1:7" x14ac:dyDescent="0.3">
      <c r="A32984" s="13" t="s">
        <v>203</v>
      </c>
      <c r="B32984" s="14" t="s">
        <v>1</v>
      </c>
      <c r="C32984" s="14" t="s">
        <v>200</v>
      </c>
      <c r="D32984" s="14" t="s">
        <v>204</v>
      </c>
      <c r="E32984" s="15">
        <v>45510</v>
      </c>
      <c r="F32984" s="14" t="s">
        <v>53</v>
      </c>
      <c r="G32984" s="16">
        <v>0.84399443205992231</v>
      </c>
    </row>
    <row r="32985" spans="1:7" x14ac:dyDescent="0.3">
      <c r="A32985" s="13" t="s">
        <v>203</v>
      </c>
      <c r="B32985" s="14" t="s">
        <v>1</v>
      </c>
      <c r="C32985" s="14" t="s">
        <v>200</v>
      </c>
      <c r="D32985" s="14" t="s">
        <v>204</v>
      </c>
      <c r="E32985" s="15">
        <v>45511</v>
      </c>
      <c r="F32985" s="14" t="s">
        <v>53</v>
      </c>
      <c r="G32985" s="16">
        <v>0.8692705694903996</v>
      </c>
    </row>
    <row r="32986" spans="1:7" x14ac:dyDescent="0.3">
      <c r="A32986" s="13" t="s">
        <v>203</v>
      </c>
      <c r="B32986" s="14" t="s">
        <v>1</v>
      </c>
      <c r="C32986" s="14" t="s">
        <v>200</v>
      </c>
      <c r="D32986" s="14" t="s">
        <v>204</v>
      </c>
      <c r="E32986" s="15">
        <v>45512</v>
      </c>
      <c r="F32986" s="14" t="s">
        <v>53</v>
      </c>
      <c r="G32986" s="16">
        <v>0.87152958304433303</v>
      </c>
    </row>
    <row r="32987" spans="1:7" x14ac:dyDescent="0.3">
      <c r="A32987" s="13" t="s">
        <v>203</v>
      </c>
      <c r="B32987" s="14" t="s">
        <v>1</v>
      </c>
      <c r="C32987" s="14" t="s">
        <v>200</v>
      </c>
      <c r="D32987" s="14" t="s">
        <v>204</v>
      </c>
      <c r="E32987" s="15">
        <v>45513</v>
      </c>
      <c r="F32987" s="14" t="s">
        <v>53</v>
      </c>
      <c r="G32987" s="16">
        <v>0.87664122341890516</v>
      </c>
    </row>
    <row r="32988" spans="1:7" x14ac:dyDescent="0.3">
      <c r="A32988" s="13" t="s">
        <v>203</v>
      </c>
      <c r="B32988" s="14" t="s">
        <v>1</v>
      </c>
      <c r="C32988" s="14" t="s">
        <v>200</v>
      </c>
      <c r="D32988" s="14" t="s">
        <v>204</v>
      </c>
      <c r="E32988" s="15">
        <v>45514</v>
      </c>
      <c r="F32988" s="14" t="s">
        <v>53</v>
      </c>
      <c r="G32988" s="16">
        <v>0.87664122341890516</v>
      </c>
    </row>
    <row r="32989" spans="1:7" x14ac:dyDescent="0.3">
      <c r="A32989" s="13" t="s">
        <v>203</v>
      </c>
      <c r="B32989" s="14" t="s">
        <v>1</v>
      </c>
      <c r="C32989" s="14" t="s">
        <v>200</v>
      </c>
      <c r="D32989" s="14" t="s">
        <v>204</v>
      </c>
      <c r="E32989" s="15">
        <v>45515</v>
      </c>
      <c r="F32989" s="14" t="s">
        <v>53</v>
      </c>
      <c r="G32989" s="16">
        <v>0.87664122341890516</v>
      </c>
    </row>
    <row r="32990" spans="1:7" x14ac:dyDescent="0.3">
      <c r="A32990" s="13" t="s">
        <v>203</v>
      </c>
      <c r="B32990" s="14" t="s">
        <v>1</v>
      </c>
      <c r="C32990" s="14" t="s">
        <v>200</v>
      </c>
      <c r="D32990" s="14" t="s">
        <v>204</v>
      </c>
      <c r="E32990" s="15">
        <v>45516</v>
      </c>
      <c r="F32990" s="14" t="s">
        <v>53</v>
      </c>
      <c r="G32990" s="16">
        <v>0.88129748345820291</v>
      </c>
    </row>
    <row r="32991" spans="1:7" x14ac:dyDescent="0.3">
      <c r="A32991" s="13" t="s">
        <v>203</v>
      </c>
      <c r="B32991" s="14" t="s">
        <v>1</v>
      </c>
      <c r="C32991" s="14" t="s">
        <v>200</v>
      </c>
      <c r="D32991" s="14" t="s">
        <v>204</v>
      </c>
      <c r="E32991" s="15">
        <v>45517</v>
      </c>
      <c r="F32991" s="14" t="s">
        <v>53</v>
      </c>
      <c r="G32991" s="16">
        <v>0.8917189313353211</v>
      </c>
    </row>
    <row r="32992" spans="1:7" x14ac:dyDescent="0.3">
      <c r="A32992" s="13" t="s">
        <v>203</v>
      </c>
      <c r="B32992" s="14" t="s">
        <v>1</v>
      </c>
      <c r="C32992" s="14" t="s">
        <v>200</v>
      </c>
      <c r="D32992" s="14" t="s">
        <v>204</v>
      </c>
      <c r="E32992" s="15">
        <v>45518</v>
      </c>
      <c r="F32992" s="14" t="s">
        <v>53</v>
      </c>
      <c r="G32992" s="16">
        <v>0.90109991370730791</v>
      </c>
    </row>
    <row r="32993" spans="1:7" x14ac:dyDescent="0.3">
      <c r="A32993" s="13" t="s">
        <v>203</v>
      </c>
      <c r="B32993" s="14" t="s">
        <v>1</v>
      </c>
      <c r="C32993" s="14" t="s">
        <v>200</v>
      </c>
      <c r="D32993" s="14" t="s">
        <v>204</v>
      </c>
      <c r="E32993" s="15">
        <v>45519</v>
      </c>
      <c r="F32993" s="14" t="s">
        <v>53</v>
      </c>
      <c r="G32993" s="16">
        <v>0.90620817818951271</v>
      </c>
    </row>
    <row r="32994" spans="1:7" x14ac:dyDescent="0.3">
      <c r="A32994" s="13" t="s">
        <v>203</v>
      </c>
      <c r="B32994" s="14" t="s">
        <v>1</v>
      </c>
      <c r="C32994" s="14" t="s">
        <v>200</v>
      </c>
      <c r="D32994" s="14" t="s">
        <v>204</v>
      </c>
      <c r="E32994" s="15">
        <v>45520</v>
      </c>
      <c r="F32994" s="14" t="s">
        <v>53</v>
      </c>
      <c r="G32994" s="16">
        <v>0.90593726454810453</v>
      </c>
    </row>
    <row r="32995" spans="1:7" x14ac:dyDescent="0.3">
      <c r="A32995" s="13" t="s">
        <v>203</v>
      </c>
      <c r="B32995" s="14" t="s">
        <v>1</v>
      </c>
      <c r="C32995" s="14" t="s">
        <v>200</v>
      </c>
      <c r="D32995" s="14" t="s">
        <v>204</v>
      </c>
      <c r="E32995" s="15">
        <v>45521</v>
      </c>
      <c r="F32995" s="14" t="s">
        <v>53</v>
      </c>
      <c r="G32995" s="16">
        <v>0.90593726454810453</v>
      </c>
    </row>
    <row r="32996" spans="1:7" x14ac:dyDescent="0.3">
      <c r="A32996" s="13" t="s">
        <v>203</v>
      </c>
      <c r="B32996" s="14" t="s">
        <v>1</v>
      </c>
      <c r="C32996" s="14" t="s">
        <v>200</v>
      </c>
      <c r="D32996" s="14" t="s">
        <v>204</v>
      </c>
      <c r="E32996" s="15">
        <v>45522</v>
      </c>
      <c r="F32996" s="14" t="s">
        <v>53</v>
      </c>
      <c r="G32996" s="16">
        <v>0.90593726454810453</v>
      </c>
    </row>
    <row r="32997" spans="1:7" x14ac:dyDescent="0.3">
      <c r="A32997" s="13" t="s">
        <v>203</v>
      </c>
      <c r="B32997" s="14" t="s">
        <v>1</v>
      </c>
      <c r="C32997" s="14" t="s">
        <v>200</v>
      </c>
      <c r="D32997" s="14" t="s">
        <v>204</v>
      </c>
      <c r="E32997" s="15">
        <v>45523</v>
      </c>
      <c r="F32997" s="14" t="s">
        <v>53</v>
      </c>
      <c r="G32997" s="16">
        <v>0.90953680487763389</v>
      </c>
    </row>
    <row r="32998" spans="1:7" x14ac:dyDescent="0.3">
      <c r="A32998" s="13" t="s">
        <v>203</v>
      </c>
      <c r="B32998" s="14" t="s">
        <v>1</v>
      </c>
      <c r="C32998" s="14" t="s">
        <v>200</v>
      </c>
      <c r="D32998" s="14" t="s">
        <v>204</v>
      </c>
      <c r="E32998" s="15">
        <v>45524</v>
      </c>
      <c r="F32998" s="14" t="s">
        <v>53</v>
      </c>
      <c r="G32998" s="16">
        <v>0.92329541148128413</v>
      </c>
    </row>
    <row r="32999" spans="1:7" x14ac:dyDescent="0.3">
      <c r="A32999" s="13" t="s">
        <v>203</v>
      </c>
      <c r="B32999" s="14" t="s">
        <v>1</v>
      </c>
      <c r="C32999" s="14" t="s">
        <v>200</v>
      </c>
      <c r="D32999" s="14" t="s">
        <v>204</v>
      </c>
      <c r="E32999" s="15">
        <v>45525</v>
      </c>
      <c r="F32999" s="14" t="s">
        <v>53</v>
      </c>
      <c r="G32999" s="16">
        <v>0.92386270355050626</v>
      </c>
    </row>
    <row r="33000" spans="1:7" x14ac:dyDescent="0.3">
      <c r="A33000" s="13" t="s">
        <v>203</v>
      </c>
      <c r="B33000" s="14" t="s">
        <v>1</v>
      </c>
      <c r="C33000" s="14" t="s">
        <v>200</v>
      </c>
      <c r="D33000" s="14" t="s">
        <v>204</v>
      </c>
      <c r="E33000" s="15">
        <v>45526</v>
      </c>
      <c r="F33000" s="14" t="s">
        <v>53</v>
      </c>
      <c r="G33000" s="16">
        <v>0.93222095306156416</v>
      </c>
    </row>
    <row r="33001" spans="1:7" x14ac:dyDescent="0.3">
      <c r="A33001" s="13" t="s">
        <v>203</v>
      </c>
      <c r="B33001" s="14" t="s">
        <v>1</v>
      </c>
      <c r="C33001" s="14" t="s">
        <v>200</v>
      </c>
      <c r="D33001" s="14" t="s">
        <v>204</v>
      </c>
      <c r="E33001" s="15">
        <v>45527</v>
      </c>
      <c r="F33001" s="14" t="s">
        <v>53</v>
      </c>
      <c r="G33001" s="16">
        <v>0.92817444498717183</v>
      </c>
    </row>
    <row r="33002" spans="1:7" x14ac:dyDescent="0.3">
      <c r="A33002" s="13" t="s">
        <v>203</v>
      </c>
      <c r="B33002" s="14" t="s">
        <v>1</v>
      </c>
      <c r="C33002" s="14" t="s">
        <v>200</v>
      </c>
      <c r="D33002" s="14" t="s">
        <v>204</v>
      </c>
      <c r="E33002" s="15">
        <v>45528</v>
      </c>
      <c r="F33002" s="14" t="s">
        <v>53</v>
      </c>
      <c r="G33002" s="16">
        <v>0.92817444498717183</v>
      </c>
    </row>
    <row r="33003" spans="1:7" x14ac:dyDescent="0.3">
      <c r="A33003" s="13" t="s">
        <v>203</v>
      </c>
      <c r="B33003" s="14" t="s">
        <v>1</v>
      </c>
      <c r="C33003" s="14" t="s">
        <v>200</v>
      </c>
      <c r="D33003" s="14" t="s">
        <v>204</v>
      </c>
      <c r="E33003" s="15">
        <v>45529</v>
      </c>
      <c r="F33003" s="14" t="s">
        <v>53</v>
      </c>
      <c r="G33003" s="16">
        <v>0.92817444498717183</v>
      </c>
    </row>
    <row r="33004" spans="1:7" x14ac:dyDescent="0.3">
      <c r="A33004" s="13" t="s">
        <v>203</v>
      </c>
      <c r="B33004" s="14" t="s">
        <v>1</v>
      </c>
      <c r="C33004" s="14" t="s">
        <v>200</v>
      </c>
      <c r="D33004" s="14" t="s">
        <v>204</v>
      </c>
      <c r="E33004" s="15">
        <v>45530</v>
      </c>
      <c r="F33004" s="14" t="s">
        <v>53</v>
      </c>
      <c r="G33004" s="16">
        <v>0.94349535729296563</v>
      </c>
    </row>
    <row r="33005" spans="1:7" x14ac:dyDescent="0.3">
      <c r="A33005" s="13" t="s">
        <v>203</v>
      </c>
      <c r="B33005" s="14" t="s">
        <v>1</v>
      </c>
      <c r="C33005" s="14" t="s">
        <v>200</v>
      </c>
      <c r="D33005" s="14" t="s">
        <v>204</v>
      </c>
      <c r="E33005" s="15">
        <v>45531</v>
      </c>
      <c r="F33005" s="14" t="s">
        <v>53</v>
      </c>
      <c r="G33005" s="16">
        <v>0.95418478015245844</v>
      </c>
    </row>
    <row r="33006" spans="1:7" x14ac:dyDescent="0.3">
      <c r="A33006" s="13" t="s">
        <v>203</v>
      </c>
      <c r="B33006" s="14" t="s">
        <v>1</v>
      </c>
      <c r="C33006" s="14" t="s">
        <v>200</v>
      </c>
      <c r="D33006" s="14" t="s">
        <v>204</v>
      </c>
      <c r="E33006" s="15">
        <v>45532</v>
      </c>
      <c r="F33006" s="14" t="s">
        <v>53</v>
      </c>
      <c r="G33006" s="16">
        <v>0.96526863472331204</v>
      </c>
    </row>
    <row r="33007" spans="1:7" x14ac:dyDescent="0.3">
      <c r="A33007" s="13" t="s">
        <v>203</v>
      </c>
      <c r="B33007" s="14" t="s">
        <v>1</v>
      </c>
      <c r="C33007" s="14" t="s">
        <v>200</v>
      </c>
      <c r="D33007" s="14" t="s">
        <v>204</v>
      </c>
      <c r="E33007" s="15">
        <v>45533</v>
      </c>
      <c r="F33007" s="14" t="s">
        <v>53</v>
      </c>
      <c r="G33007" s="16">
        <v>0.97232504130998931</v>
      </c>
    </row>
    <row r="33008" spans="1:7" x14ac:dyDescent="0.3">
      <c r="A33008" s="13" t="s">
        <v>203</v>
      </c>
      <c r="B33008" s="14" t="s">
        <v>1</v>
      </c>
      <c r="C33008" s="14" t="s">
        <v>200</v>
      </c>
      <c r="D33008" s="14" t="s">
        <v>204</v>
      </c>
      <c r="E33008" s="15">
        <v>45534</v>
      </c>
      <c r="F33008" s="14" t="s">
        <v>53</v>
      </c>
      <c r="G33008" s="16">
        <v>0.98398029043785784</v>
      </c>
    </row>
    <row r="33009" spans="1:7" x14ac:dyDescent="0.3">
      <c r="A33009" s="13" t="s">
        <v>203</v>
      </c>
      <c r="B33009" s="14" t="s">
        <v>1</v>
      </c>
      <c r="C33009" s="14" t="s">
        <v>200</v>
      </c>
      <c r="D33009" s="14" t="s">
        <v>204</v>
      </c>
      <c r="E33009" s="15">
        <v>45535</v>
      </c>
      <c r="F33009" s="14" t="s">
        <v>53</v>
      </c>
      <c r="G33009" s="16">
        <v>0.98398029043785784</v>
      </c>
    </row>
    <row r="33010" spans="1:7" x14ac:dyDescent="0.3">
      <c r="A33010" s="13" t="s">
        <v>203</v>
      </c>
      <c r="B33010" s="14" t="s">
        <v>1</v>
      </c>
      <c r="C33010" s="14" t="s">
        <v>200</v>
      </c>
      <c r="D33010" s="14" t="s">
        <v>204</v>
      </c>
      <c r="E33010" s="15">
        <v>45536</v>
      </c>
      <c r="F33010" s="14" t="s">
        <v>53</v>
      </c>
      <c r="G33010" s="16">
        <v>0.98398029043785784</v>
      </c>
    </row>
    <row r="33011" spans="1:7" x14ac:dyDescent="0.3">
      <c r="A33011" s="13" t="s">
        <v>203</v>
      </c>
      <c r="B33011" s="14" t="s">
        <v>1</v>
      </c>
      <c r="C33011" s="14" t="s">
        <v>200</v>
      </c>
      <c r="D33011" s="14" t="s">
        <v>204</v>
      </c>
      <c r="E33011" s="15">
        <v>45537</v>
      </c>
      <c r="F33011" s="14" t="s">
        <v>53</v>
      </c>
      <c r="G33011" s="16">
        <v>0.98398029043785784</v>
      </c>
    </row>
    <row r="33012" spans="1:7" x14ac:dyDescent="0.3">
      <c r="A33012" s="13" t="s">
        <v>203</v>
      </c>
      <c r="B33012" s="14" t="s">
        <v>1</v>
      </c>
      <c r="C33012" s="14" t="s">
        <v>200</v>
      </c>
      <c r="D33012" s="14" t="s">
        <v>204</v>
      </c>
      <c r="E33012" s="15">
        <v>45538</v>
      </c>
      <c r="F33012" s="14" t="s">
        <v>53</v>
      </c>
      <c r="G33012" s="16">
        <v>0.99132944250982147</v>
      </c>
    </row>
    <row r="33013" spans="1:7" x14ac:dyDescent="0.3">
      <c r="A33013" s="13" t="s">
        <v>203</v>
      </c>
      <c r="B33013" s="14" t="s">
        <v>1</v>
      </c>
      <c r="C33013" s="14" t="s">
        <v>200</v>
      </c>
      <c r="D33013" s="14" t="s">
        <v>204</v>
      </c>
      <c r="E33013" s="15">
        <v>45539</v>
      </c>
      <c r="F33013" s="14" t="s">
        <v>53</v>
      </c>
      <c r="G33013" s="16">
        <v>1.0078291479358339</v>
      </c>
    </row>
    <row r="33014" spans="1:7" x14ac:dyDescent="0.3">
      <c r="A33014" s="13" t="s">
        <v>203</v>
      </c>
      <c r="B33014" s="14" t="s">
        <v>1</v>
      </c>
      <c r="C33014" s="14" t="s">
        <v>200</v>
      </c>
      <c r="D33014" s="14" t="s">
        <v>204</v>
      </c>
      <c r="E33014" s="15">
        <v>45540</v>
      </c>
      <c r="F33014" s="14" t="s">
        <v>53</v>
      </c>
      <c r="G33014" s="16">
        <v>1.0107124809403769</v>
      </c>
    </row>
    <row r="33015" spans="1:7" x14ac:dyDescent="0.3">
      <c r="A33015" s="13" t="s">
        <v>203</v>
      </c>
      <c r="B33015" s="14" t="s">
        <v>1</v>
      </c>
      <c r="C33015" s="14" t="s">
        <v>200</v>
      </c>
      <c r="D33015" s="14" t="s">
        <v>204</v>
      </c>
      <c r="E33015" s="15">
        <v>45541</v>
      </c>
      <c r="F33015" s="14" t="s">
        <v>53</v>
      </c>
      <c r="G33015" s="16">
        <v>1.0207602322544482</v>
      </c>
    </row>
    <row r="33016" spans="1:7" x14ac:dyDescent="0.3">
      <c r="A33016" s="13" t="s">
        <v>203</v>
      </c>
      <c r="B33016" s="14" t="s">
        <v>1</v>
      </c>
      <c r="C33016" s="14" t="s">
        <v>200</v>
      </c>
      <c r="D33016" s="14" t="s">
        <v>204</v>
      </c>
      <c r="E33016" s="15">
        <v>45542</v>
      </c>
      <c r="F33016" s="14" t="s">
        <v>53</v>
      </c>
      <c r="G33016" s="16">
        <v>1.0207602322544482</v>
      </c>
    </row>
    <row r="33017" spans="1:7" x14ac:dyDescent="0.3">
      <c r="A33017" s="13" t="s">
        <v>203</v>
      </c>
      <c r="B33017" s="14" t="s">
        <v>1</v>
      </c>
      <c r="C33017" s="14" t="s">
        <v>200</v>
      </c>
      <c r="D33017" s="14" t="s">
        <v>204</v>
      </c>
      <c r="E33017" s="15">
        <v>45543</v>
      </c>
      <c r="F33017" s="14" t="s">
        <v>53</v>
      </c>
      <c r="G33017" s="16">
        <v>1.0207602322544482</v>
      </c>
    </row>
    <row r="33018" spans="1:7" x14ac:dyDescent="0.3">
      <c r="A33018" s="13" t="s">
        <v>203</v>
      </c>
      <c r="B33018" s="14" t="s">
        <v>1</v>
      </c>
      <c r="C33018" s="14" t="s">
        <v>200</v>
      </c>
      <c r="D33018" s="14" t="s">
        <v>204</v>
      </c>
      <c r="E33018" s="15">
        <v>45544</v>
      </c>
      <c r="F33018" s="14" t="s">
        <v>53</v>
      </c>
      <c r="G33018" s="16">
        <v>1.0332848552941114</v>
      </c>
    </row>
    <row r="33019" spans="1:7" x14ac:dyDescent="0.3">
      <c r="A33019" s="13" t="s">
        <v>203</v>
      </c>
      <c r="B33019" s="14" t="s">
        <v>1</v>
      </c>
      <c r="C33019" s="14" t="s">
        <v>200</v>
      </c>
      <c r="D33019" s="14" t="s">
        <v>204</v>
      </c>
      <c r="E33019" s="15">
        <v>45545</v>
      </c>
      <c r="F33019" s="14" t="s">
        <v>53</v>
      </c>
      <c r="G33019" s="16">
        <v>1.0488915446248679</v>
      </c>
    </row>
    <row r="33020" spans="1:7" x14ac:dyDescent="0.3">
      <c r="A33020" s="13" t="s">
        <v>203</v>
      </c>
      <c r="B33020" s="14" t="s">
        <v>1</v>
      </c>
      <c r="C33020" s="14" t="s">
        <v>200</v>
      </c>
      <c r="D33020" s="14" t="s">
        <v>204</v>
      </c>
      <c r="E33020" s="15">
        <v>45546</v>
      </c>
      <c r="F33020" s="14" t="s">
        <v>53</v>
      </c>
      <c r="G33020" s="16">
        <v>1.0586295261939198</v>
      </c>
    </row>
    <row r="33021" spans="1:7" x14ac:dyDescent="0.3">
      <c r="A33021" s="13" t="s">
        <v>203</v>
      </c>
      <c r="B33021" s="14" t="s">
        <v>1</v>
      </c>
      <c r="C33021" s="14" t="s">
        <v>200</v>
      </c>
      <c r="D33021" s="14" t="s">
        <v>204</v>
      </c>
      <c r="E33021" s="15">
        <v>45547</v>
      </c>
      <c r="F33021" s="14" t="s">
        <v>53</v>
      </c>
      <c r="G33021" s="16">
        <v>1.0581919521045655</v>
      </c>
    </row>
    <row r="33022" spans="1:7" x14ac:dyDescent="0.3">
      <c r="A33022" s="13" t="s">
        <v>203</v>
      </c>
      <c r="B33022" s="14" t="s">
        <v>1</v>
      </c>
      <c r="C33022" s="14" t="s">
        <v>200</v>
      </c>
      <c r="D33022" s="14" t="s">
        <v>204</v>
      </c>
      <c r="E33022" s="15">
        <v>45548</v>
      </c>
      <c r="F33022" s="14" t="s">
        <v>53</v>
      </c>
      <c r="G33022" s="16">
        <v>1.0634829016691525</v>
      </c>
    </row>
    <row r="33023" spans="1:7" x14ac:dyDescent="0.3">
      <c r="A33023" s="13" t="s">
        <v>203</v>
      </c>
      <c r="B33023" s="14" t="s">
        <v>1</v>
      </c>
      <c r="C33023" s="14" t="s">
        <v>200</v>
      </c>
      <c r="D33023" s="14" t="s">
        <v>204</v>
      </c>
      <c r="E33023" s="15">
        <v>45549</v>
      </c>
      <c r="F33023" s="14" t="s">
        <v>53</v>
      </c>
      <c r="G33023" s="16">
        <v>1.0634829016691525</v>
      </c>
    </row>
    <row r="33024" spans="1:7" x14ac:dyDescent="0.3">
      <c r="A33024" s="13" t="s">
        <v>203</v>
      </c>
      <c r="B33024" s="14" t="s">
        <v>1</v>
      </c>
      <c r="C33024" s="14" t="s">
        <v>200</v>
      </c>
      <c r="D33024" s="14" t="s">
        <v>204</v>
      </c>
      <c r="E33024" s="15">
        <v>45550</v>
      </c>
      <c r="F33024" s="14" t="s">
        <v>53</v>
      </c>
      <c r="G33024" s="16">
        <v>1.0634829016691525</v>
      </c>
    </row>
    <row r="33025" spans="1:7" x14ac:dyDescent="0.3">
      <c r="A33025" s="13" t="s">
        <v>203</v>
      </c>
      <c r="B33025" s="14" t="s">
        <v>1</v>
      </c>
      <c r="C33025" s="14" t="s">
        <v>200</v>
      </c>
      <c r="D33025" s="14" t="s">
        <v>204</v>
      </c>
      <c r="E33025" s="15">
        <v>45551</v>
      </c>
      <c r="F33025" s="14" t="s">
        <v>53</v>
      </c>
      <c r="G33025" s="16">
        <v>1.0613391466641913</v>
      </c>
    </row>
    <row r="33026" spans="1:7" x14ac:dyDescent="0.3">
      <c r="A33026" s="13" t="s">
        <v>203</v>
      </c>
      <c r="B33026" s="14" t="s">
        <v>1</v>
      </c>
      <c r="C33026" s="14" t="s">
        <v>200</v>
      </c>
      <c r="D33026" s="14" t="s">
        <v>204</v>
      </c>
      <c r="E33026" s="15">
        <v>45552</v>
      </c>
      <c r="F33026" s="14" t="s">
        <v>53</v>
      </c>
      <c r="G33026" s="16">
        <v>1.080221991188566</v>
      </c>
    </row>
    <row r="33027" spans="1:7" x14ac:dyDescent="0.3">
      <c r="A33027" s="13" t="s">
        <v>203</v>
      </c>
      <c r="B33027" s="14" t="s">
        <v>1</v>
      </c>
      <c r="C33027" s="14" t="s">
        <v>200</v>
      </c>
      <c r="D33027" s="14" t="s">
        <v>204</v>
      </c>
      <c r="E33027" s="15">
        <v>45553</v>
      </c>
      <c r="F33027" s="14" t="s">
        <v>53</v>
      </c>
      <c r="G33027" s="16">
        <v>1.0827259676527798</v>
      </c>
    </row>
    <row r="33028" spans="1:7" x14ac:dyDescent="0.3">
      <c r="A33028" s="13" t="s">
        <v>203</v>
      </c>
      <c r="B33028" s="14" t="s">
        <v>1</v>
      </c>
      <c r="C33028" s="14" t="s">
        <v>200</v>
      </c>
      <c r="D33028" s="14" t="s">
        <v>204</v>
      </c>
      <c r="E33028" s="15">
        <v>45554</v>
      </c>
      <c r="F33028" s="14" t="s">
        <v>53</v>
      </c>
      <c r="G33028" s="16">
        <v>1.0837366699375537</v>
      </c>
    </row>
    <row r="33029" spans="1:7" x14ac:dyDescent="0.3">
      <c r="A33029" s="13" t="s">
        <v>203</v>
      </c>
      <c r="B33029" s="14" t="s">
        <v>1</v>
      </c>
      <c r="C33029" s="14" t="s">
        <v>200</v>
      </c>
      <c r="D33029" s="14" t="s">
        <v>204</v>
      </c>
      <c r="E33029" s="15">
        <v>45555</v>
      </c>
      <c r="F33029" s="14" t="s">
        <v>53</v>
      </c>
      <c r="G33029" s="16">
        <v>1.0880338106953154</v>
      </c>
    </row>
    <row r="33030" spans="1:7" x14ac:dyDescent="0.3">
      <c r="A33030" s="13" t="s">
        <v>203</v>
      </c>
      <c r="B33030" s="14" t="s">
        <v>1</v>
      </c>
      <c r="C33030" s="14" t="s">
        <v>200</v>
      </c>
      <c r="D33030" s="14" t="s">
        <v>204</v>
      </c>
      <c r="E33030" s="15">
        <v>45556</v>
      </c>
      <c r="F33030" s="14" t="s">
        <v>53</v>
      </c>
      <c r="G33030" s="16">
        <v>1.0880338106953154</v>
      </c>
    </row>
    <row r="33031" spans="1:7" x14ac:dyDescent="0.3">
      <c r="A33031" s="13" t="s">
        <v>203</v>
      </c>
      <c r="B33031" s="14" t="s">
        <v>1</v>
      </c>
      <c r="C33031" s="14" t="s">
        <v>200</v>
      </c>
      <c r="D33031" s="14" t="s">
        <v>204</v>
      </c>
      <c r="E33031" s="15">
        <v>45557</v>
      </c>
      <c r="F33031" s="14" t="s">
        <v>53</v>
      </c>
      <c r="G33031" s="16">
        <v>1.0880338106953154</v>
      </c>
    </row>
    <row r="33032" spans="1:7" x14ac:dyDescent="0.3">
      <c r="A33032" s="13" t="s">
        <v>203</v>
      </c>
      <c r="B33032" s="14" t="s">
        <v>1</v>
      </c>
      <c r="C33032" s="14" t="s">
        <v>200</v>
      </c>
      <c r="D33032" s="14" t="s">
        <v>204</v>
      </c>
      <c r="E33032" s="15">
        <v>45558</v>
      </c>
      <c r="F33032" s="14" t="s">
        <v>53</v>
      </c>
      <c r="G33032" s="16">
        <v>1.0927055932448617</v>
      </c>
    </row>
    <row r="33033" spans="1:7" x14ac:dyDescent="0.3">
      <c r="A33033" s="13" t="s">
        <v>203</v>
      </c>
      <c r="B33033" s="14" t="s">
        <v>1</v>
      </c>
      <c r="C33033" s="14" t="s">
        <v>200</v>
      </c>
      <c r="D33033" s="14" t="s">
        <v>204</v>
      </c>
      <c r="E33033" s="15">
        <v>45559</v>
      </c>
      <c r="F33033" s="14" t="s">
        <v>53</v>
      </c>
      <c r="G33033" s="16">
        <v>1.1044142172819926</v>
      </c>
    </row>
    <row r="33034" spans="1:7" x14ac:dyDescent="0.3">
      <c r="A33034" s="13" t="s">
        <v>203</v>
      </c>
      <c r="B33034" s="14" t="s">
        <v>1</v>
      </c>
      <c r="C33034" s="14" t="s">
        <v>200</v>
      </c>
      <c r="D33034" s="14" t="s">
        <v>204</v>
      </c>
      <c r="E33034" s="15">
        <v>45560</v>
      </c>
      <c r="F33034" s="14" t="s">
        <v>53</v>
      </c>
      <c r="G33034" s="16">
        <v>1.1170332051955361</v>
      </c>
    </row>
    <row r="33035" spans="1:7" x14ac:dyDescent="0.3">
      <c r="A33035" s="13" t="s">
        <v>203</v>
      </c>
      <c r="B33035" s="14" t="s">
        <v>1</v>
      </c>
      <c r="C33035" s="14" t="s">
        <v>200</v>
      </c>
      <c r="D33035" s="14" t="s">
        <v>204</v>
      </c>
      <c r="E33035" s="15">
        <v>45561</v>
      </c>
      <c r="F33035" s="14" t="s">
        <v>53</v>
      </c>
      <c r="G33035" s="16">
        <v>1.1161096066323326</v>
      </c>
    </row>
    <row r="33036" spans="1:7" x14ac:dyDescent="0.3">
      <c r="A33036" s="13" t="s">
        <v>203</v>
      </c>
      <c r="B33036" s="14" t="s">
        <v>1</v>
      </c>
      <c r="C33036" s="14" t="s">
        <v>200</v>
      </c>
      <c r="D33036" s="14" t="s">
        <v>204</v>
      </c>
      <c r="E33036" s="15">
        <v>45562</v>
      </c>
      <c r="F33036" s="14" t="s">
        <v>53</v>
      </c>
      <c r="G33036" s="16">
        <v>1.1260905765490359</v>
      </c>
    </row>
    <row r="33037" spans="1:7" x14ac:dyDescent="0.3">
      <c r="A33037" s="13" t="s">
        <v>203</v>
      </c>
      <c r="B33037" s="14" t="s">
        <v>1</v>
      </c>
      <c r="C33037" s="14" t="s">
        <v>200</v>
      </c>
      <c r="D33037" s="14" t="s">
        <v>204</v>
      </c>
      <c r="E33037" s="15">
        <v>45563</v>
      </c>
      <c r="F33037" s="14" t="s">
        <v>53</v>
      </c>
      <c r="G33037" s="16">
        <v>1.1260905765490359</v>
      </c>
    </row>
    <row r="33038" spans="1:7" x14ac:dyDescent="0.3">
      <c r="A33038" s="13" t="s">
        <v>203</v>
      </c>
      <c r="B33038" s="14" t="s">
        <v>1</v>
      </c>
      <c r="C33038" s="14" t="s">
        <v>200</v>
      </c>
      <c r="D33038" s="14" t="s">
        <v>204</v>
      </c>
      <c r="E33038" s="15">
        <v>45564</v>
      </c>
      <c r="F33038" s="14" t="s">
        <v>53</v>
      </c>
      <c r="G33038" s="16">
        <v>1.1260905765490359</v>
      </c>
    </row>
    <row r="33039" spans="1:7" x14ac:dyDescent="0.3">
      <c r="A33039" s="13" t="s">
        <v>203</v>
      </c>
      <c r="B33039" s="14" t="s">
        <v>1</v>
      </c>
      <c r="C33039" s="14" t="s">
        <v>200</v>
      </c>
      <c r="D33039" s="14" t="s">
        <v>204</v>
      </c>
      <c r="E33039" s="15">
        <v>45565</v>
      </c>
      <c r="F33039" s="14" t="s">
        <v>53</v>
      </c>
      <c r="G33039" s="16">
        <v>1.1324743772644963</v>
      </c>
    </row>
    <row r="33040" spans="1:7" x14ac:dyDescent="0.3">
      <c r="A33040" s="13" t="s">
        <v>203</v>
      </c>
      <c r="B33040" s="14" t="s">
        <v>1</v>
      </c>
      <c r="C33040" s="14" t="s">
        <v>200</v>
      </c>
      <c r="D33040" s="14" t="s">
        <v>204</v>
      </c>
      <c r="E33040" s="15">
        <v>45566</v>
      </c>
      <c r="F33040" s="14" t="s">
        <v>53</v>
      </c>
      <c r="G33040" s="16">
        <v>1.1487428967627591</v>
      </c>
    </row>
    <row r="33041" spans="1:7" x14ac:dyDescent="0.3">
      <c r="A33041" s="13" t="s">
        <v>203</v>
      </c>
      <c r="B33041" s="14" t="s">
        <v>1</v>
      </c>
      <c r="C33041" s="14" t="s">
        <v>200</v>
      </c>
      <c r="D33041" s="14" t="s">
        <v>204</v>
      </c>
      <c r="E33041" s="15">
        <v>45567</v>
      </c>
      <c r="F33041" s="14" t="s">
        <v>53</v>
      </c>
      <c r="G33041" s="16">
        <v>1.1591177543932518</v>
      </c>
    </row>
    <row r="33042" spans="1:7" x14ac:dyDescent="0.3">
      <c r="A33042" s="13" t="s">
        <v>203</v>
      </c>
      <c r="B33042" s="14" t="s">
        <v>1</v>
      </c>
      <c r="C33042" s="14" t="s">
        <v>200</v>
      </c>
      <c r="D33042" s="14" t="s">
        <v>204</v>
      </c>
      <c r="E33042" s="15">
        <v>45568</v>
      </c>
      <c r="F33042" s="14" t="s">
        <v>53</v>
      </c>
      <c r="G33042" s="16">
        <v>1.1779368955733696</v>
      </c>
    </row>
    <row r="33043" spans="1:7" x14ac:dyDescent="0.3">
      <c r="A33043" s="13" t="s">
        <v>203</v>
      </c>
      <c r="B33043" s="14" t="s">
        <v>1</v>
      </c>
      <c r="C33043" s="14" t="s">
        <v>200</v>
      </c>
      <c r="D33043" s="14" t="s">
        <v>204</v>
      </c>
      <c r="E33043" s="15">
        <v>45569</v>
      </c>
      <c r="F33043" s="14" t="s">
        <v>53</v>
      </c>
      <c r="G33043" s="16">
        <v>1.1841451447632536</v>
      </c>
    </row>
    <row r="33044" spans="1:7" x14ac:dyDescent="0.3">
      <c r="A33044" s="13" t="s">
        <v>203</v>
      </c>
      <c r="B33044" s="14" t="s">
        <v>1</v>
      </c>
      <c r="C33044" s="14" t="s">
        <v>200</v>
      </c>
      <c r="D33044" s="14" t="s">
        <v>204</v>
      </c>
      <c r="E33044" s="15">
        <v>45570</v>
      </c>
      <c r="F33044" s="14" t="s">
        <v>53</v>
      </c>
      <c r="G33044" s="16">
        <v>1.1841451447632536</v>
      </c>
    </row>
    <row r="33045" spans="1:7" x14ac:dyDescent="0.3">
      <c r="A33045" s="13" t="s">
        <v>203</v>
      </c>
      <c r="B33045" s="14" t="s">
        <v>1</v>
      </c>
      <c r="C33045" s="14" t="s">
        <v>200</v>
      </c>
      <c r="D33045" s="14" t="s">
        <v>204</v>
      </c>
      <c r="E33045" s="15">
        <v>45571</v>
      </c>
      <c r="F33045" s="14" t="s">
        <v>53</v>
      </c>
      <c r="G33045" s="16">
        <v>1.1841451447632536</v>
      </c>
    </row>
    <row r="33046" spans="1:7" x14ac:dyDescent="0.3">
      <c r="A33046" s="13" t="s">
        <v>203</v>
      </c>
      <c r="B33046" s="14" t="s">
        <v>1</v>
      </c>
      <c r="C33046" s="14" t="s">
        <v>200</v>
      </c>
      <c r="D33046" s="14" t="s">
        <v>204</v>
      </c>
      <c r="E33046" s="15">
        <v>45572</v>
      </c>
      <c r="F33046" s="14" t="s">
        <v>53</v>
      </c>
      <c r="G33046" s="16">
        <v>1.198984458238199</v>
      </c>
    </row>
    <row r="33047" spans="1:7" x14ac:dyDescent="0.3">
      <c r="A33047" s="13" t="s">
        <v>203</v>
      </c>
      <c r="B33047" s="14" t="s">
        <v>1</v>
      </c>
      <c r="C33047" s="14" t="s">
        <v>200</v>
      </c>
      <c r="D33047" s="14" t="s">
        <v>204</v>
      </c>
      <c r="E33047" s="15">
        <v>45573</v>
      </c>
      <c r="F33047" s="14" t="s">
        <v>53</v>
      </c>
      <c r="G33047" s="16">
        <v>1.2140044063659894</v>
      </c>
    </row>
    <row r="33048" spans="1:7" x14ac:dyDescent="0.3">
      <c r="A33048" s="13" t="s">
        <v>203</v>
      </c>
      <c r="B33048" s="14" t="s">
        <v>1</v>
      </c>
      <c r="C33048" s="14" t="s">
        <v>200</v>
      </c>
      <c r="D33048" s="14" t="s">
        <v>204</v>
      </c>
      <c r="E33048" s="15">
        <v>45574</v>
      </c>
      <c r="F33048" s="14" t="s">
        <v>53</v>
      </c>
      <c r="G33048" s="16">
        <v>1.2232644482224007</v>
      </c>
    </row>
    <row r="33049" spans="1:7" x14ac:dyDescent="0.3">
      <c r="A33049" s="13" t="s">
        <v>203</v>
      </c>
      <c r="B33049" s="14" t="s">
        <v>1</v>
      </c>
      <c r="C33049" s="14" t="s">
        <v>200</v>
      </c>
      <c r="D33049" s="14" t="s">
        <v>204</v>
      </c>
      <c r="E33049" s="15">
        <v>45575</v>
      </c>
      <c r="F33049" s="14" t="s">
        <v>53</v>
      </c>
      <c r="G33049" s="16">
        <v>1.2295410842611239</v>
      </c>
    </row>
    <row r="33050" spans="1:7" x14ac:dyDescent="0.3">
      <c r="A33050" s="13" t="s">
        <v>203</v>
      </c>
      <c r="B33050" s="14" t="s">
        <v>1</v>
      </c>
      <c r="C33050" s="14" t="s">
        <v>200</v>
      </c>
      <c r="D33050" s="14" t="s">
        <v>204</v>
      </c>
      <c r="E33050" s="15">
        <v>45576</v>
      </c>
      <c r="F33050" s="14" t="s">
        <v>53</v>
      </c>
      <c r="G33050" s="16">
        <v>1.2340520634383436</v>
      </c>
    </row>
    <row r="33051" spans="1:7" x14ac:dyDescent="0.3">
      <c r="A33051" s="13" t="s">
        <v>203</v>
      </c>
      <c r="B33051" s="14" t="s">
        <v>1</v>
      </c>
      <c r="C33051" s="14" t="s">
        <v>200</v>
      </c>
      <c r="D33051" s="14" t="s">
        <v>204</v>
      </c>
      <c r="E33051" s="15">
        <v>45577</v>
      </c>
      <c r="F33051" s="14" t="s">
        <v>53</v>
      </c>
      <c r="G33051" s="16">
        <v>1.2340520634383436</v>
      </c>
    </row>
    <row r="33052" spans="1:7" x14ac:dyDescent="0.3">
      <c r="A33052" s="13" t="s">
        <v>203</v>
      </c>
      <c r="B33052" s="14" t="s">
        <v>1</v>
      </c>
      <c r="C33052" s="14" t="s">
        <v>200</v>
      </c>
      <c r="D33052" s="14" t="s">
        <v>204</v>
      </c>
      <c r="E33052" s="15">
        <v>45578</v>
      </c>
      <c r="F33052" s="14" t="s">
        <v>53</v>
      </c>
      <c r="G33052" s="16">
        <v>1.2340520634383436</v>
      </c>
    </row>
    <row r="33053" spans="1:7" x14ac:dyDescent="0.3">
      <c r="A33053" s="13" t="s">
        <v>203</v>
      </c>
      <c r="B33053" s="14" t="s">
        <v>1</v>
      </c>
      <c r="C33053" s="14" t="s">
        <v>200</v>
      </c>
      <c r="D33053" s="14" t="s">
        <v>204</v>
      </c>
      <c r="E33053" s="15">
        <v>45579</v>
      </c>
      <c r="F33053" s="14" t="s">
        <v>53</v>
      </c>
      <c r="G33053" s="16">
        <v>1.2340520634383436</v>
      </c>
    </row>
    <row r="33054" spans="1:7" x14ac:dyDescent="0.3">
      <c r="A33054" s="13" t="s">
        <v>203</v>
      </c>
      <c r="B33054" s="14" t="s">
        <v>1</v>
      </c>
      <c r="C33054" s="14" t="s">
        <v>200</v>
      </c>
      <c r="D33054" s="14" t="s">
        <v>204</v>
      </c>
      <c r="E33054" s="15">
        <v>45580</v>
      </c>
      <c r="F33054" s="14" t="s">
        <v>53</v>
      </c>
      <c r="G33054" s="16">
        <v>1.2396449307490989</v>
      </c>
    </row>
    <row r="33055" spans="1:7" x14ac:dyDescent="0.3">
      <c r="A33055" s="13" t="s">
        <v>203</v>
      </c>
      <c r="B33055" s="14" t="s">
        <v>1</v>
      </c>
      <c r="C33055" s="14" t="s">
        <v>200</v>
      </c>
      <c r="D33055" s="14" t="s">
        <v>204</v>
      </c>
      <c r="E33055" s="15">
        <v>45581</v>
      </c>
      <c r="F33055" s="14" t="s">
        <v>53</v>
      </c>
      <c r="G33055" s="16">
        <v>1.2690977886217778</v>
      </c>
    </row>
    <row r="33056" spans="1:7" x14ac:dyDescent="0.3">
      <c r="A33056" s="13" t="s">
        <v>203</v>
      </c>
      <c r="B33056" s="14" t="s">
        <v>1</v>
      </c>
      <c r="C33056" s="14" t="s">
        <v>200</v>
      </c>
      <c r="D33056" s="14" t="s">
        <v>204</v>
      </c>
      <c r="E33056" s="15">
        <v>45582</v>
      </c>
      <c r="F33056" s="14" t="s">
        <v>53</v>
      </c>
      <c r="G33056" s="16">
        <v>1.275365382020738</v>
      </c>
    </row>
    <row r="33057" spans="1:7" x14ac:dyDescent="0.3">
      <c r="A33057" s="13" t="s">
        <v>203</v>
      </c>
      <c r="B33057" s="14" t="s">
        <v>1</v>
      </c>
      <c r="C33057" s="14" t="s">
        <v>200</v>
      </c>
      <c r="D33057" s="14" t="s">
        <v>204</v>
      </c>
      <c r="E33057" s="15">
        <v>45583</v>
      </c>
      <c r="F33057" s="14" t="s">
        <v>53</v>
      </c>
      <c r="G33057" s="16">
        <v>1.2834299247590726</v>
      </c>
    </row>
    <row r="33058" spans="1:7" x14ac:dyDescent="0.3">
      <c r="A33058" s="13" t="s">
        <v>203</v>
      </c>
      <c r="B33058" s="14" t="s">
        <v>1</v>
      </c>
      <c r="C33058" s="14" t="s">
        <v>200</v>
      </c>
      <c r="D33058" s="14" t="s">
        <v>204</v>
      </c>
      <c r="E33058" s="15">
        <v>45584</v>
      </c>
      <c r="F33058" s="14" t="s">
        <v>53</v>
      </c>
      <c r="G33058" s="16">
        <v>1.2834299247590726</v>
      </c>
    </row>
    <row r="33059" spans="1:7" x14ac:dyDescent="0.3">
      <c r="A33059" s="13" t="s">
        <v>203</v>
      </c>
      <c r="B33059" s="14" t="s">
        <v>1</v>
      </c>
      <c r="C33059" s="14" t="s">
        <v>200</v>
      </c>
      <c r="D33059" s="14" t="s">
        <v>204</v>
      </c>
      <c r="E33059" s="15">
        <v>45585</v>
      </c>
      <c r="F33059" s="14" t="s">
        <v>53</v>
      </c>
      <c r="G33059" s="16">
        <v>1.2834299247590726</v>
      </c>
    </row>
    <row r="33060" spans="1:7" x14ac:dyDescent="0.3">
      <c r="A33060" s="13" t="s">
        <v>203</v>
      </c>
      <c r="B33060" s="14" t="s">
        <v>1</v>
      </c>
      <c r="C33060" s="14" t="s">
        <v>200</v>
      </c>
      <c r="D33060" s="14" t="s">
        <v>204</v>
      </c>
      <c r="E33060" s="15">
        <v>45586</v>
      </c>
      <c r="F33060" s="14" t="s">
        <v>53</v>
      </c>
      <c r="G33060" s="16">
        <v>1.3002679520640825</v>
      </c>
    </row>
    <row r="33061" spans="1:7" x14ac:dyDescent="0.3">
      <c r="A33061" s="13" t="s">
        <v>203</v>
      </c>
      <c r="B33061" s="14" t="s">
        <v>1</v>
      </c>
      <c r="C33061" s="14" t="s">
        <v>200</v>
      </c>
      <c r="D33061" s="14" t="s">
        <v>204</v>
      </c>
      <c r="E33061" s="15">
        <v>45587</v>
      </c>
      <c r="F33061" s="14" t="s">
        <v>53</v>
      </c>
      <c r="G33061" s="16">
        <v>1.3188787843107332</v>
      </c>
    </row>
    <row r="33062" spans="1:7" x14ac:dyDescent="0.3">
      <c r="A33062" s="13" t="s">
        <v>203</v>
      </c>
      <c r="B33062" s="14" t="s">
        <v>1</v>
      </c>
      <c r="C33062" s="14" t="s">
        <v>200</v>
      </c>
      <c r="D33062" s="14" t="s">
        <v>204</v>
      </c>
      <c r="E33062" s="15">
        <v>45588</v>
      </c>
      <c r="F33062" s="14" t="s">
        <v>53</v>
      </c>
      <c r="G33062" s="16">
        <v>1.3321366906663221</v>
      </c>
    </row>
    <row r="33063" spans="1:7" x14ac:dyDescent="0.3">
      <c r="A33063" s="13" t="s">
        <v>203</v>
      </c>
      <c r="B33063" s="14" t="s">
        <v>1</v>
      </c>
      <c r="C33063" s="14" t="s">
        <v>200</v>
      </c>
      <c r="D33063" s="14" t="s">
        <v>204</v>
      </c>
      <c r="E33063" s="15">
        <v>45589</v>
      </c>
      <c r="F33063" s="14" t="s">
        <v>53</v>
      </c>
      <c r="G33063" s="16">
        <v>1.3335218975461036</v>
      </c>
    </row>
    <row r="33064" spans="1:7" x14ac:dyDescent="0.3">
      <c r="A33064" s="13" t="s">
        <v>203</v>
      </c>
      <c r="B33064" s="14" t="s">
        <v>1</v>
      </c>
      <c r="C33064" s="14" t="s">
        <v>200</v>
      </c>
      <c r="D33064" s="14" t="s">
        <v>204</v>
      </c>
      <c r="E33064" s="15">
        <v>45590</v>
      </c>
      <c r="F33064" s="14" t="s">
        <v>53</v>
      </c>
      <c r="G33064" s="16">
        <v>1.3414588887954175</v>
      </c>
    </row>
    <row r="33065" spans="1:7" x14ac:dyDescent="0.3">
      <c r="A33065" s="13" t="s">
        <v>203</v>
      </c>
      <c r="B33065" s="14" t="s">
        <v>1</v>
      </c>
      <c r="C33065" s="14" t="s">
        <v>200</v>
      </c>
      <c r="D33065" s="14" t="s">
        <v>204</v>
      </c>
      <c r="E33065" s="15">
        <v>45591</v>
      </c>
      <c r="F33065" s="14" t="s">
        <v>53</v>
      </c>
      <c r="G33065" s="16">
        <v>1.3414588887954175</v>
      </c>
    </row>
    <row r="33066" spans="1:7" x14ac:dyDescent="0.3">
      <c r="A33066" s="13" t="s">
        <v>203</v>
      </c>
      <c r="B33066" s="14" t="s">
        <v>1</v>
      </c>
      <c r="C33066" s="14" t="s">
        <v>200</v>
      </c>
      <c r="D33066" s="14" t="s">
        <v>204</v>
      </c>
      <c r="E33066" s="15">
        <v>45592</v>
      </c>
      <c r="F33066" s="14" t="s">
        <v>53</v>
      </c>
      <c r="G33066" s="16">
        <v>1.3414588887954175</v>
      </c>
    </row>
    <row r="33067" spans="1:7" x14ac:dyDescent="0.3">
      <c r="A33067" s="13" t="s">
        <v>203</v>
      </c>
      <c r="B33067" s="14" t="s">
        <v>1</v>
      </c>
      <c r="C33067" s="14" t="s">
        <v>200</v>
      </c>
      <c r="D33067" s="14" t="s">
        <v>204</v>
      </c>
      <c r="E33067" s="15">
        <v>45593</v>
      </c>
      <c r="F33067" s="14" t="s">
        <v>53</v>
      </c>
      <c r="G33067" s="16">
        <v>1.3414588887954175</v>
      </c>
    </row>
    <row r="33068" spans="1:7" x14ac:dyDescent="0.3">
      <c r="A33068" s="13" t="s">
        <v>203</v>
      </c>
      <c r="B33068" s="14" t="s">
        <v>1</v>
      </c>
      <c r="C33068" s="14" t="s">
        <v>200</v>
      </c>
      <c r="D33068" s="14" t="s">
        <v>204</v>
      </c>
      <c r="E33068" s="15">
        <v>45594</v>
      </c>
      <c r="F33068" s="14" t="s">
        <v>53</v>
      </c>
      <c r="G33068" s="16">
        <v>1.3431132284375564</v>
      </c>
    </row>
    <row r="33069" spans="1:7" x14ac:dyDescent="0.3">
      <c r="A33069" s="13" t="s">
        <v>203</v>
      </c>
      <c r="B33069" s="14" t="s">
        <v>1</v>
      </c>
      <c r="C33069" s="14" t="s">
        <v>200</v>
      </c>
      <c r="D33069" s="14" t="s">
        <v>204</v>
      </c>
      <c r="E33069" s="15">
        <v>45595</v>
      </c>
      <c r="F33069" s="14" t="s">
        <v>53</v>
      </c>
      <c r="G33069" s="16">
        <v>1.372403053609893</v>
      </c>
    </row>
    <row r="33070" spans="1:7" x14ac:dyDescent="0.3">
      <c r="A33070" s="13" t="s">
        <v>203</v>
      </c>
      <c r="B33070" s="14" t="s">
        <v>1</v>
      </c>
      <c r="C33070" s="14" t="s">
        <v>200</v>
      </c>
      <c r="D33070" s="14" t="s">
        <v>204</v>
      </c>
      <c r="E33070" s="15">
        <v>45596</v>
      </c>
      <c r="F33070" s="14" t="s">
        <v>53</v>
      </c>
      <c r="G33070" s="16">
        <v>1.3853221700654896</v>
      </c>
    </row>
    <row r="33071" spans="1:7" x14ac:dyDescent="0.3">
      <c r="A33071" s="13" t="s">
        <v>203</v>
      </c>
      <c r="B33071" s="14" t="s">
        <v>1</v>
      </c>
      <c r="C33071" s="14" t="s">
        <v>200</v>
      </c>
      <c r="D33071" s="14" t="s">
        <v>204</v>
      </c>
      <c r="E33071" s="15">
        <v>45597</v>
      </c>
      <c r="F33071" s="14" t="s">
        <v>53</v>
      </c>
      <c r="G33071" s="16">
        <v>1.3876556876256116</v>
      </c>
    </row>
    <row r="33072" spans="1:7" x14ac:dyDescent="0.3">
      <c r="A33072" s="13" t="s">
        <v>203</v>
      </c>
      <c r="B33072" s="14" t="s">
        <v>1</v>
      </c>
      <c r="C33072" s="14" t="s">
        <v>200</v>
      </c>
      <c r="D33072" s="14" t="s">
        <v>204</v>
      </c>
      <c r="E33072" s="15">
        <v>45598</v>
      </c>
      <c r="F33072" s="14" t="s">
        <v>53</v>
      </c>
      <c r="G33072" s="16">
        <v>1.3876556876256116</v>
      </c>
    </row>
    <row r="33073" spans="1:7" x14ac:dyDescent="0.3">
      <c r="A33073" s="13" t="s">
        <v>203</v>
      </c>
      <c r="B33073" s="14" t="s">
        <v>1</v>
      </c>
      <c r="C33073" s="14" t="s">
        <v>200</v>
      </c>
      <c r="D33073" s="14" t="s">
        <v>204</v>
      </c>
      <c r="E33073" s="15">
        <v>45599</v>
      </c>
      <c r="F33073" s="14" t="s">
        <v>53</v>
      </c>
      <c r="G33073" s="16">
        <v>1.3876556876256116</v>
      </c>
    </row>
    <row r="33074" spans="1:7" x14ac:dyDescent="0.3">
      <c r="A33074" s="13" t="s">
        <v>203</v>
      </c>
      <c r="B33074" s="14" t="s">
        <v>1</v>
      </c>
      <c r="C33074" s="14" t="s">
        <v>200</v>
      </c>
      <c r="D33074" s="14" t="s">
        <v>204</v>
      </c>
      <c r="E33074" s="15">
        <v>45600</v>
      </c>
      <c r="F33074" s="14" t="s">
        <v>53</v>
      </c>
      <c r="G33074" s="16">
        <v>1.3921006001624945</v>
      </c>
    </row>
    <row r="33075" spans="1:7" x14ac:dyDescent="0.3">
      <c r="A33075" s="13" t="s">
        <v>203</v>
      </c>
      <c r="B33075" s="14" t="s">
        <v>1</v>
      </c>
      <c r="C33075" s="14" t="s">
        <v>200</v>
      </c>
      <c r="D33075" s="14" t="s">
        <v>204</v>
      </c>
      <c r="E33075" s="15">
        <v>45601</v>
      </c>
      <c r="F33075" s="14" t="s">
        <v>53</v>
      </c>
      <c r="G33075" s="16">
        <v>1.4083393822557395</v>
      </c>
    </row>
    <row r="33076" spans="1:7" x14ac:dyDescent="0.3">
      <c r="A33076" s="13" t="s">
        <v>203</v>
      </c>
      <c r="B33076" s="14" t="s">
        <v>1</v>
      </c>
      <c r="C33076" s="14" t="s">
        <v>200</v>
      </c>
      <c r="D33076" s="14" t="s">
        <v>204</v>
      </c>
      <c r="E33076" s="15">
        <v>45602</v>
      </c>
      <c r="F33076" s="14" t="s">
        <v>53</v>
      </c>
      <c r="G33076" s="16">
        <v>1.4315488059403609</v>
      </c>
    </row>
    <row r="33077" spans="1:7" x14ac:dyDescent="0.3">
      <c r="A33077" s="13" t="s">
        <v>203</v>
      </c>
      <c r="B33077" s="14" t="s">
        <v>1</v>
      </c>
      <c r="C33077" s="14" t="s">
        <v>200</v>
      </c>
      <c r="D33077" s="14" t="s">
        <v>204</v>
      </c>
      <c r="E33077" s="15">
        <v>45603</v>
      </c>
      <c r="F33077" s="14" t="s">
        <v>53</v>
      </c>
      <c r="G33077" s="16">
        <v>1.4189354999085571</v>
      </c>
    </row>
    <row r="33078" spans="1:7" x14ac:dyDescent="0.3">
      <c r="A33078" s="13" t="s">
        <v>203</v>
      </c>
      <c r="B33078" s="14" t="s">
        <v>1</v>
      </c>
      <c r="C33078" s="14" t="s">
        <v>200</v>
      </c>
      <c r="D33078" s="14" t="s">
        <v>204</v>
      </c>
      <c r="E33078" s="15">
        <v>45604</v>
      </c>
      <c r="F33078" s="14" t="s">
        <v>53</v>
      </c>
      <c r="G33078" s="16">
        <v>1.4326740550597434</v>
      </c>
    </row>
    <row r="33079" spans="1:7" x14ac:dyDescent="0.3">
      <c r="A33079" s="13" t="s">
        <v>203</v>
      </c>
      <c r="B33079" s="14" t="s">
        <v>1</v>
      </c>
      <c r="C33079" s="14" t="s">
        <v>200</v>
      </c>
      <c r="D33079" s="14" t="s">
        <v>204</v>
      </c>
      <c r="E33079" s="15">
        <v>45605</v>
      </c>
      <c r="F33079" s="14" t="s">
        <v>53</v>
      </c>
      <c r="G33079" s="16">
        <v>1.4326740550597434</v>
      </c>
    </row>
    <row r="33080" spans="1:7" x14ac:dyDescent="0.3">
      <c r="A33080" s="13" t="s">
        <v>203</v>
      </c>
      <c r="B33080" s="14" t="s">
        <v>1</v>
      </c>
      <c r="C33080" s="14" t="s">
        <v>200</v>
      </c>
      <c r="D33080" s="14" t="s">
        <v>204</v>
      </c>
      <c r="E33080" s="15">
        <v>45606</v>
      </c>
      <c r="F33080" s="14" t="s">
        <v>53</v>
      </c>
      <c r="G33080" s="16">
        <v>1.4326740550597434</v>
      </c>
    </row>
    <row r="33081" spans="1:7" x14ac:dyDescent="0.3">
      <c r="A33081" s="13" t="s">
        <v>203</v>
      </c>
      <c r="B33081" s="14" t="s">
        <v>1</v>
      </c>
      <c r="C33081" s="14" t="s">
        <v>200</v>
      </c>
      <c r="D33081" s="14" t="s">
        <v>204</v>
      </c>
      <c r="E33081" s="15">
        <v>45607</v>
      </c>
      <c r="F33081" s="14" t="s">
        <v>53</v>
      </c>
      <c r="G33081" s="16">
        <v>1.4326740550597434</v>
      </c>
    </row>
    <row r="33082" spans="1:7" x14ac:dyDescent="0.3">
      <c r="A33082" s="13" t="s">
        <v>203</v>
      </c>
      <c r="B33082" s="14" t="s">
        <v>1</v>
      </c>
      <c r="C33082" s="14" t="s">
        <v>200</v>
      </c>
      <c r="D33082" s="14" t="s">
        <v>204</v>
      </c>
      <c r="E33082" s="15">
        <v>45608</v>
      </c>
      <c r="F33082" s="14" t="s">
        <v>53</v>
      </c>
      <c r="G33082" s="16">
        <v>1.4595034343211724</v>
      </c>
    </row>
    <row r="33083" spans="1:7" x14ac:dyDescent="0.3">
      <c r="A33083" s="13" t="s">
        <v>203</v>
      </c>
      <c r="B33083" s="14" t="s">
        <v>1</v>
      </c>
      <c r="C33083" s="14" t="s">
        <v>200</v>
      </c>
      <c r="D33083" s="14" t="s">
        <v>204</v>
      </c>
      <c r="E33083" s="15">
        <v>45609</v>
      </c>
      <c r="F33083" s="14" t="s">
        <v>53</v>
      </c>
      <c r="G33083" s="16">
        <v>1.4810466284440795</v>
      </c>
    </row>
    <row r="33084" spans="1:7" x14ac:dyDescent="0.3">
      <c r="A33084" s="13" t="s">
        <v>203</v>
      </c>
      <c r="B33084" s="14" t="s">
        <v>1</v>
      </c>
      <c r="C33084" s="14" t="s">
        <v>200</v>
      </c>
      <c r="D33084" s="14" t="s">
        <v>204</v>
      </c>
      <c r="E33084" s="15">
        <v>45610</v>
      </c>
      <c r="F33084" s="14" t="s">
        <v>53</v>
      </c>
      <c r="G33084" s="16">
        <v>1.4925900423922998</v>
      </c>
    </row>
    <row r="33085" spans="1:7" x14ac:dyDescent="0.3">
      <c r="A33085" s="13" t="s">
        <v>203</v>
      </c>
      <c r="B33085" s="14" t="s">
        <v>1</v>
      </c>
      <c r="C33085" s="14" t="s">
        <v>200</v>
      </c>
      <c r="D33085" s="14" t="s">
        <v>204</v>
      </c>
      <c r="E33085" s="15">
        <v>45611</v>
      </c>
      <c r="F33085" s="14" t="s">
        <v>53</v>
      </c>
      <c r="G33085" s="16">
        <v>1.5047802955178704</v>
      </c>
    </row>
    <row r="33086" spans="1:7" x14ac:dyDescent="0.3">
      <c r="A33086" s="13" t="s">
        <v>203</v>
      </c>
      <c r="B33086" s="14" t="s">
        <v>1</v>
      </c>
      <c r="C33086" s="14" t="s">
        <v>200</v>
      </c>
      <c r="D33086" s="14" t="s">
        <v>204</v>
      </c>
      <c r="E33086" s="15">
        <v>45612</v>
      </c>
      <c r="F33086" s="14" t="s">
        <v>53</v>
      </c>
      <c r="G33086" s="16">
        <v>1.5047802955178704</v>
      </c>
    </row>
    <row r="33087" spans="1:7" x14ac:dyDescent="0.3">
      <c r="A33087" s="13" t="s">
        <v>203</v>
      </c>
      <c r="B33087" s="14" t="s">
        <v>1</v>
      </c>
      <c r="C33087" s="14" t="s">
        <v>200</v>
      </c>
      <c r="D33087" s="14" t="s">
        <v>204</v>
      </c>
      <c r="E33087" s="15">
        <v>45613</v>
      </c>
      <c r="F33087" s="14" t="s">
        <v>53</v>
      </c>
      <c r="G33087" s="16">
        <v>1.5047802955178704</v>
      </c>
    </row>
    <row r="33088" spans="1:7" x14ac:dyDescent="0.3">
      <c r="A33088" s="13" t="s">
        <v>203</v>
      </c>
      <c r="B33088" s="14" t="s">
        <v>1</v>
      </c>
      <c r="C33088" s="14" t="s">
        <v>200</v>
      </c>
      <c r="D33088" s="14" t="s">
        <v>204</v>
      </c>
      <c r="E33088" s="15">
        <v>45614</v>
      </c>
      <c r="F33088" s="14" t="s">
        <v>53</v>
      </c>
      <c r="G33088" s="16">
        <v>1.5032278333485096</v>
      </c>
    </row>
    <row r="33089" spans="1:7" x14ac:dyDescent="0.3">
      <c r="A33089" s="13" t="s">
        <v>203</v>
      </c>
      <c r="B33089" s="14" t="s">
        <v>1</v>
      </c>
      <c r="C33089" s="14" t="s">
        <v>200</v>
      </c>
      <c r="D33089" s="14" t="s">
        <v>204</v>
      </c>
      <c r="E33089" s="15">
        <v>45615</v>
      </c>
      <c r="F33089" s="14" t="s">
        <v>53</v>
      </c>
      <c r="G33089" s="16">
        <v>1.5205310043442792</v>
      </c>
    </row>
    <row r="33090" spans="1:7" x14ac:dyDescent="0.3">
      <c r="A33090" s="13" t="s">
        <v>203</v>
      </c>
      <c r="B33090" s="14" t="s">
        <v>1</v>
      </c>
      <c r="C33090" s="14" t="s">
        <v>200</v>
      </c>
      <c r="D33090" s="14" t="s">
        <v>204</v>
      </c>
      <c r="E33090" s="15">
        <v>45616</v>
      </c>
      <c r="F33090" s="14" t="s">
        <v>53</v>
      </c>
      <c r="G33090" s="16">
        <v>1.5318611669895252</v>
      </c>
    </row>
    <row r="33091" spans="1:7" x14ac:dyDescent="0.3">
      <c r="A33091" s="13" t="s">
        <v>203</v>
      </c>
      <c r="B33091" s="14" t="s">
        <v>1</v>
      </c>
      <c r="C33091" s="14" t="s">
        <v>200</v>
      </c>
      <c r="D33091" s="14" t="s">
        <v>204</v>
      </c>
      <c r="E33091" s="15">
        <v>45617</v>
      </c>
      <c r="F33091" s="14" t="s">
        <v>53</v>
      </c>
      <c r="G33091" s="16">
        <v>1.5457301030563184</v>
      </c>
    </row>
    <row r="33092" spans="1:7" x14ac:dyDescent="0.3">
      <c r="A33092" s="13" t="s">
        <v>203</v>
      </c>
      <c r="B33092" s="14" t="s">
        <v>1</v>
      </c>
      <c r="C33092" s="14" t="s">
        <v>200</v>
      </c>
      <c r="D33092" s="14" t="s">
        <v>204</v>
      </c>
      <c r="E33092" s="15">
        <v>45618</v>
      </c>
      <c r="F33092" s="14" t="s">
        <v>53</v>
      </c>
      <c r="G33092" s="16">
        <v>1.5622659403007493</v>
      </c>
    </row>
    <row r="33093" spans="1:7" x14ac:dyDescent="0.3">
      <c r="A33093" s="13" t="s">
        <v>203</v>
      </c>
      <c r="B33093" s="14" t="s">
        <v>1</v>
      </c>
      <c r="C33093" s="14" t="s">
        <v>200</v>
      </c>
      <c r="D33093" s="14" t="s">
        <v>204</v>
      </c>
      <c r="E33093" s="15">
        <v>45619</v>
      </c>
      <c r="F33093" s="14" t="s">
        <v>53</v>
      </c>
      <c r="G33093" s="16">
        <v>1.5622659403007493</v>
      </c>
    </row>
    <row r="33094" spans="1:7" x14ac:dyDescent="0.3">
      <c r="A33094" s="13" t="s">
        <v>203</v>
      </c>
      <c r="B33094" s="14" t="s">
        <v>1</v>
      </c>
      <c r="C33094" s="14" t="s">
        <v>200</v>
      </c>
      <c r="D33094" s="14" t="s">
        <v>204</v>
      </c>
      <c r="E33094" s="15">
        <v>45620</v>
      </c>
      <c r="F33094" s="14" t="s">
        <v>53</v>
      </c>
      <c r="G33094" s="16">
        <v>1.5622659403007493</v>
      </c>
    </row>
    <row r="33095" spans="1:7" x14ac:dyDescent="0.3">
      <c r="A33095" s="13" t="s">
        <v>203</v>
      </c>
      <c r="B33095" s="14" t="s">
        <v>1</v>
      </c>
      <c r="C33095" s="14" t="s">
        <v>200</v>
      </c>
      <c r="D33095" s="14" t="s">
        <v>204</v>
      </c>
      <c r="E33095" s="15">
        <v>45621</v>
      </c>
      <c r="F33095" s="14" t="s">
        <v>53</v>
      </c>
      <c r="G33095" s="16">
        <v>1.5622060184142113</v>
      </c>
    </row>
    <row r="33096" spans="1:7" x14ac:dyDescent="0.3">
      <c r="A33096" s="13" t="s">
        <v>203</v>
      </c>
      <c r="B33096" s="14" t="s">
        <v>1</v>
      </c>
      <c r="C33096" s="14" t="s">
        <v>200</v>
      </c>
      <c r="D33096" s="14" t="s">
        <v>204</v>
      </c>
      <c r="E33096" s="15">
        <v>45622</v>
      </c>
      <c r="F33096" s="14" t="s">
        <v>53</v>
      </c>
      <c r="G33096" s="16">
        <v>1.5830937818796198</v>
      </c>
    </row>
    <row r="33097" spans="1:7" x14ac:dyDescent="0.3">
      <c r="A33097" s="13" t="s">
        <v>203</v>
      </c>
      <c r="B33097" s="14" t="s">
        <v>1</v>
      </c>
      <c r="C33097" s="14" t="s">
        <v>200</v>
      </c>
      <c r="D33097" s="14" t="s">
        <v>204</v>
      </c>
      <c r="E33097" s="15">
        <v>45623</v>
      </c>
      <c r="F33097" s="14" t="s">
        <v>53</v>
      </c>
      <c r="G33097" s="16">
        <v>1.5755009932834831</v>
      </c>
    </row>
    <row r="33098" spans="1:7" x14ac:dyDescent="0.3">
      <c r="A33098" s="13" t="s">
        <v>203</v>
      </c>
      <c r="B33098" s="14" t="s">
        <v>1</v>
      </c>
      <c r="C33098" s="14" t="s">
        <v>200</v>
      </c>
      <c r="D33098" s="14" t="s">
        <v>204</v>
      </c>
      <c r="E33098" s="15">
        <v>45624</v>
      </c>
      <c r="F33098" s="14" t="s">
        <v>53</v>
      </c>
      <c r="G33098" s="16">
        <v>1.5755009932834831</v>
      </c>
    </row>
    <row r="33099" spans="1:7" x14ac:dyDescent="0.3">
      <c r="A33099" s="13" t="s">
        <v>203</v>
      </c>
      <c r="B33099" s="14" t="s">
        <v>1</v>
      </c>
      <c r="C33099" s="14" t="s">
        <v>200</v>
      </c>
      <c r="D33099" s="14" t="s">
        <v>204</v>
      </c>
      <c r="E33099" s="15">
        <v>45625</v>
      </c>
      <c r="F33099" s="14" t="s">
        <v>53</v>
      </c>
      <c r="G33099" s="16">
        <v>1.5761336505183514</v>
      </c>
    </row>
    <row r="33100" spans="1:7" x14ac:dyDescent="0.3">
      <c r="A33100" s="13" t="s">
        <v>203</v>
      </c>
      <c r="B33100" s="14" t="s">
        <v>1</v>
      </c>
      <c r="C33100" s="14" t="s">
        <v>200</v>
      </c>
      <c r="D33100" s="14" t="s">
        <v>204</v>
      </c>
      <c r="E33100" s="15">
        <v>45626</v>
      </c>
      <c r="F33100" s="14" t="s">
        <v>53</v>
      </c>
      <c r="G33100" s="16">
        <v>1.5761336505183514</v>
      </c>
    </row>
    <row r="33101" spans="1:7" x14ac:dyDescent="0.3">
      <c r="A33101" s="13" t="s">
        <v>203</v>
      </c>
      <c r="B33101" s="14" t="s">
        <v>1</v>
      </c>
      <c r="C33101" s="14" t="s">
        <v>200</v>
      </c>
      <c r="D33101" s="14" t="s">
        <v>204</v>
      </c>
      <c r="E33101" s="15">
        <v>45627</v>
      </c>
      <c r="F33101" s="14" t="s">
        <v>53</v>
      </c>
      <c r="G33101" s="16">
        <v>1.5761336505183514</v>
      </c>
    </row>
    <row r="33102" spans="1:7" x14ac:dyDescent="0.3">
      <c r="A33102" s="13" t="s">
        <v>203</v>
      </c>
      <c r="B33102" s="14" t="s">
        <v>1</v>
      </c>
      <c r="C33102" s="14" t="s">
        <v>200</v>
      </c>
      <c r="D33102" s="14" t="s">
        <v>204</v>
      </c>
      <c r="E33102" s="15">
        <v>45628</v>
      </c>
      <c r="F33102" s="14" t="s">
        <v>53</v>
      </c>
      <c r="G33102" s="16">
        <v>1.5990681250550574</v>
      </c>
    </row>
    <row r="33103" spans="1:7" x14ac:dyDescent="0.3">
      <c r="A33103" s="13" t="s">
        <v>203</v>
      </c>
      <c r="B33103" s="14" t="s">
        <v>1</v>
      </c>
      <c r="C33103" s="14" t="s">
        <v>200</v>
      </c>
      <c r="D33103" s="14" t="s">
        <v>204</v>
      </c>
      <c r="E33103" s="15">
        <v>45629</v>
      </c>
      <c r="F33103" s="14" t="s">
        <v>53</v>
      </c>
      <c r="G33103" s="16">
        <v>1.6147704218388326</v>
      </c>
    </row>
    <row r="33104" spans="1:7" x14ac:dyDescent="0.3">
      <c r="A33104" s="13" t="s">
        <v>203</v>
      </c>
      <c r="B33104" s="14" t="s">
        <v>1</v>
      </c>
      <c r="C33104" s="14" t="s">
        <v>200</v>
      </c>
      <c r="D33104" s="14" t="s">
        <v>204</v>
      </c>
      <c r="E33104" s="15">
        <v>45630</v>
      </c>
      <c r="F33104" s="14" t="s">
        <v>53</v>
      </c>
      <c r="G33104" s="16">
        <v>1.6156375565150078</v>
      </c>
    </row>
    <row r="33105" spans="1:7" x14ac:dyDescent="0.3">
      <c r="A33105" s="13" t="s">
        <v>203</v>
      </c>
      <c r="B33105" s="14" t="s">
        <v>1</v>
      </c>
      <c r="C33105" s="14" t="s">
        <v>200</v>
      </c>
      <c r="D33105" s="14" t="s">
        <v>204</v>
      </c>
      <c r="E33105" s="15">
        <v>45631</v>
      </c>
      <c r="F33105" s="14" t="s">
        <v>53</v>
      </c>
      <c r="G33105" s="16">
        <v>1.6134582168870732</v>
      </c>
    </row>
    <row r="33106" spans="1:7" x14ac:dyDescent="0.3">
      <c r="A33106" s="13" t="s">
        <v>203</v>
      </c>
      <c r="B33106" s="14" t="s">
        <v>1</v>
      </c>
      <c r="C33106" s="14" t="s">
        <v>200</v>
      </c>
      <c r="D33106" s="14" t="s">
        <v>204</v>
      </c>
      <c r="E33106" s="15">
        <v>45632</v>
      </c>
      <c r="F33106" s="14" t="s">
        <v>53</v>
      </c>
      <c r="G33106" s="16">
        <v>1.622374381057798</v>
      </c>
    </row>
    <row r="33107" spans="1:7" x14ac:dyDescent="0.3">
      <c r="A33107" s="13" t="s">
        <v>203</v>
      </c>
      <c r="B33107" s="14" t="s">
        <v>1</v>
      </c>
      <c r="C33107" s="14" t="s">
        <v>200</v>
      </c>
      <c r="D33107" s="14" t="s">
        <v>204</v>
      </c>
      <c r="E33107" s="15">
        <v>45633</v>
      </c>
      <c r="F33107" s="14" t="s">
        <v>53</v>
      </c>
      <c r="G33107" s="16">
        <v>1.622374381057798</v>
      </c>
    </row>
    <row r="33108" spans="1:7" x14ac:dyDescent="0.3">
      <c r="A33108" s="13" t="s">
        <v>203</v>
      </c>
      <c r="B33108" s="14" t="s">
        <v>1</v>
      </c>
      <c r="C33108" s="14" t="s">
        <v>200</v>
      </c>
      <c r="D33108" s="14" t="s">
        <v>204</v>
      </c>
      <c r="E33108" s="15">
        <v>45634</v>
      </c>
      <c r="F33108" s="14" t="s">
        <v>53</v>
      </c>
      <c r="G33108" s="16">
        <v>1.622374381057798</v>
      </c>
    </row>
    <row r="33109" spans="1:7" x14ac:dyDescent="0.3">
      <c r="A33109" s="13" t="s">
        <v>203</v>
      </c>
      <c r="B33109" s="14" t="s">
        <v>1</v>
      </c>
      <c r="C33109" s="14" t="s">
        <v>200</v>
      </c>
      <c r="D33109" s="14" t="s">
        <v>204</v>
      </c>
      <c r="E33109" s="15">
        <v>45635</v>
      </c>
      <c r="F33109" s="14" t="s">
        <v>53</v>
      </c>
      <c r="G33109" s="16">
        <v>1.6286260685124609</v>
      </c>
    </row>
    <row r="33110" spans="1:7" x14ac:dyDescent="0.3">
      <c r="A33110" s="13" t="s">
        <v>203</v>
      </c>
      <c r="B33110" s="14" t="s">
        <v>1</v>
      </c>
      <c r="C33110" s="14" t="s">
        <v>200</v>
      </c>
      <c r="D33110" s="14" t="s">
        <v>204</v>
      </c>
      <c r="E33110" s="15">
        <v>45636</v>
      </c>
      <c r="F33110" s="14" t="s">
        <v>53</v>
      </c>
      <c r="G33110" s="16">
        <v>1.6470457313905644</v>
      </c>
    </row>
    <row r="33111" spans="1:7" x14ac:dyDescent="0.3">
      <c r="A33111" s="13" t="s">
        <v>203</v>
      </c>
      <c r="B33111" s="14" t="s">
        <v>1</v>
      </c>
      <c r="C33111" s="14" t="s">
        <v>200</v>
      </c>
      <c r="D33111" s="14" t="s">
        <v>204</v>
      </c>
      <c r="E33111" s="15">
        <v>45637</v>
      </c>
      <c r="F33111" s="14" t="s">
        <v>53</v>
      </c>
      <c r="G33111" s="16">
        <v>1.655987702756657</v>
      </c>
    </row>
    <row r="33112" spans="1:7" x14ac:dyDescent="0.3">
      <c r="A33112" s="13" t="s">
        <v>203</v>
      </c>
      <c r="B33112" s="14" t="s">
        <v>1</v>
      </c>
      <c r="C33112" s="14" t="s">
        <v>200</v>
      </c>
      <c r="D33112" s="14" t="s">
        <v>204</v>
      </c>
      <c r="E33112" s="15">
        <v>45638</v>
      </c>
      <c r="F33112" s="14" t="s">
        <v>53</v>
      </c>
      <c r="G33112" s="16">
        <v>1.6725785329137444</v>
      </c>
    </row>
    <row r="33113" spans="1:7" x14ac:dyDescent="0.3">
      <c r="A33113" s="13" t="s">
        <v>203</v>
      </c>
      <c r="B33113" s="14" t="s">
        <v>1</v>
      </c>
      <c r="C33113" s="14" t="s">
        <v>200</v>
      </c>
      <c r="D33113" s="14" t="s">
        <v>204</v>
      </c>
      <c r="E33113" s="15">
        <v>45639</v>
      </c>
      <c r="F33113" s="14" t="s">
        <v>53</v>
      </c>
      <c r="G33113" s="16">
        <v>1.6872186639041604</v>
      </c>
    </row>
    <row r="33114" spans="1:7" x14ac:dyDescent="0.3">
      <c r="A33114" s="13" t="s">
        <v>203</v>
      </c>
      <c r="B33114" s="14" t="s">
        <v>1</v>
      </c>
      <c r="C33114" s="14" t="s">
        <v>200</v>
      </c>
      <c r="D33114" s="14" t="s">
        <v>204</v>
      </c>
      <c r="E33114" s="15">
        <v>45640</v>
      </c>
      <c r="F33114" s="14" t="s">
        <v>53</v>
      </c>
      <c r="G33114" s="16">
        <v>1.6872186639041604</v>
      </c>
    </row>
    <row r="33115" spans="1:7" x14ac:dyDescent="0.3">
      <c r="A33115" s="13" t="s">
        <v>203</v>
      </c>
      <c r="B33115" s="14" t="s">
        <v>1</v>
      </c>
      <c r="C33115" s="14" t="s">
        <v>200</v>
      </c>
      <c r="D33115" s="14" t="s">
        <v>204</v>
      </c>
      <c r="E33115" s="15">
        <v>45641</v>
      </c>
      <c r="F33115" s="14" t="s">
        <v>53</v>
      </c>
      <c r="G33115" s="16">
        <v>1.6872186639041604</v>
      </c>
    </row>
    <row r="33116" spans="1:7" x14ac:dyDescent="0.3">
      <c r="A33116" s="13" t="s">
        <v>203</v>
      </c>
      <c r="B33116" s="14" t="s">
        <v>1</v>
      </c>
      <c r="C33116" s="14" t="s">
        <v>200</v>
      </c>
      <c r="D33116" s="14" t="s">
        <v>204</v>
      </c>
      <c r="E33116" s="15">
        <v>45642</v>
      </c>
      <c r="F33116" s="14" t="s">
        <v>53</v>
      </c>
      <c r="G33116" s="16">
        <v>1.6861562115592703</v>
      </c>
    </row>
    <row r="33117" spans="1:7" x14ac:dyDescent="0.3">
      <c r="A33117" s="13" t="s">
        <v>203</v>
      </c>
      <c r="B33117" s="14" t="s">
        <v>1</v>
      </c>
      <c r="C33117" s="14" t="s">
        <v>200</v>
      </c>
      <c r="D33117" s="14" t="s">
        <v>204</v>
      </c>
      <c r="E33117" s="15">
        <v>45643</v>
      </c>
      <c r="F33117" s="14" t="s">
        <v>53</v>
      </c>
      <c r="G33117" s="16">
        <v>1.7011468091411239</v>
      </c>
    </row>
    <row r="33118" spans="1:7" x14ac:dyDescent="0.3">
      <c r="A33118" s="13" t="s">
        <v>203</v>
      </c>
      <c r="B33118" s="14" t="s">
        <v>1</v>
      </c>
      <c r="C33118" s="14" t="s">
        <v>200</v>
      </c>
      <c r="D33118" s="14" t="s">
        <v>204</v>
      </c>
      <c r="E33118" s="15">
        <v>45644</v>
      </c>
      <c r="F33118" s="14" t="s">
        <v>53</v>
      </c>
      <c r="G33118" s="16">
        <v>1.7267957075793556</v>
      </c>
    </row>
    <row r="33119" spans="1:7" x14ac:dyDescent="0.3">
      <c r="A33119" s="13" t="s">
        <v>203</v>
      </c>
      <c r="B33119" s="14" t="s">
        <v>1</v>
      </c>
      <c r="C33119" s="14" t="s">
        <v>200</v>
      </c>
      <c r="D33119" s="14" t="s">
        <v>204</v>
      </c>
      <c r="E33119" s="15">
        <v>45645</v>
      </c>
      <c r="F33119" s="14" t="s">
        <v>53</v>
      </c>
      <c r="G33119" s="16">
        <v>1.7449356192971135</v>
      </c>
    </row>
    <row r="33120" spans="1:7" x14ac:dyDescent="0.3">
      <c r="A33120" s="13" t="s">
        <v>203</v>
      </c>
      <c r="B33120" s="14" t="s">
        <v>1</v>
      </c>
      <c r="C33120" s="14" t="s">
        <v>200</v>
      </c>
      <c r="D33120" s="14" t="s">
        <v>204</v>
      </c>
      <c r="E33120" s="15">
        <v>45646</v>
      </c>
      <c r="F33120" s="14" t="s">
        <v>53</v>
      </c>
      <c r="G33120" s="16">
        <v>1.744480056837038</v>
      </c>
    </row>
    <row r="33121" spans="1:7" x14ac:dyDescent="0.3">
      <c r="A33121" s="13" t="s">
        <v>203</v>
      </c>
      <c r="B33121" s="14" t="s">
        <v>1</v>
      </c>
      <c r="C33121" s="14" t="s">
        <v>200</v>
      </c>
      <c r="D33121" s="14" t="s">
        <v>204</v>
      </c>
      <c r="E33121" s="15">
        <v>45647</v>
      </c>
      <c r="F33121" s="14" t="s">
        <v>53</v>
      </c>
      <c r="G33121" s="16">
        <v>1.744480056837038</v>
      </c>
    </row>
    <row r="33122" spans="1:7" x14ac:dyDescent="0.3">
      <c r="A33122" s="13" t="s">
        <v>203</v>
      </c>
      <c r="B33122" s="14" t="s">
        <v>1</v>
      </c>
      <c r="C33122" s="14" t="s">
        <v>200</v>
      </c>
      <c r="D33122" s="14" t="s">
        <v>204</v>
      </c>
      <c r="E33122" s="15">
        <v>45648</v>
      </c>
      <c r="F33122" s="14" t="s">
        <v>53</v>
      </c>
      <c r="G33122" s="16">
        <v>1.744480056837038</v>
      </c>
    </row>
    <row r="33123" spans="1:7" x14ac:dyDescent="0.3">
      <c r="A33123" s="13" t="s">
        <v>203</v>
      </c>
      <c r="B33123" s="14" t="s">
        <v>1</v>
      </c>
      <c r="C33123" s="14" t="s">
        <v>200</v>
      </c>
      <c r="D33123" s="14" t="s">
        <v>204</v>
      </c>
      <c r="E33123" s="15">
        <v>45649</v>
      </c>
      <c r="F33123" s="14" t="s">
        <v>53</v>
      </c>
      <c r="G33123" s="16">
        <v>1.7563445475424977</v>
      </c>
    </row>
    <row r="33124" spans="1:7" x14ac:dyDescent="0.3">
      <c r="A33124" s="13" t="s">
        <v>203</v>
      </c>
      <c r="B33124" s="14" t="s">
        <v>1</v>
      </c>
      <c r="C33124" s="14" t="s">
        <v>200</v>
      </c>
      <c r="D33124" s="14" t="s">
        <v>204</v>
      </c>
      <c r="E33124" s="15">
        <v>45650</v>
      </c>
      <c r="F33124" s="14" t="s">
        <v>53</v>
      </c>
      <c r="G33124" s="16">
        <v>1.7728065476097676</v>
      </c>
    </row>
    <row r="33125" spans="1:7" x14ac:dyDescent="0.3">
      <c r="A33125" s="13" t="s">
        <v>203</v>
      </c>
      <c r="B33125" s="14" t="s">
        <v>1</v>
      </c>
      <c r="C33125" s="14" t="s">
        <v>200</v>
      </c>
      <c r="D33125" s="14" t="s">
        <v>204</v>
      </c>
      <c r="E33125" s="15">
        <v>45651</v>
      </c>
      <c r="F33125" s="14" t="s">
        <v>53</v>
      </c>
      <c r="G33125" s="16">
        <v>1.7728065476097676</v>
      </c>
    </row>
    <row r="33126" spans="1:7" x14ac:dyDescent="0.3">
      <c r="A33126" s="13" t="s">
        <v>203</v>
      </c>
      <c r="B33126" s="14" t="s">
        <v>1</v>
      </c>
      <c r="C33126" s="14" t="s">
        <v>200</v>
      </c>
      <c r="D33126" s="14" t="s">
        <v>204</v>
      </c>
      <c r="E33126" s="15">
        <v>45652</v>
      </c>
      <c r="F33126" s="14" t="s">
        <v>53</v>
      </c>
      <c r="G33126" s="16">
        <v>1.7728065476097676</v>
      </c>
    </row>
    <row r="33127" spans="1:7" x14ac:dyDescent="0.3">
      <c r="A33127" s="13" t="s">
        <v>203</v>
      </c>
      <c r="B33127" s="14" t="s">
        <v>1</v>
      </c>
      <c r="C33127" s="14" t="s">
        <v>200</v>
      </c>
      <c r="D33127" s="14" t="s">
        <v>204</v>
      </c>
      <c r="E33127" s="15">
        <v>45653</v>
      </c>
      <c r="F33127" s="14" t="s">
        <v>53</v>
      </c>
      <c r="G33127" s="16">
        <v>1.7728065476097676</v>
      </c>
    </row>
    <row r="33128" spans="1:7" x14ac:dyDescent="0.3">
      <c r="A33128" s="13" t="s">
        <v>203</v>
      </c>
      <c r="B33128" s="14" t="s">
        <v>1</v>
      </c>
      <c r="C33128" s="14" t="s">
        <v>200</v>
      </c>
      <c r="D33128" s="14" t="s">
        <v>204</v>
      </c>
      <c r="E33128" s="15">
        <v>45654</v>
      </c>
      <c r="F33128" s="14" t="s">
        <v>53</v>
      </c>
      <c r="G33128" s="16">
        <v>1.7728065476097676</v>
      </c>
    </row>
    <row r="33129" spans="1:7" x14ac:dyDescent="0.3">
      <c r="A33129" s="13" t="s">
        <v>203</v>
      </c>
      <c r="B33129" s="14" t="s">
        <v>1</v>
      </c>
      <c r="C33129" s="14" t="s">
        <v>200</v>
      </c>
      <c r="D33129" s="14" t="s">
        <v>204</v>
      </c>
      <c r="E33129" s="15">
        <v>45655</v>
      </c>
      <c r="F33129" s="14" t="s">
        <v>53</v>
      </c>
      <c r="G33129" s="16">
        <v>1.7728065476097676</v>
      </c>
    </row>
    <row r="33130" spans="1:7" x14ac:dyDescent="0.3">
      <c r="A33130" s="13" t="s">
        <v>203</v>
      </c>
      <c r="B33130" s="14" t="s">
        <v>1</v>
      </c>
      <c r="C33130" s="14" t="s">
        <v>200</v>
      </c>
      <c r="D33130" s="14" t="s">
        <v>204</v>
      </c>
      <c r="E33130" s="15">
        <v>45656</v>
      </c>
      <c r="F33130" s="14" t="s">
        <v>53</v>
      </c>
      <c r="G33130" s="16">
        <v>1.7795085420994989</v>
      </c>
    </row>
    <row r="33131" spans="1:7" x14ac:dyDescent="0.3">
      <c r="A33131" s="13" t="s">
        <v>203</v>
      </c>
      <c r="B33131" s="14" t="s">
        <v>1</v>
      </c>
      <c r="C33131" s="14" t="s">
        <v>200</v>
      </c>
      <c r="D33131" s="14" t="s">
        <v>204</v>
      </c>
      <c r="E33131" s="15">
        <v>45657</v>
      </c>
      <c r="F33131" s="14" t="s">
        <v>53</v>
      </c>
      <c r="G33131" s="16">
        <v>1.8248147797848326</v>
      </c>
    </row>
    <row r="33132" spans="1:7" x14ac:dyDescent="0.3">
      <c r="A33132" s="13" t="s">
        <v>203</v>
      </c>
      <c r="B33132" s="14" t="s">
        <v>1</v>
      </c>
      <c r="C33132" s="14" t="s">
        <v>200</v>
      </c>
      <c r="D33132" s="14" t="s">
        <v>204</v>
      </c>
      <c r="E33132" s="15">
        <v>45658</v>
      </c>
      <c r="F33132" s="14" t="s">
        <v>53</v>
      </c>
      <c r="G33132" s="16">
        <v>1.8248147797848326</v>
      </c>
    </row>
    <row r="33133" spans="1:7" x14ac:dyDescent="0.3">
      <c r="A33133" s="13" t="s">
        <v>203</v>
      </c>
      <c r="B33133" s="14" t="s">
        <v>1</v>
      </c>
      <c r="C33133" s="14" t="s">
        <v>200</v>
      </c>
      <c r="D33133" s="14" t="s">
        <v>204</v>
      </c>
      <c r="E33133" s="15">
        <v>45659</v>
      </c>
      <c r="F33133" s="14" t="s">
        <v>53</v>
      </c>
      <c r="G33133" s="16">
        <v>1.8519367622608542</v>
      </c>
    </row>
    <row r="33134" spans="1:7" x14ac:dyDescent="0.3">
      <c r="A33134" s="13" t="s">
        <v>203</v>
      </c>
      <c r="B33134" s="14" t="s">
        <v>1</v>
      </c>
      <c r="C33134" s="14" t="s">
        <v>200</v>
      </c>
      <c r="D33134" s="14" t="s">
        <v>204</v>
      </c>
      <c r="E33134" s="15">
        <v>45660</v>
      </c>
      <c r="F33134" s="14" t="s">
        <v>53</v>
      </c>
      <c r="G33134" s="16">
        <v>1.8544869954873928</v>
      </c>
    </row>
    <row r="33135" spans="1:7" x14ac:dyDescent="0.3">
      <c r="A33135" s="13" t="s">
        <v>203</v>
      </c>
      <c r="B33135" s="14" t="s">
        <v>1</v>
      </c>
      <c r="C33135" s="14" t="s">
        <v>200</v>
      </c>
      <c r="D33135" s="14" t="s">
        <v>204</v>
      </c>
      <c r="E33135" s="15">
        <v>45661</v>
      </c>
      <c r="F33135" s="14" t="s">
        <v>53</v>
      </c>
      <c r="G33135" s="16">
        <v>1.8544869954873928</v>
      </c>
    </row>
    <row r="33136" spans="1:7" x14ac:dyDescent="0.3">
      <c r="A33136" s="13" t="s">
        <v>203</v>
      </c>
      <c r="B33136" s="14" t="s">
        <v>1</v>
      </c>
      <c r="C33136" s="14" t="s">
        <v>200</v>
      </c>
      <c r="D33136" s="14" t="s">
        <v>204</v>
      </c>
      <c r="E33136" s="15">
        <v>45662</v>
      </c>
      <c r="F33136" s="14" t="s">
        <v>53</v>
      </c>
      <c r="G33136" s="16">
        <v>1.8544869954873928</v>
      </c>
    </row>
    <row r="33137" spans="1:7" x14ac:dyDescent="0.3">
      <c r="A33137" s="13" t="s">
        <v>203</v>
      </c>
      <c r="B33137" s="14" t="s">
        <v>1</v>
      </c>
      <c r="C33137" s="14" t="s">
        <v>200</v>
      </c>
      <c r="D33137" s="14" t="s">
        <v>204</v>
      </c>
      <c r="E33137" s="15">
        <v>45663</v>
      </c>
      <c r="F33137" s="14" t="s">
        <v>53</v>
      </c>
      <c r="G33137" s="16">
        <v>1.8466723647947474</v>
      </c>
    </row>
    <row r="33138" spans="1:7" x14ac:dyDescent="0.3">
      <c r="A33138" s="13" t="s">
        <v>203</v>
      </c>
      <c r="B33138" s="14" t="s">
        <v>1</v>
      </c>
      <c r="C33138" s="14" t="s">
        <v>200</v>
      </c>
      <c r="D33138" s="14" t="s">
        <v>204</v>
      </c>
      <c r="E33138" s="15">
        <v>45664</v>
      </c>
      <c r="F33138" s="14" t="s">
        <v>53</v>
      </c>
      <c r="G33138" s="16">
        <v>1.8722194974703479</v>
      </c>
    </row>
    <row r="33139" spans="1:7" x14ac:dyDescent="0.3">
      <c r="A33139" s="13" t="s">
        <v>203</v>
      </c>
      <c r="B33139" s="14" t="s">
        <v>1</v>
      </c>
      <c r="C33139" s="14" t="s">
        <v>200</v>
      </c>
      <c r="D33139" s="14" t="s">
        <v>204</v>
      </c>
      <c r="E33139" s="15">
        <v>45665</v>
      </c>
      <c r="F33139" s="14" t="s">
        <v>53</v>
      </c>
      <c r="G33139" s="16">
        <v>1.8957054642342706</v>
      </c>
    </row>
    <row r="33140" spans="1:7" x14ac:dyDescent="0.3">
      <c r="A33140" s="13" t="s">
        <v>203</v>
      </c>
      <c r="B33140" s="14" t="s">
        <v>1</v>
      </c>
      <c r="C33140" s="14" t="s">
        <v>200</v>
      </c>
      <c r="D33140" s="14" t="s">
        <v>204</v>
      </c>
      <c r="E33140" s="15">
        <v>45666</v>
      </c>
      <c r="F33140" s="14" t="s">
        <v>53</v>
      </c>
      <c r="G33140" s="16">
        <v>1.8957054642342706</v>
      </c>
    </row>
    <row r="33141" spans="1:7" x14ac:dyDescent="0.3">
      <c r="A33141" s="13" t="s">
        <v>203</v>
      </c>
      <c r="B33141" s="14" t="s">
        <v>1</v>
      </c>
      <c r="C33141" s="14" t="s">
        <v>200</v>
      </c>
      <c r="D33141" s="14" t="s">
        <v>204</v>
      </c>
      <c r="E33141" s="15">
        <v>45667</v>
      </c>
      <c r="F33141" s="14" t="s">
        <v>53</v>
      </c>
      <c r="G33141" s="16">
        <v>1.9312262243752074</v>
      </c>
    </row>
    <row r="33142" spans="1:7" x14ac:dyDescent="0.3">
      <c r="A33142" s="13" t="s">
        <v>203</v>
      </c>
      <c r="B33142" s="14" t="s">
        <v>1</v>
      </c>
      <c r="C33142" s="14" t="s">
        <v>200</v>
      </c>
      <c r="D33142" s="14" t="s">
        <v>204</v>
      </c>
      <c r="E33142" s="15">
        <v>45668</v>
      </c>
      <c r="F33142" s="14" t="s">
        <v>53</v>
      </c>
      <c r="G33142" s="16">
        <v>1.9312262243752074</v>
      </c>
    </row>
    <row r="33143" spans="1:7" x14ac:dyDescent="0.3">
      <c r="A33143" s="13" t="s">
        <v>203</v>
      </c>
      <c r="B33143" s="14" t="s">
        <v>1</v>
      </c>
      <c r="C33143" s="14" t="s">
        <v>200</v>
      </c>
      <c r="D33143" s="14" t="s">
        <v>204</v>
      </c>
      <c r="E33143" s="15">
        <v>45669</v>
      </c>
      <c r="F33143" s="14" t="s">
        <v>53</v>
      </c>
      <c r="G33143" s="16">
        <v>1.9312262243752074</v>
      </c>
    </row>
    <row r="33144" spans="1:7" x14ac:dyDescent="0.3">
      <c r="A33144" s="13" t="s">
        <v>203</v>
      </c>
      <c r="B33144" s="14" t="s">
        <v>1</v>
      </c>
      <c r="C33144" s="14" t="s">
        <v>200</v>
      </c>
      <c r="D33144" s="14" t="s">
        <v>204</v>
      </c>
      <c r="E33144" s="15">
        <v>45670</v>
      </c>
      <c r="F33144" s="14" t="s">
        <v>53</v>
      </c>
      <c r="G33144" s="16">
        <v>1.942435752765316</v>
      </c>
    </row>
    <row r="33145" spans="1:7" x14ac:dyDescent="0.3">
      <c r="A33145" s="13" t="s">
        <v>203</v>
      </c>
      <c r="B33145" s="14" t="s">
        <v>1</v>
      </c>
      <c r="C33145" s="14" t="s">
        <v>200</v>
      </c>
      <c r="D33145" s="14" t="s">
        <v>204</v>
      </c>
      <c r="E33145" s="15">
        <v>45671</v>
      </c>
      <c r="F33145" s="14" t="s">
        <v>53</v>
      </c>
      <c r="G33145" s="16">
        <v>1.9566961454042431</v>
      </c>
    </row>
    <row r="33146" spans="1:7" x14ac:dyDescent="0.3">
      <c r="A33146" s="13" t="s">
        <v>203</v>
      </c>
      <c r="B33146" s="14" t="s">
        <v>1</v>
      </c>
      <c r="C33146" s="14" t="s">
        <v>200</v>
      </c>
      <c r="D33146" s="14" t="s">
        <v>204</v>
      </c>
      <c r="E33146" s="15">
        <v>45672</v>
      </c>
      <c r="F33146" s="14" t="s">
        <v>53</v>
      </c>
      <c r="G33146" s="16">
        <v>1.9582293378809639</v>
      </c>
    </row>
    <row r="33147" spans="1:7" x14ac:dyDescent="0.3">
      <c r="A33147" s="13" t="s">
        <v>203</v>
      </c>
      <c r="B33147" s="14" t="s">
        <v>1</v>
      </c>
      <c r="C33147" s="14" t="s">
        <v>200</v>
      </c>
      <c r="D33147" s="14" t="s">
        <v>204</v>
      </c>
      <c r="E33147" s="15">
        <v>45673</v>
      </c>
      <c r="F33147" s="14" t="s">
        <v>53</v>
      </c>
      <c r="G33147" s="16">
        <v>1.9638833743204693</v>
      </c>
    </row>
    <row r="33148" spans="1:7" x14ac:dyDescent="0.3">
      <c r="A33148" s="13" t="s">
        <v>203</v>
      </c>
      <c r="B33148" s="14" t="s">
        <v>1</v>
      </c>
      <c r="C33148" s="14" t="s">
        <v>200</v>
      </c>
      <c r="D33148" s="14" t="s">
        <v>204</v>
      </c>
      <c r="E33148" s="15">
        <v>45674</v>
      </c>
      <c r="F33148" s="14" t="s">
        <v>53</v>
      </c>
      <c r="G33148" s="16">
        <v>1.9803854337186264</v>
      </c>
    </row>
    <row r="33149" spans="1:7" x14ac:dyDescent="0.3">
      <c r="A33149" s="13" t="s">
        <v>203</v>
      </c>
      <c r="B33149" s="14" t="s">
        <v>1</v>
      </c>
      <c r="C33149" s="14" t="s">
        <v>200</v>
      </c>
      <c r="D33149" s="14" t="s">
        <v>204</v>
      </c>
      <c r="E33149" s="15">
        <v>45675</v>
      </c>
      <c r="F33149" s="14" t="s">
        <v>53</v>
      </c>
      <c r="G33149" s="16">
        <v>1.9803854337186264</v>
      </c>
    </row>
    <row r="33150" spans="1:7" x14ac:dyDescent="0.3">
      <c r="A33150" s="13" t="s">
        <v>203</v>
      </c>
      <c r="B33150" s="14" t="s">
        <v>1</v>
      </c>
      <c r="C33150" s="14" t="s">
        <v>200</v>
      </c>
      <c r="D33150" s="14" t="s">
        <v>204</v>
      </c>
      <c r="E33150" s="15">
        <v>45676</v>
      </c>
      <c r="F33150" s="14" t="s">
        <v>53</v>
      </c>
      <c r="G33150" s="16">
        <v>1.9803854337186264</v>
      </c>
    </row>
    <row r="33151" spans="1:7" x14ac:dyDescent="0.3">
      <c r="A33151" s="13" t="s">
        <v>203</v>
      </c>
      <c r="B33151" s="14" t="s">
        <v>1</v>
      </c>
      <c r="C33151" s="14" t="s">
        <v>200</v>
      </c>
      <c r="D33151" s="14" t="s">
        <v>204</v>
      </c>
      <c r="E33151" s="15">
        <v>45677</v>
      </c>
      <c r="F33151" s="14" t="s">
        <v>53</v>
      </c>
      <c r="G33151" s="16">
        <v>1.9803854337186264</v>
      </c>
    </row>
    <row r="33152" spans="1:7" x14ac:dyDescent="0.3">
      <c r="A33152" s="13" t="s">
        <v>203</v>
      </c>
      <c r="B33152" s="14" t="s">
        <v>1</v>
      </c>
      <c r="C33152" s="14" t="s">
        <v>200</v>
      </c>
      <c r="D33152" s="14" t="s">
        <v>204</v>
      </c>
      <c r="E33152" s="15">
        <v>45678</v>
      </c>
      <c r="F33152" s="14" t="s">
        <v>53</v>
      </c>
      <c r="G33152" s="16">
        <v>1.957005993154131</v>
      </c>
    </row>
    <row r="33153" spans="1:7" x14ac:dyDescent="0.3">
      <c r="A33153" s="13" t="s">
        <v>203</v>
      </c>
      <c r="B33153" s="14" t="s">
        <v>1</v>
      </c>
      <c r="C33153" s="14" t="s">
        <v>200</v>
      </c>
      <c r="D33153" s="14" t="s">
        <v>204</v>
      </c>
      <c r="E33153" s="15">
        <v>45679</v>
      </c>
      <c r="F33153" s="14" t="s">
        <v>53</v>
      </c>
      <c r="G33153" s="16">
        <v>1.9841024825770228</v>
      </c>
    </row>
    <row r="33154" spans="1:7" x14ac:dyDescent="0.3">
      <c r="A33154" s="13" t="s">
        <v>203</v>
      </c>
      <c r="B33154" s="14" t="s">
        <v>1</v>
      </c>
      <c r="C33154" s="14" t="s">
        <v>200</v>
      </c>
      <c r="D33154" s="14" t="s">
        <v>204</v>
      </c>
      <c r="E33154" s="15">
        <v>45680</v>
      </c>
      <c r="F33154" s="14" t="s">
        <v>53</v>
      </c>
      <c r="G33154" s="16">
        <v>1.9842637456139447</v>
      </c>
    </row>
    <row r="33155" spans="1:7" x14ac:dyDescent="0.3">
      <c r="A33155" s="13" t="s">
        <v>203</v>
      </c>
      <c r="B33155" s="14" t="s">
        <v>1</v>
      </c>
      <c r="C33155" s="14" t="s">
        <v>200</v>
      </c>
      <c r="D33155" s="14" t="s">
        <v>204</v>
      </c>
      <c r="E33155" s="15">
        <v>45681</v>
      </c>
      <c r="F33155" s="14" t="s">
        <v>53</v>
      </c>
      <c r="G33155" s="16">
        <v>1.968045504094792</v>
      </c>
    </row>
    <row r="33156" spans="1:7" x14ac:dyDescent="0.3">
      <c r="A33156" s="13" t="s">
        <v>203</v>
      </c>
      <c r="B33156" s="14" t="s">
        <v>1</v>
      </c>
      <c r="C33156" s="14" t="s">
        <v>200</v>
      </c>
      <c r="D33156" s="14" t="s">
        <v>204</v>
      </c>
      <c r="E33156" s="15">
        <v>45682</v>
      </c>
      <c r="F33156" s="14" t="s">
        <v>53</v>
      </c>
      <c r="G33156" s="16">
        <v>1.968045504094792</v>
      </c>
    </row>
    <row r="33157" spans="1:7" x14ac:dyDescent="0.3">
      <c r="A33157" s="13" t="s">
        <v>203</v>
      </c>
      <c r="B33157" s="14" t="s">
        <v>1</v>
      </c>
      <c r="C33157" s="14" t="s">
        <v>200</v>
      </c>
      <c r="D33157" s="14" t="s">
        <v>204</v>
      </c>
      <c r="E33157" s="15">
        <v>45683</v>
      </c>
      <c r="F33157" s="14" t="s">
        <v>53</v>
      </c>
      <c r="G33157" s="16">
        <v>1.968045504094792</v>
      </c>
    </row>
    <row r="33158" spans="1:7" x14ac:dyDescent="0.3">
      <c r="A33158" s="13" t="s">
        <v>203</v>
      </c>
      <c r="B33158" s="14" t="s">
        <v>1</v>
      </c>
      <c r="C33158" s="14" t="s">
        <v>200</v>
      </c>
      <c r="D33158" s="14" t="s">
        <v>204</v>
      </c>
      <c r="E33158" s="15">
        <v>45684</v>
      </c>
      <c r="F33158" s="14" t="s">
        <v>53</v>
      </c>
      <c r="G33158" s="16">
        <v>1.9707550280445263</v>
      </c>
    </row>
    <row r="33159" spans="1:7" x14ac:dyDescent="0.3">
      <c r="A33159" s="13" t="s">
        <v>203</v>
      </c>
      <c r="B33159" s="14" t="s">
        <v>1</v>
      </c>
      <c r="C33159" s="14" t="s">
        <v>200</v>
      </c>
      <c r="D33159" s="14" t="s">
        <v>204</v>
      </c>
      <c r="E33159" s="15">
        <v>45685</v>
      </c>
      <c r="F33159" s="14" t="s">
        <v>53</v>
      </c>
      <c r="G33159" s="16">
        <v>1.9971027928679712</v>
      </c>
    </row>
    <row r="33160" spans="1:7" x14ac:dyDescent="0.3">
      <c r="A33160" s="13" t="s">
        <v>203</v>
      </c>
      <c r="B33160" s="14" t="s">
        <v>1</v>
      </c>
      <c r="C33160" s="14" t="s">
        <v>200</v>
      </c>
      <c r="D33160" s="14" t="s">
        <v>204</v>
      </c>
      <c r="E33160" s="15">
        <v>45686</v>
      </c>
      <c r="F33160" s="14" t="s">
        <v>53</v>
      </c>
      <c r="G33160" s="16">
        <v>2.001395865489012</v>
      </c>
    </row>
    <row r="33161" spans="1:7" x14ac:dyDescent="0.3">
      <c r="A33161" s="13" t="s">
        <v>203</v>
      </c>
      <c r="B33161" s="14" t="s">
        <v>1</v>
      </c>
      <c r="C33161" s="14" t="s">
        <v>200</v>
      </c>
      <c r="D33161" s="14" t="s">
        <v>204</v>
      </c>
      <c r="E33161" s="15">
        <v>45687</v>
      </c>
      <c r="F33161" s="14" t="s">
        <v>53</v>
      </c>
      <c r="G33161" s="16">
        <v>2.0114983134834885</v>
      </c>
    </row>
    <row r="33162" spans="1:7" x14ac:dyDescent="0.3">
      <c r="A33162" s="13" t="s">
        <v>203</v>
      </c>
      <c r="B33162" s="14" t="s">
        <v>1</v>
      </c>
      <c r="C33162" s="14" t="s">
        <v>200</v>
      </c>
      <c r="D33162" s="14" t="s">
        <v>204</v>
      </c>
      <c r="E33162" s="15">
        <v>45688</v>
      </c>
      <c r="F33162" s="14" t="s">
        <v>53</v>
      </c>
      <c r="G33162" s="16">
        <v>2.021480997955849</v>
      </c>
    </row>
    <row r="33163" spans="1:7" x14ac:dyDescent="0.3">
      <c r="A33163" s="13" t="s">
        <v>203</v>
      </c>
      <c r="B33163" s="14" t="s">
        <v>1</v>
      </c>
      <c r="C33163" s="14" t="s">
        <v>200</v>
      </c>
      <c r="D33163" s="14" t="s">
        <v>204</v>
      </c>
      <c r="E33163" s="15">
        <v>45689</v>
      </c>
      <c r="F33163" s="14" t="s">
        <v>53</v>
      </c>
      <c r="G33163" s="16">
        <v>2.021480997955849</v>
      </c>
    </row>
    <row r="33164" spans="1:7" x14ac:dyDescent="0.3">
      <c r="A33164" s="13" t="s">
        <v>203</v>
      </c>
      <c r="B33164" s="14" t="s">
        <v>1</v>
      </c>
      <c r="C33164" s="14" t="s">
        <v>200</v>
      </c>
      <c r="D33164" s="14" t="s">
        <v>204</v>
      </c>
      <c r="E33164" s="15">
        <v>45690</v>
      </c>
      <c r="F33164" s="14" t="s">
        <v>53</v>
      </c>
      <c r="G33164" s="16">
        <v>2.021480997955849</v>
      </c>
    </row>
    <row r="33165" spans="1:7" x14ac:dyDescent="0.3">
      <c r="A33165" s="13" t="s">
        <v>203</v>
      </c>
      <c r="B33165" s="14" t="s">
        <v>1</v>
      </c>
      <c r="C33165" s="14" t="s">
        <v>200</v>
      </c>
      <c r="D33165" s="14" t="s">
        <v>204</v>
      </c>
      <c r="E33165" s="15">
        <v>45691</v>
      </c>
      <c r="F33165" s="14" t="s">
        <v>53</v>
      </c>
      <c r="G33165" s="16">
        <v>2.021480997955849</v>
      </c>
    </row>
    <row r="33166" spans="1:7" x14ac:dyDescent="0.3">
      <c r="A33166" s="13" t="s">
        <v>203</v>
      </c>
      <c r="B33166" s="14" t="s">
        <v>1</v>
      </c>
      <c r="C33166" s="14" t="s">
        <v>200</v>
      </c>
      <c r="D33166" s="14" t="s">
        <v>204</v>
      </c>
      <c r="E33166" s="15">
        <v>45692</v>
      </c>
      <c r="F33166" s="14" t="s">
        <v>53</v>
      </c>
      <c r="G33166" s="16">
        <v>2.0134387899177004</v>
      </c>
    </row>
    <row r="33167" spans="1:7" x14ac:dyDescent="0.3">
      <c r="A33167" s="13" t="s">
        <v>203</v>
      </c>
      <c r="B33167" s="14" t="s">
        <v>1</v>
      </c>
      <c r="C33167" s="14" t="s">
        <v>200</v>
      </c>
      <c r="D33167" s="14" t="s">
        <v>204</v>
      </c>
      <c r="E33167" s="15">
        <v>45693</v>
      </c>
      <c r="F33167" s="14" t="s">
        <v>53</v>
      </c>
      <c r="G33167" s="16">
        <v>2.0322342594216036</v>
      </c>
    </row>
    <row r="33168" spans="1:7" x14ac:dyDescent="0.3">
      <c r="A33168" s="13" t="s">
        <v>203</v>
      </c>
      <c r="B33168" s="14" t="s">
        <v>1</v>
      </c>
      <c r="C33168" s="14" t="s">
        <v>200</v>
      </c>
      <c r="D33168" s="14" t="s">
        <v>204</v>
      </c>
      <c r="E33168" s="15">
        <v>45694</v>
      </c>
      <c r="F33168" s="14" t="s">
        <v>53</v>
      </c>
      <c r="G33168" s="16">
        <v>2.0500597047889162</v>
      </c>
    </row>
    <row r="33169" spans="1:7" x14ac:dyDescent="0.3">
      <c r="A33169" s="13" t="s">
        <v>203</v>
      </c>
      <c r="B33169" s="14" t="s">
        <v>1</v>
      </c>
      <c r="C33169" s="14" t="s">
        <v>200</v>
      </c>
      <c r="D33169" s="14" t="s">
        <v>204</v>
      </c>
      <c r="E33169" s="15">
        <v>45695</v>
      </c>
      <c r="F33169" s="14" t="s">
        <v>53</v>
      </c>
      <c r="G33169" s="16">
        <v>2.0605907474460952</v>
      </c>
    </row>
    <row r="33170" spans="1:7" x14ac:dyDescent="0.3">
      <c r="A33170" s="13" t="s">
        <v>203</v>
      </c>
      <c r="B33170" s="14" t="s">
        <v>1</v>
      </c>
      <c r="C33170" s="14" t="s">
        <v>200</v>
      </c>
      <c r="D33170" s="14" t="s">
        <v>204</v>
      </c>
      <c r="E33170" s="15">
        <v>45696</v>
      </c>
      <c r="F33170" s="14" t="s">
        <v>53</v>
      </c>
      <c r="G33170" s="16">
        <v>2.0605907474460952</v>
      </c>
    </row>
    <row r="33171" spans="1:7" x14ac:dyDescent="0.3">
      <c r="A33171" s="13" t="s">
        <v>203</v>
      </c>
      <c r="B33171" s="14" t="s">
        <v>1</v>
      </c>
      <c r="C33171" s="14" t="s">
        <v>200</v>
      </c>
      <c r="D33171" s="14" t="s">
        <v>204</v>
      </c>
      <c r="E33171" s="15">
        <v>45697</v>
      </c>
      <c r="F33171" s="14" t="s">
        <v>53</v>
      </c>
      <c r="G33171" s="16">
        <v>2.0605907474460952</v>
      </c>
    </row>
    <row r="33172" spans="1:7" x14ac:dyDescent="0.3">
      <c r="A33172" s="13" t="s">
        <v>203</v>
      </c>
      <c r="B33172" s="14" t="s">
        <v>1</v>
      </c>
      <c r="C33172" s="14" t="s">
        <v>200</v>
      </c>
      <c r="D33172" s="14" t="s">
        <v>204</v>
      </c>
      <c r="E33172" s="15">
        <v>45698</v>
      </c>
      <c r="F33172" s="14" t="s">
        <v>53</v>
      </c>
      <c r="G33172" s="16">
        <v>2.0735052699325949</v>
      </c>
    </row>
    <row r="33173" spans="1:7" x14ac:dyDescent="0.3">
      <c r="A33173" s="13" t="s">
        <v>203</v>
      </c>
      <c r="B33173" s="14" t="s">
        <v>1</v>
      </c>
      <c r="C33173" s="14" t="s">
        <v>200</v>
      </c>
      <c r="D33173" s="14" t="s">
        <v>204</v>
      </c>
      <c r="E33173" s="15">
        <v>45699</v>
      </c>
      <c r="F33173" s="14" t="s">
        <v>53</v>
      </c>
      <c r="G33173" s="16">
        <v>2.0800808466595253</v>
      </c>
    </row>
    <row r="33174" spans="1:7" x14ac:dyDescent="0.3">
      <c r="A33174" s="13" t="s">
        <v>203</v>
      </c>
      <c r="B33174" s="14" t="s">
        <v>1</v>
      </c>
      <c r="C33174" s="14" t="s">
        <v>200</v>
      </c>
      <c r="D33174" s="14" t="s">
        <v>204</v>
      </c>
      <c r="E33174" s="15">
        <v>45700</v>
      </c>
      <c r="F33174" s="14" t="s">
        <v>53</v>
      </c>
      <c r="G33174" s="16">
        <v>2.0879386847804549</v>
      </c>
    </row>
    <row r="33175" spans="1:7" x14ac:dyDescent="0.3">
      <c r="A33175" s="13" t="s">
        <v>203</v>
      </c>
      <c r="B33175" s="14" t="s">
        <v>1</v>
      </c>
      <c r="C33175" s="14" t="s">
        <v>200</v>
      </c>
      <c r="D33175" s="14" t="s">
        <v>204</v>
      </c>
      <c r="E33175" s="15">
        <v>45701</v>
      </c>
      <c r="F33175" s="14" t="s">
        <v>53</v>
      </c>
      <c r="G33175" s="16">
        <v>2.0758813390511874</v>
      </c>
    </row>
    <row r="33176" spans="1:7" x14ac:dyDescent="0.3">
      <c r="A33176" s="13" t="s">
        <v>203</v>
      </c>
      <c r="B33176" s="14" t="s">
        <v>1</v>
      </c>
      <c r="C33176" s="14" t="s">
        <v>200</v>
      </c>
      <c r="D33176" s="14" t="s">
        <v>204</v>
      </c>
      <c r="E33176" s="15">
        <v>45702</v>
      </c>
      <c r="F33176" s="14" t="s">
        <v>53</v>
      </c>
      <c r="G33176" s="16">
        <v>2.0792229602220953</v>
      </c>
    </row>
    <row r="33177" spans="1:7" x14ac:dyDescent="0.3">
      <c r="A33177" s="13" t="s">
        <v>203</v>
      </c>
      <c r="B33177" s="14" t="s">
        <v>1</v>
      </c>
      <c r="C33177" s="14" t="s">
        <v>200</v>
      </c>
      <c r="D33177" s="14" t="s">
        <v>204</v>
      </c>
      <c r="E33177" s="15">
        <v>45703</v>
      </c>
      <c r="F33177" s="14" t="s">
        <v>53</v>
      </c>
      <c r="G33177" s="16">
        <v>2.0792229602220953</v>
      </c>
    </row>
    <row r="33178" spans="1:7" x14ac:dyDescent="0.3">
      <c r="A33178" s="13" t="s">
        <v>203</v>
      </c>
      <c r="B33178" s="14" t="s">
        <v>1</v>
      </c>
      <c r="C33178" s="14" t="s">
        <v>200</v>
      </c>
      <c r="D33178" s="14" t="s">
        <v>204</v>
      </c>
      <c r="E33178" s="15">
        <v>45704</v>
      </c>
      <c r="F33178" s="14" t="s">
        <v>53</v>
      </c>
      <c r="G33178" s="16">
        <v>2.0792229602220953</v>
      </c>
    </row>
    <row r="33179" spans="1:7" x14ac:dyDescent="0.3">
      <c r="A33179" s="13" t="s">
        <v>203</v>
      </c>
      <c r="B33179" s="14" t="s">
        <v>1</v>
      </c>
      <c r="C33179" s="14" t="s">
        <v>200</v>
      </c>
      <c r="D33179" s="14" t="s">
        <v>204</v>
      </c>
      <c r="E33179" s="15">
        <v>45705</v>
      </c>
      <c r="F33179" s="14" t="s">
        <v>53</v>
      </c>
      <c r="G33179" s="16">
        <v>2.0792229602220953</v>
      </c>
    </row>
    <row r="33180" spans="1:7" x14ac:dyDescent="0.3">
      <c r="A33180" s="13" t="s">
        <v>203</v>
      </c>
      <c r="B33180" s="14" t="s">
        <v>1</v>
      </c>
      <c r="C33180" s="14" t="s">
        <v>200</v>
      </c>
      <c r="D33180" s="14" t="s">
        <v>204</v>
      </c>
      <c r="E33180" s="15">
        <v>45706</v>
      </c>
      <c r="F33180" s="14" t="s">
        <v>53</v>
      </c>
      <c r="G33180" s="16">
        <v>2.0820292594251395</v>
      </c>
    </row>
    <row r="33181" spans="1:7" x14ac:dyDescent="0.3">
      <c r="A33181" s="13" t="s">
        <v>203</v>
      </c>
      <c r="B33181" s="14" t="s">
        <v>1</v>
      </c>
      <c r="C33181" s="14" t="s">
        <v>200</v>
      </c>
      <c r="D33181" s="14" t="s">
        <v>204</v>
      </c>
      <c r="E33181" s="15">
        <v>45707</v>
      </c>
      <c r="F33181" s="14" t="s">
        <v>53</v>
      </c>
      <c r="G33181" s="16">
        <v>2.110283860131787</v>
      </c>
    </row>
    <row r="33182" spans="1:7" x14ac:dyDescent="0.3">
      <c r="A33182" s="13" t="s">
        <v>203</v>
      </c>
      <c r="B33182" s="14" t="s">
        <v>1</v>
      </c>
      <c r="C33182" s="14" t="s">
        <v>200</v>
      </c>
      <c r="D33182" s="14" t="s">
        <v>204</v>
      </c>
      <c r="E33182" s="15">
        <v>45708</v>
      </c>
      <c r="F33182" s="14" t="s">
        <v>53</v>
      </c>
      <c r="G33182" s="16">
        <v>2.1031872898719826</v>
      </c>
    </row>
    <row r="33183" spans="1:7" x14ac:dyDescent="0.3">
      <c r="A33183" s="13" t="s">
        <v>203</v>
      </c>
      <c r="B33183" s="14" t="s">
        <v>1</v>
      </c>
      <c r="C33183" s="14" t="s">
        <v>200</v>
      </c>
      <c r="D33183" s="14" t="s">
        <v>204</v>
      </c>
      <c r="E33183" s="15">
        <v>45709</v>
      </c>
      <c r="F33183" s="14" t="s">
        <v>53</v>
      </c>
      <c r="G33183" s="16">
        <v>2.1167624875062807</v>
      </c>
    </row>
    <row r="33184" spans="1:7" x14ac:dyDescent="0.3">
      <c r="A33184" s="13" t="s">
        <v>203</v>
      </c>
      <c r="B33184" s="14" t="s">
        <v>1</v>
      </c>
      <c r="C33184" s="14" t="s">
        <v>200</v>
      </c>
      <c r="D33184" s="14" t="s">
        <v>204</v>
      </c>
      <c r="E33184" s="15">
        <v>45710</v>
      </c>
      <c r="F33184" s="14" t="s">
        <v>53</v>
      </c>
      <c r="G33184" s="16">
        <v>2.1167624875062807</v>
      </c>
    </row>
    <row r="33185" spans="1:7" x14ac:dyDescent="0.3">
      <c r="A33185" s="13" t="s">
        <v>203</v>
      </c>
      <c r="B33185" s="14" t="s">
        <v>1</v>
      </c>
      <c r="C33185" s="14" t="s">
        <v>200</v>
      </c>
      <c r="D33185" s="14" t="s">
        <v>204</v>
      </c>
      <c r="E33185" s="15">
        <v>45711</v>
      </c>
      <c r="F33185" s="14" t="s">
        <v>53</v>
      </c>
      <c r="G33185" s="16">
        <v>2.1167624875062807</v>
      </c>
    </row>
    <row r="33186" spans="1:7" x14ac:dyDescent="0.3">
      <c r="A33186" s="13" t="s">
        <v>203</v>
      </c>
      <c r="B33186" s="14" t="s">
        <v>1</v>
      </c>
      <c r="C33186" s="14" t="s">
        <v>200</v>
      </c>
      <c r="D33186" s="14" t="s">
        <v>204</v>
      </c>
      <c r="E33186" s="15">
        <v>45712</v>
      </c>
      <c r="F33186" s="14" t="s">
        <v>53</v>
      </c>
      <c r="G33186" s="16">
        <v>2.1258098809433905</v>
      </c>
    </row>
    <row r="33187" spans="1:7" x14ac:dyDescent="0.3">
      <c r="A33187" s="13" t="s">
        <v>203</v>
      </c>
      <c r="B33187" s="14" t="s">
        <v>1</v>
      </c>
      <c r="C33187" s="14" t="s">
        <v>200</v>
      </c>
      <c r="D33187" s="14" t="s">
        <v>204</v>
      </c>
      <c r="E33187" s="15">
        <v>45713</v>
      </c>
      <c r="F33187" s="14" t="s">
        <v>53</v>
      </c>
      <c r="G33187" s="16">
        <v>2.1374951537675799</v>
      </c>
    </row>
    <row r="33188" spans="1:7" x14ac:dyDescent="0.3">
      <c r="A33188" s="13" t="s">
        <v>203</v>
      </c>
      <c r="B33188" s="14" t="s">
        <v>1</v>
      </c>
      <c r="C33188" s="14" t="s">
        <v>200</v>
      </c>
      <c r="D33188" s="14" t="s">
        <v>204</v>
      </c>
      <c r="E33188" s="15">
        <v>45714</v>
      </c>
      <c r="F33188" s="14" t="s">
        <v>53</v>
      </c>
      <c r="G33188" s="16">
        <v>2.1435418128679986</v>
      </c>
    </row>
    <row r="33189" spans="1:7" x14ac:dyDescent="0.3">
      <c r="A33189" s="13" t="s">
        <v>203</v>
      </c>
      <c r="B33189" s="14" t="s">
        <v>1</v>
      </c>
      <c r="C33189" s="14" t="s">
        <v>200</v>
      </c>
      <c r="D33189" s="14" t="s">
        <v>204</v>
      </c>
      <c r="E33189" s="15">
        <v>45715</v>
      </c>
      <c r="F33189" s="14" t="s">
        <v>53</v>
      </c>
      <c r="G33189" s="16">
        <v>2.1630558361675711</v>
      </c>
    </row>
    <row r="33190" spans="1:7" x14ac:dyDescent="0.3">
      <c r="A33190" s="13" t="s">
        <v>203</v>
      </c>
      <c r="B33190" s="14" t="s">
        <v>1</v>
      </c>
      <c r="C33190" s="14" t="s">
        <v>200</v>
      </c>
      <c r="D33190" s="14" t="s">
        <v>204</v>
      </c>
      <c r="E33190" s="15">
        <v>45716</v>
      </c>
      <c r="F33190" s="14" t="s">
        <v>53</v>
      </c>
      <c r="G33190" s="16">
        <v>2.173949392474285</v>
      </c>
    </row>
    <row r="33191" spans="1:7" x14ac:dyDescent="0.3">
      <c r="A33191" s="13" t="s">
        <v>203</v>
      </c>
      <c r="B33191" s="14" t="s">
        <v>1</v>
      </c>
      <c r="C33191" s="14" t="s">
        <v>200</v>
      </c>
      <c r="D33191" s="14" t="s">
        <v>204</v>
      </c>
      <c r="E33191" s="15">
        <v>45717</v>
      </c>
      <c r="F33191" s="14" t="s">
        <v>53</v>
      </c>
      <c r="G33191" s="16">
        <v>2.173949392474285</v>
      </c>
    </row>
    <row r="33192" spans="1:7" x14ac:dyDescent="0.3">
      <c r="A33192" s="13" t="s">
        <v>203</v>
      </c>
      <c r="B33192" s="14" t="s">
        <v>1</v>
      </c>
      <c r="C33192" s="14" t="s">
        <v>200</v>
      </c>
      <c r="D33192" s="14" t="s">
        <v>204</v>
      </c>
      <c r="E33192" s="15">
        <v>45718</v>
      </c>
      <c r="F33192" s="14" t="s">
        <v>53</v>
      </c>
      <c r="G33192" s="16">
        <v>2.173949392474285</v>
      </c>
    </row>
    <row r="33193" spans="1:7" x14ac:dyDescent="0.3">
      <c r="A33193" s="13" t="s">
        <v>203</v>
      </c>
      <c r="B33193" s="14" t="s">
        <v>1</v>
      </c>
      <c r="C33193" s="14" t="s">
        <v>200</v>
      </c>
      <c r="D33193" s="14" t="s">
        <v>204</v>
      </c>
      <c r="E33193" s="15">
        <v>45719</v>
      </c>
      <c r="F33193" s="14" t="s">
        <v>53</v>
      </c>
      <c r="G33193" s="16">
        <v>2.1634302044362999</v>
      </c>
    </row>
    <row r="33194" spans="1:7" x14ac:dyDescent="0.3">
      <c r="A33194" s="13" t="s">
        <v>203</v>
      </c>
      <c r="B33194" s="14" t="s">
        <v>1</v>
      </c>
      <c r="C33194" s="14" t="s">
        <v>200</v>
      </c>
      <c r="D33194" s="14" t="s">
        <v>204</v>
      </c>
      <c r="E33194" s="15">
        <v>45720</v>
      </c>
      <c r="F33194" s="14" t="s">
        <v>53</v>
      </c>
      <c r="G33194" s="16">
        <v>2.1662482248754658</v>
      </c>
    </row>
    <row r="33195" spans="1:7" x14ac:dyDescent="0.3">
      <c r="A33195" s="13" t="s">
        <v>203</v>
      </c>
      <c r="B33195" s="14" t="s">
        <v>1</v>
      </c>
      <c r="C33195" s="14" t="s">
        <v>200</v>
      </c>
      <c r="D33195" s="14" t="s">
        <v>204</v>
      </c>
      <c r="E33195" s="15">
        <v>45721</v>
      </c>
      <c r="F33195" s="14" t="s">
        <v>53</v>
      </c>
      <c r="G33195" s="16">
        <v>2.1554429226547245</v>
      </c>
    </row>
    <row r="33196" spans="1:7" x14ac:dyDescent="0.3">
      <c r="A33196" s="13" t="s">
        <v>203</v>
      </c>
      <c r="B33196" s="14" t="s">
        <v>1</v>
      </c>
      <c r="C33196" s="14" t="s">
        <v>200</v>
      </c>
      <c r="D33196" s="14" t="s">
        <v>204</v>
      </c>
      <c r="E33196" s="15">
        <v>45722</v>
      </c>
      <c r="F33196" s="14" t="s">
        <v>53</v>
      </c>
      <c r="G33196" s="16">
        <v>2.163615942362116</v>
      </c>
    </row>
    <row r="33197" spans="1:7" x14ac:dyDescent="0.3">
      <c r="A33197" s="13" t="s">
        <v>203</v>
      </c>
      <c r="B33197" s="14" t="s">
        <v>1</v>
      </c>
      <c r="C33197" s="14" t="s">
        <v>200</v>
      </c>
      <c r="D33197" s="14" t="s">
        <v>204</v>
      </c>
      <c r="E33197" s="15">
        <v>45723</v>
      </c>
      <c r="F33197" s="14" t="s">
        <v>53</v>
      </c>
      <c r="G33197" s="16">
        <v>2.1632348719926098</v>
      </c>
    </row>
    <row r="33198" spans="1:7" x14ac:dyDescent="0.3">
      <c r="A33198" s="13" t="s">
        <v>203</v>
      </c>
      <c r="B33198" s="14" t="s">
        <v>1</v>
      </c>
      <c r="C33198" s="14" t="s">
        <v>200</v>
      </c>
      <c r="D33198" s="14" t="s">
        <v>204</v>
      </c>
      <c r="E33198" s="15">
        <v>45724</v>
      </c>
      <c r="F33198" s="14" t="s">
        <v>53</v>
      </c>
      <c r="G33198" s="16">
        <v>2.1632348719926098</v>
      </c>
    </row>
    <row r="33199" spans="1:7" x14ac:dyDescent="0.3">
      <c r="A33199" s="13" t="s">
        <v>203</v>
      </c>
      <c r="B33199" s="14" t="s">
        <v>1</v>
      </c>
      <c r="C33199" s="14" t="s">
        <v>200</v>
      </c>
      <c r="D33199" s="14" t="s">
        <v>204</v>
      </c>
      <c r="E33199" s="15">
        <v>45725</v>
      </c>
      <c r="F33199" s="14" t="s">
        <v>53</v>
      </c>
      <c r="G33199" s="16">
        <v>2.1632348719926098</v>
      </c>
    </row>
    <row r="33200" spans="1:7" x14ac:dyDescent="0.3">
      <c r="A33200" s="13" t="s">
        <v>203</v>
      </c>
      <c r="B33200" s="14" t="s">
        <v>1</v>
      </c>
      <c r="C33200" s="14" t="s">
        <v>200</v>
      </c>
      <c r="D33200" s="14" t="s">
        <v>204</v>
      </c>
      <c r="E33200" s="15">
        <v>45726</v>
      </c>
      <c r="F33200" s="14" t="s">
        <v>53</v>
      </c>
      <c r="G33200" s="16">
        <v>2.1764555849322975</v>
      </c>
    </row>
    <row r="33201" spans="1:7" x14ac:dyDescent="0.3">
      <c r="A33201" s="13" t="s">
        <v>203</v>
      </c>
      <c r="B33201" s="14" t="s">
        <v>1</v>
      </c>
      <c r="C33201" s="14" t="s">
        <v>200</v>
      </c>
      <c r="D33201" s="14" t="s">
        <v>204</v>
      </c>
      <c r="E33201" s="15">
        <v>45727</v>
      </c>
      <c r="F33201" s="14" t="s">
        <v>53</v>
      </c>
      <c r="G33201" s="16">
        <v>2.1832795641456366</v>
      </c>
    </row>
    <row r="33202" spans="1:7" x14ac:dyDescent="0.3">
      <c r="A33202" s="13" t="s">
        <v>203</v>
      </c>
      <c r="B33202" s="14" t="s">
        <v>1</v>
      </c>
      <c r="C33202" s="14" t="s">
        <v>200</v>
      </c>
      <c r="D33202" s="14" t="s">
        <v>204</v>
      </c>
      <c r="E33202" s="15">
        <v>45728</v>
      </c>
      <c r="F33202" s="14" t="s">
        <v>53</v>
      </c>
      <c r="G33202" s="16">
        <v>2.1889262444616531</v>
      </c>
    </row>
    <row r="33203" spans="1:7" x14ac:dyDescent="0.3">
      <c r="A33203" s="13" t="s">
        <v>203</v>
      </c>
      <c r="B33203" s="14" t="s">
        <v>1</v>
      </c>
      <c r="C33203" s="14" t="s">
        <v>200</v>
      </c>
      <c r="D33203" s="14" t="s">
        <v>204</v>
      </c>
      <c r="E33203" s="15">
        <v>45729</v>
      </c>
      <c r="F33203" s="14" t="s">
        <v>53</v>
      </c>
      <c r="G33203" s="16">
        <v>2.198198740095227</v>
      </c>
    </row>
    <row r="33204" spans="1:7" x14ac:dyDescent="0.3">
      <c r="A33204" s="13" t="s">
        <v>203</v>
      </c>
      <c r="B33204" s="14" t="s">
        <v>1</v>
      </c>
      <c r="C33204" s="14" t="s">
        <v>200</v>
      </c>
      <c r="D33204" s="14" t="s">
        <v>204</v>
      </c>
      <c r="E33204" s="15">
        <v>45730</v>
      </c>
      <c r="F33204" s="14" t="s">
        <v>53</v>
      </c>
      <c r="G33204" s="16">
        <v>2.2073985640447793</v>
      </c>
    </row>
    <row r="33205" spans="1:7" x14ac:dyDescent="0.3">
      <c r="A33205" s="13" t="s">
        <v>203</v>
      </c>
      <c r="B33205" s="14" t="s">
        <v>1</v>
      </c>
      <c r="C33205" s="14" t="s">
        <v>200</v>
      </c>
      <c r="D33205" s="14" t="s">
        <v>204</v>
      </c>
      <c r="E33205" s="15">
        <v>45731</v>
      </c>
      <c r="F33205" s="14" t="s">
        <v>53</v>
      </c>
      <c r="G33205" s="16">
        <v>2.2073985640447793</v>
      </c>
    </row>
    <row r="33206" spans="1:7" x14ac:dyDescent="0.3">
      <c r="A33206" s="13" t="s">
        <v>203</v>
      </c>
      <c r="B33206" s="14" t="s">
        <v>1</v>
      </c>
      <c r="C33206" s="14" t="s">
        <v>200</v>
      </c>
      <c r="D33206" s="14" t="s">
        <v>204</v>
      </c>
      <c r="E33206" s="15">
        <v>45732</v>
      </c>
      <c r="F33206" s="14" t="s">
        <v>53</v>
      </c>
      <c r="G33206" s="16">
        <v>2.2073985640447793</v>
      </c>
    </row>
    <row r="33207" spans="1:7" x14ac:dyDescent="0.3">
      <c r="A33207" s="13" t="s">
        <v>203</v>
      </c>
      <c r="B33207" s="14" t="s">
        <v>1</v>
      </c>
      <c r="C33207" s="14" t="s">
        <v>200</v>
      </c>
      <c r="D33207" s="14" t="s">
        <v>204</v>
      </c>
      <c r="E33207" s="15">
        <v>45733</v>
      </c>
      <c r="F33207" s="14" t="s">
        <v>53</v>
      </c>
      <c r="G33207" s="16">
        <v>2.2073985640447793</v>
      </c>
    </row>
    <row r="33208" spans="1:7" x14ac:dyDescent="0.3">
      <c r="A33208" s="13" t="s">
        <v>203</v>
      </c>
      <c r="B33208" s="14" t="s">
        <v>1</v>
      </c>
      <c r="C33208" s="14" t="s">
        <v>200</v>
      </c>
      <c r="D33208" s="14" t="s">
        <v>204</v>
      </c>
      <c r="E33208" s="15">
        <v>45734</v>
      </c>
      <c r="F33208" s="14" t="s">
        <v>53</v>
      </c>
      <c r="G33208" s="16">
        <v>2.2021333091929112</v>
      </c>
    </row>
    <row r="33209" spans="1:7" x14ac:dyDescent="0.3">
      <c r="A33209" s="13" t="s">
        <v>203</v>
      </c>
      <c r="B33209" s="14" t="s">
        <v>1</v>
      </c>
      <c r="C33209" s="14" t="s">
        <v>200</v>
      </c>
      <c r="D33209" s="14" t="s">
        <v>204</v>
      </c>
      <c r="E33209" s="15">
        <v>45735</v>
      </c>
      <c r="F33209" s="14" t="s">
        <v>53</v>
      </c>
      <c r="G33209" s="16">
        <v>2.2250792527362102</v>
      </c>
    </row>
    <row r="33210" spans="1:7" x14ac:dyDescent="0.3">
      <c r="A33210" s="13" t="s">
        <v>203</v>
      </c>
      <c r="B33210" s="14" t="s">
        <v>1</v>
      </c>
      <c r="C33210" s="14" t="s">
        <v>200</v>
      </c>
      <c r="D33210" s="14" t="s">
        <v>204</v>
      </c>
      <c r="E33210" s="15">
        <v>45736</v>
      </c>
      <c r="F33210" s="14" t="s">
        <v>53</v>
      </c>
      <c r="G33210" s="16">
        <v>2.2373801442053396</v>
      </c>
    </row>
    <row r="33211" spans="1:7" x14ac:dyDescent="0.3">
      <c r="A33211" s="13" t="s">
        <v>203</v>
      </c>
      <c r="B33211" s="14" t="s">
        <v>1</v>
      </c>
      <c r="C33211" s="14" t="s">
        <v>200</v>
      </c>
      <c r="D33211" s="14" t="s">
        <v>204</v>
      </c>
      <c r="E33211" s="15">
        <v>45737</v>
      </c>
      <c r="F33211" s="14" t="s">
        <v>53</v>
      </c>
      <c r="G33211" s="16">
        <v>2.2480646984731272</v>
      </c>
    </row>
    <row r="33212" spans="1:7" x14ac:dyDescent="0.3">
      <c r="A33212" s="13" t="s">
        <v>203</v>
      </c>
      <c r="B33212" s="14" t="s">
        <v>1</v>
      </c>
      <c r="C33212" s="14" t="s">
        <v>200</v>
      </c>
      <c r="D33212" s="14" t="s">
        <v>204</v>
      </c>
      <c r="E33212" s="15">
        <v>45738</v>
      </c>
      <c r="F33212" s="14" t="s">
        <v>53</v>
      </c>
      <c r="G33212" s="16">
        <v>2.2480646984731272</v>
      </c>
    </row>
    <row r="33213" spans="1:7" x14ac:dyDescent="0.3">
      <c r="A33213" s="13" t="s">
        <v>203</v>
      </c>
      <c r="B33213" s="14" t="s">
        <v>1</v>
      </c>
      <c r="C33213" s="14" t="s">
        <v>200</v>
      </c>
      <c r="D33213" s="14" t="s">
        <v>204</v>
      </c>
      <c r="E33213" s="15">
        <v>45739</v>
      </c>
      <c r="F33213" s="14" t="s">
        <v>53</v>
      </c>
      <c r="G33213" s="16">
        <v>2.2480646984731272</v>
      </c>
    </row>
    <row r="33214" spans="1:7" x14ac:dyDescent="0.3">
      <c r="A33214" s="13" t="s">
        <v>203</v>
      </c>
      <c r="B33214" s="14" t="s">
        <v>1</v>
      </c>
      <c r="C33214" s="14" t="s">
        <v>200</v>
      </c>
      <c r="D33214" s="14" t="s">
        <v>204</v>
      </c>
      <c r="E33214" s="15">
        <v>45740</v>
      </c>
      <c r="F33214" s="14" t="s">
        <v>53</v>
      </c>
      <c r="G33214" s="16">
        <v>2.2518714418697114</v>
      </c>
    </row>
    <row r="33215" spans="1:7" x14ac:dyDescent="0.3">
      <c r="A33215" s="13" t="s">
        <v>203</v>
      </c>
      <c r="B33215" s="14" t="s">
        <v>1</v>
      </c>
      <c r="C33215" s="14" t="s">
        <v>200</v>
      </c>
      <c r="D33215" s="14" t="s">
        <v>204</v>
      </c>
      <c r="E33215" s="15">
        <v>45741</v>
      </c>
      <c r="F33215" s="14" t="s">
        <v>53</v>
      </c>
      <c r="G33215" s="16">
        <v>2.2672362497734047</v>
      </c>
    </row>
    <row r="33216" spans="1:7" x14ac:dyDescent="0.3">
      <c r="A33216" s="13" t="s">
        <v>203</v>
      </c>
      <c r="B33216" s="14" t="s">
        <v>1</v>
      </c>
      <c r="C33216" s="14" t="s">
        <v>200</v>
      </c>
      <c r="D33216" s="14" t="s">
        <v>204</v>
      </c>
      <c r="E33216" s="15">
        <v>45742</v>
      </c>
      <c r="F33216" s="14" t="s">
        <v>53</v>
      </c>
      <c r="G33216" s="16">
        <v>2.2819442200106224</v>
      </c>
    </row>
    <row r="33217" spans="1:7" x14ac:dyDescent="0.3">
      <c r="A33217" s="13" t="s">
        <v>203</v>
      </c>
      <c r="B33217" s="14" t="s">
        <v>1</v>
      </c>
      <c r="C33217" s="14" t="s">
        <v>200</v>
      </c>
      <c r="D33217" s="14" t="s">
        <v>204</v>
      </c>
      <c r="E33217" s="15">
        <v>45743</v>
      </c>
      <c r="F33217" s="14" t="s">
        <v>53</v>
      </c>
      <c r="G33217" s="16">
        <v>2.2765587664674074</v>
      </c>
    </row>
    <row r="33218" spans="1:7" x14ac:dyDescent="0.3">
      <c r="A33218" s="13" t="s">
        <v>203</v>
      </c>
      <c r="B33218" s="14" t="s">
        <v>1</v>
      </c>
      <c r="C33218" s="14" t="s">
        <v>200</v>
      </c>
      <c r="D33218" s="14" t="s">
        <v>204</v>
      </c>
      <c r="E33218" s="15">
        <v>45744</v>
      </c>
      <c r="F33218" s="14" t="s">
        <v>53</v>
      </c>
      <c r="G33218" s="16">
        <v>2.2823801247795723</v>
      </c>
    </row>
    <row r="33219" spans="1:7" x14ac:dyDescent="0.3">
      <c r="A33219" s="13" t="s">
        <v>203</v>
      </c>
      <c r="B33219" s="14" t="s">
        <v>1</v>
      </c>
      <c r="C33219" s="14" t="s">
        <v>200</v>
      </c>
      <c r="D33219" s="14" t="s">
        <v>204</v>
      </c>
      <c r="E33219" s="15">
        <v>45745</v>
      </c>
      <c r="F33219" s="14" t="s">
        <v>53</v>
      </c>
      <c r="G33219" s="16">
        <v>2.2823801247795723</v>
      </c>
    </row>
    <row r="33220" spans="1:7" x14ac:dyDescent="0.3">
      <c r="A33220" s="13" t="s">
        <v>203</v>
      </c>
      <c r="B33220" s="14" t="s">
        <v>1</v>
      </c>
      <c r="C33220" s="14" t="s">
        <v>200</v>
      </c>
      <c r="D33220" s="14" t="s">
        <v>204</v>
      </c>
      <c r="E33220" s="15">
        <v>45746</v>
      </c>
      <c r="F33220" s="14" t="s">
        <v>53</v>
      </c>
      <c r="G33220" s="16">
        <v>2.2823801247795723</v>
      </c>
    </row>
    <row r="33221" spans="1:7" x14ac:dyDescent="0.3">
      <c r="A33221" s="13" t="s">
        <v>203</v>
      </c>
      <c r="B33221" s="14" t="s">
        <v>1</v>
      </c>
      <c r="C33221" s="14" t="s">
        <v>200</v>
      </c>
      <c r="D33221" s="14" t="s">
        <v>204</v>
      </c>
      <c r="E33221" s="15">
        <v>45747</v>
      </c>
      <c r="F33221" s="14" t="s">
        <v>53</v>
      </c>
      <c r="G33221" s="16">
        <v>2.2925274314410857</v>
      </c>
    </row>
    <row r="33222" spans="1:7" x14ac:dyDescent="0.3">
      <c r="A33222" s="13" t="s">
        <v>205</v>
      </c>
      <c r="B33222" s="14" t="s">
        <v>1</v>
      </c>
      <c r="C33222" s="14" t="s">
        <v>206</v>
      </c>
      <c r="D33222" s="14" t="s">
        <v>207</v>
      </c>
      <c r="E33222" s="15">
        <v>45383</v>
      </c>
      <c r="F33222" s="14" t="s">
        <v>53</v>
      </c>
      <c r="G33222" s="16">
        <v>0</v>
      </c>
    </row>
    <row r="33223" spans="1:7" x14ac:dyDescent="0.3">
      <c r="A33223" s="13" t="s">
        <v>205</v>
      </c>
      <c r="B33223" s="14" t="s">
        <v>1</v>
      </c>
      <c r="C33223" s="14" t="s">
        <v>206</v>
      </c>
      <c r="D33223" s="14" t="s">
        <v>207</v>
      </c>
      <c r="E33223" s="15">
        <v>45384</v>
      </c>
      <c r="F33223" s="14" t="s">
        <v>53</v>
      </c>
      <c r="G33223" s="16">
        <v>0</v>
      </c>
    </row>
    <row r="33224" spans="1:7" x14ac:dyDescent="0.3">
      <c r="A33224" s="13" t="s">
        <v>205</v>
      </c>
      <c r="B33224" s="14" t="s">
        <v>1</v>
      </c>
      <c r="C33224" s="14" t="s">
        <v>206</v>
      </c>
      <c r="D33224" s="14" t="s">
        <v>207</v>
      </c>
      <c r="E33224" s="15">
        <v>45385</v>
      </c>
      <c r="F33224" s="14" t="s">
        <v>53</v>
      </c>
      <c r="G33224" s="16">
        <v>0.13437790954515316</v>
      </c>
    </row>
    <row r="33225" spans="1:7" x14ac:dyDescent="0.3">
      <c r="A33225" s="13" t="s">
        <v>205</v>
      </c>
      <c r="B33225" s="14" t="s">
        <v>1</v>
      </c>
      <c r="C33225" s="14" t="s">
        <v>206</v>
      </c>
      <c r="D33225" s="14" t="s">
        <v>207</v>
      </c>
      <c r="E33225" s="15">
        <v>45386</v>
      </c>
      <c r="F33225" s="14" t="s">
        <v>53</v>
      </c>
      <c r="G33225" s="16">
        <v>0.14670796494069765</v>
      </c>
    </row>
    <row r="33226" spans="1:7" x14ac:dyDescent="0.3">
      <c r="A33226" s="13" t="s">
        <v>205</v>
      </c>
      <c r="B33226" s="14" t="s">
        <v>1</v>
      </c>
      <c r="C33226" s="14" t="s">
        <v>206</v>
      </c>
      <c r="D33226" s="14" t="s">
        <v>207</v>
      </c>
      <c r="E33226" s="15">
        <v>45387</v>
      </c>
      <c r="F33226" s="14" t="s">
        <v>53</v>
      </c>
      <c r="G33226" s="16">
        <v>0.15089417793774856</v>
      </c>
    </row>
    <row r="33227" spans="1:7" x14ac:dyDescent="0.3">
      <c r="A33227" s="13" t="s">
        <v>205</v>
      </c>
      <c r="B33227" s="14" t="s">
        <v>1</v>
      </c>
      <c r="C33227" s="14" t="s">
        <v>206</v>
      </c>
      <c r="D33227" s="14" t="s">
        <v>207</v>
      </c>
      <c r="E33227" s="15">
        <v>45388</v>
      </c>
      <c r="F33227" s="14" t="s">
        <v>53</v>
      </c>
      <c r="G33227" s="16">
        <v>0.15089417793774856</v>
      </c>
    </row>
    <row r="33228" spans="1:7" x14ac:dyDescent="0.3">
      <c r="A33228" s="13" t="s">
        <v>205</v>
      </c>
      <c r="B33228" s="14" t="s">
        <v>1</v>
      </c>
      <c r="C33228" s="14" t="s">
        <v>206</v>
      </c>
      <c r="D33228" s="14" t="s">
        <v>207</v>
      </c>
      <c r="E33228" s="15">
        <v>45389</v>
      </c>
      <c r="F33228" s="14" t="s">
        <v>53</v>
      </c>
      <c r="G33228" s="16">
        <v>0.15089417793774856</v>
      </c>
    </row>
    <row r="33229" spans="1:7" x14ac:dyDescent="0.3">
      <c r="A33229" s="13" t="s">
        <v>205</v>
      </c>
      <c r="B33229" s="14" t="s">
        <v>1</v>
      </c>
      <c r="C33229" s="14" t="s">
        <v>206</v>
      </c>
      <c r="D33229" s="14" t="s">
        <v>207</v>
      </c>
      <c r="E33229" s="15">
        <v>45390</v>
      </c>
      <c r="F33229" s="14" t="s">
        <v>53</v>
      </c>
      <c r="G33229" s="16">
        <v>0.14979481387442059</v>
      </c>
    </row>
    <row r="33230" spans="1:7" x14ac:dyDescent="0.3">
      <c r="A33230" s="13" t="s">
        <v>205</v>
      </c>
      <c r="B33230" s="14" t="s">
        <v>1</v>
      </c>
      <c r="C33230" s="14" t="s">
        <v>206</v>
      </c>
      <c r="D33230" s="14" t="s">
        <v>207</v>
      </c>
      <c r="E33230" s="15">
        <v>45391</v>
      </c>
      <c r="F33230" s="14" t="s">
        <v>53</v>
      </c>
      <c r="G33230" s="16">
        <v>0.14806833163005212</v>
      </c>
    </row>
    <row r="33231" spans="1:7" x14ac:dyDescent="0.3">
      <c r="A33231" s="13" t="s">
        <v>205</v>
      </c>
      <c r="B33231" s="14" t="s">
        <v>1</v>
      </c>
      <c r="C33231" s="14" t="s">
        <v>206</v>
      </c>
      <c r="D33231" s="14" t="s">
        <v>207</v>
      </c>
      <c r="E33231" s="15">
        <v>45392</v>
      </c>
      <c r="F33231" s="14" t="s">
        <v>53</v>
      </c>
      <c r="G33231" s="16">
        <v>0.14624232291610409</v>
      </c>
    </row>
    <row r="33232" spans="1:7" x14ac:dyDescent="0.3">
      <c r="A33232" s="13" t="s">
        <v>205</v>
      </c>
      <c r="B33232" s="14" t="s">
        <v>1</v>
      </c>
      <c r="C33232" s="14" t="s">
        <v>206</v>
      </c>
      <c r="D33232" s="14" t="s">
        <v>207</v>
      </c>
      <c r="E33232" s="15">
        <v>45393</v>
      </c>
      <c r="F33232" s="14" t="s">
        <v>53</v>
      </c>
      <c r="G33232" s="16">
        <v>0.16335274156142013</v>
      </c>
    </row>
    <row r="33233" spans="1:7" x14ac:dyDescent="0.3">
      <c r="A33233" s="13" t="s">
        <v>205</v>
      </c>
      <c r="B33233" s="14" t="s">
        <v>1</v>
      </c>
      <c r="C33233" s="14" t="s">
        <v>206</v>
      </c>
      <c r="D33233" s="14" t="s">
        <v>207</v>
      </c>
      <c r="E33233" s="15">
        <v>45394</v>
      </c>
      <c r="F33233" s="14" t="s">
        <v>53</v>
      </c>
      <c r="G33233" s="16">
        <v>0.16153015472447549</v>
      </c>
    </row>
    <row r="33234" spans="1:7" x14ac:dyDescent="0.3">
      <c r="A33234" s="13" t="s">
        <v>205</v>
      </c>
      <c r="B33234" s="14" t="s">
        <v>1</v>
      </c>
      <c r="C33234" s="14" t="s">
        <v>206</v>
      </c>
      <c r="D33234" s="14" t="s">
        <v>207</v>
      </c>
      <c r="E33234" s="15">
        <v>45395</v>
      </c>
      <c r="F33234" s="14" t="s">
        <v>53</v>
      </c>
      <c r="G33234" s="16">
        <v>0.16153015472447549</v>
      </c>
    </row>
    <row r="33235" spans="1:7" x14ac:dyDescent="0.3">
      <c r="A33235" s="13" t="s">
        <v>205</v>
      </c>
      <c r="B33235" s="14" t="s">
        <v>1</v>
      </c>
      <c r="C33235" s="14" t="s">
        <v>206</v>
      </c>
      <c r="D33235" s="14" t="s">
        <v>207</v>
      </c>
      <c r="E33235" s="15">
        <v>45396</v>
      </c>
      <c r="F33235" s="14" t="s">
        <v>53</v>
      </c>
      <c r="G33235" s="16">
        <v>0.16153015472447549</v>
      </c>
    </row>
    <row r="33236" spans="1:7" x14ac:dyDescent="0.3">
      <c r="A33236" s="13" t="s">
        <v>205</v>
      </c>
      <c r="B33236" s="14" t="s">
        <v>1</v>
      </c>
      <c r="C33236" s="14" t="s">
        <v>206</v>
      </c>
      <c r="D33236" s="14" t="s">
        <v>207</v>
      </c>
      <c r="E33236" s="15">
        <v>45397</v>
      </c>
      <c r="F33236" s="14" t="s">
        <v>53</v>
      </c>
      <c r="G33236" s="16">
        <v>0.1623527183092523</v>
      </c>
    </row>
    <row r="33237" spans="1:7" x14ac:dyDescent="0.3">
      <c r="A33237" s="13" t="s">
        <v>205</v>
      </c>
      <c r="B33237" s="14" t="s">
        <v>1</v>
      </c>
      <c r="C33237" s="14" t="s">
        <v>206</v>
      </c>
      <c r="D33237" s="14" t="s">
        <v>207</v>
      </c>
      <c r="E33237" s="15">
        <v>45398</v>
      </c>
      <c r="F33237" s="14" t="s">
        <v>53</v>
      </c>
      <c r="G33237" s="16">
        <v>0.15686905827286188</v>
      </c>
    </row>
    <row r="33238" spans="1:7" x14ac:dyDescent="0.3">
      <c r="A33238" s="13" t="s">
        <v>205</v>
      </c>
      <c r="B33238" s="14" t="s">
        <v>1</v>
      </c>
      <c r="C33238" s="14" t="s">
        <v>206</v>
      </c>
      <c r="D33238" s="14" t="s">
        <v>207</v>
      </c>
      <c r="E33238" s="15">
        <v>45399</v>
      </c>
      <c r="F33238" s="14" t="s">
        <v>53</v>
      </c>
      <c r="G33238" s="16">
        <v>0.18830685823446386</v>
      </c>
    </row>
    <row r="33239" spans="1:7" x14ac:dyDescent="0.3">
      <c r="A33239" s="13" t="s">
        <v>205</v>
      </c>
      <c r="B33239" s="14" t="s">
        <v>1</v>
      </c>
      <c r="C33239" s="14" t="s">
        <v>206</v>
      </c>
      <c r="D33239" s="14" t="s">
        <v>207</v>
      </c>
      <c r="E33239" s="15">
        <v>45400</v>
      </c>
      <c r="F33239" s="14" t="s">
        <v>53</v>
      </c>
      <c r="G33239" s="16">
        <v>0.18650487334475277</v>
      </c>
    </row>
    <row r="33240" spans="1:7" x14ac:dyDescent="0.3">
      <c r="A33240" s="13" t="s">
        <v>205</v>
      </c>
      <c r="B33240" s="14" t="s">
        <v>1</v>
      </c>
      <c r="C33240" s="14" t="s">
        <v>206</v>
      </c>
      <c r="D33240" s="14" t="s">
        <v>207</v>
      </c>
      <c r="E33240" s="15">
        <v>45401</v>
      </c>
      <c r="F33240" s="14" t="s">
        <v>53</v>
      </c>
      <c r="G33240" s="16">
        <v>0.1904303866857967</v>
      </c>
    </row>
    <row r="33241" spans="1:7" x14ac:dyDescent="0.3">
      <c r="A33241" s="13" t="s">
        <v>205</v>
      </c>
      <c r="B33241" s="14" t="s">
        <v>1</v>
      </c>
      <c r="C33241" s="14" t="s">
        <v>206</v>
      </c>
      <c r="D33241" s="14" t="s">
        <v>207</v>
      </c>
      <c r="E33241" s="15">
        <v>45402</v>
      </c>
      <c r="F33241" s="14" t="s">
        <v>53</v>
      </c>
      <c r="G33241" s="16">
        <v>0.1904303866857967</v>
      </c>
    </row>
    <row r="33242" spans="1:7" x14ac:dyDescent="0.3">
      <c r="A33242" s="13" t="s">
        <v>205</v>
      </c>
      <c r="B33242" s="14" t="s">
        <v>1</v>
      </c>
      <c r="C33242" s="14" t="s">
        <v>206</v>
      </c>
      <c r="D33242" s="14" t="s">
        <v>207</v>
      </c>
      <c r="E33242" s="15">
        <v>45403</v>
      </c>
      <c r="F33242" s="14" t="s">
        <v>53</v>
      </c>
      <c r="G33242" s="16">
        <v>0.1904303866857967</v>
      </c>
    </row>
    <row r="33243" spans="1:7" x14ac:dyDescent="0.3">
      <c r="A33243" s="13" t="s">
        <v>205</v>
      </c>
      <c r="B33243" s="14" t="s">
        <v>1</v>
      </c>
      <c r="C33243" s="14" t="s">
        <v>206</v>
      </c>
      <c r="D33243" s="14" t="s">
        <v>207</v>
      </c>
      <c r="E33243" s="15">
        <v>45404</v>
      </c>
      <c r="F33243" s="14" t="s">
        <v>53</v>
      </c>
      <c r="G33243" s="16">
        <v>0.18863272827519112</v>
      </c>
    </row>
    <row r="33244" spans="1:7" x14ac:dyDescent="0.3">
      <c r="A33244" s="13" t="s">
        <v>205</v>
      </c>
      <c r="B33244" s="14" t="s">
        <v>1</v>
      </c>
      <c r="C33244" s="14" t="s">
        <v>206</v>
      </c>
      <c r="D33244" s="14" t="s">
        <v>207</v>
      </c>
      <c r="E33244" s="15">
        <v>45405</v>
      </c>
      <c r="F33244" s="14" t="s">
        <v>53</v>
      </c>
      <c r="G33244" s="16">
        <v>0.20349368271288651</v>
      </c>
    </row>
    <row r="33245" spans="1:7" x14ac:dyDescent="0.3">
      <c r="A33245" s="13" t="s">
        <v>205</v>
      </c>
      <c r="B33245" s="14" t="s">
        <v>1</v>
      </c>
      <c r="C33245" s="14" t="s">
        <v>206</v>
      </c>
      <c r="D33245" s="14" t="s">
        <v>207</v>
      </c>
      <c r="E33245" s="15">
        <v>45406</v>
      </c>
      <c r="F33245" s="14" t="s">
        <v>53</v>
      </c>
      <c r="G33245" s="16">
        <v>0.20168292246641345</v>
      </c>
    </row>
    <row r="33246" spans="1:7" x14ac:dyDescent="0.3">
      <c r="A33246" s="13" t="s">
        <v>205</v>
      </c>
      <c r="B33246" s="14" t="s">
        <v>1</v>
      </c>
      <c r="C33246" s="14" t="s">
        <v>206</v>
      </c>
      <c r="D33246" s="14" t="s">
        <v>207</v>
      </c>
      <c r="E33246" s="15">
        <v>45407</v>
      </c>
      <c r="F33246" s="14" t="s">
        <v>53</v>
      </c>
      <c r="G33246" s="16">
        <v>0.19986182969293736</v>
      </c>
    </row>
    <row r="33247" spans="1:7" x14ac:dyDescent="0.3">
      <c r="A33247" s="13" t="s">
        <v>205</v>
      </c>
      <c r="B33247" s="14" t="s">
        <v>1</v>
      </c>
      <c r="C33247" s="14" t="s">
        <v>206</v>
      </c>
      <c r="D33247" s="14" t="s">
        <v>207</v>
      </c>
      <c r="E33247" s="15">
        <v>45408</v>
      </c>
      <c r="F33247" s="14" t="s">
        <v>53</v>
      </c>
      <c r="G33247" s="16">
        <v>0.20382153844024317</v>
      </c>
    </row>
    <row r="33248" spans="1:7" x14ac:dyDescent="0.3">
      <c r="A33248" s="13" t="s">
        <v>205</v>
      </c>
      <c r="B33248" s="14" t="s">
        <v>1</v>
      </c>
      <c r="C33248" s="14" t="s">
        <v>206</v>
      </c>
      <c r="D33248" s="14" t="s">
        <v>207</v>
      </c>
      <c r="E33248" s="15">
        <v>45409</v>
      </c>
      <c r="F33248" s="14" t="s">
        <v>53</v>
      </c>
      <c r="G33248" s="16">
        <v>0.20382153844024317</v>
      </c>
    </row>
    <row r="33249" spans="1:7" x14ac:dyDescent="0.3">
      <c r="A33249" s="13" t="s">
        <v>205</v>
      </c>
      <c r="B33249" s="14" t="s">
        <v>1</v>
      </c>
      <c r="C33249" s="14" t="s">
        <v>206</v>
      </c>
      <c r="D33249" s="14" t="s">
        <v>207</v>
      </c>
      <c r="E33249" s="15">
        <v>45410</v>
      </c>
      <c r="F33249" s="14" t="s">
        <v>53</v>
      </c>
      <c r="G33249" s="16">
        <v>0.20382153844024317</v>
      </c>
    </row>
    <row r="33250" spans="1:7" x14ac:dyDescent="0.3">
      <c r="A33250" s="13" t="s">
        <v>205</v>
      </c>
      <c r="B33250" s="14" t="s">
        <v>1</v>
      </c>
      <c r="C33250" s="14" t="s">
        <v>206</v>
      </c>
      <c r="D33250" s="14" t="s">
        <v>207</v>
      </c>
      <c r="E33250" s="15">
        <v>45411</v>
      </c>
      <c r="F33250" s="14" t="s">
        <v>53</v>
      </c>
      <c r="G33250" s="16">
        <v>0.20445771968736373</v>
      </c>
    </row>
    <row r="33251" spans="1:7" x14ac:dyDescent="0.3">
      <c r="A33251" s="13" t="s">
        <v>205</v>
      </c>
      <c r="B33251" s="14" t="s">
        <v>1</v>
      </c>
      <c r="C33251" s="14" t="s">
        <v>206</v>
      </c>
      <c r="D33251" s="14" t="s">
        <v>207</v>
      </c>
      <c r="E33251" s="15">
        <v>45412</v>
      </c>
      <c r="F33251" s="14" t="s">
        <v>53</v>
      </c>
      <c r="G33251" s="16">
        <v>0.22490310517946743</v>
      </c>
    </row>
    <row r="33252" spans="1:7" x14ac:dyDescent="0.3">
      <c r="A33252" s="13" t="s">
        <v>205</v>
      </c>
      <c r="B33252" s="14" t="s">
        <v>1</v>
      </c>
      <c r="C33252" s="14" t="s">
        <v>206</v>
      </c>
      <c r="D33252" s="14" t="s">
        <v>207</v>
      </c>
      <c r="E33252" s="15">
        <v>45413</v>
      </c>
      <c r="F33252" s="14" t="s">
        <v>53</v>
      </c>
      <c r="G33252" s="16">
        <v>0.2285796297256589</v>
      </c>
    </row>
    <row r="33253" spans="1:7" x14ac:dyDescent="0.3">
      <c r="A33253" s="13" t="s">
        <v>205</v>
      </c>
      <c r="B33253" s="14" t="s">
        <v>1</v>
      </c>
      <c r="C33253" s="14" t="s">
        <v>206</v>
      </c>
      <c r="D33253" s="14" t="s">
        <v>207</v>
      </c>
      <c r="E33253" s="15">
        <v>45414</v>
      </c>
      <c r="F33253" s="14" t="s">
        <v>53</v>
      </c>
      <c r="G33253" s="16">
        <v>0.25245029473766384</v>
      </c>
    </row>
    <row r="33254" spans="1:7" x14ac:dyDescent="0.3">
      <c r="A33254" s="13" t="s">
        <v>205</v>
      </c>
      <c r="B33254" s="14" t="s">
        <v>1</v>
      </c>
      <c r="C33254" s="14" t="s">
        <v>206</v>
      </c>
      <c r="D33254" s="14" t="s">
        <v>207</v>
      </c>
      <c r="E33254" s="15">
        <v>45415</v>
      </c>
      <c r="F33254" s="14" t="s">
        <v>53</v>
      </c>
      <c r="G33254" s="16">
        <v>0.25064032253302343</v>
      </c>
    </row>
    <row r="33255" spans="1:7" x14ac:dyDescent="0.3">
      <c r="A33255" s="13" t="s">
        <v>205</v>
      </c>
      <c r="B33255" s="14" t="s">
        <v>1</v>
      </c>
      <c r="C33255" s="14" t="s">
        <v>206</v>
      </c>
      <c r="D33255" s="14" t="s">
        <v>207</v>
      </c>
      <c r="E33255" s="15">
        <v>45416</v>
      </c>
      <c r="F33255" s="14" t="s">
        <v>53</v>
      </c>
      <c r="G33255" s="16">
        <v>0.25064032253302343</v>
      </c>
    </row>
    <row r="33256" spans="1:7" x14ac:dyDescent="0.3">
      <c r="A33256" s="13" t="s">
        <v>205</v>
      </c>
      <c r="B33256" s="14" t="s">
        <v>1</v>
      </c>
      <c r="C33256" s="14" t="s">
        <v>206</v>
      </c>
      <c r="D33256" s="14" t="s">
        <v>207</v>
      </c>
      <c r="E33256" s="15">
        <v>45417</v>
      </c>
      <c r="F33256" s="14" t="s">
        <v>53</v>
      </c>
      <c r="G33256" s="16">
        <v>0.25064032253302343</v>
      </c>
    </row>
    <row r="33257" spans="1:7" x14ac:dyDescent="0.3">
      <c r="A33257" s="13" t="s">
        <v>205</v>
      </c>
      <c r="B33257" s="14" t="s">
        <v>1</v>
      </c>
      <c r="C33257" s="14" t="s">
        <v>206</v>
      </c>
      <c r="D33257" s="14" t="s">
        <v>207</v>
      </c>
      <c r="E33257" s="15">
        <v>45418</v>
      </c>
      <c r="F33257" s="14" t="s">
        <v>53</v>
      </c>
      <c r="G33257" s="16">
        <v>0.25064032253302343</v>
      </c>
    </row>
    <row r="33258" spans="1:7" x14ac:dyDescent="0.3">
      <c r="A33258" s="13" t="s">
        <v>205</v>
      </c>
      <c r="B33258" s="14" t="s">
        <v>1</v>
      </c>
      <c r="C33258" s="14" t="s">
        <v>206</v>
      </c>
      <c r="D33258" s="14" t="s">
        <v>207</v>
      </c>
      <c r="E33258" s="15">
        <v>45419</v>
      </c>
      <c r="F33258" s="14" t="s">
        <v>53</v>
      </c>
      <c r="G33258" s="16">
        <v>0.24886397596186874</v>
      </c>
    </row>
    <row r="33259" spans="1:7" x14ac:dyDescent="0.3">
      <c r="A33259" s="13" t="s">
        <v>205</v>
      </c>
      <c r="B33259" s="14" t="s">
        <v>1</v>
      </c>
      <c r="C33259" s="14" t="s">
        <v>206</v>
      </c>
      <c r="D33259" s="14" t="s">
        <v>207</v>
      </c>
      <c r="E33259" s="15">
        <v>45420</v>
      </c>
      <c r="F33259" s="14" t="s">
        <v>53</v>
      </c>
      <c r="G33259" s="16">
        <v>0.27025965577585459</v>
      </c>
    </row>
    <row r="33260" spans="1:7" x14ac:dyDescent="0.3">
      <c r="A33260" s="13" t="s">
        <v>205</v>
      </c>
      <c r="B33260" s="14" t="s">
        <v>1</v>
      </c>
      <c r="C33260" s="14" t="s">
        <v>206</v>
      </c>
      <c r="D33260" s="14" t="s">
        <v>207</v>
      </c>
      <c r="E33260" s="15">
        <v>45421</v>
      </c>
      <c r="F33260" s="14" t="s">
        <v>53</v>
      </c>
      <c r="G33260" s="16">
        <v>0.26840498083980169</v>
      </c>
    </row>
    <row r="33261" spans="1:7" x14ac:dyDescent="0.3">
      <c r="A33261" s="13" t="s">
        <v>205</v>
      </c>
      <c r="B33261" s="14" t="s">
        <v>1</v>
      </c>
      <c r="C33261" s="14" t="s">
        <v>206</v>
      </c>
      <c r="D33261" s="14" t="s">
        <v>207</v>
      </c>
      <c r="E33261" s="15">
        <v>45422</v>
      </c>
      <c r="F33261" s="14" t="s">
        <v>53</v>
      </c>
      <c r="G33261" s="16">
        <v>0.26654448985476237</v>
      </c>
    </row>
    <row r="33262" spans="1:7" x14ac:dyDescent="0.3">
      <c r="A33262" s="13" t="s">
        <v>205</v>
      </c>
      <c r="B33262" s="14" t="s">
        <v>1</v>
      </c>
      <c r="C33262" s="14" t="s">
        <v>206</v>
      </c>
      <c r="D33262" s="14" t="s">
        <v>207</v>
      </c>
      <c r="E33262" s="15">
        <v>45423</v>
      </c>
      <c r="F33262" s="14" t="s">
        <v>53</v>
      </c>
      <c r="G33262" s="16">
        <v>0.26654448985476237</v>
      </c>
    </row>
    <row r="33263" spans="1:7" x14ac:dyDescent="0.3">
      <c r="A33263" s="13" t="s">
        <v>205</v>
      </c>
      <c r="B33263" s="14" t="s">
        <v>1</v>
      </c>
      <c r="C33263" s="14" t="s">
        <v>206</v>
      </c>
      <c r="D33263" s="14" t="s">
        <v>207</v>
      </c>
      <c r="E33263" s="15">
        <v>45424</v>
      </c>
      <c r="F33263" s="14" t="s">
        <v>53</v>
      </c>
      <c r="G33263" s="16">
        <v>0.26654448985476237</v>
      </c>
    </row>
    <row r="33264" spans="1:7" x14ac:dyDescent="0.3">
      <c r="A33264" s="13" t="s">
        <v>205</v>
      </c>
      <c r="B33264" s="14" t="s">
        <v>1</v>
      </c>
      <c r="C33264" s="14" t="s">
        <v>206</v>
      </c>
      <c r="D33264" s="14" t="s">
        <v>207</v>
      </c>
      <c r="E33264" s="15">
        <v>45425</v>
      </c>
      <c r="F33264" s="14" t="s">
        <v>53</v>
      </c>
      <c r="G33264" s="16">
        <v>0.26590911719131249</v>
      </c>
    </row>
    <row r="33265" spans="1:7" x14ac:dyDescent="0.3">
      <c r="A33265" s="13" t="s">
        <v>205</v>
      </c>
      <c r="B33265" s="14" t="s">
        <v>1</v>
      </c>
      <c r="C33265" s="14" t="s">
        <v>206</v>
      </c>
      <c r="D33265" s="14" t="s">
        <v>207</v>
      </c>
      <c r="E33265" s="15">
        <v>45426</v>
      </c>
      <c r="F33265" s="14" t="s">
        <v>53</v>
      </c>
      <c r="G33265" s="16">
        <v>0.26030643684087895</v>
      </c>
    </row>
    <row r="33266" spans="1:7" x14ac:dyDescent="0.3">
      <c r="A33266" s="13" t="s">
        <v>205</v>
      </c>
      <c r="B33266" s="14" t="s">
        <v>1</v>
      </c>
      <c r="C33266" s="14" t="s">
        <v>206</v>
      </c>
      <c r="D33266" s="14" t="s">
        <v>207</v>
      </c>
      <c r="E33266" s="15">
        <v>45427</v>
      </c>
      <c r="F33266" s="14" t="s">
        <v>53</v>
      </c>
      <c r="G33266" s="16">
        <v>0.25844385048813623</v>
      </c>
    </row>
    <row r="33267" spans="1:7" x14ac:dyDescent="0.3">
      <c r="A33267" s="13" t="s">
        <v>205</v>
      </c>
      <c r="B33267" s="14" t="s">
        <v>1</v>
      </c>
      <c r="C33267" s="14" t="s">
        <v>206</v>
      </c>
      <c r="D33267" s="14" t="s">
        <v>207</v>
      </c>
      <c r="E33267" s="15">
        <v>45428</v>
      </c>
      <c r="F33267" s="14" t="s">
        <v>53</v>
      </c>
      <c r="G33267" s="16">
        <v>0.28652497183304459</v>
      </c>
    </row>
    <row r="33268" spans="1:7" x14ac:dyDescent="0.3">
      <c r="A33268" s="13" t="s">
        <v>205</v>
      </c>
      <c r="B33268" s="14" t="s">
        <v>1</v>
      </c>
      <c r="C33268" s="14" t="s">
        <v>206</v>
      </c>
      <c r="D33268" s="14" t="s">
        <v>207</v>
      </c>
      <c r="E33268" s="15">
        <v>45429</v>
      </c>
      <c r="F33268" s="14" t="s">
        <v>53</v>
      </c>
      <c r="G33268" s="16">
        <v>0.30086592231324788</v>
      </c>
    </row>
    <row r="33269" spans="1:7" x14ac:dyDescent="0.3">
      <c r="A33269" s="13" t="s">
        <v>205</v>
      </c>
      <c r="B33269" s="14" t="s">
        <v>1</v>
      </c>
      <c r="C33269" s="14" t="s">
        <v>206</v>
      </c>
      <c r="D33269" s="14" t="s">
        <v>207</v>
      </c>
      <c r="E33269" s="15">
        <v>45430</v>
      </c>
      <c r="F33269" s="14" t="s">
        <v>53</v>
      </c>
      <c r="G33269" s="16">
        <v>0.30086592231324788</v>
      </c>
    </row>
    <row r="33270" spans="1:7" x14ac:dyDescent="0.3">
      <c r="A33270" s="13" t="s">
        <v>205</v>
      </c>
      <c r="B33270" s="14" t="s">
        <v>1</v>
      </c>
      <c r="C33270" s="14" t="s">
        <v>206</v>
      </c>
      <c r="D33270" s="14" t="s">
        <v>207</v>
      </c>
      <c r="E33270" s="15">
        <v>45431</v>
      </c>
      <c r="F33270" s="14" t="s">
        <v>53</v>
      </c>
      <c r="G33270" s="16">
        <v>0.30086592231324788</v>
      </c>
    </row>
    <row r="33271" spans="1:7" x14ac:dyDescent="0.3">
      <c r="A33271" s="13" t="s">
        <v>205</v>
      </c>
      <c r="B33271" s="14" t="s">
        <v>1</v>
      </c>
      <c r="C33271" s="14" t="s">
        <v>206</v>
      </c>
      <c r="D33271" s="14" t="s">
        <v>207</v>
      </c>
      <c r="E33271" s="15">
        <v>45432</v>
      </c>
      <c r="F33271" s="14" t="s">
        <v>53</v>
      </c>
      <c r="G33271" s="16">
        <v>0.2989983291698019</v>
      </c>
    </row>
    <row r="33272" spans="1:7" x14ac:dyDescent="0.3">
      <c r="A33272" s="13" t="s">
        <v>205</v>
      </c>
      <c r="B33272" s="14" t="s">
        <v>1</v>
      </c>
      <c r="C33272" s="14" t="s">
        <v>206</v>
      </c>
      <c r="D33272" s="14" t="s">
        <v>207</v>
      </c>
      <c r="E33272" s="15">
        <v>45433</v>
      </c>
      <c r="F33272" s="14" t="s">
        <v>53</v>
      </c>
      <c r="G33272" s="16">
        <v>0.31559982411370813</v>
      </c>
    </row>
    <row r="33273" spans="1:7" x14ac:dyDescent="0.3">
      <c r="A33273" s="13" t="s">
        <v>205</v>
      </c>
      <c r="B33273" s="14" t="s">
        <v>1</v>
      </c>
      <c r="C33273" s="14" t="s">
        <v>206</v>
      </c>
      <c r="D33273" s="14" t="s">
        <v>207</v>
      </c>
      <c r="E33273" s="15">
        <v>45434</v>
      </c>
      <c r="F33273" s="14" t="s">
        <v>53</v>
      </c>
      <c r="G33273" s="16">
        <v>0.31373753447576269</v>
      </c>
    </row>
    <row r="33274" spans="1:7" x14ac:dyDescent="0.3">
      <c r="A33274" s="13" t="s">
        <v>205</v>
      </c>
      <c r="B33274" s="14" t="s">
        <v>1</v>
      </c>
      <c r="C33274" s="14" t="s">
        <v>206</v>
      </c>
      <c r="D33274" s="14" t="s">
        <v>207</v>
      </c>
      <c r="E33274" s="15">
        <v>45435</v>
      </c>
      <c r="F33274" s="14" t="s">
        <v>53</v>
      </c>
      <c r="G33274" s="16">
        <v>0.31267245158623536</v>
      </c>
    </row>
    <row r="33275" spans="1:7" x14ac:dyDescent="0.3">
      <c r="A33275" s="13" t="s">
        <v>205</v>
      </c>
      <c r="B33275" s="14" t="s">
        <v>1</v>
      </c>
      <c r="C33275" s="14" t="s">
        <v>206</v>
      </c>
      <c r="D33275" s="14" t="s">
        <v>207</v>
      </c>
      <c r="E33275" s="15">
        <v>45436</v>
      </c>
      <c r="F33275" s="14" t="s">
        <v>53</v>
      </c>
      <c r="G33275" s="16">
        <v>0.31083182411026833</v>
      </c>
    </row>
    <row r="33276" spans="1:7" x14ac:dyDescent="0.3">
      <c r="A33276" s="13" t="s">
        <v>205</v>
      </c>
      <c r="B33276" s="14" t="s">
        <v>1</v>
      </c>
      <c r="C33276" s="14" t="s">
        <v>206</v>
      </c>
      <c r="D33276" s="14" t="s">
        <v>207</v>
      </c>
      <c r="E33276" s="15">
        <v>45437</v>
      </c>
      <c r="F33276" s="14" t="s">
        <v>53</v>
      </c>
      <c r="G33276" s="16">
        <v>0.31083182411026833</v>
      </c>
    </row>
    <row r="33277" spans="1:7" x14ac:dyDescent="0.3">
      <c r="A33277" s="13" t="s">
        <v>205</v>
      </c>
      <c r="B33277" s="14" t="s">
        <v>1</v>
      </c>
      <c r="C33277" s="14" t="s">
        <v>206</v>
      </c>
      <c r="D33277" s="14" t="s">
        <v>207</v>
      </c>
      <c r="E33277" s="15">
        <v>45438</v>
      </c>
      <c r="F33277" s="14" t="s">
        <v>53</v>
      </c>
      <c r="G33277" s="16">
        <v>0.31083182411026833</v>
      </c>
    </row>
    <row r="33278" spans="1:7" x14ac:dyDescent="0.3">
      <c r="A33278" s="13" t="s">
        <v>205</v>
      </c>
      <c r="B33278" s="14" t="s">
        <v>1</v>
      </c>
      <c r="C33278" s="14" t="s">
        <v>206</v>
      </c>
      <c r="D33278" s="14" t="s">
        <v>207</v>
      </c>
      <c r="E33278" s="15">
        <v>45439</v>
      </c>
      <c r="F33278" s="14" t="s">
        <v>53</v>
      </c>
      <c r="G33278" s="16">
        <v>0.31083182411026833</v>
      </c>
    </row>
    <row r="33279" spans="1:7" x14ac:dyDescent="0.3">
      <c r="A33279" s="13" t="s">
        <v>205</v>
      </c>
      <c r="B33279" s="14" t="s">
        <v>1</v>
      </c>
      <c r="C33279" s="14" t="s">
        <v>206</v>
      </c>
      <c r="D33279" s="14" t="s">
        <v>207</v>
      </c>
      <c r="E33279" s="15">
        <v>45440</v>
      </c>
      <c r="F33279" s="14" t="s">
        <v>53</v>
      </c>
      <c r="G33279" s="16">
        <v>0.3198825983990638</v>
      </c>
    </row>
    <row r="33280" spans="1:7" x14ac:dyDescent="0.3">
      <c r="A33280" s="13" t="s">
        <v>205</v>
      </c>
      <c r="B33280" s="14" t="s">
        <v>1</v>
      </c>
      <c r="C33280" s="14" t="s">
        <v>206</v>
      </c>
      <c r="D33280" s="14" t="s">
        <v>207</v>
      </c>
      <c r="E33280" s="15">
        <v>45441</v>
      </c>
      <c r="F33280" s="14" t="s">
        <v>53</v>
      </c>
      <c r="G33280" s="16">
        <v>0.31624499987000393</v>
      </c>
    </row>
    <row r="33281" spans="1:7" x14ac:dyDescent="0.3">
      <c r="A33281" s="13" t="s">
        <v>205</v>
      </c>
      <c r="B33281" s="14" t="s">
        <v>1</v>
      </c>
      <c r="C33281" s="14" t="s">
        <v>206</v>
      </c>
      <c r="D33281" s="14" t="s">
        <v>207</v>
      </c>
      <c r="E33281" s="15">
        <v>45442</v>
      </c>
      <c r="F33281" s="14" t="s">
        <v>53</v>
      </c>
      <c r="G33281" s="16">
        <v>0.31569378110997542</v>
      </c>
    </row>
    <row r="33282" spans="1:7" x14ac:dyDescent="0.3">
      <c r="A33282" s="13" t="s">
        <v>205</v>
      </c>
      <c r="B33282" s="14" t="s">
        <v>1</v>
      </c>
      <c r="C33282" s="14" t="s">
        <v>206</v>
      </c>
      <c r="D33282" s="14" t="s">
        <v>207</v>
      </c>
      <c r="E33282" s="15">
        <v>45443</v>
      </c>
      <c r="F33282" s="14" t="s">
        <v>53</v>
      </c>
      <c r="G33282" s="16">
        <v>0.31884299847255632</v>
      </c>
    </row>
    <row r="33283" spans="1:7" x14ac:dyDescent="0.3">
      <c r="A33283" s="13" t="s">
        <v>205</v>
      </c>
      <c r="B33283" s="14" t="s">
        <v>1</v>
      </c>
      <c r="C33283" s="14" t="s">
        <v>206</v>
      </c>
      <c r="D33283" s="14" t="s">
        <v>207</v>
      </c>
      <c r="E33283" s="15">
        <v>45444</v>
      </c>
      <c r="F33283" s="14" t="s">
        <v>53</v>
      </c>
      <c r="G33283" s="16">
        <v>0.31884299847255632</v>
      </c>
    </row>
    <row r="33284" spans="1:7" x14ac:dyDescent="0.3">
      <c r="A33284" s="13" t="s">
        <v>205</v>
      </c>
      <c r="B33284" s="14" t="s">
        <v>1</v>
      </c>
      <c r="C33284" s="14" t="s">
        <v>206</v>
      </c>
      <c r="D33284" s="14" t="s">
        <v>207</v>
      </c>
      <c r="E33284" s="15">
        <v>45445</v>
      </c>
      <c r="F33284" s="14" t="s">
        <v>53</v>
      </c>
      <c r="G33284" s="16">
        <v>0.31884299847255632</v>
      </c>
    </row>
    <row r="33285" spans="1:7" x14ac:dyDescent="0.3">
      <c r="A33285" s="13" t="s">
        <v>205</v>
      </c>
      <c r="B33285" s="14" t="s">
        <v>1</v>
      </c>
      <c r="C33285" s="14" t="s">
        <v>206</v>
      </c>
      <c r="D33285" s="14" t="s">
        <v>207</v>
      </c>
      <c r="E33285" s="15">
        <v>45446</v>
      </c>
      <c r="F33285" s="14" t="s">
        <v>53</v>
      </c>
      <c r="G33285" s="16">
        <v>0.31884299847255632</v>
      </c>
    </row>
    <row r="33286" spans="1:7" x14ac:dyDescent="0.3">
      <c r="A33286" s="13" t="s">
        <v>205</v>
      </c>
      <c r="B33286" s="14" t="s">
        <v>1</v>
      </c>
      <c r="C33286" s="14" t="s">
        <v>206</v>
      </c>
      <c r="D33286" s="14" t="s">
        <v>207</v>
      </c>
      <c r="E33286" s="15">
        <v>45447</v>
      </c>
      <c r="F33286" s="14" t="s">
        <v>53</v>
      </c>
      <c r="G33286" s="16">
        <v>0.31902491271713695</v>
      </c>
    </row>
    <row r="33287" spans="1:7" x14ac:dyDescent="0.3">
      <c r="A33287" s="13" t="s">
        <v>205</v>
      </c>
      <c r="B33287" s="14" t="s">
        <v>1</v>
      </c>
      <c r="C33287" s="14" t="s">
        <v>206</v>
      </c>
      <c r="D33287" s="14" t="s">
        <v>207</v>
      </c>
      <c r="E33287" s="15">
        <v>45448</v>
      </c>
      <c r="F33287" s="14" t="s">
        <v>53</v>
      </c>
      <c r="G33287" s="16">
        <v>0.36685666774628334</v>
      </c>
    </row>
    <row r="33288" spans="1:7" x14ac:dyDescent="0.3">
      <c r="A33288" s="13" t="s">
        <v>205</v>
      </c>
      <c r="B33288" s="14" t="s">
        <v>1</v>
      </c>
      <c r="C33288" s="14" t="s">
        <v>206</v>
      </c>
      <c r="D33288" s="14" t="s">
        <v>207</v>
      </c>
      <c r="E33288" s="15">
        <v>45449</v>
      </c>
      <c r="F33288" s="14" t="s">
        <v>53</v>
      </c>
      <c r="G33288" s="16">
        <v>0.36500001412505906</v>
      </c>
    </row>
    <row r="33289" spans="1:7" x14ac:dyDescent="0.3">
      <c r="A33289" s="13" t="s">
        <v>205</v>
      </c>
      <c r="B33289" s="14" t="s">
        <v>1</v>
      </c>
      <c r="C33289" s="14" t="s">
        <v>206</v>
      </c>
      <c r="D33289" s="14" t="s">
        <v>207</v>
      </c>
      <c r="E33289" s="15">
        <v>45450</v>
      </c>
      <c r="F33289" s="14" t="s">
        <v>53</v>
      </c>
      <c r="G33289" s="16">
        <v>0.36313532126370235</v>
      </c>
    </row>
    <row r="33290" spans="1:7" x14ac:dyDescent="0.3">
      <c r="A33290" s="13" t="s">
        <v>205</v>
      </c>
      <c r="B33290" s="14" t="s">
        <v>1</v>
      </c>
      <c r="C33290" s="14" t="s">
        <v>206</v>
      </c>
      <c r="D33290" s="14" t="s">
        <v>207</v>
      </c>
      <c r="E33290" s="15">
        <v>45451</v>
      </c>
      <c r="F33290" s="14" t="s">
        <v>53</v>
      </c>
      <c r="G33290" s="16">
        <v>0.36313532126370235</v>
      </c>
    </row>
    <row r="33291" spans="1:7" x14ac:dyDescent="0.3">
      <c r="A33291" s="13" t="s">
        <v>205</v>
      </c>
      <c r="B33291" s="14" t="s">
        <v>1</v>
      </c>
      <c r="C33291" s="14" t="s">
        <v>206</v>
      </c>
      <c r="D33291" s="14" t="s">
        <v>207</v>
      </c>
      <c r="E33291" s="15">
        <v>45452</v>
      </c>
      <c r="F33291" s="14" t="s">
        <v>53</v>
      </c>
      <c r="G33291" s="16">
        <v>0.36313532126370235</v>
      </c>
    </row>
    <row r="33292" spans="1:7" x14ac:dyDescent="0.3">
      <c r="A33292" s="13" t="s">
        <v>205</v>
      </c>
      <c r="B33292" s="14" t="s">
        <v>1</v>
      </c>
      <c r="C33292" s="14" t="s">
        <v>206</v>
      </c>
      <c r="D33292" s="14" t="s">
        <v>207</v>
      </c>
      <c r="E33292" s="15">
        <v>45453</v>
      </c>
      <c r="F33292" s="14" t="s">
        <v>53</v>
      </c>
      <c r="G33292" s="16">
        <v>0.37687073492649453</v>
      </c>
    </row>
    <row r="33293" spans="1:7" x14ac:dyDescent="0.3">
      <c r="A33293" s="13" t="s">
        <v>205</v>
      </c>
      <c r="B33293" s="14" t="s">
        <v>1</v>
      </c>
      <c r="C33293" s="14" t="s">
        <v>206</v>
      </c>
      <c r="D33293" s="14" t="s">
        <v>207</v>
      </c>
      <c r="E33293" s="15">
        <v>45454</v>
      </c>
      <c r="F33293" s="14" t="s">
        <v>53</v>
      </c>
      <c r="G33293" s="16">
        <v>0.37312327108416909</v>
      </c>
    </row>
    <row r="33294" spans="1:7" x14ac:dyDescent="0.3">
      <c r="A33294" s="13" t="s">
        <v>205</v>
      </c>
      <c r="B33294" s="14" t="s">
        <v>1</v>
      </c>
      <c r="C33294" s="14" t="s">
        <v>206</v>
      </c>
      <c r="D33294" s="14" t="s">
        <v>207</v>
      </c>
      <c r="E33294" s="15">
        <v>45455</v>
      </c>
      <c r="F33294" s="14" t="s">
        <v>53</v>
      </c>
      <c r="G33294" s="16">
        <v>0.37143691858676869</v>
      </c>
    </row>
    <row r="33295" spans="1:7" x14ac:dyDescent="0.3">
      <c r="A33295" s="13" t="s">
        <v>205</v>
      </c>
      <c r="B33295" s="14" t="s">
        <v>1</v>
      </c>
      <c r="C33295" s="14" t="s">
        <v>206</v>
      </c>
      <c r="D33295" s="14" t="s">
        <v>207</v>
      </c>
      <c r="E33295" s="15">
        <v>45456</v>
      </c>
      <c r="F33295" s="14" t="s">
        <v>53</v>
      </c>
      <c r="G33295" s="16">
        <v>0.37335909951507379</v>
      </c>
    </row>
    <row r="33296" spans="1:7" x14ac:dyDescent="0.3">
      <c r="A33296" s="13" t="s">
        <v>205</v>
      </c>
      <c r="B33296" s="14" t="s">
        <v>1</v>
      </c>
      <c r="C33296" s="14" t="s">
        <v>206</v>
      </c>
      <c r="D33296" s="14" t="s">
        <v>207</v>
      </c>
      <c r="E33296" s="15">
        <v>45457</v>
      </c>
      <c r="F33296" s="14" t="s">
        <v>53</v>
      </c>
      <c r="G33296" s="16">
        <v>0.48253412626702991</v>
      </c>
    </row>
    <row r="33297" spans="1:7" x14ac:dyDescent="0.3">
      <c r="A33297" s="13" t="s">
        <v>205</v>
      </c>
      <c r="B33297" s="14" t="s">
        <v>1</v>
      </c>
      <c r="C33297" s="14" t="s">
        <v>206</v>
      </c>
      <c r="D33297" s="14" t="s">
        <v>207</v>
      </c>
      <c r="E33297" s="15">
        <v>45458</v>
      </c>
      <c r="F33297" s="14" t="s">
        <v>53</v>
      </c>
      <c r="G33297" s="16">
        <v>0.48253412626702991</v>
      </c>
    </row>
    <row r="33298" spans="1:7" x14ac:dyDescent="0.3">
      <c r="A33298" s="13" t="s">
        <v>205</v>
      </c>
      <c r="B33298" s="14" t="s">
        <v>1</v>
      </c>
      <c r="C33298" s="14" t="s">
        <v>206</v>
      </c>
      <c r="D33298" s="14" t="s">
        <v>207</v>
      </c>
      <c r="E33298" s="15">
        <v>45459</v>
      </c>
      <c r="F33298" s="14" t="s">
        <v>53</v>
      </c>
      <c r="G33298" s="16">
        <v>0.48253412626702991</v>
      </c>
    </row>
    <row r="33299" spans="1:7" x14ac:dyDescent="0.3">
      <c r="A33299" s="13" t="s">
        <v>205</v>
      </c>
      <c r="B33299" s="14" t="s">
        <v>1</v>
      </c>
      <c r="C33299" s="14" t="s">
        <v>206</v>
      </c>
      <c r="D33299" s="14" t="s">
        <v>207</v>
      </c>
      <c r="E33299" s="15">
        <v>45460</v>
      </c>
      <c r="F33299" s="14" t="s">
        <v>53</v>
      </c>
      <c r="G33299" s="16">
        <v>0.48067866625465488</v>
      </c>
    </row>
    <row r="33300" spans="1:7" x14ac:dyDescent="0.3">
      <c r="A33300" s="13" t="s">
        <v>205</v>
      </c>
      <c r="B33300" s="14" t="s">
        <v>1</v>
      </c>
      <c r="C33300" s="14" t="s">
        <v>206</v>
      </c>
      <c r="D33300" s="14" t="s">
        <v>207</v>
      </c>
      <c r="E33300" s="15">
        <v>45461</v>
      </c>
      <c r="F33300" s="14" t="s">
        <v>53</v>
      </c>
      <c r="G33300" s="16">
        <v>0.47848215557227464</v>
      </c>
    </row>
    <row r="33301" spans="1:7" x14ac:dyDescent="0.3">
      <c r="A33301" s="13" t="s">
        <v>205</v>
      </c>
      <c r="B33301" s="14" t="s">
        <v>1</v>
      </c>
      <c r="C33301" s="14" t="s">
        <v>206</v>
      </c>
      <c r="D33301" s="14" t="s">
        <v>207</v>
      </c>
      <c r="E33301" s="15">
        <v>45462</v>
      </c>
      <c r="F33301" s="14" t="s">
        <v>53</v>
      </c>
      <c r="G33301" s="16">
        <v>0.4766016948830627</v>
      </c>
    </row>
    <row r="33302" spans="1:7" x14ac:dyDescent="0.3">
      <c r="A33302" s="13" t="s">
        <v>205</v>
      </c>
      <c r="B33302" s="14" t="s">
        <v>1</v>
      </c>
      <c r="C33302" s="14" t="s">
        <v>206</v>
      </c>
      <c r="D33302" s="14" t="s">
        <v>207</v>
      </c>
      <c r="E33302" s="15">
        <v>45463</v>
      </c>
      <c r="F33302" s="14" t="s">
        <v>53</v>
      </c>
      <c r="G33302" s="16">
        <v>0.48081132288074135</v>
      </c>
    </row>
    <row r="33303" spans="1:7" x14ac:dyDescent="0.3">
      <c r="A33303" s="13" t="s">
        <v>205</v>
      </c>
      <c r="B33303" s="14" t="s">
        <v>1</v>
      </c>
      <c r="C33303" s="14" t="s">
        <v>206</v>
      </c>
      <c r="D33303" s="14" t="s">
        <v>207</v>
      </c>
      <c r="E33303" s="15">
        <v>45464</v>
      </c>
      <c r="F33303" s="14" t="s">
        <v>53</v>
      </c>
      <c r="G33303" s="16">
        <v>0.47892535412501408</v>
      </c>
    </row>
    <row r="33304" spans="1:7" x14ac:dyDescent="0.3">
      <c r="A33304" s="13" t="s">
        <v>205</v>
      </c>
      <c r="B33304" s="14" t="s">
        <v>1</v>
      </c>
      <c r="C33304" s="14" t="s">
        <v>206</v>
      </c>
      <c r="D33304" s="14" t="s">
        <v>207</v>
      </c>
      <c r="E33304" s="15">
        <v>45465</v>
      </c>
      <c r="F33304" s="14" t="s">
        <v>53</v>
      </c>
      <c r="G33304" s="16">
        <v>0.47892535412501408</v>
      </c>
    </row>
    <row r="33305" spans="1:7" x14ac:dyDescent="0.3">
      <c r="A33305" s="13" t="s">
        <v>205</v>
      </c>
      <c r="B33305" s="14" t="s">
        <v>1</v>
      </c>
      <c r="C33305" s="14" t="s">
        <v>206</v>
      </c>
      <c r="D33305" s="14" t="s">
        <v>207</v>
      </c>
      <c r="E33305" s="15">
        <v>45466</v>
      </c>
      <c r="F33305" s="14" t="s">
        <v>53</v>
      </c>
      <c r="G33305" s="16">
        <v>0.47892535412501408</v>
      </c>
    </row>
    <row r="33306" spans="1:7" x14ac:dyDescent="0.3">
      <c r="A33306" s="13" t="s">
        <v>205</v>
      </c>
      <c r="B33306" s="14" t="s">
        <v>1</v>
      </c>
      <c r="C33306" s="14" t="s">
        <v>206</v>
      </c>
      <c r="D33306" s="14" t="s">
        <v>207</v>
      </c>
      <c r="E33306" s="15">
        <v>45467</v>
      </c>
      <c r="F33306" s="14" t="s">
        <v>53</v>
      </c>
      <c r="G33306" s="16">
        <v>0.47703129782126719</v>
      </c>
    </row>
    <row r="33307" spans="1:7" x14ac:dyDescent="0.3">
      <c r="A33307" s="13" t="s">
        <v>205</v>
      </c>
      <c r="B33307" s="14" t="s">
        <v>1</v>
      </c>
      <c r="C33307" s="14" t="s">
        <v>206</v>
      </c>
      <c r="D33307" s="14" t="s">
        <v>207</v>
      </c>
      <c r="E33307" s="15">
        <v>45468</v>
      </c>
      <c r="F33307" s="14" t="s">
        <v>53</v>
      </c>
      <c r="G33307" s="16">
        <v>0.47376008920878954</v>
      </c>
    </row>
    <row r="33308" spans="1:7" x14ac:dyDescent="0.3">
      <c r="A33308" s="13" t="s">
        <v>205</v>
      </c>
      <c r="B33308" s="14" t="s">
        <v>1</v>
      </c>
      <c r="C33308" s="14" t="s">
        <v>206</v>
      </c>
      <c r="D33308" s="14" t="s">
        <v>207</v>
      </c>
      <c r="E33308" s="15">
        <v>45469</v>
      </c>
      <c r="F33308" s="14" t="s">
        <v>53</v>
      </c>
      <c r="G33308" s="16">
        <v>0.47189016020070573</v>
      </c>
    </row>
    <row r="33309" spans="1:7" x14ac:dyDescent="0.3">
      <c r="A33309" s="13" t="s">
        <v>205</v>
      </c>
      <c r="B33309" s="14" t="s">
        <v>1</v>
      </c>
      <c r="C33309" s="14" t="s">
        <v>206</v>
      </c>
      <c r="D33309" s="14" t="s">
        <v>207</v>
      </c>
      <c r="E33309" s="15">
        <v>45470</v>
      </c>
      <c r="F33309" s="14" t="s">
        <v>53</v>
      </c>
      <c r="G33309" s="16">
        <v>0.47001331733810719</v>
      </c>
    </row>
    <row r="33310" spans="1:7" x14ac:dyDescent="0.3">
      <c r="A33310" s="13" t="s">
        <v>205</v>
      </c>
      <c r="B33310" s="14" t="s">
        <v>1</v>
      </c>
      <c r="C33310" s="14" t="s">
        <v>206</v>
      </c>
      <c r="D33310" s="14" t="s">
        <v>207</v>
      </c>
      <c r="E33310" s="15">
        <v>45471</v>
      </c>
      <c r="F33310" s="14" t="s">
        <v>53</v>
      </c>
      <c r="G33310" s="16">
        <v>0.46813495786190973</v>
      </c>
    </row>
    <row r="33311" spans="1:7" x14ac:dyDescent="0.3">
      <c r="A33311" s="13" t="s">
        <v>205</v>
      </c>
      <c r="B33311" s="14" t="s">
        <v>1</v>
      </c>
      <c r="C33311" s="14" t="s">
        <v>206</v>
      </c>
      <c r="D33311" s="14" t="s">
        <v>207</v>
      </c>
      <c r="E33311" s="15">
        <v>45472</v>
      </c>
      <c r="F33311" s="14" t="s">
        <v>53</v>
      </c>
      <c r="G33311" s="16">
        <v>0.46813495786190973</v>
      </c>
    </row>
    <row r="33312" spans="1:7" x14ac:dyDescent="0.3">
      <c r="A33312" s="13" t="s">
        <v>205</v>
      </c>
      <c r="B33312" s="14" t="s">
        <v>1</v>
      </c>
      <c r="C33312" s="14" t="s">
        <v>206</v>
      </c>
      <c r="D33312" s="14" t="s">
        <v>207</v>
      </c>
      <c r="E33312" s="15">
        <v>45473</v>
      </c>
      <c r="F33312" s="14" t="s">
        <v>53</v>
      </c>
      <c r="G33312" s="16">
        <v>0.46813495786190973</v>
      </c>
    </row>
    <row r="33313" spans="1:7" x14ac:dyDescent="0.3">
      <c r="A33313" s="13" t="s">
        <v>205</v>
      </c>
      <c r="B33313" s="14" t="s">
        <v>1</v>
      </c>
      <c r="C33313" s="14" t="s">
        <v>206</v>
      </c>
      <c r="D33313" s="14" t="s">
        <v>207</v>
      </c>
      <c r="E33313" s="15">
        <v>45474</v>
      </c>
      <c r="F33313" s="14" t="s">
        <v>53</v>
      </c>
      <c r="G33313" s="16">
        <v>0.46688519685255897</v>
      </c>
    </row>
    <row r="33314" spans="1:7" x14ac:dyDescent="0.3">
      <c r="A33314" s="13" t="s">
        <v>205</v>
      </c>
      <c r="B33314" s="14" t="s">
        <v>1</v>
      </c>
      <c r="C33314" s="14" t="s">
        <v>206</v>
      </c>
      <c r="D33314" s="14" t="s">
        <v>207</v>
      </c>
      <c r="E33314" s="15">
        <v>45475</v>
      </c>
      <c r="F33314" s="14" t="s">
        <v>53</v>
      </c>
      <c r="G33314" s="16">
        <v>0.50699953507260198</v>
      </c>
    </row>
    <row r="33315" spans="1:7" x14ac:dyDescent="0.3">
      <c r="A33315" s="13" t="s">
        <v>205</v>
      </c>
      <c r="B33315" s="14" t="s">
        <v>1</v>
      </c>
      <c r="C33315" s="14" t="s">
        <v>206</v>
      </c>
      <c r="D33315" s="14" t="s">
        <v>207</v>
      </c>
      <c r="E33315" s="15">
        <v>45476</v>
      </c>
      <c r="F33315" s="14" t="s">
        <v>53</v>
      </c>
      <c r="G33315" s="16">
        <v>0.51803954113578421</v>
      </c>
    </row>
    <row r="33316" spans="1:7" x14ac:dyDescent="0.3">
      <c r="A33316" s="13" t="s">
        <v>205</v>
      </c>
      <c r="B33316" s="14" t="s">
        <v>1</v>
      </c>
      <c r="C33316" s="14" t="s">
        <v>206</v>
      </c>
      <c r="D33316" s="14" t="s">
        <v>207</v>
      </c>
      <c r="E33316" s="15">
        <v>45477</v>
      </c>
      <c r="F33316" s="14" t="s">
        <v>53</v>
      </c>
      <c r="G33316" s="16">
        <v>0.51983296504516985</v>
      </c>
    </row>
    <row r="33317" spans="1:7" x14ac:dyDescent="0.3">
      <c r="A33317" s="13" t="s">
        <v>205</v>
      </c>
      <c r="B33317" s="14" t="s">
        <v>1</v>
      </c>
      <c r="C33317" s="14" t="s">
        <v>206</v>
      </c>
      <c r="D33317" s="14" t="s">
        <v>207</v>
      </c>
      <c r="E33317" s="15">
        <v>45478</v>
      </c>
      <c r="F33317" s="14" t="s">
        <v>53</v>
      </c>
      <c r="G33317" s="16">
        <v>0.51789510836504615</v>
      </c>
    </row>
    <row r="33318" spans="1:7" x14ac:dyDescent="0.3">
      <c r="A33318" s="13" t="s">
        <v>205</v>
      </c>
      <c r="B33318" s="14" t="s">
        <v>1</v>
      </c>
      <c r="C33318" s="14" t="s">
        <v>206</v>
      </c>
      <c r="D33318" s="14" t="s">
        <v>207</v>
      </c>
      <c r="E33318" s="15">
        <v>45479</v>
      </c>
      <c r="F33318" s="14" t="s">
        <v>53</v>
      </c>
      <c r="G33318" s="16">
        <v>0.51789510836504615</v>
      </c>
    </row>
    <row r="33319" spans="1:7" x14ac:dyDescent="0.3">
      <c r="A33319" s="13" t="s">
        <v>205</v>
      </c>
      <c r="B33319" s="14" t="s">
        <v>1</v>
      </c>
      <c r="C33319" s="14" t="s">
        <v>206</v>
      </c>
      <c r="D33319" s="14" t="s">
        <v>207</v>
      </c>
      <c r="E33319" s="15">
        <v>45480</v>
      </c>
      <c r="F33319" s="14" t="s">
        <v>53</v>
      </c>
      <c r="G33319" s="16">
        <v>0.51789510836504615</v>
      </c>
    </row>
    <row r="33320" spans="1:7" x14ac:dyDescent="0.3">
      <c r="A33320" s="13" t="s">
        <v>205</v>
      </c>
      <c r="B33320" s="14" t="s">
        <v>1</v>
      </c>
      <c r="C33320" s="14" t="s">
        <v>206</v>
      </c>
      <c r="D33320" s="14" t="s">
        <v>207</v>
      </c>
      <c r="E33320" s="15">
        <v>45481</v>
      </c>
      <c r="F33320" s="14" t="s">
        <v>53</v>
      </c>
      <c r="G33320" s="16">
        <v>0.52052742352653714</v>
      </c>
    </row>
    <row r="33321" spans="1:7" x14ac:dyDescent="0.3">
      <c r="A33321" s="13" t="s">
        <v>205</v>
      </c>
      <c r="B33321" s="14" t="s">
        <v>1</v>
      </c>
      <c r="C33321" s="14" t="s">
        <v>206</v>
      </c>
      <c r="D33321" s="14" t="s">
        <v>207</v>
      </c>
      <c r="E33321" s="15">
        <v>45482</v>
      </c>
      <c r="F33321" s="14" t="s">
        <v>53</v>
      </c>
      <c r="G33321" s="16">
        <v>0.51468806181245241</v>
      </c>
    </row>
    <row r="33322" spans="1:7" x14ac:dyDescent="0.3">
      <c r="A33322" s="13" t="s">
        <v>205</v>
      </c>
      <c r="B33322" s="14" t="s">
        <v>1</v>
      </c>
      <c r="C33322" s="14" t="s">
        <v>206</v>
      </c>
      <c r="D33322" s="14" t="s">
        <v>207</v>
      </c>
      <c r="E33322" s="15">
        <v>45483</v>
      </c>
      <c r="F33322" s="14" t="s">
        <v>53</v>
      </c>
      <c r="G33322" s="16">
        <v>0.52945687859118651</v>
      </c>
    </row>
    <row r="33323" spans="1:7" x14ac:dyDescent="0.3">
      <c r="A33323" s="13" t="s">
        <v>205</v>
      </c>
      <c r="B33323" s="14" t="s">
        <v>1</v>
      </c>
      <c r="C33323" s="14" t="s">
        <v>206</v>
      </c>
      <c r="D33323" s="14" t="s">
        <v>207</v>
      </c>
      <c r="E33323" s="15">
        <v>45484</v>
      </c>
      <c r="F33323" s="14" t="s">
        <v>53</v>
      </c>
      <c r="G33323" s="16">
        <v>0.53019373703889683</v>
      </c>
    </row>
    <row r="33324" spans="1:7" x14ac:dyDescent="0.3">
      <c r="A33324" s="13" t="s">
        <v>205</v>
      </c>
      <c r="B33324" s="14" t="s">
        <v>1</v>
      </c>
      <c r="C33324" s="14" t="s">
        <v>206</v>
      </c>
      <c r="D33324" s="14" t="s">
        <v>207</v>
      </c>
      <c r="E33324" s="15">
        <v>45485</v>
      </c>
      <c r="F33324" s="14" t="s">
        <v>53</v>
      </c>
      <c r="G33324" s="16">
        <v>0.53872328298748884</v>
      </c>
    </row>
    <row r="33325" spans="1:7" x14ac:dyDescent="0.3">
      <c r="A33325" s="13" t="s">
        <v>205</v>
      </c>
      <c r="B33325" s="14" t="s">
        <v>1</v>
      </c>
      <c r="C33325" s="14" t="s">
        <v>206</v>
      </c>
      <c r="D33325" s="14" t="s">
        <v>207</v>
      </c>
      <c r="E33325" s="15">
        <v>45486</v>
      </c>
      <c r="F33325" s="14" t="s">
        <v>53</v>
      </c>
      <c r="G33325" s="16">
        <v>0.53872328298748884</v>
      </c>
    </row>
    <row r="33326" spans="1:7" x14ac:dyDescent="0.3">
      <c r="A33326" s="13" t="s">
        <v>205</v>
      </c>
      <c r="B33326" s="14" t="s">
        <v>1</v>
      </c>
      <c r="C33326" s="14" t="s">
        <v>206</v>
      </c>
      <c r="D33326" s="14" t="s">
        <v>207</v>
      </c>
      <c r="E33326" s="15">
        <v>45487</v>
      </c>
      <c r="F33326" s="14" t="s">
        <v>53</v>
      </c>
      <c r="G33326" s="16">
        <v>0.53872328298748884</v>
      </c>
    </row>
    <row r="33327" spans="1:7" x14ac:dyDescent="0.3">
      <c r="A33327" s="13" t="s">
        <v>205</v>
      </c>
      <c r="B33327" s="14" t="s">
        <v>1</v>
      </c>
      <c r="C33327" s="14" t="s">
        <v>206</v>
      </c>
      <c r="D33327" s="14" t="s">
        <v>207</v>
      </c>
      <c r="E33327" s="15">
        <v>45488</v>
      </c>
      <c r="F33327" s="14" t="s">
        <v>53</v>
      </c>
      <c r="G33327" s="16">
        <v>0.53680282605525886</v>
      </c>
    </row>
    <row r="33328" spans="1:7" x14ac:dyDescent="0.3">
      <c r="A33328" s="13" t="s">
        <v>205</v>
      </c>
      <c r="B33328" s="14" t="s">
        <v>1</v>
      </c>
      <c r="C33328" s="14" t="s">
        <v>206</v>
      </c>
      <c r="D33328" s="14" t="s">
        <v>207</v>
      </c>
      <c r="E33328" s="15">
        <v>45489</v>
      </c>
      <c r="F33328" s="14" t="s">
        <v>53</v>
      </c>
      <c r="G33328" s="16">
        <v>0.55734209095305065</v>
      </c>
    </row>
    <row r="33329" spans="1:7" x14ac:dyDescent="0.3">
      <c r="A33329" s="13" t="s">
        <v>205</v>
      </c>
      <c r="B33329" s="14" t="s">
        <v>1</v>
      </c>
      <c r="C33329" s="14" t="s">
        <v>206</v>
      </c>
      <c r="D33329" s="14" t="s">
        <v>207</v>
      </c>
      <c r="E33329" s="15">
        <v>45490</v>
      </c>
      <c r="F33329" s="14" t="s">
        <v>53</v>
      </c>
      <c r="G33329" s="16">
        <v>0.5554177198453758</v>
      </c>
    </row>
    <row r="33330" spans="1:7" x14ac:dyDescent="0.3">
      <c r="A33330" s="13" t="s">
        <v>205</v>
      </c>
      <c r="B33330" s="14" t="s">
        <v>1</v>
      </c>
      <c r="C33330" s="14" t="s">
        <v>206</v>
      </c>
      <c r="D33330" s="14" t="s">
        <v>207</v>
      </c>
      <c r="E33330" s="15">
        <v>45491</v>
      </c>
      <c r="F33330" s="14" t="s">
        <v>53</v>
      </c>
      <c r="G33330" s="16">
        <v>0.55348275294977756</v>
      </c>
    </row>
    <row r="33331" spans="1:7" x14ac:dyDescent="0.3">
      <c r="A33331" s="13" t="s">
        <v>205</v>
      </c>
      <c r="B33331" s="14" t="s">
        <v>1</v>
      </c>
      <c r="C33331" s="14" t="s">
        <v>206</v>
      </c>
      <c r="D33331" s="14" t="s">
        <v>207</v>
      </c>
      <c r="E33331" s="15">
        <v>45492</v>
      </c>
      <c r="F33331" s="14" t="s">
        <v>53</v>
      </c>
      <c r="G33331" s="16">
        <v>0.55297015529905003</v>
      </c>
    </row>
    <row r="33332" spans="1:7" x14ac:dyDescent="0.3">
      <c r="A33332" s="13" t="s">
        <v>205</v>
      </c>
      <c r="B33332" s="14" t="s">
        <v>1</v>
      </c>
      <c r="C33332" s="14" t="s">
        <v>206</v>
      </c>
      <c r="D33332" s="14" t="s">
        <v>207</v>
      </c>
      <c r="E33332" s="15">
        <v>45493</v>
      </c>
      <c r="F33332" s="14" t="s">
        <v>53</v>
      </c>
      <c r="G33332" s="16">
        <v>0.55297015529905003</v>
      </c>
    </row>
    <row r="33333" spans="1:7" x14ac:dyDescent="0.3">
      <c r="A33333" s="13" t="s">
        <v>205</v>
      </c>
      <c r="B33333" s="14" t="s">
        <v>1</v>
      </c>
      <c r="C33333" s="14" t="s">
        <v>206</v>
      </c>
      <c r="D33333" s="14" t="s">
        <v>207</v>
      </c>
      <c r="E33333" s="15">
        <v>45494</v>
      </c>
      <c r="F33333" s="14" t="s">
        <v>53</v>
      </c>
      <c r="G33333" s="16">
        <v>0.55297015529905003</v>
      </c>
    </row>
    <row r="33334" spans="1:7" x14ac:dyDescent="0.3">
      <c r="A33334" s="13" t="s">
        <v>205</v>
      </c>
      <c r="B33334" s="14" t="s">
        <v>1</v>
      </c>
      <c r="C33334" s="14" t="s">
        <v>206</v>
      </c>
      <c r="D33334" s="14" t="s">
        <v>207</v>
      </c>
      <c r="E33334" s="15">
        <v>45495</v>
      </c>
      <c r="F33334" s="14" t="s">
        <v>53</v>
      </c>
      <c r="G33334" s="16">
        <v>0.55105818451594724</v>
      </c>
    </row>
    <row r="33335" spans="1:7" x14ac:dyDescent="0.3">
      <c r="A33335" s="13" t="s">
        <v>205</v>
      </c>
      <c r="B33335" s="14" t="s">
        <v>1</v>
      </c>
      <c r="C33335" s="14" t="s">
        <v>206</v>
      </c>
      <c r="D33335" s="14" t="s">
        <v>207</v>
      </c>
      <c r="E33335" s="15">
        <v>45496</v>
      </c>
      <c r="F33335" s="14" t="s">
        <v>53</v>
      </c>
      <c r="G33335" s="16">
        <v>0.54534851990203459</v>
      </c>
    </row>
    <row r="33336" spans="1:7" x14ac:dyDescent="0.3">
      <c r="A33336" s="13" t="s">
        <v>205</v>
      </c>
      <c r="B33336" s="14" t="s">
        <v>1</v>
      </c>
      <c r="C33336" s="14" t="s">
        <v>206</v>
      </c>
      <c r="D33336" s="14" t="s">
        <v>207</v>
      </c>
      <c r="E33336" s="15">
        <v>45497</v>
      </c>
      <c r="F33336" s="14" t="s">
        <v>53</v>
      </c>
      <c r="G33336" s="16">
        <v>0.5434310965006256</v>
      </c>
    </row>
    <row r="33337" spans="1:7" x14ac:dyDescent="0.3">
      <c r="A33337" s="13" t="s">
        <v>205</v>
      </c>
      <c r="B33337" s="14" t="s">
        <v>1</v>
      </c>
      <c r="C33337" s="14" t="s">
        <v>206</v>
      </c>
      <c r="D33337" s="14" t="s">
        <v>207</v>
      </c>
      <c r="E33337" s="15">
        <v>45498</v>
      </c>
      <c r="F33337" s="14" t="s">
        <v>53</v>
      </c>
      <c r="G33337" s="16">
        <v>0.54151253007109945</v>
      </c>
    </row>
    <row r="33338" spans="1:7" x14ac:dyDescent="0.3">
      <c r="A33338" s="13" t="s">
        <v>205</v>
      </c>
      <c r="B33338" s="14" t="s">
        <v>1</v>
      </c>
      <c r="C33338" s="14" t="s">
        <v>206</v>
      </c>
      <c r="D33338" s="14" t="s">
        <v>207</v>
      </c>
      <c r="E33338" s="15">
        <v>45499</v>
      </c>
      <c r="F33338" s="14" t="s">
        <v>53</v>
      </c>
      <c r="G33338" s="16">
        <v>0.53961819581567982</v>
      </c>
    </row>
    <row r="33339" spans="1:7" x14ac:dyDescent="0.3">
      <c r="A33339" s="13" t="s">
        <v>205</v>
      </c>
      <c r="B33339" s="14" t="s">
        <v>1</v>
      </c>
      <c r="C33339" s="14" t="s">
        <v>206</v>
      </c>
      <c r="D33339" s="14" t="s">
        <v>207</v>
      </c>
      <c r="E33339" s="15">
        <v>45500</v>
      </c>
      <c r="F33339" s="14" t="s">
        <v>53</v>
      </c>
      <c r="G33339" s="16">
        <v>0.53961819581567982</v>
      </c>
    </row>
    <row r="33340" spans="1:7" x14ac:dyDescent="0.3">
      <c r="A33340" s="13" t="s">
        <v>205</v>
      </c>
      <c r="B33340" s="14" t="s">
        <v>1</v>
      </c>
      <c r="C33340" s="14" t="s">
        <v>206</v>
      </c>
      <c r="D33340" s="14" t="s">
        <v>207</v>
      </c>
      <c r="E33340" s="15">
        <v>45501</v>
      </c>
      <c r="F33340" s="14" t="s">
        <v>53</v>
      </c>
      <c r="G33340" s="16">
        <v>0.53961819581567982</v>
      </c>
    </row>
    <row r="33341" spans="1:7" x14ac:dyDescent="0.3">
      <c r="A33341" s="13" t="s">
        <v>205</v>
      </c>
      <c r="B33341" s="14" t="s">
        <v>1</v>
      </c>
      <c r="C33341" s="14" t="s">
        <v>206</v>
      </c>
      <c r="D33341" s="14" t="s">
        <v>207</v>
      </c>
      <c r="E33341" s="15">
        <v>45502</v>
      </c>
      <c r="F33341" s="14" t="s">
        <v>53</v>
      </c>
      <c r="G33341" s="16">
        <v>0.53774100925378254</v>
      </c>
    </row>
    <row r="33342" spans="1:7" x14ac:dyDescent="0.3">
      <c r="A33342" s="13" t="s">
        <v>205</v>
      </c>
      <c r="B33342" s="14" t="s">
        <v>1</v>
      </c>
      <c r="C33342" s="14" t="s">
        <v>206</v>
      </c>
      <c r="D33342" s="14" t="s">
        <v>207</v>
      </c>
      <c r="E33342" s="15">
        <v>45503</v>
      </c>
      <c r="F33342" s="14" t="s">
        <v>53</v>
      </c>
      <c r="G33342" s="16">
        <v>0.53435004412504794</v>
      </c>
    </row>
    <row r="33343" spans="1:7" x14ac:dyDescent="0.3">
      <c r="A33343" s="13" t="s">
        <v>205</v>
      </c>
      <c r="B33343" s="14" t="s">
        <v>1</v>
      </c>
      <c r="C33343" s="14" t="s">
        <v>206</v>
      </c>
      <c r="D33343" s="14" t="s">
        <v>207</v>
      </c>
      <c r="E33343" s="15">
        <v>45504</v>
      </c>
      <c r="F33343" s="14" t="s">
        <v>53</v>
      </c>
      <c r="G33343" s="16">
        <v>0.53571813500704968</v>
      </c>
    </row>
    <row r="33344" spans="1:7" x14ac:dyDescent="0.3">
      <c r="A33344" s="13" t="s">
        <v>205</v>
      </c>
      <c r="B33344" s="14" t="s">
        <v>1</v>
      </c>
      <c r="C33344" s="14" t="s">
        <v>206</v>
      </c>
      <c r="D33344" s="14" t="s">
        <v>207</v>
      </c>
      <c r="E33344" s="15">
        <v>45505</v>
      </c>
      <c r="F33344" s="14" t="s">
        <v>53</v>
      </c>
      <c r="G33344" s="16">
        <v>0.56087005295771852</v>
      </c>
    </row>
    <row r="33345" spans="1:7" x14ac:dyDescent="0.3">
      <c r="A33345" s="13" t="s">
        <v>205</v>
      </c>
      <c r="B33345" s="14" t="s">
        <v>1</v>
      </c>
      <c r="C33345" s="14" t="s">
        <v>206</v>
      </c>
      <c r="D33345" s="14" t="s">
        <v>207</v>
      </c>
      <c r="E33345" s="15">
        <v>45506</v>
      </c>
      <c r="F33345" s="14" t="s">
        <v>53</v>
      </c>
      <c r="G33345" s="16">
        <v>0.58755805990119447</v>
      </c>
    </row>
    <row r="33346" spans="1:7" x14ac:dyDescent="0.3">
      <c r="A33346" s="13" t="s">
        <v>205</v>
      </c>
      <c r="B33346" s="14" t="s">
        <v>1</v>
      </c>
      <c r="C33346" s="14" t="s">
        <v>206</v>
      </c>
      <c r="D33346" s="14" t="s">
        <v>207</v>
      </c>
      <c r="E33346" s="15">
        <v>45507</v>
      </c>
      <c r="F33346" s="14" t="s">
        <v>53</v>
      </c>
      <c r="G33346" s="16">
        <v>0.58755805990119447</v>
      </c>
    </row>
    <row r="33347" spans="1:7" x14ac:dyDescent="0.3">
      <c r="A33347" s="13" t="s">
        <v>205</v>
      </c>
      <c r="B33347" s="14" t="s">
        <v>1</v>
      </c>
      <c r="C33347" s="14" t="s">
        <v>206</v>
      </c>
      <c r="D33347" s="14" t="s">
        <v>207</v>
      </c>
      <c r="E33347" s="15">
        <v>45508</v>
      </c>
      <c r="F33347" s="14" t="s">
        <v>53</v>
      </c>
      <c r="G33347" s="16">
        <v>0.58755805990119447</v>
      </c>
    </row>
    <row r="33348" spans="1:7" x14ac:dyDescent="0.3">
      <c r="A33348" s="13" t="s">
        <v>205</v>
      </c>
      <c r="B33348" s="14" t="s">
        <v>1</v>
      </c>
      <c r="C33348" s="14" t="s">
        <v>206</v>
      </c>
      <c r="D33348" s="14" t="s">
        <v>207</v>
      </c>
      <c r="E33348" s="15">
        <v>45509</v>
      </c>
      <c r="F33348" s="14" t="s">
        <v>53</v>
      </c>
      <c r="G33348" s="16">
        <v>0.58755805990119447</v>
      </c>
    </row>
    <row r="33349" spans="1:7" x14ac:dyDescent="0.3">
      <c r="A33349" s="13" t="s">
        <v>205</v>
      </c>
      <c r="B33349" s="14" t="s">
        <v>1</v>
      </c>
      <c r="C33349" s="14" t="s">
        <v>206</v>
      </c>
      <c r="D33349" s="14" t="s">
        <v>207</v>
      </c>
      <c r="E33349" s="15">
        <v>45510</v>
      </c>
      <c r="F33349" s="14" t="s">
        <v>53</v>
      </c>
      <c r="G33349" s="16">
        <v>0.58609462036360138</v>
      </c>
    </row>
    <row r="33350" spans="1:7" x14ac:dyDescent="0.3">
      <c r="A33350" s="13" t="s">
        <v>205</v>
      </c>
      <c r="B33350" s="14" t="s">
        <v>1</v>
      </c>
      <c r="C33350" s="14" t="s">
        <v>206</v>
      </c>
      <c r="D33350" s="14" t="s">
        <v>207</v>
      </c>
      <c r="E33350" s="15">
        <v>45511</v>
      </c>
      <c r="F33350" s="14" t="s">
        <v>53</v>
      </c>
      <c r="G33350" s="16">
        <v>0.57800455666068296</v>
      </c>
    </row>
    <row r="33351" spans="1:7" x14ac:dyDescent="0.3">
      <c r="A33351" s="13" t="s">
        <v>205</v>
      </c>
      <c r="B33351" s="14" t="s">
        <v>1</v>
      </c>
      <c r="C33351" s="14" t="s">
        <v>206</v>
      </c>
      <c r="D33351" s="14" t="s">
        <v>207</v>
      </c>
      <c r="E33351" s="15">
        <v>45512</v>
      </c>
      <c r="F33351" s="14" t="s">
        <v>53</v>
      </c>
      <c r="G33351" s="16">
        <v>0.60061591372700274</v>
      </c>
    </row>
    <row r="33352" spans="1:7" x14ac:dyDescent="0.3">
      <c r="A33352" s="13" t="s">
        <v>205</v>
      </c>
      <c r="B33352" s="14" t="s">
        <v>1</v>
      </c>
      <c r="C33352" s="14" t="s">
        <v>206</v>
      </c>
      <c r="D33352" s="14" t="s">
        <v>207</v>
      </c>
      <c r="E33352" s="15">
        <v>45513</v>
      </c>
      <c r="F33352" s="14" t="s">
        <v>53</v>
      </c>
      <c r="G33352" s="16">
        <v>0.59869172018178463</v>
      </c>
    </row>
    <row r="33353" spans="1:7" x14ac:dyDescent="0.3">
      <c r="A33353" s="13" t="s">
        <v>205</v>
      </c>
      <c r="B33353" s="14" t="s">
        <v>1</v>
      </c>
      <c r="C33353" s="14" t="s">
        <v>206</v>
      </c>
      <c r="D33353" s="14" t="s">
        <v>207</v>
      </c>
      <c r="E33353" s="15">
        <v>45514</v>
      </c>
      <c r="F33353" s="14" t="s">
        <v>53</v>
      </c>
      <c r="G33353" s="16">
        <v>0.59869172018178463</v>
      </c>
    </row>
    <row r="33354" spans="1:7" x14ac:dyDescent="0.3">
      <c r="A33354" s="13" t="s">
        <v>205</v>
      </c>
      <c r="B33354" s="14" t="s">
        <v>1</v>
      </c>
      <c r="C33354" s="14" t="s">
        <v>206</v>
      </c>
      <c r="D33354" s="14" t="s">
        <v>207</v>
      </c>
      <c r="E33354" s="15">
        <v>45515</v>
      </c>
      <c r="F33354" s="14" t="s">
        <v>53</v>
      </c>
      <c r="G33354" s="16">
        <v>0.59869172018178463</v>
      </c>
    </row>
    <row r="33355" spans="1:7" x14ac:dyDescent="0.3">
      <c r="A33355" s="13" t="s">
        <v>205</v>
      </c>
      <c r="B33355" s="14" t="s">
        <v>1</v>
      </c>
      <c r="C33355" s="14" t="s">
        <v>206</v>
      </c>
      <c r="D33355" s="14" t="s">
        <v>207</v>
      </c>
      <c r="E33355" s="15">
        <v>45516</v>
      </c>
      <c r="F33355" s="14" t="s">
        <v>53</v>
      </c>
      <c r="G33355" s="16">
        <v>0.59677095676544456</v>
      </c>
    </row>
    <row r="33356" spans="1:7" x14ac:dyDescent="0.3">
      <c r="A33356" s="13" t="s">
        <v>205</v>
      </c>
      <c r="B33356" s="14" t="s">
        <v>1</v>
      </c>
      <c r="C33356" s="14" t="s">
        <v>206</v>
      </c>
      <c r="D33356" s="14" t="s">
        <v>207</v>
      </c>
      <c r="E33356" s="15">
        <v>45517</v>
      </c>
      <c r="F33356" s="14" t="s">
        <v>53</v>
      </c>
      <c r="G33356" s="16">
        <v>0.59219054785874148</v>
      </c>
    </row>
    <row r="33357" spans="1:7" x14ac:dyDescent="0.3">
      <c r="A33357" s="13" t="s">
        <v>205</v>
      </c>
      <c r="B33357" s="14" t="s">
        <v>1</v>
      </c>
      <c r="C33357" s="14" t="s">
        <v>206</v>
      </c>
      <c r="D33357" s="14" t="s">
        <v>207</v>
      </c>
      <c r="E33357" s="15">
        <v>45518</v>
      </c>
      <c r="F33357" s="14" t="s">
        <v>53</v>
      </c>
      <c r="G33357" s="16">
        <v>0.59026548789610511</v>
      </c>
    </row>
    <row r="33358" spans="1:7" x14ac:dyDescent="0.3">
      <c r="A33358" s="13" t="s">
        <v>205</v>
      </c>
      <c r="B33358" s="14" t="s">
        <v>1</v>
      </c>
      <c r="C33358" s="14" t="s">
        <v>206</v>
      </c>
      <c r="D33358" s="14" t="s">
        <v>207</v>
      </c>
      <c r="E33358" s="15">
        <v>45519</v>
      </c>
      <c r="F33358" s="14" t="s">
        <v>53</v>
      </c>
      <c r="G33358" s="16">
        <v>0.58832002889835133</v>
      </c>
    </row>
    <row r="33359" spans="1:7" x14ac:dyDescent="0.3">
      <c r="A33359" s="13" t="s">
        <v>205</v>
      </c>
      <c r="B33359" s="14" t="s">
        <v>1</v>
      </c>
      <c r="C33359" s="14" t="s">
        <v>206</v>
      </c>
      <c r="D33359" s="14" t="s">
        <v>207</v>
      </c>
      <c r="E33359" s="15">
        <v>45520</v>
      </c>
      <c r="F33359" s="14" t="s">
        <v>53</v>
      </c>
      <c r="G33359" s="16">
        <v>0.59032948285171416</v>
      </c>
    </row>
    <row r="33360" spans="1:7" x14ac:dyDescent="0.3">
      <c r="A33360" s="13" t="s">
        <v>205</v>
      </c>
      <c r="B33360" s="14" t="s">
        <v>1</v>
      </c>
      <c r="C33360" s="14" t="s">
        <v>206</v>
      </c>
      <c r="D33360" s="14" t="s">
        <v>207</v>
      </c>
      <c r="E33360" s="15">
        <v>45521</v>
      </c>
      <c r="F33360" s="14" t="s">
        <v>53</v>
      </c>
      <c r="G33360" s="16">
        <v>0.59032948285171416</v>
      </c>
    </row>
    <row r="33361" spans="1:7" x14ac:dyDescent="0.3">
      <c r="A33361" s="13" t="s">
        <v>205</v>
      </c>
      <c r="B33361" s="14" t="s">
        <v>1</v>
      </c>
      <c r="C33361" s="14" t="s">
        <v>206</v>
      </c>
      <c r="D33361" s="14" t="s">
        <v>207</v>
      </c>
      <c r="E33361" s="15">
        <v>45522</v>
      </c>
      <c r="F33361" s="14" t="s">
        <v>53</v>
      </c>
      <c r="G33361" s="16">
        <v>0.59032948285171416</v>
      </c>
    </row>
    <row r="33362" spans="1:7" x14ac:dyDescent="0.3">
      <c r="A33362" s="13" t="s">
        <v>205</v>
      </c>
      <c r="B33362" s="14" t="s">
        <v>1</v>
      </c>
      <c r="C33362" s="14" t="s">
        <v>206</v>
      </c>
      <c r="D33362" s="14" t="s">
        <v>207</v>
      </c>
      <c r="E33362" s="15">
        <v>45523</v>
      </c>
      <c r="F33362" s="14" t="s">
        <v>53</v>
      </c>
      <c r="G33362" s="16">
        <v>0.60060736529321179</v>
      </c>
    </row>
    <row r="33363" spans="1:7" x14ac:dyDescent="0.3">
      <c r="A33363" s="13" t="s">
        <v>205</v>
      </c>
      <c r="B33363" s="14" t="s">
        <v>1</v>
      </c>
      <c r="C33363" s="14" t="s">
        <v>206</v>
      </c>
      <c r="D33363" s="14" t="s">
        <v>207</v>
      </c>
      <c r="E33363" s="15">
        <v>45524</v>
      </c>
      <c r="F33363" s="14" t="s">
        <v>53</v>
      </c>
      <c r="G33363" s="16">
        <v>0.59839590247804531</v>
      </c>
    </row>
    <row r="33364" spans="1:7" x14ac:dyDescent="0.3">
      <c r="A33364" s="13" t="s">
        <v>205</v>
      </c>
      <c r="B33364" s="14" t="s">
        <v>1</v>
      </c>
      <c r="C33364" s="14" t="s">
        <v>206</v>
      </c>
      <c r="D33364" s="14" t="s">
        <v>207</v>
      </c>
      <c r="E33364" s="15">
        <v>45525</v>
      </c>
      <c r="F33364" s="14" t="s">
        <v>53</v>
      </c>
      <c r="G33364" s="16">
        <v>0.59642745442843259</v>
      </c>
    </row>
    <row r="33365" spans="1:7" x14ac:dyDescent="0.3">
      <c r="A33365" s="13" t="s">
        <v>205</v>
      </c>
      <c r="B33365" s="14" t="s">
        <v>1</v>
      </c>
      <c r="C33365" s="14" t="s">
        <v>206</v>
      </c>
      <c r="D33365" s="14" t="s">
        <v>207</v>
      </c>
      <c r="E33365" s="15">
        <v>45526</v>
      </c>
      <c r="F33365" s="14" t="s">
        <v>53</v>
      </c>
      <c r="G33365" s="16">
        <v>0.62211073954744223</v>
      </c>
    </row>
    <row r="33366" spans="1:7" x14ac:dyDescent="0.3">
      <c r="A33366" s="13" t="s">
        <v>205</v>
      </c>
      <c r="B33366" s="14" t="s">
        <v>1</v>
      </c>
      <c r="C33366" s="14" t="s">
        <v>206</v>
      </c>
      <c r="D33366" s="14" t="s">
        <v>207</v>
      </c>
      <c r="E33366" s="15">
        <v>45527</v>
      </c>
      <c r="F33366" s="14" t="s">
        <v>53</v>
      </c>
      <c r="G33366" s="16">
        <v>0.62099637189633972</v>
      </c>
    </row>
    <row r="33367" spans="1:7" x14ac:dyDescent="0.3">
      <c r="A33367" s="13" t="s">
        <v>205</v>
      </c>
      <c r="B33367" s="14" t="s">
        <v>1</v>
      </c>
      <c r="C33367" s="14" t="s">
        <v>206</v>
      </c>
      <c r="D33367" s="14" t="s">
        <v>207</v>
      </c>
      <c r="E33367" s="15">
        <v>45528</v>
      </c>
      <c r="F33367" s="14" t="s">
        <v>53</v>
      </c>
      <c r="G33367" s="16">
        <v>0.62099637189633972</v>
      </c>
    </row>
    <row r="33368" spans="1:7" x14ac:dyDescent="0.3">
      <c r="A33368" s="13" t="s">
        <v>205</v>
      </c>
      <c r="B33368" s="14" t="s">
        <v>1</v>
      </c>
      <c r="C33368" s="14" t="s">
        <v>206</v>
      </c>
      <c r="D33368" s="14" t="s">
        <v>207</v>
      </c>
      <c r="E33368" s="15">
        <v>45529</v>
      </c>
      <c r="F33368" s="14" t="s">
        <v>53</v>
      </c>
      <c r="G33368" s="16">
        <v>0.62099637189633972</v>
      </c>
    </row>
    <row r="33369" spans="1:7" x14ac:dyDescent="0.3">
      <c r="A33369" s="13" t="s">
        <v>205</v>
      </c>
      <c r="B33369" s="14" t="s">
        <v>1</v>
      </c>
      <c r="C33369" s="14" t="s">
        <v>206</v>
      </c>
      <c r="D33369" s="14" t="s">
        <v>207</v>
      </c>
      <c r="E33369" s="15">
        <v>45530</v>
      </c>
      <c r="F33369" s="14" t="s">
        <v>53</v>
      </c>
      <c r="G33369" s="16">
        <v>0.62099637189633972</v>
      </c>
    </row>
    <row r="33370" spans="1:7" x14ac:dyDescent="0.3">
      <c r="A33370" s="13" t="s">
        <v>205</v>
      </c>
      <c r="B33370" s="14" t="s">
        <v>1</v>
      </c>
      <c r="C33370" s="14" t="s">
        <v>206</v>
      </c>
      <c r="D33370" s="14" t="s">
        <v>207</v>
      </c>
      <c r="E33370" s="15">
        <v>45531</v>
      </c>
      <c r="F33370" s="14" t="s">
        <v>53</v>
      </c>
      <c r="G33370" s="16">
        <v>0.62809884339573119</v>
      </c>
    </row>
    <row r="33371" spans="1:7" x14ac:dyDescent="0.3">
      <c r="A33371" s="13" t="s">
        <v>205</v>
      </c>
      <c r="B33371" s="14" t="s">
        <v>1</v>
      </c>
      <c r="C33371" s="14" t="s">
        <v>206</v>
      </c>
      <c r="D33371" s="14" t="s">
        <v>207</v>
      </c>
      <c r="E33371" s="15">
        <v>45532</v>
      </c>
      <c r="F33371" s="14" t="s">
        <v>53</v>
      </c>
      <c r="G33371" s="16">
        <v>0.6268955873159846</v>
      </c>
    </row>
    <row r="33372" spans="1:7" x14ac:dyDescent="0.3">
      <c r="A33372" s="13" t="s">
        <v>205</v>
      </c>
      <c r="B33372" s="14" t="s">
        <v>1</v>
      </c>
      <c r="C33372" s="14" t="s">
        <v>206</v>
      </c>
      <c r="D33372" s="14" t="s">
        <v>207</v>
      </c>
      <c r="E33372" s="15">
        <v>45533</v>
      </c>
      <c r="F33372" s="14" t="s">
        <v>53</v>
      </c>
      <c r="G33372" s="16">
        <v>0.62495024978516067</v>
      </c>
    </row>
    <row r="33373" spans="1:7" x14ac:dyDescent="0.3">
      <c r="A33373" s="13" t="s">
        <v>205</v>
      </c>
      <c r="B33373" s="14" t="s">
        <v>1</v>
      </c>
      <c r="C33373" s="14" t="s">
        <v>206</v>
      </c>
      <c r="D33373" s="14" t="s">
        <v>207</v>
      </c>
      <c r="E33373" s="15">
        <v>45534</v>
      </c>
      <c r="F33373" s="14" t="s">
        <v>53</v>
      </c>
      <c r="G33373" s="16">
        <v>0.62722478557829886</v>
      </c>
    </row>
    <row r="33374" spans="1:7" x14ac:dyDescent="0.3">
      <c r="A33374" s="13" t="s">
        <v>205</v>
      </c>
      <c r="B33374" s="14" t="s">
        <v>1</v>
      </c>
      <c r="C33374" s="14" t="s">
        <v>206</v>
      </c>
      <c r="D33374" s="14" t="s">
        <v>207</v>
      </c>
      <c r="E33374" s="15">
        <v>45535</v>
      </c>
      <c r="F33374" s="14" t="s">
        <v>53</v>
      </c>
      <c r="G33374" s="16">
        <v>0.62722478557829886</v>
      </c>
    </row>
    <row r="33375" spans="1:7" x14ac:dyDescent="0.3">
      <c r="A33375" s="13" t="s">
        <v>205</v>
      </c>
      <c r="B33375" s="14" t="s">
        <v>1</v>
      </c>
      <c r="C33375" s="14" t="s">
        <v>206</v>
      </c>
      <c r="D33375" s="14" t="s">
        <v>207</v>
      </c>
      <c r="E33375" s="15">
        <v>45536</v>
      </c>
      <c r="F33375" s="14" t="s">
        <v>53</v>
      </c>
      <c r="G33375" s="16">
        <v>0.62722478557829886</v>
      </c>
    </row>
    <row r="33376" spans="1:7" x14ac:dyDescent="0.3">
      <c r="A33376" s="13" t="s">
        <v>205</v>
      </c>
      <c r="B33376" s="14" t="s">
        <v>1</v>
      </c>
      <c r="C33376" s="14" t="s">
        <v>206</v>
      </c>
      <c r="D33376" s="14" t="s">
        <v>207</v>
      </c>
      <c r="E33376" s="15">
        <v>45537</v>
      </c>
      <c r="F33376" s="14" t="s">
        <v>53</v>
      </c>
      <c r="G33376" s="16">
        <v>0.62668468124673937</v>
      </c>
    </row>
    <row r="33377" spans="1:7" x14ac:dyDescent="0.3">
      <c r="A33377" s="13" t="s">
        <v>205</v>
      </c>
      <c r="B33377" s="14" t="s">
        <v>1</v>
      </c>
      <c r="C33377" s="14" t="s">
        <v>206</v>
      </c>
      <c r="D33377" s="14" t="s">
        <v>207</v>
      </c>
      <c r="E33377" s="15">
        <v>45538</v>
      </c>
      <c r="F33377" s="14" t="s">
        <v>53</v>
      </c>
      <c r="G33377" s="16">
        <v>0.66542011775548382</v>
      </c>
    </row>
    <row r="33378" spans="1:7" x14ac:dyDescent="0.3">
      <c r="A33378" s="13" t="s">
        <v>205</v>
      </c>
      <c r="B33378" s="14" t="s">
        <v>1</v>
      </c>
      <c r="C33378" s="14" t="s">
        <v>206</v>
      </c>
      <c r="D33378" s="14" t="s">
        <v>207</v>
      </c>
      <c r="E33378" s="15">
        <v>45539</v>
      </c>
      <c r="F33378" s="14" t="s">
        <v>53</v>
      </c>
      <c r="G33378" s="16">
        <v>0.66346076908297069</v>
      </c>
    </row>
    <row r="33379" spans="1:7" x14ac:dyDescent="0.3">
      <c r="A33379" s="13" t="s">
        <v>205</v>
      </c>
      <c r="B33379" s="14" t="s">
        <v>1</v>
      </c>
      <c r="C33379" s="14" t="s">
        <v>206</v>
      </c>
      <c r="D33379" s="14" t="s">
        <v>207</v>
      </c>
      <c r="E33379" s="15">
        <v>45540</v>
      </c>
      <c r="F33379" s="14" t="s">
        <v>53</v>
      </c>
      <c r="G33379" s="16">
        <v>0.66453443605958873</v>
      </c>
    </row>
    <row r="33380" spans="1:7" x14ac:dyDescent="0.3">
      <c r="A33380" s="13" t="s">
        <v>205</v>
      </c>
      <c r="B33380" s="14" t="s">
        <v>1</v>
      </c>
      <c r="C33380" s="14" t="s">
        <v>206</v>
      </c>
      <c r="D33380" s="14" t="s">
        <v>207</v>
      </c>
      <c r="E33380" s="15">
        <v>45541</v>
      </c>
      <c r="F33380" s="14" t="s">
        <v>53</v>
      </c>
      <c r="G33380" s="16">
        <v>0.6626181049444928</v>
      </c>
    </row>
    <row r="33381" spans="1:7" x14ac:dyDescent="0.3">
      <c r="A33381" s="13" t="s">
        <v>205</v>
      </c>
      <c r="B33381" s="14" t="s">
        <v>1</v>
      </c>
      <c r="C33381" s="14" t="s">
        <v>206</v>
      </c>
      <c r="D33381" s="14" t="s">
        <v>207</v>
      </c>
      <c r="E33381" s="15">
        <v>45542</v>
      </c>
      <c r="F33381" s="14" t="s">
        <v>53</v>
      </c>
      <c r="G33381" s="16">
        <v>0.6626181049444928</v>
      </c>
    </row>
    <row r="33382" spans="1:7" x14ac:dyDescent="0.3">
      <c r="A33382" s="13" t="s">
        <v>205</v>
      </c>
      <c r="B33382" s="14" t="s">
        <v>1</v>
      </c>
      <c r="C33382" s="14" t="s">
        <v>206</v>
      </c>
      <c r="D33382" s="14" t="s">
        <v>207</v>
      </c>
      <c r="E33382" s="15">
        <v>45543</v>
      </c>
      <c r="F33382" s="14" t="s">
        <v>53</v>
      </c>
      <c r="G33382" s="16">
        <v>0.6626181049444928</v>
      </c>
    </row>
    <row r="33383" spans="1:7" x14ac:dyDescent="0.3">
      <c r="A33383" s="13" t="s">
        <v>205</v>
      </c>
      <c r="B33383" s="14" t="s">
        <v>1</v>
      </c>
      <c r="C33383" s="14" t="s">
        <v>206</v>
      </c>
      <c r="D33383" s="14" t="s">
        <v>207</v>
      </c>
      <c r="E33383" s="15">
        <v>45544</v>
      </c>
      <c r="F33383" s="14" t="s">
        <v>53</v>
      </c>
      <c r="G33383" s="16">
        <v>0.66695499643640632</v>
      </c>
    </row>
    <row r="33384" spans="1:7" x14ac:dyDescent="0.3">
      <c r="A33384" s="13" t="s">
        <v>205</v>
      </c>
      <c r="B33384" s="14" t="s">
        <v>1</v>
      </c>
      <c r="C33384" s="14" t="s">
        <v>206</v>
      </c>
      <c r="D33384" s="14" t="s">
        <v>207</v>
      </c>
      <c r="E33384" s="15">
        <v>45545</v>
      </c>
      <c r="F33384" s="14" t="s">
        <v>53</v>
      </c>
      <c r="G33384" s="16">
        <v>0.669605173783557</v>
      </c>
    </row>
    <row r="33385" spans="1:7" x14ac:dyDescent="0.3">
      <c r="A33385" s="13" t="s">
        <v>205</v>
      </c>
      <c r="B33385" s="14" t="s">
        <v>1</v>
      </c>
      <c r="C33385" s="14" t="s">
        <v>206</v>
      </c>
      <c r="D33385" s="14" t="s">
        <v>207</v>
      </c>
      <c r="E33385" s="15">
        <v>45546</v>
      </c>
      <c r="F33385" s="14" t="s">
        <v>53</v>
      </c>
      <c r="G33385" s="16">
        <v>0.66768286957722678</v>
      </c>
    </row>
    <row r="33386" spans="1:7" x14ac:dyDescent="0.3">
      <c r="A33386" s="13" t="s">
        <v>205</v>
      </c>
      <c r="B33386" s="14" t="s">
        <v>1</v>
      </c>
      <c r="C33386" s="14" t="s">
        <v>206</v>
      </c>
      <c r="D33386" s="14" t="s">
        <v>207</v>
      </c>
      <c r="E33386" s="15">
        <v>45547</v>
      </c>
      <c r="F33386" s="14" t="s">
        <v>53</v>
      </c>
      <c r="G33386" s="16">
        <v>0.68913502061264931</v>
      </c>
    </row>
    <row r="33387" spans="1:7" x14ac:dyDescent="0.3">
      <c r="A33387" s="13" t="s">
        <v>205</v>
      </c>
      <c r="B33387" s="14" t="s">
        <v>1</v>
      </c>
      <c r="C33387" s="14" t="s">
        <v>206</v>
      </c>
      <c r="D33387" s="14" t="s">
        <v>207</v>
      </c>
      <c r="E33387" s="15">
        <v>45548</v>
      </c>
      <c r="F33387" s="14" t="s">
        <v>53</v>
      </c>
      <c r="G33387" s="16">
        <v>0.76490600995343905</v>
      </c>
    </row>
    <row r="33388" spans="1:7" x14ac:dyDescent="0.3">
      <c r="A33388" s="13" t="s">
        <v>205</v>
      </c>
      <c r="B33388" s="14" t="s">
        <v>1</v>
      </c>
      <c r="C33388" s="14" t="s">
        <v>206</v>
      </c>
      <c r="D33388" s="14" t="s">
        <v>207</v>
      </c>
      <c r="E33388" s="15">
        <v>45549</v>
      </c>
      <c r="F33388" s="14" t="s">
        <v>53</v>
      </c>
      <c r="G33388" s="16">
        <v>0.76490600995343905</v>
      </c>
    </row>
    <row r="33389" spans="1:7" x14ac:dyDescent="0.3">
      <c r="A33389" s="13" t="s">
        <v>205</v>
      </c>
      <c r="B33389" s="14" t="s">
        <v>1</v>
      </c>
      <c r="C33389" s="14" t="s">
        <v>206</v>
      </c>
      <c r="D33389" s="14" t="s">
        <v>207</v>
      </c>
      <c r="E33389" s="15">
        <v>45550</v>
      </c>
      <c r="F33389" s="14" t="s">
        <v>53</v>
      </c>
      <c r="G33389" s="16">
        <v>0.76490600995343905</v>
      </c>
    </row>
    <row r="33390" spans="1:7" x14ac:dyDescent="0.3">
      <c r="A33390" s="13" t="s">
        <v>205</v>
      </c>
      <c r="B33390" s="14" t="s">
        <v>1</v>
      </c>
      <c r="C33390" s="14" t="s">
        <v>206</v>
      </c>
      <c r="D33390" s="14" t="s">
        <v>207</v>
      </c>
      <c r="E33390" s="15">
        <v>45551</v>
      </c>
      <c r="F33390" s="14" t="s">
        <v>53</v>
      </c>
      <c r="G33390" s="16">
        <v>0.76967466048224775</v>
      </c>
    </row>
    <row r="33391" spans="1:7" x14ac:dyDescent="0.3">
      <c r="A33391" s="13" t="s">
        <v>205</v>
      </c>
      <c r="B33391" s="14" t="s">
        <v>1</v>
      </c>
      <c r="C33391" s="14" t="s">
        <v>206</v>
      </c>
      <c r="D33391" s="14" t="s">
        <v>207</v>
      </c>
      <c r="E33391" s="15">
        <v>45552</v>
      </c>
      <c r="F33391" s="14" t="s">
        <v>53</v>
      </c>
      <c r="G33391" s="16">
        <v>0.76706920344093676</v>
      </c>
    </row>
    <row r="33392" spans="1:7" x14ac:dyDescent="0.3">
      <c r="A33392" s="13" t="s">
        <v>205</v>
      </c>
      <c r="B33392" s="14" t="s">
        <v>1</v>
      </c>
      <c r="C33392" s="14" t="s">
        <v>206</v>
      </c>
      <c r="D33392" s="14" t="s">
        <v>207</v>
      </c>
      <c r="E33392" s="15">
        <v>45553</v>
      </c>
      <c r="F33392" s="14" t="s">
        <v>53</v>
      </c>
      <c r="G33392" s="16">
        <v>0.76510315491254055</v>
      </c>
    </row>
    <row r="33393" spans="1:7" x14ac:dyDescent="0.3">
      <c r="A33393" s="13" t="s">
        <v>205</v>
      </c>
      <c r="B33393" s="14" t="s">
        <v>1</v>
      </c>
      <c r="C33393" s="14" t="s">
        <v>206</v>
      </c>
      <c r="D33393" s="14" t="s">
        <v>207</v>
      </c>
      <c r="E33393" s="15">
        <v>45554</v>
      </c>
      <c r="F33393" s="14" t="s">
        <v>53</v>
      </c>
      <c r="G33393" s="16">
        <v>0.76312967648405983</v>
      </c>
    </row>
    <row r="33394" spans="1:7" x14ac:dyDescent="0.3">
      <c r="A33394" s="13" t="s">
        <v>205</v>
      </c>
      <c r="B33394" s="14" t="s">
        <v>1</v>
      </c>
      <c r="C33394" s="14" t="s">
        <v>206</v>
      </c>
      <c r="D33394" s="14" t="s">
        <v>207</v>
      </c>
      <c r="E33394" s="15">
        <v>45555</v>
      </c>
      <c r="F33394" s="14" t="s">
        <v>53</v>
      </c>
      <c r="G33394" s="16">
        <v>0.76382217958431209</v>
      </c>
    </row>
    <row r="33395" spans="1:7" x14ac:dyDescent="0.3">
      <c r="A33395" s="13" t="s">
        <v>205</v>
      </c>
      <c r="B33395" s="14" t="s">
        <v>1</v>
      </c>
      <c r="C33395" s="14" t="s">
        <v>206</v>
      </c>
      <c r="D33395" s="14" t="s">
        <v>207</v>
      </c>
      <c r="E33395" s="15">
        <v>45556</v>
      </c>
      <c r="F33395" s="14" t="s">
        <v>53</v>
      </c>
      <c r="G33395" s="16">
        <v>0.76382217958431209</v>
      </c>
    </row>
    <row r="33396" spans="1:7" x14ac:dyDescent="0.3">
      <c r="A33396" s="13" t="s">
        <v>205</v>
      </c>
      <c r="B33396" s="14" t="s">
        <v>1</v>
      </c>
      <c r="C33396" s="14" t="s">
        <v>206</v>
      </c>
      <c r="D33396" s="14" t="s">
        <v>207</v>
      </c>
      <c r="E33396" s="15">
        <v>45557</v>
      </c>
      <c r="F33396" s="14" t="s">
        <v>53</v>
      </c>
      <c r="G33396" s="16">
        <v>0.76382217958431209</v>
      </c>
    </row>
    <row r="33397" spans="1:7" x14ac:dyDescent="0.3">
      <c r="A33397" s="13" t="s">
        <v>205</v>
      </c>
      <c r="B33397" s="14" t="s">
        <v>1</v>
      </c>
      <c r="C33397" s="14" t="s">
        <v>206</v>
      </c>
      <c r="D33397" s="14" t="s">
        <v>207</v>
      </c>
      <c r="E33397" s="15">
        <v>45558</v>
      </c>
      <c r="F33397" s="14" t="s">
        <v>53</v>
      </c>
      <c r="G33397" s="16">
        <v>0.76183972318793192</v>
      </c>
    </row>
    <row r="33398" spans="1:7" x14ac:dyDescent="0.3">
      <c r="A33398" s="13" t="s">
        <v>205</v>
      </c>
      <c r="B33398" s="14" t="s">
        <v>1</v>
      </c>
      <c r="C33398" s="14" t="s">
        <v>206</v>
      </c>
      <c r="D33398" s="14" t="s">
        <v>207</v>
      </c>
      <c r="E33398" s="15">
        <v>45559</v>
      </c>
      <c r="F33398" s="14" t="s">
        <v>53</v>
      </c>
      <c r="G33398" s="16">
        <v>0.7559564861682202</v>
      </c>
    </row>
    <row r="33399" spans="1:7" x14ac:dyDescent="0.3">
      <c r="A33399" s="13" t="s">
        <v>205</v>
      </c>
      <c r="B33399" s="14" t="s">
        <v>1</v>
      </c>
      <c r="C33399" s="14" t="s">
        <v>206</v>
      </c>
      <c r="D33399" s="14" t="s">
        <v>207</v>
      </c>
      <c r="E33399" s="15">
        <v>45560</v>
      </c>
      <c r="F33399" s="14" t="s">
        <v>53</v>
      </c>
      <c r="G33399" s="16">
        <v>0.75745142970846313</v>
      </c>
    </row>
    <row r="33400" spans="1:7" x14ac:dyDescent="0.3">
      <c r="A33400" s="13" t="s">
        <v>205</v>
      </c>
      <c r="B33400" s="14" t="s">
        <v>1</v>
      </c>
      <c r="C33400" s="14" t="s">
        <v>206</v>
      </c>
      <c r="D33400" s="14" t="s">
        <v>207</v>
      </c>
      <c r="E33400" s="15">
        <v>45561</v>
      </c>
      <c r="F33400" s="14" t="s">
        <v>53</v>
      </c>
      <c r="G33400" s="16">
        <v>0.76881195727503926</v>
      </c>
    </row>
    <row r="33401" spans="1:7" x14ac:dyDescent="0.3">
      <c r="A33401" s="13" t="s">
        <v>205</v>
      </c>
      <c r="B33401" s="14" t="s">
        <v>1</v>
      </c>
      <c r="C33401" s="14" t="s">
        <v>206</v>
      </c>
      <c r="D33401" s="14" t="s">
        <v>207</v>
      </c>
      <c r="E33401" s="15">
        <v>45562</v>
      </c>
      <c r="F33401" s="14" t="s">
        <v>53</v>
      </c>
      <c r="G33401" s="16">
        <v>0.76877885558325831</v>
      </c>
    </row>
    <row r="33402" spans="1:7" x14ac:dyDescent="0.3">
      <c r="A33402" s="13" t="s">
        <v>205</v>
      </c>
      <c r="B33402" s="14" t="s">
        <v>1</v>
      </c>
      <c r="C33402" s="14" t="s">
        <v>206</v>
      </c>
      <c r="D33402" s="14" t="s">
        <v>207</v>
      </c>
      <c r="E33402" s="15">
        <v>45563</v>
      </c>
      <c r="F33402" s="14" t="s">
        <v>53</v>
      </c>
      <c r="G33402" s="16">
        <v>0.76877885558325831</v>
      </c>
    </row>
    <row r="33403" spans="1:7" x14ac:dyDescent="0.3">
      <c r="A33403" s="13" t="s">
        <v>205</v>
      </c>
      <c r="B33403" s="14" t="s">
        <v>1</v>
      </c>
      <c r="C33403" s="14" t="s">
        <v>206</v>
      </c>
      <c r="D33403" s="14" t="s">
        <v>207</v>
      </c>
      <c r="E33403" s="15">
        <v>45564</v>
      </c>
      <c r="F33403" s="14" t="s">
        <v>53</v>
      </c>
      <c r="G33403" s="16">
        <v>0.76877885558325831</v>
      </c>
    </row>
    <row r="33404" spans="1:7" x14ac:dyDescent="0.3">
      <c r="A33404" s="13" t="s">
        <v>205</v>
      </c>
      <c r="B33404" s="14" t="s">
        <v>1</v>
      </c>
      <c r="C33404" s="14" t="s">
        <v>206</v>
      </c>
      <c r="D33404" s="14" t="s">
        <v>207</v>
      </c>
      <c r="E33404" s="15">
        <v>45565</v>
      </c>
      <c r="F33404" s="14" t="s">
        <v>53</v>
      </c>
      <c r="G33404" s="16">
        <v>0.76739869901175217</v>
      </c>
    </row>
    <row r="33405" spans="1:7" x14ac:dyDescent="0.3">
      <c r="A33405" s="13" t="s">
        <v>205</v>
      </c>
      <c r="B33405" s="14" t="s">
        <v>1</v>
      </c>
      <c r="C33405" s="14" t="s">
        <v>206</v>
      </c>
      <c r="D33405" s="14" t="s">
        <v>207</v>
      </c>
      <c r="E33405" s="15">
        <v>45566</v>
      </c>
      <c r="F33405" s="14" t="s">
        <v>53</v>
      </c>
      <c r="G33405" s="16">
        <v>0.76147382145101572</v>
      </c>
    </row>
    <row r="33406" spans="1:7" x14ac:dyDescent="0.3">
      <c r="A33406" s="13" t="s">
        <v>205</v>
      </c>
      <c r="B33406" s="14" t="s">
        <v>1</v>
      </c>
      <c r="C33406" s="14" t="s">
        <v>206</v>
      </c>
      <c r="D33406" s="14" t="s">
        <v>207</v>
      </c>
      <c r="E33406" s="15">
        <v>45567</v>
      </c>
      <c r="F33406" s="14" t="s">
        <v>53</v>
      </c>
      <c r="G33406" s="16">
        <v>0.80343377820729678</v>
      </c>
    </row>
    <row r="33407" spans="1:7" x14ac:dyDescent="0.3">
      <c r="A33407" s="13" t="s">
        <v>205</v>
      </c>
      <c r="B33407" s="14" t="s">
        <v>1</v>
      </c>
      <c r="C33407" s="14" t="s">
        <v>206</v>
      </c>
      <c r="D33407" s="14" t="s">
        <v>207</v>
      </c>
      <c r="E33407" s="15">
        <v>45568</v>
      </c>
      <c r="F33407" s="14" t="s">
        <v>53</v>
      </c>
      <c r="G33407" s="16">
        <v>0.81957287035617721</v>
      </c>
    </row>
    <row r="33408" spans="1:7" x14ac:dyDescent="0.3">
      <c r="A33408" s="13" t="s">
        <v>205</v>
      </c>
      <c r="B33408" s="14" t="s">
        <v>1</v>
      </c>
      <c r="C33408" s="14" t="s">
        <v>206</v>
      </c>
      <c r="D33408" s="14" t="s">
        <v>207</v>
      </c>
      <c r="E33408" s="15">
        <v>45569</v>
      </c>
      <c r="F33408" s="14" t="s">
        <v>53</v>
      </c>
      <c r="G33408" s="16">
        <v>0.81844289511778612</v>
      </c>
    </row>
    <row r="33409" spans="1:7" x14ac:dyDescent="0.3">
      <c r="A33409" s="13" t="s">
        <v>205</v>
      </c>
      <c r="B33409" s="14" t="s">
        <v>1</v>
      </c>
      <c r="C33409" s="14" t="s">
        <v>206</v>
      </c>
      <c r="D33409" s="14" t="s">
        <v>207</v>
      </c>
      <c r="E33409" s="15">
        <v>45570</v>
      </c>
      <c r="F33409" s="14" t="s">
        <v>53</v>
      </c>
      <c r="G33409" s="16">
        <v>0.81844289511778612</v>
      </c>
    </row>
    <row r="33410" spans="1:7" x14ac:dyDescent="0.3">
      <c r="A33410" s="13" t="s">
        <v>205</v>
      </c>
      <c r="B33410" s="14" t="s">
        <v>1</v>
      </c>
      <c r="C33410" s="14" t="s">
        <v>206</v>
      </c>
      <c r="D33410" s="14" t="s">
        <v>207</v>
      </c>
      <c r="E33410" s="15">
        <v>45571</v>
      </c>
      <c r="F33410" s="14" t="s">
        <v>53</v>
      </c>
      <c r="G33410" s="16">
        <v>0.81844289511778612</v>
      </c>
    </row>
    <row r="33411" spans="1:7" x14ac:dyDescent="0.3">
      <c r="A33411" s="13" t="s">
        <v>205</v>
      </c>
      <c r="B33411" s="14" t="s">
        <v>1</v>
      </c>
      <c r="C33411" s="14" t="s">
        <v>206</v>
      </c>
      <c r="D33411" s="14" t="s">
        <v>207</v>
      </c>
      <c r="E33411" s="15">
        <v>45572</v>
      </c>
      <c r="F33411" s="14" t="s">
        <v>53</v>
      </c>
      <c r="G33411" s="16">
        <v>0.82313165616506578</v>
      </c>
    </row>
    <row r="33412" spans="1:7" x14ac:dyDescent="0.3">
      <c r="A33412" s="13" t="s">
        <v>205</v>
      </c>
      <c r="B33412" s="14" t="s">
        <v>1</v>
      </c>
      <c r="C33412" s="14" t="s">
        <v>206</v>
      </c>
      <c r="D33412" s="14" t="s">
        <v>207</v>
      </c>
      <c r="E33412" s="15">
        <v>45573</v>
      </c>
      <c r="F33412" s="14" t="s">
        <v>53</v>
      </c>
      <c r="G33412" s="16">
        <v>0.85382949317922474</v>
      </c>
    </row>
    <row r="33413" spans="1:7" x14ac:dyDescent="0.3">
      <c r="A33413" s="13" t="s">
        <v>205</v>
      </c>
      <c r="B33413" s="14" t="s">
        <v>1</v>
      </c>
      <c r="C33413" s="14" t="s">
        <v>206</v>
      </c>
      <c r="D33413" s="14" t="s">
        <v>207</v>
      </c>
      <c r="E33413" s="15">
        <v>45574</v>
      </c>
      <c r="F33413" s="14" t="s">
        <v>53</v>
      </c>
      <c r="G33413" s="16">
        <v>0.85184969764900531</v>
      </c>
    </row>
    <row r="33414" spans="1:7" x14ac:dyDescent="0.3">
      <c r="A33414" s="13" t="s">
        <v>205</v>
      </c>
      <c r="B33414" s="14" t="s">
        <v>1</v>
      </c>
      <c r="C33414" s="14" t="s">
        <v>206</v>
      </c>
      <c r="D33414" s="14" t="s">
        <v>207</v>
      </c>
      <c r="E33414" s="15">
        <v>45575</v>
      </c>
      <c r="F33414" s="14" t="s">
        <v>53</v>
      </c>
      <c r="G33414" s="16">
        <v>0.86613820485651349</v>
      </c>
    </row>
    <row r="33415" spans="1:7" x14ac:dyDescent="0.3">
      <c r="A33415" s="13" t="s">
        <v>205</v>
      </c>
      <c r="B33415" s="14" t="s">
        <v>1</v>
      </c>
      <c r="C33415" s="14" t="s">
        <v>206</v>
      </c>
      <c r="D33415" s="14" t="s">
        <v>207</v>
      </c>
      <c r="E33415" s="15">
        <v>45576</v>
      </c>
      <c r="F33415" s="14" t="s">
        <v>53</v>
      </c>
      <c r="G33415" s="16">
        <v>0.86673125341260571</v>
      </c>
    </row>
    <row r="33416" spans="1:7" x14ac:dyDescent="0.3">
      <c r="A33416" s="13" t="s">
        <v>205</v>
      </c>
      <c r="B33416" s="14" t="s">
        <v>1</v>
      </c>
      <c r="C33416" s="14" t="s">
        <v>206</v>
      </c>
      <c r="D33416" s="14" t="s">
        <v>207</v>
      </c>
      <c r="E33416" s="15">
        <v>45577</v>
      </c>
      <c r="F33416" s="14" t="s">
        <v>53</v>
      </c>
      <c r="G33416" s="16">
        <v>0.86673125341260571</v>
      </c>
    </row>
    <row r="33417" spans="1:7" x14ac:dyDescent="0.3">
      <c r="A33417" s="13" t="s">
        <v>205</v>
      </c>
      <c r="B33417" s="14" t="s">
        <v>1</v>
      </c>
      <c r="C33417" s="14" t="s">
        <v>206</v>
      </c>
      <c r="D33417" s="14" t="s">
        <v>207</v>
      </c>
      <c r="E33417" s="15">
        <v>45578</v>
      </c>
      <c r="F33417" s="14" t="s">
        <v>53</v>
      </c>
      <c r="G33417" s="16">
        <v>0.86673125341260571</v>
      </c>
    </row>
    <row r="33418" spans="1:7" x14ac:dyDescent="0.3">
      <c r="A33418" s="13" t="s">
        <v>205</v>
      </c>
      <c r="B33418" s="14" t="s">
        <v>1</v>
      </c>
      <c r="C33418" s="14" t="s">
        <v>206</v>
      </c>
      <c r="D33418" s="14" t="s">
        <v>207</v>
      </c>
      <c r="E33418" s="15">
        <v>45579</v>
      </c>
      <c r="F33418" s="14" t="s">
        <v>53</v>
      </c>
      <c r="G33418" s="16">
        <v>0.86473372284724825</v>
      </c>
    </row>
    <row r="33419" spans="1:7" x14ac:dyDescent="0.3">
      <c r="A33419" s="13" t="s">
        <v>205</v>
      </c>
      <c r="B33419" s="14" t="s">
        <v>1</v>
      </c>
      <c r="C33419" s="14" t="s">
        <v>206</v>
      </c>
      <c r="D33419" s="14" t="s">
        <v>207</v>
      </c>
      <c r="E33419" s="15">
        <v>45580</v>
      </c>
      <c r="F33419" s="14" t="s">
        <v>53</v>
      </c>
      <c r="G33419" s="16">
        <v>0.85870524018112304</v>
      </c>
    </row>
    <row r="33420" spans="1:7" x14ac:dyDescent="0.3">
      <c r="A33420" s="13" t="s">
        <v>205</v>
      </c>
      <c r="B33420" s="14" t="s">
        <v>1</v>
      </c>
      <c r="C33420" s="14" t="s">
        <v>206</v>
      </c>
      <c r="D33420" s="14" t="s">
        <v>207</v>
      </c>
      <c r="E33420" s="15">
        <v>45581</v>
      </c>
      <c r="F33420" s="14" t="s">
        <v>53</v>
      </c>
      <c r="G33420" s="16">
        <v>0.86316377914787823</v>
      </c>
    </row>
    <row r="33421" spans="1:7" x14ac:dyDescent="0.3">
      <c r="A33421" s="13" t="s">
        <v>205</v>
      </c>
      <c r="B33421" s="14" t="s">
        <v>1</v>
      </c>
      <c r="C33421" s="14" t="s">
        <v>206</v>
      </c>
      <c r="D33421" s="14" t="s">
        <v>207</v>
      </c>
      <c r="E33421" s="15">
        <v>45582</v>
      </c>
      <c r="F33421" s="14" t="s">
        <v>53</v>
      </c>
      <c r="G33421" s="16">
        <v>0.86118298027178708</v>
      </c>
    </row>
    <row r="33422" spans="1:7" x14ac:dyDescent="0.3">
      <c r="A33422" s="13" t="s">
        <v>205</v>
      </c>
      <c r="B33422" s="14" t="s">
        <v>1</v>
      </c>
      <c r="C33422" s="14" t="s">
        <v>206</v>
      </c>
      <c r="D33422" s="14" t="s">
        <v>207</v>
      </c>
      <c r="E33422" s="15">
        <v>45583</v>
      </c>
      <c r="F33422" s="14" t="s">
        <v>53</v>
      </c>
      <c r="G33422" s="16">
        <v>0.85919809522573409</v>
      </c>
    </row>
    <row r="33423" spans="1:7" x14ac:dyDescent="0.3">
      <c r="A33423" s="13" t="s">
        <v>205</v>
      </c>
      <c r="B33423" s="14" t="s">
        <v>1</v>
      </c>
      <c r="C33423" s="14" t="s">
        <v>206</v>
      </c>
      <c r="D33423" s="14" t="s">
        <v>207</v>
      </c>
      <c r="E33423" s="15">
        <v>45584</v>
      </c>
      <c r="F33423" s="14" t="s">
        <v>53</v>
      </c>
      <c r="G33423" s="16">
        <v>0.85919809522573409</v>
      </c>
    </row>
    <row r="33424" spans="1:7" x14ac:dyDescent="0.3">
      <c r="A33424" s="13" t="s">
        <v>205</v>
      </c>
      <c r="B33424" s="14" t="s">
        <v>1</v>
      </c>
      <c r="C33424" s="14" t="s">
        <v>206</v>
      </c>
      <c r="D33424" s="14" t="s">
        <v>207</v>
      </c>
      <c r="E33424" s="15">
        <v>45585</v>
      </c>
      <c r="F33424" s="14" t="s">
        <v>53</v>
      </c>
      <c r="G33424" s="16">
        <v>0.85919809522573409</v>
      </c>
    </row>
    <row r="33425" spans="1:7" x14ac:dyDescent="0.3">
      <c r="A33425" s="13" t="s">
        <v>205</v>
      </c>
      <c r="B33425" s="14" t="s">
        <v>1</v>
      </c>
      <c r="C33425" s="14" t="s">
        <v>206</v>
      </c>
      <c r="D33425" s="14" t="s">
        <v>207</v>
      </c>
      <c r="E33425" s="15">
        <v>45586</v>
      </c>
      <c r="F33425" s="14" t="s">
        <v>53</v>
      </c>
      <c r="G33425" s="16">
        <v>0.86109060325002751</v>
      </c>
    </row>
    <row r="33426" spans="1:7" x14ac:dyDescent="0.3">
      <c r="A33426" s="13" t="s">
        <v>205</v>
      </c>
      <c r="B33426" s="14" t="s">
        <v>1</v>
      </c>
      <c r="C33426" s="14" t="s">
        <v>206</v>
      </c>
      <c r="D33426" s="14" t="s">
        <v>207</v>
      </c>
      <c r="E33426" s="15">
        <v>45587</v>
      </c>
      <c r="F33426" s="14" t="s">
        <v>53</v>
      </c>
      <c r="G33426" s="16">
        <v>0.85509811420395265</v>
      </c>
    </row>
    <row r="33427" spans="1:7" x14ac:dyDescent="0.3">
      <c r="A33427" s="13" t="s">
        <v>205</v>
      </c>
      <c r="B33427" s="14" t="s">
        <v>1</v>
      </c>
      <c r="C33427" s="14" t="s">
        <v>206</v>
      </c>
      <c r="D33427" s="14" t="s">
        <v>207</v>
      </c>
      <c r="E33427" s="15">
        <v>45588</v>
      </c>
      <c r="F33427" s="14" t="s">
        <v>53</v>
      </c>
      <c r="G33427" s="16">
        <v>0.86110512835237552</v>
      </c>
    </row>
    <row r="33428" spans="1:7" x14ac:dyDescent="0.3">
      <c r="A33428" s="13" t="s">
        <v>205</v>
      </c>
      <c r="B33428" s="14" t="s">
        <v>1</v>
      </c>
      <c r="C33428" s="14" t="s">
        <v>206</v>
      </c>
      <c r="D33428" s="14" t="s">
        <v>207</v>
      </c>
      <c r="E33428" s="15">
        <v>45589</v>
      </c>
      <c r="F33428" s="14" t="s">
        <v>53</v>
      </c>
      <c r="G33428" s="16">
        <v>0.8591135422048255</v>
      </c>
    </row>
    <row r="33429" spans="1:7" x14ac:dyDescent="0.3">
      <c r="A33429" s="13" t="s">
        <v>205</v>
      </c>
      <c r="B33429" s="14" t="s">
        <v>1</v>
      </c>
      <c r="C33429" s="14" t="s">
        <v>206</v>
      </c>
      <c r="D33429" s="14" t="s">
        <v>207</v>
      </c>
      <c r="E33429" s="15">
        <v>45590</v>
      </c>
      <c r="F33429" s="14" t="s">
        <v>53</v>
      </c>
      <c r="G33429" s="16">
        <v>0.86213648419864763</v>
      </c>
    </row>
    <row r="33430" spans="1:7" x14ac:dyDescent="0.3">
      <c r="A33430" s="13" t="s">
        <v>205</v>
      </c>
      <c r="B33430" s="14" t="s">
        <v>1</v>
      </c>
      <c r="C33430" s="14" t="s">
        <v>206</v>
      </c>
      <c r="D33430" s="14" t="s">
        <v>207</v>
      </c>
      <c r="E33430" s="15">
        <v>45591</v>
      </c>
      <c r="F33430" s="14" t="s">
        <v>53</v>
      </c>
      <c r="G33430" s="16">
        <v>0.86213648419864763</v>
      </c>
    </row>
    <row r="33431" spans="1:7" x14ac:dyDescent="0.3">
      <c r="A33431" s="13" t="s">
        <v>205</v>
      </c>
      <c r="B33431" s="14" t="s">
        <v>1</v>
      </c>
      <c r="C33431" s="14" t="s">
        <v>206</v>
      </c>
      <c r="D33431" s="14" t="s">
        <v>207</v>
      </c>
      <c r="E33431" s="15">
        <v>45592</v>
      </c>
      <c r="F33431" s="14" t="s">
        <v>53</v>
      </c>
      <c r="G33431" s="16">
        <v>0.86213648419864763</v>
      </c>
    </row>
    <row r="33432" spans="1:7" x14ac:dyDescent="0.3">
      <c r="A33432" s="13" t="s">
        <v>205</v>
      </c>
      <c r="B33432" s="14" t="s">
        <v>1</v>
      </c>
      <c r="C33432" s="14" t="s">
        <v>206</v>
      </c>
      <c r="D33432" s="14" t="s">
        <v>207</v>
      </c>
      <c r="E33432" s="15">
        <v>45593</v>
      </c>
      <c r="F33432" s="14" t="s">
        <v>53</v>
      </c>
      <c r="G33432" s="16">
        <v>0.86213648419864763</v>
      </c>
    </row>
    <row r="33433" spans="1:7" x14ac:dyDescent="0.3">
      <c r="A33433" s="13" t="s">
        <v>205</v>
      </c>
      <c r="B33433" s="14" t="s">
        <v>1</v>
      </c>
      <c r="C33433" s="14" t="s">
        <v>206</v>
      </c>
      <c r="D33433" s="14" t="s">
        <v>207</v>
      </c>
      <c r="E33433" s="15">
        <v>45594</v>
      </c>
      <c r="F33433" s="14" t="s">
        <v>53</v>
      </c>
      <c r="G33433" s="16">
        <v>0.86204720145350533</v>
      </c>
    </row>
    <row r="33434" spans="1:7" x14ac:dyDescent="0.3">
      <c r="A33434" s="13" t="s">
        <v>205</v>
      </c>
      <c r="B33434" s="14" t="s">
        <v>1</v>
      </c>
      <c r="C33434" s="14" t="s">
        <v>206</v>
      </c>
      <c r="D33434" s="14" t="s">
        <v>207</v>
      </c>
      <c r="E33434" s="15">
        <v>45595</v>
      </c>
      <c r="F33434" s="14" t="s">
        <v>53</v>
      </c>
      <c r="G33434" s="16">
        <v>0.85628731216454079</v>
      </c>
    </row>
    <row r="33435" spans="1:7" x14ac:dyDescent="0.3">
      <c r="A33435" s="13" t="s">
        <v>205</v>
      </c>
      <c r="B33435" s="14" t="s">
        <v>1</v>
      </c>
      <c r="C33435" s="14" t="s">
        <v>206</v>
      </c>
      <c r="D33435" s="14" t="s">
        <v>207</v>
      </c>
      <c r="E33435" s="15">
        <v>45596</v>
      </c>
      <c r="F33435" s="14" t="s">
        <v>53</v>
      </c>
      <c r="G33435" s="16">
        <v>0.85432955126509746</v>
      </c>
    </row>
    <row r="33436" spans="1:7" x14ac:dyDescent="0.3">
      <c r="A33436" s="13" t="s">
        <v>205</v>
      </c>
      <c r="B33436" s="14" t="s">
        <v>1</v>
      </c>
      <c r="C33436" s="14" t="s">
        <v>206</v>
      </c>
      <c r="D33436" s="14" t="s">
        <v>207</v>
      </c>
      <c r="E33436" s="15">
        <v>45597</v>
      </c>
      <c r="F33436" s="14" t="s">
        <v>53</v>
      </c>
      <c r="G33436" s="16">
        <v>0.85869850049842755</v>
      </c>
    </row>
    <row r="33437" spans="1:7" x14ac:dyDescent="0.3">
      <c r="A33437" s="13" t="s">
        <v>205</v>
      </c>
      <c r="B33437" s="14" t="s">
        <v>1</v>
      </c>
      <c r="C33437" s="14" t="s">
        <v>206</v>
      </c>
      <c r="D33437" s="14" t="s">
        <v>207</v>
      </c>
      <c r="E33437" s="15">
        <v>45598</v>
      </c>
      <c r="F33437" s="14" t="s">
        <v>53</v>
      </c>
      <c r="G33437" s="16">
        <v>0.85869850049842755</v>
      </c>
    </row>
    <row r="33438" spans="1:7" x14ac:dyDescent="0.3">
      <c r="A33438" s="13" t="s">
        <v>205</v>
      </c>
      <c r="B33438" s="14" t="s">
        <v>1</v>
      </c>
      <c r="C33438" s="14" t="s">
        <v>206</v>
      </c>
      <c r="D33438" s="14" t="s">
        <v>207</v>
      </c>
      <c r="E33438" s="15">
        <v>45599</v>
      </c>
      <c r="F33438" s="14" t="s">
        <v>53</v>
      </c>
      <c r="G33438" s="16">
        <v>0.85869850049842755</v>
      </c>
    </row>
    <row r="33439" spans="1:7" x14ac:dyDescent="0.3">
      <c r="A33439" s="13" t="s">
        <v>205</v>
      </c>
      <c r="B33439" s="14" t="s">
        <v>1</v>
      </c>
      <c r="C33439" s="14" t="s">
        <v>206</v>
      </c>
      <c r="D33439" s="14" t="s">
        <v>207</v>
      </c>
      <c r="E33439" s="15">
        <v>45600</v>
      </c>
      <c r="F33439" s="14" t="s">
        <v>53</v>
      </c>
      <c r="G33439" s="16">
        <v>0.88396958365917744</v>
      </c>
    </row>
    <row r="33440" spans="1:7" x14ac:dyDescent="0.3">
      <c r="A33440" s="13" t="s">
        <v>205</v>
      </c>
      <c r="B33440" s="14" t="s">
        <v>1</v>
      </c>
      <c r="C33440" s="14" t="s">
        <v>206</v>
      </c>
      <c r="D33440" s="14" t="s">
        <v>207</v>
      </c>
      <c r="E33440" s="15">
        <v>45601</v>
      </c>
      <c r="F33440" s="14" t="s">
        <v>53</v>
      </c>
      <c r="G33440" s="16">
        <v>0.87814038327749255</v>
      </c>
    </row>
    <row r="33441" spans="1:7" x14ac:dyDescent="0.3">
      <c r="A33441" s="13" t="s">
        <v>205</v>
      </c>
      <c r="B33441" s="14" t="s">
        <v>1</v>
      </c>
      <c r="C33441" s="14" t="s">
        <v>206</v>
      </c>
      <c r="D33441" s="14" t="s">
        <v>207</v>
      </c>
      <c r="E33441" s="15">
        <v>45602</v>
      </c>
      <c r="F33441" s="14" t="s">
        <v>53</v>
      </c>
      <c r="G33441" s="16">
        <v>0.87621254863840892</v>
      </c>
    </row>
    <row r="33442" spans="1:7" x14ac:dyDescent="0.3">
      <c r="A33442" s="13" t="s">
        <v>205</v>
      </c>
      <c r="B33442" s="14" t="s">
        <v>1</v>
      </c>
      <c r="C33442" s="14" t="s">
        <v>206</v>
      </c>
      <c r="D33442" s="14" t="s">
        <v>207</v>
      </c>
      <c r="E33442" s="15">
        <v>45603</v>
      </c>
      <c r="F33442" s="14" t="s">
        <v>53</v>
      </c>
      <c r="G33442" s="16">
        <v>0.87429721640481217</v>
      </c>
    </row>
    <row r="33443" spans="1:7" x14ac:dyDescent="0.3">
      <c r="A33443" s="13" t="s">
        <v>205</v>
      </c>
      <c r="B33443" s="14" t="s">
        <v>1</v>
      </c>
      <c r="C33443" s="14" t="s">
        <v>206</v>
      </c>
      <c r="D33443" s="14" t="s">
        <v>207</v>
      </c>
      <c r="E33443" s="15">
        <v>45604</v>
      </c>
      <c r="F33443" s="14" t="s">
        <v>53</v>
      </c>
      <c r="G33443" s="16">
        <v>0.87832033477191618</v>
      </c>
    </row>
    <row r="33444" spans="1:7" x14ac:dyDescent="0.3">
      <c r="A33444" s="13" t="s">
        <v>205</v>
      </c>
      <c r="B33444" s="14" t="s">
        <v>1</v>
      </c>
      <c r="C33444" s="14" t="s">
        <v>206</v>
      </c>
      <c r="D33444" s="14" t="s">
        <v>207</v>
      </c>
      <c r="E33444" s="15">
        <v>45605</v>
      </c>
      <c r="F33444" s="14" t="s">
        <v>53</v>
      </c>
      <c r="G33444" s="16">
        <v>0.87832033477191618</v>
      </c>
    </row>
    <row r="33445" spans="1:7" x14ac:dyDescent="0.3">
      <c r="A33445" s="13" t="s">
        <v>205</v>
      </c>
      <c r="B33445" s="14" t="s">
        <v>1</v>
      </c>
      <c r="C33445" s="14" t="s">
        <v>206</v>
      </c>
      <c r="D33445" s="14" t="s">
        <v>207</v>
      </c>
      <c r="E33445" s="15">
        <v>45606</v>
      </c>
      <c r="F33445" s="14" t="s">
        <v>53</v>
      </c>
      <c r="G33445" s="16">
        <v>0.87832033477191618</v>
      </c>
    </row>
    <row r="33446" spans="1:7" x14ac:dyDescent="0.3">
      <c r="A33446" s="13" t="s">
        <v>205</v>
      </c>
      <c r="B33446" s="14" t="s">
        <v>1</v>
      </c>
      <c r="C33446" s="14" t="s">
        <v>206</v>
      </c>
      <c r="D33446" s="14" t="s">
        <v>207</v>
      </c>
      <c r="E33446" s="15">
        <v>45607</v>
      </c>
      <c r="F33446" s="14" t="s">
        <v>53</v>
      </c>
      <c r="G33446" s="16">
        <v>0.87752584882934404</v>
      </c>
    </row>
    <row r="33447" spans="1:7" x14ac:dyDescent="0.3">
      <c r="A33447" s="13" t="s">
        <v>205</v>
      </c>
      <c r="B33447" s="14" t="s">
        <v>1</v>
      </c>
      <c r="C33447" s="14" t="s">
        <v>206</v>
      </c>
      <c r="D33447" s="14" t="s">
        <v>207</v>
      </c>
      <c r="E33447" s="15">
        <v>45608</v>
      </c>
      <c r="F33447" s="14" t="s">
        <v>53</v>
      </c>
      <c r="G33447" s="16">
        <v>0.87170389344063159</v>
      </c>
    </row>
    <row r="33448" spans="1:7" x14ac:dyDescent="0.3">
      <c r="A33448" s="13" t="s">
        <v>205</v>
      </c>
      <c r="B33448" s="14" t="s">
        <v>1</v>
      </c>
      <c r="C33448" s="14" t="s">
        <v>206</v>
      </c>
      <c r="D33448" s="14" t="s">
        <v>207</v>
      </c>
      <c r="E33448" s="15">
        <v>45609</v>
      </c>
      <c r="F33448" s="14" t="s">
        <v>53</v>
      </c>
      <c r="G33448" s="16">
        <v>0.86976199059882287</v>
      </c>
    </row>
    <row r="33449" spans="1:7" x14ac:dyDescent="0.3">
      <c r="A33449" s="13" t="s">
        <v>205</v>
      </c>
      <c r="B33449" s="14" t="s">
        <v>1</v>
      </c>
      <c r="C33449" s="14" t="s">
        <v>206</v>
      </c>
      <c r="D33449" s="14" t="s">
        <v>207</v>
      </c>
      <c r="E33449" s="15">
        <v>45610</v>
      </c>
      <c r="F33449" s="14" t="s">
        <v>53</v>
      </c>
      <c r="G33449" s="16">
        <v>0.89580872743622175</v>
      </c>
    </row>
    <row r="33450" spans="1:7" x14ac:dyDescent="0.3">
      <c r="A33450" s="13" t="s">
        <v>205</v>
      </c>
      <c r="B33450" s="14" t="s">
        <v>1</v>
      </c>
      <c r="C33450" s="14" t="s">
        <v>206</v>
      </c>
      <c r="D33450" s="14" t="s">
        <v>207</v>
      </c>
      <c r="E33450" s="15">
        <v>45611</v>
      </c>
      <c r="F33450" s="14" t="s">
        <v>53</v>
      </c>
      <c r="G33450" s="16">
        <v>0.90357893929691968</v>
      </c>
    </row>
    <row r="33451" spans="1:7" x14ac:dyDescent="0.3">
      <c r="A33451" s="13" t="s">
        <v>205</v>
      </c>
      <c r="B33451" s="14" t="s">
        <v>1</v>
      </c>
      <c r="C33451" s="14" t="s">
        <v>206</v>
      </c>
      <c r="D33451" s="14" t="s">
        <v>207</v>
      </c>
      <c r="E33451" s="15">
        <v>45612</v>
      </c>
      <c r="F33451" s="14" t="s">
        <v>53</v>
      </c>
      <c r="G33451" s="16">
        <v>0.90357893929691968</v>
      </c>
    </row>
    <row r="33452" spans="1:7" x14ac:dyDescent="0.3">
      <c r="A33452" s="13" t="s">
        <v>205</v>
      </c>
      <c r="B33452" s="14" t="s">
        <v>1</v>
      </c>
      <c r="C33452" s="14" t="s">
        <v>206</v>
      </c>
      <c r="D33452" s="14" t="s">
        <v>207</v>
      </c>
      <c r="E33452" s="15">
        <v>45613</v>
      </c>
      <c r="F33452" s="14" t="s">
        <v>53</v>
      </c>
      <c r="G33452" s="16">
        <v>0.90357893929691968</v>
      </c>
    </row>
    <row r="33453" spans="1:7" x14ac:dyDescent="0.3">
      <c r="A33453" s="13" t="s">
        <v>205</v>
      </c>
      <c r="B33453" s="14" t="s">
        <v>1</v>
      </c>
      <c r="C33453" s="14" t="s">
        <v>206</v>
      </c>
      <c r="D33453" s="14" t="s">
        <v>207</v>
      </c>
      <c r="E33453" s="15">
        <v>45614</v>
      </c>
      <c r="F33453" s="14" t="s">
        <v>53</v>
      </c>
      <c r="G33453" s="16">
        <v>0.90617438868927169</v>
      </c>
    </row>
    <row r="33454" spans="1:7" x14ac:dyDescent="0.3">
      <c r="A33454" s="13" t="s">
        <v>205</v>
      </c>
      <c r="B33454" s="14" t="s">
        <v>1</v>
      </c>
      <c r="C33454" s="14" t="s">
        <v>206</v>
      </c>
      <c r="D33454" s="14" t="s">
        <v>207</v>
      </c>
      <c r="E33454" s="15">
        <v>45615</v>
      </c>
      <c r="F33454" s="14" t="s">
        <v>53</v>
      </c>
      <c r="G33454" s="16">
        <v>0.90432213157290453</v>
      </c>
    </row>
    <row r="33455" spans="1:7" x14ac:dyDescent="0.3">
      <c r="A33455" s="13" t="s">
        <v>205</v>
      </c>
      <c r="B33455" s="14" t="s">
        <v>1</v>
      </c>
      <c r="C33455" s="14" t="s">
        <v>206</v>
      </c>
      <c r="D33455" s="14" t="s">
        <v>207</v>
      </c>
      <c r="E33455" s="15">
        <v>45616</v>
      </c>
      <c r="F33455" s="14" t="s">
        <v>53</v>
      </c>
      <c r="G33455" s="16">
        <v>0.90237327333287409</v>
      </c>
    </row>
    <row r="33456" spans="1:7" x14ac:dyDescent="0.3">
      <c r="A33456" s="13" t="s">
        <v>205</v>
      </c>
      <c r="B33456" s="14" t="s">
        <v>1</v>
      </c>
      <c r="C33456" s="14" t="s">
        <v>206</v>
      </c>
      <c r="D33456" s="14" t="s">
        <v>207</v>
      </c>
      <c r="E33456" s="15">
        <v>45617</v>
      </c>
      <c r="F33456" s="14" t="s">
        <v>53</v>
      </c>
      <c r="G33456" s="16">
        <v>0.90122306114549688</v>
      </c>
    </row>
    <row r="33457" spans="1:7" x14ac:dyDescent="0.3">
      <c r="A33457" s="13" t="s">
        <v>205</v>
      </c>
      <c r="B33457" s="14" t="s">
        <v>1</v>
      </c>
      <c r="C33457" s="14" t="s">
        <v>206</v>
      </c>
      <c r="D33457" s="14" t="s">
        <v>207</v>
      </c>
      <c r="E33457" s="15">
        <v>45618</v>
      </c>
      <c r="F33457" s="14" t="s">
        <v>53</v>
      </c>
      <c r="G33457" s="16">
        <v>0.90328988832168555</v>
      </c>
    </row>
    <row r="33458" spans="1:7" x14ac:dyDescent="0.3">
      <c r="A33458" s="13" t="s">
        <v>205</v>
      </c>
      <c r="B33458" s="14" t="s">
        <v>1</v>
      </c>
      <c r="C33458" s="14" t="s">
        <v>206</v>
      </c>
      <c r="D33458" s="14" t="s">
        <v>207</v>
      </c>
      <c r="E33458" s="15">
        <v>45619</v>
      </c>
      <c r="F33458" s="14" t="s">
        <v>53</v>
      </c>
      <c r="G33458" s="16">
        <v>0.90328988832168555</v>
      </c>
    </row>
    <row r="33459" spans="1:7" x14ac:dyDescent="0.3">
      <c r="A33459" s="13" t="s">
        <v>205</v>
      </c>
      <c r="B33459" s="14" t="s">
        <v>1</v>
      </c>
      <c r="C33459" s="14" t="s">
        <v>206</v>
      </c>
      <c r="D33459" s="14" t="s">
        <v>207</v>
      </c>
      <c r="E33459" s="15">
        <v>45620</v>
      </c>
      <c r="F33459" s="14" t="s">
        <v>53</v>
      </c>
      <c r="G33459" s="16">
        <v>0.90328988832168555</v>
      </c>
    </row>
    <row r="33460" spans="1:7" x14ac:dyDescent="0.3">
      <c r="A33460" s="13" t="s">
        <v>205</v>
      </c>
      <c r="B33460" s="14" t="s">
        <v>1</v>
      </c>
      <c r="C33460" s="14" t="s">
        <v>206</v>
      </c>
      <c r="D33460" s="14" t="s">
        <v>207</v>
      </c>
      <c r="E33460" s="15">
        <v>45621</v>
      </c>
      <c r="F33460" s="14" t="s">
        <v>53</v>
      </c>
      <c r="G33460" s="16">
        <v>0.90133068834851171</v>
      </c>
    </row>
    <row r="33461" spans="1:7" x14ac:dyDescent="0.3">
      <c r="A33461" s="13" t="s">
        <v>205</v>
      </c>
      <c r="B33461" s="14" t="s">
        <v>1</v>
      </c>
      <c r="C33461" s="14" t="s">
        <v>206</v>
      </c>
      <c r="D33461" s="14" t="s">
        <v>207</v>
      </c>
      <c r="E33461" s="15">
        <v>45622</v>
      </c>
      <c r="F33461" s="14" t="s">
        <v>53</v>
      </c>
      <c r="G33461" s="16">
        <v>0.89538089307127955</v>
      </c>
    </row>
    <row r="33462" spans="1:7" x14ac:dyDescent="0.3">
      <c r="A33462" s="13" t="s">
        <v>205</v>
      </c>
      <c r="B33462" s="14" t="s">
        <v>1</v>
      </c>
      <c r="C33462" s="14" t="s">
        <v>206</v>
      </c>
      <c r="D33462" s="14" t="s">
        <v>207</v>
      </c>
      <c r="E33462" s="15">
        <v>45623</v>
      </c>
      <c r="F33462" s="14" t="s">
        <v>53</v>
      </c>
      <c r="G33462" s="16">
        <v>0.89900277537267959</v>
      </c>
    </row>
    <row r="33463" spans="1:7" x14ac:dyDescent="0.3">
      <c r="A33463" s="13" t="s">
        <v>205</v>
      </c>
      <c r="B33463" s="14" t="s">
        <v>1</v>
      </c>
      <c r="C33463" s="14" t="s">
        <v>206</v>
      </c>
      <c r="D33463" s="14" t="s">
        <v>207</v>
      </c>
      <c r="E33463" s="15">
        <v>45624</v>
      </c>
      <c r="F33463" s="14" t="s">
        <v>53</v>
      </c>
      <c r="G33463" s="16">
        <v>0.90582197517488228</v>
      </c>
    </row>
    <row r="33464" spans="1:7" x14ac:dyDescent="0.3">
      <c r="A33464" s="13" t="s">
        <v>205</v>
      </c>
      <c r="B33464" s="14" t="s">
        <v>1</v>
      </c>
      <c r="C33464" s="14" t="s">
        <v>206</v>
      </c>
      <c r="D33464" s="14" t="s">
        <v>207</v>
      </c>
      <c r="E33464" s="15">
        <v>45625</v>
      </c>
      <c r="F33464" s="14" t="s">
        <v>53</v>
      </c>
      <c r="G33464" s="16">
        <v>0.90387763425495637</v>
      </c>
    </row>
    <row r="33465" spans="1:7" x14ac:dyDescent="0.3">
      <c r="A33465" s="13" t="s">
        <v>205</v>
      </c>
      <c r="B33465" s="14" t="s">
        <v>1</v>
      </c>
      <c r="C33465" s="14" t="s">
        <v>206</v>
      </c>
      <c r="D33465" s="14" t="s">
        <v>207</v>
      </c>
      <c r="E33465" s="15">
        <v>45626</v>
      </c>
      <c r="F33465" s="14" t="s">
        <v>53</v>
      </c>
      <c r="G33465" s="16">
        <v>0.90387763425495637</v>
      </c>
    </row>
    <row r="33466" spans="1:7" x14ac:dyDescent="0.3">
      <c r="A33466" s="13" t="s">
        <v>205</v>
      </c>
      <c r="B33466" s="14" t="s">
        <v>1</v>
      </c>
      <c r="C33466" s="14" t="s">
        <v>206</v>
      </c>
      <c r="D33466" s="14" t="s">
        <v>207</v>
      </c>
      <c r="E33466" s="15">
        <v>45627</v>
      </c>
      <c r="F33466" s="14" t="s">
        <v>53</v>
      </c>
      <c r="G33466" s="16">
        <v>0.90387763425495637</v>
      </c>
    </row>
    <row r="33467" spans="1:7" x14ac:dyDescent="0.3">
      <c r="A33467" s="13" t="s">
        <v>205</v>
      </c>
      <c r="B33467" s="14" t="s">
        <v>1</v>
      </c>
      <c r="C33467" s="14" t="s">
        <v>206</v>
      </c>
      <c r="D33467" s="14" t="s">
        <v>207</v>
      </c>
      <c r="E33467" s="15">
        <v>45628</v>
      </c>
      <c r="F33467" s="14" t="s">
        <v>53</v>
      </c>
      <c r="G33467" s="16">
        <v>0.90512019075133943</v>
      </c>
    </row>
    <row r="33468" spans="1:7" x14ac:dyDescent="0.3">
      <c r="A33468" s="13" t="s">
        <v>205</v>
      </c>
      <c r="B33468" s="14" t="s">
        <v>1</v>
      </c>
      <c r="C33468" s="14" t="s">
        <v>206</v>
      </c>
      <c r="D33468" s="14" t="s">
        <v>207</v>
      </c>
      <c r="E33468" s="15">
        <v>45629</v>
      </c>
      <c r="F33468" s="14" t="s">
        <v>53</v>
      </c>
      <c r="G33468" s="16">
        <v>0.95071765449541867</v>
      </c>
    </row>
    <row r="33469" spans="1:7" x14ac:dyDescent="0.3">
      <c r="A33469" s="13" t="s">
        <v>205</v>
      </c>
      <c r="B33469" s="14" t="s">
        <v>1</v>
      </c>
      <c r="C33469" s="14" t="s">
        <v>206</v>
      </c>
      <c r="D33469" s="14" t="s">
        <v>207</v>
      </c>
      <c r="E33469" s="15">
        <v>45630</v>
      </c>
      <c r="F33469" s="14" t="s">
        <v>53</v>
      </c>
      <c r="G33469" s="16">
        <v>0.9491434263816414</v>
      </c>
    </row>
    <row r="33470" spans="1:7" x14ac:dyDescent="0.3">
      <c r="A33470" s="13" t="s">
        <v>205</v>
      </c>
      <c r="B33470" s="14" t="s">
        <v>1</v>
      </c>
      <c r="C33470" s="14" t="s">
        <v>206</v>
      </c>
      <c r="D33470" s="14" t="s">
        <v>207</v>
      </c>
      <c r="E33470" s="15">
        <v>45631</v>
      </c>
      <c r="F33470" s="14" t="s">
        <v>53</v>
      </c>
      <c r="G33470" s="16">
        <v>0.94714868551390052</v>
      </c>
    </row>
    <row r="33471" spans="1:7" x14ac:dyDescent="0.3">
      <c r="A33471" s="13" t="s">
        <v>205</v>
      </c>
      <c r="B33471" s="14" t="s">
        <v>1</v>
      </c>
      <c r="C33471" s="14" t="s">
        <v>206</v>
      </c>
      <c r="D33471" s="14" t="s">
        <v>207</v>
      </c>
      <c r="E33471" s="15">
        <v>45632</v>
      </c>
      <c r="F33471" s="14" t="s">
        <v>53</v>
      </c>
      <c r="G33471" s="16">
        <v>0.94863175421558532</v>
      </c>
    </row>
    <row r="33472" spans="1:7" x14ac:dyDescent="0.3">
      <c r="A33472" s="13" t="s">
        <v>205</v>
      </c>
      <c r="B33472" s="14" t="s">
        <v>1</v>
      </c>
      <c r="C33472" s="14" t="s">
        <v>206</v>
      </c>
      <c r="D33472" s="14" t="s">
        <v>207</v>
      </c>
      <c r="E33472" s="15">
        <v>45633</v>
      </c>
      <c r="F33472" s="14" t="s">
        <v>53</v>
      </c>
      <c r="G33472" s="16">
        <v>0.94863175421558532</v>
      </c>
    </row>
    <row r="33473" spans="1:7" x14ac:dyDescent="0.3">
      <c r="A33473" s="13" t="s">
        <v>205</v>
      </c>
      <c r="B33473" s="14" t="s">
        <v>1</v>
      </c>
      <c r="C33473" s="14" t="s">
        <v>206</v>
      </c>
      <c r="D33473" s="14" t="s">
        <v>207</v>
      </c>
      <c r="E33473" s="15">
        <v>45634</v>
      </c>
      <c r="F33473" s="14" t="s">
        <v>53</v>
      </c>
      <c r="G33473" s="16">
        <v>0.94863175421558532</v>
      </c>
    </row>
    <row r="33474" spans="1:7" x14ac:dyDescent="0.3">
      <c r="A33474" s="13" t="s">
        <v>205</v>
      </c>
      <c r="B33474" s="14" t="s">
        <v>1</v>
      </c>
      <c r="C33474" s="14" t="s">
        <v>206</v>
      </c>
      <c r="D33474" s="14" t="s">
        <v>207</v>
      </c>
      <c r="E33474" s="15">
        <v>45635</v>
      </c>
      <c r="F33474" s="14" t="s">
        <v>53</v>
      </c>
      <c r="G33474" s="16">
        <v>0.96338889237795633</v>
      </c>
    </row>
    <row r="33475" spans="1:7" x14ac:dyDescent="0.3">
      <c r="A33475" s="13" t="s">
        <v>205</v>
      </c>
      <c r="B33475" s="14" t="s">
        <v>1</v>
      </c>
      <c r="C33475" s="14" t="s">
        <v>206</v>
      </c>
      <c r="D33475" s="14" t="s">
        <v>207</v>
      </c>
      <c r="E33475" s="15">
        <v>45636</v>
      </c>
      <c r="F33475" s="14" t="s">
        <v>53</v>
      </c>
      <c r="G33475" s="16">
        <v>0.9661583265814534</v>
      </c>
    </row>
    <row r="33476" spans="1:7" x14ac:dyDescent="0.3">
      <c r="A33476" s="13" t="s">
        <v>205</v>
      </c>
      <c r="B33476" s="14" t="s">
        <v>1</v>
      </c>
      <c r="C33476" s="14" t="s">
        <v>206</v>
      </c>
      <c r="D33476" s="14" t="s">
        <v>207</v>
      </c>
      <c r="E33476" s="15">
        <v>45637</v>
      </c>
      <c r="F33476" s="14" t="s">
        <v>53</v>
      </c>
      <c r="G33476" s="16">
        <v>0.96609351210366434</v>
      </c>
    </row>
    <row r="33477" spans="1:7" x14ac:dyDescent="0.3">
      <c r="A33477" s="13" t="s">
        <v>205</v>
      </c>
      <c r="B33477" s="14" t="s">
        <v>1</v>
      </c>
      <c r="C33477" s="14" t="s">
        <v>206</v>
      </c>
      <c r="D33477" s="14" t="s">
        <v>207</v>
      </c>
      <c r="E33477" s="15">
        <v>45638</v>
      </c>
      <c r="F33477" s="14" t="s">
        <v>53</v>
      </c>
      <c r="G33477" s="16">
        <v>0.96413589656329401</v>
      </c>
    </row>
    <row r="33478" spans="1:7" x14ac:dyDescent="0.3">
      <c r="A33478" s="13" t="s">
        <v>205</v>
      </c>
      <c r="B33478" s="14" t="s">
        <v>1</v>
      </c>
      <c r="C33478" s="14" t="s">
        <v>206</v>
      </c>
      <c r="D33478" s="14" t="s">
        <v>207</v>
      </c>
      <c r="E33478" s="15">
        <v>45639</v>
      </c>
      <c r="F33478" s="14" t="s">
        <v>53</v>
      </c>
      <c r="G33478" s="16">
        <v>1.0448416775816802</v>
      </c>
    </row>
    <row r="33479" spans="1:7" x14ac:dyDescent="0.3">
      <c r="A33479" s="13" t="s">
        <v>205</v>
      </c>
      <c r="B33479" s="14" t="s">
        <v>1</v>
      </c>
      <c r="C33479" s="14" t="s">
        <v>206</v>
      </c>
      <c r="D33479" s="14" t="s">
        <v>207</v>
      </c>
      <c r="E33479" s="15">
        <v>45640</v>
      </c>
      <c r="F33479" s="14" t="s">
        <v>53</v>
      </c>
      <c r="G33479" s="16">
        <v>1.0448416775816802</v>
      </c>
    </row>
    <row r="33480" spans="1:7" x14ac:dyDescent="0.3">
      <c r="A33480" s="13" t="s">
        <v>205</v>
      </c>
      <c r="B33480" s="14" t="s">
        <v>1</v>
      </c>
      <c r="C33480" s="14" t="s">
        <v>206</v>
      </c>
      <c r="D33480" s="14" t="s">
        <v>207</v>
      </c>
      <c r="E33480" s="15">
        <v>45641</v>
      </c>
      <c r="F33480" s="14" t="s">
        <v>53</v>
      </c>
      <c r="G33480" s="16">
        <v>1.0448416775816802</v>
      </c>
    </row>
    <row r="33481" spans="1:7" x14ac:dyDescent="0.3">
      <c r="A33481" s="13" t="s">
        <v>205</v>
      </c>
      <c r="B33481" s="14" t="s">
        <v>1</v>
      </c>
      <c r="C33481" s="14" t="s">
        <v>206</v>
      </c>
      <c r="D33481" s="14" t="s">
        <v>207</v>
      </c>
      <c r="E33481" s="15">
        <v>45642</v>
      </c>
      <c r="F33481" s="14" t="s">
        <v>53</v>
      </c>
      <c r="G33481" s="16">
        <v>1.0428782628708801</v>
      </c>
    </row>
    <row r="33482" spans="1:7" x14ac:dyDescent="0.3">
      <c r="A33482" s="13" t="s">
        <v>205</v>
      </c>
      <c r="B33482" s="14" t="s">
        <v>1</v>
      </c>
      <c r="C33482" s="14" t="s">
        <v>206</v>
      </c>
      <c r="D33482" s="14" t="s">
        <v>207</v>
      </c>
      <c r="E33482" s="15">
        <v>45643</v>
      </c>
      <c r="F33482" s="14" t="s">
        <v>53</v>
      </c>
      <c r="G33482" s="16">
        <v>1.0369545560722366</v>
      </c>
    </row>
    <row r="33483" spans="1:7" x14ac:dyDescent="0.3">
      <c r="A33483" s="13" t="s">
        <v>205</v>
      </c>
      <c r="B33483" s="14" t="s">
        <v>1</v>
      </c>
      <c r="C33483" s="14" t="s">
        <v>206</v>
      </c>
      <c r="D33483" s="14" t="s">
        <v>207</v>
      </c>
      <c r="E33483" s="15">
        <v>45644</v>
      </c>
      <c r="F33483" s="14" t="s">
        <v>53</v>
      </c>
      <c r="G33483" s="16">
        <v>1.0620470433845173</v>
      </c>
    </row>
    <row r="33484" spans="1:7" x14ac:dyDescent="0.3">
      <c r="A33484" s="13" t="s">
        <v>205</v>
      </c>
      <c r="B33484" s="14" t="s">
        <v>1</v>
      </c>
      <c r="C33484" s="14" t="s">
        <v>206</v>
      </c>
      <c r="D33484" s="14" t="s">
        <v>207</v>
      </c>
      <c r="E33484" s="15">
        <v>45645</v>
      </c>
      <c r="F33484" s="14" t="s">
        <v>53</v>
      </c>
      <c r="G33484" s="16">
        <v>1.0601048106473625</v>
      </c>
    </row>
    <row r="33485" spans="1:7" x14ac:dyDescent="0.3">
      <c r="A33485" s="13" t="s">
        <v>205</v>
      </c>
      <c r="B33485" s="14" t="s">
        <v>1</v>
      </c>
      <c r="C33485" s="14" t="s">
        <v>206</v>
      </c>
      <c r="D33485" s="14" t="s">
        <v>207</v>
      </c>
      <c r="E33485" s="15">
        <v>45646</v>
      </c>
      <c r="F33485" s="14" t="s">
        <v>53</v>
      </c>
      <c r="G33485" s="16">
        <v>1.0581973411003411</v>
      </c>
    </row>
    <row r="33486" spans="1:7" x14ac:dyDescent="0.3">
      <c r="A33486" s="13" t="s">
        <v>205</v>
      </c>
      <c r="B33486" s="14" t="s">
        <v>1</v>
      </c>
      <c r="C33486" s="14" t="s">
        <v>206</v>
      </c>
      <c r="D33486" s="14" t="s">
        <v>207</v>
      </c>
      <c r="E33486" s="15">
        <v>45647</v>
      </c>
      <c r="F33486" s="14" t="s">
        <v>53</v>
      </c>
      <c r="G33486" s="16">
        <v>1.0581973411003411</v>
      </c>
    </row>
    <row r="33487" spans="1:7" x14ac:dyDescent="0.3">
      <c r="A33487" s="13" t="s">
        <v>205</v>
      </c>
      <c r="B33487" s="14" t="s">
        <v>1</v>
      </c>
      <c r="C33487" s="14" t="s">
        <v>206</v>
      </c>
      <c r="D33487" s="14" t="s">
        <v>207</v>
      </c>
      <c r="E33487" s="15">
        <v>45648</v>
      </c>
      <c r="F33487" s="14" t="s">
        <v>53</v>
      </c>
      <c r="G33487" s="16">
        <v>1.0581973411003411</v>
      </c>
    </row>
    <row r="33488" spans="1:7" x14ac:dyDescent="0.3">
      <c r="A33488" s="13" t="s">
        <v>205</v>
      </c>
      <c r="B33488" s="14" t="s">
        <v>1</v>
      </c>
      <c r="C33488" s="14" t="s">
        <v>206</v>
      </c>
      <c r="D33488" s="14" t="s">
        <v>207</v>
      </c>
      <c r="E33488" s="15">
        <v>45649</v>
      </c>
      <c r="F33488" s="14" t="s">
        <v>53</v>
      </c>
      <c r="G33488" s="16">
        <v>1.05628596345632</v>
      </c>
    </row>
    <row r="33489" spans="1:7" x14ac:dyDescent="0.3">
      <c r="A33489" s="13" t="s">
        <v>205</v>
      </c>
      <c r="B33489" s="14" t="s">
        <v>1</v>
      </c>
      <c r="C33489" s="14" t="s">
        <v>206</v>
      </c>
      <c r="D33489" s="14" t="s">
        <v>207</v>
      </c>
      <c r="E33489" s="15">
        <v>45650</v>
      </c>
      <c r="F33489" s="14" t="s">
        <v>53</v>
      </c>
      <c r="G33489" s="16">
        <v>1.0648140321778636</v>
      </c>
    </row>
    <row r="33490" spans="1:7" x14ac:dyDescent="0.3">
      <c r="A33490" s="13" t="s">
        <v>205</v>
      </c>
      <c r="B33490" s="14" t="s">
        <v>1</v>
      </c>
      <c r="C33490" s="14" t="s">
        <v>206</v>
      </c>
      <c r="D33490" s="14" t="s">
        <v>207</v>
      </c>
      <c r="E33490" s="15">
        <v>45651</v>
      </c>
      <c r="F33490" s="14" t="s">
        <v>53</v>
      </c>
      <c r="G33490" s="16">
        <v>1.0648140321778636</v>
      </c>
    </row>
    <row r="33491" spans="1:7" x14ac:dyDescent="0.3">
      <c r="A33491" s="13" t="s">
        <v>205</v>
      </c>
      <c r="B33491" s="14" t="s">
        <v>1</v>
      </c>
      <c r="C33491" s="14" t="s">
        <v>206</v>
      </c>
      <c r="D33491" s="14" t="s">
        <v>207</v>
      </c>
      <c r="E33491" s="15">
        <v>45652</v>
      </c>
      <c r="F33491" s="14" t="s">
        <v>53</v>
      </c>
      <c r="G33491" s="16">
        <v>1.0648140321778636</v>
      </c>
    </row>
    <row r="33492" spans="1:7" x14ac:dyDescent="0.3">
      <c r="A33492" s="13" t="s">
        <v>205</v>
      </c>
      <c r="B33492" s="14" t="s">
        <v>1</v>
      </c>
      <c r="C33492" s="14" t="s">
        <v>206</v>
      </c>
      <c r="D33492" s="14" t="s">
        <v>207</v>
      </c>
      <c r="E33492" s="15">
        <v>45653</v>
      </c>
      <c r="F33492" s="14" t="s">
        <v>53</v>
      </c>
      <c r="G33492" s="16">
        <v>1.0648140321778636</v>
      </c>
    </row>
    <row r="33493" spans="1:7" x14ac:dyDescent="0.3">
      <c r="A33493" s="13" t="s">
        <v>205</v>
      </c>
      <c r="B33493" s="14" t="s">
        <v>1</v>
      </c>
      <c r="C33493" s="14" t="s">
        <v>206</v>
      </c>
      <c r="D33493" s="14" t="s">
        <v>207</v>
      </c>
      <c r="E33493" s="15">
        <v>45654</v>
      </c>
      <c r="F33493" s="14" t="s">
        <v>53</v>
      </c>
      <c r="G33493" s="16">
        <v>1.0648140321778636</v>
      </c>
    </row>
    <row r="33494" spans="1:7" x14ac:dyDescent="0.3">
      <c r="A33494" s="13" t="s">
        <v>205</v>
      </c>
      <c r="B33494" s="14" t="s">
        <v>1</v>
      </c>
      <c r="C33494" s="14" t="s">
        <v>206</v>
      </c>
      <c r="D33494" s="14" t="s">
        <v>207</v>
      </c>
      <c r="E33494" s="15">
        <v>45655</v>
      </c>
      <c r="F33494" s="14" t="s">
        <v>53</v>
      </c>
      <c r="G33494" s="16">
        <v>1.0648140321778636</v>
      </c>
    </row>
    <row r="33495" spans="1:7" x14ac:dyDescent="0.3">
      <c r="A33495" s="13" t="s">
        <v>205</v>
      </c>
      <c r="B33495" s="14" t="s">
        <v>1</v>
      </c>
      <c r="C33495" s="14" t="s">
        <v>206</v>
      </c>
      <c r="D33495" s="14" t="s">
        <v>207</v>
      </c>
      <c r="E33495" s="15">
        <v>45656</v>
      </c>
      <c r="F33495" s="14" t="s">
        <v>53</v>
      </c>
      <c r="G33495" s="16">
        <v>1.0628705637011098</v>
      </c>
    </row>
    <row r="33496" spans="1:7" x14ac:dyDescent="0.3">
      <c r="A33496" s="13" t="s">
        <v>205</v>
      </c>
      <c r="B33496" s="14" t="s">
        <v>1</v>
      </c>
      <c r="C33496" s="14" t="s">
        <v>206</v>
      </c>
      <c r="D33496" s="14" t="s">
        <v>207</v>
      </c>
      <c r="E33496" s="15">
        <v>45657</v>
      </c>
      <c r="F33496" s="14" t="s">
        <v>53</v>
      </c>
      <c r="G33496" s="16">
        <v>1.144915375669511</v>
      </c>
    </row>
    <row r="33497" spans="1:7" x14ac:dyDescent="0.3">
      <c r="A33497" s="13" t="s">
        <v>205</v>
      </c>
      <c r="B33497" s="14" t="s">
        <v>1</v>
      </c>
      <c r="C33497" s="14" t="s">
        <v>206</v>
      </c>
      <c r="D33497" s="14" t="s">
        <v>207</v>
      </c>
      <c r="E33497" s="15">
        <v>45658</v>
      </c>
      <c r="F33497" s="14" t="s">
        <v>53</v>
      </c>
      <c r="G33497" s="16">
        <v>1.144915375669511</v>
      </c>
    </row>
    <row r="33498" spans="1:7" x14ac:dyDescent="0.3">
      <c r="A33498" s="13" t="s">
        <v>205</v>
      </c>
      <c r="B33498" s="14" t="s">
        <v>1</v>
      </c>
      <c r="C33498" s="14" t="s">
        <v>206</v>
      </c>
      <c r="D33498" s="14" t="s">
        <v>207</v>
      </c>
      <c r="E33498" s="15">
        <v>45659</v>
      </c>
      <c r="F33498" s="14" t="s">
        <v>53</v>
      </c>
      <c r="G33498" s="16">
        <v>1.1429855324283673</v>
      </c>
    </row>
    <row r="33499" spans="1:7" x14ac:dyDescent="0.3">
      <c r="A33499" s="13" t="s">
        <v>205</v>
      </c>
      <c r="B33499" s="14" t="s">
        <v>1</v>
      </c>
      <c r="C33499" s="14" t="s">
        <v>206</v>
      </c>
      <c r="D33499" s="14" t="s">
        <v>207</v>
      </c>
      <c r="E33499" s="15">
        <v>45660</v>
      </c>
      <c r="F33499" s="14" t="s">
        <v>53</v>
      </c>
      <c r="G33499" s="16">
        <v>1.1725026814469304</v>
      </c>
    </row>
    <row r="33500" spans="1:7" x14ac:dyDescent="0.3">
      <c r="A33500" s="13" t="s">
        <v>205</v>
      </c>
      <c r="B33500" s="14" t="s">
        <v>1</v>
      </c>
      <c r="C33500" s="14" t="s">
        <v>206</v>
      </c>
      <c r="D33500" s="14" t="s">
        <v>207</v>
      </c>
      <c r="E33500" s="15">
        <v>45661</v>
      </c>
      <c r="F33500" s="14" t="s">
        <v>53</v>
      </c>
      <c r="G33500" s="16">
        <v>1.1725026814469304</v>
      </c>
    </row>
    <row r="33501" spans="1:7" x14ac:dyDescent="0.3">
      <c r="A33501" s="13" t="s">
        <v>205</v>
      </c>
      <c r="B33501" s="14" t="s">
        <v>1</v>
      </c>
      <c r="C33501" s="14" t="s">
        <v>206</v>
      </c>
      <c r="D33501" s="14" t="s">
        <v>207</v>
      </c>
      <c r="E33501" s="15">
        <v>45662</v>
      </c>
      <c r="F33501" s="14" t="s">
        <v>53</v>
      </c>
      <c r="G33501" s="16">
        <v>1.1725026814469304</v>
      </c>
    </row>
    <row r="33502" spans="1:7" x14ac:dyDescent="0.3">
      <c r="A33502" s="13" t="s">
        <v>205</v>
      </c>
      <c r="B33502" s="14" t="s">
        <v>1</v>
      </c>
      <c r="C33502" s="14" t="s">
        <v>206</v>
      </c>
      <c r="D33502" s="14" t="s">
        <v>207</v>
      </c>
      <c r="E33502" s="15">
        <v>45663</v>
      </c>
      <c r="F33502" s="14" t="s">
        <v>53</v>
      </c>
      <c r="G33502" s="16">
        <v>1.2044716638876785</v>
      </c>
    </row>
    <row r="33503" spans="1:7" x14ac:dyDescent="0.3">
      <c r="A33503" s="13" t="s">
        <v>205</v>
      </c>
      <c r="B33503" s="14" t="s">
        <v>1</v>
      </c>
      <c r="C33503" s="14" t="s">
        <v>206</v>
      </c>
      <c r="D33503" s="14" t="s">
        <v>207</v>
      </c>
      <c r="E33503" s="15">
        <v>45664</v>
      </c>
      <c r="F33503" s="14" t="s">
        <v>53</v>
      </c>
      <c r="G33503" s="16">
        <v>1.2040650330216187</v>
      </c>
    </row>
    <row r="33504" spans="1:7" x14ac:dyDescent="0.3">
      <c r="A33504" s="13" t="s">
        <v>205</v>
      </c>
      <c r="B33504" s="14" t="s">
        <v>1</v>
      </c>
      <c r="C33504" s="14" t="s">
        <v>206</v>
      </c>
      <c r="D33504" s="14" t="s">
        <v>207</v>
      </c>
      <c r="E33504" s="15">
        <v>45665</v>
      </c>
      <c r="F33504" s="14" t="s">
        <v>53</v>
      </c>
      <c r="G33504" s="16">
        <v>1.2021046320319755</v>
      </c>
    </row>
    <row r="33505" spans="1:7" x14ac:dyDescent="0.3">
      <c r="A33505" s="13" t="s">
        <v>205</v>
      </c>
      <c r="B33505" s="14" t="s">
        <v>1</v>
      </c>
      <c r="C33505" s="14" t="s">
        <v>206</v>
      </c>
      <c r="D33505" s="14" t="s">
        <v>207</v>
      </c>
      <c r="E33505" s="15">
        <v>45666</v>
      </c>
      <c r="F33505" s="14" t="s">
        <v>53</v>
      </c>
      <c r="G33505" s="16">
        <v>1.2001524634922651</v>
      </c>
    </row>
    <row r="33506" spans="1:7" x14ac:dyDescent="0.3">
      <c r="A33506" s="13" t="s">
        <v>205</v>
      </c>
      <c r="B33506" s="14" t="s">
        <v>1</v>
      </c>
      <c r="C33506" s="14" t="s">
        <v>206</v>
      </c>
      <c r="D33506" s="14" t="s">
        <v>207</v>
      </c>
      <c r="E33506" s="15">
        <v>45667</v>
      </c>
      <c r="F33506" s="14" t="s">
        <v>53</v>
      </c>
      <c r="G33506" s="16">
        <v>1.1981786259260976</v>
      </c>
    </row>
    <row r="33507" spans="1:7" x14ac:dyDescent="0.3">
      <c r="A33507" s="13" t="s">
        <v>205</v>
      </c>
      <c r="B33507" s="14" t="s">
        <v>1</v>
      </c>
      <c r="C33507" s="14" t="s">
        <v>206</v>
      </c>
      <c r="D33507" s="14" t="s">
        <v>207</v>
      </c>
      <c r="E33507" s="15">
        <v>45668</v>
      </c>
      <c r="F33507" s="14" t="s">
        <v>53</v>
      </c>
      <c r="G33507" s="16">
        <v>1.1981786259260976</v>
      </c>
    </row>
    <row r="33508" spans="1:7" x14ac:dyDescent="0.3">
      <c r="A33508" s="13" t="s">
        <v>205</v>
      </c>
      <c r="B33508" s="14" t="s">
        <v>1</v>
      </c>
      <c r="C33508" s="14" t="s">
        <v>206</v>
      </c>
      <c r="D33508" s="14" t="s">
        <v>207</v>
      </c>
      <c r="E33508" s="15">
        <v>45669</v>
      </c>
      <c r="F33508" s="14" t="s">
        <v>53</v>
      </c>
      <c r="G33508" s="16">
        <v>1.1981786259260976</v>
      </c>
    </row>
    <row r="33509" spans="1:7" x14ac:dyDescent="0.3">
      <c r="A33509" s="13" t="s">
        <v>205</v>
      </c>
      <c r="B33509" s="14" t="s">
        <v>1</v>
      </c>
      <c r="C33509" s="14" t="s">
        <v>206</v>
      </c>
      <c r="D33509" s="14" t="s">
        <v>207</v>
      </c>
      <c r="E33509" s="15">
        <v>45670</v>
      </c>
      <c r="F33509" s="14" t="s">
        <v>53</v>
      </c>
      <c r="G33509" s="16">
        <v>1.2285616345081136</v>
      </c>
    </row>
    <row r="33510" spans="1:7" x14ac:dyDescent="0.3">
      <c r="A33510" s="13" t="s">
        <v>205</v>
      </c>
      <c r="B33510" s="14" t="s">
        <v>1</v>
      </c>
      <c r="C33510" s="14" t="s">
        <v>206</v>
      </c>
      <c r="D33510" s="14" t="s">
        <v>207</v>
      </c>
      <c r="E33510" s="15">
        <v>45671</v>
      </c>
      <c r="F33510" s="14" t="s">
        <v>53</v>
      </c>
      <c r="G33510" s="16">
        <v>1.2227167625621724</v>
      </c>
    </row>
    <row r="33511" spans="1:7" x14ac:dyDescent="0.3">
      <c r="A33511" s="13" t="s">
        <v>205</v>
      </c>
      <c r="B33511" s="14" t="s">
        <v>1</v>
      </c>
      <c r="C33511" s="14" t="s">
        <v>206</v>
      </c>
      <c r="D33511" s="14" t="s">
        <v>207</v>
      </c>
      <c r="E33511" s="15">
        <v>45672</v>
      </c>
      <c r="F33511" s="14" t="s">
        <v>53</v>
      </c>
      <c r="G33511" s="16">
        <v>1.2207444572395301</v>
      </c>
    </row>
    <row r="33512" spans="1:7" x14ac:dyDescent="0.3">
      <c r="A33512" s="13" t="s">
        <v>205</v>
      </c>
      <c r="B33512" s="14" t="s">
        <v>1</v>
      </c>
      <c r="C33512" s="14" t="s">
        <v>206</v>
      </c>
      <c r="D33512" s="14" t="s">
        <v>207</v>
      </c>
      <c r="E33512" s="15">
        <v>45673</v>
      </c>
      <c r="F33512" s="14" t="s">
        <v>53</v>
      </c>
      <c r="G33512" s="16">
        <v>1.2510835399521438</v>
      </c>
    </row>
    <row r="33513" spans="1:7" x14ac:dyDescent="0.3">
      <c r="A33513" s="13" t="s">
        <v>205</v>
      </c>
      <c r="B33513" s="14" t="s">
        <v>1</v>
      </c>
      <c r="C33513" s="14" t="s">
        <v>206</v>
      </c>
      <c r="D33513" s="14" t="s">
        <v>207</v>
      </c>
      <c r="E33513" s="15">
        <v>45674</v>
      </c>
      <c r="F33513" s="14" t="s">
        <v>53</v>
      </c>
      <c r="G33513" s="16">
        <v>1.2519329306159437</v>
      </c>
    </row>
    <row r="33514" spans="1:7" x14ac:dyDescent="0.3">
      <c r="A33514" s="13" t="s">
        <v>205</v>
      </c>
      <c r="B33514" s="14" t="s">
        <v>1</v>
      </c>
      <c r="C33514" s="14" t="s">
        <v>206</v>
      </c>
      <c r="D33514" s="14" t="s">
        <v>207</v>
      </c>
      <c r="E33514" s="15">
        <v>45675</v>
      </c>
      <c r="F33514" s="14" t="s">
        <v>53</v>
      </c>
      <c r="G33514" s="16">
        <v>1.2519329306159437</v>
      </c>
    </row>
    <row r="33515" spans="1:7" x14ac:dyDescent="0.3">
      <c r="A33515" s="13" t="s">
        <v>205</v>
      </c>
      <c r="B33515" s="14" t="s">
        <v>1</v>
      </c>
      <c r="C33515" s="14" t="s">
        <v>206</v>
      </c>
      <c r="D33515" s="14" t="s">
        <v>207</v>
      </c>
      <c r="E33515" s="15">
        <v>45676</v>
      </c>
      <c r="F33515" s="14" t="s">
        <v>53</v>
      </c>
      <c r="G33515" s="16">
        <v>1.2519329306159437</v>
      </c>
    </row>
    <row r="33516" spans="1:7" x14ac:dyDescent="0.3">
      <c r="A33516" s="13" t="s">
        <v>205</v>
      </c>
      <c r="B33516" s="14" t="s">
        <v>1</v>
      </c>
      <c r="C33516" s="14" t="s">
        <v>206</v>
      </c>
      <c r="D33516" s="14" t="s">
        <v>207</v>
      </c>
      <c r="E33516" s="15">
        <v>45677</v>
      </c>
      <c r="F33516" s="14" t="s">
        <v>53</v>
      </c>
      <c r="G33516" s="16">
        <v>1.2499262312248687</v>
      </c>
    </row>
    <row r="33517" spans="1:7" x14ac:dyDescent="0.3">
      <c r="A33517" s="13" t="s">
        <v>205</v>
      </c>
      <c r="B33517" s="14" t="s">
        <v>1</v>
      </c>
      <c r="C33517" s="14" t="s">
        <v>206</v>
      </c>
      <c r="D33517" s="14" t="s">
        <v>207</v>
      </c>
      <c r="E33517" s="15">
        <v>45678</v>
      </c>
      <c r="F33517" s="14" t="s">
        <v>53</v>
      </c>
      <c r="G33517" s="16">
        <v>1.2438468412493631</v>
      </c>
    </row>
    <row r="33518" spans="1:7" x14ac:dyDescent="0.3">
      <c r="A33518" s="13" t="s">
        <v>205</v>
      </c>
      <c r="B33518" s="14" t="s">
        <v>1</v>
      </c>
      <c r="C33518" s="14" t="s">
        <v>206</v>
      </c>
      <c r="D33518" s="14" t="s">
        <v>207</v>
      </c>
      <c r="E33518" s="15">
        <v>45679</v>
      </c>
      <c r="F33518" s="14" t="s">
        <v>53</v>
      </c>
      <c r="G33518" s="16">
        <v>1.2436384413245862</v>
      </c>
    </row>
    <row r="33519" spans="1:7" x14ac:dyDescent="0.3">
      <c r="A33519" s="13" t="s">
        <v>205</v>
      </c>
      <c r="B33519" s="14" t="s">
        <v>1</v>
      </c>
      <c r="C33519" s="14" t="s">
        <v>206</v>
      </c>
      <c r="D33519" s="14" t="s">
        <v>207</v>
      </c>
      <c r="E33519" s="15">
        <v>45680</v>
      </c>
      <c r="F33519" s="14" t="s">
        <v>53</v>
      </c>
      <c r="G33519" s="16">
        <v>1.2415952661163479</v>
      </c>
    </row>
    <row r="33520" spans="1:7" x14ac:dyDescent="0.3">
      <c r="A33520" s="13" t="s">
        <v>205</v>
      </c>
      <c r="B33520" s="14" t="s">
        <v>1</v>
      </c>
      <c r="C33520" s="14" t="s">
        <v>206</v>
      </c>
      <c r="D33520" s="14" t="s">
        <v>207</v>
      </c>
      <c r="E33520" s="15">
        <v>45681</v>
      </c>
      <c r="F33520" s="14" t="s">
        <v>53</v>
      </c>
      <c r="G33520" s="16">
        <v>1.2741821132900157</v>
      </c>
    </row>
    <row r="33521" spans="1:7" x14ac:dyDescent="0.3">
      <c r="A33521" s="13" t="s">
        <v>205</v>
      </c>
      <c r="B33521" s="14" t="s">
        <v>1</v>
      </c>
      <c r="C33521" s="14" t="s">
        <v>206</v>
      </c>
      <c r="D33521" s="14" t="s">
        <v>207</v>
      </c>
      <c r="E33521" s="15">
        <v>45682</v>
      </c>
      <c r="F33521" s="14" t="s">
        <v>53</v>
      </c>
      <c r="G33521" s="16">
        <v>1.2741821132900157</v>
      </c>
    </row>
    <row r="33522" spans="1:7" x14ac:dyDescent="0.3">
      <c r="A33522" s="13" t="s">
        <v>205</v>
      </c>
      <c r="B33522" s="14" t="s">
        <v>1</v>
      </c>
      <c r="C33522" s="14" t="s">
        <v>206</v>
      </c>
      <c r="D33522" s="14" t="s">
        <v>207</v>
      </c>
      <c r="E33522" s="15">
        <v>45683</v>
      </c>
      <c r="F33522" s="14" t="s">
        <v>53</v>
      </c>
      <c r="G33522" s="16">
        <v>1.2741821132900157</v>
      </c>
    </row>
    <row r="33523" spans="1:7" x14ac:dyDescent="0.3">
      <c r="A33523" s="13" t="s">
        <v>205</v>
      </c>
      <c r="B33523" s="14" t="s">
        <v>1</v>
      </c>
      <c r="C33523" s="14" t="s">
        <v>206</v>
      </c>
      <c r="D33523" s="14" t="s">
        <v>207</v>
      </c>
      <c r="E33523" s="15">
        <v>45684</v>
      </c>
      <c r="F33523" s="14" t="s">
        <v>53</v>
      </c>
      <c r="G33523" s="16">
        <v>1.2764480433949641</v>
      </c>
    </row>
    <row r="33524" spans="1:7" x14ac:dyDescent="0.3">
      <c r="A33524" s="13" t="s">
        <v>205</v>
      </c>
      <c r="B33524" s="14" t="s">
        <v>1</v>
      </c>
      <c r="C33524" s="14" t="s">
        <v>206</v>
      </c>
      <c r="D33524" s="14" t="s">
        <v>207</v>
      </c>
      <c r="E33524" s="15">
        <v>45685</v>
      </c>
      <c r="F33524" s="14" t="s">
        <v>53</v>
      </c>
      <c r="G33524" s="16">
        <v>1.2705285862786984</v>
      </c>
    </row>
    <row r="33525" spans="1:7" x14ac:dyDescent="0.3">
      <c r="A33525" s="13" t="s">
        <v>205</v>
      </c>
      <c r="B33525" s="14" t="s">
        <v>1</v>
      </c>
      <c r="C33525" s="14" t="s">
        <v>206</v>
      </c>
      <c r="D33525" s="14" t="s">
        <v>207</v>
      </c>
      <c r="E33525" s="15">
        <v>45686</v>
      </c>
      <c r="F33525" s="14" t="s">
        <v>53</v>
      </c>
      <c r="G33525" s="16">
        <v>1.2685709723769085</v>
      </c>
    </row>
    <row r="33526" spans="1:7" x14ac:dyDescent="0.3">
      <c r="A33526" s="13" t="s">
        <v>205</v>
      </c>
      <c r="B33526" s="14" t="s">
        <v>1</v>
      </c>
      <c r="C33526" s="14" t="s">
        <v>206</v>
      </c>
      <c r="D33526" s="14" t="s">
        <v>207</v>
      </c>
      <c r="E33526" s="15">
        <v>45687</v>
      </c>
      <c r="F33526" s="14" t="s">
        <v>53</v>
      </c>
      <c r="G33526" s="16">
        <v>1.2672345787680657</v>
      </c>
    </row>
    <row r="33527" spans="1:7" x14ac:dyDescent="0.3">
      <c r="A33527" s="13" t="s">
        <v>205</v>
      </c>
      <c r="B33527" s="14" t="s">
        <v>1</v>
      </c>
      <c r="C33527" s="14" t="s">
        <v>206</v>
      </c>
      <c r="D33527" s="14" t="s">
        <v>207</v>
      </c>
      <c r="E33527" s="15">
        <v>45688</v>
      </c>
      <c r="F33527" s="14" t="s">
        <v>53</v>
      </c>
      <c r="G33527" s="16">
        <v>1.2653006836039655</v>
      </c>
    </row>
    <row r="33528" spans="1:7" x14ac:dyDescent="0.3">
      <c r="A33528" s="13" t="s">
        <v>205</v>
      </c>
      <c r="B33528" s="14" t="s">
        <v>1</v>
      </c>
      <c r="C33528" s="14" t="s">
        <v>206</v>
      </c>
      <c r="D33528" s="14" t="s">
        <v>207</v>
      </c>
      <c r="E33528" s="15">
        <v>45689</v>
      </c>
      <c r="F33528" s="14" t="s">
        <v>53</v>
      </c>
      <c r="G33528" s="16">
        <v>1.2653006836039655</v>
      </c>
    </row>
    <row r="33529" spans="1:7" x14ac:dyDescent="0.3">
      <c r="A33529" s="13" t="s">
        <v>205</v>
      </c>
      <c r="B33529" s="14" t="s">
        <v>1</v>
      </c>
      <c r="C33529" s="14" t="s">
        <v>206</v>
      </c>
      <c r="D33529" s="14" t="s">
        <v>207</v>
      </c>
      <c r="E33529" s="15">
        <v>45690</v>
      </c>
      <c r="F33529" s="14" t="s">
        <v>53</v>
      </c>
      <c r="G33529" s="16">
        <v>1.2653006836039655</v>
      </c>
    </row>
    <row r="33530" spans="1:7" x14ac:dyDescent="0.3">
      <c r="A33530" s="13" t="s">
        <v>205</v>
      </c>
      <c r="B33530" s="14" t="s">
        <v>1</v>
      </c>
      <c r="C33530" s="14" t="s">
        <v>206</v>
      </c>
      <c r="D33530" s="14" t="s">
        <v>207</v>
      </c>
      <c r="E33530" s="15">
        <v>45691</v>
      </c>
      <c r="F33530" s="14" t="s">
        <v>53</v>
      </c>
      <c r="G33530" s="16">
        <v>1.2653006836039655</v>
      </c>
    </row>
    <row r="33531" spans="1:7" x14ac:dyDescent="0.3">
      <c r="A33531" s="13" t="s">
        <v>205</v>
      </c>
      <c r="B33531" s="14" t="s">
        <v>1</v>
      </c>
      <c r="C33531" s="14" t="s">
        <v>206</v>
      </c>
      <c r="D33531" s="14" t="s">
        <v>207</v>
      </c>
      <c r="E33531" s="15">
        <v>45692</v>
      </c>
      <c r="F33531" s="14" t="s">
        <v>53</v>
      </c>
      <c r="G33531" s="16">
        <v>1.273011163294318</v>
      </c>
    </row>
    <row r="33532" spans="1:7" x14ac:dyDescent="0.3">
      <c r="A33532" s="13" t="s">
        <v>205</v>
      </c>
      <c r="B33532" s="14" t="s">
        <v>1</v>
      </c>
      <c r="C33532" s="14" t="s">
        <v>206</v>
      </c>
      <c r="D33532" s="14" t="s">
        <v>207</v>
      </c>
      <c r="E33532" s="15">
        <v>45693</v>
      </c>
      <c r="F33532" s="14" t="s">
        <v>53</v>
      </c>
      <c r="G33532" s="16">
        <v>1.290496496001071</v>
      </c>
    </row>
    <row r="33533" spans="1:7" x14ac:dyDescent="0.3">
      <c r="A33533" s="13" t="s">
        <v>205</v>
      </c>
      <c r="B33533" s="14" t="s">
        <v>1</v>
      </c>
      <c r="C33533" s="14" t="s">
        <v>206</v>
      </c>
      <c r="D33533" s="14" t="s">
        <v>207</v>
      </c>
      <c r="E33533" s="15">
        <v>45694</v>
      </c>
      <c r="F33533" s="14" t="s">
        <v>53</v>
      </c>
      <c r="G33533" s="16">
        <v>1.2885144287640347</v>
      </c>
    </row>
    <row r="33534" spans="1:7" x14ac:dyDescent="0.3">
      <c r="A33534" s="13" t="s">
        <v>205</v>
      </c>
      <c r="B33534" s="14" t="s">
        <v>1</v>
      </c>
      <c r="C33534" s="14" t="s">
        <v>206</v>
      </c>
      <c r="D33534" s="14" t="s">
        <v>207</v>
      </c>
      <c r="E33534" s="15">
        <v>45695</v>
      </c>
      <c r="F33534" s="14" t="s">
        <v>53</v>
      </c>
      <c r="G33534" s="16">
        <v>1.317009284805349</v>
      </c>
    </row>
    <row r="33535" spans="1:7" x14ac:dyDescent="0.3">
      <c r="A33535" s="13" t="s">
        <v>205</v>
      </c>
      <c r="B33535" s="14" t="s">
        <v>1</v>
      </c>
      <c r="C33535" s="14" t="s">
        <v>206</v>
      </c>
      <c r="D33535" s="14" t="s">
        <v>207</v>
      </c>
      <c r="E33535" s="15">
        <v>45696</v>
      </c>
      <c r="F33535" s="14" t="s">
        <v>53</v>
      </c>
      <c r="G33535" s="16">
        <v>1.317009284805349</v>
      </c>
    </row>
    <row r="33536" spans="1:7" x14ac:dyDescent="0.3">
      <c r="A33536" s="13" t="s">
        <v>205</v>
      </c>
      <c r="B33536" s="14" t="s">
        <v>1</v>
      </c>
      <c r="C33536" s="14" t="s">
        <v>206</v>
      </c>
      <c r="D33536" s="14" t="s">
        <v>207</v>
      </c>
      <c r="E33536" s="15">
        <v>45697</v>
      </c>
      <c r="F33536" s="14" t="s">
        <v>53</v>
      </c>
      <c r="G33536" s="16">
        <v>1.317009284805349</v>
      </c>
    </row>
    <row r="33537" spans="1:7" x14ac:dyDescent="0.3">
      <c r="A33537" s="13" t="s">
        <v>205</v>
      </c>
      <c r="B33537" s="14" t="s">
        <v>1</v>
      </c>
      <c r="C33537" s="14" t="s">
        <v>206</v>
      </c>
      <c r="D33537" s="14" t="s">
        <v>207</v>
      </c>
      <c r="E33537" s="15">
        <v>45698</v>
      </c>
      <c r="F33537" s="14" t="s">
        <v>53</v>
      </c>
      <c r="G33537" s="16">
        <v>1.3149858051510039</v>
      </c>
    </row>
    <row r="33538" spans="1:7" x14ac:dyDescent="0.3">
      <c r="A33538" s="13" t="s">
        <v>205</v>
      </c>
      <c r="B33538" s="14" t="s">
        <v>1</v>
      </c>
      <c r="C33538" s="14" t="s">
        <v>206</v>
      </c>
      <c r="D33538" s="14" t="s">
        <v>207</v>
      </c>
      <c r="E33538" s="15">
        <v>45699</v>
      </c>
      <c r="F33538" s="14" t="s">
        <v>53</v>
      </c>
      <c r="G33538" s="16">
        <v>1.3126685633634247</v>
      </c>
    </row>
    <row r="33539" spans="1:7" x14ac:dyDescent="0.3">
      <c r="A33539" s="13" t="s">
        <v>205</v>
      </c>
      <c r="B33539" s="14" t="s">
        <v>1</v>
      </c>
      <c r="C33539" s="14" t="s">
        <v>206</v>
      </c>
      <c r="D33539" s="14" t="s">
        <v>207</v>
      </c>
      <c r="E33539" s="15">
        <v>45700</v>
      </c>
      <c r="F33539" s="14" t="s">
        <v>53</v>
      </c>
      <c r="G33539" s="16">
        <v>1.3106439999825366</v>
      </c>
    </row>
    <row r="33540" spans="1:7" x14ac:dyDescent="0.3">
      <c r="A33540" s="13" t="s">
        <v>205</v>
      </c>
      <c r="B33540" s="14" t="s">
        <v>1</v>
      </c>
      <c r="C33540" s="14" t="s">
        <v>206</v>
      </c>
      <c r="D33540" s="14" t="s">
        <v>207</v>
      </c>
      <c r="E33540" s="15">
        <v>45701</v>
      </c>
      <c r="F33540" s="14" t="s">
        <v>53</v>
      </c>
      <c r="G33540" s="16">
        <v>1.3086194997470191</v>
      </c>
    </row>
    <row r="33541" spans="1:7" x14ac:dyDescent="0.3">
      <c r="A33541" s="13" t="s">
        <v>205</v>
      </c>
      <c r="B33541" s="14" t="s">
        <v>1</v>
      </c>
      <c r="C33541" s="14" t="s">
        <v>206</v>
      </c>
      <c r="D33541" s="14" t="s">
        <v>207</v>
      </c>
      <c r="E33541" s="15">
        <v>45702</v>
      </c>
      <c r="F33541" s="14" t="s">
        <v>53</v>
      </c>
      <c r="G33541" s="16">
        <v>1.3065241943795176</v>
      </c>
    </row>
    <row r="33542" spans="1:7" x14ac:dyDescent="0.3">
      <c r="A33542" s="13" t="s">
        <v>205</v>
      </c>
      <c r="B33542" s="14" t="s">
        <v>1</v>
      </c>
      <c r="C33542" s="14" t="s">
        <v>206</v>
      </c>
      <c r="D33542" s="14" t="s">
        <v>207</v>
      </c>
      <c r="E33542" s="15">
        <v>45703</v>
      </c>
      <c r="F33542" s="14" t="s">
        <v>53</v>
      </c>
      <c r="G33542" s="16">
        <v>1.3065241943795176</v>
      </c>
    </row>
    <row r="33543" spans="1:7" x14ac:dyDescent="0.3">
      <c r="A33543" s="13" t="s">
        <v>205</v>
      </c>
      <c r="B33543" s="14" t="s">
        <v>1</v>
      </c>
      <c r="C33543" s="14" t="s">
        <v>206</v>
      </c>
      <c r="D33543" s="14" t="s">
        <v>207</v>
      </c>
      <c r="E33543" s="15">
        <v>45704</v>
      </c>
      <c r="F33543" s="14" t="s">
        <v>53</v>
      </c>
      <c r="G33543" s="16">
        <v>1.3065241943795176</v>
      </c>
    </row>
    <row r="33544" spans="1:7" x14ac:dyDescent="0.3">
      <c r="A33544" s="13" t="s">
        <v>205</v>
      </c>
      <c r="B33544" s="14" t="s">
        <v>1</v>
      </c>
      <c r="C33544" s="14" t="s">
        <v>206</v>
      </c>
      <c r="D33544" s="14" t="s">
        <v>207</v>
      </c>
      <c r="E33544" s="15">
        <v>45705</v>
      </c>
      <c r="F33544" s="14" t="s">
        <v>53</v>
      </c>
      <c r="G33544" s="16">
        <v>1.3100099438050248</v>
      </c>
    </row>
    <row r="33545" spans="1:7" x14ac:dyDescent="0.3">
      <c r="A33545" s="13" t="s">
        <v>205</v>
      </c>
      <c r="B33545" s="14" t="s">
        <v>1</v>
      </c>
      <c r="C33545" s="14" t="s">
        <v>206</v>
      </c>
      <c r="D33545" s="14" t="s">
        <v>207</v>
      </c>
      <c r="E33545" s="15">
        <v>45706</v>
      </c>
      <c r="F33545" s="14" t="s">
        <v>53</v>
      </c>
      <c r="G33545" s="16">
        <v>1.3039617993350843</v>
      </c>
    </row>
    <row r="33546" spans="1:7" x14ac:dyDescent="0.3">
      <c r="A33546" s="13" t="s">
        <v>205</v>
      </c>
      <c r="B33546" s="14" t="s">
        <v>1</v>
      </c>
      <c r="C33546" s="14" t="s">
        <v>206</v>
      </c>
      <c r="D33546" s="14" t="s">
        <v>207</v>
      </c>
      <c r="E33546" s="15">
        <v>45707</v>
      </c>
      <c r="F33546" s="14" t="s">
        <v>53</v>
      </c>
      <c r="G33546" s="16">
        <v>1.312050633128711</v>
      </c>
    </row>
    <row r="33547" spans="1:7" x14ac:dyDescent="0.3">
      <c r="A33547" s="13" t="s">
        <v>205</v>
      </c>
      <c r="B33547" s="14" t="s">
        <v>1</v>
      </c>
      <c r="C33547" s="14" t="s">
        <v>206</v>
      </c>
      <c r="D33547" s="14" t="s">
        <v>207</v>
      </c>
      <c r="E33547" s="15">
        <v>45708</v>
      </c>
      <c r="F33547" s="14" t="s">
        <v>53</v>
      </c>
      <c r="G33547" s="16">
        <v>1.310963091589797</v>
      </c>
    </row>
    <row r="33548" spans="1:7" x14ac:dyDescent="0.3">
      <c r="A33548" s="13" t="s">
        <v>205</v>
      </c>
      <c r="B33548" s="14" t="s">
        <v>1</v>
      </c>
      <c r="C33548" s="14" t="s">
        <v>206</v>
      </c>
      <c r="D33548" s="14" t="s">
        <v>207</v>
      </c>
      <c r="E33548" s="15">
        <v>45709</v>
      </c>
      <c r="F33548" s="14" t="s">
        <v>53</v>
      </c>
      <c r="G33548" s="16">
        <v>1.3128879671214451</v>
      </c>
    </row>
    <row r="33549" spans="1:7" x14ac:dyDescent="0.3">
      <c r="A33549" s="13" t="s">
        <v>205</v>
      </c>
      <c r="B33549" s="14" t="s">
        <v>1</v>
      </c>
      <c r="C33549" s="14" t="s">
        <v>206</v>
      </c>
      <c r="D33549" s="14" t="s">
        <v>207</v>
      </c>
      <c r="E33549" s="15">
        <v>45710</v>
      </c>
      <c r="F33549" s="14" t="s">
        <v>53</v>
      </c>
      <c r="G33549" s="16">
        <v>1.3128879671214451</v>
      </c>
    </row>
    <row r="33550" spans="1:7" x14ac:dyDescent="0.3">
      <c r="A33550" s="13" t="s">
        <v>205</v>
      </c>
      <c r="B33550" s="14" t="s">
        <v>1</v>
      </c>
      <c r="C33550" s="14" t="s">
        <v>206</v>
      </c>
      <c r="D33550" s="14" t="s">
        <v>207</v>
      </c>
      <c r="E33550" s="15">
        <v>45711</v>
      </c>
      <c r="F33550" s="14" t="s">
        <v>53</v>
      </c>
      <c r="G33550" s="16">
        <v>1.3128879671214451</v>
      </c>
    </row>
    <row r="33551" spans="1:7" x14ac:dyDescent="0.3">
      <c r="A33551" s="13" t="s">
        <v>205</v>
      </c>
      <c r="B33551" s="14" t="s">
        <v>1</v>
      </c>
      <c r="C33551" s="14" t="s">
        <v>206</v>
      </c>
      <c r="D33551" s="14" t="s">
        <v>207</v>
      </c>
      <c r="E33551" s="15">
        <v>45712</v>
      </c>
      <c r="F33551" s="14" t="s">
        <v>53</v>
      </c>
      <c r="G33551" s="16">
        <v>1.310881215627701</v>
      </c>
    </row>
    <row r="33552" spans="1:7" x14ac:dyDescent="0.3">
      <c r="A33552" s="13" t="s">
        <v>205</v>
      </c>
      <c r="B33552" s="14" t="s">
        <v>1</v>
      </c>
      <c r="C33552" s="14" t="s">
        <v>206</v>
      </c>
      <c r="D33552" s="14" t="s">
        <v>207</v>
      </c>
      <c r="E33552" s="15">
        <v>45713</v>
      </c>
      <c r="F33552" s="14" t="s">
        <v>53</v>
      </c>
      <c r="G33552" s="16">
        <v>1.3049007753941435</v>
      </c>
    </row>
    <row r="33553" spans="1:7" x14ac:dyDescent="0.3">
      <c r="A33553" s="13" t="s">
        <v>205</v>
      </c>
      <c r="B33553" s="14" t="s">
        <v>1</v>
      </c>
      <c r="C33553" s="14" t="s">
        <v>206</v>
      </c>
      <c r="D33553" s="14" t="s">
        <v>207</v>
      </c>
      <c r="E33553" s="15">
        <v>45714</v>
      </c>
      <c r="F33553" s="14" t="s">
        <v>53</v>
      </c>
      <c r="G33553" s="16">
        <v>1.3029143514481893</v>
      </c>
    </row>
    <row r="33554" spans="1:7" x14ac:dyDescent="0.3">
      <c r="A33554" s="13" t="s">
        <v>205</v>
      </c>
      <c r="B33554" s="14" t="s">
        <v>1</v>
      </c>
      <c r="C33554" s="14" t="s">
        <v>206</v>
      </c>
      <c r="D33554" s="14" t="s">
        <v>207</v>
      </c>
      <c r="E33554" s="15">
        <v>45715</v>
      </c>
      <c r="F33554" s="14" t="s">
        <v>53</v>
      </c>
      <c r="G33554" s="16">
        <v>1.303255247005894</v>
      </c>
    </row>
    <row r="33555" spans="1:7" x14ac:dyDescent="0.3">
      <c r="A33555" s="13" t="s">
        <v>205</v>
      </c>
      <c r="B33555" s="14" t="s">
        <v>1</v>
      </c>
      <c r="C33555" s="14" t="s">
        <v>206</v>
      </c>
      <c r="D33555" s="14" t="s">
        <v>207</v>
      </c>
      <c r="E33555" s="15">
        <v>45716</v>
      </c>
      <c r="F33555" s="14" t="s">
        <v>53</v>
      </c>
      <c r="G33555" s="16">
        <v>1.3022536997561727</v>
      </c>
    </row>
    <row r="33556" spans="1:7" x14ac:dyDescent="0.3">
      <c r="A33556" s="13" t="s">
        <v>205</v>
      </c>
      <c r="B33556" s="14" t="s">
        <v>1</v>
      </c>
      <c r="C33556" s="14" t="s">
        <v>206</v>
      </c>
      <c r="D33556" s="14" t="s">
        <v>207</v>
      </c>
      <c r="E33556" s="15">
        <v>45717</v>
      </c>
      <c r="F33556" s="14" t="s">
        <v>53</v>
      </c>
      <c r="G33556" s="16">
        <v>1.3022536997561727</v>
      </c>
    </row>
    <row r="33557" spans="1:7" x14ac:dyDescent="0.3">
      <c r="A33557" s="13" t="s">
        <v>205</v>
      </c>
      <c r="B33557" s="14" t="s">
        <v>1</v>
      </c>
      <c r="C33557" s="14" t="s">
        <v>206</v>
      </c>
      <c r="D33557" s="14" t="s">
        <v>207</v>
      </c>
      <c r="E33557" s="15">
        <v>45718</v>
      </c>
      <c r="F33557" s="14" t="s">
        <v>53</v>
      </c>
      <c r="G33557" s="16">
        <v>1.3022536997561727</v>
      </c>
    </row>
    <row r="33558" spans="1:7" x14ac:dyDescent="0.3">
      <c r="A33558" s="13" t="s">
        <v>205</v>
      </c>
      <c r="B33558" s="14" t="s">
        <v>1</v>
      </c>
      <c r="C33558" s="14" t="s">
        <v>206</v>
      </c>
      <c r="D33558" s="14" t="s">
        <v>207</v>
      </c>
      <c r="E33558" s="15">
        <v>45719</v>
      </c>
      <c r="F33558" s="14" t="s">
        <v>53</v>
      </c>
      <c r="G33558" s="16">
        <v>1.3035172203037682</v>
      </c>
    </row>
    <row r="33559" spans="1:7" x14ac:dyDescent="0.3">
      <c r="A33559" s="13" t="s">
        <v>205</v>
      </c>
      <c r="B33559" s="14" t="s">
        <v>1</v>
      </c>
      <c r="C33559" s="14" t="s">
        <v>206</v>
      </c>
      <c r="D33559" s="14" t="s">
        <v>207</v>
      </c>
      <c r="E33559" s="15">
        <v>45720</v>
      </c>
      <c r="F33559" s="14" t="s">
        <v>53</v>
      </c>
      <c r="G33559" s="16">
        <v>1.337306100853084</v>
      </c>
    </row>
    <row r="33560" spans="1:7" x14ac:dyDescent="0.3">
      <c r="A33560" s="13" t="s">
        <v>205</v>
      </c>
      <c r="B33560" s="14" t="s">
        <v>1</v>
      </c>
      <c r="C33560" s="14" t="s">
        <v>206</v>
      </c>
      <c r="D33560" s="14" t="s">
        <v>207</v>
      </c>
      <c r="E33560" s="15">
        <v>45721</v>
      </c>
      <c r="F33560" s="14" t="s">
        <v>53</v>
      </c>
      <c r="G33560" s="16">
        <v>1.3440904735229333</v>
      </c>
    </row>
    <row r="33561" spans="1:7" x14ac:dyDescent="0.3">
      <c r="A33561" s="13" t="s">
        <v>205</v>
      </c>
      <c r="B33561" s="14" t="s">
        <v>1</v>
      </c>
      <c r="C33561" s="14" t="s">
        <v>206</v>
      </c>
      <c r="D33561" s="14" t="s">
        <v>207</v>
      </c>
      <c r="E33561" s="15">
        <v>45722</v>
      </c>
      <c r="F33561" s="14" t="s">
        <v>53</v>
      </c>
      <c r="G33561" s="16">
        <v>1.3422432198392826</v>
      </c>
    </row>
    <row r="33562" spans="1:7" x14ac:dyDescent="0.3">
      <c r="A33562" s="13" t="s">
        <v>205</v>
      </c>
      <c r="B33562" s="14" t="s">
        <v>1</v>
      </c>
      <c r="C33562" s="14" t="s">
        <v>206</v>
      </c>
      <c r="D33562" s="14" t="s">
        <v>207</v>
      </c>
      <c r="E33562" s="15">
        <v>45723</v>
      </c>
      <c r="F33562" s="14" t="s">
        <v>53</v>
      </c>
      <c r="G33562" s="16">
        <v>1.3403956147827409</v>
      </c>
    </row>
    <row r="33563" spans="1:7" x14ac:dyDescent="0.3">
      <c r="A33563" s="13" t="s">
        <v>205</v>
      </c>
      <c r="B33563" s="14" t="s">
        <v>1</v>
      </c>
      <c r="C33563" s="14" t="s">
        <v>206</v>
      </c>
      <c r="D33563" s="14" t="s">
        <v>207</v>
      </c>
      <c r="E33563" s="15">
        <v>45724</v>
      </c>
      <c r="F33563" s="14" t="s">
        <v>53</v>
      </c>
      <c r="G33563" s="16">
        <v>1.3403956147827409</v>
      </c>
    </row>
    <row r="33564" spans="1:7" x14ac:dyDescent="0.3">
      <c r="A33564" s="13" t="s">
        <v>205</v>
      </c>
      <c r="B33564" s="14" t="s">
        <v>1</v>
      </c>
      <c r="C33564" s="14" t="s">
        <v>206</v>
      </c>
      <c r="D33564" s="14" t="s">
        <v>207</v>
      </c>
      <c r="E33564" s="15">
        <v>45725</v>
      </c>
      <c r="F33564" s="14" t="s">
        <v>53</v>
      </c>
      <c r="G33564" s="16">
        <v>1.3403956147827409</v>
      </c>
    </row>
    <row r="33565" spans="1:7" x14ac:dyDescent="0.3">
      <c r="A33565" s="13" t="s">
        <v>205</v>
      </c>
      <c r="B33565" s="14" t="s">
        <v>1</v>
      </c>
      <c r="C33565" s="14" t="s">
        <v>206</v>
      </c>
      <c r="D33565" s="14" t="s">
        <v>207</v>
      </c>
      <c r="E33565" s="15">
        <v>45726</v>
      </c>
      <c r="F33565" s="14" t="s">
        <v>53</v>
      </c>
      <c r="G33565" s="16">
        <v>1.3800622024237259</v>
      </c>
    </row>
    <row r="33566" spans="1:7" x14ac:dyDescent="0.3">
      <c r="A33566" s="13" t="s">
        <v>205</v>
      </c>
      <c r="B33566" s="14" t="s">
        <v>1</v>
      </c>
      <c r="C33566" s="14" t="s">
        <v>206</v>
      </c>
      <c r="D33566" s="14" t="s">
        <v>207</v>
      </c>
      <c r="E33566" s="15">
        <v>45727</v>
      </c>
      <c r="F33566" s="14" t="s">
        <v>53</v>
      </c>
      <c r="G33566" s="16">
        <v>1.3795834691049371</v>
      </c>
    </row>
    <row r="33567" spans="1:7" x14ac:dyDescent="0.3">
      <c r="A33567" s="13" t="s">
        <v>205</v>
      </c>
      <c r="B33567" s="14" t="s">
        <v>1</v>
      </c>
      <c r="C33567" s="14" t="s">
        <v>206</v>
      </c>
      <c r="D33567" s="14" t="s">
        <v>207</v>
      </c>
      <c r="E33567" s="15">
        <v>45728</v>
      </c>
      <c r="F33567" s="14" t="s">
        <v>53</v>
      </c>
      <c r="G33567" s="16">
        <v>1.3777687175117042</v>
      </c>
    </row>
    <row r="33568" spans="1:7" x14ac:dyDescent="0.3">
      <c r="A33568" s="13" t="s">
        <v>205</v>
      </c>
      <c r="B33568" s="14" t="s">
        <v>1</v>
      </c>
      <c r="C33568" s="14" t="s">
        <v>206</v>
      </c>
      <c r="D33568" s="14" t="s">
        <v>207</v>
      </c>
      <c r="E33568" s="15">
        <v>45729</v>
      </c>
      <c r="F33568" s="14" t="s">
        <v>53</v>
      </c>
      <c r="G33568" s="16">
        <v>1.3761373185135837</v>
      </c>
    </row>
    <row r="33569" spans="1:7" x14ac:dyDescent="0.3">
      <c r="A33569" s="13" t="s">
        <v>205</v>
      </c>
      <c r="B33569" s="14" t="s">
        <v>1</v>
      </c>
      <c r="C33569" s="14" t="s">
        <v>206</v>
      </c>
      <c r="D33569" s="14" t="s">
        <v>207</v>
      </c>
      <c r="E33569" s="15">
        <v>45730</v>
      </c>
      <c r="F33569" s="14" t="s">
        <v>53</v>
      </c>
      <c r="G33569" s="16">
        <v>1.4621608510898538</v>
      </c>
    </row>
    <row r="33570" spans="1:7" x14ac:dyDescent="0.3">
      <c r="A33570" s="13" t="s">
        <v>205</v>
      </c>
      <c r="B33570" s="14" t="s">
        <v>1</v>
      </c>
      <c r="C33570" s="14" t="s">
        <v>206</v>
      </c>
      <c r="D33570" s="14" t="s">
        <v>207</v>
      </c>
      <c r="E33570" s="15">
        <v>45731</v>
      </c>
      <c r="F33570" s="14" t="s">
        <v>53</v>
      </c>
      <c r="G33570" s="16">
        <v>1.4621608510898538</v>
      </c>
    </row>
    <row r="33571" spans="1:7" x14ac:dyDescent="0.3">
      <c r="A33571" s="13" t="s">
        <v>205</v>
      </c>
      <c r="B33571" s="14" t="s">
        <v>1</v>
      </c>
      <c r="C33571" s="14" t="s">
        <v>206</v>
      </c>
      <c r="D33571" s="14" t="s">
        <v>207</v>
      </c>
      <c r="E33571" s="15">
        <v>45732</v>
      </c>
      <c r="F33571" s="14" t="s">
        <v>53</v>
      </c>
      <c r="G33571" s="16">
        <v>1.4621608510898538</v>
      </c>
    </row>
    <row r="33572" spans="1:7" x14ac:dyDescent="0.3">
      <c r="A33572" s="13" t="s">
        <v>205</v>
      </c>
      <c r="B33572" s="14" t="s">
        <v>1</v>
      </c>
      <c r="C33572" s="14" t="s">
        <v>206</v>
      </c>
      <c r="D33572" s="14" t="s">
        <v>207</v>
      </c>
      <c r="E33572" s="15">
        <v>45733</v>
      </c>
      <c r="F33572" s="14" t="s">
        <v>53</v>
      </c>
      <c r="G33572" s="16">
        <v>1.4621608510898538</v>
      </c>
    </row>
    <row r="33573" spans="1:7" x14ac:dyDescent="0.3">
      <c r="A33573" s="13" t="s">
        <v>205</v>
      </c>
      <c r="B33573" s="14" t="s">
        <v>1</v>
      </c>
      <c r="C33573" s="14" t="s">
        <v>206</v>
      </c>
      <c r="D33573" s="14" t="s">
        <v>207</v>
      </c>
      <c r="E33573" s="15">
        <v>45734</v>
      </c>
      <c r="F33573" s="14" t="s">
        <v>53</v>
      </c>
      <c r="G33573" s="16">
        <v>1.4625867941252655</v>
      </c>
    </row>
    <row r="33574" spans="1:7" x14ac:dyDescent="0.3">
      <c r="A33574" s="13" t="s">
        <v>205</v>
      </c>
      <c r="B33574" s="14" t="s">
        <v>1</v>
      </c>
      <c r="C33574" s="14" t="s">
        <v>206</v>
      </c>
      <c r="D33574" s="14" t="s">
        <v>207</v>
      </c>
      <c r="E33574" s="15">
        <v>45735</v>
      </c>
      <c r="F33574" s="14" t="s">
        <v>53</v>
      </c>
      <c r="G33574" s="16">
        <v>1.4552329252344622</v>
      </c>
    </row>
    <row r="33575" spans="1:7" x14ac:dyDescent="0.3">
      <c r="A33575" s="13" t="s">
        <v>205</v>
      </c>
      <c r="B33575" s="14" t="s">
        <v>1</v>
      </c>
      <c r="C33575" s="14" t="s">
        <v>206</v>
      </c>
      <c r="D33575" s="14" t="s">
        <v>207</v>
      </c>
      <c r="E33575" s="15">
        <v>45736</v>
      </c>
      <c r="F33575" s="14" t="s">
        <v>53</v>
      </c>
      <c r="G33575" s="16">
        <v>1.4533944540523438</v>
      </c>
    </row>
    <row r="33576" spans="1:7" x14ac:dyDescent="0.3">
      <c r="A33576" s="13" t="s">
        <v>205</v>
      </c>
      <c r="B33576" s="14" t="s">
        <v>1</v>
      </c>
      <c r="C33576" s="14" t="s">
        <v>206</v>
      </c>
      <c r="D33576" s="14" t="s">
        <v>207</v>
      </c>
      <c r="E33576" s="15">
        <v>45737</v>
      </c>
      <c r="F33576" s="14" t="s">
        <v>53</v>
      </c>
      <c r="G33576" s="16">
        <v>1.4544500791526633</v>
      </c>
    </row>
    <row r="33577" spans="1:7" x14ac:dyDescent="0.3">
      <c r="A33577" s="13" t="s">
        <v>205</v>
      </c>
      <c r="B33577" s="14" t="s">
        <v>1</v>
      </c>
      <c r="C33577" s="14" t="s">
        <v>206</v>
      </c>
      <c r="D33577" s="14" t="s">
        <v>207</v>
      </c>
      <c r="E33577" s="15">
        <v>45738</v>
      </c>
      <c r="F33577" s="14" t="s">
        <v>53</v>
      </c>
      <c r="G33577" s="16">
        <v>1.4544500791526633</v>
      </c>
    </row>
    <row r="33578" spans="1:7" x14ac:dyDescent="0.3">
      <c r="A33578" s="13" t="s">
        <v>205</v>
      </c>
      <c r="B33578" s="14" t="s">
        <v>1</v>
      </c>
      <c r="C33578" s="14" t="s">
        <v>206</v>
      </c>
      <c r="D33578" s="14" t="s">
        <v>207</v>
      </c>
      <c r="E33578" s="15">
        <v>45739</v>
      </c>
      <c r="F33578" s="14" t="s">
        <v>53</v>
      </c>
      <c r="G33578" s="16">
        <v>1.4544500791526633</v>
      </c>
    </row>
    <row r="33579" spans="1:7" x14ac:dyDescent="0.3">
      <c r="A33579" s="13" t="s">
        <v>205</v>
      </c>
      <c r="B33579" s="14" t="s">
        <v>1</v>
      </c>
      <c r="C33579" s="14" t="s">
        <v>206</v>
      </c>
      <c r="D33579" s="14" t="s">
        <v>207</v>
      </c>
      <c r="E33579" s="15">
        <v>45740</v>
      </c>
      <c r="F33579" s="14" t="s">
        <v>53</v>
      </c>
      <c r="G33579" s="16">
        <v>1.4553576295116204</v>
      </c>
    </row>
    <row r="33580" spans="1:7" x14ac:dyDescent="0.3">
      <c r="A33580" s="13" t="s">
        <v>205</v>
      </c>
      <c r="B33580" s="14" t="s">
        <v>1</v>
      </c>
      <c r="C33580" s="14" t="s">
        <v>206</v>
      </c>
      <c r="D33580" s="14" t="s">
        <v>207</v>
      </c>
      <c r="E33580" s="15">
        <v>45741</v>
      </c>
      <c r="F33580" s="14" t="s">
        <v>53</v>
      </c>
      <c r="G33580" s="16">
        <v>1.4497992833893816</v>
      </c>
    </row>
    <row r="33581" spans="1:7" x14ac:dyDescent="0.3">
      <c r="A33581" s="13" t="s">
        <v>205</v>
      </c>
      <c r="B33581" s="14" t="s">
        <v>1</v>
      </c>
      <c r="C33581" s="14" t="s">
        <v>206</v>
      </c>
      <c r="D33581" s="14" t="s">
        <v>207</v>
      </c>
      <c r="E33581" s="15">
        <v>45742</v>
      </c>
      <c r="F33581" s="14" t="s">
        <v>53</v>
      </c>
      <c r="G33581" s="16">
        <v>1.4576072384653578</v>
      </c>
    </row>
    <row r="33582" spans="1:7" x14ac:dyDescent="0.3">
      <c r="A33582" s="13" t="s">
        <v>205</v>
      </c>
      <c r="B33582" s="14" t="s">
        <v>1</v>
      </c>
      <c r="C33582" s="14" t="s">
        <v>206</v>
      </c>
      <c r="D33582" s="14" t="s">
        <v>207</v>
      </c>
      <c r="E33582" s="15">
        <v>45743</v>
      </c>
      <c r="F33582" s="14" t="s">
        <v>53</v>
      </c>
      <c r="G33582" s="16">
        <v>1.4621081061136942</v>
      </c>
    </row>
    <row r="33583" spans="1:7" x14ac:dyDescent="0.3">
      <c r="A33583" s="13" t="s">
        <v>205</v>
      </c>
      <c r="B33583" s="14" t="s">
        <v>1</v>
      </c>
      <c r="C33583" s="14" t="s">
        <v>206</v>
      </c>
      <c r="D33583" s="14" t="s">
        <v>207</v>
      </c>
      <c r="E33583" s="15">
        <v>45744</v>
      </c>
      <c r="F33583" s="14" t="s">
        <v>53</v>
      </c>
      <c r="G33583" s="16">
        <v>1.4624334729520641</v>
      </c>
    </row>
    <row r="33584" spans="1:7" x14ac:dyDescent="0.3">
      <c r="A33584" s="13" t="s">
        <v>205</v>
      </c>
      <c r="B33584" s="14" t="s">
        <v>1</v>
      </c>
      <c r="C33584" s="14" t="s">
        <v>206</v>
      </c>
      <c r="D33584" s="14" t="s">
        <v>207</v>
      </c>
      <c r="E33584" s="15">
        <v>45745</v>
      </c>
      <c r="F33584" s="14" t="s">
        <v>53</v>
      </c>
      <c r="G33584" s="16">
        <v>1.4624334729520641</v>
      </c>
    </row>
    <row r="33585" spans="1:7" x14ac:dyDescent="0.3">
      <c r="A33585" s="13" t="s">
        <v>205</v>
      </c>
      <c r="B33585" s="14" t="s">
        <v>1</v>
      </c>
      <c r="C33585" s="14" t="s">
        <v>206</v>
      </c>
      <c r="D33585" s="14" t="s">
        <v>207</v>
      </c>
      <c r="E33585" s="15">
        <v>45746</v>
      </c>
      <c r="F33585" s="14" t="s">
        <v>53</v>
      </c>
      <c r="G33585" s="16">
        <v>1.4624334729520641</v>
      </c>
    </row>
    <row r="33586" spans="1:7" x14ac:dyDescent="0.3">
      <c r="A33586" s="13" t="s">
        <v>205</v>
      </c>
      <c r="B33586" s="14" t="s">
        <v>1</v>
      </c>
      <c r="C33586" s="14" t="s">
        <v>206</v>
      </c>
      <c r="D33586" s="14" t="s">
        <v>207</v>
      </c>
      <c r="E33586" s="15">
        <v>45747</v>
      </c>
      <c r="F33586" s="14" t="s">
        <v>53</v>
      </c>
      <c r="G33586" s="16">
        <v>1.4612687242233511</v>
      </c>
    </row>
    <row r="33587" spans="1:7" x14ac:dyDescent="0.3">
      <c r="A33587" s="13" t="s">
        <v>208</v>
      </c>
      <c r="B33587" s="14" t="s">
        <v>1</v>
      </c>
      <c r="C33587" s="14" t="s">
        <v>47</v>
      </c>
      <c r="D33587" s="14" t="s">
        <v>209</v>
      </c>
      <c r="E33587" s="15">
        <v>45383</v>
      </c>
      <c r="F33587" s="14" t="s">
        <v>61</v>
      </c>
      <c r="G33587" s="16">
        <v>0</v>
      </c>
    </row>
    <row r="33588" spans="1:7" x14ac:dyDescent="0.3">
      <c r="A33588" s="13" t="s">
        <v>208</v>
      </c>
      <c r="B33588" s="14" t="s">
        <v>1</v>
      </c>
      <c r="C33588" s="14" t="s">
        <v>47</v>
      </c>
      <c r="D33588" s="14" t="s">
        <v>209</v>
      </c>
      <c r="E33588" s="15">
        <v>45384</v>
      </c>
      <c r="F33588" s="14" t="s">
        <v>61</v>
      </c>
      <c r="G33588" s="16">
        <v>0</v>
      </c>
    </row>
    <row r="33589" spans="1:7" x14ac:dyDescent="0.3">
      <c r="A33589" s="13" t="s">
        <v>208</v>
      </c>
      <c r="B33589" s="14" t="s">
        <v>1</v>
      </c>
      <c r="C33589" s="14" t="s">
        <v>47</v>
      </c>
      <c r="D33589" s="14" t="s">
        <v>209</v>
      </c>
      <c r="E33589" s="15">
        <v>45385</v>
      </c>
      <c r="F33589" s="14" t="s">
        <v>61</v>
      </c>
      <c r="G33589" s="16">
        <v>0</v>
      </c>
    </row>
    <row r="33590" spans="1:7" x14ac:dyDescent="0.3">
      <c r="A33590" s="13" t="s">
        <v>208</v>
      </c>
      <c r="B33590" s="14" t="s">
        <v>1</v>
      </c>
      <c r="C33590" s="14" t="s">
        <v>47</v>
      </c>
      <c r="D33590" s="14" t="s">
        <v>209</v>
      </c>
      <c r="E33590" s="15">
        <v>45386</v>
      </c>
      <c r="F33590" s="14" t="s">
        <v>61</v>
      </c>
      <c r="G33590" s="16">
        <v>0</v>
      </c>
    </row>
    <row r="33591" spans="1:7" x14ac:dyDescent="0.3">
      <c r="A33591" s="13" t="s">
        <v>208</v>
      </c>
      <c r="B33591" s="14" t="s">
        <v>1</v>
      </c>
      <c r="C33591" s="14" t="s">
        <v>47</v>
      </c>
      <c r="D33591" s="14" t="s">
        <v>209</v>
      </c>
      <c r="E33591" s="15">
        <v>45387</v>
      </c>
      <c r="F33591" s="14" t="s">
        <v>61</v>
      </c>
      <c r="G33591" s="16">
        <v>0</v>
      </c>
    </row>
    <row r="33592" spans="1:7" x14ac:dyDescent="0.3">
      <c r="A33592" s="13" t="s">
        <v>208</v>
      </c>
      <c r="B33592" s="14" t="s">
        <v>1</v>
      </c>
      <c r="C33592" s="14" t="s">
        <v>47</v>
      </c>
      <c r="D33592" s="14" t="s">
        <v>209</v>
      </c>
      <c r="E33592" s="15">
        <v>45388</v>
      </c>
      <c r="F33592" s="14" t="s">
        <v>61</v>
      </c>
      <c r="G33592" s="16">
        <v>0</v>
      </c>
    </row>
    <row r="33593" spans="1:7" x14ac:dyDescent="0.3">
      <c r="A33593" s="13" t="s">
        <v>208</v>
      </c>
      <c r="B33593" s="14" t="s">
        <v>1</v>
      </c>
      <c r="C33593" s="14" t="s">
        <v>47</v>
      </c>
      <c r="D33593" s="14" t="s">
        <v>209</v>
      </c>
      <c r="E33593" s="15">
        <v>45389</v>
      </c>
      <c r="F33593" s="14" t="s">
        <v>61</v>
      </c>
      <c r="G33593" s="16">
        <v>0</v>
      </c>
    </row>
    <row r="33594" spans="1:7" x14ac:dyDescent="0.3">
      <c r="A33594" s="13" t="s">
        <v>208</v>
      </c>
      <c r="B33594" s="14" t="s">
        <v>1</v>
      </c>
      <c r="C33594" s="14" t="s">
        <v>47</v>
      </c>
      <c r="D33594" s="14" t="s">
        <v>209</v>
      </c>
      <c r="E33594" s="15">
        <v>45390</v>
      </c>
      <c r="F33594" s="14" t="s">
        <v>61</v>
      </c>
      <c r="G33594" s="16">
        <v>0</v>
      </c>
    </row>
    <row r="33595" spans="1:7" x14ac:dyDescent="0.3">
      <c r="A33595" s="13" t="s">
        <v>208</v>
      </c>
      <c r="B33595" s="14" t="s">
        <v>1</v>
      </c>
      <c r="C33595" s="14" t="s">
        <v>47</v>
      </c>
      <c r="D33595" s="14" t="s">
        <v>209</v>
      </c>
      <c r="E33595" s="15">
        <v>45391</v>
      </c>
      <c r="F33595" s="14" t="s">
        <v>61</v>
      </c>
      <c r="G33595" s="16">
        <v>0</v>
      </c>
    </row>
    <row r="33596" spans="1:7" x14ac:dyDescent="0.3">
      <c r="A33596" s="13" t="s">
        <v>208</v>
      </c>
      <c r="B33596" s="14" t="s">
        <v>1</v>
      </c>
      <c r="C33596" s="14" t="s">
        <v>47</v>
      </c>
      <c r="D33596" s="14" t="s">
        <v>209</v>
      </c>
      <c r="E33596" s="15">
        <v>45392</v>
      </c>
      <c r="F33596" s="14" t="s">
        <v>61</v>
      </c>
      <c r="G33596" s="16">
        <v>0</v>
      </c>
    </row>
    <row r="33597" spans="1:7" x14ac:dyDescent="0.3">
      <c r="A33597" s="13" t="s">
        <v>208</v>
      </c>
      <c r="B33597" s="14" t="s">
        <v>1</v>
      </c>
      <c r="C33597" s="14" t="s">
        <v>47</v>
      </c>
      <c r="D33597" s="14" t="s">
        <v>209</v>
      </c>
      <c r="E33597" s="15">
        <v>45393</v>
      </c>
      <c r="F33597" s="14" t="s">
        <v>61</v>
      </c>
      <c r="G33597" s="16">
        <v>0</v>
      </c>
    </row>
    <row r="33598" spans="1:7" x14ac:dyDescent="0.3">
      <c r="A33598" s="13" t="s">
        <v>208</v>
      </c>
      <c r="B33598" s="14" t="s">
        <v>1</v>
      </c>
      <c r="C33598" s="14" t="s">
        <v>47</v>
      </c>
      <c r="D33598" s="14" t="s">
        <v>209</v>
      </c>
      <c r="E33598" s="15">
        <v>45394</v>
      </c>
      <c r="F33598" s="14" t="s">
        <v>61</v>
      </c>
      <c r="G33598" s="16">
        <v>0</v>
      </c>
    </row>
    <row r="33599" spans="1:7" x14ac:dyDescent="0.3">
      <c r="A33599" s="13" t="s">
        <v>208</v>
      </c>
      <c r="B33599" s="14" t="s">
        <v>1</v>
      </c>
      <c r="C33599" s="14" t="s">
        <v>47</v>
      </c>
      <c r="D33599" s="14" t="s">
        <v>209</v>
      </c>
      <c r="E33599" s="15">
        <v>45395</v>
      </c>
      <c r="F33599" s="14" t="s">
        <v>61</v>
      </c>
      <c r="G33599" s="16">
        <v>0</v>
      </c>
    </row>
    <row r="33600" spans="1:7" x14ac:dyDescent="0.3">
      <c r="A33600" s="13" t="s">
        <v>208</v>
      </c>
      <c r="B33600" s="14" t="s">
        <v>1</v>
      </c>
      <c r="C33600" s="14" t="s">
        <v>47</v>
      </c>
      <c r="D33600" s="14" t="s">
        <v>209</v>
      </c>
      <c r="E33600" s="15">
        <v>45396</v>
      </c>
      <c r="F33600" s="14" t="s">
        <v>61</v>
      </c>
      <c r="G33600" s="16">
        <v>0</v>
      </c>
    </row>
    <row r="33601" spans="1:7" x14ac:dyDescent="0.3">
      <c r="A33601" s="13" t="s">
        <v>208</v>
      </c>
      <c r="B33601" s="14" t="s">
        <v>1</v>
      </c>
      <c r="C33601" s="14" t="s">
        <v>47</v>
      </c>
      <c r="D33601" s="14" t="s">
        <v>209</v>
      </c>
      <c r="E33601" s="15">
        <v>45397</v>
      </c>
      <c r="F33601" s="14" t="s">
        <v>61</v>
      </c>
      <c r="G33601" s="16">
        <v>0</v>
      </c>
    </row>
    <row r="33602" spans="1:7" x14ac:dyDescent="0.3">
      <c r="A33602" s="13" t="s">
        <v>208</v>
      </c>
      <c r="B33602" s="14" t="s">
        <v>1</v>
      </c>
      <c r="C33602" s="14" t="s">
        <v>47</v>
      </c>
      <c r="D33602" s="14" t="s">
        <v>209</v>
      </c>
      <c r="E33602" s="15">
        <v>45398</v>
      </c>
      <c r="F33602" s="14" t="s">
        <v>61</v>
      </c>
      <c r="G33602" s="16">
        <v>0</v>
      </c>
    </row>
    <row r="33603" spans="1:7" x14ac:dyDescent="0.3">
      <c r="A33603" s="13" t="s">
        <v>208</v>
      </c>
      <c r="B33603" s="14" t="s">
        <v>1</v>
      </c>
      <c r="C33603" s="14" t="s">
        <v>47</v>
      </c>
      <c r="D33603" s="14" t="s">
        <v>209</v>
      </c>
      <c r="E33603" s="15">
        <v>45399</v>
      </c>
      <c r="F33603" s="14" t="s">
        <v>61</v>
      </c>
      <c r="G33603" s="16">
        <v>0</v>
      </c>
    </row>
    <row r="33604" spans="1:7" x14ac:dyDescent="0.3">
      <c r="A33604" s="13" t="s">
        <v>208</v>
      </c>
      <c r="B33604" s="14" t="s">
        <v>1</v>
      </c>
      <c r="C33604" s="14" t="s">
        <v>47</v>
      </c>
      <c r="D33604" s="14" t="s">
        <v>209</v>
      </c>
      <c r="E33604" s="15">
        <v>45400</v>
      </c>
      <c r="F33604" s="14" t="s">
        <v>61</v>
      </c>
      <c r="G33604" s="16">
        <v>0</v>
      </c>
    </row>
    <row r="33605" spans="1:7" x14ac:dyDescent="0.3">
      <c r="A33605" s="13" t="s">
        <v>208</v>
      </c>
      <c r="B33605" s="14" t="s">
        <v>1</v>
      </c>
      <c r="C33605" s="14" t="s">
        <v>47</v>
      </c>
      <c r="D33605" s="14" t="s">
        <v>209</v>
      </c>
      <c r="E33605" s="15">
        <v>45401</v>
      </c>
      <c r="F33605" s="14" t="s">
        <v>61</v>
      </c>
      <c r="G33605" s="16">
        <v>0</v>
      </c>
    </row>
    <row r="33606" spans="1:7" x14ac:dyDescent="0.3">
      <c r="A33606" s="13" t="s">
        <v>208</v>
      </c>
      <c r="B33606" s="14" t="s">
        <v>1</v>
      </c>
      <c r="C33606" s="14" t="s">
        <v>47</v>
      </c>
      <c r="D33606" s="14" t="s">
        <v>209</v>
      </c>
      <c r="E33606" s="15">
        <v>45402</v>
      </c>
      <c r="F33606" s="14" t="s">
        <v>61</v>
      </c>
      <c r="G33606" s="16">
        <v>0</v>
      </c>
    </row>
    <row r="33607" spans="1:7" x14ac:dyDescent="0.3">
      <c r="A33607" s="13" t="s">
        <v>208</v>
      </c>
      <c r="B33607" s="14" t="s">
        <v>1</v>
      </c>
      <c r="C33607" s="14" t="s">
        <v>47</v>
      </c>
      <c r="D33607" s="14" t="s">
        <v>209</v>
      </c>
      <c r="E33607" s="15">
        <v>45403</v>
      </c>
      <c r="F33607" s="14" t="s">
        <v>61</v>
      </c>
      <c r="G33607" s="16">
        <v>0</v>
      </c>
    </row>
    <row r="33608" spans="1:7" x14ac:dyDescent="0.3">
      <c r="A33608" s="13" t="s">
        <v>208</v>
      </c>
      <c r="B33608" s="14" t="s">
        <v>1</v>
      </c>
      <c r="C33608" s="14" t="s">
        <v>47</v>
      </c>
      <c r="D33608" s="14" t="s">
        <v>209</v>
      </c>
      <c r="E33608" s="15">
        <v>45404</v>
      </c>
      <c r="F33608" s="14" t="s">
        <v>61</v>
      </c>
      <c r="G33608" s="16">
        <v>0</v>
      </c>
    </row>
    <row r="33609" spans="1:7" x14ac:dyDescent="0.3">
      <c r="A33609" s="13" t="s">
        <v>208</v>
      </c>
      <c r="B33609" s="14" t="s">
        <v>1</v>
      </c>
      <c r="C33609" s="14" t="s">
        <v>47</v>
      </c>
      <c r="D33609" s="14" t="s">
        <v>209</v>
      </c>
      <c r="E33609" s="15">
        <v>45405</v>
      </c>
      <c r="F33609" s="14" t="s">
        <v>61</v>
      </c>
      <c r="G33609" s="16">
        <v>0</v>
      </c>
    </row>
    <row r="33610" spans="1:7" x14ac:dyDescent="0.3">
      <c r="A33610" s="13" t="s">
        <v>208</v>
      </c>
      <c r="B33610" s="14" t="s">
        <v>1</v>
      </c>
      <c r="C33610" s="14" t="s">
        <v>47</v>
      </c>
      <c r="D33610" s="14" t="s">
        <v>209</v>
      </c>
      <c r="E33610" s="15">
        <v>45406</v>
      </c>
      <c r="F33610" s="14" t="s">
        <v>61</v>
      </c>
      <c r="G33610" s="16">
        <v>0</v>
      </c>
    </row>
    <row r="33611" spans="1:7" x14ac:dyDescent="0.3">
      <c r="A33611" s="13" t="s">
        <v>208</v>
      </c>
      <c r="B33611" s="14" t="s">
        <v>1</v>
      </c>
      <c r="C33611" s="14" t="s">
        <v>47</v>
      </c>
      <c r="D33611" s="14" t="s">
        <v>209</v>
      </c>
      <c r="E33611" s="15">
        <v>45407</v>
      </c>
      <c r="F33611" s="14" t="s">
        <v>61</v>
      </c>
      <c r="G33611" s="16">
        <v>0</v>
      </c>
    </row>
    <row r="33612" spans="1:7" x14ac:dyDescent="0.3">
      <c r="A33612" s="13" t="s">
        <v>208</v>
      </c>
      <c r="B33612" s="14" t="s">
        <v>1</v>
      </c>
      <c r="C33612" s="14" t="s">
        <v>47</v>
      </c>
      <c r="D33612" s="14" t="s">
        <v>209</v>
      </c>
      <c r="E33612" s="15">
        <v>45408</v>
      </c>
      <c r="F33612" s="14" t="s">
        <v>61</v>
      </c>
      <c r="G33612" s="16">
        <v>0</v>
      </c>
    </row>
    <row r="33613" spans="1:7" x14ac:dyDescent="0.3">
      <c r="A33613" s="13" t="s">
        <v>208</v>
      </c>
      <c r="B33613" s="14" t="s">
        <v>1</v>
      </c>
      <c r="C33613" s="14" t="s">
        <v>47</v>
      </c>
      <c r="D33613" s="14" t="s">
        <v>209</v>
      </c>
      <c r="E33613" s="15">
        <v>45409</v>
      </c>
      <c r="F33613" s="14" t="s">
        <v>61</v>
      </c>
      <c r="G33613" s="16">
        <v>0</v>
      </c>
    </row>
    <row r="33614" spans="1:7" x14ac:dyDescent="0.3">
      <c r="A33614" s="13" t="s">
        <v>208</v>
      </c>
      <c r="B33614" s="14" t="s">
        <v>1</v>
      </c>
      <c r="C33614" s="14" t="s">
        <v>47</v>
      </c>
      <c r="D33614" s="14" t="s">
        <v>209</v>
      </c>
      <c r="E33614" s="15">
        <v>45410</v>
      </c>
      <c r="F33614" s="14" t="s">
        <v>61</v>
      </c>
      <c r="G33614" s="16">
        <v>0</v>
      </c>
    </row>
    <row r="33615" spans="1:7" x14ac:dyDescent="0.3">
      <c r="A33615" s="13" t="s">
        <v>208</v>
      </c>
      <c r="B33615" s="14" t="s">
        <v>1</v>
      </c>
      <c r="C33615" s="14" t="s">
        <v>47</v>
      </c>
      <c r="D33615" s="14" t="s">
        <v>209</v>
      </c>
      <c r="E33615" s="15">
        <v>45411</v>
      </c>
      <c r="F33615" s="14" t="s">
        <v>61</v>
      </c>
      <c r="G33615" s="16">
        <v>0</v>
      </c>
    </row>
    <row r="33616" spans="1:7" x14ac:dyDescent="0.3">
      <c r="A33616" s="13" t="s">
        <v>208</v>
      </c>
      <c r="B33616" s="14" t="s">
        <v>1</v>
      </c>
      <c r="C33616" s="14" t="s">
        <v>47</v>
      </c>
      <c r="D33616" s="14" t="s">
        <v>209</v>
      </c>
      <c r="E33616" s="15">
        <v>45412</v>
      </c>
      <c r="F33616" s="14" t="s">
        <v>61</v>
      </c>
      <c r="G33616" s="16">
        <v>0</v>
      </c>
    </row>
    <row r="33617" spans="1:7" x14ac:dyDescent="0.3">
      <c r="A33617" s="13" t="s">
        <v>208</v>
      </c>
      <c r="B33617" s="14" t="s">
        <v>1</v>
      </c>
      <c r="C33617" s="14" t="s">
        <v>47</v>
      </c>
      <c r="D33617" s="14" t="s">
        <v>209</v>
      </c>
      <c r="E33617" s="15">
        <v>45413</v>
      </c>
      <c r="F33617" s="14" t="s">
        <v>61</v>
      </c>
      <c r="G33617" s="16">
        <v>8.9158324532361921E-4</v>
      </c>
    </row>
    <row r="33618" spans="1:7" x14ac:dyDescent="0.3">
      <c r="A33618" s="13" t="s">
        <v>208</v>
      </c>
      <c r="B33618" s="14" t="s">
        <v>1</v>
      </c>
      <c r="C33618" s="14" t="s">
        <v>47</v>
      </c>
      <c r="D33618" s="14" t="s">
        <v>209</v>
      </c>
      <c r="E33618" s="15">
        <v>45414</v>
      </c>
      <c r="F33618" s="14" t="s">
        <v>61</v>
      </c>
      <c r="G33618" s="16">
        <v>1.4593742631372161E-3</v>
      </c>
    </row>
    <row r="33619" spans="1:7" x14ac:dyDescent="0.3">
      <c r="A33619" s="13" t="s">
        <v>208</v>
      </c>
      <c r="B33619" s="14" t="s">
        <v>1</v>
      </c>
      <c r="C33619" s="14" t="s">
        <v>47</v>
      </c>
      <c r="D33619" s="14" t="s">
        <v>209</v>
      </c>
      <c r="E33619" s="15">
        <v>45415</v>
      </c>
      <c r="F33619" s="14" t="s">
        <v>61</v>
      </c>
      <c r="G33619" s="16">
        <v>1.8103796948122823E-3</v>
      </c>
    </row>
    <row r="33620" spans="1:7" x14ac:dyDescent="0.3">
      <c r="A33620" s="13" t="s">
        <v>208</v>
      </c>
      <c r="B33620" s="14" t="s">
        <v>1</v>
      </c>
      <c r="C33620" s="14" t="s">
        <v>47</v>
      </c>
      <c r="D33620" s="14" t="s">
        <v>209</v>
      </c>
      <c r="E33620" s="15">
        <v>45416</v>
      </c>
      <c r="F33620" s="14" t="s">
        <v>61</v>
      </c>
      <c r="G33620" s="16">
        <v>1.8103796948122823E-3</v>
      </c>
    </row>
    <row r="33621" spans="1:7" x14ac:dyDescent="0.3">
      <c r="A33621" s="13" t="s">
        <v>208</v>
      </c>
      <c r="B33621" s="14" t="s">
        <v>1</v>
      </c>
      <c r="C33621" s="14" t="s">
        <v>47</v>
      </c>
      <c r="D33621" s="14" t="s">
        <v>209</v>
      </c>
      <c r="E33621" s="15">
        <v>45417</v>
      </c>
      <c r="F33621" s="14" t="s">
        <v>61</v>
      </c>
      <c r="G33621" s="16">
        <v>1.8103796948122823E-3</v>
      </c>
    </row>
    <row r="33622" spans="1:7" x14ac:dyDescent="0.3">
      <c r="A33622" s="13" t="s">
        <v>208</v>
      </c>
      <c r="B33622" s="14" t="s">
        <v>1</v>
      </c>
      <c r="C33622" s="14" t="s">
        <v>47</v>
      </c>
      <c r="D33622" s="14" t="s">
        <v>209</v>
      </c>
      <c r="E33622" s="15">
        <v>45418</v>
      </c>
      <c r="F33622" s="14" t="s">
        <v>61</v>
      </c>
      <c r="G33622" s="16">
        <v>1.8103796948122823E-3</v>
      </c>
    </row>
    <row r="33623" spans="1:7" x14ac:dyDescent="0.3">
      <c r="A33623" s="13" t="s">
        <v>208</v>
      </c>
      <c r="B33623" s="14" t="s">
        <v>1</v>
      </c>
      <c r="C33623" s="14" t="s">
        <v>47</v>
      </c>
      <c r="D33623" s="14" t="s">
        <v>209</v>
      </c>
      <c r="E33623" s="15">
        <v>45419</v>
      </c>
      <c r="F33623" s="14" t="s">
        <v>61</v>
      </c>
      <c r="G33623" s="16">
        <v>0</v>
      </c>
    </row>
    <row r="33624" spans="1:7" x14ac:dyDescent="0.3">
      <c r="A33624" s="13" t="s">
        <v>208</v>
      </c>
      <c r="B33624" s="14" t="s">
        <v>1</v>
      </c>
      <c r="C33624" s="14" t="s">
        <v>47</v>
      </c>
      <c r="D33624" s="14" t="s">
        <v>209</v>
      </c>
      <c r="E33624" s="15">
        <v>45420</v>
      </c>
      <c r="F33624" s="14" t="s">
        <v>61</v>
      </c>
      <c r="G33624" s="16">
        <v>0</v>
      </c>
    </row>
    <row r="33625" spans="1:7" x14ac:dyDescent="0.3">
      <c r="A33625" s="13" t="s">
        <v>208</v>
      </c>
      <c r="B33625" s="14" t="s">
        <v>1</v>
      </c>
      <c r="C33625" s="14" t="s">
        <v>47</v>
      </c>
      <c r="D33625" s="14" t="s">
        <v>209</v>
      </c>
      <c r="E33625" s="15">
        <v>45421</v>
      </c>
      <c r="F33625" s="14" t="s">
        <v>61</v>
      </c>
      <c r="G33625" s="16">
        <v>0</v>
      </c>
    </row>
    <row r="33626" spans="1:7" x14ac:dyDescent="0.3">
      <c r="A33626" s="13" t="s">
        <v>208</v>
      </c>
      <c r="B33626" s="14" t="s">
        <v>1</v>
      </c>
      <c r="C33626" s="14" t="s">
        <v>47</v>
      </c>
      <c r="D33626" s="14" t="s">
        <v>209</v>
      </c>
      <c r="E33626" s="15">
        <v>45422</v>
      </c>
      <c r="F33626" s="14" t="s">
        <v>61</v>
      </c>
      <c r="G33626" s="16">
        <v>0</v>
      </c>
    </row>
    <row r="33627" spans="1:7" x14ac:dyDescent="0.3">
      <c r="A33627" s="13" t="s">
        <v>208</v>
      </c>
      <c r="B33627" s="14" t="s">
        <v>1</v>
      </c>
      <c r="C33627" s="14" t="s">
        <v>47</v>
      </c>
      <c r="D33627" s="14" t="s">
        <v>209</v>
      </c>
      <c r="E33627" s="15">
        <v>45423</v>
      </c>
      <c r="F33627" s="14" t="s">
        <v>61</v>
      </c>
      <c r="G33627" s="16">
        <v>0</v>
      </c>
    </row>
    <row r="33628" spans="1:7" x14ac:dyDescent="0.3">
      <c r="A33628" s="13" t="s">
        <v>208</v>
      </c>
      <c r="B33628" s="14" t="s">
        <v>1</v>
      </c>
      <c r="C33628" s="14" t="s">
        <v>47</v>
      </c>
      <c r="D33628" s="14" t="s">
        <v>209</v>
      </c>
      <c r="E33628" s="15">
        <v>45424</v>
      </c>
      <c r="F33628" s="14" t="s">
        <v>61</v>
      </c>
      <c r="G33628" s="16">
        <v>0</v>
      </c>
    </row>
    <row r="33629" spans="1:7" x14ac:dyDescent="0.3">
      <c r="A33629" s="13" t="s">
        <v>208</v>
      </c>
      <c r="B33629" s="14" t="s">
        <v>1</v>
      </c>
      <c r="C33629" s="14" t="s">
        <v>47</v>
      </c>
      <c r="D33629" s="14" t="s">
        <v>209</v>
      </c>
      <c r="E33629" s="15">
        <v>45425</v>
      </c>
      <c r="F33629" s="14" t="s">
        <v>61</v>
      </c>
      <c r="G33629" s="16">
        <v>0</v>
      </c>
    </row>
    <row r="33630" spans="1:7" x14ac:dyDescent="0.3">
      <c r="A33630" s="13" t="s">
        <v>208</v>
      </c>
      <c r="B33630" s="14" t="s">
        <v>1</v>
      </c>
      <c r="C33630" s="14" t="s">
        <v>47</v>
      </c>
      <c r="D33630" s="14" t="s">
        <v>209</v>
      </c>
      <c r="E33630" s="15">
        <v>45426</v>
      </c>
      <c r="F33630" s="14" t="s">
        <v>61</v>
      </c>
      <c r="G33630" s="16">
        <v>0</v>
      </c>
    </row>
    <row r="33631" spans="1:7" x14ac:dyDescent="0.3">
      <c r="A33631" s="13" t="s">
        <v>208</v>
      </c>
      <c r="B33631" s="14" t="s">
        <v>1</v>
      </c>
      <c r="C33631" s="14" t="s">
        <v>47</v>
      </c>
      <c r="D33631" s="14" t="s">
        <v>209</v>
      </c>
      <c r="E33631" s="15">
        <v>45427</v>
      </c>
      <c r="F33631" s="14" t="s">
        <v>61</v>
      </c>
      <c r="G33631" s="16">
        <v>0</v>
      </c>
    </row>
    <row r="33632" spans="1:7" x14ac:dyDescent="0.3">
      <c r="A33632" s="13" t="s">
        <v>208</v>
      </c>
      <c r="B33632" s="14" t="s">
        <v>1</v>
      </c>
      <c r="C33632" s="14" t="s">
        <v>47</v>
      </c>
      <c r="D33632" s="14" t="s">
        <v>209</v>
      </c>
      <c r="E33632" s="15">
        <v>45428</v>
      </c>
      <c r="F33632" s="14" t="s">
        <v>61</v>
      </c>
      <c r="G33632" s="16">
        <v>0</v>
      </c>
    </row>
    <row r="33633" spans="1:7" x14ac:dyDescent="0.3">
      <c r="A33633" s="13" t="s">
        <v>208</v>
      </c>
      <c r="B33633" s="14" t="s">
        <v>1</v>
      </c>
      <c r="C33633" s="14" t="s">
        <v>47</v>
      </c>
      <c r="D33633" s="14" t="s">
        <v>209</v>
      </c>
      <c r="E33633" s="15">
        <v>45429</v>
      </c>
      <c r="F33633" s="14" t="s">
        <v>61</v>
      </c>
      <c r="G33633" s="16">
        <v>1.95527862435875E-3</v>
      </c>
    </row>
    <row r="33634" spans="1:7" x14ac:dyDescent="0.3">
      <c r="A33634" s="13" t="s">
        <v>208</v>
      </c>
      <c r="B33634" s="14" t="s">
        <v>1</v>
      </c>
      <c r="C33634" s="14" t="s">
        <v>47</v>
      </c>
      <c r="D33634" s="14" t="s">
        <v>209</v>
      </c>
      <c r="E33634" s="15">
        <v>45430</v>
      </c>
      <c r="F33634" s="14" t="s">
        <v>61</v>
      </c>
      <c r="G33634" s="16">
        <v>1.95527862435875E-3</v>
      </c>
    </row>
    <row r="33635" spans="1:7" x14ac:dyDescent="0.3">
      <c r="A33635" s="13" t="s">
        <v>208</v>
      </c>
      <c r="B33635" s="14" t="s">
        <v>1</v>
      </c>
      <c r="C33635" s="14" t="s">
        <v>47</v>
      </c>
      <c r="D33635" s="14" t="s">
        <v>209</v>
      </c>
      <c r="E33635" s="15">
        <v>45431</v>
      </c>
      <c r="F33635" s="14" t="s">
        <v>61</v>
      </c>
      <c r="G33635" s="16">
        <v>1.95527862435875E-3</v>
      </c>
    </row>
    <row r="33636" spans="1:7" x14ac:dyDescent="0.3">
      <c r="A33636" s="13" t="s">
        <v>208</v>
      </c>
      <c r="B33636" s="14" t="s">
        <v>1</v>
      </c>
      <c r="C33636" s="14" t="s">
        <v>47</v>
      </c>
      <c r="D33636" s="14" t="s">
        <v>209</v>
      </c>
      <c r="E33636" s="15">
        <v>45432</v>
      </c>
      <c r="F33636" s="14" t="s">
        <v>61</v>
      </c>
      <c r="G33636" s="16">
        <v>0</v>
      </c>
    </row>
    <row r="33637" spans="1:7" x14ac:dyDescent="0.3">
      <c r="A33637" s="13" t="s">
        <v>208</v>
      </c>
      <c r="B33637" s="14" t="s">
        <v>1</v>
      </c>
      <c r="C33637" s="14" t="s">
        <v>47</v>
      </c>
      <c r="D33637" s="14" t="s">
        <v>209</v>
      </c>
      <c r="E33637" s="15">
        <v>45433</v>
      </c>
      <c r="F33637" s="14" t="s">
        <v>61</v>
      </c>
      <c r="G33637" s="16">
        <v>5.5360839897687468E-3</v>
      </c>
    </row>
    <row r="33638" spans="1:7" x14ac:dyDescent="0.3">
      <c r="A33638" s="13" t="s">
        <v>208</v>
      </c>
      <c r="B33638" s="14" t="s">
        <v>1</v>
      </c>
      <c r="C33638" s="14" t="s">
        <v>47</v>
      </c>
      <c r="D33638" s="14" t="s">
        <v>209</v>
      </c>
      <c r="E33638" s="15">
        <v>45434</v>
      </c>
      <c r="F33638" s="14" t="s">
        <v>61</v>
      </c>
      <c r="G33638" s="16">
        <v>5.1054452033482751E-2</v>
      </c>
    </row>
    <row r="33639" spans="1:7" x14ac:dyDescent="0.3">
      <c r="A33639" s="13" t="s">
        <v>208</v>
      </c>
      <c r="B33639" s="14" t="s">
        <v>1</v>
      </c>
      <c r="C33639" s="14" t="s">
        <v>47</v>
      </c>
      <c r="D33639" s="14" t="s">
        <v>209</v>
      </c>
      <c r="E33639" s="15">
        <v>45435</v>
      </c>
      <c r="F33639" s="14" t="s">
        <v>61</v>
      </c>
      <c r="G33639" s="16">
        <v>4.8967344050581937E-2</v>
      </c>
    </row>
    <row r="33640" spans="1:7" x14ac:dyDescent="0.3">
      <c r="A33640" s="13" t="s">
        <v>208</v>
      </c>
      <c r="B33640" s="14" t="s">
        <v>1</v>
      </c>
      <c r="C33640" s="14" t="s">
        <v>47</v>
      </c>
      <c r="D33640" s="14" t="s">
        <v>209</v>
      </c>
      <c r="E33640" s="15">
        <v>45436</v>
      </c>
      <c r="F33640" s="14" t="s">
        <v>61</v>
      </c>
      <c r="G33640" s="16">
        <v>4.6673566603387957E-2</v>
      </c>
    </row>
    <row r="33641" spans="1:7" x14ac:dyDescent="0.3">
      <c r="A33641" s="13" t="s">
        <v>208</v>
      </c>
      <c r="B33641" s="14" t="s">
        <v>1</v>
      </c>
      <c r="C33641" s="14" t="s">
        <v>47</v>
      </c>
      <c r="D33641" s="14" t="s">
        <v>209</v>
      </c>
      <c r="E33641" s="15">
        <v>45437</v>
      </c>
      <c r="F33641" s="14" t="s">
        <v>61</v>
      </c>
      <c r="G33641" s="16">
        <v>4.6673566603387957E-2</v>
      </c>
    </row>
    <row r="33642" spans="1:7" x14ac:dyDescent="0.3">
      <c r="A33642" s="13" t="s">
        <v>208</v>
      </c>
      <c r="B33642" s="14" t="s">
        <v>1</v>
      </c>
      <c r="C33642" s="14" t="s">
        <v>47</v>
      </c>
      <c r="D33642" s="14" t="s">
        <v>209</v>
      </c>
      <c r="E33642" s="15">
        <v>45438</v>
      </c>
      <c r="F33642" s="14" t="s">
        <v>61</v>
      </c>
      <c r="G33642" s="16">
        <v>4.6673566603387957E-2</v>
      </c>
    </row>
    <row r="33643" spans="1:7" x14ac:dyDescent="0.3">
      <c r="A33643" s="13" t="s">
        <v>208</v>
      </c>
      <c r="B33643" s="14" t="s">
        <v>1</v>
      </c>
      <c r="C33643" s="14" t="s">
        <v>47</v>
      </c>
      <c r="D33643" s="14" t="s">
        <v>209</v>
      </c>
      <c r="E33643" s="15">
        <v>45439</v>
      </c>
      <c r="F33643" s="14" t="s">
        <v>61</v>
      </c>
      <c r="G33643" s="16">
        <v>4.6673566603387957E-2</v>
      </c>
    </row>
    <row r="33644" spans="1:7" x14ac:dyDescent="0.3">
      <c r="A33644" s="13" t="s">
        <v>208</v>
      </c>
      <c r="B33644" s="14" t="s">
        <v>1</v>
      </c>
      <c r="C33644" s="14" t="s">
        <v>47</v>
      </c>
      <c r="D33644" s="14" t="s">
        <v>209</v>
      </c>
      <c r="E33644" s="15">
        <v>45440</v>
      </c>
      <c r="F33644" s="14" t="s">
        <v>61</v>
      </c>
      <c r="G33644" s="16">
        <v>4.4494721563152533E-2</v>
      </c>
    </row>
    <row r="33645" spans="1:7" x14ac:dyDescent="0.3">
      <c r="A33645" s="13" t="s">
        <v>208</v>
      </c>
      <c r="B33645" s="14" t="s">
        <v>1</v>
      </c>
      <c r="C33645" s="14" t="s">
        <v>47</v>
      </c>
      <c r="D33645" s="14" t="s">
        <v>209</v>
      </c>
      <c r="E33645" s="15">
        <v>45441</v>
      </c>
      <c r="F33645" s="14" t="s">
        <v>61</v>
      </c>
      <c r="G33645" s="16">
        <v>8.6770938164360212E-2</v>
      </c>
    </row>
    <row r="33646" spans="1:7" x14ac:dyDescent="0.3">
      <c r="A33646" s="13" t="s">
        <v>208</v>
      </c>
      <c r="B33646" s="14" t="s">
        <v>1</v>
      </c>
      <c r="C33646" s="14" t="s">
        <v>47</v>
      </c>
      <c r="D33646" s="14" t="s">
        <v>209</v>
      </c>
      <c r="E33646" s="15">
        <v>45442</v>
      </c>
      <c r="F33646" s="14" t="s">
        <v>61</v>
      </c>
      <c r="G33646" s="16">
        <v>0.10239222546376971</v>
      </c>
    </row>
    <row r="33647" spans="1:7" x14ac:dyDescent="0.3">
      <c r="A33647" s="13" t="s">
        <v>208</v>
      </c>
      <c r="B33647" s="14" t="s">
        <v>1</v>
      </c>
      <c r="C33647" s="14" t="s">
        <v>47</v>
      </c>
      <c r="D33647" s="14" t="s">
        <v>209</v>
      </c>
      <c r="E33647" s="15">
        <v>45443</v>
      </c>
      <c r="F33647" s="14" t="s">
        <v>61</v>
      </c>
      <c r="G33647" s="16">
        <v>0.10016682700020575</v>
      </c>
    </row>
    <row r="33648" spans="1:7" x14ac:dyDescent="0.3">
      <c r="A33648" s="13" t="s">
        <v>208</v>
      </c>
      <c r="B33648" s="14" t="s">
        <v>1</v>
      </c>
      <c r="C33648" s="14" t="s">
        <v>47</v>
      </c>
      <c r="D33648" s="14" t="s">
        <v>209</v>
      </c>
      <c r="E33648" s="15">
        <v>45444</v>
      </c>
      <c r="F33648" s="14" t="s">
        <v>61</v>
      </c>
      <c r="G33648" s="16">
        <v>0.10016682700020575</v>
      </c>
    </row>
    <row r="33649" spans="1:7" x14ac:dyDescent="0.3">
      <c r="A33649" s="13" t="s">
        <v>208</v>
      </c>
      <c r="B33649" s="14" t="s">
        <v>1</v>
      </c>
      <c r="C33649" s="14" t="s">
        <v>47</v>
      </c>
      <c r="D33649" s="14" t="s">
        <v>209</v>
      </c>
      <c r="E33649" s="15">
        <v>45445</v>
      </c>
      <c r="F33649" s="14" t="s">
        <v>61</v>
      </c>
      <c r="G33649" s="16">
        <v>0.10016682700020575</v>
      </c>
    </row>
    <row r="33650" spans="1:7" x14ac:dyDescent="0.3">
      <c r="A33650" s="13" t="s">
        <v>208</v>
      </c>
      <c r="B33650" s="14" t="s">
        <v>1</v>
      </c>
      <c r="C33650" s="14" t="s">
        <v>47</v>
      </c>
      <c r="D33650" s="14" t="s">
        <v>209</v>
      </c>
      <c r="E33650" s="15">
        <v>45446</v>
      </c>
      <c r="F33650" s="14" t="s">
        <v>61</v>
      </c>
      <c r="G33650" s="16">
        <v>0.10016682700020575</v>
      </c>
    </row>
    <row r="33651" spans="1:7" x14ac:dyDescent="0.3">
      <c r="A33651" s="13" t="s">
        <v>208</v>
      </c>
      <c r="B33651" s="14" t="s">
        <v>1</v>
      </c>
      <c r="C33651" s="14" t="s">
        <v>47</v>
      </c>
      <c r="D33651" s="14" t="s">
        <v>209</v>
      </c>
      <c r="E33651" s="15">
        <v>45447</v>
      </c>
      <c r="F33651" s="14" t="s">
        <v>61</v>
      </c>
      <c r="G33651" s="16">
        <v>0.12353879481807642</v>
      </c>
    </row>
    <row r="33652" spans="1:7" x14ac:dyDescent="0.3">
      <c r="A33652" s="13" t="s">
        <v>208</v>
      </c>
      <c r="B33652" s="14" t="s">
        <v>1</v>
      </c>
      <c r="C33652" s="14" t="s">
        <v>47</v>
      </c>
      <c r="D33652" s="14" t="s">
        <v>209</v>
      </c>
      <c r="E33652" s="15">
        <v>45448</v>
      </c>
      <c r="F33652" s="14" t="s">
        <v>61</v>
      </c>
      <c r="G33652" s="16">
        <v>0.14124714957483678</v>
      </c>
    </row>
    <row r="33653" spans="1:7" x14ac:dyDescent="0.3">
      <c r="A33653" s="13" t="s">
        <v>208</v>
      </c>
      <c r="B33653" s="14" t="s">
        <v>1</v>
      </c>
      <c r="C33653" s="14" t="s">
        <v>47</v>
      </c>
      <c r="D33653" s="14" t="s">
        <v>209</v>
      </c>
      <c r="E33653" s="15">
        <v>45449</v>
      </c>
      <c r="F33653" s="14" t="s">
        <v>61</v>
      </c>
      <c r="G33653" s="16">
        <v>0.13886605071827518</v>
      </c>
    </row>
    <row r="33654" spans="1:7" x14ac:dyDescent="0.3">
      <c r="A33654" s="13" t="s">
        <v>208</v>
      </c>
      <c r="B33654" s="14" t="s">
        <v>1</v>
      </c>
      <c r="C33654" s="14" t="s">
        <v>47</v>
      </c>
      <c r="D33654" s="14" t="s">
        <v>209</v>
      </c>
      <c r="E33654" s="15">
        <v>45450</v>
      </c>
      <c r="F33654" s="14" t="s">
        <v>61</v>
      </c>
      <c r="G33654" s="16">
        <v>0.13783948963787751</v>
      </c>
    </row>
    <row r="33655" spans="1:7" x14ac:dyDescent="0.3">
      <c r="A33655" s="13" t="s">
        <v>208</v>
      </c>
      <c r="B33655" s="14" t="s">
        <v>1</v>
      </c>
      <c r="C33655" s="14" t="s">
        <v>47</v>
      </c>
      <c r="D33655" s="14" t="s">
        <v>209</v>
      </c>
      <c r="E33655" s="15">
        <v>45451</v>
      </c>
      <c r="F33655" s="14" t="s">
        <v>61</v>
      </c>
      <c r="G33655" s="16">
        <v>0.13783948963787751</v>
      </c>
    </row>
    <row r="33656" spans="1:7" x14ac:dyDescent="0.3">
      <c r="A33656" s="13" t="s">
        <v>208</v>
      </c>
      <c r="B33656" s="14" t="s">
        <v>1</v>
      </c>
      <c r="C33656" s="14" t="s">
        <v>47</v>
      </c>
      <c r="D33656" s="14" t="s">
        <v>209</v>
      </c>
      <c r="E33656" s="15">
        <v>45452</v>
      </c>
      <c r="F33656" s="14" t="s">
        <v>61</v>
      </c>
      <c r="G33656" s="16">
        <v>0.13783948963787751</v>
      </c>
    </row>
    <row r="33657" spans="1:7" x14ac:dyDescent="0.3">
      <c r="A33657" s="13" t="s">
        <v>208</v>
      </c>
      <c r="B33657" s="14" t="s">
        <v>1</v>
      </c>
      <c r="C33657" s="14" t="s">
        <v>47</v>
      </c>
      <c r="D33657" s="14" t="s">
        <v>209</v>
      </c>
      <c r="E33657" s="15">
        <v>45453</v>
      </c>
      <c r="F33657" s="14" t="s">
        <v>61</v>
      </c>
      <c r="G33657" s="16">
        <v>0.13615151465702885</v>
      </c>
    </row>
    <row r="33658" spans="1:7" x14ac:dyDescent="0.3">
      <c r="A33658" s="13" t="s">
        <v>208</v>
      </c>
      <c r="B33658" s="14" t="s">
        <v>1</v>
      </c>
      <c r="C33658" s="14" t="s">
        <v>47</v>
      </c>
      <c r="D33658" s="14" t="s">
        <v>209</v>
      </c>
      <c r="E33658" s="15">
        <v>45454</v>
      </c>
      <c r="F33658" s="14" t="s">
        <v>61</v>
      </c>
      <c r="G33658" s="16">
        <v>0.13003433712023107</v>
      </c>
    </row>
    <row r="33659" spans="1:7" x14ac:dyDescent="0.3">
      <c r="A33659" s="13" t="s">
        <v>208</v>
      </c>
      <c r="B33659" s="14" t="s">
        <v>1</v>
      </c>
      <c r="C33659" s="14" t="s">
        <v>47</v>
      </c>
      <c r="D33659" s="14" t="s">
        <v>209</v>
      </c>
      <c r="E33659" s="15">
        <v>45455</v>
      </c>
      <c r="F33659" s="14" t="s">
        <v>61</v>
      </c>
      <c r="G33659" s="16">
        <v>0.12707839069283311</v>
      </c>
    </row>
    <row r="33660" spans="1:7" x14ac:dyDescent="0.3">
      <c r="A33660" s="13" t="s">
        <v>208</v>
      </c>
      <c r="B33660" s="14" t="s">
        <v>1</v>
      </c>
      <c r="C33660" s="14" t="s">
        <v>47</v>
      </c>
      <c r="D33660" s="14" t="s">
        <v>209</v>
      </c>
      <c r="E33660" s="15">
        <v>45456</v>
      </c>
      <c r="F33660" s="14" t="s">
        <v>61</v>
      </c>
      <c r="G33660" s="16">
        <v>0.15501615529801374</v>
      </c>
    </row>
    <row r="33661" spans="1:7" x14ac:dyDescent="0.3">
      <c r="A33661" s="13" t="s">
        <v>208</v>
      </c>
      <c r="B33661" s="14" t="s">
        <v>1</v>
      </c>
      <c r="C33661" s="14" t="s">
        <v>47</v>
      </c>
      <c r="D33661" s="14" t="s">
        <v>209</v>
      </c>
      <c r="E33661" s="15">
        <v>45457</v>
      </c>
      <c r="F33661" s="14" t="s">
        <v>61</v>
      </c>
      <c r="G33661" s="16">
        <v>0.15929736252396948</v>
      </c>
    </row>
    <row r="33662" spans="1:7" x14ac:dyDescent="0.3">
      <c r="A33662" s="13" t="s">
        <v>208</v>
      </c>
      <c r="B33662" s="14" t="s">
        <v>1</v>
      </c>
      <c r="C33662" s="14" t="s">
        <v>47</v>
      </c>
      <c r="D33662" s="14" t="s">
        <v>209</v>
      </c>
      <c r="E33662" s="15">
        <v>45458</v>
      </c>
      <c r="F33662" s="14" t="s">
        <v>61</v>
      </c>
      <c r="G33662" s="16">
        <v>0.15929736252396948</v>
      </c>
    </row>
    <row r="33663" spans="1:7" x14ac:dyDescent="0.3">
      <c r="A33663" s="13" t="s">
        <v>208</v>
      </c>
      <c r="B33663" s="14" t="s">
        <v>1</v>
      </c>
      <c r="C33663" s="14" t="s">
        <v>47</v>
      </c>
      <c r="D33663" s="14" t="s">
        <v>209</v>
      </c>
      <c r="E33663" s="15">
        <v>45459</v>
      </c>
      <c r="F33663" s="14" t="s">
        <v>61</v>
      </c>
      <c r="G33663" s="16">
        <v>0.15929736252396948</v>
      </c>
    </row>
    <row r="33664" spans="1:7" x14ac:dyDescent="0.3">
      <c r="A33664" s="13" t="s">
        <v>208</v>
      </c>
      <c r="B33664" s="14" t="s">
        <v>1</v>
      </c>
      <c r="C33664" s="14" t="s">
        <v>47</v>
      </c>
      <c r="D33664" s="14" t="s">
        <v>209</v>
      </c>
      <c r="E33664" s="15">
        <v>45460</v>
      </c>
      <c r="F33664" s="14" t="s">
        <v>61</v>
      </c>
      <c r="G33664" s="16">
        <v>0.15771622398551827</v>
      </c>
    </row>
    <row r="33665" spans="1:7" x14ac:dyDescent="0.3">
      <c r="A33665" s="13" t="s">
        <v>208</v>
      </c>
      <c r="B33665" s="14" t="s">
        <v>1</v>
      </c>
      <c r="C33665" s="14" t="s">
        <v>47</v>
      </c>
      <c r="D33665" s="14" t="s">
        <v>209</v>
      </c>
      <c r="E33665" s="15">
        <v>45461</v>
      </c>
      <c r="F33665" s="14" t="s">
        <v>61</v>
      </c>
      <c r="G33665" s="16">
        <v>0.15825876284286094</v>
      </c>
    </row>
    <row r="33666" spans="1:7" x14ac:dyDescent="0.3">
      <c r="A33666" s="13" t="s">
        <v>208</v>
      </c>
      <c r="B33666" s="14" t="s">
        <v>1</v>
      </c>
      <c r="C33666" s="14" t="s">
        <v>47</v>
      </c>
      <c r="D33666" s="14" t="s">
        <v>209</v>
      </c>
      <c r="E33666" s="15">
        <v>45462</v>
      </c>
      <c r="F33666" s="14" t="s">
        <v>61</v>
      </c>
      <c r="G33666" s="16">
        <v>0.15825876284286094</v>
      </c>
    </row>
    <row r="33667" spans="1:7" x14ac:dyDescent="0.3">
      <c r="A33667" s="13" t="s">
        <v>208</v>
      </c>
      <c r="B33667" s="14" t="s">
        <v>1</v>
      </c>
      <c r="C33667" s="14" t="s">
        <v>47</v>
      </c>
      <c r="D33667" s="14" t="s">
        <v>209</v>
      </c>
      <c r="E33667" s="15">
        <v>45463</v>
      </c>
      <c r="F33667" s="14" t="s">
        <v>61</v>
      </c>
      <c r="G33667" s="16">
        <v>0.19329047569392752</v>
      </c>
    </row>
    <row r="33668" spans="1:7" x14ac:dyDescent="0.3">
      <c r="A33668" s="13" t="s">
        <v>208</v>
      </c>
      <c r="B33668" s="14" t="s">
        <v>1</v>
      </c>
      <c r="C33668" s="14" t="s">
        <v>47</v>
      </c>
      <c r="D33668" s="14" t="s">
        <v>209</v>
      </c>
      <c r="E33668" s="15">
        <v>45464</v>
      </c>
      <c r="F33668" s="14" t="s">
        <v>61</v>
      </c>
      <c r="G33668" s="16">
        <v>0.18915794361377578</v>
      </c>
    </row>
    <row r="33669" spans="1:7" x14ac:dyDescent="0.3">
      <c r="A33669" s="13" t="s">
        <v>208</v>
      </c>
      <c r="B33669" s="14" t="s">
        <v>1</v>
      </c>
      <c r="C33669" s="14" t="s">
        <v>47</v>
      </c>
      <c r="D33669" s="14" t="s">
        <v>209</v>
      </c>
      <c r="E33669" s="15">
        <v>45465</v>
      </c>
      <c r="F33669" s="14" t="s">
        <v>61</v>
      </c>
      <c r="G33669" s="16">
        <v>0.18915794361377578</v>
      </c>
    </row>
    <row r="33670" spans="1:7" x14ac:dyDescent="0.3">
      <c r="A33670" s="13" t="s">
        <v>208</v>
      </c>
      <c r="B33670" s="14" t="s">
        <v>1</v>
      </c>
      <c r="C33670" s="14" t="s">
        <v>47</v>
      </c>
      <c r="D33670" s="14" t="s">
        <v>209</v>
      </c>
      <c r="E33670" s="15">
        <v>45466</v>
      </c>
      <c r="F33670" s="14" t="s">
        <v>61</v>
      </c>
      <c r="G33670" s="16">
        <v>0.18915794361377578</v>
      </c>
    </row>
    <row r="33671" spans="1:7" x14ac:dyDescent="0.3">
      <c r="A33671" s="13" t="s">
        <v>208</v>
      </c>
      <c r="B33671" s="14" t="s">
        <v>1</v>
      </c>
      <c r="C33671" s="14" t="s">
        <v>47</v>
      </c>
      <c r="D33671" s="14" t="s">
        <v>209</v>
      </c>
      <c r="E33671" s="15">
        <v>45467</v>
      </c>
      <c r="F33671" s="14" t="s">
        <v>61</v>
      </c>
      <c r="G33671" s="16">
        <v>0.18915251911422296</v>
      </c>
    </row>
    <row r="33672" spans="1:7" x14ac:dyDescent="0.3">
      <c r="A33672" s="13" t="s">
        <v>208</v>
      </c>
      <c r="B33672" s="14" t="s">
        <v>1</v>
      </c>
      <c r="C33672" s="14" t="s">
        <v>47</v>
      </c>
      <c r="D33672" s="14" t="s">
        <v>209</v>
      </c>
      <c r="E33672" s="15">
        <v>45468</v>
      </c>
      <c r="F33672" s="14" t="s">
        <v>61</v>
      </c>
      <c r="G33672" s="16">
        <v>0.18605874435243744</v>
      </c>
    </row>
    <row r="33673" spans="1:7" x14ac:dyDescent="0.3">
      <c r="A33673" s="13" t="s">
        <v>208</v>
      </c>
      <c r="B33673" s="14" t="s">
        <v>1</v>
      </c>
      <c r="C33673" s="14" t="s">
        <v>47</v>
      </c>
      <c r="D33673" s="14" t="s">
        <v>209</v>
      </c>
      <c r="E33673" s="15">
        <v>45469</v>
      </c>
      <c r="F33673" s="14" t="s">
        <v>61</v>
      </c>
      <c r="G33673" s="16">
        <v>0.18457469605681184</v>
      </c>
    </row>
    <row r="33674" spans="1:7" x14ac:dyDescent="0.3">
      <c r="A33674" s="13" t="s">
        <v>208</v>
      </c>
      <c r="B33674" s="14" t="s">
        <v>1</v>
      </c>
      <c r="C33674" s="14" t="s">
        <v>47</v>
      </c>
      <c r="D33674" s="14" t="s">
        <v>209</v>
      </c>
      <c r="E33674" s="15">
        <v>45470</v>
      </c>
      <c r="F33674" s="14" t="s">
        <v>61</v>
      </c>
      <c r="G33674" s="16">
        <v>0.18209483079379032</v>
      </c>
    </row>
    <row r="33675" spans="1:7" x14ac:dyDescent="0.3">
      <c r="A33675" s="13" t="s">
        <v>208</v>
      </c>
      <c r="B33675" s="14" t="s">
        <v>1</v>
      </c>
      <c r="C33675" s="14" t="s">
        <v>47</v>
      </c>
      <c r="D33675" s="14" t="s">
        <v>209</v>
      </c>
      <c r="E33675" s="15">
        <v>45471</v>
      </c>
      <c r="F33675" s="14" t="s">
        <v>61</v>
      </c>
      <c r="G33675" s="16">
        <v>0.1798449966922793</v>
      </c>
    </row>
    <row r="33676" spans="1:7" x14ac:dyDescent="0.3">
      <c r="A33676" s="13" t="s">
        <v>208</v>
      </c>
      <c r="B33676" s="14" t="s">
        <v>1</v>
      </c>
      <c r="C33676" s="14" t="s">
        <v>47</v>
      </c>
      <c r="D33676" s="14" t="s">
        <v>209</v>
      </c>
      <c r="E33676" s="15">
        <v>45472</v>
      </c>
      <c r="F33676" s="14" t="s">
        <v>61</v>
      </c>
      <c r="G33676" s="16">
        <v>0.1798449966922793</v>
      </c>
    </row>
    <row r="33677" spans="1:7" x14ac:dyDescent="0.3">
      <c r="A33677" s="13" t="s">
        <v>208</v>
      </c>
      <c r="B33677" s="14" t="s">
        <v>1</v>
      </c>
      <c r="C33677" s="14" t="s">
        <v>47</v>
      </c>
      <c r="D33677" s="14" t="s">
        <v>209</v>
      </c>
      <c r="E33677" s="15">
        <v>45473</v>
      </c>
      <c r="F33677" s="14" t="s">
        <v>61</v>
      </c>
      <c r="G33677" s="16">
        <v>0.1798449966922793</v>
      </c>
    </row>
    <row r="33678" spans="1:7" x14ac:dyDescent="0.3">
      <c r="A33678" s="13" t="s">
        <v>208</v>
      </c>
      <c r="B33678" s="14" t="s">
        <v>1</v>
      </c>
      <c r="C33678" s="14" t="s">
        <v>47</v>
      </c>
      <c r="D33678" s="14" t="s">
        <v>209</v>
      </c>
      <c r="E33678" s="15">
        <v>45474</v>
      </c>
      <c r="F33678" s="14" t="s">
        <v>61</v>
      </c>
      <c r="G33678" s="16">
        <v>0.18579930223954325</v>
      </c>
    </row>
    <row r="33679" spans="1:7" x14ac:dyDescent="0.3">
      <c r="A33679" s="13" t="s">
        <v>208</v>
      </c>
      <c r="B33679" s="14" t="s">
        <v>1</v>
      </c>
      <c r="C33679" s="14" t="s">
        <v>47</v>
      </c>
      <c r="D33679" s="14" t="s">
        <v>209</v>
      </c>
      <c r="E33679" s="15">
        <v>45475</v>
      </c>
      <c r="F33679" s="14" t="s">
        <v>61</v>
      </c>
      <c r="G33679" s="16">
        <v>0.18072163365604785</v>
      </c>
    </row>
    <row r="33680" spans="1:7" x14ac:dyDescent="0.3">
      <c r="A33680" s="13" t="s">
        <v>208</v>
      </c>
      <c r="B33680" s="14" t="s">
        <v>1</v>
      </c>
      <c r="C33680" s="14" t="s">
        <v>47</v>
      </c>
      <c r="D33680" s="14" t="s">
        <v>209</v>
      </c>
      <c r="E33680" s="15">
        <v>45476</v>
      </c>
      <c r="F33680" s="14" t="s">
        <v>61</v>
      </c>
      <c r="G33680" s="16">
        <v>0.18825441985106367</v>
      </c>
    </row>
    <row r="33681" spans="1:7" x14ac:dyDescent="0.3">
      <c r="A33681" s="13" t="s">
        <v>208</v>
      </c>
      <c r="B33681" s="14" t="s">
        <v>1</v>
      </c>
      <c r="C33681" s="14" t="s">
        <v>47</v>
      </c>
      <c r="D33681" s="14" t="s">
        <v>209</v>
      </c>
      <c r="E33681" s="15">
        <v>45477</v>
      </c>
      <c r="F33681" s="14" t="s">
        <v>61</v>
      </c>
      <c r="G33681" s="16">
        <v>0.18825441985106367</v>
      </c>
    </row>
    <row r="33682" spans="1:7" x14ac:dyDescent="0.3">
      <c r="A33682" s="13" t="s">
        <v>208</v>
      </c>
      <c r="B33682" s="14" t="s">
        <v>1</v>
      </c>
      <c r="C33682" s="14" t="s">
        <v>47</v>
      </c>
      <c r="D33682" s="14" t="s">
        <v>209</v>
      </c>
      <c r="E33682" s="15">
        <v>45478</v>
      </c>
      <c r="F33682" s="14" t="s">
        <v>61</v>
      </c>
      <c r="G33682" s="16">
        <v>0.18529749391186939</v>
      </c>
    </row>
    <row r="33683" spans="1:7" x14ac:dyDescent="0.3">
      <c r="A33683" s="13" t="s">
        <v>208</v>
      </c>
      <c r="B33683" s="14" t="s">
        <v>1</v>
      </c>
      <c r="C33683" s="14" t="s">
        <v>47</v>
      </c>
      <c r="D33683" s="14" t="s">
        <v>209</v>
      </c>
      <c r="E33683" s="15">
        <v>45479</v>
      </c>
      <c r="F33683" s="14" t="s">
        <v>61</v>
      </c>
      <c r="G33683" s="16">
        <v>0.18529749391186939</v>
      </c>
    </row>
    <row r="33684" spans="1:7" x14ac:dyDescent="0.3">
      <c r="A33684" s="13" t="s">
        <v>208</v>
      </c>
      <c r="B33684" s="14" t="s">
        <v>1</v>
      </c>
      <c r="C33684" s="14" t="s">
        <v>47</v>
      </c>
      <c r="D33684" s="14" t="s">
        <v>209</v>
      </c>
      <c r="E33684" s="15">
        <v>45480</v>
      </c>
      <c r="F33684" s="14" t="s">
        <v>61</v>
      </c>
      <c r="G33684" s="16">
        <v>0.18529749391186939</v>
      </c>
    </row>
    <row r="33685" spans="1:7" x14ac:dyDescent="0.3">
      <c r="A33685" s="13" t="s">
        <v>208</v>
      </c>
      <c r="B33685" s="14" t="s">
        <v>1</v>
      </c>
      <c r="C33685" s="14" t="s">
        <v>47</v>
      </c>
      <c r="D33685" s="14" t="s">
        <v>209</v>
      </c>
      <c r="E33685" s="15">
        <v>45481</v>
      </c>
      <c r="F33685" s="14" t="s">
        <v>61</v>
      </c>
      <c r="G33685" s="16">
        <v>0.18134432925143779</v>
      </c>
    </row>
    <row r="33686" spans="1:7" x14ac:dyDescent="0.3">
      <c r="A33686" s="13" t="s">
        <v>208</v>
      </c>
      <c r="B33686" s="14" t="s">
        <v>1</v>
      </c>
      <c r="C33686" s="14" t="s">
        <v>47</v>
      </c>
      <c r="D33686" s="14" t="s">
        <v>209</v>
      </c>
      <c r="E33686" s="15">
        <v>45482</v>
      </c>
      <c r="F33686" s="14" t="s">
        <v>61</v>
      </c>
      <c r="G33686" s="16">
        <v>0.17518082385523573</v>
      </c>
    </row>
    <row r="33687" spans="1:7" x14ac:dyDescent="0.3">
      <c r="A33687" s="13" t="s">
        <v>208</v>
      </c>
      <c r="B33687" s="14" t="s">
        <v>1</v>
      </c>
      <c r="C33687" s="14" t="s">
        <v>47</v>
      </c>
      <c r="D33687" s="14" t="s">
        <v>209</v>
      </c>
      <c r="E33687" s="15">
        <v>45483</v>
      </c>
      <c r="F33687" s="14" t="s">
        <v>61</v>
      </c>
      <c r="G33687" s="16">
        <v>0.1728118454963101</v>
      </c>
    </row>
    <row r="33688" spans="1:7" x14ac:dyDescent="0.3">
      <c r="A33688" s="13" t="s">
        <v>208</v>
      </c>
      <c r="B33688" s="14" t="s">
        <v>1</v>
      </c>
      <c r="C33688" s="14" t="s">
        <v>47</v>
      </c>
      <c r="D33688" s="14" t="s">
        <v>209</v>
      </c>
      <c r="E33688" s="15">
        <v>45484</v>
      </c>
      <c r="F33688" s="14" t="s">
        <v>61</v>
      </c>
      <c r="G33688" s="16">
        <v>0.17009634120502004</v>
      </c>
    </row>
    <row r="33689" spans="1:7" x14ac:dyDescent="0.3">
      <c r="A33689" s="13" t="s">
        <v>208</v>
      </c>
      <c r="B33689" s="14" t="s">
        <v>1</v>
      </c>
      <c r="C33689" s="14" t="s">
        <v>47</v>
      </c>
      <c r="D33689" s="14" t="s">
        <v>209</v>
      </c>
      <c r="E33689" s="15">
        <v>45485</v>
      </c>
      <c r="F33689" s="14" t="s">
        <v>61</v>
      </c>
      <c r="G33689" s="16">
        <v>0.16736440466780725</v>
      </c>
    </row>
    <row r="33690" spans="1:7" x14ac:dyDescent="0.3">
      <c r="A33690" s="13" t="s">
        <v>208</v>
      </c>
      <c r="B33690" s="14" t="s">
        <v>1</v>
      </c>
      <c r="C33690" s="14" t="s">
        <v>47</v>
      </c>
      <c r="D33690" s="14" t="s">
        <v>209</v>
      </c>
      <c r="E33690" s="15">
        <v>45486</v>
      </c>
      <c r="F33690" s="14" t="s">
        <v>61</v>
      </c>
      <c r="G33690" s="16">
        <v>0.16736440466780725</v>
      </c>
    </row>
    <row r="33691" spans="1:7" x14ac:dyDescent="0.3">
      <c r="A33691" s="13" t="s">
        <v>208</v>
      </c>
      <c r="B33691" s="14" t="s">
        <v>1</v>
      </c>
      <c r="C33691" s="14" t="s">
        <v>47</v>
      </c>
      <c r="D33691" s="14" t="s">
        <v>209</v>
      </c>
      <c r="E33691" s="15">
        <v>45487</v>
      </c>
      <c r="F33691" s="14" t="s">
        <v>61</v>
      </c>
      <c r="G33691" s="16">
        <v>0.16736440466780725</v>
      </c>
    </row>
    <row r="33692" spans="1:7" x14ac:dyDescent="0.3">
      <c r="A33692" s="13" t="s">
        <v>208</v>
      </c>
      <c r="B33692" s="14" t="s">
        <v>1</v>
      </c>
      <c r="C33692" s="14" t="s">
        <v>47</v>
      </c>
      <c r="D33692" s="14" t="s">
        <v>209</v>
      </c>
      <c r="E33692" s="15">
        <v>45488</v>
      </c>
      <c r="F33692" s="14" t="s">
        <v>61</v>
      </c>
      <c r="G33692" s="16">
        <v>0.16836764314726999</v>
      </c>
    </row>
    <row r="33693" spans="1:7" x14ac:dyDescent="0.3">
      <c r="A33693" s="13" t="s">
        <v>208</v>
      </c>
      <c r="B33693" s="14" t="s">
        <v>1</v>
      </c>
      <c r="C33693" s="14" t="s">
        <v>47</v>
      </c>
      <c r="D33693" s="14" t="s">
        <v>209</v>
      </c>
      <c r="E33693" s="15">
        <v>45489</v>
      </c>
      <c r="F33693" s="14" t="s">
        <v>61</v>
      </c>
      <c r="G33693" s="16">
        <v>0.16169251564059589</v>
      </c>
    </row>
    <row r="33694" spans="1:7" x14ac:dyDescent="0.3">
      <c r="A33694" s="13" t="s">
        <v>208</v>
      </c>
      <c r="B33694" s="14" t="s">
        <v>1</v>
      </c>
      <c r="C33694" s="14" t="s">
        <v>47</v>
      </c>
      <c r="D33694" s="14" t="s">
        <v>209</v>
      </c>
      <c r="E33694" s="15">
        <v>45490</v>
      </c>
      <c r="F33694" s="14" t="s">
        <v>61</v>
      </c>
      <c r="G33694" s="16">
        <v>0.1589553155391821</v>
      </c>
    </row>
    <row r="33695" spans="1:7" x14ac:dyDescent="0.3">
      <c r="A33695" s="13" t="s">
        <v>208</v>
      </c>
      <c r="B33695" s="14" t="s">
        <v>1</v>
      </c>
      <c r="C33695" s="14" t="s">
        <v>47</v>
      </c>
      <c r="D33695" s="14" t="s">
        <v>209</v>
      </c>
      <c r="E33695" s="15">
        <v>45491</v>
      </c>
      <c r="F33695" s="14" t="s">
        <v>61</v>
      </c>
      <c r="G33695" s="16">
        <v>0.15742878600498905</v>
      </c>
    </row>
    <row r="33696" spans="1:7" x14ac:dyDescent="0.3">
      <c r="A33696" s="13" t="s">
        <v>208</v>
      </c>
      <c r="B33696" s="14" t="s">
        <v>1</v>
      </c>
      <c r="C33696" s="14" t="s">
        <v>47</v>
      </c>
      <c r="D33696" s="14" t="s">
        <v>209</v>
      </c>
      <c r="E33696" s="15">
        <v>45492</v>
      </c>
      <c r="F33696" s="14" t="s">
        <v>61</v>
      </c>
      <c r="G33696" s="16">
        <v>0.15549601139794064</v>
      </c>
    </row>
    <row r="33697" spans="1:7" x14ac:dyDescent="0.3">
      <c r="A33697" s="13" t="s">
        <v>208</v>
      </c>
      <c r="B33697" s="14" t="s">
        <v>1</v>
      </c>
      <c r="C33697" s="14" t="s">
        <v>47</v>
      </c>
      <c r="D33697" s="14" t="s">
        <v>209</v>
      </c>
      <c r="E33697" s="15">
        <v>45493</v>
      </c>
      <c r="F33697" s="14" t="s">
        <v>61</v>
      </c>
      <c r="G33697" s="16">
        <v>0.15549601139794064</v>
      </c>
    </row>
    <row r="33698" spans="1:7" x14ac:dyDescent="0.3">
      <c r="A33698" s="13" t="s">
        <v>208</v>
      </c>
      <c r="B33698" s="14" t="s">
        <v>1</v>
      </c>
      <c r="C33698" s="14" t="s">
        <v>47</v>
      </c>
      <c r="D33698" s="14" t="s">
        <v>209</v>
      </c>
      <c r="E33698" s="15">
        <v>45494</v>
      </c>
      <c r="F33698" s="14" t="s">
        <v>61</v>
      </c>
      <c r="G33698" s="16">
        <v>0.15549601139794064</v>
      </c>
    </row>
    <row r="33699" spans="1:7" x14ac:dyDescent="0.3">
      <c r="A33699" s="13" t="s">
        <v>208</v>
      </c>
      <c r="B33699" s="14" t="s">
        <v>1</v>
      </c>
      <c r="C33699" s="14" t="s">
        <v>47</v>
      </c>
      <c r="D33699" s="14" t="s">
        <v>209</v>
      </c>
      <c r="E33699" s="15">
        <v>45495</v>
      </c>
      <c r="F33699" s="14" t="s">
        <v>61</v>
      </c>
      <c r="G33699" s="16">
        <v>0.15321396156070696</v>
      </c>
    </row>
    <row r="33700" spans="1:7" x14ac:dyDescent="0.3">
      <c r="A33700" s="13" t="s">
        <v>208</v>
      </c>
      <c r="B33700" s="14" t="s">
        <v>1</v>
      </c>
      <c r="C33700" s="14" t="s">
        <v>47</v>
      </c>
      <c r="D33700" s="14" t="s">
        <v>209</v>
      </c>
      <c r="E33700" s="15">
        <v>45496</v>
      </c>
      <c r="F33700" s="14" t="s">
        <v>61</v>
      </c>
      <c r="G33700" s="16">
        <v>0.14754857032507152</v>
      </c>
    </row>
    <row r="33701" spans="1:7" x14ac:dyDescent="0.3">
      <c r="A33701" s="13" t="s">
        <v>208</v>
      </c>
      <c r="B33701" s="14" t="s">
        <v>1</v>
      </c>
      <c r="C33701" s="14" t="s">
        <v>47</v>
      </c>
      <c r="D33701" s="14" t="s">
        <v>209</v>
      </c>
      <c r="E33701" s="15">
        <v>45497</v>
      </c>
      <c r="F33701" s="14" t="s">
        <v>61</v>
      </c>
      <c r="G33701" s="16">
        <v>0.1456360588869339</v>
      </c>
    </row>
    <row r="33702" spans="1:7" x14ac:dyDescent="0.3">
      <c r="A33702" s="13" t="s">
        <v>208</v>
      </c>
      <c r="B33702" s="14" t="s">
        <v>1</v>
      </c>
      <c r="C33702" s="14" t="s">
        <v>47</v>
      </c>
      <c r="D33702" s="14" t="s">
        <v>209</v>
      </c>
      <c r="E33702" s="15">
        <v>45498</v>
      </c>
      <c r="F33702" s="14" t="s">
        <v>61</v>
      </c>
      <c r="G33702" s="16">
        <v>0.14348680773163489</v>
      </c>
    </row>
    <row r="33703" spans="1:7" x14ac:dyDescent="0.3">
      <c r="A33703" s="13" t="s">
        <v>208</v>
      </c>
      <c r="B33703" s="14" t="s">
        <v>1</v>
      </c>
      <c r="C33703" s="14" t="s">
        <v>47</v>
      </c>
      <c r="D33703" s="14" t="s">
        <v>209</v>
      </c>
      <c r="E33703" s="15">
        <v>45499</v>
      </c>
      <c r="F33703" s="14" t="s">
        <v>61</v>
      </c>
      <c r="G33703" s="16">
        <v>0.14131484227412686</v>
      </c>
    </row>
    <row r="33704" spans="1:7" x14ac:dyDescent="0.3">
      <c r="A33704" s="13" t="s">
        <v>208</v>
      </c>
      <c r="B33704" s="14" t="s">
        <v>1</v>
      </c>
      <c r="C33704" s="14" t="s">
        <v>47</v>
      </c>
      <c r="D33704" s="14" t="s">
        <v>209</v>
      </c>
      <c r="E33704" s="15">
        <v>45500</v>
      </c>
      <c r="F33704" s="14" t="s">
        <v>61</v>
      </c>
      <c r="G33704" s="16">
        <v>0.14131484227412686</v>
      </c>
    </row>
    <row r="33705" spans="1:7" x14ac:dyDescent="0.3">
      <c r="A33705" s="13" t="s">
        <v>208</v>
      </c>
      <c r="B33705" s="14" t="s">
        <v>1</v>
      </c>
      <c r="C33705" s="14" t="s">
        <v>47</v>
      </c>
      <c r="D33705" s="14" t="s">
        <v>209</v>
      </c>
      <c r="E33705" s="15">
        <v>45501</v>
      </c>
      <c r="F33705" s="14" t="s">
        <v>61</v>
      </c>
      <c r="G33705" s="16">
        <v>0.14131484227412686</v>
      </c>
    </row>
    <row r="33706" spans="1:7" x14ac:dyDescent="0.3">
      <c r="A33706" s="13" t="s">
        <v>208</v>
      </c>
      <c r="B33706" s="14" t="s">
        <v>1</v>
      </c>
      <c r="C33706" s="14" t="s">
        <v>47</v>
      </c>
      <c r="D33706" s="14" t="s">
        <v>209</v>
      </c>
      <c r="E33706" s="15">
        <v>45502</v>
      </c>
      <c r="F33706" s="14" t="s">
        <v>61</v>
      </c>
      <c r="G33706" s="16">
        <v>0.13983167340552496</v>
      </c>
    </row>
    <row r="33707" spans="1:7" x14ac:dyDescent="0.3">
      <c r="A33707" s="13" t="s">
        <v>208</v>
      </c>
      <c r="B33707" s="14" t="s">
        <v>1</v>
      </c>
      <c r="C33707" s="14" t="s">
        <v>47</v>
      </c>
      <c r="D33707" s="14" t="s">
        <v>209</v>
      </c>
      <c r="E33707" s="15">
        <v>45503</v>
      </c>
      <c r="F33707" s="14" t="s">
        <v>61</v>
      </c>
      <c r="G33707" s="16">
        <v>0.13388826323025321</v>
      </c>
    </row>
    <row r="33708" spans="1:7" x14ac:dyDescent="0.3">
      <c r="A33708" s="13" t="s">
        <v>208</v>
      </c>
      <c r="B33708" s="14" t="s">
        <v>1</v>
      </c>
      <c r="C33708" s="14" t="s">
        <v>47</v>
      </c>
      <c r="D33708" s="14" t="s">
        <v>209</v>
      </c>
      <c r="E33708" s="15">
        <v>45504</v>
      </c>
      <c r="F33708" s="14" t="s">
        <v>61</v>
      </c>
      <c r="G33708" s="16">
        <v>0.13176700334672409</v>
      </c>
    </row>
    <row r="33709" spans="1:7" x14ac:dyDescent="0.3">
      <c r="A33709" s="13" t="s">
        <v>208</v>
      </c>
      <c r="B33709" s="14" t="s">
        <v>1</v>
      </c>
      <c r="C33709" s="14" t="s">
        <v>47</v>
      </c>
      <c r="D33709" s="14" t="s">
        <v>209</v>
      </c>
      <c r="E33709" s="15">
        <v>45505</v>
      </c>
      <c r="F33709" s="14" t="s">
        <v>61</v>
      </c>
      <c r="G33709" s="16">
        <v>0.13021532965463331</v>
      </c>
    </row>
    <row r="33710" spans="1:7" x14ac:dyDescent="0.3">
      <c r="A33710" s="13" t="s">
        <v>208</v>
      </c>
      <c r="B33710" s="14" t="s">
        <v>1</v>
      </c>
      <c r="C33710" s="14" t="s">
        <v>47</v>
      </c>
      <c r="D33710" s="14" t="s">
        <v>209</v>
      </c>
      <c r="E33710" s="15">
        <v>45506</v>
      </c>
      <c r="F33710" s="14" t="s">
        <v>61</v>
      </c>
      <c r="G33710" s="16">
        <v>0.12632320113815595</v>
      </c>
    </row>
    <row r="33711" spans="1:7" x14ac:dyDescent="0.3">
      <c r="A33711" s="13" t="s">
        <v>208</v>
      </c>
      <c r="B33711" s="14" t="s">
        <v>1</v>
      </c>
      <c r="C33711" s="14" t="s">
        <v>47</v>
      </c>
      <c r="D33711" s="14" t="s">
        <v>209</v>
      </c>
      <c r="E33711" s="15">
        <v>45507</v>
      </c>
      <c r="F33711" s="14" t="s">
        <v>61</v>
      </c>
      <c r="G33711" s="16">
        <v>0.12632320113815595</v>
      </c>
    </row>
    <row r="33712" spans="1:7" x14ac:dyDescent="0.3">
      <c r="A33712" s="13" t="s">
        <v>208</v>
      </c>
      <c r="B33712" s="14" t="s">
        <v>1</v>
      </c>
      <c r="C33712" s="14" t="s">
        <v>47</v>
      </c>
      <c r="D33712" s="14" t="s">
        <v>209</v>
      </c>
      <c r="E33712" s="15">
        <v>45508</v>
      </c>
      <c r="F33712" s="14" t="s">
        <v>61</v>
      </c>
      <c r="G33712" s="16">
        <v>0.12632320113815595</v>
      </c>
    </row>
    <row r="33713" spans="1:7" x14ac:dyDescent="0.3">
      <c r="A33713" s="13" t="s">
        <v>208</v>
      </c>
      <c r="B33713" s="14" t="s">
        <v>1</v>
      </c>
      <c r="C33713" s="14" t="s">
        <v>47</v>
      </c>
      <c r="D33713" s="14" t="s">
        <v>209</v>
      </c>
      <c r="E33713" s="15">
        <v>45509</v>
      </c>
      <c r="F33713" s="14" t="s">
        <v>61</v>
      </c>
      <c r="G33713" s="16">
        <v>0.12632320113815595</v>
      </c>
    </row>
    <row r="33714" spans="1:7" x14ac:dyDescent="0.3">
      <c r="A33714" s="13" t="s">
        <v>208</v>
      </c>
      <c r="B33714" s="14" t="s">
        <v>1</v>
      </c>
      <c r="C33714" s="14" t="s">
        <v>47</v>
      </c>
      <c r="D33714" s="14" t="s">
        <v>209</v>
      </c>
      <c r="E33714" s="15">
        <v>45510</v>
      </c>
      <c r="F33714" s="14" t="s">
        <v>61</v>
      </c>
      <c r="G33714" s="16">
        <v>0.1241658734181585</v>
      </c>
    </row>
    <row r="33715" spans="1:7" x14ac:dyDescent="0.3">
      <c r="A33715" s="13" t="s">
        <v>208</v>
      </c>
      <c r="B33715" s="14" t="s">
        <v>1</v>
      </c>
      <c r="C33715" s="14" t="s">
        <v>47</v>
      </c>
      <c r="D33715" s="14" t="s">
        <v>209</v>
      </c>
      <c r="E33715" s="15">
        <v>45511</v>
      </c>
      <c r="F33715" s="14" t="s">
        <v>61</v>
      </c>
      <c r="G33715" s="16">
        <v>0.11678191371161289</v>
      </c>
    </row>
    <row r="33716" spans="1:7" x14ac:dyDescent="0.3">
      <c r="A33716" s="13" t="s">
        <v>208</v>
      </c>
      <c r="B33716" s="14" t="s">
        <v>1</v>
      </c>
      <c r="C33716" s="14" t="s">
        <v>47</v>
      </c>
      <c r="D33716" s="14" t="s">
        <v>209</v>
      </c>
      <c r="E33716" s="15">
        <v>45512</v>
      </c>
      <c r="F33716" s="14" t="s">
        <v>61</v>
      </c>
      <c r="G33716" s="16">
        <v>0.11497493942200579</v>
      </c>
    </row>
    <row r="33717" spans="1:7" x14ac:dyDescent="0.3">
      <c r="A33717" s="13" t="s">
        <v>208</v>
      </c>
      <c r="B33717" s="14" t="s">
        <v>1</v>
      </c>
      <c r="C33717" s="14" t="s">
        <v>47</v>
      </c>
      <c r="D33717" s="14" t="s">
        <v>209</v>
      </c>
      <c r="E33717" s="15">
        <v>45513</v>
      </c>
      <c r="F33717" s="14" t="s">
        <v>61</v>
      </c>
      <c r="G33717" s="16">
        <v>0.11317442182595604</v>
      </c>
    </row>
    <row r="33718" spans="1:7" x14ac:dyDescent="0.3">
      <c r="A33718" s="13" t="s">
        <v>208</v>
      </c>
      <c r="B33718" s="14" t="s">
        <v>1</v>
      </c>
      <c r="C33718" s="14" t="s">
        <v>47</v>
      </c>
      <c r="D33718" s="14" t="s">
        <v>209</v>
      </c>
      <c r="E33718" s="15">
        <v>45514</v>
      </c>
      <c r="F33718" s="14" t="s">
        <v>61</v>
      </c>
      <c r="G33718" s="16">
        <v>0.11317442182595604</v>
      </c>
    </row>
    <row r="33719" spans="1:7" x14ac:dyDescent="0.3">
      <c r="A33719" s="13" t="s">
        <v>208</v>
      </c>
      <c r="B33719" s="14" t="s">
        <v>1</v>
      </c>
      <c r="C33719" s="14" t="s">
        <v>47</v>
      </c>
      <c r="D33719" s="14" t="s">
        <v>209</v>
      </c>
      <c r="E33719" s="15">
        <v>45515</v>
      </c>
      <c r="F33719" s="14" t="s">
        <v>61</v>
      </c>
      <c r="G33719" s="16">
        <v>0.11317442182595604</v>
      </c>
    </row>
    <row r="33720" spans="1:7" x14ac:dyDescent="0.3">
      <c r="A33720" s="13" t="s">
        <v>208</v>
      </c>
      <c r="B33720" s="14" t="s">
        <v>1</v>
      </c>
      <c r="C33720" s="14" t="s">
        <v>47</v>
      </c>
      <c r="D33720" s="14" t="s">
        <v>209</v>
      </c>
      <c r="E33720" s="15">
        <v>45516</v>
      </c>
      <c r="F33720" s="14" t="s">
        <v>61</v>
      </c>
      <c r="G33720" s="16">
        <v>0.11114221935926791</v>
      </c>
    </row>
    <row r="33721" spans="1:7" x14ac:dyDescent="0.3">
      <c r="A33721" s="13" t="s">
        <v>208</v>
      </c>
      <c r="B33721" s="14" t="s">
        <v>1</v>
      </c>
      <c r="C33721" s="14" t="s">
        <v>47</v>
      </c>
      <c r="D33721" s="14" t="s">
        <v>209</v>
      </c>
      <c r="E33721" s="15">
        <v>45517</v>
      </c>
      <c r="F33721" s="14" t="s">
        <v>61</v>
      </c>
      <c r="G33721" s="16">
        <v>0.10567955688046209</v>
      </c>
    </row>
    <row r="33722" spans="1:7" x14ac:dyDescent="0.3">
      <c r="A33722" s="13" t="s">
        <v>208</v>
      </c>
      <c r="B33722" s="14" t="s">
        <v>1</v>
      </c>
      <c r="C33722" s="14" t="s">
        <v>47</v>
      </c>
      <c r="D33722" s="14" t="s">
        <v>209</v>
      </c>
      <c r="E33722" s="15">
        <v>45518</v>
      </c>
      <c r="F33722" s="14" t="s">
        <v>61</v>
      </c>
      <c r="G33722" s="16">
        <v>0.10361878114781192</v>
      </c>
    </row>
    <row r="33723" spans="1:7" x14ac:dyDescent="0.3">
      <c r="A33723" s="13" t="s">
        <v>208</v>
      </c>
      <c r="B33723" s="14" t="s">
        <v>1</v>
      </c>
      <c r="C33723" s="14" t="s">
        <v>47</v>
      </c>
      <c r="D33723" s="14" t="s">
        <v>209</v>
      </c>
      <c r="E33723" s="15">
        <v>45519</v>
      </c>
      <c r="F33723" s="14" t="s">
        <v>61</v>
      </c>
      <c r="G33723" s="16">
        <v>0.10205392336331186</v>
      </c>
    </row>
    <row r="33724" spans="1:7" x14ac:dyDescent="0.3">
      <c r="A33724" s="13" t="s">
        <v>208</v>
      </c>
      <c r="B33724" s="14" t="s">
        <v>1</v>
      </c>
      <c r="C33724" s="14" t="s">
        <v>47</v>
      </c>
      <c r="D33724" s="14" t="s">
        <v>209</v>
      </c>
      <c r="E33724" s="15">
        <v>45520</v>
      </c>
      <c r="F33724" s="14" t="s">
        <v>61</v>
      </c>
      <c r="G33724" s="16">
        <v>0.1013169296591856</v>
      </c>
    </row>
    <row r="33725" spans="1:7" x14ac:dyDescent="0.3">
      <c r="A33725" s="13" t="s">
        <v>208</v>
      </c>
      <c r="B33725" s="14" t="s">
        <v>1</v>
      </c>
      <c r="C33725" s="14" t="s">
        <v>47</v>
      </c>
      <c r="D33725" s="14" t="s">
        <v>209</v>
      </c>
      <c r="E33725" s="15">
        <v>45521</v>
      </c>
      <c r="F33725" s="14" t="s">
        <v>61</v>
      </c>
      <c r="G33725" s="16">
        <v>0.1013169296591856</v>
      </c>
    </row>
    <row r="33726" spans="1:7" x14ac:dyDescent="0.3">
      <c r="A33726" s="13" t="s">
        <v>208</v>
      </c>
      <c r="B33726" s="14" t="s">
        <v>1</v>
      </c>
      <c r="C33726" s="14" t="s">
        <v>47</v>
      </c>
      <c r="D33726" s="14" t="s">
        <v>209</v>
      </c>
      <c r="E33726" s="15">
        <v>45522</v>
      </c>
      <c r="F33726" s="14" t="s">
        <v>61</v>
      </c>
      <c r="G33726" s="16">
        <v>0.1013169296591856</v>
      </c>
    </row>
    <row r="33727" spans="1:7" x14ac:dyDescent="0.3">
      <c r="A33727" s="13" t="s">
        <v>208</v>
      </c>
      <c r="B33727" s="14" t="s">
        <v>1</v>
      </c>
      <c r="C33727" s="14" t="s">
        <v>47</v>
      </c>
      <c r="D33727" s="14" t="s">
        <v>209</v>
      </c>
      <c r="E33727" s="15">
        <v>45523</v>
      </c>
      <c r="F33727" s="14" t="s">
        <v>61</v>
      </c>
      <c r="G33727" s="16">
        <v>9.8796888006643824E-2</v>
      </c>
    </row>
    <row r="33728" spans="1:7" x14ac:dyDescent="0.3">
      <c r="A33728" s="13" t="s">
        <v>208</v>
      </c>
      <c r="B33728" s="14" t="s">
        <v>1</v>
      </c>
      <c r="C33728" s="14" t="s">
        <v>47</v>
      </c>
      <c r="D33728" s="14" t="s">
        <v>209</v>
      </c>
      <c r="E33728" s="15">
        <v>45524</v>
      </c>
      <c r="F33728" s="14" t="s">
        <v>61</v>
      </c>
      <c r="G33728" s="16">
        <v>9.2418746171270758E-2</v>
      </c>
    </row>
    <row r="33729" spans="1:7" x14ac:dyDescent="0.3">
      <c r="A33729" s="13" t="s">
        <v>208</v>
      </c>
      <c r="B33729" s="14" t="s">
        <v>1</v>
      </c>
      <c r="C33729" s="14" t="s">
        <v>47</v>
      </c>
      <c r="D33729" s="14" t="s">
        <v>209</v>
      </c>
      <c r="E33729" s="15">
        <v>45525</v>
      </c>
      <c r="F33729" s="14" t="s">
        <v>61</v>
      </c>
      <c r="G33729" s="16">
        <v>9.0231603694997067E-2</v>
      </c>
    </row>
    <row r="33730" spans="1:7" x14ac:dyDescent="0.3">
      <c r="A33730" s="13" t="s">
        <v>208</v>
      </c>
      <c r="B33730" s="14" t="s">
        <v>1</v>
      </c>
      <c r="C33730" s="14" t="s">
        <v>47</v>
      </c>
      <c r="D33730" s="14" t="s">
        <v>209</v>
      </c>
      <c r="E33730" s="15">
        <v>45526</v>
      </c>
      <c r="F33730" s="14" t="s">
        <v>61</v>
      </c>
      <c r="G33730" s="16">
        <v>8.8498514688741967E-2</v>
      </c>
    </row>
    <row r="33731" spans="1:7" x14ac:dyDescent="0.3">
      <c r="A33731" s="13" t="s">
        <v>208</v>
      </c>
      <c r="B33731" s="14" t="s">
        <v>1</v>
      </c>
      <c r="C33731" s="14" t="s">
        <v>47</v>
      </c>
      <c r="D33731" s="14" t="s">
        <v>209</v>
      </c>
      <c r="E33731" s="15">
        <v>45527</v>
      </c>
      <c r="F33731" s="14" t="s">
        <v>61</v>
      </c>
      <c r="G33731" s="16">
        <v>8.5809542009921053E-2</v>
      </c>
    </row>
    <row r="33732" spans="1:7" x14ac:dyDescent="0.3">
      <c r="A33732" s="13" t="s">
        <v>208</v>
      </c>
      <c r="B33732" s="14" t="s">
        <v>1</v>
      </c>
      <c r="C33732" s="14" t="s">
        <v>47</v>
      </c>
      <c r="D33732" s="14" t="s">
        <v>209</v>
      </c>
      <c r="E33732" s="15">
        <v>45528</v>
      </c>
      <c r="F33732" s="14" t="s">
        <v>61</v>
      </c>
      <c r="G33732" s="16">
        <v>8.5809542009921053E-2</v>
      </c>
    </row>
    <row r="33733" spans="1:7" x14ac:dyDescent="0.3">
      <c r="A33733" s="13" t="s">
        <v>208</v>
      </c>
      <c r="B33733" s="14" t="s">
        <v>1</v>
      </c>
      <c r="C33733" s="14" t="s">
        <v>47</v>
      </c>
      <c r="D33733" s="14" t="s">
        <v>209</v>
      </c>
      <c r="E33733" s="15">
        <v>45529</v>
      </c>
      <c r="F33733" s="14" t="s">
        <v>61</v>
      </c>
      <c r="G33733" s="16">
        <v>8.5809542009921053E-2</v>
      </c>
    </row>
    <row r="33734" spans="1:7" x14ac:dyDescent="0.3">
      <c r="A33734" s="13" t="s">
        <v>208</v>
      </c>
      <c r="B33734" s="14" t="s">
        <v>1</v>
      </c>
      <c r="C33734" s="14" t="s">
        <v>47</v>
      </c>
      <c r="D33734" s="14" t="s">
        <v>209</v>
      </c>
      <c r="E33734" s="15">
        <v>45530</v>
      </c>
      <c r="F33734" s="14" t="s">
        <v>61</v>
      </c>
      <c r="G33734" s="16">
        <v>8.5809542009921053E-2</v>
      </c>
    </row>
    <row r="33735" spans="1:7" x14ac:dyDescent="0.3">
      <c r="A33735" s="13" t="s">
        <v>208</v>
      </c>
      <c r="B33735" s="14" t="s">
        <v>1</v>
      </c>
      <c r="C33735" s="14" t="s">
        <v>47</v>
      </c>
      <c r="D33735" s="14" t="s">
        <v>209</v>
      </c>
      <c r="E33735" s="15">
        <v>45531</v>
      </c>
      <c r="F33735" s="14" t="s">
        <v>61</v>
      </c>
      <c r="G33735" s="16">
        <v>8.3835192229484795E-2</v>
      </c>
    </row>
    <row r="33736" spans="1:7" x14ac:dyDescent="0.3">
      <c r="A33736" s="13" t="s">
        <v>208</v>
      </c>
      <c r="B33736" s="14" t="s">
        <v>1</v>
      </c>
      <c r="C33736" s="14" t="s">
        <v>47</v>
      </c>
      <c r="D33736" s="14" t="s">
        <v>209</v>
      </c>
      <c r="E33736" s="15">
        <v>45532</v>
      </c>
      <c r="F33736" s="14" t="s">
        <v>61</v>
      </c>
      <c r="G33736" s="16">
        <v>7.5850942938411811E-2</v>
      </c>
    </row>
    <row r="33737" spans="1:7" x14ac:dyDescent="0.3">
      <c r="A33737" s="13" t="s">
        <v>208</v>
      </c>
      <c r="B33737" s="14" t="s">
        <v>1</v>
      </c>
      <c r="C33737" s="14" t="s">
        <v>47</v>
      </c>
      <c r="D33737" s="14" t="s">
        <v>209</v>
      </c>
      <c r="E33737" s="15">
        <v>45533</v>
      </c>
      <c r="F33737" s="14" t="s">
        <v>61</v>
      </c>
      <c r="G33737" s="16">
        <v>7.4042686050146453E-2</v>
      </c>
    </row>
    <row r="33738" spans="1:7" x14ac:dyDescent="0.3">
      <c r="A33738" s="13" t="s">
        <v>208</v>
      </c>
      <c r="B33738" s="14" t="s">
        <v>1</v>
      </c>
      <c r="C33738" s="14" t="s">
        <v>47</v>
      </c>
      <c r="D33738" s="14" t="s">
        <v>209</v>
      </c>
      <c r="E33738" s="15">
        <v>45534</v>
      </c>
      <c r="F33738" s="14" t="s">
        <v>61</v>
      </c>
      <c r="G33738" s="16">
        <v>7.2155886983608086E-2</v>
      </c>
    </row>
    <row r="33739" spans="1:7" x14ac:dyDescent="0.3">
      <c r="A33739" s="13" t="s">
        <v>208</v>
      </c>
      <c r="B33739" s="14" t="s">
        <v>1</v>
      </c>
      <c r="C33739" s="14" t="s">
        <v>47</v>
      </c>
      <c r="D33739" s="14" t="s">
        <v>209</v>
      </c>
      <c r="E33739" s="15">
        <v>45535</v>
      </c>
      <c r="F33739" s="14" t="s">
        <v>61</v>
      </c>
      <c r="G33739" s="16">
        <v>7.2155886983608086E-2</v>
      </c>
    </row>
    <row r="33740" spans="1:7" x14ac:dyDescent="0.3">
      <c r="A33740" s="13" t="s">
        <v>208</v>
      </c>
      <c r="B33740" s="14" t="s">
        <v>1</v>
      </c>
      <c r="C33740" s="14" t="s">
        <v>47</v>
      </c>
      <c r="D33740" s="14" t="s">
        <v>209</v>
      </c>
      <c r="E33740" s="15">
        <v>45536</v>
      </c>
      <c r="F33740" s="14" t="s">
        <v>61</v>
      </c>
      <c r="G33740" s="16">
        <v>7.2155886983608086E-2</v>
      </c>
    </row>
    <row r="33741" spans="1:7" x14ac:dyDescent="0.3">
      <c r="A33741" s="13" t="s">
        <v>208</v>
      </c>
      <c r="B33741" s="14" t="s">
        <v>1</v>
      </c>
      <c r="C33741" s="14" t="s">
        <v>47</v>
      </c>
      <c r="D33741" s="14" t="s">
        <v>209</v>
      </c>
      <c r="E33741" s="15">
        <v>45537</v>
      </c>
      <c r="F33741" s="14" t="s">
        <v>61</v>
      </c>
      <c r="G33741" s="16">
        <v>7.2155886983608086E-2</v>
      </c>
    </row>
    <row r="33742" spans="1:7" x14ac:dyDescent="0.3">
      <c r="A33742" s="13" t="s">
        <v>208</v>
      </c>
      <c r="B33742" s="14" t="s">
        <v>1</v>
      </c>
      <c r="C33742" s="14" t="s">
        <v>47</v>
      </c>
      <c r="D33742" s="14" t="s">
        <v>209</v>
      </c>
      <c r="E33742" s="15">
        <v>45538</v>
      </c>
      <c r="F33742" s="14" t="s">
        <v>61</v>
      </c>
      <c r="G33742" s="16">
        <v>7.3252518442239956E-2</v>
      </c>
    </row>
    <row r="33743" spans="1:7" x14ac:dyDescent="0.3">
      <c r="A33743" s="13" t="s">
        <v>208</v>
      </c>
      <c r="B33743" s="14" t="s">
        <v>1</v>
      </c>
      <c r="C33743" s="14" t="s">
        <v>47</v>
      </c>
      <c r="D33743" s="14" t="s">
        <v>209</v>
      </c>
      <c r="E33743" s="15">
        <v>45539</v>
      </c>
      <c r="F33743" s="14" t="s">
        <v>61</v>
      </c>
      <c r="G33743" s="16">
        <v>6.8978309327894199E-2</v>
      </c>
    </row>
    <row r="33744" spans="1:7" x14ac:dyDescent="0.3">
      <c r="A33744" s="13" t="s">
        <v>208</v>
      </c>
      <c r="B33744" s="14" t="s">
        <v>1</v>
      </c>
      <c r="C33744" s="14" t="s">
        <v>47</v>
      </c>
      <c r="D33744" s="14" t="s">
        <v>209</v>
      </c>
      <c r="E33744" s="15">
        <v>45540</v>
      </c>
      <c r="F33744" s="14" t="s">
        <v>61</v>
      </c>
      <c r="G33744" s="16">
        <v>7.2948798863611303E-2</v>
      </c>
    </row>
    <row r="33745" spans="1:7" x14ac:dyDescent="0.3">
      <c r="A33745" s="13" t="s">
        <v>208</v>
      </c>
      <c r="B33745" s="14" t="s">
        <v>1</v>
      </c>
      <c r="C33745" s="14" t="s">
        <v>47</v>
      </c>
      <c r="D33745" s="14" t="s">
        <v>209</v>
      </c>
      <c r="E33745" s="15">
        <v>45541</v>
      </c>
      <c r="F33745" s="14" t="s">
        <v>61</v>
      </c>
      <c r="G33745" s="16">
        <v>7.1099158769054233E-2</v>
      </c>
    </row>
    <row r="33746" spans="1:7" x14ac:dyDescent="0.3">
      <c r="A33746" s="13" t="s">
        <v>208</v>
      </c>
      <c r="B33746" s="14" t="s">
        <v>1</v>
      </c>
      <c r="C33746" s="14" t="s">
        <v>47</v>
      </c>
      <c r="D33746" s="14" t="s">
        <v>209</v>
      </c>
      <c r="E33746" s="15">
        <v>45542</v>
      </c>
      <c r="F33746" s="14" t="s">
        <v>61</v>
      </c>
      <c r="G33746" s="16">
        <v>7.1099158769054233E-2</v>
      </c>
    </row>
    <row r="33747" spans="1:7" x14ac:dyDescent="0.3">
      <c r="A33747" s="13" t="s">
        <v>208</v>
      </c>
      <c r="B33747" s="14" t="s">
        <v>1</v>
      </c>
      <c r="C33747" s="14" t="s">
        <v>47</v>
      </c>
      <c r="D33747" s="14" t="s">
        <v>209</v>
      </c>
      <c r="E33747" s="15">
        <v>45543</v>
      </c>
      <c r="F33747" s="14" t="s">
        <v>61</v>
      </c>
      <c r="G33747" s="16">
        <v>7.1099158769054233E-2</v>
      </c>
    </row>
    <row r="33748" spans="1:7" x14ac:dyDescent="0.3">
      <c r="A33748" s="13" t="s">
        <v>208</v>
      </c>
      <c r="B33748" s="14" t="s">
        <v>1</v>
      </c>
      <c r="C33748" s="14" t="s">
        <v>47</v>
      </c>
      <c r="D33748" s="14" t="s">
        <v>209</v>
      </c>
      <c r="E33748" s="15">
        <v>45544</v>
      </c>
      <c r="F33748" s="14" t="s">
        <v>61</v>
      </c>
      <c r="G33748" s="16">
        <v>6.9434566277006574E-2</v>
      </c>
    </row>
    <row r="33749" spans="1:7" x14ac:dyDescent="0.3">
      <c r="A33749" s="13" t="s">
        <v>208</v>
      </c>
      <c r="B33749" s="14" t="s">
        <v>1</v>
      </c>
      <c r="C33749" s="14" t="s">
        <v>47</v>
      </c>
      <c r="D33749" s="14" t="s">
        <v>209</v>
      </c>
      <c r="E33749" s="15">
        <v>45545</v>
      </c>
      <c r="F33749" s="14" t="s">
        <v>61</v>
      </c>
      <c r="G33749" s="16">
        <v>6.3641383157283279E-2</v>
      </c>
    </row>
    <row r="33750" spans="1:7" x14ac:dyDescent="0.3">
      <c r="A33750" s="13" t="s">
        <v>208</v>
      </c>
      <c r="B33750" s="14" t="s">
        <v>1</v>
      </c>
      <c r="C33750" s="14" t="s">
        <v>47</v>
      </c>
      <c r="D33750" s="14" t="s">
        <v>209</v>
      </c>
      <c r="E33750" s="15">
        <v>45546</v>
      </c>
      <c r="F33750" s="14" t="s">
        <v>61</v>
      </c>
      <c r="G33750" s="16">
        <v>6.1728076034133036E-2</v>
      </c>
    </row>
    <row r="33751" spans="1:7" x14ac:dyDescent="0.3">
      <c r="A33751" s="13" t="s">
        <v>208</v>
      </c>
      <c r="B33751" s="14" t="s">
        <v>1</v>
      </c>
      <c r="C33751" s="14" t="s">
        <v>47</v>
      </c>
      <c r="D33751" s="14" t="s">
        <v>209</v>
      </c>
      <c r="E33751" s="15">
        <v>45547</v>
      </c>
      <c r="F33751" s="14" t="s">
        <v>61</v>
      </c>
      <c r="G33751" s="16">
        <v>6.4118612418058663E-2</v>
      </c>
    </row>
    <row r="33752" spans="1:7" x14ac:dyDescent="0.3">
      <c r="A33752" s="13" t="s">
        <v>208</v>
      </c>
      <c r="B33752" s="14" t="s">
        <v>1</v>
      </c>
      <c r="C33752" s="14" t="s">
        <v>47</v>
      </c>
      <c r="D33752" s="14" t="s">
        <v>209</v>
      </c>
      <c r="E33752" s="15">
        <v>45548</v>
      </c>
      <c r="F33752" s="14" t="s">
        <v>61</v>
      </c>
      <c r="G33752" s="16">
        <v>6.8259454333861241E-2</v>
      </c>
    </row>
    <row r="33753" spans="1:7" x14ac:dyDescent="0.3">
      <c r="A33753" s="13" t="s">
        <v>208</v>
      </c>
      <c r="B33753" s="14" t="s">
        <v>1</v>
      </c>
      <c r="C33753" s="14" t="s">
        <v>47</v>
      </c>
      <c r="D33753" s="14" t="s">
        <v>209</v>
      </c>
      <c r="E33753" s="15">
        <v>45549</v>
      </c>
      <c r="F33753" s="14" t="s">
        <v>61</v>
      </c>
      <c r="G33753" s="16">
        <v>6.8259454333861241E-2</v>
      </c>
    </row>
    <row r="33754" spans="1:7" x14ac:dyDescent="0.3">
      <c r="A33754" s="13" t="s">
        <v>208</v>
      </c>
      <c r="B33754" s="14" t="s">
        <v>1</v>
      </c>
      <c r="C33754" s="14" t="s">
        <v>47</v>
      </c>
      <c r="D33754" s="14" t="s">
        <v>209</v>
      </c>
      <c r="E33754" s="15">
        <v>45550</v>
      </c>
      <c r="F33754" s="14" t="s">
        <v>61</v>
      </c>
      <c r="G33754" s="16">
        <v>6.8259454333861241E-2</v>
      </c>
    </row>
    <row r="33755" spans="1:7" x14ac:dyDescent="0.3">
      <c r="A33755" s="13" t="s">
        <v>208</v>
      </c>
      <c r="B33755" s="14" t="s">
        <v>1</v>
      </c>
      <c r="C33755" s="14" t="s">
        <v>47</v>
      </c>
      <c r="D33755" s="14" t="s">
        <v>209</v>
      </c>
      <c r="E33755" s="15">
        <v>45551</v>
      </c>
      <c r="F33755" s="14" t="s">
        <v>61</v>
      </c>
      <c r="G33755" s="16">
        <v>6.5894360170606028E-2</v>
      </c>
    </row>
    <row r="33756" spans="1:7" x14ac:dyDescent="0.3">
      <c r="A33756" s="13" t="s">
        <v>208</v>
      </c>
      <c r="B33756" s="14" t="s">
        <v>1</v>
      </c>
      <c r="C33756" s="14" t="s">
        <v>47</v>
      </c>
      <c r="D33756" s="14" t="s">
        <v>209</v>
      </c>
      <c r="E33756" s="15">
        <v>45552</v>
      </c>
      <c r="F33756" s="14" t="s">
        <v>61</v>
      </c>
      <c r="G33756" s="16">
        <v>6.1504673838388986E-2</v>
      </c>
    </row>
    <row r="33757" spans="1:7" x14ac:dyDescent="0.3">
      <c r="A33757" s="13" t="s">
        <v>208</v>
      </c>
      <c r="B33757" s="14" t="s">
        <v>1</v>
      </c>
      <c r="C33757" s="14" t="s">
        <v>47</v>
      </c>
      <c r="D33757" s="14" t="s">
        <v>209</v>
      </c>
      <c r="E33757" s="15">
        <v>45553</v>
      </c>
      <c r="F33757" s="14" t="s">
        <v>61</v>
      </c>
      <c r="G33757" s="16">
        <v>6.0072293043636912E-2</v>
      </c>
    </row>
    <row r="33758" spans="1:7" x14ac:dyDescent="0.3">
      <c r="A33758" s="13" t="s">
        <v>208</v>
      </c>
      <c r="B33758" s="14" t="s">
        <v>1</v>
      </c>
      <c r="C33758" s="14" t="s">
        <v>47</v>
      </c>
      <c r="D33758" s="14" t="s">
        <v>209</v>
      </c>
      <c r="E33758" s="15">
        <v>45554</v>
      </c>
      <c r="F33758" s="14" t="s">
        <v>61</v>
      </c>
      <c r="G33758" s="16">
        <v>5.7788480005963566E-2</v>
      </c>
    </row>
    <row r="33759" spans="1:7" x14ac:dyDescent="0.3">
      <c r="A33759" s="13" t="s">
        <v>208</v>
      </c>
      <c r="B33759" s="14" t="s">
        <v>1</v>
      </c>
      <c r="C33759" s="14" t="s">
        <v>47</v>
      </c>
      <c r="D33759" s="14" t="s">
        <v>209</v>
      </c>
      <c r="E33759" s="15">
        <v>45555</v>
      </c>
      <c r="F33759" s="14" t="s">
        <v>61</v>
      </c>
      <c r="G33759" s="16">
        <v>6.6232352494881228E-2</v>
      </c>
    </row>
    <row r="33760" spans="1:7" x14ac:dyDescent="0.3">
      <c r="A33760" s="13" t="s">
        <v>208</v>
      </c>
      <c r="B33760" s="14" t="s">
        <v>1</v>
      </c>
      <c r="C33760" s="14" t="s">
        <v>47</v>
      </c>
      <c r="D33760" s="14" t="s">
        <v>209</v>
      </c>
      <c r="E33760" s="15">
        <v>45556</v>
      </c>
      <c r="F33760" s="14" t="s">
        <v>61</v>
      </c>
      <c r="G33760" s="16">
        <v>6.6232352494881228E-2</v>
      </c>
    </row>
    <row r="33761" spans="1:7" x14ac:dyDescent="0.3">
      <c r="A33761" s="13" t="s">
        <v>208</v>
      </c>
      <c r="B33761" s="14" t="s">
        <v>1</v>
      </c>
      <c r="C33761" s="14" t="s">
        <v>47</v>
      </c>
      <c r="D33761" s="14" t="s">
        <v>209</v>
      </c>
      <c r="E33761" s="15">
        <v>45557</v>
      </c>
      <c r="F33761" s="14" t="s">
        <v>61</v>
      </c>
      <c r="G33761" s="16">
        <v>6.6232352494881228E-2</v>
      </c>
    </row>
    <row r="33762" spans="1:7" x14ac:dyDescent="0.3">
      <c r="A33762" s="13" t="s">
        <v>208</v>
      </c>
      <c r="B33762" s="14" t="s">
        <v>1</v>
      </c>
      <c r="C33762" s="14" t="s">
        <v>47</v>
      </c>
      <c r="D33762" s="14" t="s">
        <v>209</v>
      </c>
      <c r="E33762" s="15">
        <v>45558</v>
      </c>
      <c r="F33762" s="14" t="s">
        <v>61</v>
      </c>
      <c r="G33762" s="16">
        <v>6.4415979021243519E-2</v>
      </c>
    </row>
    <row r="33763" spans="1:7" x14ac:dyDescent="0.3">
      <c r="A33763" s="13" t="s">
        <v>208</v>
      </c>
      <c r="B33763" s="14" t="s">
        <v>1</v>
      </c>
      <c r="C33763" s="14" t="s">
        <v>47</v>
      </c>
      <c r="D33763" s="14" t="s">
        <v>209</v>
      </c>
      <c r="E33763" s="15">
        <v>45559</v>
      </c>
      <c r="F33763" s="14" t="s">
        <v>61</v>
      </c>
      <c r="G33763" s="16">
        <v>6.4684856094754425E-2</v>
      </c>
    </row>
    <row r="33764" spans="1:7" x14ac:dyDescent="0.3">
      <c r="A33764" s="13" t="s">
        <v>208</v>
      </c>
      <c r="B33764" s="14" t="s">
        <v>1</v>
      </c>
      <c r="C33764" s="14" t="s">
        <v>47</v>
      </c>
      <c r="D33764" s="14" t="s">
        <v>209</v>
      </c>
      <c r="E33764" s="15">
        <v>45560</v>
      </c>
      <c r="F33764" s="14" t="s">
        <v>61</v>
      </c>
      <c r="G33764" s="16">
        <v>6.2840529101172743E-2</v>
      </c>
    </row>
    <row r="33765" spans="1:7" x14ac:dyDescent="0.3">
      <c r="A33765" s="13" t="s">
        <v>208</v>
      </c>
      <c r="B33765" s="14" t="s">
        <v>1</v>
      </c>
      <c r="C33765" s="14" t="s">
        <v>47</v>
      </c>
      <c r="D33765" s="14" t="s">
        <v>209</v>
      </c>
      <c r="E33765" s="15">
        <v>45561</v>
      </c>
      <c r="F33765" s="14" t="s">
        <v>61</v>
      </c>
      <c r="G33765" s="16">
        <v>6.0479830385743352E-2</v>
      </c>
    </row>
    <row r="33766" spans="1:7" x14ac:dyDescent="0.3">
      <c r="A33766" s="13" t="s">
        <v>208</v>
      </c>
      <c r="B33766" s="14" t="s">
        <v>1</v>
      </c>
      <c r="C33766" s="14" t="s">
        <v>47</v>
      </c>
      <c r="D33766" s="14" t="s">
        <v>209</v>
      </c>
      <c r="E33766" s="15">
        <v>45562</v>
      </c>
      <c r="F33766" s="14" t="s">
        <v>61</v>
      </c>
      <c r="G33766" s="16">
        <v>5.8407139408318182E-2</v>
      </c>
    </row>
    <row r="33767" spans="1:7" x14ac:dyDescent="0.3">
      <c r="A33767" s="13" t="s">
        <v>208</v>
      </c>
      <c r="B33767" s="14" t="s">
        <v>1</v>
      </c>
      <c r="C33767" s="14" t="s">
        <v>47</v>
      </c>
      <c r="D33767" s="14" t="s">
        <v>209</v>
      </c>
      <c r="E33767" s="15">
        <v>45563</v>
      </c>
      <c r="F33767" s="14" t="s">
        <v>61</v>
      </c>
      <c r="G33767" s="16">
        <v>5.8407139408318182E-2</v>
      </c>
    </row>
    <row r="33768" spans="1:7" x14ac:dyDescent="0.3">
      <c r="A33768" s="13" t="s">
        <v>208</v>
      </c>
      <c r="B33768" s="14" t="s">
        <v>1</v>
      </c>
      <c r="C33768" s="14" t="s">
        <v>47</v>
      </c>
      <c r="D33768" s="14" t="s">
        <v>209</v>
      </c>
      <c r="E33768" s="15">
        <v>45564</v>
      </c>
      <c r="F33768" s="14" t="s">
        <v>61</v>
      </c>
      <c r="G33768" s="16">
        <v>5.8407139408318182E-2</v>
      </c>
    </row>
    <row r="33769" spans="1:7" x14ac:dyDescent="0.3">
      <c r="A33769" s="13" t="s">
        <v>208</v>
      </c>
      <c r="B33769" s="14" t="s">
        <v>1</v>
      </c>
      <c r="C33769" s="14" t="s">
        <v>47</v>
      </c>
      <c r="D33769" s="14" t="s">
        <v>209</v>
      </c>
      <c r="E33769" s="15">
        <v>45565</v>
      </c>
      <c r="F33769" s="14" t="s">
        <v>61</v>
      </c>
      <c r="G33769" s="16">
        <v>6.4239043648681937E-2</v>
      </c>
    </row>
    <row r="33770" spans="1:7" x14ac:dyDescent="0.3">
      <c r="A33770" s="13" t="s">
        <v>208</v>
      </c>
      <c r="B33770" s="14" t="s">
        <v>1</v>
      </c>
      <c r="C33770" s="14" t="s">
        <v>47</v>
      </c>
      <c r="D33770" s="14" t="s">
        <v>209</v>
      </c>
      <c r="E33770" s="15">
        <v>45566</v>
      </c>
      <c r="F33770" s="14" t="s">
        <v>61</v>
      </c>
      <c r="G33770" s="16">
        <v>6.2444205164041443E-2</v>
      </c>
    </row>
    <row r="33771" spans="1:7" x14ac:dyDescent="0.3">
      <c r="A33771" s="13" t="s">
        <v>208</v>
      </c>
      <c r="B33771" s="14" t="s">
        <v>1</v>
      </c>
      <c r="C33771" s="14" t="s">
        <v>47</v>
      </c>
      <c r="D33771" s="14" t="s">
        <v>209</v>
      </c>
      <c r="E33771" s="15">
        <v>45567</v>
      </c>
      <c r="F33771" s="14" t="s">
        <v>61</v>
      </c>
      <c r="G33771" s="16">
        <v>6.5217655148784331E-2</v>
      </c>
    </row>
    <row r="33772" spans="1:7" x14ac:dyDescent="0.3">
      <c r="A33772" s="13" t="s">
        <v>208</v>
      </c>
      <c r="B33772" s="14" t="s">
        <v>1</v>
      </c>
      <c r="C33772" s="14" t="s">
        <v>47</v>
      </c>
      <c r="D33772" s="14" t="s">
        <v>209</v>
      </c>
      <c r="E33772" s="15">
        <v>45568</v>
      </c>
      <c r="F33772" s="14" t="s">
        <v>61</v>
      </c>
      <c r="G33772" s="16">
        <v>6.3134182415567452E-2</v>
      </c>
    </row>
    <row r="33773" spans="1:7" x14ac:dyDescent="0.3">
      <c r="A33773" s="13" t="s">
        <v>208</v>
      </c>
      <c r="B33773" s="14" t="s">
        <v>1</v>
      </c>
      <c r="C33773" s="14" t="s">
        <v>47</v>
      </c>
      <c r="D33773" s="14" t="s">
        <v>209</v>
      </c>
      <c r="E33773" s="15">
        <v>45569</v>
      </c>
      <c r="F33773" s="14" t="s">
        <v>61</v>
      </c>
      <c r="G33773" s="16">
        <v>6.1267859182201775E-2</v>
      </c>
    </row>
    <row r="33774" spans="1:7" x14ac:dyDescent="0.3">
      <c r="A33774" s="13" t="s">
        <v>208</v>
      </c>
      <c r="B33774" s="14" t="s">
        <v>1</v>
      </c>
      <c r="C33774" s="14" t="s">
        <v>47</v>
      </c>
      <c r="D33774" s="14" t="s">
        <v>209</v>
      </c>
      <c r="E33774" s="15">
        <v>45570</v>
      </c>
      <c r="F33774" s="14" t="s">
        <v>61</v>
      </c>
      <c r="G33774" s="16">
        <v>6.1267859182201775E-2</v>
      </c>
    </row>
    <row r="33775" spans="1:7" x14ac:dyDescent="0.3">
      <c r="A33775" s="13" t="s">
        <v>208</v>
      </c>
      <c r="B33775" s="14" t="s">
        <v>1</v>
      </c>
      <c r="C33775" s="14" t="s">
        <v>47</v>
      </c>
      <c r="D33775" s="14" t="s">
        <v>209</v>
      </c>
      <c r="E33775" s="15">
        <v>45571</v>
      </c>
      <c r="F33775" s="14" t="s">
        <v>61</v>
      </c>
      <c r="G33775" s="16">
        <v>6.1267859182201775E-2</v>
      </c>
    </row>
    <row r="33776" spans="1:7" x14ac:dyDescent="0.3">
      <c r="A33776" s="13" t="s">
        <v>208</v>
      </c>
      <c r="B33776" s="14" t="s">
        <v>1</v>
      </c>
      <c r="C33776" s="14" t="s">
        <v>47</v>
      </c>
      <c r="D33776" s="14" t="s">
        <v>209</v>
      </c>
      <c r="E33776" s="15">
        <v>45572</v>
      </c>
      <c r="F33776" s="14" t="s">
        <v>61</v>
      </c>
      <c r="G33776" s="16">
        <v>5.9109268457685195E-2</v>
      </c>
    </row>
    <row r="33777" spans="1:7" x14ac:dyDescent="0.3">
      <c r="A33777" s="13" t="s">
        <v>208</v>
      </c>
      <c r="B33777" s="14" t="s">
        <v>1</v>
      </c>
      <c r="C33777" s="14" t="s">
        <v>47</v>
      </c>
      <c r="D33777" s="14" t="s">
        <v>209</v>
      </c>
      <c r="E33777" s="15">
        <v>45573</v>
      </c>
      <c r="F33777" s="14" t="s">
        <v>61</v>
      </c>
      <c r="G33777" s="16">
        <v>5.2540761403722831E-2</v>
      </c>
    </row>
    <row r="33778" spans="1:7" x14ac:dyDescent="0.3">
      <c r="A33778" s="13" t="s">
        <v>208</v>
      </c>
      <c r="B33778" s="14" t="s">
        <v>1</v>
      </c>
      <c r="C33778" s="14" t="s">
        <v>47</v>
      </c>
      <c r="D33778" s="14" t="s">
        <v>209</v>
      </c>
      <c r="E33778" s="15">
        <v>45574</v>
      </c>
      <c r="F33778" s="14" t="s">
        <v>61</v>
      </c>
      <c r="G33778" s="16">
        <v>5.0552673989539484E-2</v>
      </c>
    </row>
    <row r="33779" spans="1:7" x14ac:dyDescent="0.3">
      <c r="A33779" s="13" t="s">
        <v>208</v>
      </c>
      <c r="B33779" s="14" t="s">
        <v>1</v>
      </c>
      <c r="C33779" s="14" t="s">
        <v>47</v>
      </c>
      <c r="D33779" s="14" t="s">
        <v>209</v>
      </c>
      <c r="E33779" s="15">
        <v>45575</v>
      </c>
      <c r="F33779" s="14" t="s">
        <v>61</v>
      </c>
      <c r="G33779" s="16">
        <v>4.8368859242579554E-2</v>
      </c>
    </row>
    <row r="33780" spans="1:7" x14ac:dyDescent="0.3">
      <c r="A33780" s="13" t="s">
        <v>208</v>
      </c>
      <c r="B33780" s="14" t="s">
        <v>1</v>
      </c>
      <c r="C33780" s="14" t="s">
        <v>47</v>
      </c>
      <c r="D33780" s="14" t="s">
        <v>209</v>
      </c>
      <c r="E33780" s="15">
        <v>45576</v>
      </c>
      <c r="F33780" s="14" t="s">
        <v>61</v>
      </c>
      <c r="G33780" s="16">
        <v>4.6158355442478101E-2</v>
      </c>
    </row>
    <row r="33781" spans="1:7" x14ac:dyDescent="0.3">
      <c r="A33781" s="13" t="s">
        <v>208</v>
      </c>
      <c r="B33781" s="14" t="s">
        <v>1</v>
      </c>
      <c r="C33781" s="14" t="s">
        <v>47</v>
      </c>
      <c r="D33781" s="14" t="s">
        <v>209</v>
      </c>
      <c r="E33781" s="15">
        <v>45577</v>
      </c>
      <c r="F33781" s="14" t="s">
        <v>61</v>
      </c>
      <c r="G33781" s="16">
        <v>4.6158355442478101E-2</v>
      </c>
    </row>
    <row r="33782" spans="1:7" x14ac:dyDescent="0.3">
      <c r="A33782" s="13" t="s">
        <v>208</v>
      </c>
      <c r="B33782" s="14" t="s">
        <v>1</v>
      </c>
      <c r="C33782" s="14" t="s">
        <v>47</v>
      </c>
      <c r="D33782" s="14" t="s">
        <v>209</v>
      </c>
      <c r="E33782" s="15">
        <v>45578</v>
      </c>
      <c r="F33782" s="14" t="s">
        <v>61</v>
      </c>
      <c r="G33782" s="16">
        <v>4.6158355442478101E-2</v>
      </c>
    </row>
    <row r="33783" spans="1:7" x14ac:dyDescent="0.3">
      <c r="A33783" s="13" t="s">
        <v>208</v>
      </c>
      <c r="B33783" s="14" t="s">
        <v>1</v>
      </c>
      <c r="C33783" s="14" t="s">
        <v>47</v>
      </c>
      <c r="D33783" s="14" t="s">
        <v>209</v>
      </c>
      <c r="E33783" s="15">
        <v>45579</v>
      </c>
      <c r="F33783" s="14" t="s">
        <v>61</v>
      </c>
      <c r="G33783" s="16">
        <v>4.6158355442478101E-2</v>
      </c>
    </row>
    <row r="33784" spans="1:7" x14ac:dyDescent="0.3">
      <c r="A33784" s="13" t="s">
        <v>208</v>
      </c>
      <c r="B33784" s="14" t="s">
        <v>1</v>
      </c>
      <c r="C33784" s="14" t="s">
        <v>47</v>
      </c>
      <c r="D33784" s="14" t="s">
        <v>209</v>
      </c>
      <c r="E33784" s="15">
        <v>45580</v>
      </c>
      <c r="F33784" s="14" t="s">
        <v>61</v>
      </c>
      <c r="G33784" s="16">
        <v>4.7380614889054658E-2</v>
      </c>
    </row>
    <row r="33785" spans="1:7" x14ac:dyDescent="0.3">
      <c r="A33785" s="13" t="s">
        <v>208</v>
      </c>
      <c r="B33785" s="14" t="s">
        <v>1</v>
      </c>
      <c r="C33785" s="14" t="s">
        <v>47</v>
      </c>
      <c r="D33785" s="14" t="s">
        <v>209</v>
      </c>
      <c r="E33785" s="15">
        <v>45581</v>
      </c>
      <c r="F33785" s="14" t="s">
        <v>61</v>
      </c>
      <c r="G33785" s="16">
        <v>3.8632581922579692E-2</v>
      </c>
    </row>
    <row r="33786" spans="1:7" x14ac:dyDescent="0.3">
      <c r="A33786" s="13" t="s">
        <v>208</v>
      </c>
      <c r="B33786" s="14" t="s">
        <v>1</v>
      </c>
      <c r="C33786" s="14" t="s">
        <v>47</v>
      </c>
      <c r="D33786" s="14" t="s">
        <v>209</v>
      </c>
      <c r="E33786" s="15">
        <v>45582</v>
      </c>
      <c r="F33786" s="14" t="s">
        <v>61</v>
      </c>
      <c r="G33786" s="16">
        <v>3.6551270699224453E-2</v>
      </c>
    </row>
    <row r="33787" spans="1:7" x14ac:dyDescent="0.3">
      <c r="A33787" s="13" t="s">
        <v>208</v>
      </c>
      <c r="B33787" s="14" t="s">
        <v>1</v>
      </c>
      <c r="C33787" s="14" t="s">
        <v>47</v>
      </c>
      <c r="D33787" s="14" t="s">
        <v>209</v>
      </c>
      <c r="E33787" s="15">
        <v>45583</v>
      </c>
      <c r="F33787" s="14" t="s">
        <v>61</v>
      </c>
      <c r="G33787" s="16">
        <v>3.4241428316495341E-2</v>
      </c>
    </row>
    <row r="33788" spans="1:7" x14ac:dyDescent="0.3">
      <c r="A33788" s="13" t="s">
        <v>208</v>
      </c>
      <c r="B33788" s="14" t="s">
        <v>1</v>
      </c>
      <c r="C33788" s="14" t="s">
        <v>47</v>
      </c>
      <c r="D33788" s="14" t="s">
        <v>209</v>
      </c>
      <c r="E33788" s="15">
        <v>45584</v>
      </c>
      <c r="F33788" s="14" t="s">
        <v>61</v>
      </c>
      <c r="G33788" s="16">
        <v>3.4241428316495341E-2</v>
      </c>
    </row>
    <row r="33789" spans="1:7" x14ac:dyDescent="0.3">
      <c r="A33789" s="13" t="s">
        <v>208</v>
      </c>
      <c r="B33789" s="14" t="s">
        <v>1</v>
      </c>
      <c r="C33789" s="14" t="s">
        <v>47</v>
      </c>
      <c r="D33789" s="14" t="s">
        <v>209</v>
      </c>
      <c r="E33789" s="15">
        <v>45585</v>
      </c>
      <c r="F33789" s="14" t="s">
        <v>61</v>
      </c>
      <c r="G33789" s="16">
        <v>3.4241428316495341E-2</v>
      </c>
    </row>
    <row r="33790" spans="1:7" x14ac:dyDescent="0.3">
      <c r="A33790" s="13" t="s">
        <v>208</v>
      </c>
      <c r="B33790" s="14" t="s">
        <v>1</v>
      </c>
      <c r="C33790" s="14" t="s">
        <v>47</v>
      </c>
      <c r="D33790" s="14" t="s">
        <v>209</v>
      </c>
      <c r="E33790" s="15">
        <v>45586</v>
      </c>
      <c r="F33790" s="14" t="s">
        <v>61</v>
      </c>
      <c r="G33790" s="16">
        <v>3.4914992496855139E-2</v>
      </c>
    </row>
    <row r="33791" spans="1:7" x14ac:dyDescent="0.3">
      <c r="A33791" s="13" t="s">
        <v>208</v>
      </c>
      <c r="B33791" s="14" t="s">
        <v>1</v>
      </c>
      <c r="C33791" s="14" t="s">
        <v>47</v>
      </c>
      <c r="D33791" s="14" t="s">
        <v>209</v>
      </c>
      <c r="E33791" s="15">
        <v>45587</v>
      </c>
      <c r="F33791" s="14" t="s">
        <v>61</v>
      </c>
      <c r="G33791" s="16">
        <v>2.8314410397184697E-2</v>
      </c>
    </row>
    <row r="33792" spans="1:7" x14ac:dyDescent="0.3">
      <c r="A33792" s="13" t="s">
        <v>208</v>
      </c>
      <c r="B33792" s="14" t="s">
        <v>1</v>
      </c>
      <c r="C33792" s="14" t="s">
        <v>47</v>
      </c>
      <c r="D33792" s="14" t="s">
        <v>209</v>
      </c>
      <c r="E33792" s="15">
        <v>45588</v>
      </c>
      <c r="F33792" s="14" t="s">
        <v>61</v>
      </c>
      <c r="G33792" s="16">
        <v>2.6160139064727195E-2</v>
      </c>
    </row>
    <row r="33793" spans="1:7" x14ac:dyDescent="0.3">
      <c r="A33793" s="13" t="s">
        <v>208</v>
      </c>
      <c r="B33793" s="14" t="s">
        <v>1</v>
      </c>
      <c r="C33793" s="14" t="s">
        <v>47</v>
      </c>
      <c r="D33793" s="14" t="s">
        <v>209</v>
      </c>
      <c r="E33793" s="15">
        <v>45589</v>
      </c>
      <c r="F33793" s="14" t="s">
        <v>61</v>
      </c>
      <c r="G33793" s="16">
        <v>2.3881289171104703E-2</v>
      </c>
    </row>
    <row r="33794" spans="1:7" x14ac:dyDescent="0.3">
      <c r="A33794" s="13" t="s">
        <v>208</v>
      </c>
      <c r="B33794" s="14" t="s">
        <v>1</v>
      </c>
      <c r="C33794" s="14" t="s">
        <v>47</v>
      </c>
      <c r="D33794" s="14" t="s">
        <v>209</v>
      </c>
      <c r="E33794" s="15">
        <v>45590</v>
      </c>
      <c r="F33794" s="14" t="s">
        <v>61</v>
      </c>
      <c r="G33794" s="16">
        <v>2.1792653094583038E-2</v>
      </c>
    </row>
    <row r="33795" spans="1:7" x14ac:dyDescent="0.3">
      <c r="A33795" s="13" t="s">
        <v>208</v>
      </c>
      <c r="B33795" s="14" t="s">
        <v>1</v>
      </c>
      <c r="C33795" s="14" t="s">
        <v>47</v>
      </c>
      <c r="D33795" s="14" t="s">
        <v>209</v>
      </c>
      <c r="E33795" s="15">
        <v>45591</v>
      </c>
      <c r="F33795" s="14" t="s">
        <v>61</v>
      </c>
      <c r="G33795" s="16">
        <v>2.1792653094583038E-2</v>
      </c>
    </row>
    <row r="33796" spans="1:7" x14ac:dyDescent="0.3">
      <c r="A33796" s="13" t="s">
        <v>208</v>
      </c>
      <c r="B33796" s="14" t="s">
        <v>1</v>
      </c>
      <c r="C33796" s="14" t="s">
        <v>47</v>
      </c>
      <c r="D33796" s="14" t="s">
        <v>209</v>
      </c>
      <c r="E33796" s="15">
        <v>45592</v>
      </c>
      <c r="F33796" s="14" t="s">
        <v>61</v>
      </c>
      <c r="G33796" s="16">
        <v>2.1792653094583038E-2</v>
      </c>
    </row>
    <row r="33797" spans="1:7" x14ac:dyDescent="0.3">
      <c r="A33797" s="13" t="s">
        <v>208</v>
      </c>
      <c r="B33797" s="14" t="s">
        <v>1</v>
      </c>
      <c r="C33797" s="14" t="s">
        <v>47</v>
      </c>
      <c r="D33797" s="14" t="s">
        <v>209</v>
      </c>
      <c r="E33797" s="15">
        <v>45593</v>
      </c>
      <c r="F33797" s="14" t="s">
        <v>61</v>
      </c>
      <c r="G33797" s="16">
        <v>2.1792653094583038E-2</v>
      </c>
    </row>
    <row r="33798" spans="1:7" x14ac:dyDescent="0.3">
      <c r="A33798" s="13" t="s">
        <v>208</v>
      </c>
      <c r="B33798" s="14" t="s">
        <v>1</v>
      </c>
      <c r="C33798" s="14" t="s">
        <v>47</v>
      </c>
      <c r="D33798" s="14" t="s">
        <v>209</v>
      </c>
      <c r="E33798" s="15">
        <v>45594</v>
      </c>
      <c r="F33798" s="14" t="s">
        <v>61</v>
      </c>
      <c r="G33798" s="16">
        <v>2.3454918799844987E-2</v>
      </c>
    </row>
    <row r="33799" spans="1:7" x14ac:dyDescent="0.3">
      <c r="A33799" s="13" t="s">
        <v>208</v>
      </c>
      <c r="B33799" s="14" t="s">
        <v>1</v>
      </c>
      <c r="C33799" s="14" t="s">
        <v>47</v>
      </c>
      <c r="D33799" s="14" t="s">
        <v>209</v>
      </c>
      <c r="E33799" s="15">
        <v>45595</v>
      </c>
      <c r="F33799" s="14" t="s">
        <v>61</v>
      </c>
      <c r="G33799" s="16">
        <v>1.4612325015198151E-2</v>
      </c>
    </row>
    <row r="33800" spans="1:7" x14ac:dyDescent="0.3">
      <c r="A33800" s="13" t="s">
        <v>208</v>
      </c>
      <c r="B33800" s="14" t="s">
        <v>1</v>
      </c>
      <c r="C33800" s="14" t="s">
        <v>47</v>
      </c>
      <c r="D33800" s="14" t="s">
        <v>209</v>
      </c>
      <c r="E33800" s="15">
        <v>45596</v>
      </c>
      <c r="F33800" s="14" t="s">
        <v>61</v>
      </c>
      <c r="G33800" s="16">
        <v>1.2368720779761842E-2</v>
      </c>
    </row>
    <row r="33801" spans="1:7" x14ac:dyDescent="0.3">
      <c r="A33801" s="13" t="s">
        <v>208</v>
      </c>
      <c r="B33801" s="14" t="s">
        <v>1</v>
      </c>
      <c r="C33801" s="14" t="s">
        <v>47</v>
      </c>
      <c r="D33801" s="14" t="s">
        <v>209</v>
      </c>
      <c r="E33801" s="15">
        <v>45597</v>
      </c>
      <c r="F33801" s="14" t="s">
        <v>61</v>
      </c>
      <c r="G33801" s="16">
        <v>1.0215843278123018E-2</v>
      </c>
    </row>
    <row r="33802" spans="1:7" x14ac:dyDescent="0.3">
      <c r="A33802" s="13" t="s">
        <v>208</v>
      </c>
      <c r="B33802" s="14" t="s">
        <v>1</v>
      </c>
      <c r="C33802" s="14" t="s">
        <v>47</v>
      </c>
      <c r="D33802" s="14" t="s">
        <v>209</v>
      </c>
      <c r="E33802" s="15">
        <v>45598</v>
      </c>
      <c r="F33802" s="14" t="s">
        <v>61</v>
      </c>
      <c r="G33802" s="16">
        <v>1.0215843278123018E-2</v>
      </c>
    </row>
    <row r="33803" spans="1:7" x14ac:dyDescent="0.3">
      <c r="A33803" s="13" t="s">
        <v>208</v>
      </c>
      <c r="B33803" s="14" t="s">
        <v>1</v>
      </c>
      <c r="C33803" s="14" t="s">
        <v>47</v>
      </c>
      <c r="D33803" s="14" t="s">
        <v>209</v>
      </c>
      <c r="E33803" s="15">
        <v>45599</v>
      </c>
      <c r="F33803" s="14" t="s">
        <v>61</v>
      </c>
      <c r="G33803" s="16">
        <v>1.0215843278123018E-2</v>
      </c>
    </row>
    <row r="33804" spans="1:7" x14ac:dyDescent="0.3">
      <c r="A33804" s="13" t="s">
        <v>208</v>
      </c>
      <c r="B33804" s="14" t="s">
        <v>1</v>
      </c>
      <c r="C33804" s="14" t="s">
        <v>47</v>
      </c>
      <c r="D33804" s="14" t="s">
        <v>209</v>
      </c>
      <c r="E33804" s="15">
        <v>45600</v>
      </c>
      <c r="F33804" s="14" t="s">
        <v>61</v>
      </c>
      <c r="G33804" s="16">
        <v>1.0588711621295448E-2</v>
      </c>
    </row>
    <row r="33805" spans="1:7" x14ac:dyDescent="0.3">
      <c r="A33805" s="13" t="s">
        <v>208</v>
      </c>
      <c r="B33805" s="14" t="s">
        <v>1</v>
      </c>
      <c r="C33805" s="14" t="s">
        <v>47</v>
      </c>
      <c r="D33805" s="14" t="s">
        <v>209</v>
      </c>
      <c r="E33805" s="15">
        <v>45601</v>
      </c>
      <c r="F33805" s="14" t="s">
        <v>61</v>
      </c>
      <c r="G33805" s="16">
        <v>4.1161735360572471E-3</v>
      </c>
    </row>
    <row r="33806" spans="1:7" x14ac:dyDescent="0.3">
      <c r="A33806" s="13" t="s">
        <v>208</v>
      </c>
      <c r="B33806" s="14" t="s">
        <v>1</v>
      </c>
      <c r="C33806" s="14" t="s">
        <v>47</v>
      </c>
      <c r="D33806" s="14" t="s">
        <v>209</v>
      </c>
      <c r="E33806" s="15">
        <v>45602</v>
      </c>
      <c r="F33806" s="14" t="s">
        <v>61</v>
      </c>
      <c r="G33806" s="16">
        <v>2.0063206044560905E-3</v>
      </c>
    </row>
    <row r="33807" spans="1:7" x14ac:dyDescent="0.3">
      <c r="A33807" s="13" t="s">
        <v>208</v>
      </c>
      <c r="B33807" s="14" t="s">
        <v>1</v>
      </c>
      <c r="C33807" s="14" t="s">
        <v>47</v>
      </c>
      <c r="D33807" s="14" t="s">
        <v>209</v>
      </c>
      <c r="E33807" s="15">
        <v>45603</v>
      </c>
      <c r="F33807" s="14" t="s">
        <v>61</v>
      </c>
      <c r="G33807" s="16">
        <v>7.1015992583428036E-4</v>
      </c>
    </row>
    <row r="33808" spans="1:7" x14ac:dyDescent="0.3">
      <c r="A33808" s="13" t="s">
        <v>208</v>
      </c>
      <c r="B33808" s="14" t="s">
        <v>1</v>
      </c>
      <c r="C33808" s="14" t="s">
        <v>47</v>
      </c>
      <c r="D33808" s="14" t="s">
        <v>209</v>
      </c>
      <c r="E33808" s="15">
        <v>45604</v>
      </c>
      <c r="F33808" s="14" t="s">
        <v>61</v>
      </c>
      <c r="G33808" s="16">
        <v>0</v>
      </c>
    </row>
    <row r="33809" spans="1:7" x14ac:dyDescent="0.3">
      <c r="A33809" s="13" t="s">
        <v>208</v>
      </c>
      <c r="B33809" s="14" t="s">
        <v>1</v>
      </c>
      <c r="C33809" s="14" t="s">
        <v>47</v>
      </c>
      <c r="D33809" s="14" t="s">
        <v>209</v>
      </c>
      <c r="E33809" s="15">
        <v>45605</v>
      </c>
      <c r="F33809" s="14" t="s">
        <v>61</v>
      </c>
      <c r="G33809" s="16">
        <v>0</v>
      </c>
    </row>
    <row r="33810" spans="1:7" x14ac:dyDescent="0.3">
      <c r="A33810" s="13" t="s">
        <v>208</v>
      </c>
      <c r="B33810" s="14" t="s">
        <v>1</v>
      </c>
      <c r="C33810" s="14" t="s">
        <v>47</v>
      </c>
      <c r="D33810" s="14" t="s">
        <v>209</v>
      </c>
      <c r="E33810" s="15">
        <v>45606</v>
      </c>
      <c r="F33810" s="14" t="s">
        <v>61</v>
      </c>
      <c r="G33810" s="16">
        <v>0</v>
      </c>
    </row>
    <row r="33811" spans="1:7" x14ac:dyDescent="0.3">
      <c r="A33811" s="13" t="s">
        <v>208</v>
      </c>
      <c r="B33811" s="14" t="s">
        <v>1</v>
      </c>
      <c r="C33811" s="14" t="s">
        <v>47</v>
      </c>
      <c r="D33811" s="14" t="s">
        <v>209</v>
      </c>
      <c r="E33811" s="15">
        <v>45607</v>
      </c>
      <c r="F33811" s="14" t="s">
        <v>61</v>
      </c>
      <c r="G33811" s="16">
        <v>0</v>
      </c>
    </row>
    <row r="33812" spans="1:7" x14ac:dyDescent="0.3">
      <c r="A33812" s="13" t="s">
        <v>208</v>
      </c>
      <c r="B33812" s="14" t="s">
        <v>1</v>
      </c>
      <c r="C33812" s="14" t="s">
        <v>47</v>
      </c>
      <c r="D33812" s="14" t="s">
        <v>209</v>
      </c>
      <c r="E33812" s="15">
        <v>45608</v>
      </c>
      <c r="F33812" s="14" t="s">
        <v>61</v>
      </c>
      <c r="G33812" s="16">
        <v>0</v>
      </c>
    </row>
    <row r="33813" spans="1:7" x14ac:dyDescent="0.3">
      <c r="A33813" s="13" t="s">
        <v>208</v>
      </c>
      <c r="B33813" s="14" t="s">
        <v>1</v>
      </c>
      <c r="C33813" s="14" t="s">
        <v>47</v>
      </c>
      <c r="D33813" s="14" t="s">
        <v>209</v>
      </c>
      <c r="E33813" s="15">
        <v>45609</v>
      </c>
      <c r="F33813" s="14" t="s">
        <v>61</v>
      </c>
      <c r="G33813" s="16">
        <v>0</v>
      </c>
    </row>
    <row r="33814" spans="1:7" x14ac:dyDescent="0.3">
      <c r="A33814" s="13" t="s">
        <v>208</v>
      </c>
      <c r="B33814" s="14" t="s">
        <v>1</v>
      </c>
      <c r="C33814" s="14" t="s">
        <v>47</v>
      </c>
      <c r="D33814" s="14" t="s">
        <v>209</v>
      </c>
      <c r="E33814" s="15">
        <v>45610</v>
      </c>
      <c r="F33814" s="14" t="s">
        <v>61</v>
      </c>
      <c r="G33814" s="16">
        <v>0</v>
      </c>
    </row>
    <row r="33815" spans="1:7" x14ac:dyDescent="0.3">
      <c r="A33815" s="13" t="s">
        <v>208</v>
      </c>
      <c r="B33815" s="14" t="s">
        <v>1</v>
      </c>
      <c r="C33815" s="14" t="s">
        <v>47</v>
      </c>
      <c r="D33815" s="14" t="s">
        <v>209</v>
      </c>
      <c r="E33815" s="15">
        <v>45611</v>
      </c>
      <c r="F33815" s="14" t="s">
        <v>61</v>
      </c>
      <c r="G33815" s="16">
        <v>0</v>
      </c>
    </row>
    <row r="33816" spans="1:7" x14ac:dyDescent="0.3">
      <c r="A33816" s="13" t="s">
        <v>208</v>
      </c>
      <c r="B33816" s="14" t="s">
        <v>1</v>
      </c>
      <c r="C33816" s="14" t="s">
        <v>47</v>
      </c>
      <c r="D33816" s="14" t="s">
        <v>209</v>
      </c>
      <c r="E33816" s="15">
        <v>45612</v>
      </c>
      <c r="F33816" s="14" t="s">
        <v>61</v>
      </c>
      <c r="G33816" s="16">
        <v>0</v>
      </c>
    </row>
    <row r="33817" spans="1:7" x14ac:dyDescent="0.3">
      <c r="A33817" s="13" t="s">
        <v>208</v>
      </c>
      <c r="B33817" s="14" t="s">
        <v>1</v>
      </c>
      <c r="C33817" s="14" t="s">
        <v>47</v>
      </c>
      <c r="D33817" s="14" t="s">
        <v>209</v>
      </c>
      <c r="E33817" s="15">
        <v>45613</v>
      </c>
      <c r="F33817" s="14" t="s">
        <v>61</v>
      </c>
      <c r="G33817" s="16">
        <v>0</v>
      </c>
    </row>
    <row r="33818" spans="1:7" x14ac:dyDescent="0.3">
      <c r="A33818" s="13" t="s">
        <v>208</v>
      </c>
      <c r="B33818" s="14" t="s">
        <v>1</v>
      </c>
      <c r="C33818" s="14" t="s">
        <v>47</v>
      </c>
      <c r="D33818" s="14" t="s">
        <v>209</v>
      </c>
      <c r="E33818" s="15">
        <v>45614</v>
      </c>
      <c r="F33818" s="14" t="s">
        <v>61</v>
      </c>
      <c r="G33818" s="16">
        <v>0</v>
      </c>
    </row>
    <row r="33819" spans="1:7" x14ac:dyDescent="0.3">
      <c r="A33819" s="13" t="s">
        <v>208</v>
      </c>
      <c r="B33819" s="14" t="s">
        <v>1</v>
      </c>
      <c r="C33819" s="14" t="s">
        <v>47</v>
      </c>
      <c r="D33819" s="14" t="s">
        <v>209</v>
      </c>
      <c r="E33819" s="15">
        <v>45615</v>
      </c>
      <c r="F33819" s="14" t="s">
        <v>61</v>
      </c>
      <c r="G33819" s="16">
        <v>0</v>
      </c>
    </row>
    <row r="33820" spans="1:7" x14ac:dyDescent="0.3">
      <c r="A33820" s="13" t="s">
        <v>208</v>
      </c>
      <c r="B33820" s="14" t="s">
        <v>1</v>
      </c>
      <c r="C33820" s="14" t="s">
        <v>47</v>
      </c>
      <c r="D33820" s="14" t="s">
        <v>209</v>
      </c>
      <c r="E33820" s="15">
        <v>45616</v>
      </c>
      <c r="F33820" s="14" t="s">
        <v>61</v>
      </c>
      <c r="G33820" s="16">
        <v>0</v>
      </c>
    </row>
    <row r="33821" spans="1:7" x14ac:dyDescent="0.3">
      <c r="A33821" s="13" t="s">
        <v>208</v>
      </c>
      <c r="B33821" s="14" t="s">
        <v>1</v>
      </c>
      <c r="C33821" s="14" t="s">
        <v>47</v>
      </c>
      <c r="D33821" s="14" t="s">
        <v>209</v>
      </c>
      <c r="E33821" s="15">
        <v>45617</v>
      </c>
      <c r="F33821" s="14" t="s">
        <v>61</v>
      </c>
      <c r="G33821" s="16">
        <v>0</v>
      </c>
    </row>
    <row r="33822" spans="1:7" x14ac:dyDescent="0.3">
      <c r="A33822" s="13" t="s">
        <v>208</v>
      </c>
      <c r="B33822" s="14" t="s">
        <v>1</v>
      </c>
      <c r="C33822" s="14" t="s">
        <v>47</v>
      </c>
      <c r="D33822" s="14" t="s">
        <v>209</v>
      </c>
      <c r="E33822" s="15">
        <v>45618</v>
      </c>
      <c r="F33822" s="14" t="s">
        <v>61</v>
      </c>
      <c r="G33822" s="16">
        <v>0</v>
      </c>
    </row>
    <row r="33823" spans="1:7" x14ac:dyDescent="0.3">
      <c r="A33823" s="13" t="s">
        <v>208</v>
      </c>
      <c r="B33823" s="14" t="s">
        <v>1</v>
      </c>
      <c r="C33823" s="14" t="s">
        <v>47</v>
      </c>
      <c r="D33823" s="14" t="s">
        <v>209</v>
      </c>
      <c r="E33823" s="15">
        <v>45619</v>
      </c>
      <c r="F33823" s="14" t="s">
        <v>61</v>
      </c>
      <c r="G33823" s="16">
        <v>0</v>
      </c>
    </row>
    <row r="33824" spans="1:7" x14ac:dyDescent="0.3">
      <c r="A33824" s="13" t="s">
        <v>208</v>
      </c>
      <c r="B33824" s="14" t="s">
        <v>1</v>
      </c>
      <c r="C33824" s="14" t="s">
        <v>47</v>
      </c>
      <c r="D33824" s="14" t="s">
        <v>209</v>
      </c>
      <c r="E33824" s="15">
        <v>45620</v>
      </c>
      <c r="F33824" s="14" t="s">
        <v>61</v>
      </c>
      <c r="G33824" s="16">
        <v>0</v>
      </c>
    </row>
    <row r="33825" spans="1:7" x14ac:dyDescent="0.3">
      <c r="A33825" s="13" t="s">
        <v>208</v>
      </c>
      <c r="B33825" s="14" t="s">
        <v>1</v>
      </c>
      <c r="C33825" s="14" t="s">
        <v>47</v>
      </c>
      <c r="D33825" s="14" t="s">
        <v>209</v>
      </c>
      <c r="E33825" s="15">
        <v>45621</v>
      </c>
      <c r="F33825" s="14" t="s">
        <v>61</v>
      </c>
      <c r="G33825" s="16">
        <v>0</v>
      </c>
    </row>
    <row r="33826" spans="1:7" x14ac:dyDescent="0.3">
      <c r="A33826" s="13" t="s">
        <v>208</v>
      </c>
      <c r="B33826" s="14" t="s">
        <v>1</v>
      </c>
      <c r="C33826" s="14" t="s">
        <v>47</v>
      </c>
      <c r="D33826" s="14" t="s">
        <v>209</v>
      </c>
      <c r="E33826" s="15">
        <v>45622</v>
      </c>
      <c r="F33826" s="14" t="s">
        <v>61</v>
      </c>
      <c r="G33826" s="16">
        <v>0</v>
      </c>
    </row>
    <row r="33827" spans="1:7" x14ac:dyDescent="0.3">
      <c r="A33827" s="13" t="s">
        <v>208</v>
      </c>
      <c r="B33827" s="14" t="s">
        <v>1</v>
      </c>
      <c r="C33827" s="14" t="s">
        <v>47</v>
      </c>
      <c r="D33827" s="14" t="s">
        <v>209</v>
      </c>
      <c r="E33827" s="15">
        <v>45623</v>
      </c>
      <c r="F33827" s="14" t="s">
        <v>61</v>
      </c>
      <c r="G33827" s="16">
        <v>0</v>
      </c>
    </row>
    <row r="33828" spans="1:7" x14ac:dyDescent="0.3">
      <c r="A33828" s="13" t="s">
        <v>208</v>
      </c>
      <c r="B33828" s="14" t="s">
        <v>1</v>
      </c>
      <c r="C33828" s="14" t="s">
        <v>47</v>
      </c>
      <c r="D33828" s="14" t="s">
        <v>209</v>
      </c>
      <c r="E33828" s="15">
        <v>45624</v>
      </c>
      <c r="F33828" s="14" t="s">
        <v>61</v>
      </c>
      <c r="G33828" s="16">
        <v>0</v>
      </c>
    </row>
    <row r="33829" spans="1:7" x14ac:dyDescent="0.3">
      <c r="A33829" s="13" t="s">
        <v>208</v>
      </c>
      <c r="B33829" s="14" t="s">
        <v>1</v>
      </c>
      <c r="C33829" s="14" t="s">
        <v>47</v>
      </c>
      <c r="D33829" s="14" t="s">
        <v>209</v>
      </c>
      <c r="E33829" s="15">
        <v>45625</v>
      </c>
      <c r="F33829" s="14" t="s">
        <v>61</v>
      </c>
      <c r="G33829" s="16">
        <v>0</v>
      </c>
    </row>
    <row r="33830" spans="1:7" x14ac:dyDescent="0.3">
      <c r="A33830" s="13" t="s">
        <v>208</v>
      </c>
      <c r="B33830" s="14" t="s">
        <v>1</v>
      </c>
      <c r="C33830" s="14" t="s">
        <v>47</v>
      </c>
      <c r="D33830" s="14" t="s">
        <v>209</v>
      </c>
      <c r="E33830" s="15">
        <v>45626</v>
      </c>
      <c r="F33830" s="14" t="s">
        <v>61</v>
      </c>
      <c r="G33830" s="16">
        <v>0</v>
      </c>
    </row>
    <row r="33831" spans="1:7" x14ac:dyDescent="0.3">
      <c r="A33831" s="13" t="s">
        <v>208</v>
      </c>
      <c r="B33831" s="14" t="s">
        <v>1</v>
      </c>
      <c r="C33831" s="14" t="s">
        <v>47</v>
      </c>
      <c r="D33831" s="14" t="s">
        <v>209</v>
      </c>
      <c r="E33831" s="15">
        <v>45627</v>
      </c>
      <c r="F33831" s="14" t="s">
        <v>61</v>
      </c>
      <c r="G33831" s="16">
        <v>0</v>
      </c>
    </row>
    <row r="33832" spans="1:7" x14ac:dyDescent="0.3">
      <c r="A33832" s="13" t="s">
        <v>208</v>
      </c>
      <c r="B33832" s="14" t="s">
        <v>1</v>
      </c>
      <c r="C33832" s="14" t="s">
        <v>47</v>
      </c>
      <c r="D33832" s="14" t="s">
        <v>209</v>
      </c>
      <c r="E33832" s="15">
        <v>45628</v>
      </c>
      <c r="F33832" s="14" t="s">
        <v>61</v>
      </c>
      <c r="G33832" s="16">
        <v>0</v>
      </c>
    </row>
    <row r="33833" spans="1:7" x14ac:dyDescent="0.3">
      <c r="A33833" s="13" t="s">
        <v>208</v>
      </c>
      <c r="B33833" s="14" t="s">
        <v>1</v>
      </c>
      <c r="C33833" s="14" t="s">
        <v>47</v>
      </c>
      <c r="D33833" s="14" t="s">
        <v>209</v>
      </c>
      <c r="E33833" s="15">
        <v>45629</v>
      </c>
      <c r="F33833" s="14" t="s">
        <v>61</v>
      </c>
      <c r="G33833" s="16">
        <v>0</v>
      </c>
    </row>
    <row r="33834" spans="1:7" x14ac:dyDescent="0.3">
      <c r="A33834" s="13" t="s">
        <v>208</v>
      </c>
      <c r="B33834" s="14" t="s">
        <v>1</v>
      </c>
      <c r="C33834" s="14" t="s">
        <v>47</v>
      </c>
      <c r="D33834" s="14" t="s">
        <v>209</v>
      </c>
      <c r="E33834" s="15">
        <v>45630</v>
      </c>
      <c r="F33834" s="14" t="s">
        <v>61</v>
      </c>
      <c r="G33834" s="16">
        <v>0</v>
      </c>
    </row>
    <row r="33835" spans="1:7" x14ac:dyDescent="0.3">
      <c r="A33835" s="13" t="s">
        <v>208</v>
      </c>
      <c r="B33835" s="14" t="s">
        <v>1</v>
      </c>
      <c r="C33835" s="14" t="s">
        <v>47</v>
      </c>
      <c r="D33835" s="14" t="s">
        <v>209</v>
      </c>
      <c r="E33835" s="15">
        <v>45631</v>
      </c>
      <c r="F33835" s="14" t="s">
        <v>61</v>
      </c>
      <c r="G33835" s="16">
        <v>0</v>
      </c>
    </row>
    <row r="33836" spans="1:7" x14ac:dyDescent="0.3">
      <c r="A33836" s="13" t="s">
        <v>208</v>
      </c>
      <c r="B33836" s="14" t="s">
        <v>1</v>
      </c>
      <c r="C33836" s="14" t="s">
        <v>47</v>
      </c>
      <c r="D33836" s="14" t="s">
        <v>209</v>
      </c>
      <c r="E33836" s="15">
        <v>45632</v>
      </c>
      <c r="F33836" s="14" t="s">
        <v>61</v>
      </c>
      <c r="G33836" s="16">
        <v>0</v>
      </c>
    </row>
    <row r="33837" spans="1:7" x14ac:dyDescent="0.3">
      <c r="A33837" s="13" t="s">
        <v>208</v>
      </c>
      <c r="B33837" s="14" t="s">
        <v>1</v>
      </c>
      <c r="C33837" s="14" t="s">
        <v>47</v>
      </c>
      <c r="D33837" s="14" t="s">
        <v>209</v>
      </c>
      <c r="E33837" s="15">
        <v>45633</v>
      </c>
      <c r="F33837" s="14" t="s">
        <v>61</v>
      </c>
      <c r="G33837" s="16">
        <v>0</v>
      </c>
    </row>
    <row r="33838" spans="1:7" x14ac:dyDescent="0.3">
      <c r="A33838" s="13" t="s">
        <v>208</v>
      </c>
      <c r="B33838" s="14" t="s">
        <v>1</v>
      </c>
      <c r="C33838" s="14" t="s">
        <v>47</v>
      </c>
      <c r="D33838" s="14" t="s">
        <v>209</v>
      </c>
      <c r="E33838" s="15">
        <v>45634</v>
      </c>
      <c r="F33838" s="14" t="s">
        <v>61</v>
      </c>
      <c r="G33838" s="16">
        <v>0</v>
      </c>
    </row>
    <row r="33839" spans="1:7" x14ac:dyDescent="0.3">
      <c r="A33839" s="13" t="s">
        <v>208</v>
      </c>
      <c r="B33839" s="14" t="s">
        <v>1</v>
      </c>
      <c r="C33839" s="14" t="s">
        <v>47</v>
      </c>
      <c r="D33839" s="14" t="s">
        <v>209</v>
      </c>
      <c r="E33839" s="15">
        <v>45635</v>
      </c>
      <c r="F33839" s="14" t="s">
        <v>61</v>
      </c>
      <c r="G33839" s="16">
        <v>0</v>
      </c>
    </row>
    <row r="33840" spans="1:7" x14ac:dyDescent="0.3">
      <c r="A33840" s="13" t="s">
        <v>208</v>
      </c>
      <c r="B33840" s="14" t="s">
        <v>1</v>
      </c>
      <c r="C33840" s="14" t="s">
        <v>47</v>
      </c>
      <c r="D33840" s="14" t="s">
        <v>209</v>
      </c>
      <c r="E33840" s="15">
        <v>45636</v>
      </c>
      <c r="F33840" s="14" t="s">
        <v>61</v>
      </c>
      <c r="G33840" s="16">
        <v>0</v>
      </c>
    </row>
    <row r="33841" spans="1:7" x14ac:dyDescent="0.3">
      <c r="A33841" s="13" t="s">
        <v>208</v>
      </c>
      <c r="B33841" s="14" t="s">
        <v>1</v>
      </c>
      <c r="C33841" s="14" t="s">
        <v>47</v>
      </c>
      <c r="D33841" s="14" t="s">
        <v>209</v>
      </c>
      <c r="E33841" s="15">
        <v>45637</v>
      </c>
      <c r="F33841" s="14" t="s">
        <v>61</v>
      </c>
      <c r="G33841" s="16">
        <v>0</v>
      </c>
    </row>
    <row r="33842" spans="1:7" x14ac:dyDescent="0.3">
      <c r="A33842" s="13" t="s">
        <v>208</v>
      </c>
      <c r="B33842" s="14" t="s">
        <v>1</v>
      </c>
      <c r="C33842" s="14" t="s">
        <v>47</v>
      </c>
      <c r="D33842" s="14" t="s">
        <v>209</v>
      </c>
      <c r="E33842" s="15">
        <v>45638</v>
      </c>
      <c r="F33842" s="14" t="s">
        <v>61</v>
      </c>
      <c r="G33842" s="16">
        <v>0</v>
      </c>
    </row>
    <row r="33843" spans="1:7" x14ac:dyDescent="0.3">
      <c r="A33843" s="13" t="s">
        <v>208</v>
      </c>
      <c r="B33843" s="14" t="s">
        <v>1</v>
      </c>
      <c r="C33843" s="14" t="s">
        <v>47</v>
      </c>
      <c r="D33843" s="14" t="s">
        <v>209</v>
      </c>
      <c r="E33843" s="15">
        <v>45639</v>
      </c>
      <c r="F33843" s="14" t="s">
        <v>61</v>
      </c>
      <c r="G33843" s="16">
        <v>0</v>
      </c>
    </row>
    <row r="33844" spans="1:7" x14ac:dyDescent="0.3">
      <c r="A33844" s="13" t="s">
        <v>208</v>
      </c>
      <c r="B33844" s="14" t="s">
        <v>1</v>
      </c>
      <c r="C33844" s="14" t="s">
        <v>47</v>
      </c>
      <c r="D33844" s="14" t="s">
        <v>209</v>
      </c>
      <c r="E33844" s="15">
        <v>45640</v>
      </c>
      <c r="F33844" s="14" t="s">
        <v>61</v>
      </c>
      <c r="G33844" s="16">
        <v>0</v>
      </c>
    </row>
    <row r="33845" spans="1:7" x14ac:dyDescent="0.3">
      <c r="A33845" s="13" t="s">
        <v>208</v>
      </c>
      <c r="B33845" s="14" t="s">
        <v>1</v>
      </c>
      <c r="C33845" s="14" t="s">
        <v>47</v>
      </c>
      <c r="D33845" s="14" t="s">
        <v>209</v>
      </c>
      <c r="E33845" s="15">
        <v>45641</v>
      </c>
      <c r="F33845" s="14" t="s">
        <v>61</v>
      </c>
      <c r="G33845" s="16">
        <v>0</v>
      </c>
    </row>
    <row r="33846" spans="1:7" x14ac:dyDescent="0.3">
      <c r="A33846" s="13" t="s">
        <v>208</v>
      </c>
      <c r="B33846" s="14" t="s">
        <v>1</v>
      </c>
      <c r="C33846" s="14" t="s">
        <v>47</v>
      </c>
      <c r="D33846" s="14" t="s">
        <v>209</v>
      </c>
      <c r="E33846" s="15">
        <v>45642</v>
      </c>
      <c r="F33846" s="14" t="s">
        <v>61</v>
      </c>
      <c r="G33846" s="16">
        <v>0</v>
      </c>
    </row>
    <row r="33847" spans="1:7" x14ac:dyDescent="0.3">
      <c r="A33847" s="13" t="s">
        <v>208</v>
      </c>
      <c r="B33847" s="14" t="s">
        <v>1</v>
      </c>
      <c r="C33847" s="14" t="s">
        <v>47</v>
      </c>
      <c r="D33847" s="14" t="s">
        <v>209</v>
      </c>
      <c r="E33847" s="15">
        <v>45643</v>
      </c>
      <c r="F33847" s="14" t="s">
        <v>61</v>
      </c>
      <c r="G33847" s="16">
        <v>0</v>
      </c>
    </row>
    <row r="33848" spans="1:7" x14ac:dyDescent="0.3">
      <c r="A33848" s="13" t="s">
        <v>208</v>
      </c>
      <c r="B33848" s="14" t="s">
        <v>1</v>
      </c>
      <c r="C33848" s="14" t="s">
        <v>47</v>
      </c>
      <c r="D33848" s="14" t="s">
        <v>209</v>
      </c>
      <c r="E33848" s="15">
        <v>45644</v>
      </c>
      <c r="F33848" s="14" t="s">
        <v>61</v>
      </c>
      <c r="G33848" s="16">
        <v>0</v>
      </c>
    </row>
    <row r="33849" spans="1:7" x14ac:dyDescent="0.3">
      <c r="A33849" s="13" t="s">
        <v>208</v>
      </c>
      <c r="B33849" s="14" t="s">
        <v>1</v>
      </c>
      <c r="C33849" s="14" t="s">
        <v>47</v>
      </c>
      <c r="D33849" s="14" t="s">
        <v>209</v>
      </c>
      <c r="E33849" s="15">
        <v>45645</v>
      </c>
      <c r="F33849" s="14" t="s">
        <v>61</v>
      </c>
      <c r="G33849" s="16">
        <v>0</v>
      </c>
    </row>
    <row r="33850" spans="1:7" x14ac:dyDescent="0.3">
      <c r="A33850" s="13" t="s">
        <v>208</v>
      </c>
      <c r="B33850" s="14" t="s">
        <v>1</v>
      </c>
      <c r="C33850" s="14" t="s">
        <v>47</v>
      </c>
      <c r="D33850" s="14" t="s">
        <v>209</v>
      </c>
      <c r="E33850" s="15">
        <v>45646</v>
      </c>
      <c r="F33850" s="14" t="s">
        <v>61</v>
      </c>
      <c r="G33850" s="16">
        <v>0</v>
      </c>
    </row>
    <row r="33851" spans="1:7" x14ac:dyDescent="0.3">
      <c r="A33851" s="13" t="s">
        <v>208</v>
      </c>
      <c r="B33851" s="14" t="s">
        <v>1</v>
      </c>
      <c r="C33851" s="14" t="s">
        <v>47</v>
      </c>
      <c r="D33851" s="14" t="s">
        <v>209</v>
      </c>
      <c r="E33851" s="15">
        <v>45647</v>
      </c>
      <c r="F33851" s="14" t="s">
        <v>61</v>
      </c>
      <c r="G33851" s="16">
        <v>0</v>
      </c>
    </row>
    <row r="33852" spans="1:7" x14ac:dyDescent="0.3">
      <c r="A33852" s="13" t="s">
        <v>208</v>
      </c>
      <c r="B33852" s="14" t="s">
        <v>1</v>
      </c>
      <c r="C33852" s="14" t="s">
        <v>47</v>
      </c>
      <c r="D33852" s="14" t="s">
        <v>209</v>
      </c>
      <c r="E33852" s="15">
        <v>45648</v>
      </c>
      <c r="F33852" s="14" t="s">
        <v>61</v>
      </c>
      <c r="G33852" s="16">
        <v>0</v>
      </c>
    </row>
    <row r="33853" spans="1:7" x14ac:dyDescent="0.3">
      <c r="A33853" s="13" t="s">
        <v>208</v>
      </c>
      <c r="B33853" s="14" t="s">
        <v>1</v>
      </c>
      <c r="C33853" s="14" t="s">
        <v>47</v>
      </c>
      <c r="D33853" s="14" t="s">
        <v>209</v>
      </c>
      <c r="E33853" s="15">
        <v>45649</v>
      </c>
      <c r="F33853" s="14" t="s">
        <v>61</v>
      </c>
      <c r="G33853" s="16">
        <v>0</v>
      </c>
    </row>
    <row r="33854" spans="1:7" x14ac:dyDescent="0.3">
      <c r="A33854" s="13" t="s">
        <v>208</v>
      </c>
      <c r="B33854" s="14" t="s">
        <v>1</v>
      </c>
      <c r="C33854" s="14" t="s">
        <v>47</v>
      </c>
      <c r="D33854" s="14" t="s">
        <v>209</v>
      </c>
      <c r="E33854" s="15">
        <v>45650</v>
      </c>
      <c r="F33854" s="14" t="s">
        <v>61</v>
      </c>
      <c r="G33854" s="16">
        <v>0</v>
      </c>
    </row>
    <row r="33855" spans="1:7" x14ac:dyDescent="0.3">
      <c r="A33855" s="13" t="s">
        <v>208</v>
      </c>
      <c r="B33855" s="14" t="s">
        <v>1</v>
      </c>
      <c r="C33855" s="14" t="s">
        <v>47</v>
      </c>
      <c r="D33855" s="14" t="s">
        <v>209</v>
      </c>
      <c r="E33855" s="15">
        <v>45651</v>
      </c>
      <c r="F33855" s="14" t="s">
        <v>61</v>
      </c>
      <c r="G33855" s="16">
        <v>0</v>
      </c>
    </row>
    <row r="33856" spans="1:7" x14ac:dyDescent="0.3">
      <c r="A33856" s="13" t="s">
        <v>208</v>
      </c>
      <c r="B33856" s="14" t="s">
        <v>1</v>
      </c>
      <c r="C33856" s="14" t="s">
        <v>47</v>
      </c>
      <c r="D33856" s="14" t="s">
        <v>209</v>
      </c>
      <c r="E33856" s="15">
        <v>45652</v>
      </c>
      <c r="F33856" s="14" t="s">
        <v>61</v>
      </c>
      <c r="G33856" s="16">
        <v>0</v>
      </c>
    </row>
    <row r="33857" spans="1:7" x14ac:dyDescent="0.3">
      <c r="A33857" s="13" t="s">
        <v>208</v>
      </c>
      <c r="B33857" s="14" t="s">
        <v>1</v>
      </c>
      <c r="C33857" s="14" t="s">
        <v>47</v>
      </c>
      <c r="D33857" s="14" t="s">
        <v>209</v>
      </c>
      <c r="E33857" s="15">
        <v>45653</v>
      </c>
      <c r="F33857" s="14" t="s">
        <v>61</v>
      </c>
      <c r="G33857" s="16">
        <v>0</v>
      </c>
    </row>
    <row r="33858" spans="1:7" x14ac:dyDescent="0.3">
      <c r="A33858" s="13" t="s">
        <v>208</v>
      </c>
      <c r="B33858" s="14" t="s">
        <v>1</v>
      </c>
      <c r="C33858" s="14" t="s">
        <v>47</v>
      </c>
      <c r="D33858" s="14" t="s">
        <v>209</v>
      </c>
      <c r="E33858" s="15">
        <v>45654</v>
      </c>
      <c r="F33858" s="14" t="s">
        <v>61</v>
      </c>
      <c r="G33858" s="16">
        <v>0</v>
      </c>
    </row>
    <row r="33859" spans="1:7" x14ac:dyDescent="0.3">
      <c r="A33859" s="13" t="s">
        <v>208</v>
      </c>
      <c r="B33859" s="14" t="s">
        <v>1</v>
      </c>
      <c r="C33859" s="14" t="s">
        <v>47</v>
      </c>
      <c r="D33859" s="14" t="s">
        <v>209</v>
      </c>
      <c r="E33859" s="15">
        <v>45655</v>
      </c>
      <c r="F33859" s="14" t="s">
        <v>61</v>
      </c>
      <c r="G33859" s="16">
        <v>0</v>
      </c>
    </row>
    <row r="33860" spans="1:7" x14ac:dyDescent="0.3">
      <c r="A33860" s="13" t="s">
        <v>208</v>
      </c>
      <c r="B33860" s="14" t="s">
        <v>1</v>
      </c>
      <c r="C33860" s="14" t="s">
        <v>47</v>
      </c>
      <c r="D33860" s="14" t="s">
        <v>209</v>
      </c>
      <c r="E33860" s="15">
        <v>45656</v>
      </c>
      <c r="F33860" s="14" t="s">
        <v>61</v>
      </c>
      <c r="G33860" s="16">
        <v>0</v>
      </c>
    </row>
    <row r="33861" spans="1:7" x14ac:dyDescent="0.3">
      <c r="A33861" s="13" t="s">
        <v>208</v>
      </c>
      <c r="B33861" s="14" t="s">
        <v>1</v>
      </c>
      <c r="C33861" s="14" t="s">
        <v>47</v>
      </c>
      <c r="D33861" s="14" t="s">
        <v>209</v>
      </c>
      <c r="E33861" s="15">
        <v>45657</v>
      </c>
      <c r="F33861" s="14" t="s">
        <v>61</v>
      </c>
      <c r="G33861" s="16">
        <v>0</v>
      </c>
    </row>
    <row r="33862" spans="1:7" x14ac:dyDescent="0.3">
      <c r="A33862" s="13" t="s">
        <v>208</v>
      </c>
      <c r="B33862" s="14" t="s">
        <v>1</v>
      </c>
      <c r="C33862" s="14" t="s">
        <v>47</v>
      </c>
      <c r="D33862" s="14" t="s">
        <v>209</v>
      </c>
      <c r="E33862" s="15">
        <v>45658</v>
      </c>
      <c r="F33862" s="14" t="s">
        <v>61</v>
      </c>
      <c r="G33862" s="16">
        <v>0</v>
      </c>
    </row>
    <row r="33863" spans="1:7" x14ac:dyDescent="0.3">
      <c r="A33863" s="13" t="s">
        <v>208</v>
      </c>
      <c r="B33863" s="14" t="s">
        <v>1</v>
      </c>
      <c r="C33863" s="14" t="s">
        <v>47</v>
      </c>
      <c r="D33863" s="14" t="s">
        <v>209</v>
      </c>
      <c r="E33863" s="15">
        <v>45659</v>
      </c>
      <c r="F33863" s="14" t="s">
        <v>61</v>
      </c>
      <c r="G33863" s="16">
        <v>0</v>
      </c>
    </row>
    <row r="33864" spans="1:7" x14ac:dyDescent="0.3">
      <c r="A33864" s="13" t="s">
        <v>208</v>
      </c>
      <c r="B33864" s="14" t="s">
        <v>1</v>
      </c>
      <c r="C33864" s="14" t="s">
        <v>47</v>
      </c>
      <c r="D33864" s="14" t="s">
        <v>209</v>
      </c>
      <c r="E33864" s="15">
        <v>45660</v>
      </c>
      <c r="F33864" s="14" t="s">
        <v>61</v>
      </c>
      <c r="G33864" s="16">
        <v>0</v>
      </c>
    </row>
    <row r="33865" spans="1:7" x14ac:dyDescent="0.3">
      <c r="A33865" s="13" t="s">
        <v>208</v>
      </c>
      <c r="B33865" s="14" t="s">
        <v>1</v>
      </c>
      <c r="C33865" s="14" t="s">
        <v>47</v>
      </c>
      <c r="D33865" s="14" t="s">
        <v>209</v>
      </c>
      <c r="E33865" s="15">
        <v>45661</v>
      </c>
      <c r="F33865" s="14" t="s">
        <v>61</v>
      </c>
      <c r="G33865" s="16">
        <v>0</v>
      </c>
    </row>
    <row r="33866" spans="1:7" x14ac:dyDescent="0.3">
      <c r="A33866" s="13" t="s">
        <v>208</v>
      </c>
      <c r="B33866" s="14" t="s">
        <v>1</v>
      </c>
      <c r="C33866" s="14" t="s">
        <v>47</v>
      </c>
      <c r="D33866" s="14" t="s">
        <v>209</v>
      </c>
      <c r="E33866" s="15">
        <v>45662</v>
      </c>
      <c r="F33866" s="14" t="s">
        <v>61</v>
      </c>
      <c r="G33866" s="16">
        <v>0</v>
      </c>
    </row>
    <row r="33867" spans="1:7" x14ac:dyDescent="0.3">
      <c r="A33867" s="13" t="s">
        <v>208</v>
      </c>
      <c r="B33867" s="14" t="s">
        <v>1</v>
      </c>
      <c r="C33867" s="14" t="s">
        <v>47</v>
      </c>
      <c r="D33867" s="14" t="s">
        <v>209</v>
      </c>
      <c r="E33867" s="15">
        <v>45663</v>
      </c>
      <c r="F33867" s="14" t="s">
        <v>61</v>
      </c>
      <c r="G33867" s="16">
        <v>0</v>
      </c>
    </row>
    <row r="33868" spans="1:7" x14ac:dyDescent="0.3">
      <c r="A33868" s="13" t="s">
        <v>208</v>
      </c>
      <c r="B33868" s="14" t="s">
        <v>1</v>
      </c>
      <c r="C33868" s="14" t="s">
        <v>47</v>
      </c>
      <c r="D33868" s="14" t="s">
        <v>209</v>
      </c>
      <c r="E33868" s="15">
        <v>45664</v>
      </c>
      <c r="F33868" s="14" t="s">
        <v>61</v>
      </c>
      <c r="G33868" s="16">
        <v>0</v>
      </c>
    </row>
    <row r="33869" spans="1:7" x14ac:dyDescent="0.3">
      <c r="A33869" s="13" t="s">
        <v>208</v>
      </c>
      <c r="B33869" s="14" t="s">
        <v>1</v>
      </c>
      <c r="C33869" s="14" t="s">
        <v>47</v>
      </c>
      <c r="D33869" s="14" t="s">
        <v>209</v>
      </c>
      <c r="E33869" s="15">
        <v>45665</v>
      </c>
      <c r="F33869" s="14" t="s">
        <v>61</v>
      </c>
      <c r="G33869" s="16">
        <v>0</v>
      </c>
    </row>
    <row r="33870" spans="1:7" x14ac:dyDescent="0.3">
      <c r="A33870" s="13" t="s">
        <v>208</v>
      </c>
      <c r="B33870" s="14" t="s">
        <v>1</v>
      </c>
      <c r="C33870" s="14" t="s">
        <v>47</v>
      </c>
      <c r="D33870" s="14" t="s">
        <v>209</v>
      </c>
      <c r="E33870" s="15">
        <v>45666</v>
      </c>
      <c r="F33870" s="14" t="s">
        <v>61</v>
      </c>
      <c r="G33870" s="16">
        <v>0</v>
      </c>
    </row>
    <row r="33871" spans="1:7" x14ac:dyDescent="0.3">
      <c r="A33871" s="13" t="s">
        <v>208</v>
      </c>
      <c r="B33871" s="14" t="s">
        <v>1</v>
      </c>
      <c r="C33871" s="14" t="s">
        <v>47</v>
      </c>
      <c r="D33871" s="14" t="s">
        <v>209</v>
      </c>
      <c r="E33871" s="15">
        <v>45667</v>
      </c>
      <c r="F33871" s="14" t="s">
        <v>61</v>
      </c>
      <c r="G33871" s="16">
        <v>0</v>
      </c>
    </row>
    <row r="33872" spans="1:7" x14ac:dyDescent="0.3">
      <c r="A33872" s="13" t="s">
        <v>208</v>
      </c>
      <c r="B33872" s="14" t="s">
        <v>1</v>
      </c>
      <c r="C33872" s="14" t="s">
        <v>47</v>
      </c>
      <c r="D33872" s="14" t="s">
        <v>209</v>
      </c>
      <c r="E33872" s="15">
        <v>45668</v>
      </c>
      <c r="F33872" s="14" t="s">
        <v>61</v>
      </c>
      <c r="G33872" s="16">
        <v>0</v>
      </c>
    </row>
    <row r="33873" spans="1:7" x14ac:dyDescent="0.3">
      <c r="A33873" s="13" t="s">
        <v>208</v>
      </c>
      <c r="B33873" s="14" t="s">
        <v>1</v>
      </c>
      <c r="C33873" s="14" t="s">
        <v>47</v>
      </c>
      <c r="D33873" s="14" t="s">
        <v>209</v>
      </c>
      <c r="E33873" s="15">
        <v>45669</v>
      </c>
      <c r="F33873" s="14" t="s">
        <v>61</v>
      </c>
      <c r="G33873" s="16">
        <v>0</v>
      </c>
    </row>
    <row r="33874" spans="1:7" x14ac:dyDescent="0.3">
      <c r="A33874" s="13" t="s">
        <v>208</v>
      </c>
      <c r="B33874" s="14" t="s">
        <v>1</v>
      </c>
      <c r="C33874" s="14" t="s">
        <v>47</v>
      </c>
      <c r="D33874" s="14" t="s">
        <v>209</v>
      </c>
      <c r="E33874" s="15">
        <v>45670</v>
      </c>
      <c r="F33874" s="14" t="s">
        <v>61</v>
      </c>
      <c r="G33874" s="16">
        <v>0</v>
      </c>
    </row>
    <row r="33875" spans="1:7" x14ac:dyDescent="0.3">
      <c r="A33875" s="13" t="s">
        <v>208</v>
      </c>
      <c r="B33875" s="14" t="s">
        <v>1</v>
      </c>
      <c r="C33875" s="14" t="s">
        <v>47</v>
      </c>
      <c r="D33875" s="14" t="s">
        <v>209</v>
      </c>
      <c r="E33875" s="15">
        <v>45671</v>
      </c>
      <c r="F33875" s="14" t="s">
        <v>61</v>
      </c>
      <c r="G33875" s="16">
        <v>0</v>
      </c>
    </row>
    <row r="33876" spans="1:7" x14ac:dyDescent="0.3">
      <c r="A33876" s="13" t="s">
        <v>208</v>
      </c>
      <c r="B33876" s="14" t="s">
        <v>1</v>
      </c>
      <c r="C33876" s="14" t="s">
        <v>47</v>
      </c>
      <c r="D33876" s="14" t="s">
        <v>209</v>
      </c>
      <c r="E33876" s="15">
        <v>45672</v>
      </c>
      <c r="F33876" s="14" t="s">
        <v>61</v>
      </c>
      <c r="G33876" s="16">
        <v>0</v>
      </c>
    </row>
    <row r="33877" spans="1:7" x14ac:dyDescent="0.3">
      <c r="A33877" s="13" t="s">
        <v>208</v>
      </c>
      <c r="B33877" s="14" t="s">
        <v>1</v>
      </c>
      <c r="C33877" s="14" t="s">
        <v>47</v>
      </c>
      <c r="D33877" s="14" t="s">
        <v>209</v>
      </c>
      <c r="E33877" s="15">
        <v>45673</v>
      </c>
      <c r="F33877" s="14" t="s">
        <v>61</v>
      </c>
      <c r="G33877" s="16">
        <v>0</v>
      </c>
    </row>
    <row r="33878" spans="1:7" x14ac:dyDescent="0.3">
      <c r="A33878" s="13" t="s">
        <v>208</v>
      </c>
      <c r="B33878" s="14" t="s">
        <v>1</v>
      </c>
      <c r="C33878" s="14" t="s">
        <v>47</v>
      </c>
      <c r="D33878" s="14" t="s">
        <v>209</v>
      </c>
      <c r="E33878" s="15">
        <v>45674</v>
      </c>
      <c r="F33878" s="14" t="s">
        <v>61</v>
      </c>
      <c r="G33878" s="16">
        <v>0</v>
      </c>
    </row>
    <row r="33879" spans="1:7" x14ac:dyDescent="0.3">
      <c r="A33879" s="13" t="s">
        <v>208</v>
      </c>
      <c r="B33879" s="14" t="s">
        <v>1</v>
      </c>
      <c r="C33879" s="14" t="s">
        <v>47</v>
      </c>
      <c r="D33879" s="14" t="s">
        <v>209</v>
      </c>
      <c r="E33879" s="15">
        <v>45675</v>
      </c>
      <c r="F33879" s="14" t="s">
        <v>61</v>
      </c>
      <c r="G33879" s="16">
        <v>0</v>
      </c>
    </row>
    <row r="33880" spans="1:7" x14ac:dyDescent="0.3">
      <c r="A33880" s="13" t="s">
        <v>208</v>
      </c>
      <c r="B33880" s="14" t="s">
        <v>1</v>
      </c>
      <c r="C33880" s="14" t="s">
        <v>47</v>
      </c>
      <c r="D33880" s="14" t="s">
        <v>209</v>
      </c>
      <c r="E33880" s="15">
        <v>45676</v>
      </c>
      <c r="F33880" s="14" t="s">
        <v>61</v>
      </c>
      <c r="G33880" s="16">
        <v>0</v>
      </c>
    </row>
    <row r="33881" spans="1:7" x14ac:dyDescent="0.3">
      <c r="A33881" s="13" t="s">
        <v>208</v>
      </c>
      <c r="B33881" s="14" t="s">
        <v>1</v>
      </c>
      <c r="C33881" s="14" t="s">
        <v>47</v>
      </c>
      <c r="D33881" s="14" t="s">
        <v>209</v>
      </c>
      <c r="E33881" s="15">
        <v>45677</v>
      </c>
      <c r="F33881" s="14" t="s">
        <v>61</v>
      </c>
      <c r="G33881" s="16">
        <v>0</v>
      </c>
    </row>
    <row r="33882" spans="1:7" x14ac:dyDescent="0.3">
      <c r="A33882" s="13" t="s">
        <v>208</v>
      </c>
      <c r="B33882" s="14" t="s">
        <v>1</v>
      </c>
      <c r="C33882" s="14" t="s">
        <v>47</v>
      </c>
      <c r="D33882" s="14" t="s">
        <v>209</v>
      </c>
      <c r="E33882" s="15">
        <v>45678</v>
      </c>
      <c r="F33882" s="14" t="s">
        <v>61</v>
      </c>
      <c r="G33882" s="16">
        <v>0</v>
      </c>
    </row>
    <row r="33883" spans="1:7" x14ac:dyDescent="0.3">
      <c r="A33883" s="13" t="s">
        <v>208</v>
      </c>
      <c r="B33883" s="14" t="s">
        <v>1</v>
      </c>
      <c r="C33883" s="14" t="s">
        <v>47</v>
      </c>
      <c r="D33883" s="14" t="s">
        <v>209</v>
      </c>
      <c r="E33883" s="15">
        <v>45679</v>
      </c>
      <c r="F33883" s="14" t="s">
        <v>61</v>
      </c>
      <c r="G33883" s="16">
        <v>0</v>
      </c>
    </row>
    <row r="33884" spans="1:7" x14ac:dyDescent="0.3">
      <c r="A33884" s="13" t="s">
        <v>208</v>
      </c>
      <c r="B33884" s="14" t="s">
        <v>1</v>
      </c>
      <c r="C33884" s="14" t="s">
        <v>47</v>
      </c>
      <c r="D33884" s="14" t="s">
        <v>209</v>
      </c>
      <c r="E33884" s="15">
        <v>45680</v>
      </c>
      <c r="F33884" s="14" t="s">
        <v>61</v>
      </c>
      <c r="G33884" s="16">
        <v>0</v>
      </c>
    </row>
    <row r="33885" spans="1:7" x14ac:dyDescent="0.3">
      <c r="A33885" s="13" t="s">
        <v>208</v>
      </c>
      <c r="B33885" s="14" t="s">
        <v>1</v>
      </c>
      <c r="C33885" s="14" t="s">
        <v>47</v>
      </c>
      <c r="D33885" s="14" t="s">
        <v>209</v>
      </c>
      <c r="E33885" s="15">
        <v>45681</v>
      </c>
      <c r="F33885" s="14" t="s">
        <v>61</v>
      </c>
      <c r="G33885" s="16">
        <v>0</v>
      </c>
    </row>
    <row r="33886" spans="1:7" x14ac:dyDescent="0.3">
      <c r="A33886" s="13" t="s">
        <v>208</v>
      </c>
      <c r="B33886" s="14" t="s">
        <v>1</v>
      </c>
      <c r="C33886" s="14" t="s">
        <v>47</v>
      </c>
      <c r="D33886" s="14" t="s">
        <v>209</v>
      </c>
      <c r="E33886" s="15">
        <v>45682</v>
      </c>
      <c r="F33886" s="14" t="s">
        <v>61</v>
      </c>
      <c r="G33886" s="16">
        <v>0</v>
      </c>
    </row>
    <row r="33887" spans="1:7" x14ac:dyDescent="0.3">
      <c r="A33887" s="13" t="s">
        <v>208</v>
      </c>
      <c r="B33887" s="14" t="s">
        <v>1</v>
      </c>
      <c r="C33887" s="14" t="s">
        <v>47</v>
      </c>
      <c r="D33887" s="14" t="s">
        <v>209</v>
      </c>
      <c r="E33887" s="15">
        <v>45683</v>
      </c>
      <c r="F33887" s="14" t="s">
        <v>61</v>
      </c>
      <c r="G33887" s="16">
        <v>0</v>
      </c>
    </row>
    <row r="33888" spans="1:7" x14ac:dyDescent="0.3">
      <c r="A33888" s="13" t="s">
        <v>208</v>
      </c>
      <c r="B33888" s="14" t="s">
        <v>1</v>
      </c>
      <c r="C33888" s="14" t="s">
        <v>47</v>
      </c>
      <c r="D33888" s="14" t="s">
        <v>209</v>
      </c>
      <c r="E33888" s="15">
        <v>45684</v>
      </c>
      <c r="F33888" s="14" t="s">
        <v>61</v>
      </c>
      <c r="G33888" s="16">
        <v>0</v>
      </c>
    </row>
    <row r="33889" spans="1:7" x14ac:dyDescent="0.3">
      <c r="A33889" s="13" t="s">
        <v>208</v>
      </c>
      <c r="B33889" s="14" t="s">
        <v>1</v>
      </c>
      <c r="C33889" s="14" t="s">
        <v>47</v>
      </c>
      <c r="D33889" s="14" t="s">
        <v>209</v>
      </c>
      <c r="E33889" s="15">
        <v>45685</v>
      </c>
      <c r="F33889" s="14" t="s">
        <v>61</v>
      </c>
      <c r="G33889" s="16">
        <v>0</v>
      </c>
    </row>
    <row r="33890" spans="1:7" x14ac:dyDescent="0.3">
      <c r="A33890" s="13" t="s">
        <v>208</v>
      </c>
      <c r="B33890" s="14" t="s">
        <v>1</v>
      </c>
      <c r="C33890" s="14" t="s">
        <v>47</v>
      </c>
      <c r="D33890" s="14" t="s">
        <v>209</v>
      </c>
      <c r="E33890" s="15">
        <v>45686</v>
      </c>
      <c r="F33890" s="14" t="s">
        <v>61</v>
      </c>
      <c r="G33890" s="16">
        <v>0</v>
      </c>
    </row>
    <row r="33891" spans="1:7" x14ac:dyDescent="0.3">
      <c r="A33891" s="13" t="s">
        <v>208</v>
      </c>
      <c r="B33891" s="14" t="s">
        <v>1</v>
      </c>
      <c r="C33891" s="14" t="s">
        <v>47</v>
      </c>
      <c r="D33891" s="14" t="s">
        <v>209</v>
      </c>
      <c r="E33891" s="15">
        <v>45687</v>
      </c>
      <c r="F33891" s="14" t="s">
        <v>61</v>
      </c>
      <c r="G33891" s="16">
        <v>0</v>
      </c>
    </row>
    <row r="33892" spans="1:7" x14ac:dyDescent="0.3">
      <c r="A33892" s="13" t="s">
        <v>208</v>
      </c>
      <c r="B33892" s="14" t="s">
        <v>1</v>
      </c>
      <c r="C33892" s="14" t="s">
        <v>47</v>
      </c>
      <c r="D33892" s="14" t="s">
        <v>209</v>
      </c>
      <c r="E33892" s="15">
        <v>45688</v>
      </c>
      <c r="F33892" s="14" t="s">
        <v>61</v>
      </c>
      <c r="G33892" s="16">
        <v>0</v>
      </c>
    </row>
    <row r="33893" spans="1:7" x14ac:dyDescent="0.3">
      <c r="A33893" s="13" t="s">
        <v>208</v>
      </c>
      <c r="B33893" s="14" t="s">
        <v>1</v>
      </c>
      <c r="C33893" s="14" t="s">
        <v>47</v>
      </c>
      <c r="D33893" s="14" t="s">
        <v>209</v>
      </c>
      <c r="E33893" s="15">
        <v>45689</v>
      </c>
      <c r="F33893" s="14" t="s">
        <v>61</v>
      </c>
      <c r="G33893" s="16">
        <v>0</v>
      </c>
    </row>
    <row r="33894" spans="1:7" x14ac:dyDescent="0.3">
      <c r="A33894" s="13" t="s">
        <v>208</v>
      </c>
      <c r="B33894" s="14" t="s">
        <v>1</v>
      </c>
      <c r="C33894" s="14" t="s">
        <v>47</v>
      </c>
      <c r="D33894" s="14" t="s">
        <v>209</v>
      </c>
      <c r="E33894" s="15">
        <v>45690</v>
      </c>
      <c r="F33894" s="14" t="s">
        <v>61</v>
      </c>
      <c r="G33894" s="16">
        <v>0</v>
      </c>
    </row>
    <row r="33895" spans="1:7" x14ac:dyDescent="0.3">
      <c r="A33895" s="13" t="s">
        <v>208</v>
      </c>
      <c r="B33895" s="14" t="s">
        <v>1</v>
      </c>
      <c r="C33895" s="14" t="s">
        <v>47</v>
      </c>
      <c r="D33895" s="14" t="s">
        <v>209</v>
      </c>
      <c r="E33895" s="15">
        <v>45691</v>
      </c>
      <c r="F33895" s="14" t="s">
        <v>61</v>
      </c>
      <c r="G33895" s="16">
        <v>0</v>
      </c>
    </row>
    <row r="33896" spans="1:7" x14ac:dyDescent="0.3">
      <c r="A33896" s="13" t="s">
        <v>208</v>
      </c>
      <c r="B33896" s="14" t="s">
        <v>1</v>
      </c>
      <c r="C33896" s="14" t="s">
        <v>47</v>
      </c>
      <c r="D33896" s="14" t="s">
        <v>209</v>
      </c>
      <c r="E33896" s="15">
        <v>45692</v>
      </c>
      <c r="F33896" s="14" t="s">
        <v>61</v>
      </c>
      <c r="G33896" s="16">
        <v>0</v>
      </c>
    </row>
    <row r="33897" spans="1:7" x14ac:dyDescent="0.3">
      <c r="A33897" s="13" t="s">
        <v>208</v>
      </c>
      <c r="B33897" s="14" t="s">
        <v>1</v>
      </c>
      <c r="C33897" s="14" t="s">
        <v>47</v>
      </c>
      <c r="D33897" s="14" t="s">
        <v>209</v>
      </c>
      <c r="E33897" s="15">
        <v>45693</v>
      </c>
      <c r="F33897" s="14" t="s">
        <v>61</v>
      </c>
      <c r="G33897" s="16">
        <v>0</v>
      </c>
    </row>
    <row r="33898" spans="1:7" x14ac:dyDescent="0.3">
      <c r="A33898" s="13" t="s">
        <v>208</v>
      </c>
      <c r="B33898" s="14" t="s">
        <v>1</v>
      </c>
      <c r="C33898" s="14" t="s">
        <v>47</v>
      </c>
      <c r="D33898" s="14" t="s">
        <v>209</v>
      </c>
      <c r="E33898" s="15">
        <v>45694</v>
      </c>
      <c r="F33898" s="14" t="s">
        <v>61</v>
      </c>
      <c r="G33898" s="16">
        <v>0</v>
      </c>
    </row>
    <row r="33899" spans="1:7" x14ac:dyDescent="0.3">
      <c r="A33899" s="13" t="s">
        <v>208</v>
      </c>
      <c r="B33899" s="14" t="s">
        <v>1</v>
      </c>
      <c r="C33899" s="14" t="s">
        <v>47</v>
      </c>
      <c r="D33899" s="14" t="s">
        <v>209</v>
      </c>
      <c r="E33899" s="15">
        <v>45695</v>
      </c>
      <c r="F33899" s="14" t="s">
        <v>61</v>
      </c>
      <c r="G33899" s="16">
        <v>0</v>
      </c>
    </row>
    <row r="33900" spans="1:7" x14ac:dyDescent="0.3">
      <c r="A33900" s="13" t="s">
        <v>208</v>
      </c>
      <c r="B33900" s="14" t="s">
        <v>1</v>
      </c>
      <c r="C33900" s="14" t="s">
        <v>47</v>
      </c>
      <c r="D33900" s="14" t="s">
        <v>209</v>
      </c>
      <c r="E33900" s="15">
        <v>45696</v>
      </c>
      <c r="F33900" s="14" t="s">
        <v>61</v>
      </c>
      <c r="G33900" s="16">
        <v>0</v>
      </c>
    </row>
    <row r="33901" spans="1:7" x14ac:dyDescent="0.3">
      <c r="A33901" s="13" t="s">
        <v>208</v>
      </c>
      <c r="B33901" s="14" t="s">
        <v>1</v>
      </c>
      <c r="C33901" s="14" t="s">
        <v>47</v>
      </c>
      <c r="D33901" s="14" t="s">
        <v>209</v>
      </c>
      <c r="E33901" s="15">
        <v>45697</v>
      </c>
      <c r="F33901" s="14" t="s">
        <v>61</v>
      </c>
      <c r="G33901" s="16">
        <v>0</v>
      </c>
    </row>
    <row r="33902" spans="1:7" x14ac:dyDescent="0.3">
      <c r="A33902" s="13" t="s">
        <v>208</v>
      </c>
      <c r="B33902" s="14" t="s">
        <v>1</v>
      </c>
      <c r="C33902" s="14" t="s">
        <v>47</v>
      </c>
      <c r="D33902" s="14" t="s">
        <v>209</v>
      </c>
      <c r="E33902" s="15">
        <v>45698</v>
      </c>
      <c r="F33902" s="14" t="s">
        <v>61</v>
      </c>
      <c r="G33902" s="16">
        <v>0</v>
      </c>
    </row>
    <row r="33903" spans="1:7" x14ac:dyDescent="0.3">
      <c r="A33903" s="13" t="s">
        <v>208</v>
      </c>
      <c r="B33903" s="14" t="s">
        <v>1</v>
      </c>
      <c r="C33903" s="14" t="s">
        <v>47</v>
      </c>
      <c r="D33903" s="14" t="s">
        <v>209</v>
      </c>
      <c r="E33903" s="15">
        <v>45699</v>
      </c>
      <c r="F33903" s="14" t="s">
        <v>61</v>
      </c>
      <c r="G33903" s="16">
        <v>0</v>
      </c>
    </row>
    <row r="33904" spans="1:7" x14ac:dyDescent="0.3">
      <c r="A33904" s="13" t="s">
        <v>208</v>
      </c>
      <c r="B33904" s="14" t="s">
        <v>1</v>
      </c>
      <c r="C33904" s="14" t="s">
        <v>47</v>
      </c>
      <c r="D33904" s="14" t="s">
        <v>209</v>
      </c>
      <c r="E33904" s="15">
        <v>45700</v>
      </c>
      <c r="F33904" s="14" t="s">
        <v>61</v>
      </c>
      <c r="G33904" s="16">
        <v>0</v>
      </c>
    </row>
    <row r="33905" spans="1:7" x14ac:dyDescent="0.3">
      <c r="A33905" s="13" t="s">
        <v>208</v>
      </c>
      <c r="B33905" s="14" t="s">
        <v>1</v>
      </c>
      <c r="C33905" s="14" t="s">
        <v>47</v>
      </c>
      <c r="D33905" s="14" t="s">
        <v>209</v>
      </c>
      <c r="E33905" s="15">
        <v>45701</v>
      </c>
      <c r="F33905" s="14" t="s">
        <v>61</v>
      </c>
      <c r="G33905" s="16">
        <v>0</v>
      </c>
    </row>
    <row r="33906" spans="1:7" x14ac:dyDescent="0.3">
      <c r="A33906" s="13" t="s">
        <v>208</v>
      </c>
      <c r="B33906" s="14" t="s">
        <v>1</v>
      </c>
      <c r="C33906" s="14" t="s">
        <v>47</v>
      </c>
      <c r="D33906" s="14" t="s">
        <v>209</v>
      </c>
      <c r="E33906" s="15">
        <v>45702</v>
      </c>
      <c r="F33906" s="14" t="s">
        <v>61</v>
      </c>
      <c r="G33906" s="16">
        <v>0</v>
      </c>
    </row>
    <row r="33907" spans="1:7" x14ac:dyDescent="0.3">
      <c r="A33907" s="13" t="s">
        <v>208</v>
      </c>
      <c r="B33907" s="14" t="s">
        <v>1</v>
      </c>
      <c r="C33907" s="14" t="s">
        <v>47</v>
      </c>
      <c r="D33907" s="14" t="s">
        <v>209</v>
      </c>
      <c r="E33907" s="15">
        <v>45703</v>
      </c>
      <c r="F33907" s="14" t="s">
        <v>61</v>
      </c>
      <c r="G33907" s="16">
        <v>0</v>
      </c>
    </row>
    <row r="33908" spans="1:7" x14ac:dyDescent="0.3">
      <c r="A33908" s="13" t="s">
        <v>208</v>
      </c>
      <c r="B33908" s="14" t="s">
        <v>1</v>
      </c>
      <c r="C33908" s="14" t="s">
        <v>47</v>
      </c>
      <c r="D33908" s="14" t="s">
        <v>209</v>
      </c>
      <c r="E33908" s="15">
        <v>45704</v>
      </c>
      <c r="F33908" s="14" t="s">
        <v>61</v>
      </c>
      <c r="G33908" s="16">
        <v>0</v>
      </c>
    </row>
    <row r="33909" spans="1:7" x14ac:dyDescent="0.3">
      <c r="A33909" s="13" t="s">
        <v>208</v>
      </c>
      <c r="B33909" s="14" t="s">
        <v>1</v>
      </c>
      <c r="C33909" s="14" t="s">
        <v>47</v>
      </c>
      <c r="D33909" s="14" t="s">
        <v>209</v>
      </c>
      <c r="E33909" s="15">
        <v>45705</v>
      </c>
      <c r="F33909" s="14" t="s">
        <v>61</v>
      </c>
      <c r="G33909" s="16">
        <v>0</v>
      </c>
    </row>
    <row r="33910" spans="1:7" x14ac:dyDescent="0.3">
      <c r="A33910" s="13" t="s">
        <v>208</v>
      </c>
      <c r="B33910" s="14" t="s">
        <v>1</v>
      </c>
      <c r="C33910" s="14" t="s">
        <v>47</v>
      </c>
      <c r="D33910" s="14" t="s">
        <v>209</v>
      </c>
      <c r="E33910" s="15">
        <v>45706</v>
      </c>
      <c r="F33910" s="14" t="s">
        <v>61</v>
      </c>
      <c r="G33910" s="16">
        <v>0</v>
      </c>
    </row>
    <row r="33911" spans="1:7" x14ac:dyDescent="0.3">
      <c r="A33911" s="13" t="s">
        <v>208</v>
      </c>
      <c r="B33911" s="14" t="s">
        <v>1</v>
      </c>
      <c r="C33911" s="14" t="s">
        <v>47</v>
      </c>
      <c r="D33911" s="14" t="s">
        <v>209</v>
      </c>
      <c r="E33911" s="15">
        <v>45707</v>
      </c>
      <c r="F33911" s="14" t="s">
        <v>61</v>
      </c>
      <c r="G33911" s="16">
        <v>0</v>
      </c>
    </row>
    <row r="33912" spans="1:7" x14ac:dyDescent="0.3">
      <c r="A33912" s="13" t="s">
        <v>208</v>
      </c>
      <c r="B33912" s="14" t="s">
        <v>1</v>
      </c>
      <c r="C33912" s="14" t="s">
        <v>47</v>
      </c>
      <c r="D33912" s="14" t="s">
        <v>209</v>
      </c>
      <c r="E33912" s="15">
        <v>45708</v>
      </c>
      <c r="F33912" s="14" t="s">
        <v>61</v>
      </c>
      <c r="G33912" s="16">
        <v>0</v>
      </c>
    </row>
    <row r="33913" spans="1:7" x14ac:dyDescent="0.3">
      <c r="A33913" s="13" t="s">
        <v>208</v>
      </c>
      <c r="B33913" s="14" t="s">
        <v>1</v>
      </c>
      <c r="C33913" s="14" t="s">
        <v>47</v>
      </c>
      <c r="D33913" s="14" t="s">
        <v>209</v>
      </c>
      <c r="E33913" s="15">
        <v>45709</v>
      </c>
      <c r="F33913" s="14" t="s">
        <v>61</v>
      </c>
      <c r="G33913" s="16">
        <v>0</v>
      </c>
    </row>
    <row r="33914" spans="1:7" x14ac:dyDescent="0.3">
      <c r="A33914" s="13" t="s">
        <v>208</v>
      </c>
      <c r="B33914" s="14" t="s">
        <v>1</v>
      </c>
      <c r="C33914" s="14" t="s">
        <v>47</v>
      </c>
      <c r="D33914" s="14" t="s">
        <v>209</v>
      </c>
      <c r="E33914" s="15">
        <v>45710</v>
      </c>
      <c r="F33914" s="14" t="s">
        <v>61</v>
      </c>
      <c r="G33914" s="16">
        <v>0</v>
      </c>
    </row>
    <row r="33915" spans="1:7" x14ac:dyDescent="0.3">
      <c r="A33915" s="13" t="s">
        <v>208</v>
      </c>
      <c r="B33915" s="14" t="s">
        <v>1</v>
      </c>
      <c r="C33915" s="14" t="s">
        <v>47</v>
      </c>
      <c r="D33915" s="14" t="s">
        <v>209</v>
      </c>
      <c r="E33915" s="15">
        <v>45711</v>
      </c>
      <c r="F33915" s="14" t="s">
        <v>61</v>
      </c>
      <c r="G33915" s="16">
        <v>0</v>
      </c>
    </row>
    <row r="33916" spans="1:7" x14ac:dyDescent="0.3">
      <c r="A33916" s="13" t="s">
        <v>208</v>
      </c>
      <c r="B33916" s="14" t="s">
        <v>1</v>
      </c>
      <c r="C33916" s="14" t="s">
        <v>47</v>
      </c>
      <c r="D33916" s="14" t="s">
        <v>209</v>
      </c>
      <c r="E33916" s="15">
        <v>45712</v>
      </c>
      <c r="F33916" s="14" t="s">
        <v>61</v>
      </c>
      <c r="G33916" s="16">
        <v>0</v>
      </c>
    </row>
    <row r="33917" spans="1:7" x14ac:dyDescent="0.3">
      <c r="A33917" s="13" t="s">
        <v>208</v>
      </c>
      <c r="B33917" s="14" t="s">
        <v>1</v>
      </c>
      <c r="C33917" s="14" t="s">
        <v>47</v>
      </c>
      <c r="D33917" s="14" t="s">
        <v>209</v>
      </c>
      <c r="E33917" s="15">
        <v>45713</v>
      </c>
      <c r="F33917" s="14" t="s">
        <v>61</v>
      </c>
      <c r="G33917" s="16">
        <v>0</v>
      </c>
    </row>
    <row r="33918" spans="1:7" x14ac:dyDescent="0.3">
      <c r="A33918" s="13" t="s">
        <v>208</v>
      </c>
      <c r="B33918" s="14" t="s">
        <v>1</v>
      </c>
      <c r="C33918" s="14" t="s">
        <v>47</v>
      </c>
      <c r="D33918" s="14" t="s">
        <v>209</v>
      </c>
      <c r="E33918" s="15">
        <v>45714</v>
      </c>
      <c r="F33918" s="14" t="s">
        <v>61</v>
      </c>
      <c r="G33918" s="16">
        <v>0</v>
      </c>
    </row>
    <row r="33919" spans="1:7" x14ac:dyDescent="0.3">
      <c r="A33919" s="13" t="s">
        <v>208</v>
      </c>
      <c r="B33919" s="14" t="s">
        <v>1</v>
      </c>
      <c r="C33919" s="14" t="s">
        <v>47</v>
      </c>
      <c r="D33919" s="14" t="s">
        <v>209</v>
      </c>
      <c r="E33919" s="15">
        <v>45715</v>
      </c>
      <c r="F33919" s="14" t="s">
        <v>61</v>
      </c>
      <c r="G33919" s="16">
        <v>0</v>
      </c>
    </row>
    <row r="33920" spans="1:7" x14ac:dyDescent="0.3">
      <c r="A33920" s="13" t="s">
        <v>208</v>
      </c>
      <c r="B33920" s="14" t="s">
        <v>1</v>
      </c>
      <c r="C33920" s="14" t="s">
        <v>47</v>
      </c>
      <c r="D33920" s="14" t="s">
        <v>209</v>
      </c>
      <c r="E33920" s="15">
        <v>45716</v>
      </c>
      <c r="F33920" s="14" t="s">
        <v>61</v>
      </c>
      <c r="G33920" s="16">
        <v>0</v>
      </c>
    </row>
    <row r="33921" spans="1:7" x14ac:dyDescent="0.3">
      <c r="A33921" s="13" t="s">
        <v>208</v>
      </c>
      <c r="B33921" s="14" t="s">
        <v>1</v>
      </c>
      <c r="C33921" s="14" t="s">
        <v>47</v>
      </c>
      <c r="D33921" s="14" t="s">
        <v>209</v>
      </c>
      <c r="E33921" s="15">
        <v>45717</v>
      </c>
      <c r="F33921" s="14" t="s">
        <v>61</v>
      </c>
      <c r="G33921" s="16">
        <v>0</v>
      </c>
    </row>
    <row r="33922" spans="1:7" x14ac:dyDescent="0.3">
      <c r="A33922" s="13" t="s">
        <v>208</v>
      </c>
      <c r="B33922" s="14" t="s">
        <v>1</v>
      </c>
      <c r="C33922" s="14" t="s">
        <v>47</v>
      </c>
      <c r="D33922" s="14" t="s">
        <v>209</v>
      </c>
      <c r="E33922" s="15">
        <v>45718</v>
      </c>
      <c r="F33922" s="14" t="s">
        <v>61</v>
      </c>
      <c r="G33922" s="16">
        <v>0</v>
      </c>
    </row>
    <row r="33923" spans="1:7" x14ac:dyDescent="0.3">
      <c r="A33923" s="13" t="s">
        <v>208</v>
      </c>
      <c r="B33923" s="14" t="s">
        <v>1</v>
      </c>
      <c r="C33923" s="14" t="s">
        <v>47</v>
      </c>
      <c r="D33923" s="14" t="s">
        <v>209</v>
      </c>
      <c r="E33923" s="15">
        <v>45719</v>
      </c>
      <c r="F33923" s="14" t="s">
        <v>61</v>
      </c>
      <c r="G33923" s="16">
        <v>0</v>
      </c>
    </row>
    <row r="33924" spans="1:7" x14ac:dyDescent="0.3">
      <c r="A33924" s="13" t="s">
        <v>208</v>
      </c>
      <c r="B33924" s="14" t="s">
        <v>1</v>
      </c>
      <c r="C33924" s="14" t="s">
        <v>47</v>
      </c>
      <c r="D33924" s="14" t="s">
        <v>209</v>
      </c>
      <c r="E33924" s="15">
        <v>45720</v>
      </c>
      <c r="F33924" s="14" t="s">
        <v>61</v>
      </c>
      <c r="G33924" s="16">
        <v>0</v>
      </c>
    </row>
    <row r="33925" spans="1:7" x14ac:dyDescent="0.3">
      <c r="A33925" s="13" t="s">
        <v>208</v>
      </c>
      <c r="B33925" s="14" t="s">
        <v>1</v>
      </c>
      <c r="C33925" s="14" t="s">
        <v>47</v>
      </c>
      <c r="D33925" s="14" t="s">
        <v>209</v>
      </c>
      <c r="E33925" s="15">
        <v>45721</v>
      </c>
      <c r="F33925" s="14" t="s">
        <v>61</v>
      </c>
      <c r="G33925" s="16">
        <v>0</v>
      </c>
    </row>
    <row r="33926" spans="1:7" x14ac:dyDescent="0.3">
      <c r="A33926" s="13" t="s">
        <v>208</v>
      </c>
      <c r="B33926" s="14" t="s">
        <v>1</v>
      </c>
      <c r="C33926" s="14" t="s">
        <v>47</v>
      </c>
      <c r="D33926" s="14" t="s">
        <v>209</v>
      </c>
      <c r="E33926" s="15">
        <v>45722</v>
      </c>
      <c r="F33926" s="14" t="s">
        <v>61</v>
      </c>
      <c r="G33926" s="16">
        <v>0</v>
      </c>
    </row>
    <row r="33927" spans="1:7" x14ac:dyDescent="0.3">
      <c r="A33927" s="13" t="s">
        <v>208</v>
      </c>
      <c r="B33927" s="14" t="s">
        <v>1</v>
      </c>
      <c r="C33927" s="14" t="s">
        <v>47</v>
      </c>
      <c r="D33927" s="14" t="s">
        <v>209</v>
      </c>
      <c r="E33927" s="15">
        <v>45723</v>
      </c>
      <c r="F33927" s="14" t="s">
        <v>61</v>
      </c>
      <c r="G33927" s="16">
        <v>0</v>
      </c>
    </row>
    <row r="33928" spans="1:7" x14ac:dyDescent="0.3">
      <c r="A33928" s="13" t="s">
        <v>208</v>
      </c>
      <c r="B33928" s="14" t="s">
        <v>1</v>
      </c>
      <c r="C33928" s="14" t="s">
        <v>47</v>
      </c>
      <c r="D33928" s="14" t="s">
        <v>209</v>
      </c>
      <c r="E33928" s="15">
        <v>45724</v>
      </c>
      <c r="F33928" s="14" t="s">
        <v>61</v>
      </c>
      <c r="G33928" s="16">
        <v>0</v>
      </c>
    </row>
    <row r="33929" spans="1:7" x14ac:dyDescent="0.3">
      <c r="A33929" s="13" t="s">
        <v>208</v>
      </c>
      <c r="B33929" s="14" t="s">
        <v>1</v>
      </c>
      <c r="C33929" s="14" t="s">
        <v>47</v>
      </c>
      <c r="D33929" s="14" t="s">
        <v>209</v>
      </c>
      <c r="E33929" s="15">
        <v>45725</v>
      </c>
      <c r="F33929" s="14" t="s">
        <v>61</v>
      </c>
      <c r="G33929" s="16">
        <v>0</v>
      </c>
    </row>
    <row r="33930" spans="1:7" x14ac:dyDescent="0.3">
      <c r="A33930" s="13" t="s">
        <v>208</v>
      </c>
      <c r="B33930" s="14" t="s">
        <v>1</v>
      </c>
      <c r="C33930" s="14" t="s">
        <v>47</v>
      </c>
      <c r="D33930" s="14" t="s">
        <v>209</v>
      </c>
      <c r="E33930" s="15">
        <v>45726</v>
      </c>
      <c r="F33930" s="14" t="s">
        <v>61</v>
      </c>
      <c r="G33930" s="16">
        <v>0</v>
      </c>
    </row>
    <row r="33931" spans="1:7" x14ac:dyDescent="0.3">
      <c r="A33931" s="13" t="s">
        <v>208</v>
      </c>
      <c r="B33931" s="14" t="s">
        <v>1</v>
      </c>
      <c r="C33931" s="14" t="s">
        <v>47</v>
      </c>
      <c r="D33931" s="14" t="s">
        <v>209</v>
      </c>
      <c r="E33931" s="15">
        <v>45727</v>
      </c>
      <c r="F33931" s="14" t="s">
        <v>61</v>
      </c>
      <c r="G33931" s="16">
        <v>0</v>
      </c>
    </row>
    <row r="33932" spans="1:7" x14ac:dyDescent="0.3">
      <c r="A33932" s="13" t="s">
        <v>208</v>
      </c>
      <c r="B33932" s="14" t="s">
        <v>1</v>
      </c>
      <c r="C33932" s="14" t="s">
        <v>47</v>
      </c>
      <c r="D33932" s="14" t="s">
        <v>209</v>
      </c>
      <c r="E33932" s="15">
        <v>45728</v>
      </c>
      <c r="F33932" s="14" t="s">
        <v>61</v>
      </c>
      <c r="G33932" s="16">
        <v>0</v>
      </c>
    </row>
    <row r="33933" spans="1:7" x14ac:dyDescent="0.3">
      <c r="A33933" s="13" t="s">
        <v>208</v>
      </c>
      <c r="B33933" s="14" t="s">
        <v>1</v>
      </c>
      <c r="C33933" s="14" t="s">
        <v>47</v>
      </c>
      <c r="D33933" s="14" t="s">
        <v>209</v>
      </c>
      <c r="E33933" s="15">
        <v>45729</v>
      </c>
      <c r="F33933" s="14" t="s">
        <v>61</v>
      </c>
      <c r="G33933" s="16">
        <v>0</v>
      </c>
    </row>
    <row r="33934" spans="1:7" x14ac:dyDescent="0.3">
      <c r="A33934" s="13" t="s">
        <v>208</v>
      </c>
      <c r="B33934" s="14" t="s">
        <v>1</v>
      </c>
      <c r="C33934" s="14" t="s">
        <v>47</v>
      </c>
      <c r="D33934" s="14" t="s">
        <v>209</v>
      </c>
      <c r="E33934" s="15">
        <v>45730</v>
      </c>
      <c r="F33934" s="14" t="s">
        <v>61</v>
      </c>
      <c r="G33934" s="16">
        <v>0</v>
      </c>
    </row>
    <row r="33935" spans="1:7" x14ac:dyDescent="0.3">
      <c r="A33935" s="13" t="s">
        <v>208</v>
      </c>
      <c r="B33935" s="14" t="s">
        <v>1</v>
      </c>
      <c r="C33935" s="14" t="s">
        <v>47</v>
      </c>
      <c r="D33935" s="14" t="s">
        <v>209</v>
      </c>
      <c r="E33935" s="15">
        <v>45731</v>
      </c>
      <c r="F33935" s="14" t="s">
        <v>61</v>
      </c>
      <c r="G33935" s="16">
        <v>0</v>
      </c>
    </row>
    <row r="33936" spans="1:7" x14ac:dyDescent="0.3">
      <c r="A33936" s="13" t="s">
        <v>208</v>
      </c>
      <c r="B33936" s="14" t="s">
        <v>1</v>
      </c>
      <c r="C33936" s="14" t="s">
        <v>47</v>
      </c>
      <c r="D33936" s="14" t="s">
        <v>209</v>
      </c>
      <c r="E33936" s="15">
        <v>45732</v>
      </c>
      <c r="F33936" s="14" t="s">
        <v>61</v>
      </c>
      <c r="G33936" s="16">
        <v>0</v>
      </c>
    </row>
    <row r="33937" spans="1:7" x14ac:dyDescent="0.3">
      <c r="A33937" s="13" t="s">
        <v>208</v>
      </c>
      <c r="B33937" s="14" t="s">
        <v>1</v>
      </c>
      <c r="C33937" s="14" t="s">
        <v>47</v>
      </c>
      <c r="D33937" s="14" t="s">
        <v>209</v>
      </c>
      <c r="E33937" s="15">
        <v>45733</v>
      </c>
      <c r="F33937" s="14" t="s">
        <v>61</v>
      </c>
      <c r="G33937" s="16">
        <v>0</v>
      </c>
    </row>
    <row r="33938" spans="1:7" x14ac:dyDescent="0.3">
      <c r="A33938" s="13" t="s">
        <v>208</v>
      </c>
      <c r="B33938" s="14" t="s">
        <v>1</v>
      </c>
      <c r="C33938" s="14" t="s">
        <v>47</v>
      </c>
      <c r="D33938" s="14" t="s">
        <v>209</v>
      </c>
      <c r="E33938" s="15">
        <v>45734</v>
      </c>
      <c r="F33938" s="14" t="s">
        <v>61</v>
      </c>
      <c r="G33938" s="16">
        <v>0</v>
      </c>
    </row>
    <row r="33939" spans="1:7" x14ac:dyDescent="0.3">
      <c r="A33939" s="13" t="s">
        <v>208</v>
      </c>
      <c r="B33939" s="14" t="s">
        <v>1</v>
      </c>
      <c r="C33939" s="14" t="s">
        <v>47</v>
      </c>
      <c r="D33939" s="14" t="s">
        <v>209</v>
      </c>
      <c r="E33939" s="15">
        <v>45735</v>
      </c>
      <c r="F33939" s="14" t="s">
        <v>61</v>
      </c>
      <c r="G33939" s="16">
        <v>0</v>
      </c>
    </row>
    <row r="33940" spans="1:7" x14ac:dyDescent="0.3">
      <c r="A33940" s="13" t="s">
        <v>208</v>
      </c>
      <c r="B33940" s="14" t="s">
        <v>1</v>
      </c>
      <c r="C33940" s="14" t="s">
        <v>47</v>
      </c>
      <c r="D33940" s="14" t="s">
        <v>209</v>
      </c>
      <c r="E33940" s="15">
        <v>45736</v>
      </c>
      <c r="F33940" s="14" t="s">
        <v>61</v>
      </c>
      <c r="G33940" s="16">
        <v>0</v>
      </c>
    </row>
    <row r="33941" spans="1:7" x14ac:dyDescent="0.3">
      <c r="A33941" s="13" t="s">
        <v>208</v>
      </c>
      <c r="B33941" s="14" t="s">
        <v>1</v>
      </c>
      <c r="C33941" s="14" t="s">
        <v>47</v>
      </c>
      <c r="D33941" s="14" t="s">
        <v>209</v>
      </c>
      <c r="E33941" s="15">
        <v>45737</v>
      </c>
      <c r="F33941" s="14" t="s">
        <v>61</v>
      </c>
      <c r="G33941" s="16">
        <v>0</v>
      </c>
    </row>
    <row r="33942" spans="1:7" x14ac:dyDescent="0.3">
      <c r="A33942" s="13" t="s">
        <v>208</v>
      </c>
      <c r="B33942" s="14" t="s">
        <v>1</v>
      </c>
      <c r="C33942" s="14" t="s">
        <v>47</v>
      </c>
      <c r="D33942" s="14" t="s">
        <v>209</v>
      </c>
      <c r="E33942" s="15">
        <v>45738</v>
      </c>
      <c r="F33942" s="14" t="s">
        <v>61</v>
      </c>
      <c r="G33942" s="16">
        <v>0</v>
      </c>
    </row>
    <row r="33943" spans="1:7" x14ac:dyDescent="0.3">
      <c r="A33943" s="13" t="s">
        <v>208</v>
      </c>
      <c r="B33943" s="14" t="s">
        <v>1</v>
      </c>
      <c r="C33943" s="14" t="s">
        <v>47</v>
      </c>
      <c r="D33943" s="14" t="s">
        <v>209</v>
      </c>
      <c r="E33943" s="15">
        <v>45739</v>
      </c>
      <c r="F33943" s="14" t="s">
        <v>61</v>
      </c>
      <c r="G33943" s="16">
        <v>0</v>
      </c>
    </row>
    <row r="33944" spans="1:7" x14ac:dyDescent="0.3">
      <c r="A33944" s="13" t="s">
        <v>208</v>
      </c>
      <c r="B33944" s="14" t="s">
        <v>1</v>
      </c>
      <c r="C33944" s="14" t="s">
        <v>47</v>
      </c>
      <c r="D33944" s="14" t="s">
        <v>209</v>
      </c>
      <c r="E33944" s="15">
        <v>45740</v>
      </c>
      <c r="F33944" s="14" t="s">
        <v>61</v>
      </c>
      <c r="G33944" s="16">
        <v>0</v>
      </c>
    </row>
    <row r="33945" spans="1:7" x14ac:dyDescent="0.3">
      <c r="A33945" s="13" t="s">
        <v>208</v>
      </c>
      <c r="B33945" s="14" t="s">
        <v>1</v>
      </c>
      <c r="C33945" s="14" t="s">
        <v>47</v>
      </c>
      <c r="D33945" s="14" t="s">
        <v>209</v>
      </c>
      <c r="E33945" s="15">
        <v>45741</v>
      </c>
      <c r="F33945" s="14" t="s">
        <v>61</v>
      </c>
      <c r="G33945" s="16">
        <v>0</v>
      </c>
    </row>
    <row r="33946" spans="1:7" x14ac:dyDescent="0.3">
      <c r="A33946" s="13" t="s">
        <v>208</v>
      </c>
      <c r="B33946" s="14" t="s">
        <v>1</v>
      </c>
      <c r="C33946" s="14" t="s">
        <v>47</v>
      </c>
      <c r="D33946" s="14" t="s">
        <v>209</v>
      </c>
      <c r="E33946" s="15">
        <v>45742</v>
      </c>
      <c r="F33946" s="14" t="s">
        <v>61</v>
      </c>
      <c r="G33946" s="16">
        <v>0</v>
      </c>
    </row>
    <row r="33947" spans="1:7" x14ac:dyDescent="0.3">
      <c r="A33947" s="13" t="s">
        <v>208</v>
      </c>
      <c r="B33947" s="14" t="s">
        <v>1</v>
      </c>
      <c r="C33947" s="14" t="s">
        <v>47</v>
      </c>
      <c r="D33947" s="14" t="s">
        <v>209</v>
      </c>
      <c r="E33947" s="15">
        <v>45743</v>
      </c>
      <c r="F33947" s="14" t="s">
        <v>61</v>
      </c>
      <c r="G33947" s="16">
        <v>0</v>
      </c>
    </row>
    <row r="33948" spans="1:7" x14ac:dyDescent="0.3">
      <c r="A33948" s="13" t="s">
        <v>208</v>
      </c>
      <c r="B33948" s="14" t="s">
        <v>1</v>
      </c>
      <c r="C33948" s="14" t="s">
        <v>47</v>
      </c>
      <c r="D33948" s="14" t="s">
        <v>209</v>
      </c>
      <c r="E33948" s="15">
        <v>45744</v>
      </c>
      <c r="F33948" s="14" t="s">
        <v>61</v>
      </c>
      <c r="G33948" s="16">
        <v>0</v>
      </c>
    </row>
    <row r="33949" spans="1:7" x14ac:dyDescent="0.3">
      <c r="A33949" s="13" t="s">
        <v>208</v>
      </c>
      <c r="B33949" s="14" t="s">
        <v>1</v>
      </c>
      <c r="C33949" s="14" t="s">
        <v>47</v>
      </c>
      <c r="D33949" s="14" t="s">
        <v>209</v>
      </c>
      <c r="E33949" s="15">
        <v>45745</v>
      </c>
      <c r="F33949" s="14" t="s">
        <v>61</v>
      </c>
      <c r="G33949" s="16">
        <v>0</v>
      </c>
    </row>
    <row r="33950" spans="1:7" x14ac:dyDescent="0.3">
      <c r="A33950" s="13" t="s">
        <v>208</v>
      </c>
      <c r="B33950" s="14" t="s">
        <v>1</v>
      </c>
      <c r="C33950" s="14" t="s">
        <v>47</v>
      </c>
      <c r="D33950" s="14" t="s">
        <v>209</v>
      </c>
      <c r="E33950" s="15">
        <v>45746</v>
      </c>
      <c r="F33950" s="14" t="s">
        <v>61</v>
      </c>
      <c r="G33950" s="16">
        <v>0</v>
      </c>
    </row>
    <row r="33951" spans="1:7" x14ac:dyDescent="0.3">
      <c r="A33951" s="13" t="s">
        <v>208</v>
      </c>
      <c r="B33951" s="14" t="s">
        <v>1</v>
      </c>
      <c r="C33951" s="14" t="s">
        <v>47</v>
      </c>
      <c r="D33951" s="14" t="s">
        <v>209</v>
      </c>
      <c r="E33951" s="15">
        <v>45747</v>
      </c>
      <c r="F33951" s="14" t="s">
        <v>61</v>
      </c>
      <c r="G33951" s="16">
        <v>0</v>
      </c>
    </row>
    <row r="33952" spans="1:7" x14ac:dyDescent="0.3">
      <c r="A33952" s="13" t="s">
        <v>210</v>
      </c>
      <c r="B33952" s="14" t="s">
        <v>1</v>
      </c>
      <c r="C33952" s="14" t="s">
        <v>137</v>
      </c>
      <c r="D33952" s="14" t="s">
        <v>211</v>
      </c>
      <c r="E33952" s="15">
        <v>45383</v>
      </c>
      <c r="F33952" s="14" t="s">
        <v>15</v>
      </c>
      <c r="G33952" s="16">
        <v>0</v>
      </c>
    </row>
    <row r="33953" spans="1:7" x14ac:dyDescent="0.3">
      <c r="A33953" s="13" t="s">
        <v>210</v>
      </c>
      <c r="B33953" s="14" t="s">
        <v>1</v>
      </c>
      <c r="C33953" s="14" t="s">
        <v>137</v>
      </c>
      <c r="D33953" s="14" t="s">
        <v>211</v>
      </c>
      <c r="E33953" s="15">
        <v>45384</v>
      </c>
      <c r="F33953" s="14" t="s">
        <v>15</v>
      </c>
      <c r="G33953" s="16">
        <v>0</v>
      </c>
    </row>
    <row r="33954" spans="1:7" x14ac:dyDescent="0.3">
      <c r="A33954" s="13" t="s">
        <v>210</v>
      </c>
      <c r="B33954" s="14" t="s">
        <v>1</v>
      </c>
      <c r="C33954" s="14" t="s">
        <v>137</v>
      </c>
      <c r="D33954" s="14" t="s">
        <v>211</v>
      </c>
      <c r="E33954" s="15">
        <v>45385</v>
      </c>
      <c r="F33954" s="14" t="s">
        <v>15</v>
      </c>
      <c r="G33954" s="16">
        <v>8.1181678366358354E-2</v>
      </c>
    </row>
    <row r="33955" spans="1:7" x14ac:dyDescent="0.3">
      <c r="A33955" s="13" t="s">
        <v>210</v>
      </c>
      <c r="B33955" s="14" t="s">
        <v>1</v>
      </c>
      <c r="C33955" s="14" t="s">
        <v>137</v>
      </c>
      <c r="D33955" s="14" t="s">
        <v>211</v>
      </c>
      <c r="E33955" s="15">
        <v>45386</v>
      </c>
      <c r="F33955" s="14" t="s">
        <v>15</v>
      </c>
      <c r="G33955" s="16">
        <v>0.10101512217778988</v>
      </c>
    </row>
    <row r="33956" spans="1:7" x14ac:dyDescent="0.3">
      <c r="A33956" s="13" t="s">
        <v>210</v>
      </c>
      <c r="B33956" s="14" t="s">
        <v>1</v>
      </c>
      <c r="C33956" s="14" t="s">
        <v>137</v>
      </c>
      <c r="D33956" s="14" t="s">
        <v>211</v>
      </c>
      <c r="E33956" s="15">
        <v>45387</v>
      </c>
      <c r="F33956" s="14" t="s">
        <v>15</v>
      </c>
      <c r="G33956" s="16">
        <v>0.12251162983396845</v>
      </c>
    </row>
    <row r="33957" spans="1:7" x14ac:dyDescent="0.3">
      <c r="A33957" s="13" t="s">
        <v>210</v>
      </c>
      <c r="B33957" s="14" t="s">
        <v>1</v>
      </c>
      <c r="C33957" s="14" t="s">
        <v>137</v>
      </c>
      <c r="D33957" s="14" t="s">
        <v>211</v>
      </c>
      <c r="E33957" s="15">
        <v>45388</v>
      </c>
      <c r="F33957" s="14" t="s">
        <v>15</v>
      </c>
      <c r="G33957" s="16">
        <v>0.12251162983396845</v>
      </c>
    </row>
    <row r="33958" spans="1:7" x14ac:dyDescent="0.3">
      <c r="A33958" s="13" t="s">
        <v>210</v>
      </c>
      <c r="B33958" s="14" t="s">
        <v>1</v>
      </c>
      <c r="C33958" s="14" t="s">
        <v>137</v>
      </c>
      <c r="D33958" s="14" t="s">
        <v>211</v>
      </c>
      <c r="E33958" s="15">
        <v>45389</v>
      </c>
      <c r="F33958" s="14" t="s">
        <v>15</v>
      </c>
      <c r="G33958" s="16">
        <v>0.12251162983396845</v>
      </c>
    </row>
    <row r="33959" spans="1:7" x14ac:dyDescent="0.3">
      <c r="A33959" s="13" t="s">
        <v>210</v>
      </c>
      <c r="B33959" s="14" t="s">
        <v>1</v>
      </c>
      <c r="C33959" s="14" t="s">
        <v>137</v>
      </c>
      <c r="D33959" s="14" t="s">
        <v>211</v>
      </c>
      <c r="E33959" s="15">
        <v>45390</v>
      </c>
      <c r="F33959" s="14" t="s">
        <v>15</v>
      </c>
      <c r="G33959" s="16">
        <v>0.14155375557357042</v>
      </c>
    </row>
    <row r="33960" spans="1:7" x14ac:dyDescent="0.3">
      <c r="A33960" s="13" t="s">
        <v>210</v>
      </c>
      <c r="B33960" s="14" t="s">
        <v>1</v>
      </c>
      <c r="C33960" s="14" t="s">
        <v>137</v>
      </c>
      <c r="D33960" s="14" t="s">
        <v>211</v>
      </c>
      <c r="E33960" s="15">
        <v>45391</v>
      </c>
      <c r="F33960" s="14" t="s">
        <v>15</v>
      </c>
      <c r="G33960" s="16">
        <v>0.18624062252202667</v>
      </c>
    </row>
    <row r="33961" spans="1:7" x14ac:dyDescent="0.3">
      <c r="A33961" s="13" t="s">
        <v>210</v>
      </c>
      <c r="B33961" s="14" t="s">
        <v>1</v>
      </c>
      <c r="C33961" s="14" t="s">
        <v>137</v>
      </c>
      <c r="D33961" s="14" t="s">
        <v>211</v>
      </c>
      <c r="E33961" s="15">
        <v>45392</v>
      </c>
      <c r="F33961" s="14" t="s">
        <v>15</v>
      </c>
      <c r="G33961" s="16">
        <v>0.2028206014705306</v>
      </c>
    </row>
    <row r="33962" spans="1:7" x14ac:dyDescent="0.3">
      <c r="A33962" s="13" t="s">
        <v>210</v>
      </c>
      <c r="B33962" s="14" t="s">
        <v>1</v>
      </c>
      <c r="C33962" s="14" t="s">
        <v>137</v>
      </c>
      <c r="D33962" s="14" t="s">
        <v>211</v>
      </c>
      <c r="E33962" s="15">
        <v>45393</v>
      </c>
      <c r="F33962" s="14" t="s">
        <v>15</v>
      </c>
      <c r="G33962" s="16">
        <v>0.21704369251338301</v>
      </c>
    </row>
    <row r="33963" spans="1:7" x14ac:dyDescent="0.3">
      <c r="A33963" s="13" t="s">
        <v>210</v>
      </c>
      <c r="B33963" s="14" t="s">
        <v>1</v>
      </c>
      <c r="C33963" s="14" t="s">
        <v>137</v>
      </c>
      <c r="D33963" s="14" t="s">
        <v>211</v>
      </c>
      <c r="E33963" s="15">
        <v>45394</v>
      </c>
      <c r="F33963" s="14" t="s">
        <v>15</v>
      </c>
      <c r="G33963" s="16">
        <v>0.23387865845915362</v>
      </c>
    </row>
    <row r="33964" spans="1:7" x14ac:dyDescent="0.3">
      <c r="A33964" s="13" t="s">
        <v>210</v>
      </c>
      <c r="B33964" s="14" t="s">
        <v>1</v>
      </c>
      <c r="C33964" s="14" t="s">
        <v>137</v>
      </c>
      <c r="D33964" s="14" t="s">
        <v>211</v>
      </c>
      <c r="E33964" s="15">
        <v>45395</v>
      </c>
      <c r="F33964" s="14" t="s">
        <v>15</v>
      </c>
      <c r="G33964" s="16">
        <v>0.23387865845915362</v>
      </c>
    </row>
    <row r="33965" spans="1:7" x14ac:dyDescent="0.3">
      <c r="A33965" s="13" t="s">
        <v>210</v>
      </c>
      <c r="B33965" s="14" t="s">
        <v>1</v>
      </c>
      <c r="C33965" s="14" t="s">
        <v>137</v>
      </c>
      <c r="D33965" s="14" t="s">
        <v>211</v>
      </c>
      <c r="E33965" s="15">
        <v>45396</v>
      </c>
      <c r="F33965" s="14" t="s">
        <v>15</v>
      </c>
      <c r="G33965" s="16">
        <v>0.23387865845915362</v>
      </c>
    </row>
    <row r="33966" spans="1:7" x14ac:dyDescent="0.3">
      <c r="A33966" s="13" t="s">
        <v>210</v>
      </c>
      <c r="B33966" s="14" t="s">
        <v>1</v>
      </c>
      <c r="C33966" s="14" t="s">
        <v>137</v>
      </c>
      <c r="D33966" s="14" t="s">
        <v>211</v>
      </c>
      <c r="E33966" s="15">
        <v>45397</v>
      </c>
      <c r="F33966" s="14" t="s">
        <v>15</v>
      </c>
      <c r="G33966" s="16">
        <v>0.25082431696389768</v>
      </c>
    </row>
    <row r="33967" spans="1:7" x14ac:dyDescent="0.3">
      <c r="A33967" s="13" t="s">
        <v>210</v>
      </c>
      <c r="B33967" s="14" t="s">
        <v>1</v>
      </c>
      <c r="C33967" s="14" t="s">
        <v>137</v>
      </c>
      <c r="D33967" s="14" t="s">
        <v>211</v>
      </c>
      <c r="E33967" s="15">
        <v>45398</v>
      </c>
      <c r="F33967" s="14" t="s">
        <v>15</v>
      </c>
      <c r="G33967" s="16">
        <v>0.30486862285493027</v>
      </c>
    </row>
    <row r="33968" spans="1:7" x14ac:dyDescent="0.3">
      <c r="A33968" s="13" t="s">
        <v>210</v>
      </c>
      <c r="B33968" s="14" t="s">
        <v>1</v>
      </c>
      <c r="C33968" s="14" t="s">
        <v>137</v>
      </c>
      <c r="D33968" s="14" t="s">
        <v>211</v>
      </c>
      <c r="E33968" s="15">
        <v>45399</v>
      </c>
      <c r="F33968" s="14" t="s">
        <v>15</v>
      </c>
      <c r="G33968" s="16">
        <v>0.32281600540360628</v>
      </c>
    </row>
    <row r="33969" spans="1:7" x14ac:dyDescent="0.3">
      <c r="A33969" s="13" t="s">
        <v>210</v>
      </c>
      <c r="B33969" s="14" t="s">
        <v>1</v>
      </c>
      <c r="C33969" s="14" t="s">
        <v>137</v>
      </c>
      <c r="D33969" s="14" t="s">
        <v>211</v>
      </c>
      <c r="E33969" s="15">
        <v>45400</v>
      </c>
      <c r="F33969" s="14" t="s">
        <v>15</v>
      </c>
      <c r="G33969" s="16">
        <v>0.30681240230416262</v>
      </c>
    </row>
    <row r="33970" spans="1:7" x14ac:dyDescent="0.3">
      <c r="A33970" s="13" t="s">
        <v>210</v>
      </c>
      <c r="B33970" s="14" t="s">
        <v>1</v>
      </c>
      <c r="C33970" s="14" t="s">
        <v>137</v>
      </c>
      <c r="D33970" s="14" t="s">
        <v>211</v>
      </c>
      <c r="E33970" s="15">
        <v>45401</v>
      </c>
      <c r="F33970" s="14" t="s">
        <v>15</v>
      </c>
      <c r="G33970" s="16">
        <v>0.32469307893016119</v>
      </c>
    </row>
    <row r="33971" spans="1:7" x14ac:dyDescent="0.3">
      <c r="A33971" s="13" t="s">
        <v>210</v>
      </c>
      <c r="B33971" s="14" t="s">
        <v>1</v>
      </c>
      <c r="C33971" s="14" t="s">
        <v>137</v>
      </c>
      <c r="D33971" s="14" t="s">
        <v>211</v>
      </c>
      <c r="E33971" s="15">
        <v>45402</v>
      </c>
      <c r="F33971" s="14" t="s">
        <v>15</v>
      </c>
      <c r="G33971" s="16">
        <v>0.32469307893016119</v>
      </c>
    </row>
    <row r="33972" spans="1:7" x14ac:dyDescent="0.3">
      <c r="A33972" s="13" t="s">
        <v>210</v>
      </c>
      <c r="B33972" s="14" t="s">
        <v>1</v>
      </c>
      <c r="C33972" s="14" t="s">
        <v>137</v>
      </c>
      <c r="D33972" s="14" t="s">
        <v>211</v>
      </c>
      <c r="E33972" s="15">
        <v>45403</v>
      </c>
      <c r="F33972" s="14" t="s">
        <v>15</v>
      </c>
      <c r="G33972" s="16">
        <v>0.32469307893016119</v>
      </c>
    </row>
    <row r="33973" spans="1:7" x14ac:dyDescent="0.3">
      <c r="A33973" s="13" t="s">
        <v>210</v>
      </c>
      <c r="B33973" s="14" t="s">
        <v>1</v>
      </c>
      <c r="C33973" s="14" t="s">
        <v>137</v>
      </c>
      <c r="D33973" s="14" t="s">
        <v>211</v>
      </c>
      <c r="E33973" s="15">
        <v>45404</v>
      </c>
      <c r="F33973" s="14" t="s">
        <v>15</v>
      </c>
      <c r="G33973" s="16">
        <v>0.34190010406973681</v>
      </c>
    </row>
    <row r="33974" spans="1:7" x14ac:dyDescent="0.3">
      <c r="A33974" s="13" t="s">
        <v>210</v>
      </c>
      <c r="B33974" s="14" t="s">
        <v>1</v>
      </c>
      <c r="C33974" s="14" t="s">
        <v>137</v>
      </c>
      <c r="D33974" s="14" t="s">
        <v>211</v>
      </c>
      <c r="E33974" s="15">
        <v>45405</v>
      </c>
      <c r="F33974" s="14" t="s">
        <v>15</v>
      </c>
      <c r="G33974" s="16">
        <v>0.39756585353958124</v>
      </c>
    </row>
    <row r="33975" spans="1:7" x14ac:dyDescent="0.3">
      <c r="A33975" s="13" t="s">
        <v>210</v>
      </c>
      <c r="B33975" s="14" t="s">
        <v>1</v>
      </c>
      <c r="C33975" s="14" t="s">
        <v>137</v>
      </c>
      <c r="D33975" s="14" t="s">
        <v>211</v>
      </c>
      <c r="E33975" s="15">
        <v>45406</v>
      </c>
      <c r="F33975" s="14" t="s">
        <v>15</v>
      </c>
      <c r="G33975" s="16">
        <v>0.41801262661786365</v>
      </c>
    </row>
    <row r="33976" spans="1:7" x14ac:dyDescent="0.3">
      <c r="A33976" s="13" t="s">
        <v>210</v>
      </c>
      <c r="B33976" s="14" t="s">
        <v>1</v>
      </c>
      <c r="C33976" s="14" t="s">
        <v>137</v>
      </c>
      <c r="D33976" s="14" t="s">
        <v>211</v>
      </c>
      <c r="E33976" s="15">
        <v>45407</v>
      </c>
      <c r="F33976" s="14" t="s">
        <v>15</v>
      </c>
      <c r="G33976" s="16">
        <v>0.4403290772515786</v>
      </c>
    </row>
    <row r="33977" spans="1:7" x14ac:dyDescent="0.3">
      <c r="A33977" s="13" t="s">
        <v>210</v>
      </c>
      <c r="B33977" s="14" t="s">
        <v>1</v>
      </c>
      <c r="C33977" s="14" t="s">
        <v>137</v>
      </c>
      <c r="D33977" s="14" t="s">
        <v>211</v>
      </c>
      <c r="E33977" s="15">
        <v>45408</v>
      </c>
      <c r="F33977" s="14" t="s">
        <v>15</v>
      </c>
      <c r="G33977" s="16">
        <v>0.46186009838397379</v>
      </c>
    </row>
    <row r="33978" spans="1:7" x14ac:dyDescent="0.3">
      <c r="A33978" s="13" t="s">
        <v>210</v>
      </c>
      <c r="B33978" s="14" t="s">
        <v>1</v>
      </c>
      <c r="C33978" s="14" t="s">
        <v>137</v>
      </c>
      <c r="D33978" s="14" t="s">
        <v>211</v>
      </c>
      <c r="E33978" s="15">
        <v>45409</v>
      </c>
      <c r="F33978" s="14" t="s">
        <v>15</v>
      </c>
      <c r="G33978" s="16">
        <v>0.46186009838397379</v>
      </c>
    </row>
    <row r="33979" spans="1:7" x14ac:dyDescent="0.3">
      <c r="A33979" s="13" t="s">
        <v>210</v>
      </c>
      <c r="B33979" s="14" t="s">
        <v>1</v>
      </c>
      <c r="C33979" s="14" t="s">
        <v>137</v>
      </c>
      <c r="D33979" s="14" t="s">
        <v>211</v>
      </c>
      <c r="E33979" s="15">
        <v>45410</v>
      </c>
      <c r="F33979" s="14" t="s">
        <v>15</v>
      </c>
      <c r="G33979" s="16">
        <v>0.46186009838397379</v>
      </c>
    </row>
    <row r="33980" spans="1:7" x14ac:dyDescent="0.3">
      <c r="A33980" s="13" t="s">
        <v>210</v>
      </c>
      <c r="B33980" s="14" t="s">
        <v>1</v>
      </c>
      <c r="C33980" s="14" t="s">
        <v>137</v>
      </c>
      <c r="D33980" s="14" t="s">
        <v>211</v>
      </c>
      <c r="E33980" s="15">
        <v>45411</v>
      </c>
      <c r="F33980" s="14" t="s">
        <v>15</v>
      </c>
      <c r="G33980" s="16">
        <v>0.4886602041511105</v>
      </c>
    </row>
    <row r="33981" spans="1:7" x14ac:dyDescent="0.3">
      <c r="A33981" s="13" t="s">
        <v>210</v>
      </c>
      <c r="B33981" s="14" t="s">
        <v>1</v>
      </c>
      <c r="C33981" s="14" t="s">
        <v>137</v>
      </c>
      <c r="D33981" s="14" t="s">
        <v>211</v>
      </c>
      <c r="E33981" s="15">
        <v>45412</v>
      </c>
      <c r="F33981" s="14" t="s">
        <v>15</v>
      </c>
      <c r="G33981" s="16">
        <v>0.54079684514048987</v>
      </c>
    </row>
    <row r="33982" spans="1:7" x14ac:dyDescent="0.3">
      <c r="A33982" s="13" t="s">
        <v>210</v>
      </c>
      <c r="B33982" s="14" t="s">
        <v>1</v>
      </c>
      <c r="C33982" s="14" t="s">
        <v>137</v>
      </c>
      <c r="D33982" s="14" t="s">
        <v>211</v>
      </c>
      <c r="E33982" s="15">
        <v>45413</v>
      </c>
      <c r="F33982" s="14" t="s">
        <v>15</v>
      </c>
      <c r="G33982" s="16">
        <v>0</v>
      </c>
    </row>
    <row r="33983" spans="1:7" x14ac:dyDescent="0.3">
      <c r="A33983" s="13" t="s">
        <v>210</v>
      </c>
      <c r="B33983" s="14" t="s">
        <v>1</v>
      </c>
      <c r="C33983" s="14" t="s">
        <v>137</v>
      </c>
      <c r="D33983" s="14" t="s">
        <v>211</v>
      </c>
      <c r="E33983" s="15">
        <v>45414</v>
      </c>
      <c r="F33983" s="14" t="s">
        <v>15</v>
      </c>
      <c r="G33983" s="16">
        <v>0</v>
      </c>
    </row>
    <row r="33984" spans="1:7" x14ac:dyDescent="0.3">
      <c r="A33984" s="13" t="s">
        <v>210</v>
      </c>
      <c r="B33984" s="14" t="s">
        <v>1</v>
      </c>
      <c r="C33984" s="14" t="s">
        <v>137</v>
      </c>
      <c r="D33984" s="14" t="s">
        <v>211</v>
      </c>
      <c r="E33984" s="15">
        <v>45415</v>
      </c>
      <c r="F33984" s="14" t="s">
        <v>15</v>
      </c>
      <c r="G33984" s="16">
        <v>0</v>
      </c>
    </row>
    <row r="33985" spans="1:7" x14ac:dyDescent="0.3">
      <c r="A33985" s="13" t="s">
        <v>210</v>
      </c>
      <c r="B33985" s="14" t="s">
        <v>1</v>
      </c>
      <c r="C33985" s="14" t="s">
        <v>137</v>
      </c>
      <c r="D33985" s="14" t="s">
        <v>211</v>
      </c>
      <c r="E33985" s="15">
        <v>45416</v>
      </c>
      <c r="F33985" s="14" t="s">
        <v>15</v>
      </c>
      <c r="G33985" s="16">
        <v>0</v>
      </c>
    </row>
    <row r="33986" spans="1:7" x14ac:dyDescent="0.3">
      <c r="A33986" s="13" t="s">
        <v>210</v>
      </c>
      <c r="B33986" s="14" t="s">
        <v>1</v>
      </c>
      <c r="C33986" s="14" t="s">
        <v>137</v>
      </c>
      <c r="D33986" s="14" t="s">
        <v>211</v>
      </c>
      <c r="E33986" s="15">
        <v>45417</v>
      </c>
      <c r="F33986" s="14" t="s">
        <v>15</v>
      </c>
      <c r="G33986" s="16">
        <v>0</v>
      </c>
    </row>
    <row r="33987" spans="1:7" x14ac:dyDescent="0.3">
      <c r="A33987" s="13" t="s">
        <v>210</v>
      </c>
      <c r="B33987" s="14" t="s">
        <v>1</v>
      </c>
      <c r="C33987" s="14" t="s">
        <v>137</v>
      </c>
      <c r="D33987" s="14" t="s">
        <v>211</v>
      </c>
      <c r="E33987" s="15">
        <v>45418</v>
      </c>
      <c r="F33987" s="14" t="s">
        <v>15</v>
      </c>
      <c r="G33987" s="16">
        <v>0</v>
      </c>
    </row>
    <row r="33988" spans="1:7" x14ac:dyDescent="0.3">
      <c r="A33988" s="13" t="s">
        <v>210</v>
      </c>
      <c r="B33988" s="14" t="s">
        <v>1</v>
      </c>
      <c r="C33988" s="14" t="s">
        <v>137</v>
      </c>
      <c r="D33988" s="14" t="s">
        <v>211</v>
      </c>
      <c r="E33988" s="15">
        <v>45419</v>
      </c>
      <c r="F33988" s="14" t="s">
        <v>15</v>
      </c>
      <c r="G33988" s="16">
        <v>3.293619832154281E-3</v>
      </c>
    </row>
    <row r="33989" spans="1:7" x14ac:dyDescent="0.3">
      <c r="A33989" s="13" t="s">
        <v>210</v>
      </c>
      <c r="B33989" s="14" t="s">
        <v>1</v>
      </c>
      <c r="C33989" s="14" t="s">
        <v>137</v>
      </c>
      <c r="D33989" s="14" t="s">
        <v>211</v>
      </c>
      <c r="E33989" s="15">
        <v>45420</v>
      </c>
      <c r="F33989" s="14" t="s">
        <v>15</v>
      </c>
      <c r="G33989" s="16">
        <v>7.4099021402248763E-2</v>
      </c>
    </row>
    <row r="33990" spans="1:7" x14ac:dyDescent="0.3">
      <c r="A33990" s="13" t="s">
        <v>210</v>
      </c>
      <c r="B33990" s="14" t="s">
        <v>1</v>
      </c>
      <c r="C33990" s="14" t="s">
        <v>137</v>
      </c>
      <c r="D33990" s="14" t="s">
        <v>211</v>
      </c>
      <c r="E33990" s="15">
        <v>45421</v>
      </c>
      <c r="F33990" s="14" t="s">
        <v>15</v>
      </c>
      <c r="G33990" s="16">
        <v>9.3014610227037803E-2</v>
      </c>
    </row>
    <row r="33991" spans="1:7" x14ac:dyDescent="0.3">
      <c r="A33991" s="13" t="s">
        <v>210</v>
      </c>
      <c r="B33991" s="14" t="s">
        <v>1</v>
      </c>
      <c r="C33991" s="14" t="s">
        <v>137</v>
      </c>
      <c r="D33991" s="14" t="s">
        <v>211</v>
      </c>
      <c r="E33991" s="15">
        <v>45422</v>
      </c>
      <c r="F33991" s="14" t="s">
        <v>15</v>
      </c>
      <c r="G33991" s="16">
        <v>0.11147281087986671</v>
      </c>
    </row>
    <row r="33992" spans="1:7" x14ac:dyDescent="0.3">
      <c r="A33992" s="13" t="s">
        <v>210</v>
      </c>
      <c r="B33992" s="14" t="s">
        <v>1</v>
      </c>
      <c r="C33992" s="14" t="s">
        <v>137</v>
      </c>
      <c r="D33992" s="14" t="s">
        <v>211</v>
      </c>
      <c r="E33992" s="15">
        <v>45423</v>
      </c>
      <c r="F33992" s="14" t="s">
        <v>15</v>
      </c>
      <c r="G33992" s="16">
        <v>0.11147281087986671</v>
      </c>
    </row>
    <row r="33993" spans="1:7" x14ac:dyDescent="0.3">
      <c r="A33993" s="13" t="s">
        <v>210</v>
      </c>
      <c r="B33993" s="14" t="s">
        <v>1</v>
      </c>
      <c r="C33993" s="14" t="s">
        <v>137</v>
      </c>
      <c r="D33993" s="14" t="s">
        <v>211</v>
      </c>
      <c r="E33993" s="15">
        <v>45424</v>
      </c>
      <c r="F33993" s="14" t="s">
        <v>15</v>
      </c>
      <c r="G33993" s="16">
        <v>0.11147281087986671</v>
      </c>
    </row>
    <row r="33994" spans="1:7" x14ac:dyDescent="0.3">
      <c r="A33994" s="13" t="s">
        <v>210</v>
      </c>
      <c r="B33994" s="14" t="s">
        <v>1</v>
      </c>
      <c r="C33994" s="14" t="s">
        <v>137</v>
      </c>
      <c r="D33994" s="14" t="s">
        <v>211</v>
      </c>
      <c r="E33994" s="15">
        <v>45425</v>
      </c>
      <c r="F33994" s="14" t="s">
        <v>15</v>
      </c>
      <c r="G33994" s="16">
        <v>0.13520273515822409</v>
      </c>
    </row>
    <row r="33995" spans="1:7" x14ac:dyDescent="0.3">
      <c r="A33995" s="13" t="s">
        <v>210</v>
      </c>
      <c r="B33995" s="14" t="s">
        <v>1</v>
      </c>
      <c r="C33995" s="14" t="s">
        <v>137</v>
      </c>
      <c r="D33995" s="14" t="s">
        <v>211</v>
      </c>
      <c r="E33995" s="15">
        <v>45426</v>
      </c>
      <c r="F33995" s="14" t="s">
        <v>15</v>
      </c>
      <c r="G33995" s="16">
        <v>0.19233613640665032</v>
      </c>
    </row>
    <row r="33996" spans="1:7" x14ac:dyDescent="0.3">
      <c r="A33996" s="13" t="s">
        <v>210</v>
      </c>
      <c r="B33996" s="14" t="s">
        <v>1</v>
      </c>
      <c r="C33996" s="14" t="s">
        <v>137</v>
      </c>
      <c r="D33996" s="14" t="s">
        <v>211</v>
      </c>
      <c r="E33996" s="15">
        <v>45427</v>
      </c>
      <c r="F33996" s="14" t="s">
        <v>15</v>
      </c>
      <c r="G33996" s="16">
        <v>0.21074359589175018</v>
      </c>
    </row>
    <row r="33997" spans="1:7" x14ac:dyDescent="0.3">
      <c r="A33997" s="13" t="s">
        <v>210</v>
      </c>
      <c r="B33997" s="14" t="s">
        <v>1</v>
      </c>
      <c r="C33997" s="14" t="s">
        <v>137</v>
      </c>
      <c r="D33997" s="14" t="s">
        <v>211</v>
      </c>
      <c r="E33997" s="15">
        <v>45428</v>
      </c>
      <c r="F33997" s="14" t="s">
        <v>15</v>
      </c>
      <c r="G33997" s="16">
        <v>0.22921074463229743</v>
      </c>
    </row>
    <row r="33998" spans="1:7" x14ac:dyDescent="0.3">
      <c r="A33998" s="13" t="s">
        <v>210</v>
      </c>
      <c r="B33998" s="14" t="s">
        <v>1</v>
      </c>
      <c r="C33998" s="14" t="s">
        <v>137</v>
      </c>
      <c r="D33998" s="14" t="s">
        <v>211</v>
      </c>
      <c r="E33998" s="15">
        <v>45429</v>
      </c>
      <c r="F33998" s="14" t="s">
        <v>15</v>
      </c>
      <c r="G33998" s="16">
        <v>0.24638956675789325</v>
      </c>
    </row>
    <row r="33999" spans="1:7" x14ac:dyDescent="0.3">
      <c r="A33999" s="13" t="s">
        <v>210</v>
      </c>
      <c r="B33999" s="14" t="s">
        <v>1</v>
      </c>
      <c r="C33999" s="14" t="s">
        <v>137</v>
      </c>
      <c r="D33999" s="14" t="s">
        <v>211</v>
      </c>
      <c r="E33999" s="15">
        <v>45430</v>
      </c>
      <c r="F33999" s="14" t="s">
        <v>15</v>
      </c>
      <c r="G33999" s="16">
        <v>0.24638956675789325</v>
      </c>
    </row>
    <row r="34000" spans="1:7" x14ac:dyDescent="0.3">
      <c r="A34000" s="13" t="s">
        <v>210</v>
      </c>
      <c r="B34000" s="14" t="s">
        <v>1</v>
      </c>
      <c r="C34000" s="14" t="s">
        <v>137</v>
      </c>
      <c r="D34000" s="14" t="s">
        <v>211</v>
      </c>
      <c r="E34000" s="15">
        <v>45431</v>
      </c>
      <c r="F34000" s="14" t="s">
        <v>15</v>
      </c>
      <c r="G34000" s="16">
        <v>0.24638956675789325</v>
      </c>
    </row>
    <row r="34001" spans="1:7" x14ac:dyDescent="0.3">
      <c r="A34001" s="13" t="s">
        <v>210</v>
      </c>
      <c r="B34001" s="14" t="s">
        <v>1</v>
      </c>
      <c r="C34001" s="14" t="s">
        <v>137</v>
      </c>
      <c r="D34001" s="14" t="s">
        <v>211</v>
      </c>
      <c r="E34001" s="15">
        <v>45432</v>
      </c>
      <c r="F34001" s="14" t="s">
        <v>15</v>
      </c>
      <c r="G34001" s="16">
        <v>0.26475331243524836</v>
      </c>
    </row>
    <row r="34002" spans="1:7" x14ac:dyDescent="0.3">
      <c r="A34002" s="13" t="s">
        <v>210</v>
      </c>
      <c r="B34002" s="14" t="s">
        <v>1</v>
      </c>
      <c r="C34002" s="14" t="s">
        <v>137</v>
      </c>
      <c r="D34002" s="14" t="s">
        <v>211</v>
      </c>
      <c r="E34002" s="15">
        <v>45433</v>
      </c>
      <c r="F34002" s="14" t="s">
        <v>15</v>
      </c>
      <c r="G34002" s="16">
        <v>0.31976883213557777</v>
      </c>
    </row>
    <row r="34003" spans="1:7" x14ac:dyDescent="0.3">
      <c r="A34003" s="13" t="s">
        <v>210</v>
      </c>
      <c r="B34003" s="14" t="s">
        <v>1</v>
      </c>
      <c r="C34003" s="14" t="s">
        <v>137</v>
      </c>
      <c r="D34003" s="14" t="s">
        <v>211</v>
      </c>
      <c r="E34003" s="15">
        <v>45434</v>
      </c>
      <c r="F34003" s="14" t="s">
        <v>15</v>
      </c>
      <c r="G34003" s="16">
        <v>0.33809777634314342</v>
      </c>
    </row>
    <row r="34004" spans="1:7" x14ac:dyDescent="0.3">
      <c r="A34004" s="13" t="s">
        <v>210</v>
      </c>
      <c r="B34004" s="14" t="s">
        <v>1</v>
      </c>
      <c r="C34004" s="14" t="s">
        <v>137</v>
      </c>
      <c r="D34004" s="14" t="s">
        <v>211</v>
      </c>
      <c r="E34004" s="15">
        <v>45435</v>
      </c>
      <c r="F34004" s="14" t="s">
        <v>15</v>
      </c>
      <c r="G34004" s="16">
        <v>0.35895084053960435</v>
      </c>
    </row>
    <row r="34005" spans="1:7" x14ac:dyDescent="0.3">
      <c r="A34005" s="13" t="s">
        <v>210</v>
      </c>
      <c r="B34005" s="14" t="s">
        <v>1</v>
      </c>
      <c r="C34005" s="14" t="s">
        <v>137</v>
      </c>
      <c r="D34005" s="14" t="s">
        <v>211</v>
      </c>
      <c r="E34005" s="15">
        <v>45436</v>
      </c>
      <c r="F34005" s="14" t="s">
        <v>15</v>
      </c>
      <c r="G34005" s="16">
        <v>0.37876560895016187</v>
      </c>
    </row>
    <row r="34006" spans="1:7" x14ac:dyDescent="0.3">
      <c r="A34006" s="13" t="s">
        <v>210</v>
      </c>
      <c r="B34006" s="14" t="s">
        <v>1</v>
      </c>
      <c r="C34006" s="14" t="s">
        <v>137</v>
      </c>
      <c r="D34006" s="14" t="s">
        <v>211</v>
      </c>
      <c r="E34006" s="15">
        <v>45437</v>
      </c>
      <c r="F34006" s="14" t="s">
        <v>15</v>
      </c>
      <c r="G34006" s="16">
        <v>0.37876560895016187</v>
      </c>
    </row>
    <row r="34007" spans="1:7" x14ac:dyDescent="0.3">
      <c r="A34007" s="13" t="s">
        <v>210</v>
      </c>
      <c r="B34007" s="14" t="s">
        <v>1</v>
      </c>
      <c r="C34007" s="14" t="s">
        <v>137</v>
      </c>
      <c r="D34007" s="14" t="s">
        <v>211</v>
      </c>
      <c r="E34007" s="15">
        <v>45438</v>
      </c>
      <c r="F34007" s="14" t="s">
        <v>15</v>
      </c>
      <c r="G34007" s="16">
        <v>0.37876560895016187</v>
      </c>
    </row>
    <row r="34008" spans="1:7" x14ac:dyDescent="0.3">
      <c r="A34008" s="13" t="s">
        <v>210</v>
      </c>
      <c r="B34008" s="14" t="s">
        <v>1</v>
      </c>
      <c r="C34008" s="14" t="s">
        <v>137</v>
      </c>
      <c r="D34008" s="14" t="s">
        <v>211</v>
      </c>
      <c r="E34008" s="15">
        <v>45439</v>
      </c>
      <c r="F34008" s="14" t="s">
        <v>15</v>
      </c>
      <c r="G34008" s="16">
        <v>0.39944406869303661</v>
      </c>
    </row>
    <row r="34009" spans="1:7" x14ac:dyDescent="0.3">
      <c r="A34009" s="13" t="s">
        <v>210</v>
      </c>
      <c r="B34009" s="14" t="s">
        <v>1</v>
      </c>
      <c r="C34009" s="14" t="s">
        <v>137</v>
      </c>
      <c r="D34009" s="14" t="s">
        <v>211</v>
      </c>
      <c r="E34009" s="15">
        <v>45440</v>
      </c>
      <c r="F34009" s="14" t="s">
        <v>15</v>
      </c>
      <c r="G34009" s="16">
        <v>0.45625206030447601</v>
      </c>
    </row>
    <row r="34010" spans="1:7" x14ac:dyDescent="0.3">
      <c r="A34010" s="13" t="s">
        <v>210</v>
      </c>
      <c r="B34010" s="14" t="s">
        <v>1</v>
      </c>
      <c r="C34010" s="14" t="s">
        <v>137</v>
      </c>
      <c r="D34010" s="14" t="s">
        <v>211</v>
      </c>
      <c r="E34010" s="15">
        <v>45441</v>
      </c>
      <c r="F34010" s="14" t="s">
        <v>15</v>
      </c>
      <c r="G34010" s="16">
        <v>0.47513142978122036</v>
      </c>
    </row>
    <row r="34011" spans="1:7" x14ac:dyDescent="0.3">
      <c r="A34011" s="13" t="s">
        <v>210</v>
      </c>
      <c r="B34011" s="14" t="s">
        <v>1</v>
      </c>
      <c r="C34011" s="14" t="s">
        <v>137</v>
      </c>
      <c r="D34011" s="14" t="s">
        <v>211</v>
      </c>
      <c r="E34011" s="15">
        <v>45442</v>
      </c>
      <c r="F34011" s="14" t="s">
        <v>15</v>
      </c>
      <c r="G34011" s="16">
        <v>0.49436896237138617</v>
      </c>
    </row>
    <row r="34012" spans="1:7" x14ac:dyDescent="0.3">
      <c r="A34012" s="13" t="s">
        <v>210</v>
      </c>
      <c r="B34012" s="14" t="s">
        <v>1</v>
      </c>
      <c r="C34012" s="14" t="s">
        <v>137</v>
      </c>
      <c r="D34012" s="14" t="s">
        <v>211</v>
      </c>
      <c r="E34012" s="15">
        <v>45443</v>
      </c>
      <c r="F34012" s="14" t="s">
        <v>15</v>
      </c>
      <c r="G34012" s="16">
        <v>0.51336625265413782</v>
      </c>
    </row>
    <row r="34013" spans="1:7" x14ac:dyDescent="0.3">
      <c r="A34013" s="13" t="s">
        <v>210</v>
      </c>
      <c r="B34013" s="14" t="s">
        <v>1</v>
      </c>
      <c r="C34013" s="14" t="s">
        <v>137</v>
      </c>
      <c r="D34013" s="14" t="s">
        <v>211</v>
      </c>
      <c r="E34013" s="15">
        <v>45444</v>
      </c>
      <c r="F34013" s="14" t="s">
        <v>15</v>
      </c>
      <c r="G34013" s="16">
        <v>0.51336625265413782</v>
      </c>
    </row>
    <row r="34014" spans="1:7" x14ac:dyDescent="0.3">
      <c r="A34014" s="13" t="s">
        <v>210</v>
      </c>
      <c r="B34014" s="14" t="s">
        <v>1</v>
      </c>
      <c r="C34014" s="14" t="s">
        <v>137</v>
      </c>
      <c r="D34014" s="14" t="s">
        <v>211</v>
      </c>
      <c r="E34014" s="15">
        <v>45445</v>
      </c>
      <c r="F34014" s="14" t="s">
        <v>15</v>
      </c>
      <c r="G34014" s="16">
        <v>0.51336625265413782</v>
      </c>
    </row>
    <row r="34015" spans="1:7" x14ac:dyDescent="0.3">
      <c r="A34015" s="13" t="s">
        <v>210</v>
      </c>
      <c r="B34015" s="14" t="s">
        <v>1</v>
      </c>
      <c r="C34015" s="14" t="s">
        <v>137</v>
      </c>
      <c r="D34015" s="14" t="s">
        <v>211</v>
      </c>
      <c r="E34015" s="15">
        <v>45446</v>
      </c>
      <c r="F34015" s="14" t="s">
        <v>15</v>
      </c>
      <c r="G34015" s="16">
        <v>0.51336625265413782</v>
      </c>
    </row>
    <row r="34016" spans="1:7" x14ac:dyDescent="0.3">
      <c r="A34016" s="13" t="s">
        <v>210</v>
      </c>
      <c r="B34016" s="14" t="s">
        <v>1</v>
      </c>
      <c r="C34016" s="14" t="s">
        <v>137</v>
      </c>
      <c r="D34016" s="14" t="s">
        <v>211</v>
      </c>
      <c r="E34016" s="15">
        <v>45447</v>
      </c>
      <c r="F34016" s="14" t="s">
        <v>15</v>
      </c>
      <c r="G34016" s="16">
        <v>0</v>
      </c>
    </row>
    <row r="34017" spans="1:7" x14ac:dyDescent="0.3">
      <c r="A34017" s="13" t="s">
        <v>210</v>
      </c>
      <c r="B34017" s="14" t="s">
        <v>1</v>
      </c>
      <c r="C34017" s="14" t="s">
        <v>137</v>
      </c>
      <c r="D34017" s="14" t="s">
        <v>211</v>
      </c>
      <c r="E34017" s="15">
        <v>45448</v>
      </c>
      <c r="F34017" s="14" t="s">
        <v>15</v>
      </c>
      <c r="G34017" s="16">
        <v>0</v>
      </c>
    </row>
    <row r="34018" spans="1:7" x14ac:dyDescent="0.3">
      <c r="A34018" s="13" t="s">
        <v>210</v>
      </c>
      <c r="B34018" s="14" t="s">
        <v>1</v>
      </c>
      <c r="C34018" s="14" t="s">
        <v>137</v>
      </c>
      <c r="D34018" s="14" t="s">
        <v>211</v>
      </c>
      <c r="E34018" s="15">
        <v>45449</v>
      </c>
      <c r="F34018" s="14" t="s">
        <v>15</v>
      </c>
      <c r="G34018" s="16">
        <v>0</v>
      </c>
    </row>
    <row r="34019" spans="1:7" x14ac:dyDescent="0.3">
      <c r="A34019" s="13" t="s">
        <v>210</v>
      </c>
      <c r="B34019" s="14" t="s">
        <v>1</v>
      </c>
      <c r="C34019" s="14" t="s">
        <v>137</v>
      </c>
      <c r="D34019" s="14" t="s">
        <v>211</v>
      </c>
      <c r="E34019" s="15">
        <v>45450</v>
      </c>
      <c r="F34019" s="14" t="s">
        <v>15</v>
      </c>
      <c r="G34019" s="16">
        <v>0</v>
      </c>
    </row>
    <row r="34020" spans="1:7" x14ac:dyDescent="0.3">
      <c r="A34020" s="13" t="s">
        <v>210</v>
      </c>
      <c r="B34020" s="14" t="s">
        <v>1</v>
      </c>
      <c r="C34020" s="14" t="s">
        <v>137</v>
      </c>
      <c r="D34020" s="14" t="s">
        <v>211</v>
      </c>
      <c r="E34020" s="15">
        <v>45451</v>
      </c>
      <c r="F34020" s="14" t="s">
        <v>15</v>
      </c>
      <c r="G34020" s="16">
        <v>0</v>
      </c>
    </row>
    <row r="34021" spans="1:7" x14ac:dyDescent="0.3">
      <c r="A34021" s="13" t="s">
        <v>210</v>
      </c>
      <c r="B34021" s="14" t="s">
        <v>1</v>
      </c>
      <c r="C34021" s="14" t="s">
        <v>137</v>
      </c>
      <c r="D34021" s="14" t="s">
        <v>211</v>
      </c>
      <c r="E34021" s="15">
        <v>45452</v>
      </c>
      <c r="F34021" s="14" t="s">
        <v>15</v>
      </c>
      <c r="G34021" s="16">
        <v>0</v>
      </c>
    </row>
    <row r="34022" spans="1:7" x14ac:dyDescent="0.3">
      <c r="A34022" s="13" t="s">
        <v>210</v>
      </c>
      <c r="B34022" s="14" t="s">
        <v>1</v>
      </c>
      <c r="C34022" s="14" t="s">
        <v>137</v>
      </c>
      <c r="D34022" s="14" t="s">
        <v>211</v>
      </c>
      <c r="E34022" s="15">
        <v>45453</v>
      </c>
      <c r="F34022" s="14" t="s">
        <v>15</v>
      </c>
      <c r="G34022" s="16">
        <v>1.3260840738363729E-2</v>
      </c>
    </row>
    <row r="34023" spans="1:7" x14ac:dyDescent="0.3">
      <c r="A34023" s="13" t="s">
        <v>210</v>
      </c>
      <c r="B34023" s="14" t="s">
        <v>1</v>
      </c>
      <c r="C34023" s="14" t="s">
        <v>137</v>
      </c>
      <c r="D34023" s="14" t="s">
        <v>211</v>
      </c>
      <c r="E34023" s="15">
        <v>45454</v>
      </c>
      <c r="F34023" s="14" t="s">
        <v>15</v>
      </c>
      <c r="G34023" s="16">
        <v>7.1677793179489593E-2</v>
      </c>
    </row>
    <row r="34024" spans="1:7" x14ac:dyDescent="0.3">
      <c r="A34024" s="13" t="s">
        <v>210</v>
      </c>
      <c r="B34024" s="14" t="s">
        <v>1</v>
      </c>
      <c r="C34024" s="14" t="s">
        <v>137</v>
      </c>
      <c r="D34024" s="14" t="s">
        <v>211</v>
      </c>
      <c r="E34024" s="15">
        <v>45455</v>
      </c>
      <c r="F34024" s="14" t="s">
        <v>15</v>
      </c>
      <c r="G34024" s="16">
        <v>9.113788559061356E-2</v>
      </c>
    </row>
    <row r="34025" spans="1:7" x14ac:dyDescent="0.3">
      <c r="A34025" s="13" t="s">
        <v>210</v>
      </c>
      <c r="B34025" s="14" t="s">
        <v>1</v>
      </c>
      <c r="C34025" s="14" t="s">
        <v>137</v>
      </c>
      <c r="D34025" s="14" t="s">
        <v>211</v>
      </c>
      <c r="E34025" s="15">
        <v>45456</v>
      </c>
      <c r="F34025" s="14" t="s">
        <v>15</v>
      </c>
      <c r="G34025" s="16">
        <v>0.11060679363249594</v>
      </c>
    </row>
    <row r="34026" spans="1:7" x14ac:dyDescent="0.3">
      <c r="A34026" s="13" t="s">
        <v>210</v>
      </c>
      <c r="B34026" s="14" t="s">
        <v>1</v>
      </c>
      <c r="C34026" s="14" t="s">
        <v>137</v>
      </c>
      <c r="D34026" s="14" t="s">
        <v>211</v>
      </c>
      <c r="E34026" s="15">
        <v>45457</v>
      </c>
      <c r="F34026" s="14" t="s">
        <v>15</v>
      </c>
      <c r="G34026" s="16">
        <v>0.1298830170240014</v>
      </c>
    </row>
    <row r="34027" spans="1:7" x14ac:dyDescent="0.3">
      <c r="A34027" s="13" t="s">
        <v>210</v>
      </c>
      <c r="B34027" s="14" t="s">
        <v>1</v>
      </c>
      <c r="C34027" s="14" t="s">
        <v>137</v>
      </c>
      <c r="D34027" s="14" t="s">
        <v>211</v>
      </c>
      <c r="E34027" s="15">
        <v>45458</v>
      </c>
      <c r="F34027" s="14" t="s">
        <v>15</v>
      </c>
      <c r="G34027" s="16">
        <v>0.1298830170240014</v>
      </c>
    </row>
    <row r="34028" spans="1:7" x14ac:dyDescent="0.3">
      <c r="A34028" s="13" t="s">
        <v>210</v>
      </c>
      <c r="B34028" s="14" t="s">
        <v>1</v>
      </c>
      <c r="C34028" s="14" t="s">
        <v>137</v>
      </c>
      <c r="D34028" s="14" t="s">
        <v>211</v>
      </c>
      <c r="E34028" s="15">
        <v>45459</v>
      </c>
      <c r="F34028" s="14" t="s">
        <v>15</v>
      </c>
      <c r="G34028" s="16">
        <v>0.1298830170240014</v>
      </c>
    </row>
    <row r="34029" spans="1:7" x14ac:dyDescent="0.3">
      <c r="A34029" s="13" t="s">
        <v>210</v>
      </c>
      <c r="B34029" s="14" t="s">
        <v>1</v>
      </c>
      <c r="C34029" s="14" t="s">
        <v>137</v>
      </c>
      <c r="D34029" s="14" t="s">
        <v>211</v>
      </c>
      <c r="E34029" s="15">
        <v>45460</v>
      </c>
      <c r="F34029" s="14" t="s">
        <v>15</v>
      </c>
      <c r="G34029" s="16">
        <v>0.14925920612968627</v>
      </c>
    </row>
    <row r="34030" spans="1:7" x14ac:dyDescent="0.3">
      <c r="A34030" s="13" t="s">
        <v>210</v>
      </c>
      <c r="B34030" s="14" t="s">
        <v>1</v>
      </c>
      <c r="C34030" s="14" t="s">
        <v>137</v>
      </c>
      <c r="D34030" s="14" t="s">
        <v>211</v>
      </c>
      <c r="E34030" s="15">
        <v>45461</v>
      </c>
      <c r="F34030" s="14" t="s">
        <v>15</v>
      </c>
      <c r="G34030" s="16">
        <v>0.20774059885929941</v>
      </c>
    </row>
    <row r="34031" spans="1:7" x14ac:dyDescent="0.3">
      <c r="A34031" s="13" t="s">
        <v>210</v>
      </c>
      <c r="B34031" s="14" t="s">
        <v>1</v>
      </c>
      <c r="C34031" s="14" t="s">
        <v>137</v>
      </c>
      <c r="D34031" s="14" t="s">
        <v>211</v>
      </c>
      <c r="E34031" s="15">
        <v>45462</v>
      </c>
      <c r="F34031" s="14" t="s">
        <v>15</v>
      </c>
      <c r="G34031" s="16">
        <v>0.22720753196694868</v>
      </c>
    </row>
    <row r="34032" spans="1:7" x14ac:dyDescent="0.3">
      <c r="A34032" s="13" t="s">
        <v>210</v>
      </c>
      <c r="B34032" s="14" t="s">
        <v>1</v>
      </c>
      <c r="C34032" s="14" t="s">
        <v>137</v>
      </c>
      <c r="D34032" s="14" t="s">
        <v>211</v>
      </c>
      <c r="E34032" s="15">
        <v>45463</v>
      </c>
      <c r="F34032" s="14" t="s">
        <v>15</v>
      </c>
      <c r="G34032" s="16">
        <v>0.2466548279577658</v>
      </c>
    </row>
    <row r="34033" spans="1:7" x14ac:dyDescent="0.3">
      <c r="A34033" s="13" t="s">
        <v>210</v>
      </c>
      <c r="B34033" s="14" t="s">
        <v>1</v>
      </c>
      <c r="C34033" s="14" t="s">
        <v>137</v>
      </c>
      <c r="D34033" s="14" t="s">
        <v>211</v>
      </c>
      <c r="E34033" s="15">
        <v>45464</v>
      </c>
      <c r="F34033" s="14" t="s">
        <v>15</v>
      </c>
      <c r="G34033" s="16">
        <v>0.26660933172087875</v>
      </c>
    </row>
    <row r="34034" spans="1:7" x14ac:dyDescent="0.3">
      <c r="A34034" s="13" t="s">
        <v>210</v>
      </c>
      <c r="B34034" s="14" t="s">
        <v>1</v>
      </c>
      <c r="C34034" s="14" t="s">
        <v>137</v>
      </c>
      <c r="D34034" s="14" t="s">
        <v>211</v>
      </c>
      <c r="E34034" s="15">
        <v>45465</v>
      </c>
      <c r="F34034" s="14" t="s">
        <v>15</v>
      </c>
      <c r="G34034" s="16">
        <v>0.26660933172087875</v>
      </c>
    </row>
    <row r="34035" spans="1:7" x14ac:dyDescent="0.3">
      <c r="A34035" s="13" t="s">
        <v>210</v>
      </c>
      <c r="B34035" s="14" t="s">
        <v>1</v>
      </c>
      <c r="C34035" s="14" t="s">
        <v>137</v>
      </c>
      <c r="D34035" s="14" t="s">
        <v>211</v>
      </c>
      <c r="E34035" s="15">
        <v>45466</v>
      </c>
      <c r="F34035" s="14" t="s">
        <v>15</v>
      </c>
      <c r="G34035" s="16">
        <v>0.26660933172087875</v>
      </c>
    </row>
    <row r="34036" spans="1:7" x14ac:dyDescent="0.3">
      <c r="A34036" s="13" t="s">
        <v>210</v>
      </c>
      <c r="B34036" s="14" t="s">
        <v>1</v>
      </c>
      <c r="C34036" s="14" t="s">
        <v>137</v>
      </c>
      <c r="D34036" s="14" t="s">
        <v>211</v>
      </c>
      <c r="E34036" s="15">
        <v>45467</v>
      </c>
      <c r="F34036" s="14" t="s">
        <v>15</v>
      </c>
      <c r="G34036" s="16">
        <v>0.28698600335621161</v>
      </c>
    </row>
    <row r="34037" spans="1:7" x14ac:dyDescent="0.3">
      <c r="A34037" s="13" t="s">
        <v>210</v>
      </c>
      <c r="B34037" s="14" t="s">
        <v>1</v>
      </c>
      <c r="C34037" s="14" t="s">
        <v>137</v>
      </c>
      <c r="D34037" s="14" t="s">
        <v>211</v>
      </c>
      <c r="E34037" s="15">
        <v>45468</v>
      </c>
      <c r="F34037" s="14" t="s">
        <v>15</v>
      </c>
      <c r="G34037" s="16">
        <v>0.34688256191637218</v>
      </c>
    </row>
    <row r="34038" spans="1:7" x14ac:dyDescent="0.3">
      <c r="A34038" s="13" t="s">
        <v>210</v>
      </c>
      <c r="B34038" s="14" t="s">
        <v>1</v>
      </c>
      <c r="C34038" s="14" t="s">
        <v>137</v>
      </c>
      <c r="D34038" s="14" t="s">
        <v>211</v>
      </c>
      <c r="E34038" s="15">
        <v>45469</v>
      </c>
      <c r="F34038" s="14" t="s">
        <v>15</v>
      </c>
      <c r="G34038" s="16">
        <v>0.36642931198976147</v>
      </c>
    </row>
    <row r="34039" spans="1:7" x14ac:dyDescent="0.3">
      <c r="A34039" s="13" t="s">
        <v>210</v>
      </c>
      <c r="B34039" s="14" t="s">
        <v>1</v>
      </c>
      <c r="C34039" s="14" t="s">
        <v>137</v>
      </c>
      <c r="D34039" s="14" t="s">
        <v>211</v>
      </c>
      <c r="E34039" s="15">
        <v>45470</v>
      </c>
      <c r="F34039" s="14" t="s">
        <v>15</v>
      </c>
      <c r="G34039" s="16">
        <v>0.38599043469965538</v>
      </c>
    </row>
    <row r="34040" spans="1:7" x14ac:dyDescent="0.3">
      <c r="A34040" s="13" t="s">
        <v>210</v>
      </c>
      <c r="B34040" s="14" t="s">
        <v>1</v>
      </c>
      <c r="C34040" s="14" t="s">
        <v>137</v>
      </c>
      <c r="D34040" s="14" t="s">
        <v>211</v>
      </c>
      <c r="E34040" s="15">
        <v>45471</v>
      </c>
      <c r="F34040" s="14" t="s">
        <v>15</v>
      </c>
      <c r="G34040" s="16">
        <v>0.40561837838263259</v>
      </c>
    </row>
    <row r="34041" spans="1:7" x14ac:dyDescent="0.3">
      <c r="A34041" s="13" t="s">
        <v>210</v>
      </c>
      <c r="B34041" s="14" t="s">
        <v>1</v>
      </c>
      <c r="C34041" s="14" t="s">
        <v>137</v>
      </c>
      <c r="D34041" s="14" t="s">
        <v>211</v>
      </c>
      <c r="E34041" s="15">
        <v>45472</v>
      </c>
      <c r="F34041" s="14" t="s">
        <v>15</v>
      </c>
      <c r="G34041" s="16">
        <v>0.40561837838263259</v>
      </c>
    </row>
    <row r="34042" spans="1:7" x14ac:dyDescent="0.3">
      <c r="A34042" s="13" t="s">
        <v>210</v>
      </c>
      <c r="B34042" s="14" t="s">
        <v>1</v>
      </c>
      <c r="C34042" s="14" t="s">
        <v>137</v>
      </c>
      <c r="D34042" s="14" t="s">
        <v>211</v>
      </c>
      <c r="E34042" s="15">
        <v>45473</v>
      </c>
      <c r="F34042" s="14" t="s">
        <v>15</v>
      </c>
      <c r="G34042" s="16">
        <v>0.40561837838263259</v>
      </c>
    </row>
    <row r="34043" spans="1:7" x14ac:dyDescent="0.3">
      <c r="A34043" s="13" t="s">
        <v>210</v>
      </c>
      <c r="B34043" s="14" t="s">
        <v>1</v>
      </c>
      <c r="C34043" s="14" t="s">
        <v>137</v>
      </c>
      <c r="D34043" s="14" t="s">
        <v>211</v>
      </c>
      <c r="E34043" s="15">
        <v>45474</v>
      </c>
      <c r="F34043" s="14" t="s">
        <v>15</v>
      </c>
      <c r="G34043" s="16">
        <v>0</v>
      </c>
    </row>
    <row r="34044" spans="1:7" x14ac:dyDescent="0.3">
      <c r="A34044" s="13" t="s">
        <v>210</v>
      </c>
      <c r="B34044" s="14" t="s">
        <v>1</v>
      </c>
      <c r="C34044" s="14" t="s">
        <v>137</v>
      </c>
      <c r="D34044" s="14" t="s">
        <v>211</v>
      </c>
      <c r="E34044" s="15">
        <v>45475</v>
      </c>
      <c r="F34044" s="14" t="s">
        <v>15</v>
      </c>
      <c r="G34044" s="16">
        <v>0</v>
      </c>
    </row>
    <row r="34045" spans="1:7" x14ac:dyDescent="0.3">
      <c r="A34045" s="13" t="s">
        <v>210</v>
      </c>
      <c r="B34045" s="14" t="s">
        <v>1</v>
      </c>
      <c r="C34045" s="14" t="s">
        <v>137</v>
      </c>
      <c r="D34045" s="14" t="s">
        <v>211</v>
      </c>
      <c r="E34045" s="15">
        <v>45476</v>
      </c>
      <c r="F34045" s="14" t="s">
        <v>15</v>
      </c>
      <c r="G34045" s="16">
        <v>0</v>
      </c>
    </row>
    <row r="34046" spans="1:7" x14ac:dyDescent="0.3">
      <c r="A34046" s="13" t="s">
        <v>210</v>
      </c>
      <c r="B34046" s="14" t="s">
        <v>1</v>
      </c>
      <c r="C34046" s="14" t="s">
        <v>137</v>
      </c>
      <c r="D34046" s="14" t="s">
        <v>211</v>
      </c>
      <c r="E34046" s="15">
        <v>45477</v>
      </c>
      <c r="F34046" s="14" t="s">
        <v>15</v>
      </c>
      <c r="G34046" s="16">
        <v>0</v>
      </c>
    </row>
    <row r="34047" spans="1:7" x14ac:dyDescent="0.3">
      <c r="A34047" s="13" t="s">
        <v>210</v>
      </c>
      <c r="B34047" s="14" t="s">
        <v>1</v>
      </c>
      <c r="C34047" s="14" t="s">
        <v>137</v>
      </c>
      <c r="D34047" s="14" t="s">
        <v>211</v>
      </c>
      <c r="E34047" s="15">
        <v>45478</v>
      </c>
      <c r="F34047" s="14" t="s">
        <v>15</v>
      </c>
      <c r="G34047" s="16">
        <v>0</v>
      </c>
    </row>
    <row r="34048" spans="1:7" x14ac:dyDescent="0.3">
      <c r="A34048" s="13" t="s">
        <v>210</v>
      </c>
      <c r="B34048" s="14" t="s">
        <v>1</v>
      </c>
      <c r="C34048" s="14" t="s">
        <v>137</v>
      </c>
      <c r="D34048" s="14" t="s">
        <v>211</v>
      </c>
      <c r="E34048" s="15">
        <v>45479</v>
      </c>
      <c r="F34048" s="14" t="s">
        <v>15</v>
      </c>
      <c r="G34048" s="16">
        <v>0</v>
      </c>
    </row>
    <row r="34049" spans="1:7" x14ac:dyDescent="0.3">
      <c r="A34049" s="13" t="s">
        <v>210</v>
      </c>
      <c r="B34049" s="14" t="s">
        <v>1</v>
      </c>
      <c r="C34049" s="14" t="s">
        <v>137</v>
      </c>
      <c r="D34049" s="14" t="s">
        <v>211</v>
      </c>
      <c r="E34049" s="15">
        <v>45480</v>
      </c>
      <c r="F34049" s="14" t="s">
        <v>15</v>
      </c>
      <c r="G34049" s="16">
        <v>0</v>
      </c>
    </row>
    <row r="34050" spans="1:7" x14ac:dyDescent="0.3">
      <c r="A34050" s="13" t="s">
        <v>210</v>
      </c>
      <c r="B34050" s="14" t="s">
        <v>1</v>
      </c>
      <c r="C34050" s="14" t="s">
        <v>137</v>
      </c>
      <c r="D34050" s="14" t="s">
        <v>211</v>
      </c>
      <c r="E34050" s="15">
        <v>45481</v>
      </c>
      <c r="F34050" s="14" t="s">
        <v>15</v>
      </c>
      <c r="G34050" s="16">
        <v>0</v>
      </c>
    </row>
    <row r="34051" spans="1:7" x14ac:dyDescent="0.3">
      <c r="A34051" s="13" t="s">
        <v>210</v>
      </c>
      <c r="B34051" s="14" t="s">
        <v>1</v>
      </c>
      <c r="C34051" s="14" t="s">
        <v>137</v>
      </c>
      <c r="D34051" s="14" t="s">
        <v>211</v>
      </c>
      <c r="E34051" s="15">
        <v>45482</v>
      </c>
      <c r="F34051" s="14" t="s">
        <v>15</v>
      </c>
      <c r="G34051" s="16">
        <v>3.06805188736596E-2</v>
      </c>
    </row>
    <row r="34052" spans="1:7" x14ac:dyDescent="0.3">
      <c r="A34052" s="13" t="s">
        <v>210</v>
      </c>
      <c r="B34052" s="14" t="s">
        <v>1</v>
      </c>
      <c r="C34052" s="14" t="s">
        <v>137</v>
      </c>
      <c r="D34052" s="14" t="s">
        <v>211</v>
      </c>
      <c r="E34052" s="15">
        <v>45483</v>
      </c>
      <c r="F34052" s="14" t="s">
        <v>15</v>
      </c>
      <c r="G34052" s="16">
        <v>5.6682546471812874E-2</v>
      </c>
    </row>
    <row r="34053" spans="1:7" x14ac:dyDescent="0.3">
      <c r="A34053" s="13" t="s">
        <v>210</v>
      </c>
      <c r="B34053" s="14" t="s">
        <v>1</v>
      </c>
      <c r="C34053" s="14" t="s">
        <v>137</v>
      </c>
      <c r="D34053" s="14" t="s">
        <v>211</v>
      </c>
      <c r="E34053" s="15">
        <v>45484</v>
      </c>
      <c r="F34053" s="14" t="s">
        <v>15</v>
      </c>
      <c r="G34053" s="16">
        <v>7.6215100177641201E-2</v>
      </c>
    </row>
    <row r="34054" spans="1:7" x14ac:dyDescent="0.3">
      <c r="A34054" s="13" t="s">
        <v>210</v>
      </c>
      <c r="B34054" s="14" t="s">
        <v>1</v>
      </c>
      <c r="C34054" s="14" t="s">
        <v>137</v>
      </c>
      <c r="D34054" s="14" t="s">
        <v>211</v>
      </c>
      <c r="E34054" s="15">
        <v>45485</v>
      </c>
      <c r="F34054" s="14" t="s">
        <v>15</v>
      </c>
      <c r="G34054" s="16">
        <v>9.9151368041308641E-2</v>
      </c>
    </row>
    <row r="34055" spans="1:7" x14ac:dyDescent="0.3">
      <c r="A34055" s="13" t="s">
        <v>210</v>
      </c>
      <c r="B34055" s="14" t="s">
        <v>1</v>
      </c>
      <c r="C34055" s="14" t="s">
        <v>137</v>
      </c>
      <c r="D34055" s="14" t="s">
        <v>211</v>
      </c>
      <c r="E34055" s="15">
        <v>45486</v>
      </c>
      <c r="F34055" s="14" t="s">
        <v>15</v>
      </c>
      <c r="G34055" s="16">
        <v>9.9151368041308641E-2</v>
      </c>
    </row>
    <row r="34056" spans="1:7" x14ac:dyDescent="0.3">
      <c r="A34056" s="13" t="s">
        <v>210</v>
      </c>
      <c r="B34056" s="14" t="s">
        <v>1</v>
      </c>
      <c r="C34056" s="14" t="s">
        <v>137</v>
      </c>
      <c r="D34056" s="14" t="s">
        <v>211</v>
      </c>
      <c r="E34056" s="15">
        <v>45487</v>
      </c>
      <c r="F34056" s="14" t="s">
        <v>15</v>
      </c>
      <c r="G34056" s="16">
        <v>9.9151368041308641E-2</v>
      </c>
    </row>
    <row r="34057" spans="1:7" x14ac:dyDescent="0.3">
      <c r="A34057" s="13" t="s">
        <v>210</v>
      </c>
      <c r="B34057" s="14" t="s">
        <v>1</v>
      </c>
      <c r="C34057" s="14" t="s">
        <v>137</v>
      </c>
      <c r="D34057" s="14" t="s">
        <v>211</v>
      </c>
      <c r="E34057" s="15">
        <v>45488</v>
      </c>
      <c r="F34057" s="14" t="s">
        <v>15</v>
      </c>
      <c r="G34057" s="16">
        <v>0.11828226509617827</v>
      </c>
    </row>
    <row r="34058" spans="1:7" x14ac:dyDescent="0.3">
      <c r="A34058" s="13" t="s">
        <v>210</v>
      </c>
      <c r="B34058" s="14" t="s">
        <v>1</v>
      </c>
      <c r="C34058" s="14" t="s">
        <v>137</v>
      </c>
      <c r="D34058" s="14" t="s">
        <v>211</v>
      </c>
      <c r="E34058" s="15">
        <v>45489</v>
      </c>
      <c r="F34058" s="14" t="s">
        <v>15</v>
      </c>
      <c r="G34058" s="16">
        <v>0.17543804941016408</v>
      </c>
    </row>
    <row r="34059" spans="1:7" x14ac:dyDescent="0.3">
      <c r="A34059" s="13" t="s">
        <v>210</v>
      </c>
      <c r="B34059" s="14" t="s">
        <v>1</v>
      </c>
      <c r="C34059" s="14" t="s">
        <v>137</v>
      </c>
      <c r="D34059" s="14" t="s">
        <v>211</v>
      </c>
      <c r="E34059" s="15">
        <v>45490</v>
      </c>
      <c r="F34059" s="14" t="s">
        <v>15</v>
      </c>
      <c r="G34059" s="16">
        <v>0.19445425109473802</v>
      </c>
    </row>
    <row r="34060" spans="1:7" x14ac:dyDescent="0.3">
      <c r="A34060" s="13" t="s">
        <v>210</v>
      </c>
      <c r="B34060" s="14" t="s">
        <v>1</v>
      </c>
      <c r="C34060" s="14" t="s">
        <v>137</v>
      </c>
      <c r="D34060" s="14" t="s">
        <v>211</v>
      </c>
      <c r="E34060" s="15">
        <v>45491</v>
      </c>
      <c r="F34060" s="14" t="s">
        <v>15</v>
      </c>
      <c r="G34060" s="16">
        <v>0.21351566862954197</v>
      </c>
    </row>
    <row r="34061" spans="1:7" x14ac:dyDescent="0.3">
      <c r="A34061" s="13" t="s">
        <v>210</v>
      </c>
      <c r="B34061" s="14" t="s">
        <v>1</v>
      </c>
      <c r="C34061" s="14" t="s">
        <v>137</v>
      </c>
      <c r="D34061" s="14" t="s">
        <v>211</v>
      </c>
      <c r="E34061" s="15">
        <v>45492</v>
      </c>
      <c r="F34061" s="14" t="s">
        <v>15</v>
      </c>
      <c r="G34061" s="16">
        <v>0.23247104005125679</v>
      </c>
    </row>
    <row r="34062" spans="1:7" x14ac:dyDescent="0.3">
      <c r="A34062" s="13" t="s">
        <v>210</v>
      </c>
      <c r="B34062" s="14" t="s">
        <v>1</v>
      </c>
      <c r="C34062" s="14" t="s">
        <v>137</v>
      </c>
      <c r="D34062" s="14" t="s">
        <v>211</v>
      </c>
      <c r="E34062" s="15">
        <v>45493</v>
      </c>
      <c r="F34062" s="14" t="s">
        <v>15</v>
      </c>
      <c r="G34062" s="16">
        <v>0.23247104005125679</v>
      </c>
    </row>
    <row r="34063" spans="1:7" x14ac:dyDescent="0.3">
      <c r="A34063" s="13" t="s">
        <v>210</v>
      </c>
      <c r="B34063" s="14" t="s">
        <v>1</v>
      </c>
      <c r="C34063" s="14" t="s">
        <v>137</v>
      </c>
      <c r="D34063" s="14" t="s">
        <v>211</v>
      </c>
      <c r="E34063" s="15">
        <v>45494</v>
      </c>
      <c r="F34063" s="14" t="s">
        <v>15</v>
      </c>
      <c r="G34063" s="16">
        <v>0.23247104005125679</v>
      </c>
    </row>
    <row r="34064" spans="1:7" x14ac:dyDescent="0.3">
      <c r="A34064" s="13" t="s">
        <v>210</v>
      </c>
      <c r="B34064" s="14" t="s">
        <v>1</v>
      </c>
      <c r="C34064" s="14" t="s">
        <v>137</v>
      </c>
      <c r="D34064" s="14" t="s">
        <v>211</v>
      </c>
      <c r="E34064" s="15">
        <v>45495</v>
      </c>
      <c r="F34064" s="14" t="s">
        <v>15</v>
      </c>
      <c r="G34064" s="16">
        <v>0.25155583396492714</v>
      </c>
    </row>
    <row r="34065" spans="1:7" x14ac:dyDescent="0.3">
      <c r="A34065" s="13" t="s">
        <v>210</v>
      </c>
      <c r="B34065" s="14" t="s">
        <v>1</v>
      </c>
      <c r="C34065" s="14" t="s">
        <v>137</v>
      </c>
      <c r="D34065" s="14" t="s">
        <v>211</v>
      </c>
      <c r="E34065" s="15">
        <v>45496</v>
      </c>
      <c r="F34065" s="14" t="s">
        <v>15</v>
      </c>
      <c r="G34065" s="16">
        <v>0.30902548545877517</v>
      </c>
    </row>
    <row r="34066" spans="1:7" x14ac:dyDescent="0.3">
      <c r="A34066" s="13" t="s">
        <v>210</v>
      </c>
      <c r="B34066" s="14" t="s">
        <v>1</v>
      </c>
      <c r="C34066" s="14" t="s">
        <v>137</v>
      </c>
      <c r="D34066" s="14" t="s">
        <v>211</v>
      </c>
      <c r="E34066" s="15">
        <v>45497</v>
      </c>
      <c r="F34066" s="14" t="s">
        <v>15</v>
      </c>
      <c r="G34066" s="16">
        <v>0.32817438095356172</v>
      </c>
    </row>
    <row r="34067" spans="1:7" x14ac:dyDescent="0.3">
      <c r="A34067" s="13" t="s">
        <v>210</v>
      </c>
      <c r="B34067" s="14" t="s">
        <v>1</v>
      </c>
      <c r="C34067" s="14" t="s">
        <v>137</v>
      </c>
      <c r="D34067" s="14" t="s">
        <v>211</v>
      </c>
      <c r="E34067" s="15">
        <v>45498</v>
      </c>
      <c r="F34067" s="14" t="s">
        <v>15</v>
      </c>
      <c r="G34067" s="16">
        <v>0.34736479679408583</v>
      </c>
    </row>
    <row r="34068" spans="1:7" x14ac:dyDescent="0.3">
      <c r="A34068" s="13" t="s">
        <v>210</v>
      </c>
      <c r="B34068" s="14" t="s">
        <v>1</v>
      </c>
      <c r="C34068" s="14" t="s">
        <v>137</v>
      </c>
      <c r="D34068" s="14" t="s">
        <v>211</v>
      </c>
      <c r="E34068" s="15">
        <v>45499</v>
      </c>
      <c r="F34068" s="14" t="s">
        <v>15</v>
      </c>
      <c r="G34068" s="16">
        <v>0.3668926265441354</v>
      </c>
    </row>
    <row r="34069" spans="1:7" x14ac:dyDescent="0.3">
      <c r="A34069" s="13" t="s">
        <v>210</v>
      </c>
      <c r="B34069" s="14" t="s">
        <v>1</v>
      </c>
      <c r="C34069" s="14" t="s">
        <v>137</v>
      </c>
      <c r="D34069" s="14" t="s">
        <v>211</v>
      </c>
      <c r="E34069" s="15">
        <v>45500</v>
      </c>
      <c r="F34069" s="14" t="s">
        <v>15</v>
      </c>
      <c r="G34069" s="16">
        <v>0.3668926265441354</v>
      </c>
    </row>
    <row r="34070" spans="1:7" x14ac:dyDescent="0.3">
      <c r="A34070" s="13" t="s">
        <v>210</v>
      </c>
      <c r="B34070" s="14" t="s">
        <v>1</v>
      </c>
      <c r="C34070" s="14" t="s">
        <v>137</v>
      </c>
      <c r="D34070" s="14" t="s">
        <v>211</v>
      </c>
      <c r="E34070" s="15">
        <v>45501</v>
      </c>
      <c r="F34070" s="14" t="s">
        <v>15</v>
      </c>
      <c r="G34070" s="16">
        <v>0.3668926265441354</v>
      </c>
    </row>
    <row r="34071" spans="1:7" x14ac:dyDescent="0.3">
      <c r="A34071" s="13" t="s">
        <v>210</v>
      </c>
      <c r="B34071" s="14" t="s">
        <v>1</v>
      </c>
      <c r="C34071" s="14" t="s">
        <v>137</v>
      </c>
      <c r="D34071" s="14" t="s">
        <v>211</v>
      </c>
      <c r="E34071" s="15">
        <v>45502</v>
      </c>
      <c r="F34071" s="14" t="s">
        <v>15</v>
      </c>
      <c r="G34071" s="16">
        <v>0.38156204514220832</v>
      </c>
    </row>
    <row r="34072" spans="1:7" x14ac:dyDescent="0.3">
      <c r="A34072" s="13" t="s">
        <v>210</v>
      </c>
      <c r="B34072" s="14" t="s">
        <v>1</v>
      </c>
      <c r="C34072" s="14" t="s">
        <v>137</v>
      </c>
      <c r="D34072" s="14" t="s">
        <v>211</v>
      </c>
      <c r="E34072" s="15">
        <v>45503</v>
      </c>
      <c r="F34072" s="14" t="s">
        <v>15</v>
      </c>
      <c r="G34072" s="16">
        <v>0.4401518234337814</v>
      </c>
    </row>
    <row r="34073" spans="1:7" x14ac:dyDescent="0.3">
      <c r="A34073" s="13" t="s">
        <v>210</v>
      </c>
      <c r="B34073" s="14" t="s">
        <v>1</v>
      </c>
      <c r="C34073" s="14" t="s">
        <v>137</v>
      </c>
      <c r="D34073" s="14" t="s">
        <v>211</v>
      </c>
      <c r="E34073" s="15">
        <v>45504</v>
      </c>
      <c r="F34073" s="14" t="s">
        <v>15</v>
      </c>
      <c r="G34073" s="16">
        <v>0.45968693281016454</v>
      </c>
    </row>
    <row r="34074" spans="1:7" x14ac:dyDescent="0.3">
      <c r="A34074" s="13" t="s">
        <v>210</v>
      </c>
      <c r="B34074" s="14" t="s">
        <v>1</v>
      </c>
      <c r="C34074" s="14" t="s">
        <v>137</v>
      </c>
      <c r="D34074" s="14" t="s">
        <v>211</v>
      </c>
      <c r="E34074" s="15">
        <v>45505</v>
      </c>
      <c r="F34074" s="14" t="s">
        <v>15</v>
      </c>
      <c r="G34074" s="16">
        <v>0</v>
      </c>
    </row>
    <row r="34075" spans="1:7" x14ac:dyDescent="0.3">
      <c r="A34075" s="13" t="s">
        <v>210</v>
      </c>
      <c r="B34075" s="14" t="s">
        <v>1</v>
      </c>
      <c r="C34075" s="14" t="s">
        <v>137</v>
      </c>
      <c r="D34075" s="14" t="s">
        <v>211</v>
      </c>
      <c r="E34075" s="15">
        <v>45506</v>
      </c>
      <c r="F34075" s="14" t="s">
        <v>15</v>
      </c>
      <c r="G34075" s="16">
        <v>0</v>
      </c>
    </row>
    <row r="34076" spans="1:7" x14ac:dyDescent="0.3">
      <c r="A34076" s="13" t="s">
        <v>210</v>
      </c>
      <c r="B34076" s="14" t="s">
        <v>1</v>
      </c>
      <c r="C34076" s="14" t="s">
        <v>137</v>
      </c>
      <c r="D34076" s="14" t="s">
        <v>211</v>
      </c>
      <c r="E34076" s="15">
        <v>45507</v>
      </c>
      <c r="F34076" s="14" t="s">
        <v>15</v>
      </c>
      <c r="G34076" s="16">
        <v>0</v>
      </c>
    </row>
    <row r="34077" spans="1:7" x14ac:dyDescent="0.3">
      <c r="A34077" s="13" t="s">
        <v>210</v>
      </c>
      <c r="B34077" s="14" t="s">
        <v>1</v>
      </c>
      <c r="C34077" s="14" t="s">
        <v>137</v>
      </c>
      <c r="D34077" s="14" t="s">
        <v>211</v>
      </c>
      <c r="E34077" s="15">
        <v>45508</v>
      </c>
      <c r="F34077" s="14" t="s">
        <v>15</v>
      </c>
      <c r="G34077" s="16">
        <v>0</v>
      </c>
    </row>
    <row r="34078" spans="1:7" x14ac:dyDescent="0.3">
      <c r="A34078" s="13" t="s">
        <v>210</v>
      </c>
      <c r="B34078" s="14" t="s">
        <v>1</v>
      </c>
      <c r="C34078" s="14" t="s">
        <v>137</v>
      </c>
      <c r="D34078" s="14" t="s">
        <v>211</v>
      </c>
      <c r="E34078" s="15">
        <v>45509</v>
      </c>
      <c r="F34078" s="14" t="s">
        <v>15</v>
      </c>
      <c r="G34078" s="16">
        <v>0</v>
      </c>
    </row>
    <row r="34079" spans="1:7" x14ac:dyDescent="0.3">
      <c r="A34079" s="13" t="s">
        <v>210</v>
      </c>
      <c r="B34079" s="14" t="s">
        <v>1</v>
      </c>
      <c r="C34079" s="14" t="s">
        <v>137</v>
      </c>
      <c r="D34079" s="14" t="s">
        <v>211</v>
      </c>
      <c r="E34079" s="15">
        <v>45510</v>
      </c>
      <c r="F34079" s="14" t="s">
        <v>15</v>
      </c>
      <c r="G34079" s="16">
        <v>0</v>
      </c>
    </row>
    <row r="34080" spans="1:7" x14ac:dyDescent="0.3">
      <c r="A34080" s="13" t="s">
        <v>210</v>
      </c>
      <c r="B34080" s="14" t="s">
        <v>1</v>
      </c>
      <c r="C34080" s="14" t="s">
        <v>137</v>
      </c>
      <c r="D34080" s="14" t="s">
        <v>211</v>
      </c>
      <c r="E34080" s="15">
        <v>45511</v>
      </c>
      <c r="F34080" s="14" t="s">
        <v>15</v>
      </c>
      <c r="G34080" s="16">
        <v>0</v>
      </c>
    </row>
    <row r="34081" spans="1:7" x14ac:dyDescent="0.3">
      <c r="A34081" s="13" t="s">
        <v>210</v>
      </c>
      <c r="B34081" s="14" t="s">
        <v>1</v>
      </c>
      <c r="C34081" s="14" t="s">
        <v>137</v>
      </c>
      <c r="D34081" s="14" t="s">
        <v>211</v>
      </c>
      <c r="E34081" s="15">
        <v>45512</v>
      </c>
      <c r="F34081" s="14" t="s">
        <v>15</v>
      </c>
      <c r="G34081" s="16">
        <v>0</v>
      </c>
    </row>
    <row r="34082" spans="1:7" x14ac:dyDescent="0.3">
      <c r="A34082" s="13" t="s">
        <v>210</v>
      </c>
      <c r="B34082" s="14" t="s">
        <v>1</v>
      </c>
      <c r="C34082" s="14" t="s">
        <v>137</v>
      </c>
      <c r="D34082" s="14" t="s">
        <v>211</v>
      </c>
      <c r="E34082" s="15">
        <v>45513</v>
      </c>
      <c r="F34082" s="14" t="s">
        <v>15</v>
      </c>
      <c r="G34082" s="16">
        <v>0</v>
      </c>
    </row>
    <row r="34083" spans="1:7" x14ac:dyDescent="0.3">
      <c r="A34083" s="13" t="s">
        <v>210</v>
      </c>
      <c r="B34083" s="14" t="s">
        <v>1</v>
      </c>
      <c r="C34083" s="14" t="s">
        <v>137</v>
      </c>
      <c r="D34083" s="14" t="s">
        <v>211</v>
      </c>
      <c r="E34083" s="15">
        <v>45514</v>
      </c>
      <c r="F34083" s="14" t="s">
        <v>15</v>
      </c>
      <c r="G34083" s="16">
        <v>0</v>
      </c>
    </row>
    <row r="34084" spans="1:7" x14ac:dyDescent="0.3">
      <c r="A34084" s="13" t="s">
        <v>210</v>
      </c>
      <c r="B34084" s="14" t="s">
        <v>1</v>
      </c>
      <c r="C34084" s="14" t="s">
        <v>137</v>
      </c>
      <c r="D34084" s="14" t="s">
        <v>211</v>
      </c>
      <c r="E34084" s="15">
        <v>45515</v>
      </c>
      <c r="F34084" s="14" t="s">
        <v>15</v>
      </c>
      <c r="G34084" s="16">
        <v>0</v>
      </c>
    </row>
    <row r="34085" spans="1:7" x14ac:dyDescent="0.3">
      <c r="A34085" s="13" t="s">
        <v>210</v>
      </c>
      <c r="B34085" s="14" t="s">
        <v>1</v>
      </c>
      <c r="C34085" s="14" t="s">
        <v>137</v>
      </c>
      <c r="D34085" s="14" t="s">
        <v>211</v>
      </c>
      <c r="E34085" s="15">
        <v>45516</v>
      </c>
      <c r="F34085" s="14" t="s">
        <v>15</v>
      </c>
      <c r="G34085" s="16">
        <v>0</v>
      </c>
    </row>
    <row r="34086" spans="1:7" x14ac:dyDescent="0.3">
      <c r="A34086" s="13" t="s">
        <v>210</v>
      </c>
      <c r="B34086" s="14" t="s">
        <v>1</v>
      </c>
      <c r="C34086" s="14" t="s">
        <v>137</v>
      </c>
      <c r="D34086" s="14" t="s">
        <v>211</v>
      </c>
      <c r="E34086" s="15">
        <v>45517</v>
      </c>
      <c r="F34086" s="14" t="s">
        <v>15</v>
      </c>
      <c r="G34086" s="16">
        <v>0</v>
      </c>
    </row>
    <row r="34087" spans="1:7" x14ac:dyDescent="0.3">
      <c r="A34087" s="13" t="s">
        <v>210</v>
      </c>
      <c r="B34087" s="14" t="s">
        <v>1</v>
      </c>
      <c r="C34087" s="14" t="s">
        <v>137</v>
      </c>
      <c r="D34087" s="14" t="s">
        <v>211</v>
      </c>
      <c r="E34087" s="15">
        <v>45518</v>
      </c>
      <c r="F34087" s="14" t="s">
        <v>15</v>
      </c>
      <c r="G34087" s="16">
        <v>1.9282879572355353E-2</v>
      </c>
    </row>
    <row r="34088" spans="1:7" x14ac:dyDescent="0.3">
      <c r="A34088" s="13" t="s">
        <v>210</v>
      </c>
      <c r="B34088" s="14" t="s">
        <v>1</v>
      </c>
      <c r="C34088" s="14" t="s">
        <v>137</v>
      </c>
      <c r="D34088" s="14" t="s">
        <v>211</v>
      </c>
      <c r="E34088" s="15">
        <v>45519</v>
      </c>
      <c r="F34088" s="14" t="s">
        <v>15</v>
      </c>
      <c r="G34088" s="16">
        <v>3.8616914644140993E-2</v>
      </c>
    </row>
    <row r="34089" spans="1:7" x14ac:dyDescent="0.3">
      <c r="A34089" s="13" t="s">
        <v>210</v>
      </c>
      <c r="B34089" s="14" t="s">
        <v>1</v>
      </c>
      <c r="C34089" s="14" t="s">
        <v>137</v>
      </c>
      <c r="D34089" s="14" t="s">
        <v>211</v>
      </c>
      <c r="E34089" s="15">
        <v>45520</v>
      </c>
      <c r="F34089" s="14" t="s">
        <v>15</v>
      </c>
      <c r="G34089" s="16">
        <v>5.8965156814800003E-2</v>
      </c>
    </row>
    <row r="34090" spans="1:7" x14ac:dyDescent="0.3">
      <c r="A34090" s="13" t="s">
        <v>210</v>
      </c>
      <c r="B34090" s="14" t="s">
        <v>1</v>
      </c>
      <c r="C34090" s="14" t="s">
        <v>137</v>
      </c>
      <c r="D34090" s="14" t="s">
        <v>211</v>
      </c>
      <c r="E34090" s="15">
        <v>45521</v>
      </c>
      <c r="F34090" s="14" t="s">
        <v>15</v>
      </c>
      <c r="G34090" s="16">
        <v>5.8965156814800003E-2</v>
      </c>
    </row>
    <row r="34091" spans="1:7" x14ac:dyDescent="0.3">
      <c r="A34091" s="13" t="s">
        <v>210</v>
      </c>
      <c r="B34091" s="14" t="s">
        <v>1</v>
      </c>
      <c r="C34091" s="14" t="s">
        <v>137</v>
      </c>
      <c r="D34091" s="14" t="s">
        <v>211</v>
      </c>
      <c r="E34091" s="15">
        <v>45522</v>
      </c>
      <c r="F34091" s="14" t="s">
        <v>15</v>
      </c>
      <c r="G34091" s="16">
        <v>5.8965156814800003E-2</v>
      </c>
    </row>
    <row r="34092" spans="1:7" x14ac:dyDescent="0.3">
      <c r="A34092" s="13" t="s">
        <v>210</v>
      </c>
      <c r="B34092" s="14" t="s">
        <v>1</v>
      </c>
      <c r="C34092" s="14" t="s">
        <v>137</v>
      </c>
      <c r="D34092" s="14" t="s">
        <v>211</v>
      </c>
      <c r="E34092" s="15">
        <v>45523</v>
      </c>
      <c r="F34092" s="14" t="s">
        <v>15</v>
      </c>
      <c r="G34092" s="16">
        <v>7.9032933119073404E-2</v>
      </c>
    </row>
    <row r="34093" spans="1:7" x14ac:dyDescent="0.3">
      <c r="A34093" s="13" t="s">
        <v>210</v>
      </c>
      <c r="B34093" s="14" t="s">
        <v>1</v>
      </c>
      <c r="C34093" s="14" t="s">
        <v>137</v>
      </c>
      <c r="D34093" s="14" t="s">
        <v>211</v>
      </c>
      <c r="E34093" s="15">
        <v>45524</v>
      </c>
      <c r="F34093" s="14" t="s">
        <v>15</v>
      </c>
      <c r="G34093" s="16">
        <v>0.13660922651713461</v>
      </c>
    </row>
    <row r="34094" spans="1:7" x14ac:dyDescent="0.3">
      <c r="A34094" s="13" t="s">
        <v>210</v>
      </c>
      <c r="B34094" s="14" t="s">
        <v>1</v>
      </c>
      <c r="C34094" s="14" t="s">
        <v>137</v>
      </c>
      <c r="D34094" s="14" t="s">
        <v>211</v>
      </c>
      <c r="E34094" s="15">
        <v>45525</v>
      </c>
      <c r="F34094" s="14" t="s">
        <v>15</v>
      </c>
      <c r="G34094" s="16">
        <v>0.15631565868670269</v>
      </c>
    </row>
    <row r="34095" spans="1:7" x14ac:dyDescent="0.3">
      <c r="A34095" s="13" t="s">
        <v>210</v>
      </c>
      <c r="B34095" s="14" t="s">
        <v>1</v>
      </c>
      <c r="C34095" s="14" t="s">
        <v>137</v>
      </c>
      <c r="D34095" s="14" t="s">
        <v>211</v>
      </c>
      <c r="E34095" s="15">
        <v>45526</v>
      </c>
      <c r="F34095" s="14" t="s">
        <v>15</v>
      </c>
      <c r="G34095" s="16">
        <v>0.17525012767141077</v>
      </c>
    </row>
    <row r="34096" spans="1:7" x14ac:dyDescent="0.3">
      <c r="A34096" s="13" t="s">
        <v>210</v>
      </c>
      <c r="B34096" s="14" t="s">
        <v>1</v>
      </c>
      <c r="C34096" s="14" t="s">
        <v>137</v>
      </c>
      <c r="D34096" s="14" t="s">
        <v>211</v>
      </c>
      <c r="E34096" s="15">
        <v>45527</v>
      </c>
      <c r="F34096" s="14" t="s">
        <v>15</v>
      </c>
      <c r="G34096" s="16">
        <v>0.19443891689908607</v>
      </c>
    </row>
    <row r="34097" spans="1:7" x14ac:dyDescent="0.3">
      <c r="A34097" s="13" t="s">
        <v>210</v>
      </c>
      <c r="B34097" s="14" t="s">
        <v>1</v>
      </c>
      <c r="C34097" s="14" t="s">
        <v>137</v>
      </c>
      <c r="D34097" s="14" t="s">
        <v>211</v>
      </c>
      <c r="E34097" s="15">
        <v>45528</v>
      </c>
      <c r="F34097" s="14" t="s">
        <v>15</v>
      </c>
      <c r="G34097" s="16">
        <v>0.19443891689908607</v>
      </c>
    </row>
    <row r="34098" spans="1:7" x14ac:dyDescent="0.3">
      <c r="A34098" s="13" t="s">
        <v>210</v>
      </c>
      <c r="B34098" s="14" t="s">
        <v>1</v>
      </c>
      <c r="C34098" s="14" t="s">
        <v>137</v>
      </c>
      <c r="D34098" s="14" t="s">
        <v>211</v>
      </c>
      <c r="E34098" s="15">
        <v>45529</v>
      </c>
      <c r="F34098" s="14" t="s">
        <v>15</v>
      </c>
      <c r="G34098" s="16">
        <v>0.19443891689908607</v>
      </c>
    </row>
    <row r="34099" spans="1:7" x14ac:dyDescent="0.3">
      <c r="A34099" s="13" t="s">
        <v>210</v>
      </c>
      <c r="B34099" s="14" t="s">
        <v>1</v>
      </c>
      <c r="C34099" s="14" t="s">
        <v>137</v>
      </c>
      <c r="D34099" s="14" t="s">
        <v>211</v>
      </c>
      <c r="E34099" s="15">
        <v>45530</v>
      </c>
      <c r="F34099" s="14" t="s">
        <v>15</v>
      </c>
      <c r="G34099" s="16">
        <v>0.21327842293927335</v>
      </c>
    </row>
    <row r="34100" spans="1:7" x14ac:dyDescent="0.3">
      <c r="A34100" s="13" t="s">
        <v>210</v>
      </c>
      <c r="B34100" s="14" t="s">
        <v>1</v>
      </c>
      <c r="C34100" s="14" t="s">
        <v>137</v>
      </c>
      <c r="D34100" s="14" t="s">
        <v>211</v>
      </c>
      <c r="E34100" s="15">
        <v>45531</v>
      </c>
      <c r="F34100" s="14" t="s">
        <v>15</v>
      </c>
      <c r="G34100" s="16">
        <v>0.26953188429879882</v>
      </c>
    </row>
    <row r="34101" spans="1:7" x14ac:dyDescent="0.3">
      <c r="A34101" s="13" t="s">
        <v>210</v>
      </c>
      <c r="B34101" s="14" t="s">
        <v>1</v>
      </c>
      <c r="C34101" s="14" t="s">
        <v>137</v>
      </c>
      <c r="D34101" s="14" t="s">
        <v>211</v>
      </c>
      <c r="E34101" s="15">
        <v>45532</v>
      </c>
      <c r="F34101" s="14" t="s">
        <v>15</v>
      </c>
      <c r="G34101" s="16">
        <v>0.28792965842758322</v>
      </c>
    </row>
    <row r="34102" spans="1:7" x14ac:dyDescent="0.3">
      <c r="A34102" s="13" t="s">
        <v>210</v>
      </c>
      <c r="B34102" s="14" t="s">
        <v>1</v>
      </c>
      <c r="C34102" s="14" t="s">
        <v>137</v>
      </c>
      <c r="D34102" s="14" t="s">
        <v>211</v>
      </c>
      <c r="E34102" s="15">
        <v>45533</v>
      </c>
      <c r="F34102" s="14" t="s">
        <v>15</v>
      </c>
      <c r="G34102" s="16">
        <v>0.30658246357221436</v>
      </c>
    </row>
    <row r="34103" spans="1:7" x14ac:dyDescent="0.3">
      <c r="A34103" s="13" t="s">
        <v>210</v>
      </c>
      <c r="B34103" s="14" t="s">
        <v>1</v>
      </c>
      <c r="C34103" s="14" t="s">
        <v>137</v>
      </c>
      <c r="D34103" s="14" t="s">
        <v>211</v>
      </c>
      <c r="E34103" s="15">
        <v>45534</v>
      </c>
      <c r="F34103" s="14" t="s">
        <v>15</v>
      </c>
      <c r="G34103" s="16">
        <v>0.32468581129782947</v>
      </c>
    </row>
    <row r="34104" spans="1:7" x14ac:dyDescent="0.3">
      <c r="A34104" s="13" t="s">
        <v>210</v>
      </c>
      <c r="B34104" s="14" t="s">
        <v>1</v>
      </c>
      <c r="C34104" s="14" t="s">
        <v>137</v>
      </c>
      <c r="D34104" s="14" t="s">
        <v>211</v>
      </c>
      <c r="E34104" s="15">
        <v>45535</v>
      </c>
      <c r="F34104" s="14" t="s">
        <v>15</v>
      </c>
      <c r="G34104" s="16">
        <v>0.32468581129782947</v>
      </c>
    </row>
    <row r="34105" spans="1:7" x14ac:dyDescent="0.3">
      <c r="A34105" s="13" t="s">
        <v>210</v>
      </c>
      <c r="B34105" s="14" t="s">
        <v>1</v>
      </c>
      <c r="C34105" s="14" t="s">
        <v>137</v>
      </c>
      <c r="D34105" s="14" t="s">
        <v>211</v>
      </c>
      <c r="E34105" s="15">
        <v>45536</v>
      </c>
      <c r="F34105" s="14" t="s">
        <v>15</v>
      </c>
      <c r="G34105" s="16">
        <v>0.32468581129782947</v>
      </c>
    </row>
    <row r="34106" spans="1:7" x14ac:dyDescent="0.3">
      <c r="A34106" s="13" t="s">
        <v>210</v>
      </c>
      <c r="B34106" s="14" t="s">
        <v>1</v>
      </c>
      <c r="C34106" s="14" t="s">
        <v>137</v>
      </c>
      <c r="D34106" s="14" t="s">
        <v>211</v>
      </c>
      <c r="E34106" s="15">
        <v>45537</v>
      </c>
      <c r="F34106" s="14" t="s">
        <v>15</v>
      </c>
      <c r="G34106" s="16">
        <v>0</v>
      </c>
    </row>
    <row r="34107" spans="1:7" x14ac:dyDescent="0.3">
      <c r="A34107" s="13" t="s">
        <v>210</v>
      </c>
      <c r="B34107" s="14" t="s">
        <v>1</v>
      </c>
      <c r="C34107" s="14" t="s">
        <v>137</v>
      </c>
      <c r="D34107" s="14" t="s">
        <v>211</v>
      </c>
      <c r="E34107" s="15">
        <v>45538</v>
      </c>
      <c r="F34107" s="14" t="s">
        <v>15</v>
      </c>
      <c r="G34107" s="16">
        <v>0</v>
      </c>
    </row>
    <row r="34108" spans="1:7" x14ac:dyDescent="0.3">
      <c r="A34108" s="13" t="s">
        <v>210</v>
      </c>
      <c r="B34108" s="14" t="s">
        <v>1</v>
      </c>
      <c r="C34108" s="14" t="s">
        <v>137</v>
      </c>
      <c r="D34108" s="14" t="s">
        <v>211</v>
      </c>
      <c r="E34108" s="15">
        <v>45539</v>
      </c>
      <c r="F34108" s="14" t="s">
        <v>15</v>
      </c>
      <c r="G34108" s="16">
        <v>0</v>
      </c>
    </row>
    <row r="34109" spans="1:7" x14ac:dyDescent="0.3">
      <c r="A34109" s="13" t="s">
        <v>210</v>
      </c>
      <c r="B34109" s="14" t="s">
        <v>1</v>
      </c>
      <c r="C34109" s="14" t="s">
        <v>137</v>
      </c>
      <c r="D34109" s="14" t="s">
        <v>211</v>
      </c>
      <c r="E34109" s="15">
        <v>45540</v>
      </c>
      <c r="F34109" s="14" t="s">
        <v>15</v>
      </c>
      <c r="G34109" s="16">
        <v>0</v>
      </c>
    </row>
    <row r="34110" spans="1:7" x14ac:dyDescent="0.3">
      <c r="A34110" s="13" t="s">
        <v>210</v>
      </c>
      <c r="B34110" s="14" t="s">
        <v>1</v>
      </c>
      <c r="C34110" s="14" t="s">
        <v>137</v>
      </c>
      <c r="D34110" s="14" t="s">
        <v>211</v>
      </c>
      <c r="E34110" s="15">
        <v>45541</v>
      </c>
      <c r="F34110" s="14" t="s">
        <v>15</v>
      </c>
      <c r="G34110" s="16">
        <v>0</v>
      </c>
    </row>
    <row r="34111" spans="1:7" x14ac:dyDescent="0.3">
      <c r="A34111" s="13" t="s">
        <v>210</v>
      </c>
      <c r="B34111" s="14" t="s">
        <v>1</v>
      </c>
      <c r="C34111" s="14" t="s">
        <v>137</v>
      </c>
      <c r="D34111" s="14" t="s">
        <v>211</v>
      </c>
      <c r="E34111" s="15">
        <v>45542</v>
      </c>
      <c r="F34111" s="14" t="s">
        <v>15</v>
      </c>
      <c r="G34111" s="16">
        <v>0</v>
      </c>
    </row>
    <row r="34112" spans="1:7" x14ac:dyDescent="0.3">
      <c r="A34112" s="13" t="s">
        <v>210</v>
      </c>
      <c r="B34112" s="14" t="s">
        <v>1</v>
      </c>
      <c r="C34112" s="14" t="s">
        <v>137</v>
      </c>
      <c r="D34112" s="14" t="s">
        <v>211</v>
      </c>
      <c r="E34112" s="15">
        <v>45543</v>
      </c>
      <c r="F34112" s="14" t="s">
        <v>15</v>
      </c>
      <c r="G34112" s="16">
        <v>0</v>
      </c>
    </row>
    <row r="34113" spans="1:7" x14ac:dyDescent="0.3">
      <c r="A34113" s="13" t="s">
        <v>210</v>
      </c>
      <c r="B34113" s="14" t="s">
        <v>1</v>
      </c>
      <c r="C34113" s="14" t="s">
        <v>137</v>
      </c>
      <c r="D34113" s="14" t="s">
        <v>211</v>
      </c>
      <c r="E34113" s="15">
        <v>45544</v>
      </c>
      <c r="F34113" s="14" t="s">
        <v>15</v>
      </c>
      <c r="G34113" s="16">
        <v>0</v>
      </c>
    </row>
    <row r="34114" spans="1:7" x14ac:dyDescent="0.3">
      <c r="A34114" s="13" t="s">
        <v>210</v>
      </c>
      <c r="B34114" s="14" t="s">
        <v>1</v>
      </c>
      <c r="C34114" s="14" t="s">
        <v>137</v>
      </c>
      <c r="D34114" s="14" t="s">
        <v>211</v>
      </c>
      <c r="E34114" s="15">
        <v>45545</v>
      </c>
      <c r="F34114" s="14" t="s">
        <v>15</v>
      </c>
      <c r="G34114" s="16">
        <v>0</v>
      </c>
    </row>
    <row r="34115" spans="1:7" x14ac:dyDescent="0.3">
      <c r="A34115" s="13" t="s">
        <v>210</v>
      </c>
      <c r="B34115" s="14" t="s">
        <v>1</v>
      </c>
      <c r="C34115" s="14" t="s">
        <v>137</v>
      </c>
      <c r="D34115" s="14" t="s">
        <v>211</v>
      </c>
      <c r="E34115" s="15">
        <v>45546</v>
      </c>
      <c r="F34115" s="14" t="s">
        <v>15</v>
      </c>
      <c r="G34115" s="16">
        <v>0</v>
      </c>
    </row>
    <row r="34116" spans="1:7" x14ac:dyDescent="0.3">
      <c r="A34116" s="13" t="s">
        <v>210</v>
      </c>
      <c r="B34116" s="14" t="s">
        <v>1</v>
      </c>
      <c r="C34116" s="14" t="s">
        <v>137</v>
      </c>
      <c r="D34116" s="14" t="s">
        <v>211</v>
      </c>
      <c r="E34116" s="15">
        <v>45547</v>
      </c>
      <c r="F34116" s="14" t="s">
        <v>15</v>
      </c>
      <c r="G34116" s="16">
        <v>0</v>
      </c>
    </row>
    <row r="34117" spans="1:7" x14ac:dyDescent="0.3">
      <c r="A34117" s="13" t="s">
        <v>210</v>
      </c>
      <c r="B34117" s="14" t="s">
        <v>1</v>
      </c>
      <c r="C34117" s="14" t="s">
        <v>137</v>
      </c>
      <c r="D34117" s="14" t="s">
        <v>211</v>
      </c>
      <c r="E34117" s="15">
        <v>45548</v>
      </c>
      <c r="F34117" s="14" t="s">
        <v>15</v>
      </c>
      <c r="G34117" s="16">
        <v>0</v>
      </c>
    </row>
    <row r="34118" spans="1:7" x14ac:dyDescent="0.3">
      <c r="A34118" s="13" t="s">
        <v>210</v>
      </c>
      <c r="B34118" s="14" t="s">
        <v>1</v>
      </c>
      <c r="C34118" s="14" t="s">
        <v>137</v>
      </c>
      <c r="D34118" s="14" t="s">
        <v>211</v>
      </c>
      <c r="E34118" s="15">
        <v>45549</v>
      </c>
      <c r="F34118" s="14" t="s">
        <v>15</v>
      </c>
      <c r="G34118" s="16">
        <v>0</v>
      </c>
    </row>
    <row r="34119" spans="1:7" x14ac:dyDescent="0.3">
      <c r="A34119" s="13" t="s">
        <v>210</v>
      </c>
      <c r="B34119" s="14" t="s">
        <v>1</v>
      </c>
      <c r="C34119" s="14" t="s">
        <v>137</v>
      </c>
      <c r="D34119" s="14" t="s">
        <v>211</v>
      </c>
      <c r="E34119" s="15">
        <v>45550</v>
      </c>
      <c r="F34119" s="14" t="s">
        <v>15</v>
      </c>
      <c r="G34119" s="16">
        <v>0</v>
      </c>
    </row>
    <row r="34120" spans="1:7" x14ac:dyDescent="0.3">
      <c r="A34120" s="13" t="s">
        <v>210</v>
      </c>
      <c r="B34120" s="14" t="s">
        <v>1</v>
      </c>
      <c r="C34120" s="14" t="s">
        <v>137</v>
      </c>
      <c r="D34120" s="14" t="s">
        <v>211</v>
      </c>
      <c r="E34120" s="15">
        <v>45551</v>
      </c>
      <c r="F34120" s="14" t="s">
        <v>15</v>
      </c>
      <c r="G34120" s="16">
        <v>0</v>
      </c>
    </row>
    <row r="34121" spans="1:7" x14ac:dyDescent="0.3">
      <c r="A34121" s="13" t="s">
        <v>210</v>
      </c>
      <c r="B34121" s="14" t="s">
        <v>1</v>
      </c>
      <c r="C34121" s="14" t="s">
        <v>137</v>
      </c>
      <c r="D34121" s="14" t="s">
        <v>211</v>
      </c>
      <c r="E34121" s="15">
        <v>45552</v>
      </c>
      <c r="F34121" s="14" t="s">
        <v>15</v>
      </c>
      <c r="G34121" s="16">
        <v>2.3580100222176562E-2</v>
      </c>
    </row>
    <row r="34122" spans="1:7" x14ac:dyDescent="0.3">
      <c r="A34122" s="13" t="s">
        <v>210</v>
      </c>
      <c r="B34122" s="14" t="s">
        <v>1</v>
      </c>
      <c r="C34122" s="14" t="s">
        <v>137</v>
      </c>
      <c r="D34122" s="14" t="s">
        <v>211</v>
      </c>
      <c r="E34122" s="15">
        <v>45553</v>
      </c>
      <c r="F34122" s="14" t="s">
        <v>15</v>
      </c>
      <c r="G34122" s="16">
        <v>4.1967754347576096E-2</v>
      </c>
    </row>
    <row r="34123" spans="1:7" x14ac:dyDescent="0.3">
      <c r="A34123" s="13" t="s">
        <v>210</v>
      </c>
      <c r="B34123" s="14" t="s">
        <v>1</v>
      </c>
      <c r="C34123" s="14" t="s">
        <v>137</v>
      </c>
      <c r="D34123" s="14" t="s">
        <v>211</v>
      </c>
      <c r="E34123" s="15">
        <v>45554</v>
      </c>
      <c r="F34123" s="14" t="s">
        <v>15</v>
      </c>
      <c r="G34123" s="16">
        <v>6.0749510944596317E-2</v>
      </c>
    </row>
    <row r="34124" spans="1:7" x14ac:dyDescent="0.3">
      <c r="A34124" s="13" t="s">
        <v>210</v>
      </c>
      <c r="B34124" s="14" t="s">
        <v>1</v>
      </c>
      <c r="C34124" s="14" t="s">
        <v>137</v>
      </c>
      <c r="D34124" s="14" t="s">
        <v>211</v>
      </c>
      <c r="E34124" s="15">
        <v>45555</v>
      </c>
      <c r="F34124" s="14" t="s">
        <v>15</v>
      </c>
      <c r="G34124" s="16">
        <v>8.4727589724667651E-2</v>
      </c>
    </row>
    <row r="34125" spans="1:7" x14ac:dyDescent="0.3">
      <c r="A34125" s="13" t="s">
        <v>210</v>
      </c>
      <c r="B34125" s="14" t="s">
        <v>1</v>
      </c>
      <c r="C34125" s="14" t="s">
        <v>137</v>
      </c>
      <c r="D34125" s="14" t="s">
        <v>211</v>
      </c>
      <c r="E34125" s="15">
        <v>45556</v>
      </c>
      <c r="F34125" s="14" t="s">
        <v>15</v>
      </c>
      <c r="G34125" s="16">
        <v>8.4727589724667651E-2</v>
      </c>
    </row>
    <row r="34126" spans="1:7" x14ac:dyDescent="0.3">
      <c r="A34126" s="13" t="s">
        <v>210</v>
      </c>
      <c r="B34126" s="14" t="s">
        <v>1</v>
      </c>
      <c r="C34126" s="14" t="s">
        <v>137</v>
      </c>
      <c r="D34126" s="14" t="s">
        <v>211</v>
      </c>
      <c r="E34126" s="15">
        <v>45557</v>
      </c>
      <c r="F34126" s="14" t="s">
        <v>15</v>
      </c>
      <c r="G34126" s="16">
        <v>8.4727589724667651E-2</v>
      </c>
    </row>
    <row r="34127" spans="1:7" x14ac:dyDescent="0.3">
      <c r="A34127" s="13" t="s">
        <v>210</v>
      </c>
      <c r="B34127" s="14" t="s">
        <v>1</v>
      </c>
      <c r="C34127" s="14" t="s">
        <v>137</v>
      </c>
      <c r="D34127" s="14" t="s">
        <v>211</v>
      </c>
      <c r="E34127" s="15">
        <v>45558</v>
      </c>
      <c r="F34127" s="14" t="s">
        <v>15</v>
      </c>
      <c r="G34127" s="16">
        <v>0.1038566329038539</v>
      </c>
    </row>
    <row r="34128" spans="1:7" x14ac:dyDescent="0.3">
      <c r="A34128" s="13" t="s">
        <v>210</v>
      </c>
      <c r="B34128" s="14" t="s">
        <v>1</v>
      </c>
      <c r="C34128" s="14" t="s">
        <v>137</v>
      </c>
      <c r="D34128" s="14" t="s">
        <v>211</v>
      </c>
      <c r="E34128" s="15">
        <v>45559</v>
      </c>
      <c r="F34128" s="14" t="s">
        <v>15</v>
      </c>
      <c r="G34128" s="16">
        <v>0.15705616100761588</v>
      </c>
    </row>
    <row r="34129" spans="1:7" x14ac:dyDescent="0.3">
      <c r="A34129" s="13" t="s">
        <v>210</v>
      </c>
      <c r="B34129" s="14" t="s">
        <v>1</v>
      </c>
      <c r="C34129" s="14" t="s">
        <v>137</v>
      </c>
      <c r="D34129" s="14" t="s">
        <v>211</v>
      </c>
      <c r="E34129" s="15">
        <v>45560</v>
      </c>
      <c r="F34129" s="14" t="s">
        <v>15</v>
      </c>
      <c r="G34129" s="16">
        <v>0.17522672868338357</v>
      </c>
    </row>
    <row r="34130" spans="1:7" x14ac:dyDescent="0.3">
      <c r="A34130" s="13" t="s">
        <v>210</v>
      </c>
      <c r="B34130" s="14" t="s">
        <v>1</v>
      </c>
      <c r="C34130" s="14" t="s">
        <v>137</v>
      </c>
      <c r="D34130" s="14" t="s">
        <v>211</v>
      </c>
      <c r="E34130" s="15">
        <v>45561</v>
      </c>
      <c r="F34130" s="14" t="s">
        <v>15</v>
      </c>
      <c r="G34130" s="16">
        <v>0.19398780013922073</v>
      </c>
    </row>
    <row r="34131" spans="1:7" x14ac:dyDescent="0.3">
      <c r="A34131" s="13" t="s">
        <v>210</v>
      </c>
      <c r="B34131" s="14" t="s">
        <v>1</v>
      </c>
      <c r="C34131" s="14" t="s">
        <v>137</v>
      </c>
      <c r="D34131" s="14" t="s">
        <v>211</v>
      </c>
      <c r="E34131" s="15">
        <v>45562</v>
      </c>
      <c r="F34131" s="14" t="s">
        <v>15</v>
      </c>
      <c r="G34131" s="16">
        <v>0.21343706460334835</v>
      </c>
    </row>
    <row r="34132" spans="1:7" x14ac:dyDescent="0.3">
      <c r="A34132" s="13" t="s">
        <v>210</v>
      </c>
      <c r="B34132" s="14" t="s">
        <v>1</v>
      </c>
      <c r="C34132" s="14" t="s">
        <v>137</v>
      </c>
      <c r="D34132" s="14" t="s">
        <v>211</v>
      </c>
      <c r="E34132" s="15">
        <v>45563</v>
      </c>
      <c r="F34132" s="14" t="s">
        <v>15</v>
      </c>
      <c r="G34132" s="16">
        <v>0.21343706460334835</v>
      </c>
    </row>
    <row r="34133" spans="1:7" x14ac:dyDescent="0.3">
      <c r="A34133" s="13" t="s">
        <v>210</v>
      </c>
      <c r="B34133" s="14" t="s">
        <v>1</v>
      </c>
      <c r="C34133" s="14" t="s">
        <v>137</v>
      </c>
      <c r="D34133" s="14" t="s">
        <v>211</v>
      </c>
      <c r="E34133" s="15">
        <v>45564</v>
      </c>
      <c r="F34133" s="14" t="s">
        <v>15</v>
      </c>
      <c r="G34133" s="16">
        <v>0.21343706460334835</v>
      </c>
    </row>
    <row r="34134" spans="1:7" x14ac:dyDescent="0.3">
      <c r="A34134" s="13" t="s">
        <v>210</v>
      </c>
      <c r="B34134" s="14" t="s">
        <v>1</v>
      </c>
      <c r="C34134" s="14" t="s">
        <v>137</v>
      </c>
      <c r="D34134" s="14" t="s">
        <v>211</v>
      </c>
      <c r="E34134" s="15">
        <v>45565</v>
      </c>
      <c r="F34134" s="14" t="s">
        <v>15</v>
      </c>
      <c r="G34134" s="16">
        <v>0.23207518699725385</v>
      </c>
    </row>
    <row r="34135" spans="1:7" x14ac:dyDescent="0.3">
      <c r="A34135" s="13" t="s">
        <v>210</v>
      </c>
      <c r="B34135" s="14" t="s">
        <v>1</v>
      </c>
      <c r="C34135" s="14" t="s">
        <v>137</v>
      </c>
      <c r="D34135" s="14" t="s">
        <v>211</v>
      </c>
      <c r="E34135" s="15">
        <v>45566</v>
      </c>
      <c r="F34135" s="14" t="s">
        <v>15</v>
      </c>
      <c r="G34135" s="16">
        <v>0</v>
      </c>
    </row>
    <row r="34136" spans="1:7" x14ac:dyDescent="0.3">
      <c r="A34136" s="13" t="s">
        <v>210</v>
      </c>
      <c r="B34136" s="14" t="s">
        <v>1</v>
      </c>
      <c r="C34136" s="14" t="s">
        <v>137</v>
      </c>
      <c r="D34136" s="14" t="s">
        <v>211</v>
      </c>
      <c r="E34136" s="15">
        <v>45567</v>
      </c>
      <c r="F34136" s="14" t="s">
        <v>15</v>
      </c>
      <c r="G34136" s="16">
        <v>0</v>
      </c>
    </row>
    <row r="34137" spans="1:7" x14ac:dyDescent="0.3">
      <c r="A34137" s="13" t="s">
        <v>210</v>
      </c>
      <c r="B34137" s="14" t="s">
        <v>1</v>
      </c>
      <c r="C34137" s="14" t="s">
        <v>137</v>
      </c>
      <c r="D34137" s="14" t="s">
        <v>211</v>
      </c>
      <c r="E34137" s="15">
        <v>45568</v>
      </c>
      <c r="F34137" s="14" t="s">
        <v>15</v>
      </c>
      <c r="G34137" s="16">
        <v>0</v>
      </c>
    </row>
    <row r="34138" spans="1:7" x14ac:dyDescent="0.3">
      <c r="A34138" s="13" t="s">
        <v>210</v>
      </c>
      <c r="B34138" s="14" t="s">
        <v>1</v>
      </c>
      <c r="C34138" s="14" t="s">
        <v>137</v>
      </c>
      <c r="D34138" s="14" t="s">
        <v>211</v>
      </c>
      <c r="E34138" s="15">
        <v>45569</v>
      </c>
      <c r="F34138" s="14" t="s">
        <v>15</v>
      </c>
      <c r="G34138" s="16">
        <v>0</v>
      </c>
    </row>
    <row r="34139" spans="1:7" x14ac:dyDescent="0.3">
      <c r="A34139" s="13" t="s">
        <v>210</v>
      </c>
      <c r="B34139" s="14" t="s">
        <v>1</v>
      </c>
      <c r="C34139" s="14" t="s">
        <v>137</v>
      </c>
      <c r="D34139" s="14" t="s">
        <v>211</v>
      </c>
      <c r="E34139" s="15">
        <v>45570</v>
      </c>
      <c r="F34139" s="14" t="s">
        <v>15</v>
      </c>
      <c r="G34139" s="16">
        <v>0</v>
      </c>
    </row>
    <row r="34140" spans="1:7" x14ac:dyDescent="0.3">
      <c r="A34140" s="13" t="s">
        <v>210</v>
      </c>
      <c r="B34140" s="14" t="s">
        <v>1</v>
      </c>
      <c r="C34140" s="14" t="s">
        <v>137</v>
      </c>
      <c r="D34140" s="14" t="s">
        <v>211</v>
      </c>
      <c r="E34140" s="15">
        <v>45571</v>
      </c>
      <c r="F34140" s="14" t="s">
        <v>15</v>
      </c>
      <c r="G34140" s="16">
        <v>0</v>
      </c>
    </row>
    <row r="34141" spans="1:7" x14ac:dyDescent="0.3">
      <c r="A34141" s="13" t="s">
        <v>210</v>
      </c>
      <c r="B34141" s="14" t="s">
        <v>1</v>
      </c>
      <c r="C34141" s="14" t="s">
        <v>137</v>
      </c>
      <c r="D34141" s="14" t="s">
        <v>211</v>
      </c>
      <c r="E34141" s="15">
        <v>45572</v>
      </c>
      <c r="F34141" s="14" t="s">
        <v>15</v>
      </c>
      <c r="G34141" s="16">
        <v>0</v>
      </c>
    </row>
    <row r="34142" spans="1:7" x14ac:dyDescent="0.3">
      <c r="A34142" s="13" t="s">
        <v>210</v>
      </c>
      <c r="B34142" s="14" t="s">
        <v>1</v>
      </c>
      <c r="C34142" s="14" t="s">
        <v>137</v>
      </c>
      <c r="D34142" s="14" t="s">
        <v>211</v>
      </c>
      <c r="E34142" s="15">
        <v>45573</v>
      </c>
      <c r="F34142" s="14" t="s">
        <v>15</v>
      </c>
      <c r="G34142" s="16">
        <v>0</v>
      </c>
    </row>
    <row r="34143" spans="1:7" x14ac:dyDescent="0.3">
      <c r="A34143" s="13" t="s">
        <v>210</v>
      </c>
      <c r="B34143" s="14" t="s">
        <v>1</v>
      </c>
      <c r="C34143" s="14" t="s">
        <v>137</v>
      </c>
      <c r="D34143" s="14" t="s">
        <v>211</v>
      </c>
      <c r="E34143" s="15">
        <v>45574</v>
      </c>
      <c r="F34143" s="14" t="s">
        <v>15</v>
      </c>
      <c r="G34143" s="16">
        <v>0</v>
      </c>
    </row>
    <row r="34144" spans="1:7" x14ac:dyDescent="0.3">
      <c r="A34144" s="13" t="s">
        <v>210</v>
      </c>
      <c r="B34144" s="14" t="s">
        <v>1</v>
      </c>
      <c r="C34144" s="14" t="s">
        <v>137</v>
      </c>
      <c r="D34144" s="14" t="s">
        <v>211</v>
      </c>
      <c r="E34144" s="15">
        <v>45575</v>
      </c>
      <c r="F34144" s="14" t="s">
        <v>15</v>
      </c>
      <c r="G34144" s="16">
        <v>0</v>
      </c>
    </row>
    <row r="34145" spans="1:7" x14ac:dyDescent="0.3">
      <c r="A34145" s="13" t="s">
        <v>210</v>
      </c>
      <c r="B34145" s="14" t="s">
        <v>1</v>
      </c>
      <c r="C34145" s="14" t="s">
        <v>137</v>
      </c>
      <c r="D34145" s="14" t="s">
        <v>211</v>
      </c>
      <c r="E34145" s="15">
        <v>45576</v>
      </c>
      <c r="F34145" s="14" t="s">
        <v>15</v>
      </c>
      <c r="G34145" s="16">
        <v>0</v>
      </c>
    </row>
    <row r="34146" spans="1:7" x14ac:dyDescent="0.3">
      <c r="A34146" s="13" t="s">
        <v>210</v>
      </c>
      <c r="B34146" s="14" t="s">
        <v>1</v>
      </c>
      <c r="C34146" s="14" t="s">
        <v>137</v>
      </c>
      <c r="D34146" s="14" t="s">
        <v>211</v>
      </c>
      <c r="E34146" s="15">
        <v>45577</v>
      </c>
      <c r="F34146" s="14" t="s">
        <v>15</v>
      </c>
      <c r="G34146" s="16">
        <v>0</v>
      </c>
    </row>
    <row r="34147" spans="1:7" x14ac:dyDescent="0.3">
      <c r="A34147" s="13" t="s">
        <v>210</v>
      </c>
      <c r="B34147" s="14" t="s">
        <v>1</v>
      </c>
      <c r="C34147" s="14" t="s">
        <v>137</v>
      </c>
      <c r="D34147" s="14" t="s">
        <v>211</v>
      </c>
      <c r="E34147" s="15">
        <v>45578</v>
      </c>
      <c r="F34147" s="14" t="s">
        <v>15</v>
      </c>
      <c r="G34147" s="16">
        <v>0</v>
      </c>
    </row>
    <row r="34148" spans="1:7" x14ac:dyDescent="0.3">
      <c r="A34148" s="13" t="s">
        <v>210</v>
      </c>
      <c r="B34148" s="14" t="s">
        <v>1</v>
      </c>
      <c r="C34148" s="14" t="s">
        <v>137</v>
      </c>
      <c r="D34148" s="14" t="s">
        <v>211</v>
      </c>
      <c r="E34148" s="15">
        <v>45579</v>
      </c>
      <c r="F34148" s="14" t="s">
        <v>15</v>
      </c>
      <c r="G34148" s="16">
        <v>0</v>
      </c>
    </row>
    <row r="34149" spans="1:7" x14ac:dyDescent="0.3">
      <c r="A34149" s="13" t="s">
        <v>210</v>
      </c>
      <c r="B34149" s="14" t="s">
        <v>1</v>
      </c>
      <c r="C34149" s="14" t="s">
        <v>137</v>
      </c>
      <c r="D34149" s="14" t="s">
        <v>211</v>
      </c>
      <c r="E34149" s="15">
        <v>45580</v>
      </c>
      <c r="F34149" s="14" t="s">
        <v>15</v>
      </c>
      <c r="G34149" s="16">
        <v>0</v>
      </c>
    </row>
    <row r="34150" spans="1:7" x14ac:dyDescent="0.3">
      <c r="A34150" s="13" t="s">
        <v>210</v>
      </c>
      <c r="B34150" s="14" t="s">
        <v>1</v>
      </c>
      <c r="C34150" s="14" t="s">
        <v>137</v>
      </c>
      <c r="D34150" s="14" t="s">
        <v>211</v>
      </c>
      <c r="E34150" s="15">
        <v>45581</v>
      </c>
      <c r="F34150" s="14" t="s">
        <v>15</v>
      </c>
      <c r="G34150" s="16">
        <v>0</v>
      </c>
    </row>
    <row r="34151" spans="1:7" x14ac:dyDescent="0.3">
      <c r="A34151" s="13" t="s">
        <v>210</v>
      </c>
      <c r="B34151" s="14" t="s">
        <v>1</v>
      </c>
      <c r="C34151" s="14" t="s">
        <v>137</v>
      </c>
      <c r="D34151" s="14" t="s">
        <v>211</v>
      </c>
      <c r="E34151" s="15">
        <v>45582</v>
      </c>
      <c r="F34151" s="14" t="s">
        <v>15</v>
      </c>
      <c r="G34151" s="16">
        <v>0</v>
      </c>
    </row>
    <row r="34152" spans="1:7" x14ac:dyDescent="0.3">
      <c r="A34152" s="13" t="s">
        <v>210</v>
      </c>
      <c r="B34152" s="14" t="s">
        <v>1</v>
      </c>
      <c r="C34152" s="14" t="s">
        <v>137</v>
      </c>
      <c r="D34152" s="14" t="s">
        <v>211</v>
      </c>
      <c r="E34152" s="15">
        <v>45583</v>
      </c>
      <c r="F34152" s="14" t="s">
        <v>15</v>
      </c>
      <c r="G34152" s="16">
        <v>0</v>
      </c>
    </row>
    <row r="34153" spans="1:7" x14ac:dyDescent="0.3">
      <c r="A34153" s="13" t="s">
        <v>210</v>
      </c>
      <c r="B34153" s="14" t="s">
        <v>1</v>
      </c>
      <c r="C34153" s="14" t="s">
        <v>137</v>
      </c>
      <c r="D34153" s="14" t="s">
        <v>211</v>
      </c>
      <c r="E34153" s="15">
        <v>45584</v>
      </c>
      <c r="F34153" s="14" t="s">
        <v>15</v>
      </c>
      <c r="G34153" s="16">
        <v>0</v>
      </c>
    </row>
    <row r="34154" spans="1:7" x14ac:dyDescent="0.3">
      <c r="A34154" s="13" t="s">
        <v>210</v>
      </c>
      <c r="B34154" s="14" t="s">
        <v>1</v>
      </c>
      <c r="C34154" s="14" t="s">
        <v>137</v>
      </c>
      <c r="D34154" s="14" t="s">
        <v>211</v>
      </c>
      <c r="E34154" s="15">
        <v>45585</v>
      </c>
      <c r="F34154" s="14" t="s">
        <v>15</v>
      </c>
      <c r="G34154" s="16">
        <v>0</v>
      </c>
    </row>
    <row r="34155" spans="1:7" x14ac:dyDescent="0.3">
      <c r="A34155" s="13" t="s">
        <v>210</v>
      </c>
      <c r="B34155" s="14" t="s">
        <v>1</v>
      </c>
      <c r="C34155" s="14" t="s">
        <v>137</v>
      </c>
      <c r="D34155" s="14" t="s">
        <v>211</v>
      </c>
      <c r="E34155" s="15">
        <v>45586</v>
      </c>
      <c r="F34155" s="14" t="s">
        <v>15</v>
      </c>
      <c r="G34155" s="16">
        <v>9.6388084396455877E-3</v>
      </c>
    </row>
    <row r="34156" spans="1:7" x14ac:dyDescent="0.3">
      <c r="A34156" s="13" t="s">
        <v>210</v>
      </c>
      <c r="B34156" s="14" t="s">
        <v>1</v>
      </c>
      <c r="C34156" s="14" t="s">
        <v>137</v>
      </c>
      <c r="D34156" s="14" t="s">
        <v>211</v>
      </c>
      <c r="E34156" s="15">
        <v>45587</v>
      </c>
      <c r="F34156" s="14" t="s">
        <v>15</v>
      </c>
      <c r="G34156" s="16">
        <v>6.7545237999032878E-2</v>
      </c>
    </row>
    <row r="34157" spans="1:7" x14ac:dyDescent="0.3">
      <c r="A34157" s="13" t="s">
        <v>210</v>
      </c>
      <c r="B34157" s="14" t="s">
        <v>1</v>
      </c>
      <c r="C34157" s="14" t="s">
        <v>137</v>
      </c>
      <c r="D34157" s="14" t="s">
        <v>211</v>
      </c>
      <c r="E34157" s="15">
        <v>45588</v>
      </c>
      <c r="F34157" s="14" t="s">
        <v>15</v>
      </c>
      <c r="G34157" s="16">
        <v>9.1155802792608279E-2</v>
      </c>
    </row>
    <row r="34158" spans="1:7" x14ac:dyDescent="0.3">
      <c r="A34158" s="13" t="s">
        <v>210</v>
      </c>
      <c r="B34158" s="14" t="s">
        <v>1</v>
      </c>
      <c r="C34158" s="14" t="s">
        <v>137</v>
      </c>
      <c r="D34158" s="14" t="s">
        <v>211</v>
      </c>
      <c r="E34158" s="15">
        <v>45589</v>
      </c>
      <c r="F34158" s="14" t="s">
        <v>15</v>
      </c>
      <c r="G34158" s="16">
        <v>0.11082602093337093</v>
      </c>
    </row>
    <row r="34159" spans="1:7" x14ac:dyDescent="0.3">
      <c r="A34159" s="13" t="s">
        <v>210</v>
      </c>
      <c r="B34159" s="14" t="s">
        <v>1</v>
      </c>
      <c r="C34159" s="14" t="s">
        <v>137</v>
      </c>
      <c r="D34159" s="14" t="s">
        <v>211</v>
      </c>
      <c r="E34159" s="15">
        <v>45590</v>
      </c>
      <c r="F34159" s="14" t="s">
        <v>15</v>
      </c>
      <c r="G34159" s="16">
        <v>0.12987660390779662</v>
      </c>
    </row>
    <row r="34160" spans="1:7" x14ac:dyDescent="0.3">
      <c r="A34160" s="13" t="s">
        <v>210</v>
      </c>
      <c r="B34160" s="14" t="s">
        <v>1</v>
      </c>
      <c r="C34160" s="14" t="s">
        <v>137</v>
      </c>
      <c r="D34160" s="14" t="s">
        <v>211</v>
      </c>
      <c r="E34160" s="15">
        <v>45591</v>
      </c>
      <c r="F34160" s="14" t="s">
        <v>15</v>
      </c>
      <c r="G34160" s="16">
        <v>0.12987660390779662</v>
      </c>
    </row>
    <row r="34161" spans="1:7" x14ac:dyDescent="0.3">
      <c r="A34161" s="13" t="s">
        <v>210</v>
      </c>
      <c r="B34161" s="14" t="s">
        <v>1</v>
      </c>
      <c r="C34161" s="14" t="s">
        <v>137</v>
      </c>
      <c r="D34161" s="14" t="s">
        <v>211</v>
      </c>
      <c r="E34161" s="15">
        <v>45592</v>
      </c>
      <c r="F34161" s="14" t="s">
        <v>15</v>
      </c>
      <c r="G34161" s="16">
        <v>0.12987660390779662</v>
      </c>
    </row>
    <row r="34162" spans="1:7" x14ac:dyDescent="0.3">
      <c r="A34162" s="13" t="s">
        <v>210</v>
      </c>
      <c r="B34162" s="14" t="s">
        <v>1</v>
      </c>
      <c r="C34162" s="14" t="s">
        <v>137</v>
      </c>
      <c r="D34162" s="14" t="s">
        <v>211</v>
      </c>
      <c r="E34162" s="15">
        <v>45593</v>
      </c>
      <c r="F34162" s="14" t="s">
        <v>15</v>
      </c>
      <c r="G34162" s="16">
        <v>0.12987660390779662</v>
      </c>
    </row>
    <row r="34163" spans="1:7" x14ac:dyDescent="0.3">
      <c r="A34163" s="13" t="s">
        <v>210</v>
      </c>
      <c r="B34163" s="14" t="s">
        <v>1</v>
      </c>
      <c r="C34163" s="14" t="s">
        <v>137</v>
      </c>
      <c r="D34163" s="14" t="s">
        <v>211</v>
      </c>
      <c r="E34163" s="15">
        <v>45594</v>
      </c>
      <c r="F34163" s="14" t="s">
        <v>15</v>
      </c>
      <c r="G34163" s="16">
        <v>0.149643348263611</v>
      </c>
    </row>
    <row r="34164" spans="1:7" x14ac:dyDescent="0.3">
      <c r="A34164" s="13" t="s">
        <v>210</v>
      </c>
      <c r="B34164" s="14" t="s">
        <v>1</v>
      </c>
      <c r="C34164" s="14" t="s">
        <v>137</v>
      </c>
      <c r="D34164" s="14" t="s">
        <v>211</v>
      </c>
      <c r="E34164" s="15">
        <v>45595</v>
      </c>
      <c r="F34164" s="14" t="s">
        <v>15</v>
      </c>
      <c r="G34164" s="16">
        <v>0.22742772893256918</v>
      </c>
    </row>
    <row r="34165" spans="1:7" x14ac:dyDescent="0.3">
      <c r="A34165" s="13" t="s">
        <v>210</v>
      </c>
      <c r="B34165" s="14" t="s">
        <v>1</v>
      </c>
      <c r="C34165" s="14" t="s">
        <v>137</v>
      </c>
      <c r="D34165" s="14" t="s">
        <v>211</v>
      </c>
      <c r="E34165" s="15">
        <v>45596</v>
      </c>
      <c r="F34165" s="14" t="s">
        <v>15</v>
      </c>
      <c r="G34165" s="16">
        <v>0.24672057882289974</v>
      </c>
    </row>
    <row r="34166" spans="1:7" x14ac:dyDescent="0.3">
      <c r="A34166" s="13" t="s">
        <v>210</v>
      </c>
      <c r="B34166" s="14" t="s">
        <v>1</v>
      </c>
      <c r="C34166" s="14" t="s">
        <v>137</v>
      </c>
      <c r="D34166" s="14" t="s">
        <v>211</v>
      </c>
      <c r="E34166" s="15">
        <v>45597</v>
      </c>
      <c r="F34166" s="14" t="s">
        <v>15</v>
      </c>
      <c r="G34166" s="16">
        <v>0</v>
      </c>
    </row>
    <row r="34167" spans="1:7" x14ac:dyDescent="0.3">
      <c r="A34167" s="13" t="s">
        <v>210</v>
      </c>
      <c r="B34167" s="14" t="s">
        <v>1</v>
      </c>
      <c r="C34167" s="14" t="s">
        <v>137</v>
      </c>
      <c r="D34167" s="14" t="s">
        <v>211</v>
      </c>
      <c r="E34167" s="15">
        <v>45598</v>
      </c>
      <c r="F34167" s="14" t="s">
        <v>15</v>
      </c>
      <c r="G34167" s="16">
        <v>0</v>
      </c>
    </row>
    <row r="34168" spans="1:7" x14ac:dyDescent="0.3">
      <c r="A34168" s="13" t="s">
        <v>210</v>
      </c>
      <c r="B34168" s="14" t="s">
        <v>1</v>
      </c>
      <c r="C34168" s="14" t="s">
        <v>137</v>
      </c>
      <c r="D34168" s="14" t="s">
        <v>211</v>
      </c>
      <c r="E34168" s="15">
        <v>45599</v>
      </c>
      <c r="F34168" s="14" t="s">
        <v>15</v>
      </c>
      <c r="G34168" s="16">
        <v>0</v>
      </c>
    </row>
    <row r="34169" spans="1:7" x14ac:dyDescent="0.3">
      <c r="A34169" s="13" t="s">
        <v>210</v>
      </c>
      <c r="B34169" s="14" t="s">
        <v>1</v>
      </c>
      <c r="C34169" s="14" t="s">
        <v>137</v>
      </c>
      <c r="D34169" s="14" t="s">
        <v>211</v>
      </c>
      <c r="E34169" s="15">
        <v>45600</v>
      </c>
      <c r="F34169" s="14" t="s">
        <v>15</v>
      </c>
      <c r="G34169" s="16">
        <v>0</v>
      </c>
    </row>
    <row r="34170" spans="1:7" x14ac:dyDescent="0.3">
      <c r="A34170" s="13" t="s">
        <v>210</v>
      </c>
      <c r="B34170" s="14" t="s">
        <v>1</v>
      </c>
      <c r="C34170" s="14" t="s">
        <v>137</v>
      </c>
      <c r="D34170" s="14" t="s">
        <v>211</v>
      </c>
      <c r="E34170" s="15">
        <v>45601</v>
      </c>
      <c r="F34170" s="14" t="s">
        <v>15</v>
      </c>
      <c r="G34170" s="16">
        <v>0</v>
      </c>
    </row>
    <row r="34171" spans="1:7" x14ac:dyDescent="0.3">
      <c r="A34171" s="13" t="s">
        <v>210</v>
      </c>
      <c r="B34171" s="14" t="s">
        <v>1</v>
      </c>
      <c r="C34171" s="14" t="s">
        <v>137</v>
      </c>
      <c r="D34171" s="14" t="s">
        <v>211</v>
      </c>
      <c r="E34171" s="15">
        <v>45602</v>
      </c>
      <c r="F34171" s="14" t="s">
        <v>15</v>
      </c>
      <c r="G34171" s="16">
        <v>0</v>
      </c>
    </row>
    <row r="34172" spans="1:7" x14ac:dyDescent="0.3">
      <c r="A34172" s="13" t="s">
        <v>210</v>
      </c>
      <c r="B34172" s="14" t="s">
        <v>1</v>
      </c>
      <c r="C34172" s="14" t="s">
        <v>137</v>
      </c>
      <c r="D34172" s="14" t="s">
        <v>211</v>
      </c>
      <c r="E34172" s="15">
        <v>45603</v>
      </c>
      <c r="F34172" s="14" t="s">
        <v>15</v>
      </c>
      <c r="G34172" s="16">
        <v>0</v>
      </c>
    </row>
    <row r="34173" spans="1:7" x14ac:dyDescent="0.3">
      <c r="A34173" s="13" t="s">
        <v>210</v>
      </c>
      <c r="B34173" s="14" t="s">
        <v>1</v>
      </c>
      <c r="C34173" s="14" t="s">
        <v>137</v>
      </c>
      <c r="D34173" s="14" t="s">
        <v>211</v>
      </c>
      <c r="E34173" s="15">
        <v>45604</v>
      </c>
      <c r="F34173" s="14" t="s">
        <v>15</v>
      </c>
      <c r="G34173" s="16">
        <v>0</v>
      </c>
    </row>
    <row r="34174" spans="1:7" x14ac:dyDescent="0.3">
      <c r="A34174" s="13" t="s">
        <v>210</v>
      </c>
      <c r="B34174" s="14" t="s">
        <v>1</v>
      </c>
      <c r="C34174" s="14" t="s">
        <v>137</v>
      </c>
      <c r="D34174" s="14" t="s">
        <v>211</v>
      </c>
      <c r="E34174" s="15">
        <v>45605</v>
      </c>
      <c r="F34174" s="14" t="s">
        <v>15</v>
      </c>
      <c r="G34174" s="16">
        <v>0</v>
      </c>
    </row>
    <row r="34175" spans="1:7" x14ac:dyDescent="0.3">
      <c r="A34175" s="13" t="s">
        <v>210</v>
      </c>
      <c r="B34175" s="14" t="s">
        <v>1</v>
      </c>
      <c r="C34175" s="14" t="s">
        <v>137</v>
      </c>
      <c r="D34175" s="14" t="s">
        <v>211</v>
      </c>
      <c r="E34175" s="15">
        <v>45606</v>
      </c>
      <c r="F34175" s="14" t="s">
        <v>15</v>
      </c>
      <c r="G34175" s="16">
        <v>0</v>
      </c>
    </row>
    <row r="34176" spans="1:7" x14ac:dyDescent="0.3">
      <c r="A34176" s="13" t="s">
        <v>210</v>
      </c>
      <c r="B34176" s="14" t="s">
        <v>1</v>
      </c>
      <c r="C34176" s="14" t="s">
        <v>137</v>
      </c>
      <c r="D34176" s="14" t="s">
        <v>211</v>
      </c>
      <c r="E34176" s="15">
        <v>45607</v>
      </c>
      <c r="F34176" s="14" t="s">
        <v>15</v>
      </c>
      <c r="G34176" s="16">
        <v>0</v>
      </c>
    </row>
    <row r="34177" spans="1:7" x14ac:dyDescent="0.3">
      <c r="A34177" s="13" t="s">
        <v>210</v>
      </c>
      <c r="B34177" s="14" t="s">
        <v>1</v>
      </c>
      <c r="C34177" s="14" t="s">
        <v>137</v>
      </c>
      <c r="D34177" s="14" t="s">
        <v>211</v>
      </c>
      <c r="E34177" s="15">
        <v>45608</v>
      </c>
      <c r="F34177" s="14" t="s">
        <v>15</v>
      </c>
      <c r="G34177" s="16">
        <v>0</v>
      </c>
    </row>
    <row r="34178" spans="1:7" x14ac:dyDescent="0.3">
      <c r="A34178" s="13" t="s">
        <v>210</v>
      </c>
      <c r="B34178" s="14" t="s">
        <v>1</v>
      </c>
      <c r="C34178" s="14" t="s">
        <v>137</v>
      </c>
      <c r="D34178" s="14" t="s">
        <v>211</v>
      </c>
      <c r="E34178" s="15">
        <v>45609</v>
      </c>
      <c r="F34178" s="14" t="s">
        <v>15</v>
      </c>
      <c r="G34178" s="16">
        <v>0</v>
      </c>
    </row>
    <row r="34179" spans="1:7" x14ac:dyDescent="0.3">
      <c r="A34179" s="13" t="s">
        <v>210</v>
      </c>
      <c r="B34179" s="14" t="s">
        <v>1</v>
      </c>
      <c r="C34179" s="14" t="s">
        <v>137</v>
      </c>
      <c r="D34179" s="14" t="s">
        <v>211</v>
      </c>
      <c r="E34179" s="15">
        <v>45610</v>
      </c>
      <c r="F34179" s="14" t="s">
        <v>15</v>
      </c>
      <c r="G34179" s="16">
        <v>0</v>
      </c>
    </row>
    <row r="34180" spans="1:7" x14ac:dyDescent="0.3">
      <c r="A34180" s="13" t="s">
        <v>210</v>
      </c>
      <c r="B34180" s="14" t="s">
        <v>1</v>
      </c>
      <c r="C34180" s="14" t="s">
        <v>137</v>
      </c>
      <c r="D34180" s="14" t="s">
        <v>211</v>
      </c>
      <c r="E34180" s="15">
        <v>45611</v>
      </c>
      <c r="F34180" s="14" t="s">
        <v>15</v>
      </c>
      <c r="G34180" s="16">
        <v>0</v>
      </c>
    </row>
    <row r="34181" spans="1:7" x14ac:dyDescent="0.3">
      <c r="A34181" s="13" t="s">
        <v>210</v>
      </c>
      <c r="B34181" s="14" t="s">
        <v>1</v>
      </c>
      <c r="C34181" s="14" t="s">
        <v>137</v>
      </c>
      <c r="D34181" s="14" t="s">
        <v>211</v>
      </c>
      <c r="E34181" s="15">
        <v>45612</v>
      </c>
      <c r="F34181" s="14" t="s">
        <v>15</v>
      </c>
      <c r="G34181" s="16">
        <v>0</v>
      </c>
    </row>
    <row r="34182" spans="1:7" x14ac:dyDescent="0.3">
      <c r="A34182" s="13" t="s">
        <v>210</v>
      </c>
      <c r="B34182" s="14" t="s">
        <v>1</v>
      </c>
      <c r="C34182" s="14" t="s">
        <v>137</v>
      </c>
      <c r="D34182" s="14" t="s">
        <v>211</v>
      </c>
      <c r="E34182" s="15">
        <v>45613</v>
      </c>
      <c r="F34182" s="14" t="s">
        <v>15</v>
      </c>
      <c r="G34182" s="16">
        <v>0</v>
      </c>
    </row>
    <row r="34183" spans="1:7" x14ac:dyDescent="0.3">
      <c r="A34183" s="13" t="s">
        <v>210</v>
      </c>
      <c r="B34183" s="14" t="s">
        <v>1</v>
      </c>
      <c r="C34183" s="14" t="s">
        <v>137</v>
      </c>
      <c r="D34183" s="14" t="s">
        <v>211</v>
      </c>
      <c r="E34183" s="15">
        <v>45614</v>
      </c>
      <c r="F34183" s="14" t="s">
        <v>15</v>
      </c>
      <c r="G34183" s="16">
        <v>0</v>
      </c>
    </row>
    <row r="34184" spans="1:7" x14ac:dyDescent="0.3">
      <c r="A34184" s="13" t="s">
        <v>210</v>
      </c>
      <c r="B34184" s="14" t="s">
        <v>1</v>
      </c>
      <c r="C34184" s="14" t="s">
        <v>137</v>
      </c>
      <c r="D34184" s="14" t="s">
        <v>211</v>
      </c>
      <c r="E34184" s="15">
        <v>45615</v>
      </c>
      <c r="F34184" s="14" t="s">
        <v>15</v>
      </c>
      <c r="G34184" s="16">
        <v>0</v>
      </c>
    </row>
    <row r="34185" spans="1:7" x14ac:dyDescent="0.3">
      <c r="A34185" s="13" t="s">
        <v>210</v>
      </c>
      <c r="B34185" s="14" t="s">
        <v>1</v>
      </c>
      <c r="C34185" s="14" t="s">
        <v>137</v>
      </c>
      <c r="D34185" s="14" t="s">
        <v>211</v>
      </c>
      <c r="E34185" s="15">
        <v>45616</v>
      </c>
      <c r="F34185" s="14" t="s">
        <v>15</v>
      </c>
      <c r="G34185" s="16">
        <v>0</v>
      </c>
    </row>
    <row r="34186" spans="1:7" x14ac:dyDescent="0.3">
      <c r="A34186" s="13" t="s">
        <v>210</v>
      </c>
      <c r="B34186" s="14" t="s">
        <v>1</v>
      </c>
      <c r="C34186" s="14" t="s">
        <v>137</v>
      </c>
      <c r="D34186" s="14" t="s">
        <v>211</v>
      </c>
      <c r="E34186" s="15">
        <v>45617</v>
      </c>
      <c r="F34186" s="14" t="s">
        <v>15</v>
      </c>
      <c r="G34186" s="16">
        <v>0</v>
      </c>
    </row>
    <row r="34187" spans="1:7" x14ac:dyDescent="0.3">
      <c r="A34187" s="13" t="s">
        <v>210</v>
      </c>
      <c r="B34187" s="14" t="s">
        <v>1</v>
      </c>
      <c r="C34187" s="14" t="s">
        <v>137</v>
      </c>
      <c r="D34187" s="14" t="s">
        <v>211</v>
      </c>
      <c r="E34187" s="15">
        <v>45618</v>
      </c>
      <c r="F34187" s="14" t="s">
        <v>15</v>
      </c>
      <c r="G34187" s="16">
        <v>0</v>
      </c>
    </row>
    <row r="34188" spans="1:7" x14ac:dyDescent="0.3">
      <c r="A34188" s="13" t="s">
        <v>210</v>
      </c>
      <c r="B34188" s="14" t="s">
        <v>1</v>
      </c>
      <c r="C34188" s="14" t="s">
        <v>137</v>
      </c>
      <c r="D34188" s="14" t="s">
        <v>211</v>
      </c>
      <c r="E34188" s="15">
        <v>45619</v>
      </c>
      <c r="F34188" s="14" t="s">
        <v>15</v>
      </c>
      <c r="G34188" s="16">
        <v>0</v>
      </c>
    </row>
    <row r="34189" spans="1:7" x14ac:dyDescent="0.3">
      <c r="A34189" s="13" t="s">
        <v>210</v>
      </c>
      <c r="B34189" s="14" t="s">
        <v>1</v>
      </c>
      <c r="C34189" s="14" t="s">
        <v>137</v>
      </c>
      <c r="D34189" s="14" t="s">
        <v>211</v>
      </c>
      <c r="E34189" s="15">
        <v>45620</v>
      </c>
      <c r="F34189" s="14" t="s">
        <v>15</v>
      </c>
      <c r="G34189" s="16">
        <v>0</v>
      </c>
    </row>
    <row r="34190" spans="1:7" x14ac:dyDescent="0.3">
      <c r="A34190" s="13" t="s">
        <v>210</v>
      </c>
      <c r="B34190" s="14" t="s">
        <v>1</v>
      </c>
      <c r="C34190" s="14" t="s">
        <v>137</v>
      </c>
      <c r="D34190" s="14" t="s">
        <v>211</v>
      </c>
      <c r="E34190" s="15">
        <v>45621</v>
      </c>
      <c r="F34190" s="14" t="s">
        <v>15</v>
      </c>
      <c r="G34190" s="16">
        <v>1.1981802171804581E-2</v>
      </c>
    </row>
    <row r="34191" spans="1:7" x14ac:dyDescent="0.3">
      <c r="A34191" s="13" t="s">
        <v>210</v>
      </c>
      <c r="B34191" s="14" t="s">
        <v>1</v>
      </c>
      <c r="C34191" s="14" t="s">
        <v>137</v>
      </c>
      <c r="D34191" s="14" t="s">
        <v>211</v>
      </c>
      <c r="E34191" s="15">
        <v>45622</v>
      </c>
      <c r="F34191" s="14" t="s">
        <v>15</v>
      </c>
      <c r="G34191" s="16">
        <v>6.8797482910509924E-2</v>
      </c>
    </row>
    <row r="34192" spans="1:7" x14ac:dyDescent="0.3">
      <c r="A34192" s="13" t="s">
        <v>210</v>
      </c>
      <c r="B34192" s="14" t="s">
        <v>1</v>
      </c>
      <c r="C34192" s="14" t="s">
        <v>137</v>
      </c>
      <c r="D34192" s="14" t="s">
        <v>211</v>
      </c>
      <c r="E34192" s="15">
        <v>45623</v>
      </c>
      <c r="F34192" s="14" t="s">
        <v>15</v>
      </c>
      <c r="G34192" s="16">
        <v>0.12036574704021484</v>
      </c>
    </row>
    <row r="34193" spans="1:7" x14ac:dyDescent="0.3">
      <c r="A34193" s="13" t="s">
        <v>210</v>
      </c>
      <c r="B34193" s="14" t="s">
        <v>1</v>
      </c>
      <c r="C34193" s="14" t="s">
        <v>137</v>
      </c>
      <c r="D34193" s="14" t="s">
        <v>211</v>
      </c>
      <c r="E34193" s="15">
        <v>45624</v>
      </c>
      <c r="F34193" s="14" t="s">
        <v>15</v>
      </c>
      <c r="G34193" s="16">
        <v>0.13915982921594938</v>
      </c>
    </row>
    <row r="34194" spans="1:7" x14ac:dyDescent="0.3">
      <c r="A34194" s="13" t="s">
        <v>210</v>
      </c>
      <c r="B34194" s="14" t="s">
        <v>1</v>
      </c>
      <c r="C34194" s="14" t="s">
        <v>137</v>
      </c>
      <c r="D34194" s="14" t="s">
        <v>211</v>
      </c>
      <c r="E34194" s="15">
        <v>45625</v>
      </c>
      <c r="F34194" s="14" t="s">
        <v>15</v>
      </c>
      <c r="G34194" s="16">
        <v>0.15779176155682728</v>
      </c>
    </row>
    <row r="34195" spans="1:7" x14ac:dyDescent="0.3">
      <c r="A34195" s="13" t="s">
        <v>210</v>
      </c>
      <c r="B34195" s="14" t="s">
        <v>1</v>
      </c>
      <c r="C34195" s="14" t="s">
        <v>137</v>
      </c>
      <c r="D34195" s="14" t="s">
        <v>211</v>
      </c>
      <c r="E34195" s="15">
        <v>45626</v>
      </c>
      <c r="F34195" s="14" t="s">
        <v>15</v>
      </c>
      <c r="G34195" s="16">
        <v>0.15779176155682728</v>
      </c>
    </row>
    <row r="34196" spans="1:7" x14ac:dyDescent="0.3">
      <c r="A34196" s="13" t="s">
        <v>210</v>
      </c>
      <c r="B34196" s="14" t="s">
        <v>1</v>
      </c>
      <c r="C34196" s="14" t="s">
        <v>137</v>
      </c>
      <c r="D34196" s="14" t="s">
        <v>211</v>
      </c>
      <c r="E34196" s="15">
        <v>45627</v>
      </c>
      <c r="F34196" s="14" t="s">
        <v>15</v>
      </c>
      <c r="G34196" s="16">
        <v>0.15779176155682728</v>
      </c>
    </row>
    <row r="34197" spans="1:7" x14ac:dyDescent="0.3">
      <c r="A34197" s="13" t="s">
        <v>210</v>
      </c>
      <c r="B34197" s="14" t="s">
        <v>1</v>
      </c>
      <c r="C34197" s="14" t="s">
        <v>137</v>
      </c>
      <c r="D34197" s="14" t="s">
        <v>211</v>
      </c>
      <c r="E34197" s="15">
        <v>45628</v>
      </c>
      <c r="F34197" s="14" t="s">
        <v>15</v>
      </c>
      <c r="G34197" s="16">
        <v>0</v>
      </c>
    </row>
    <row r="34198" spans="1:7" x14ac:dyDescent="0.3">
      <c r="A34198" s="13" t="s">
        <v>210</v>
      </c>
      <c r="B34198" s="14" t="s">
        <v>1</v>
      </c>
      <c r="C34198" s="14" t="s">
        <v>137</v>
      </c>
      <c r="D34198" s="14" t="s">
        <v>211</v>
      </c>
      <c r="E34198" s="15">
        <v>45629</v>
      </c>
      <c r="F34198" s="14" t="s">
        <v>15</v>
      </c>
      <c r="G34198" s="16">
        <v>0</v>
      </c>
    </row>
    <row r="34199" spans="1:7" x14ac:dyDescent="0.3">
      <c r="A34199" s="13" t="s">
        <v>210</v>
      </c>
      <c r="B34199" s="14" t="s">
        <v>1</v>
      </c>
      <c r="C34199" s="14" t="s">
        <v>137</v>
      </c>
      <c r="D34199" s="14" t="s">
        <v>211</v>
      </c>
      <c r="E34199" s="15">
        <v>45630</v>
      </c>
      <c r="F34199" s="14" t="s">
        <v>15</v>
      </c>
      <c r="G34199" s="16">
        <v>0</v>
      </c>
    </row>
    <row r="34200" spans="1:7" x14ac:dyDescent="0.3">
      <c r="A34200" s="13" t="s">
        <v>210</v>
      </c>
      <c r="B34200" s="14" t="s">
        <v>1</v>
      </c>
      <c r="C34200" s="14" t="s">
        <v>137</v>
      </c>
      <c r="D34200" s="14" t="s">
        <v>211</v>
      </c>
      <c r="E34200" s="15">
        <v>45631</v>
      </c>
      <c r="F34200" s="14" t="s">
        <v>15</v>
      </c>
      <c r="G34200" s="16">
        <v>0</v>
      </c>
    </row>
    <row r="34201" spans="1:7" x14ac:dyDescent="0.3">
      <c r="A34201" s="13" t="s">
        <v>210</v>
      </c>
      <c r="B34201" s="14" t="s">
        <v>1</v>
      </c>
      <c r="C34201" s="14" t="s">
        <v>137</v>
      </c>
      <c r="D34201" s="14" t="s">
        <v>211</v>
      </c>
      <c r="E34201" s="15">
        <v>45632</v>
      </c>
      <c r="F34201" s="14" t="s">
        <v>15</v>
      </c>
      <c r="G34201" s="16">
        <v>0</v>
      </c>
    </row>
    <row r="34202" spans="1:7" x14ac:dyDescent="0.3">
      <c r="A34202" s="13" t="s">
        <v>210</v>
      </c>
      <c r="B34202" s="14" t="s">
        <v>1</v>
      </c>
      <c r="C34202" s="14" t="s">
        <v>137</v>
      </c>
      <c r="D34202" s="14" t="s">
        <v>211</v>
      </c>
      <c r="E34202" s="15">
        <v>45633</v>
      </c>
      <c r="F34202" s="14" t="s">
        <v>15</v>
      </c>
      <c r="G34202" s="16">
        <v>0</v>
      </c>
    </row>
    <row r="34203" spans="1:7" x14ac:dyDescent="0.3">
      <c r="A34203" s="13" t="s">
        <v>210</v>
      </c>
      <c r="B34203" s="14" t="s">
        <v>1</v>
      </c>
      <c r="C34203" s="14" t="s">
        <v>137</v>
      </c>
      <c r="D34203" s="14" t="s">
        <v>211</v>
      </c>
      <c r="E34203" s="15">
        <v>45634</v>
      </c>
      <c r="F34203" s="14" t="s">
        <v>15</v>
      </c>
      <c r="G34203" s="16">
        <v>0</v>
      </c>
    </row>
    <row r="34204" spans="1:7" x14ac:dyDescent="0.3">
      <c r="A34204" s="13" t="s">
        <v>210</v>
      </c>
      <c r="B34204" s="14" t="s">
        <v>1</v>
      </c>
      <c r="C34204" s="14" t="s">
        <v>137</v>
      </c>
      <c r="D34204" s="14" t="s">
        <v>211</v>
      </c>
      <c r="E34204" s="15">
        <v>45635</v>
      </c>
      <c r="F34204" s="14" t="s">
        <v>15</v>
      </c>
      <c r="G34204" s="16">
        <v>0</v>
      </c>
    </row>
    <row r="34205" spans="1:7" x14ac:dyDescent="0.3">
      <c r="A34205" s="13" t="s">
        <v>210</v>
      </c>
      <c r="B34205" s="14" t="s">
        <v>1</v>
      </c>
      <c r="C34205" s="14" t="s">
        <v>137</v>
      </c>
      <c r="D34205" s="14" t="s">
        <v>211</v>
      </c>
      <c r="E34205" s="15">
        <v>45636</v>
      </c>
      <c r="F34205" s="14" t="s">
        <v>15</v>
      </c>
      <c r="G34205" s="16">
        <v>0</v>
      </c>
    </row>
    <row r="34206" spans="1:7" x14ac:dyDescent="0.3">
      <c r="A34206" s="13" t="s">
        <v>210</v>
      </c>
      <c r="B34206" s="14" t="s">
        <v>1</v>
      </c>
      <c r="C34206" s="14" t="s">
        <v>137</v>
      </c>
      <c r="D34206" s="14" t="s">
        <v>211</v>
      </c>
      <c r="E34206" s="15">
        <v>45637</v>
      </c>
      <c r="F34206" s="14" t="s">
        <v>15</v>
      </c>
      <c r="G34206" s="16">
        <v>0</v>
      </c>
    </row>
    <row r="34207" spans="1:7" x14ac:dyDescent="0.3">
      <c r="A34207" s="13" t="s">
        <v>210</v>
      </c>
      <c r="B34207" s="14" t="s">
        <v>1</v>
      </c>
      <c r="C34207" s="14" t="s">
        <v>137</v>
      </c>
      <c r="D34207" s="14" t="s">
        <v>211</v>
      </c>
      <c r="E34207" s="15">
        <v>45638</v>
      </c>
      <c r="F34207" s="14" t="s">
        <v>15</v>
      </c>
      <c r="G34207" s="16">
        <v>0</v>
      </c>
    </row>
    <row r="34208" spans="1:7" x14ac:dyDescent="0.3">
      <c r="A34208" s="13" t="s">
        <v>210</v>
      </c>
      <c r="B34208" s="14" t="s">
        <v>1</v>
      </c>
      <c r="C34208" s="14" t="s">
        <v>137</v>
      </c>
      <c r="D34208" s="14" t="s">
        <v>211</v>
      </c>
      <c r="E34208" s="15">
        <v>45639</v>
      </c>
      <c r="F34208" s="14" t="s">
        <v>15</v>
      </c>
      <c r="G34208" s="16">
        <v>0</v>
      </c>
    </row>
    <row r="34209" spans="1:7" x14ac:dyDescent="0.3">
      <c r="A34209" s="13" t="s">
        <v>210</v>
      </c>
      <c r="B34209" s="14" t="s">
        <v>1</v>
      </c>
      <c r="C34209" s="14" t="s">
        <v>137</v>
      </c>
      <c r="D34209" s="14" t="s">
        <v>211</v>
      </c>
      <c r="E34209" s="15">
        <v>45640</v>
      </c>
      <c r="F34209" s="14" t="s">
        <v>15</v>
      </c>
      <c r="G34209" s="16">
        <v>0</v>
      </c>
    </row>
    <row r="34210" spans="1:7" x14ac:dyDescent="0.3">
      <c r="A34210" s="13" t="s">
        <v>210</v>
      </c>
      <c r="B34210" s="14" t="s">
        <v>1</v>
      </c>
      <c r="C34210" s="14" t="s">
        <v>137</v>
      </c>
      <c r="D34210" s="14" t="s">
        <v>211</v>
      </c>
      <c r="E34210" s="15">
        <v>45641</v>
      </c>
      <c r="F34210" s="14" t="s">
        <v>15</v>
      </c>
      <c r="G34210" s="16">
        <v>0</v>
      </c>
    </row>
    <row r="34211" spans="1:7" x14ac:dyDescent="0.3">
      <c r="A34211" s="13" t="s">
        <v>210</v>
      </c>
      <c r="B34211" s="14" t="s">
        <v>1</v>
      </c>
      <c r="C34211" s="14" t="s">
        <v>137</v>
      </c>
      <c r="D34211" s="14" t="s">
        <v>211</v>
      </c>
      <c r="E34211" s="15">
        <v>45642</v>
      </c>
      <c r="F34211" s="14" t="s">
        <v>15</v>
      </c>
      <c r="G34211" s="16">
        <v>0</v>
      </c>
    </row>
    <row r="34212" spans="1:7" x14ac:dyDescent="0.3">
      <c r="A34212" s="13" t="s">
        <v>210</v>
      </c>
      <c r="B34212" s="14" t="s">
        <v>1</v>
      </c>
      <c r="C34212" s="14" t="s">
        <v>137</v>
      </c>
      <c r="D34212" s="14" t="s">
        <v>211</v>
      </c>
      <c r="E34212" s="15">
        <v>45643</v>
      </c>
      <c r="F34212" s="14" t="s">
        <v>15</v>
      </c>
      <c r="G34212" s="16">
        <v>0</v>
      </c>
    </row>
    <row r="34213" spans="1:7" x14ac:dyDescent="0.3">
      <c r="A34213" s="13" t="s">
        <v>210</v>
      </c>
      <c r="B34213" s="14" t="s">
        <v>1</v>
      </c>
      <c r="C34213" s="14" t="s">
        <v>137</v>
      </c>
      <c r="D34213" s="14" t="s">
        <v>211</v>
      </c>
      <c r="E34213" s="15">
        <v>45644</v>
      </c>
      <c r="F34213" s="14" t="s">
        <v>15</v>
      </c>
      <c r="G34213" s="16">
        <v>0</v>
      </c>
    </row>
    <row r="34214" spans="1:7" x14ac:dyDescent="0.3">
      <c r="A34214" s="13" t="s">
        <v>210</v>
      </c>
      <c r="B34214" s="14" t="s">
        <v>1</v>
      </c>
      <c r="C34214" s="14" t="s">
        <v>137</v>
      </c>
      <c r="D34214" s="14" t="s">
        <v>211</v>
      </c>
      <c r="E34214" s="15">
        <v>45645</v>
      </c>
      <c r="F34214" s="14" t="s">
        <v>15</v>
      </c>
      <c r="G34214" s="16">
        <v>0</v>
      </c>
    </row>
    <row r="34215" spans="1:7" x14ac:dyDescent="0.3">
      <c r="A34215" s="13" t="s">
        <v>210</v>
      </c>
      <c r="B34215" s="14" t="s">
        <v>1</v>
      </c>
      <c r="C34215" s="14" t="s">
        <v>137</v>
      </c>
      <c r="D34215" s="14" t="s">
        <v>211</v>
      </c>
      <c r="E34215" s="15">
        <v>45646</v>
      </c>
      <c r="F34215" s="14" t="s">
        <v>15</v>
      </c>
      <c r="G34215" s="16">
        <v>0</v>
      </c>
    </row>
    <row r="34216" spans="1:7" x14ac:dyDescent="0.3">
      <c r="A34216" s="13" t="s">
        <v>210</v>
      </c>
      <c r="B34216" s="14" t="s">
        <v>1</v>
      </c>
      <c r="C34216" s="14" t="s">
        <v>137</v>
      </c>
      <c r="D34216" s="14" t="s">
        <v>211</v>
      </c>
      <c r="E34216" s="15">
        <v>45647</v>
      </c>
      <c r="F34216" s="14" t="s">
        <v>15</v>
      </c>
      <c r="G34216" s="16">
        <v>0</v>
      </c>
    </row>
    <row r="34217" spans="1:7" x14ac:dyDescent="0.3">
      <c r="A34217" s="13" t="s">
        <v>210</v>
      </c>
      <c r="B34217" s="14" t="s">
        <v>1</v>
      </c>
      <c r="C34217" s="14" t="s">
        <v>137</v>
      </c>
      <c r="D34217" s="14" t="s">
        <v>211</v>
      </c>
      <c r="E34217" s="15">
        <v>45648</v>
      </c>
      <c r="F34217" s="14" t="s">
        <v>15</v>
      </c>
      <c r="G34217" s="16">
        <v>0</v>
      </c>
    </row>
    <row r="34218" spans="1:7" x14ac:dyDescent="0.3">
      <c r="A34218" s="13" t="s">
        <v>210</v>
      </c>
      <c r="B34218" s="14" t="s">
        <v>1</v>
      </c>
      <c r="C34218" s="14" t="s">
        <v>137</v>
      </c>
      <c r="D34218" s="14" t="s">
        <v>211</v>
      </c>
      <c r="E34218" s="15">
        <v>45649</v>
      </c>
      <c r="F34218" s="14" t="s">
        <v>15</v>
      </c>
      <c r="G34218" s="16">
        <v>0</v>
      </c>
    </row>
    <row r="34219" spans="1:7" x14ac:dyDescent="0.3">
      <c r="A34219" s="13" t="s">
        <v>210</v>
      </c>
      <c r="B34219" s="14" t="s">
        <v>1</v>
      </c>
      <c r="C34219" s="14" t="s">
        <v>137</v>
      </c>
      <c r="D34219" s="14" t="s">
        <v>211</v>
      </c>
      <c r="E34219" s="15">
        <v>45650</v>
      </c>
      <c r="F34219" s="14" t="s">
        <v>15</v>
      </c>
      <c r="G34219" s="16">
        <v>0</v>
      </c>
    </row>
    <row r="34220" spans="1:7" x14ac:dyDescent="0.3">
      <c r="A34220" s="13" t="s">
        <v>210</v>
      </c>
      <c r="B34220" s="14" t="s">
        <v>1</v>
      </c>
      <c r="C34220" s="14" t="s">
        <v>137</v>
      </c>
      <c r="D34220" s="14" t="s">
        <v>211</v>
      </c>
      <c r="E34220" s="15">
        <v>45651</v>
      </c>
      <c r="F34220" s="14" t="s">
        <v>15</v>
      </c>
      <c r="G34220" s="16">
        <v>0</v>
      </c>
    </row>
    <row r="34221" spans="1:7" x14ac:dyDescent="0.3">
      <c r="A34221" s="13" t="s">
        <v>210</v>
      </c>
      <c r="B34221" s="14" t="s">
        <v>1</v>
      </c>
      <c r="C34221" s="14" t="s">
        <v>137</v>
      </c>
      <c r="D34221" s="14" t="s">
        <v>211</v>
      </c>
      <c r="E34221" s="15">
        <v>45652</v>
      </c>
      <c r="F34221" s="14" t="s">
        <v>15</v>
      </c>
      <c r="G34221" s="16">
        <v>0</v>
      </c>
    </row>
    <row r="34222" spans="1:7" x14ac:dyDescent="0.3">
      <c r="A34222" s="13" t="s">
        <v>210</v>
      </c>
      <c r="B34222" s="14" t="s">
        <v>1</v>
      </c>
      <c r="C34222" s="14" t="s">
        <v>137</v>
      </c>
      <c r="D34222" s="14" t="s">
        <v>211</v>
      </c>
      <c r="E34222" s="15">
        <v>45653</v>
      </c>
      <c r="F34222" s="14" t="s">
        <v>15</v>
      </c>
      <c r="G34222" s="16">
        <v>0</v>
      </c>
    </row>
    <row r="34223" spans="1:7" x14ac:dyDescent="0.3">
      <c r="A34223" s="13" t="s">
        <v>210</v>
      </c>
      <c r="B34223" s="14" t="s">
        <v>1</v>
      </c>
      <c r="C34223" s="14" t="s">
        <v>137</v>
      </c>
      <c r="D34223" s="14" t="s">
        <v>211</v>
      </c>
      <c r="E34223" s="15">
        <v>45654</v>
      </c>
      <c r="F34223" s="14" t="s">
        <v>15</v>
      </c>
      <c r="G34223" s="16">
        <v>0</v>
      </c>
    </row>
    <row r="34224" spans="1:7" x14ac:dyDescent="0.3">
      <c r="A34224" s="13" t="s">
        <v>210</v>
      </c>
      <c r="B34224" s="14" t="s">
        <v>1</v>
      </c>
      <c r="C34224" s="14" t="s">
        <v>137</v>
      </c>
      <c r="D34224" s="14" t="s">
        <v>211</v>
      </c>
      <c r="E34224" s="15">
        <v>45655</v>
      </c>
      <c r="F34224" s="14" t="s">
        <v>15</v>
      </c>
      <c r="G34224" s="16">
        <v>0</v>
      </c>
    </row>
    <row r="34225" spans="1:7" x14ac:dyDescent="0.3">
      <c r="A34225" s="13" t="s">
        <v>210</v>
      </c>
      <c r="B34225" s="14" t="s">
        <v>1</v>
      </c>
      <c r="C34225" s="14" t="s">
        <v>137</v>
      </c>
      <c r="D34225" s="14" t="s">
        <v>211</v>
      </c>
      <c r="E34225" s="15">
        <v>45656</v>
      </c>
      <c r="F34225" s="14" t="s">
        <v>15</v>
      </c>
      <c r="G34225" s="16">
        <v>1.629852721201842E-2</v>
      </c>
    </row>
    <row r="34226" spans="1:7" x14ac:dyDescent="0.3">
      <c r="A34226" s="13" t="s">
        <v>210</v>
      </c>
      <c r="B34226" s="14" t="s">
        <v>1</v>
      </c>
      <c r="C34226" s="14" t="s">
        <v>137</v>
      </c>
      <c r="D34226" s="14" t="s">
        <v>211</v>
      </c>
      <c r="E34226" s="15">
        <v>45657</v>
      </c>
      <c r="F34226" s="14" t="s">
        <v>15</v>
      </c>
      <c r="G34226" s="16">
        <v>0.12800906434897902</v>
      </c>
    </row>
    <row r="34227" spans="1:7" x14ac:dyDescent="0.3">
      <c r="A34227" s="13" t="s">
        <v>210</v>
      </c>
      <c r="B34227" s="14" t="s">
        <v>1</v>
      </c>
      <c r="C34227" s="14" t="s">
        <v>137</v>
      </c>
      <c r="D34227" s="14" t="s">
        <v>211</v>
      </c>
      <c r="E34227" s="15">
        <v>45658</v>
      </c>
      <c r="F34227" s="14" t="s">
        <v>15</v>
      </c>
      <c r="G34227" s="16">
        <v>0.12800906434897902</v>
      </c>
    </row>
    <row r="34228" spans="1:7" x14ac:dyDescent="0.3">
      <c r="A34228" s="13" t="s">
        <v>210</v>
      </c>
      <c r="B34228" s="14" t="s">
        <v>1</v>
      </c>
      <c r="C34228" s="14" t="s">
        <v>137</v>
      </c>
      <c r="D34228" s="14" t="s">
        <v>211</v>
      </c>
      <c r="E34228" s="15">
        <v>45659</v>
      </c>
      <c r="F34228" s="14" t="s">
        <v>15</v>
      </c>
      <c r="G34228" s="16">
        <v>0</v>
      </c>
    </row>
    <row r="34229" spans="1:7" x14ac:dyDescent="0.3">
      <c r="A34229" s="13" t="s">
        <v>210</v>
      </c>
      <c r="B34229" s="14" t="s">
        <v>1</v>
      </c>
      <c r="C34229" s="14" t="s">
        <v>137</v>
      </c>
      <c r="D34229" s="14" t="s">
        <v>211</v>
      </c>
      <c r="E34229" s="15">
        <v>45660</v>
      </c>
      <c r="F34229" s="14" t="s">
        <v>15</v>
      </c>
      <c r="G34229" s="16">
        <v>0</v>
      </c>
    </row>
    <row r="34230" spans="1:7" x14ac:dyDescent="0.3">
      <c r="A34230" s="13" t="s">
        <v>210</v>
      </c>
      <c r="B34230" s="14" t="s">
        <v>1</v>
      </c>
      <c r="C34230" s="14" t="s">
        <v>137</v>
      </c>
      <c r="D34230" s="14" t="s">
        <v>211</v>
      </c>
      <c r="E34230" s="15">
        <v>45661</v>
      </c>
      <c r="F34230" s="14" t="s">
        <v>15</v>
      </c>
      <c r="G34230" s="16">
        <v>0</v>
      </c>
    </row>
    <row r="34231" spans="1:7" x14ac:dyDescent="0.3">
      <c r="A34231" s="13" t="s">
        <v>210</v>
      </c>
      <c r="B34231" s="14" t="s">
        <v>1</v>
      </c>
      <c r="C34231" s="14" t="s">
        <v>137</v>
      </c>
      <c r="D34231" s="14" t="s">
        <v>211</v>
      </c>
      <c r="E34231" s="15">
        <v>45662</v>
      </c>
      <c r="F34231" s="14" t="s">
        <v>15</v>
      </c>
      <c r="G34231" s="16">
        <v>0</v>
      </c>
    </row>
    <row r="34232" spans="1:7" x14ac:dyDescent="0.3">
      <c r="A34232" s="13" t="s">
        <v>210</v>
      </c>
      <c r="B34232" s="14" t="s">
        <v>1</v>
      </c>
      <c r="C34232" s="14" t="s">
        <v>137</v>
      </c>
      <c r="D34232" s="14" t="s">
        <v>211</v>
      </c>
      <c r="E34232" s="15">
        <v>45663</v>
      </c>
      <c r="F34232" s="14" t="s">
        <v>15</v>
      </c>
      <c r="G34232" s="16">
        <v>0</v>
      </c>
    </row>
    <row r="34233" spans="1:7" x14ac:dyDescent="0.3">
      <c r="A34233" s="13" t="s">
        <v>210</v>
      </c>
      <c r="B34233" s="14" t="s">
        <v>1</v>
      </c>
      <c r="C34233" s="14" t="s">
        <v>137</v>
      </c>
      <c r="D34233" s="14" t="s">
        <v>211</v>
      </c>
      <c r="E34233" s="15">
        <v>45664</v>
      </c>
      <c r="F34233" s="14" t="s">
        <v>15</v>
      </c>
      <c r="G34233" s="16">
        <v>0</v>
      </c>
    </row>
    <row r="34234" spans="1:7" x14ac:dyDescent="0.3">
      <c r="A34234" s="13" t="s">
        <v>210</v>
      </c>
      <c r="B34234" s="14" t="s">
        <v>1</v>
      </c>
      <c r="C34234" s="14" t="s">
        <v>137</v>
      </c>
      <c r="D34234" s="14" t="s">
        <v>211</v>
      </c>
      <c r="E34234" s="15">
        <v>45665</v>
      </c>
      <c r="F34234" s="14" t="s">
        <v>15</v>
      </c>
      <c r="G34234" s="16">
        <v>0</v>
      </c>
    </row>
    <row r="34235" spans="1:7" x14ac:dyDescent="0.3">
      <c r="A34235" s="13" t="s">
        <v>210</v>
      </c>
      <c r="B34235" s="14" t="s">
        <v>1</v>
      </c>
      <c r="C34235" s="14" t="s">
        <v>137</v>
      </c>
      <c r="D34235" s="14" t="s">
        <v>211</v>
      </c>
      <c r="E34235" s="15">
        <v>45666</v>
      </c>
      <c r="F34235" s="14" t="s">
        <v>15</v>
      </c>
      <c r="G34235" s="16">
        <v>0</v>
      </c>
    </row>
    <row r="34236" spans="1:7" x14ac:dyDescent="0.3">
      <c r="A34236" s="13" t="s">
        <v>210</v>
      </c>
      <c r="B34236" s="14" t="s">
        <v>1</v>
      </c>
      <c r="C34236" s="14" t="s">
        <v>137</v>
      </c>
      <c r="D34236" s="14" t="s">
        <v>211</v>
      </c>
      <c r="E34236" s="15">
        <v>45667</v>
      </c>
      <c r="F34236" s="14" t="s">
        <v>15</v>
      </c>
      <c r="G34236" s="16">
        <v>0</v>
      </c>
    </row>
    <row r="34237" spans="1:7" x14ac:dyDescent="0.3">
      <c r="A34237" s="13" t="s">
        <v>210</v>
      </c>
      <c r="B34237" s="14" t="s">
        <v>1</v>
      </c>
      <c r="C34237" s="14" t="s">
        <v>137</v>
      </c>
      <c r="D34237" s="14" t="s">
        <v>211</v>
      </c>
      <c r="E34237" s="15">
        <v>45668</v>
      </c>
      <c r="F34237" s="14" t="s">
        <v>15</v>
      </c>
      <c r="G34237" s="16">
        <v>0</v>
      </c>
    </row>
    <row r="34238" spans="1:7" x14ac:dyDescent="0.3">
      <c r="A34238" s="13" t="s">
        <v>210</v>
      </c>
      <c r="B34238" s="14" t="s">
        <v>1</v>
      </c>
      <c r="C34238" s="14" t="s">
        <v>137</v>
      </c>
      <c r="D34238" s="14" t="s">
        <v>211</v>
      </c>
      <c r="E34238" s="15">
        <v>45669</v>
      </c>
      <c r="F34238" s="14" t="s">
        <v>15</v>
      </c>
      <c r="G34238" s="16">
        <v>0</v>
      </c>
    </row>
    <row r="34239" spans="1:7" x14ac:dyDescent="0.3">
      <c r="A34239" s="13" t="s">
        <v>210</v>
      </c>
      <c r="B34239" s="14" t="s">
        <v>1</v>
      </c>
      <c r="C34239" s="14" t="s">
        <v>137</v>
      </c>
      <c r="D34239" s="14" t="s">
        <v>211</v>
      </c>
      <c r="E34239" s="15">
        <v>45670</v>
      </c>
      <c r="F34239" s="14" t="s">
        <v>15</v>
      </c>
      <c r="G34239" s="16">
        <v>0</v>
      </c>
    </row>
    <row r="34240" spans="1:7" x14ac:dyDescent="0.3">
      <c r="A34240" s="13" t="s">
        <v>210</v>
      </c>
      <c r="B34240" s="14" t="s">
        <v>1</v>
      </c>
      <c r="C34240" s="14" t="s">
        <v>137</v>
      </c>
      <c r="D34240" s="14" t="s">
        <v>211</v>
      </c>
      <c r="E34240" s="15">
        <v>45671</v>
      </c>
      <c r="F34240" s="14" t="s">
        <v>15</v>
      </c>
      <c r="G34240" s="16">
        <v>0</v>
      </c>
    </row>
    <row r="34241" spans="1:7" x14ac:dyDescent="0.3">
      <c r="A34241" s="13" t="s">
        <v>210</v>
      </c>
      <c r="B34241" s="14" t="s">
        <v>1</v>
      </c>
      <c r="C34241" s="14" t="s">
        <v>137</v>
      </c>
      <c r="D34241" s="14" t="s">
        <v>211</v>
      </c>
      <c r="E34241" s="15">
        <v>45672</v>
      </c>
      <c r="F34241" s="14" t="s">
        <v>15</v>
      </c>
      <c r="G34241" s="16">
        <v>0</v>
      </c>
    </row>
    <row r="34242" spans="1:7" x14ac:dyDescent="0.3">
      <c r="A34242" s="13" t="s">
        <v>210</v>
      </c>
      <c r="B34242" s="14" t="s">
        <v>1</v>
      </c>
      <c r="C34242" s="14" t="s">
        <v>137</v>
      </c>
      <c r="D34242" s="14" t="s">
        <v>211</v>
      </c>
      <c r="E34242" s="15">
        <v>45673</v>
      </c>
      <c r="F34242" s="14" t="s">
        <v>15</v>
      </c>
      <c r="G34242" s="16">
        <v>0</v>
      </c>
    </row>
    <row r="34243" spans="1:7" x14ac:dyDescent="0.3">
      <c r="A34243" s="13" t="s">
        <v>210</v>
      </c>
      <c r="B34243" s="14" t="s">
        <v>1</v>
      </c>
      <c r="C34243" s="14" t="s">
        <v>137</v>
      </c>
      <c r="D34243" s="14" t="s">
        <v>211</v>
      </c>
      <c r="E34243" s="15">
        <v>45674</v>
      </c>
      <c r="F34243" s="14" t="s">
        <v>15</v>
      </c>
      <c r="G34243" s="16">
        <v>0</v>
      </c>
    </row>
    <row r="34244" spans="1:7" x14ac:dyDescent="0.3">
      <c r="A34244" s="13" t="s">
        <v>210</v>
      </c>
      <c r="B34244" s="14" t="s">
        <v>1</v>
      </c>
      <c r="C34244" s="14" t="s">
        <v>137</v>
      </c>
      <c r="D34244" s="14" t="s">
        <v>211</v>
      </c>
      <c r="E34244" s="15">
        <v>45675</v>
      </c>
      <c r="F34244" s="14" t="s">
        <v>15</v>
      </c>
      <c r="G34244" s="16">
        <v>0</v>
      </c>
    </row>
    <row r="34245" spans="1:7" x14ac:dyDescent="0.3">
      <c r="A34245" s="13" t="s">
        <v>210</v>
      </c>
      <c r="B34245" s="14" t="s">
        <v>1</v>
      </c>
      <c r="C34245" s="14" t="s">
        <v>137</v>
      </c>
      <c r="D34245" s="14" t="s">
        <v>211</v>
      </c>
      <c r="E34245" s="15">
        <v>45676</v>
      </c>
      <c r="F34245" s="14" t="s">
        <v>15</v>
      </c>
      <c r="G34245" s="16">
        <v>0</v>
      </c>
    </row>
    <row r="34246" spans="1:7" x14ac:dyDescent="0.3">
      <c r="A34246" s="13" t="s">
        <v>210</v>
      </c>
      <c r="B34246" s="14" t="s">
        <v>1</v>
      </c>
      <c r="C34246" s="14" t="s">
        <v>137</v>
      </c>
      <c r="D34246" s="14" t="s">
        <v>211</v>
      </c>
      <c r="E34246" s="15">
        <v>45677</v>
      </c>
      <c r="F34246" s="14" t="s">
        <v>15</v>
      </c>
      <c r="G34246" s="16">
        <v>0</v>
      </c>
    </row>
    <row r="34247" spans="1:7" x14ac:dyDescent="0.3">
      <c r="A34247" s="13" t="s">
        <v>210</v>
      </c>
      <c r="B34247" s="14" t="s">
        <v>1</v>
      </c>
      <c r="C34247" s="14" t="s">
        <v>137</v>
      </c>
      <c r="D34247" s="14" t="s">
        <v>211</v>
      </c>
      <c r="E34247" s="15">
        <v>45678</v>
      </c>
      <c r="F34247" s="14" t="s">
        <v>15</v>
      </c>
      <c r="G34247" s="16">
        <v>0</v>
      </c>
    </row>
    <row r="34248" spans="1:7" x14ac:dyDescent="0.3">
      <c r="A34248" s="13" t="s">
        <v>210</v>
      </c>
      <c r="B34248" s="14" t="s">
        <v>1</v>
      </c>
      <c r="C34248" s="14" t="s">
        <v>137</v>
      </c>
      <c r="D34248" s="14" t="s">
        <v>211</v>
      </c>
      <c r="E34248" s="15">
        <v>45679</v>
      </c>
      <c r="F34248" s="14" t="s">
        <v>15</v>
      </c>
      <c r="G34248" s="16">
        <v>0</v>
      </c>
    </row>
    <row r="34249" spans="1:7" x14ac:dyDescent="0.3">
      <c r="A34249" s="13" t="s">
        <v>210</v>
      </c>
      <c r="B34249" s="14" t="s">
        <v>1</v>
      </c>
      <c r="C34249" s="14" t="s">
        <v>137</v>
      </c>
      <c r="D34249" s="14" t="s">
        <v>211</v>
      </c>
      <c r="E34249" s="15">
        <v>45680</v>
      </c>
      <c r="F34249" s="14" t="s">
        <v>15</v>
      </c>
      <c r="G34249" s="16">
        <v>0</v>
      </c>
    </row>
    <row r="34250" spans="1:7" x14ac:dyDescent="0.3">
      <c r="A34250" s="13" t="s">
        <v>210</v>
      </c>
      <c r="B34250" s="14" t="s">
        <v>1</v>
      </c>
      <c r="C34250" s="14" t="s">
        <v>137</v>
      </c>
      <c r="D34250" s="14" t="s">
        <v>211</v>
      </c>
      <c r="E34250" s="15">
        <v>45681</v>
      </c>
      <c r="F34250" s="14" t="s">
        <v>15</v>
      </c>
      <c r="G34250" s="16">
        <v>0</v>
      </c>
    </row>
    <row r="34251" spans="1:7" x14ac:dyDescent="0.3">
      <c r="A34251" s="13" t="s">
        <v>210</v>
      </c>
      <c r="B34251" s="14" t="s">
        <v>1</v>
      </c>
      <c r="C34251" s="14" t="s">
        <v>137</v>
      </c>
      <c r="D34251" s="14" t="s">
        <v>211</v>
      </c>
      <c r="E34251" s="15">
        <v>45682</v>
      </c>
      <c r="F34251" s="14" t="s">
        <v>15</v>
      </c>
      <c r="G34251" s="16">
        <v>0</v>
      </c>
    </row>
    <row r="34252" spans="1:7" x14ac:dyDescent="0.3">
      <c r="A34252" s="13" t="s">
        <v>210</v>
      </c>
      <c r="B34252" s="14" t="s">
        <v>1</v>
      </c>
      <c r="C34252" s="14" t="s">
        <v>137</v>
      </c>
      <c r="D34252" s="14" t="s">
        <v>211</v>
      </c>
      <c r="E34252" s="15">
        <v>45683</v>
      </c>
      <c r="F34252" s="14" t="s">
        <v>15</v>
      </c>
      <c r="G34252" s="16">
        <v>0</v>
      </c>
    </row>
    <row r="34253" spans="1:7" x14ac:dyDescent="0.3">
      <c r="A34253" s="13" t="s">
        <v>210</v>
      </c>
      <c r="B34253" s="14" t="s">
        <v>1</v>
      </c>
      <c r="C34253" s="14" t="s">
        <v>137</v>
      </c>
      <c r="D34253" s="14" t="s">
        <v>211</v>
      </c>
      <c r="E34253" s="15">
        <v>45684</v>
      </c>
      <c r="F34253" s="14" t="s">
        <v>15</v>
      </c>
      <c r="G34253" s="16">
        <v>0</v>
      </c>
    </row>
    <row r="34254" spans="1:7" x14ac:dyDescent="0.3">
      <c r="A34254" s="13" t="s">
        <v>210</v>
      </c>
      <c r="B34254" s="14" t="s">
        <v>1</v>
      </c>
      <c r="C34254" s="14" t="s">
        <v>137</v>
      </c>
      <c r="D34254" s="14" t="s">
        <v>211</v>
      </c>
      <c r="E34254" s="15">
        <v>45685</v>
      </c>
      <c r="F34254" s="14" t="s">
        <v>15</v>
      </c>
      <c r="G34254" s="16">
        <v>0</v>
      </c>
    </row>
    <row r="34255" spans="1:7" x14ac:dyDescent="0.3">
      <c r="A34255" s="13" t="s">
        <v>210</v>
      </c>
      <c r="B34255" s="14" t="s">
        <v>1</v>
      </c>
      <c r="C34255" s="14" t="s">
        <v>137</v>
      </c>
      <c r="D34255" s="14" t="s">
        <v>211</v>
      </c>
      <c r="E34255" s="15">
        <v>45686</v>
      </c>
      <c r="F34255" s="14" t="s">
        <v>15</v>
      </c>
      <c r="G34255" s="16">
        <v>9.6243903858776129E-3</v>
      </c>
    </row>
    <row r="34256" spans="1:7" x14ac:dyDescent="0.3">
      <c r="A34256" s="13" t="s">
        <v>210</v>
      </c>
      <c r="B34256" s="14" t="s">
        <v>1</v>
      </c>
      <c r="C34256" s="14" t="s">
        <v>137</v>
      </c>
      <c r="D34256" s="14" t="s">
        <v>211</v>
      </c>
      <c r="E34256" s="15">
        <v>45687</v>
      </c>
      <c r="F34256" s="14" t="s">
        <v>15</v>
      </c>
      <c r="G34256" s="16">
        <v>3.2166715235494837E-2</v>
      </c>
    </row>
    <row r="34257" spans="1:7" x14ac:dyDescent="0.3">
      <c r="A34257" s="13" t="s">
        <v>210</v>
      </c>
      <c r="B34257" s="14" t="s">
        <v>1</v>
      </c>
      <c r="C34257" s="14" t="s">
        <v>137</v>
      </c>
      <c r="D34257" s="14" t="s">
        <v>211</v>
      </c>
      <c r="E34257" s="15">
        <v>45688</v>
      </c>
      <c r="F34257" s="14" t="s">
        <v>15</v>
      </c>
      <c r="G34257" s="16">
        <v>5.0855706013653593E-2</v>
      </c>
    </row>
    <row r="34258" spans="1:7" x14ac:dyDescent="0.3">
      <c r="A34258" s="13" t="s">
        <v>210</v>
      </c>
      <c r="B34258" s="14" t="s">
        <v>1</v>
      </c>
      <c r="C34258" s="14" t="s">
        <v>137</v>
      </c>
      <c r="D34258" s="14" t="s">
        <v>211</v>
      </c>
      <c r="E34258" s="15">
        <v>45689</v>
      </c>
      <c r="F34258" s="14" t="s">
        <v>15</v>
      </c>
      <c r="G34258" s="16">
        <v>5.0855706013653593E-2</v>
      </c>
    </row>
    <row r="34259" spans="1:7" x14ac:dyDescent="0.3">
      <c r="A34259" s="13" t="s">
        <v>210</v>
      </c>
      <c r="B34259" s="14" t="s">
        <v>1</v>
      </c>
      <c r="C34259" s="14" t="s">
        <v>137</v>
      </c>
      <c r="D34259" s="14" t="s">
        <v>211</v>
      </c>
      <c r="E34259" s="15">
        <v>45690</v>
      </c>
      <c r="F34259" s="14" t="s">
        <v>15</v>
      </c>
      <c r="G34259" s="16">
        <v>5.0855706013653593E-2</v>
      </c>
    </row>
    <row r="34260" spans="1:7" x14ac:dyDescent="0.3">
      <c r="A34260" s="13" t="s">
        <v>210</v>
      </c>
      <c r="B34260" s="14" t="s">
        <v>1</v>
      </c>
      <c r="C34260" s="14" t="s">
        <v>137</v>
      </c>
      <c r="D34260" s="14" t="s">
        <v>211</v>
      </c>
      <c r="E34260" s="15">
        <v>45691</v>
      </c>
      <c r="F34260" s="14" t="s">
        <v>15</v>
      </c>
      <c r="G34260" s="16">
        <v>5.0855706013653593E-2</v>
      </c>
    </row>
    <row r="34261" spans="1:7" x14ac:dyDescent="0.3">
      <c r="A34261" s="13" t="s">
        <v>210</v>
      </c>
      <c r="B34261" s="14" t="s">
        <v>1</v>
      </c>
      <c r="C34261" s="14" t="s">
        <v>137</v>
      </c>
      <c r="D34261" s="14" t="s">
        <v>211</v>
      </c>
      <c r="E34261" s="15">
        <v>45692</v>
      </c>
      <c r="F34261" s="14" t="s">
        <v>15</v>
      </c>
      <c r="G34261" s="16">
        <v>0</v>
      </c>
    </row>
    <row r="34262" spans="1:7" x14ac:dyDescent="0.3">
      <c r="A34262" s="13" t="s">
        <v>210</v>
      </c>
      <c r="B34262" s="14" t="s">
        <v>1</v>
      </c>
      <c r="C34262" s="14" t="s">
        <v>137</v>
      </c>
      <c r="D34262" s="14" t="s">
        <v>211</v>
      </c>
      <c r="E34262" s="15">
        <v>45693</v>
      </c>
      <c r="F34262" s="14" t="s">
        <v>15</v>
      </c>
      <c r="G34262" s="16">
        <v>0</v>
      </c>
    </row>
    <row r="34263" spans="1:7" x14ac:dyDescent="0.3">
      <c r="A34263" s="13" t="s">
        <v>210</v>
      </c>
      <c r="B34263" s="14" t="s">
        <v>1</v>
      </c>
      <c r="C34263" s="14" t="s">
        <v>137</v>
      </c>
      <c r="D34263" s="14" t="s">
        <v>211</v>
      </c>
      <c r="E34263" s="15">
        <v>45694</v>
      </c>
      <c r="F34263" s="14" t="s">
        <v>15</v>
      </c>
      <c r="G34263" s="16">
        <v>0</v>
      </c>
    </row>
    <row r="34264" spans="1:7" x14ac:dyDescent="0.3">
      <c r="A34264" s="13" t="s">
        <v>210</v>
      </c>
      <c r="B34264" s="14" t="s">
        <v>1</v>
      </c>
      <c r="C34264" s="14" t="s">
        <v>137</v>
      </c>
      <c r="D34264" s="14" t="s">
        <v>211</v>
      </c>
      <c r="E34264" s="15">
        <v>45695</v>
      </c>
      <c r="F34264" s="14" t="s">
        <v>15</v>
      </c>
      <c r="G34264" s="16">
        <v>0</v>
      </c>
    </row>
    <row r="34265" spans="1:7" x14ac:dyDescent="0.3">
      <c r="A34265" s="13" t="s">
        <v>210</v>
      </c>
      <c r="B34265" s="14" t="s">
        <v>1</v>
      </c>
      <c r="C34265" s="14" t="s">
        <v>137</v>
      </c>
      <c r="D34265" s="14" t="s">
        <v>211</v>
      </c>
      <c r="E34265" s="15">
        <v>45696</v>
      </c>
      <c r="F34265" s="14" t="s">
        <v>15</v>
      </c>
      <c r="G34265" s="16">
        <v>0</v>
      </c>
    </row>
    <row r="34266" spans="1:7" x14ac:dyDescent="0.3">
      <c r="A34266" s="13" t="s">
        <v>210</v>
      </c>
      <c r="B34266" s="14" t="s">
        <v>1</v>
      </c>
      <c r="C34266" s="14" t="s">
        <v>137</v>
      </c>
      <c r="D34266" s="14" t="s">
        <v>211</v>
      </c>
      <c r="E34266" s="15">
        <v>45697</v>
      </c>
      <c r="F34266" s="14" t="s">
        <v>15</v>
      </c>
      <c r="G34266" s="16">
        <v>0</v>
      </c>
    </row>
    <row r="34267" spans="1:7" x14ac:dyDescent="0.3">
      <c r="A34267" s="13" t="s">
        <v>210</v>
      </c>
      <c r="B34267" s="14" t="s">
        <v>1</v>
      </c>
      <c r="C34267" s="14" t="s">
        <v>137</v>
      </c>
      <c r="D34267" s="14" t="s">
        <v>211</v>
      </c>
      <c r="E34267" s="15">
        <v>45698</v>
      </c>
      <c r="F34267" s="14" t="s">
        <v>15</v>
      </c>
      <c r="G34267" s="16">
        <v>0</v>
      </c>
    </row>
    <row r="34268" spans="1:7" x14ac:dyDescent="0.3">
      <c r="A34268" s="13" t="s">
        <v>210</v>
      </c>
      <c r="B34268" s="14" t="s">
        <v>1</v>
      </c>
      <c r="C34268" s="14" t="s">
        <v>137</v>
      </c>
      <c r="D34268" s="14" t="s">
        <v>211</v>
      </c>
      <c r="E34268" s="15">
        <v>45699</v>
      </c>
      <c r="F34268" s="14" t="s">
        <v>15</v>
      </c>
      <c r="G34268" s="16">
        <v>0</v>
      </c>
    </row>
    <row r="34269" spans="1:7" x14ac:dyDescent="0.3">
      <c r="A34269" s="13" t="s">
        <v>210</v>
      </c>
      <c r="B34269" s="14" t="s">
        <v>1</v>
      </c>
      <c r="C34269" s="14" t="s">
        <v>137</v>
      </c>
      <c r="D34269" s="14" t="s">
        <v>211</v>
      </c>
      <c r="E34269" s="15">
        <v>45700</v>
      </c>
      <c r="F34269" s="14" t="s">
        <v>15</v>
      </c>
      <c r="G34269" s="16">
        <v>0</v>
      </c>
    </row>
    <row r="34270" spans="1:7" x14ac:dyDescent="0.3">
      <c r="A34270" s="13" t="s">
        <v>210</v>
      </c>
      <c r="B34270" s="14" t="s">
        <v>1</v>
      </c>
      <c r="C34270" s="14" t="s">
        <v>137</v>
      </c>
      <c r="D34270" s="14" t="s">
        <v>211</v>
      </c>
      <c r="E34270" s="15">
        <v>45701</v>
      </c>
      <c r="F34270" s="14" t="s">
        <v>15</v>
      </c>
      <c r="G34270" s="16">
        <v>0</v>
      </c>
    </row>
    <row r="34271" spans="1:7" x14ac:dyDescent="0.3">
      <c r="A34271" s="13" t="s">
        <v>210</v>
      </c>
      <c r="B34271" s="14" t="s">
        <v>1</v>
      </c>
      <c r="C34271" s="14" t="s">
        <v>137</v>
      </c>
      <c r="D34271" s="14" t="s">
        <v>211</v>
      </c>
      <c r="E34271" s="15">
        <v>45702</v>
      </c>
      <c r="F34271" s="14" t="s">
        <v>15</v>
      </c>
      <c r="G34271" s="16">
        <v>0</v>
      </c>
    </row>
    <row r="34272" spans="1:7" x14ac:dyDescent="0.3">
      <c r="A34272" s="13" t="s">
        <v>210</v>
      </c>
      <c r="B34272" s="14" t="s">
        <v>1</v>
      </c>
      <c r="C34272" s="14" t="s">
        <v>137</v>
      </c>
      <c r="D34272" s="14" t="s">
        <v>211</v>
      </c>
      <c r="E34272" s="15">
        <v>45703</v>
      </c>
      <c r="F34272" s="14" t="s">
        <v>15</v>
      </c>
      <c r="G34272" s="16">
        <v>0</v>
      </c>
    </row>
    <row r="34273" spans="1:7" x14ac:dyDescent="0.3">
      <c r="A34273" s="13" t="s">
        <v>210</v>
      </c>
      <c r="B34273" s="14" t="s">
        <v>1</v>
      </c>
      <c r="C34273" s="14" t="s">
        <v>137</v>
      </c>
      <c r="D34273" s="14" t="s">
        <v>211</v>
      </c>
      <c r="E34273" s="15">
        <v>45704</v>
      </c>
      <c r="F34273" s="14" t="s">
        <v>15</v>
      </c>
      <c r="G34273" s="16">
        <v>0</v>
      </c>
    </row>
    <row r="34274" spans="1:7" x14ac:dyDescent="0.3">
      <c r="A34274" s="13" t="s">
        <v>210</v>
      </c>
      <c r="B34274" s="14" t="s">
        <v>1</v>
      </c>
      <c r="C34274" s="14" t="s">
        <v>137</v>
      </c>
      <c r="D34274" s="14" t="s">
        <v>211</v>
      </c>
      <c r="E34274" s="15">
        <v>45705</v>
      </c>
      <c r="F34274" s="14" t="s">
        <v>15</v>
      </c>
      <c r="G34274" s="16">
        <v>0</v>
      </c>
    </row>
    <row r="34275" spans="1:7" x14ac:dyDescent="0.3">
      <c r="A34275" s="13" t="s">
        <v>210</v>
      </c>
      <c r="B34275" s="14" t="s">
        <v>1</v>
      </c>
      <c r="C34275" s="14" t="s">
        <v>137</v>
      </c>
      <c r="D34275" s="14" t="s">
        <v>211</v>
      </c>
      <c r="E34275" s="15">
        <v>45706</v>
      </c>
      <c r="F34275" s="14" t="s">
        <v>15</v>
      </c>
      <c r="G34275" s="16">
        <v>0</v>
      </c>
    </row>
    <row r="34276" spans="1:7" x14ac:dyDescent="0.3">
      <c r="A34276" s="13" t="s">
        <v>210</v>
      </c>
      <c r="B34276" s="14" t="s">
        <v>1</v>
      </c>
      <c r="C34276" s="14" t="s">
        <v>137</v>
      </c>
      <c r="D34276" s="14" t="s">
        <v>211</v>
      </c>
      <c r="E34276" s="15">
        <v>45707</v>
      </c>
      <c r="F34276" s="14" t="s">
        <v>15</v>
      </c>
      <c r="G34276" s="16">
        <v>0</v>
      </c>
    </row>
    <row r="34277" spans="1:7" x14ac:dyDescent="0.3">
      <c r="A34277" s="13" t="s">
        <v>210</v>
      </c>
      <c r="B34277" s="14" t="s">
        <v>1</v>
      </c>
      <c r="C34277" s="14" t="s">
        <v>137</v>
      </c>
      <c r="D34277" s="14" t="s">
        <v>211</v>
      </c>
      <c r="E34277" s="15">
        <v>45708</v>
      </c>
      <c r="F34277" s="14" t="s">
        <v>15</v>
      </c>
      <c r="G34277" s="16">
        <v>0</v>
      </c>
    </row>
    <row r="34278" spans="1:7" x14ac:dyDescent="0.3">
      <c r="A34278" s="13" t="s">
        <v>210</v>
      </c>
      <c r="B34278" s="14" t="s">
        <v>1</v>
      </c>
      <c r="C34278" s="14" t="s">
        <v>137</v>
      </c>
      <c r="D34278" s="14" t="s">
        <v>211</v>
      </c>
      <c r="E34278" s="15">
        <v>45709</v>
      </c>
      <c r="F34278" s="14" t="s">
        <v>15</v>
      </c>
      <c r="G34278" s="16">
        <v>0</v>
      </c>
    </row>
    <row r="34279" spans="1:7" x14ac:dyDescent="0.3">
      <c r="A34279" s="13" t="s">
        <v>210</v>
      </c>
      <c r="B34279" s="14" t="s">
        <v>1</v>
      </c>
      <c r="C34279" s="14" t="s">
        <v>137</v>
      </c>
      <c r="D34279" s="14" t="s">
        <v>211</v>
      </c>
      <c r="E34279" s="15">
        <v>45710</v>
      </c>
      <c r="F34279" s="14" t="s">
        <v>15</v>
      </c>
      <c r="G34279" s="16">
        <v>0</v>
      </c>
    </row>
    <row r="34280" spans="1:7" x14ac:dyDescent="0.3">
      <c r="A34280" s="13" t="s">
        <v>210</v>
      </c>
      <c r="B34280" s="14" t="s">
        <v>1</v>
      </c>
      <c r="C34280" s="14" t="s">
        <v>137</v>
      </c>
      <c r="D34280" s="14" t="s">
        <v>211</v>
      </c>
      <c r="E34280" s="15">
        <v>45711</v>
      </c>
      <c r="F34280" s="14" t="s">
        <v>15</v>
      </c>
      <c r="G34280" s="16">
        <v>0</v>
      </c>
    </row>
    <row r="34281" spans="1:7" x14ac:dyDescent="0.3">
      <c r="A34281" s="13" t="s">
        <v>210</v>
      </c>
      <c r="B34281" s="14" t="s">
        <v>1</v>
      </c>
      <c r="C34281" s="14" t="s">
        <v>137</v>
      </c>
      <c r="D34281" s="14" t="s">
        <v>211</v>
      </c>
      <c r="E34281" s="15">
        <v>45712</v>
      </c>
      <c r="F34281" s="14" t="s">
        <v>15</v>
      </c>
      <c r="G34281" s="16">
        <v>0</v>
      </c>
    </row>
    <row r="34282" spans="1:7" x14ac:dyDescent="0.3">
      <c r="A34282" s="13" t="s">
        <v>210</v>
      </c>
      <c r="B34282" s="14" t="s">
        <v>1</v>
      </c>
      <c r="C34282" s="14" t="s">
        <v>137</v>
      </c>
      <c r="D34282" s="14" t="s">
        <v>211</v>
      </c>
      <c r="E34282" s="15">
        <v>45713</v>
      </c>
      <c r="F34282" s="14" t="s">
        <v>15</v>
      </c>
      <c r="G34282" s="16">
        <v>0</v>
      </c>
    </row>
    <row r="34283" spans="1:7" x14ac:dyDescent="0.3">
      <c r="A34283" s="13" t="s">
        <v>210</v>
      </c>
      <c r="B34283" s="14" t="s">
        <v>1</v>
      </c>
      <c r="C34283" s="14" t="s">
        <v>137</v>
      </c>
      <c r="D34283" s="14" t="s">
        <v>211</v>
      </c>
      <c r="E34283" s="15">
        <v>45714</v>
      </c>
      <c r="F34283" s="14" t="s">
        <v>15</v>
      </c>
      <c r="G34283" s="16">
        <v>0</v>
      </c>
    </row>
    <row r="34284" spans="1:7" x14ac:dyDescent="0.3">
      <c r="A34284" s="13" t="s">
        <v>210</v>
      </c>
      <c r="B34284" s="14" t="s">
        <v>1</v>
      </c>
      <c r="C34284" s="14" t="s">
        <v>137</v>
      </c>
      <c r="D34284" s="14" t="s">
        <v>211</v>
      </c>
      <c r="E34284" s="15">
        <v>45715</v>
      </c>
      <c r="F34284" s="14" t="s">
        <v>15</v>
      </c>
      <c r="G34284" s="16">
        <v>0</v>
      </c>
    </row>
    <row r="34285" spans="1:7" x14ac:dyDescent="0.3">
      <c r="A34285" s="13" t="s">
        <v>210</v>
      </c>
      <c r="B34285" s="14" t="s">
        <v>1</v>
      </c>
      <c r="C34285" s="14" t="s">
        <v>137</v>
      </c>
      <c r="D34285" s="14" t="s">
        <v>211</v>
      </c>
      <c r="E34285" s="15">
        <v>45716</v>
      </c>
      <c r="F34285" s="14" t="s">
        <v>15</v>
      </c>
      <c r="G34285" s="16">
        <v>0</v>
      </c>
    </row>
    <row r="34286" spans="1:7" x14ac:dyDescent="0.3">
      <c r="A34286" s="13" t="s">
        <v>210</v>
      </c>
      <c r="B34286" s="14" t="s">
        <v>1</v>
      </c>
      <c r="C34286" s="14" t="s">
        <v>137</v>
      </c>
      <c r="D34286" s="14" t="s">
        <v>211</v>
      </c>
      <c r="E34286" s="15">
        <v>45717</v>
      </c>
      <c r="F34286" s="14" t="s">
        <v>15</v>
      </c>
      <c r="G34286" s="16">
        <v>0</v>
      </c>
    </row>
    <row r="34287" spans="1:7" x14ac:dyDescent="0.3">
      <c r="A34287" s="13" t="s">
        <v>210</v>
      </c>
      <c r="B34287" s="14" t="s">
        <v>1</v>
      </c>
      <c r="C34287" s="14" t="s">
        <v>137</v>
      </c>
      <c r="D34287" s="14" t="s">
        <v>211</v>
      </c>
      <c r="E34287" s="15">
        <v>45718</v>
      </c>
      <c r="F34287" s="14" t="s">
        <v>15</v>
      </c>
      <c r="G34287" s="16">
        <v>0</v>
      </c>
    </row>
    <row r="34288" spans="1:7" x14ac:dyDescent="0.3">
      <c r="A34288" s="13" t="s">
        <v>210</v>
      </c>
      <c r="B34288" s="14" t="s">
        <v>1</v>
      </c>
      <c r="C34288" s="14" t="s">
        <v>137</v>
      </c>
      <c r="D34288" s="14" t="s">
        <v>211</v>
      </c>
      <c r="E34288" s="15">
        <v>45719</v>
      </c>
      <c r="F34288" s="14" t="s">
        <v>15</v>
      </c>
      <c r="G34288" s="16">
        <v>0</v>
      </c>
    </row>
    <row r="34289" spans="1:7" x14ac:dyDescent="0.3">
      <c r="A34289" s="13" t="s">
        <v>210</v>
      </c>
      <c r="B34289" s="14" t="s">
        <v>1</v>
      </c>
      <c r="C34289" s="14" t="s">
        <v>137</v>
      </c>
      <c r="D34289" s="14" t="s">
        <v>211</v>
      </c>
      <c r="E34289" s="15">
        <v>45720</v>
      </c>
      <c r="F34289" s="14" t="s">
        <v>15</v>
      </c>
      <c r="G34289" s="16">
        <v>0</v>
      </c>
    </row>
    <row r="34290" spans="1:7" x14ac:dyDescent="0.3">
      <c r="A34290" s="13" t="s">
        <v>210</v>
      </c>
      <c r="B34290" s="14" t="s">
        <v>1</v>
      </c>
      <c r="C34290" s="14" t="s">
        <v>137</v>
      </c>
      <c r="D34290" s="14" t="s">
        <v>211</v>
      </c>
      <c r="E34290" s="15">
        <v>45721</v>
      </c>
      <c r="F34290" s="14" t="s">
        <v>15</v>
      </c>
      <c r="G34290" s="16">
        <v>0</v>
      </c>
    </row>
    <row r="34291" spans="1:7" x14ac:dyDescent="0.3">
      <c r="A34291" s="13" t="s">
        <v>210</v>
      </c>
      <c r="B34291" s="14" t="s">
        <v>1</v>
      </c>
      <c r="C34291" s="14" t="s">
        <v>137</v>
      </c>
      <c r="D34291" s="14" t="s">
        <v>211</v>
      </c>
      <c r="E34291" s="15">
        <v>45722</v>
      </c>
      <c r="F34291" s="14" t="s">
        <v>15</v>
      </c>
      <c r="G34291" s="16">
        <v>0</v>
      </c>
    </row>
    <row r="34292" spans="1:7" x14ac:dyDescent="0.3">
      <c r="A34292" s="13" t="s">
        <v>210</v>
      </c>
      <c r="B34292" s="14" t="s">
        <v>1</v>
      </c>
      <c r="C34292" s="14" t="s">
        <v>137</v>
      </c>
      <c r="D34292" s="14" t="s">
        <v>211</v>
      </c>
      <c r="E34292" s="15">
        <v>45723</v>
      </c>
      <c r="F34292" s="14" t="s">
        <v>15</v>
      </c>
      <c r="G34292" s="16">
        <v>0</v>
      </c>
    </row>
    <row r="34293" spans="1:7" x14ac:dyDescent="0.3">
      <c r="A34293" s="13" t="s">
        <v>210</v>
      </c>
      <c r="B34293" s="14" t="s">
        <v>1</v>
      </c>
      <c r="C34293" s="14" t="s">
        <v>137</v>
      </c>
      <c r="D34293" s="14" t="s">
        <v>211</v>
      </c>
      <c r="E34293" s="15">
        <v>45724</v>
      </c>
      <c r="F34293" s="14" t="s">
        <v>15</v>
      </c>
      <c r="G34293" s="16">
        <v>0</v>
      </c>
    </row>
    <row r="34294" spans="1:7" x14ac:dyDescent="0.3">
      <c r="A34294" s="13" t="s">
        <v>210</v>
      </c>
      <c r="B34294" s="14" t="s">
        <v>1</v>
      </c>
      <c r="C34294" s="14" t="s">
        <v>137</v>
      </c>
      <c r="D34294" s="14" t="s">
        <v>211</v>
      </c>
      <c r="E34294" s="15">
        <v>45725</v>
      </c>
      <c r="F34294" s="14" t="s">
        <v>15</v>
      </c>
      <c r="G34294" s="16">
        <v>0</v>
      </c>
    </row>
    <row r="34295" spans="1:7" x14ac:dyDescent="0.3">
      <c r="A34295" s="13" t="s">
        <v>210</v>
      </c>
      <c r="B34295" s="14" t="s">
        <v>1</v>
      </c>
      <c r="C34295" s="14" t="s">
        <v>137</v>
      </c>
      <c r="D34295" s="14" t="s">
        <v>211</v>
      </c>
      <c r="E34295" s="15">
        <v>45726</v>
      </c>
      <c r="F34295" s="14" t="s">
        <v>15</v>
      </c>
      <c r="G34295" s="16">
        <v>0</v>
      </c>
    </row>
    <row r="34296" spans="1:7" x14ac:dyDescent="0.3">
      <c r="A34296" s="13" t="s">
        <v>210</v>
      </c>
      <c r="B34296" s="14" t="s">
        <v>1</v>
      </c>
      <c r="C34296" s="14" t="s">
        <v>137</v>
      </c>
      <c r="D34296" s="14" t="s">
        <v>211</v>
      </c>
      <c r="E34296" s="15">
        <v>45727</v>
      </c>
      <c r="F34296" s="14" t="s">
        <v>15</v>
      </c>
      <c r="G34296" s="16">
        <v>0</v>
      </c>
    </row>
    <row r="34297" spans="1:7" x14ac:dyDescent="0.3">
      <c r="A34297" s="13" t="s">
        <v>210</v>
      </c>
      <c r="B34297" s="14" t="s">
        <v>1</v>
      </c>
      <c r="C34297" s="14" t="s">
        <v>137</v>
      </c>
      <c r="D34297" s="14" t="s">
        <v>211</v>
      </c>
      <c r="E34297" s="15">
        <v>45728</v>
      </c>
      <c r="F34297" s="14" t="s">
        <v>15</v>
      </c>
      <c r="G34297" s="16">
        <v>0</v>
      </c>
    </row>
    <row r="34298" spans="1:7" x14ac:dyDescent="0.3">
      <c r="A34298" s="13" t="s">
        <v>210</v>
      </c>
      <c r="B34298" s="14" t="s">
        <v>1</v>
      </c>
      <c r="C34298" s="14" t="s">
        <v>137</v>
      </c>
      <c r="D34298" s="14" t="s">
        <v>211</v>
      </c>
      <c r="E34298" s="15">
        <v>45729</v>
      </c>
      <c r="F34298" s="14" t="s">
        <v>15</v>
      </c>
      <c r="G34298" s="16">
        <v>0</v>
      </c>
    </row>
    <row r="34299" spans="1:7" x14ac:dyDescent="0.3">
      <c r="A34299" s="13" t="s">
        <v>210</v>
      </c>
      <c r="B34299" s="14" t="s">
        <v>1</v>
      </c>
      <c r="C34299" s="14" t="s">
        <v>137</v>
      </c>
      <c r="D34299" s="14" t="s">
        <v>211</v>
      </c>
      <c r="E34299" s="15">
        <v>45730</v>
      </c>
      <c r="F34299" s="14" t="s">
        <v>15</v>
      </c>
      <c r="G34299" s="16">
        <v>0</v>
      </c>
    </row>
    <row r="34300" spans="1:7" x14ac:dyDescent="0.3">
      <c r="A34300" s="13" t="s">
        <v>210</v>
      </c>
      <c r="B34300" s="14" t="s">
        <v>1</v>
      </c>
      <c r="C34300" s="14" t="s">
        <v>137</v>
      </c>
      <c r="D34300" s="14" t="s">
        <v>211</v>
      </c>
      <c r="E34300" s="15">
        <v>45731</v>
      </c>
      <c r="F34300" s="14" t="s">
        <v>15</v>
      </c>
      <c r="G34300" s="16">
        <v>0</v>
      </c>
    </row>
    <row r="34301" spans="1:7" x14ac:dyDescent="0.3">
      <c r="A34301" s="13" t="s">
        <v>210</v>
      </c>
      <c r="B34301" s="14" t="s">
        <v>1</v>
      </c>
      <c r="C34301" s="14" t="s">
        <v>137</v>
      </c>
      <c r="D34301" s="14" t="s">
        <v>211</v>
      </c>
      <c r="E34301" s="15">
        <v>45732</v>
      </c>
      <c r="F34301" s="14" t="s">
        <v>15</v>
      </c>
      <c r="G34301" s="16">
        <v>0</v>
      </c>
    </row>
    <row r="34302" spans="1:7" x14ac:dyDescent="0.3">
      <c r="A34302" s="13" t="s">
        <v>210</v>
      </c>
      <c r="B34302" s="14" t="s">
        <v>1</v>
      </c>
      <c r="C34302" s="14" t="s">
        <v>137</v>
      </c>
      <c r="D34302" s="14" t="s">
        <v>211</v>
      </c>
      <c r="E34302" s="15">
        <v>45733</v>
      </c>
      <c r="F34302" s="14" t="s">
        <v>15</v>
      </c>
      <c r="G34302" s="16">
        <v>0</v>
      </c>
    </row>
    <row r="34303" spans="1:7" x14ac:dyDescent="0.3">
      <c r="A34303" s="13" t="s">
        <v>210</v>
      </c>
      <c r="B34303" s="14" t="s">
        <v>1</v>
      </c>
      <c r="C34303" s="14" t="s">
        <v>137</v>
      </c>
      <c r="D34303" s="14" t="s">
        <v>211</v>
      </c>
      <c r="E34303" s="15">
        <v>45734</v>
      </c>
      <c r="F34303" s="14" t="s">
        <v>15</v>
      </c>
      <c r="G34303" s="16">
        <v>0</v>
      </c>
    </row>
    <row r="34304" spans="1:7" x14ac:dyDescent="0.3">
      <c r="A34304" s="13" t="s">
        <v>210</v>
      </c>
      <c r="B34304" s="14" t="s">
        <v>1</v>
      </c>
      <c r="C34304" s="14" t="s">
        <v>137</v>
      </c>
      <c r="D34304" s="14" t="s">
        <v>211</v>
      </c>
      <c r="E34304" s="15">
        <v>45735</v>
      </c>
      <c r="F34304" s="14" t="s">
        <v>15</v>
      </c>
      <c r="G34304" s="16">
        <v>0</v>
      </c>
    </row>
    <row r="34305" spans="1:7" x14ac:dyDescent="0.3">
      <c r="A34305" s="13" t="s">
        <v>210</v>
      </c>
      <c r="B34305" s="14" t="s">
        <v>1</v>
      </c>
      <c r="C34305" s="14" t="s">
        <v>137</v>
      </c>
      <c r="D34305" s="14" t="s">
        <v>211</v>
      </c>
      <c r="E34305" s="15">
        <v>45736</v>
      </c>
      <c r="F34305" s="14" t="s">
        <v>15</v>
      </c>
      <c r="G34305" s="16">
        <v>0</v>
      </c>
    </row>
    <row r="34306" spans="1:7" x14ac:dyDescent="0.3">
      <c r="A34306" s="13" t="s">
        <v>210</v>
      </c>
      <c r="B34306" s="14" t="s">
        <v>1</v>
      </c>
      <c r="C34306" s="14" t="s">
        <v>137</v>
      </c>
      <c r="D34306" s="14" t="s">
        <v>211</v>
      </c>
      <c r="E34306" s="15">
        <v>45737</v>
      </c>
      <c r="F34306" s="14" t="s">
        <v>15</v>
      </c>
      <c r="G34306" s="16">
        <v>0</v>
      </c>
    </row>
    <row r="34307" spans="1:7" x14ac:dyDescent="0.3">
      <c r="A34307" s="13" t="s">
        <v>210</v>
      </c>
      <c r="B34307" s="14" t="s">
        <v>1</v>
      </c>
      <c r="C34307" s="14" t="s">
        <v>137</v>
      </c>
      <c r="D34307" s="14" t="s">
        <v>211</v>
      </c>
      <c r="E34307" s="15">
        <v>45738</v>
      </c>
      <c r="F34307" s="14" t="s">
        <v>15</v>
      </c>
      <c r="G34307" s="16">
        <v>0</v>
      </c>
    </row>
    <row r="34308" spans="1:7" x14ac:dyDescent="0.3">
      <c r="A34308" s="13" t="s">
        <v>210</v>
      </c>
      <c r="B34308" s="14" t="s">
        <v>1</v>
      </c>
      <c r="C34308" s="14" t="s">
        <v>137</v>
      </c>
      <c r="D34308" s="14" t="s">
        <v>211</v>
      </c>
      <c r="E34308" s="15">
        <v>45739</v>
      </c>
      <c r="F34308" s="14" t="s">
        <v>15</v>
      </c>
      <c r="G34308" s="16">
        <v>0</v>
      </c>
    </row>
    <row r="34309" spans="1:7" x14ac:dyDescent="0.3">
      <c r="A34309" s="13" t="s">
        <v>210</v>
      </c>
      <c r="B34309" s="14" t="s">
        <v>1</v>
      </c>
      <c r="C34309" s="14" t="s">
        <v>137</v>
      </c>
      <c r="D34309" s="14" t="s">
        <v>211</v>
      </c>
      <c r="E34309" s="15">
        <v>45740</v>
      </c>
      <c r="F34309" s="14" t="s">
        <v>15</v>
      </c>
      <c r="G34309" s="16">
        <v>0</v>
      </c>
    </row>
    <row r="34310" spans="1:7" x14ac:dyDescent="0.3">
      <c r="A34310" s="13" t="s">
        <v>210</v>
      </c>
      <c r="B34310" s="14" t="s">
        <v>1</v>
      </c>
      <c r="C34310" s="14" t="s">
        <v>137</v>
      </c>
      <c r="D34310" s="14" t="s">
        <v>211</v>
      </c>
      <c r="E34310" s="15">
        <v>45741</v>
      </c>
      <c r="F34310" s="14" t="s">
        <v>15</v>
      </c>
      <c r="G34310" s="16">
        <v>0</v>
      </c>
    </row>
    <row r="34311" spans="1:7" x14ac:dyDescent="0.3">
      <c r="A34311" s="13" t="s">
        <v>210</v>
      </c>
      <c r="B34311" s="14" t="s">
        <v>1</v>
      </c>
      <c r="C34311" s="14" t="s">
        <v>137</v>
      </c>
      <c r="D34311" s="14" t="s">
        <v>211</v>
      </c>
      <c r="E34311" s="15">
        <v>45742</v>
      </c>
      <c r="F34311" s="14" t="s">
        <v>15</v>
      </c>
      <c r="G34311" s="16">
        <v>0</v>
      </c>
    </row>
    <row r="34312" spans="1:7" x14ac:dyDescent="0.3">
      <c r="A34312" s="13" t="s">
        <v>210</v>
      </c>
      <c r="B34312" s="14" t="s">
        <v>1</v>
      </c>
      <c r="C34312" s="14" t="s">
        <v>137</v>
      </c>
      <c r="D34312" s="14" t="s">
        <v>211</v>
      </c>
      <c r="E34312" s="15">
        <v>45743</v>
      </c>
      <c r="F34312" s="14" t="s">
        <v>15</v>
      </c>
      <c r="G34312" s="16">
        <v>0</v>
      </c>
    </row>
    <row r="34313" spans="1:7" x14ac:dyDescent="0.3">
      <c r="A34313" s="13" t="s">
        <v>210</v>
      </c>
      <c r="B34313" s="14" t="s">
        <v>1</v>
      </c>
      <c r="C34313" s="14" t="s">
        <v>137</v>
      </c>
      <c r="D34313" s="14" t="s">
        <v>211</v>
      </c>
      <c r="E34313" s="15">
        <v>45744</v>
      </c>
      <c r="F34313" s="14" t="s">
        <v>15</v>
      </c>
      <c r="G34313" s="16">
        <v>0</v>
      </c>
    </row>
    <row r="34314" spans="1:7" x14ac:dyDescent="0.3">
      <c r="A34314" s="13" t="s">
        <v>210</v>
      </c>
      <c r="B34314" s="14" t="s">
        <v>1</v>
      </c>
      <c r="C34314" s="14" t="s">
        <v>137</v>
      </c>
      <c r="D34314" s="14" t="s">
        <v>211</v>
      </c>
      <c r="E34314" s="15">
        <v>45745</v>
      </c>
      <c r="F34314" s="14" t="s">
        <v>15</v>
      </c>
      <c r="G34314" s="16">
        <v>0</v>
      </c>
    </row>
    <row r="34315" spans="1:7" x14ac:dyDescent="0.3">
      <c r="A34315" s="13" t="s">
        <v>210</v>
      </c>
      <c r="B34315" s="14" t="s">
        <v>1</v>
      </c>
      <c r="C34315" s="14" t="s">
        <v>137</v>
      </c>
      <c r="D34315" s="14" t="s">
        <v>211</v>
      </c>
      <c r="E34315" s="15">
        <v>45746</v>
      </c>
      <c r="F34315" s="14" t="s">
        <v>15</v>
      </c>
      <c r="G34315" s="16">
        <v>0</v>
      </c>
    </row>
    <row r="34316" spans="1:7" x14ac:dyDescent="0.3">
      <c r="A34316" s="13" t="s">
        <v>210</v>
      </c>
      <c r="B34316" s="14" t="s">
        <v>1</v>
      </c>
      <c r="C34316" s="14" t="s">
        <v>137</v>
      </c>
      <c r="D34316" s="14" t="s">
        <v>211</v>
      </c>
      <c r="E34316" s="15">
        <v>45747</v>
      </c>
      <c r="F34316" s="14" t="s">
        <v>15</v>
      </c>
      <c r="G34316" s="16">
        <v>0</v>
      </c>
    </row>
    <row r="34317" spans="1:7" x14ac:dyDescent="0.3">
      <c r="A34317" s="13" t="s">
        <v>212</v>
      </c>
      <c r="B34317" s="14" t="s">
        <v>1</v>
      </c>
      <c r="C34317" s="14" t="s">
        <v>59</v>
      </c>
      <c r="D34317" s="14" t="s">
        <v>213</v>
      </c>
      <c r="E34317" s="15">
        <v>45383</v>
      </c>
      <c r="F34317" s="14" t="s">
        <v>25</v>
      </c>
      <c r="G34317" s="16">
        <v>0</v>
      </c>
    </row>
    <row r="34318" spans="1:7" x14ac:dyDescent="0.3">
      <c r="A34318" s="13" t="s">
        <v>212</v>
      </c>
      <c r="B34318" s="14" t="s">
        <v>1</v>
      </c>
      <c r="C34318" s="14" t="s">
        <v>59</v>
      </c>
      <c r="D34318" s="14" t="s">
        <v>213</v>
      </c>
      <c r="E34318" s="15">
        <v>45384</v>
      </c>
      <c r="F34318" s="14" t="s">
        <v>25</v>
      </c>
      <c r="G34318" s="16">
        <v>0</v>
      </c>
    </row>
    <row r="34319" spans="1:7" x14ac:dyDescent="0.3">
      <c r="A34319" s="13" t="s">
        <v>212</v>
      </c>
      <c r="B34319" s="14" t="s">
        <v>1</v>
      </c>
      <c r="C34319" s="14" t="s">
        <v>59</v>
      </c>
      <c r="D34319" s="14" t="s">
        <v>213</v>
      </c>
      <c r="E34319" s="15">
        <v>45385</v>
      </c>
      <c r="F34319" s="14" t="s">
        <v>25</v>
      </c>
      <c r="G34319" s="16">
        <v>0</v>
      </c>
    </row>
    <row r="34320" spans="1:7" x14ac:dyDescent="0.3">
      <c r="A34320" s="13" t="s">
        <v>212</v>
      </c>
      <c r="B34320" s="14" t="s">
        <v>1</v>
      </c>
      <c r="C34320" s="14" t="s">
        <v>59</v>
      </c>
      <c r="D34320" s="14" t="s">
        <v>213</v>
      </c>
      <c r="E34320" s="15">
        <v>45386</v>
      </c>
      <c r="F34320" s="14" t="s">
        <v>25</v>
      </c>
      <c r="G34320" s="16">
        <v>0</v>
      </c>
    </row>
    <row r="34321" spans="1:7" x14ac:dyDescent="0.3">
      <c r="A34321" s="13" t="s">
        <v>212</v>
      </c>
      <c r="B34321" s="14" t="s">
        <v>1</v>
      </c>
      <c r="C34321" s="14" t="s">
        <v>59</v>
      </c>
      <c r="D34321" s="14" t="s">
        <v>213</v>
      </c>
      <c r="E34321" s="15">
        <v>45387</v>
      </c>
      <c r="F34321" s="14" t="s">
        <v>25</v>
      </c>
      <c r="G34321" s="16">
        <v>0</v>
      </c>
    </row>
    <row r="34322" spans="1:7" x14ac:dyDescent="0.3">
      <c r="A34322" s="13" t="s">
        <v>212</v>
      </c>
      <c r="B34322" s="14" t="s">
        <v>1</v>
      </c>
      <c r="C34322" s="14" t="s">
        <v>59</v>
      </c>
      <c r="D34322" s="14" t="s">
        <v>213</v>
      </c>
      <c r="E34322" s="15">
        <v>45388</v>
      </c>
      <c r="F34322" s="14" t="s">
        <v>25</v>
      </c>
      <c r="G34322" s="16">
        <v>0</v>
      </c>
    </row>
    <row r="34323" spans="1:7" x14ac:dyDescent="0.3">
      <c r="A34323" s="13" t="s">
        <v>212</v>
      </c>
      <c r="B34323" s="14" t="s">
        <v>1</v>
      </c>
      <c r="C34323" s="14" t="s">
        <v>59</v>
      </c>
      <c r="D34323" s="14" t="s">
        <v>213</v>
      </c>
      <c r="E34323" s="15">
        <v>45389</v>
      </c>
      <c r="F34323" s="14" t="s">
        <v>25</v>
      </c>
      <c r="G34323" s="16">
        <v>0</v>
      </c>
    </row>
    <row r="34324" spans="1:7" x14ac:dyDescent="0.3">
      <c r="A34324" s="13" t="s">
        <v>212</v>
      </c>
      <c r="B34324" s="14" t="s">
        <v>1</v>
      </c>
      <c r="C34324" s="14" t="s">
        <v>59</v>
      </c>
      <c r="D34324" s="14" t="s">
        <v>213</v>
      </c>
      <c r="E34324" s="15">
        <v>45390</v>
      </c>
      <c r="F34324" s="14" t="s">
        <v>25</v>
      </c>
      <c r="G34324" s="16">
        <v>0</v>
      </c>
    </row>
    <row r="34325" spans="1:7" x14ac:dyDescent="0.3">
      <c r="A34325" s="13" t="s">
        <v>212</v>
      </c>
      <c r="B34325" s="14" t="s">
        <v>1</v>
      </c>
      <c r="C34325" s="14" t="s">
        <v>59</v>
      </c>
      <c r="D34325" s="14" t="s">
        <v>213</v>
      </c>
      <c r="E34325" s="15">
        <v>45391</v>
      </c>
      <c r="F34325" s="14" t="s">
        <v>25</v>
      </c>
      <c r="G34325" s="16">
        <v>0</v>
      </c>
    </row>
    <row r="34326" spans="1:7" x14ac:dyDescent="0.3">
      <c r="A34326" s="13" t="s">
        <v>212</v>
      </c>
      <c r="B34326" s="14" t="s">
        <v>1</v>
      </c>
      <c r="C34326" s="14" t="s">
        <v>59</v>
      </c>
      <c r="D34326" s="14" t="s">
        <v>213</v>
      </c>
      <c r="E34326" s="15">
        <v>45392</v>
      </c>
      <c r="F34326" s="14" t="s">
        <v>25</v>
      </c>
      <c r="G34326" s="16">
        <v>0</v>
      </c>
    </row>
    <row r="34327" spans="1:7" x14ac:dyDescent="0.3">
      <c r="A34327" s="13" t="s">
        <v>212</v>
      </c>
      <c r="B34327" s="14" t="s">
        <v>1</v>
      </c>
      <c r="C34327" s="14" t="s">
        <v>59</v>
      </c>
      <c r="D34327" s="14" t="s">
        <v>213</v>
      </c>
      <c r="E34327" s="15">
        <v>45393</v>
      </c>
      <c r="F34327" s="14" t="s">
        <v>25</v>
      </c>
      <c r="G34327" s="16">
        <v>0</v>
      </c>
    </row>
    <row r="34328" spans="1:7" x14ac:dyDescent="0.3">
      <c r="A34328" s="13" t="s">
        <v>212</v>
      </c>
      <c r="B34328" s="14" t="s">
        <v>1</v>
      </c>
      <c r="C34328" s="14" t="s">
        <v>59</v>
      </c>
      <c r="D34328" s="14" t="s">
        <v>213</v>
      </c>
      <c r="E34328" s="15">
        <v>45394</v>
      </c>
      <c r="F34328" s="14" t="s">
        <v>25</v>
      </c>
      <c r="G34328" s="16">
        <v>0</v>
      </c>
    </row>
    <row r="34329" spans="1:7" x14ac:dyDescent="0.3">
      <c r="A34329" s="13" t="s">
        <v>212</v>
      </c>
      <c r="B34329" s="14" t="s">
        <v>1</v>
      </c>
      <c r="C34329" s="14" t="s">
        <v>59</v>
      </c>
      <c r="D34329" s="14" t="s">
        <v>213</v>
      </c>
      <c r="E34329" s="15">
        <v>45395</v>
      </c>
      <c r="F34329" s="14" t="s">
        <v>25</v>
      </c>
      <c r="G34329" s="16">
        <v>0</v>
      </c>
    </row>
    <row r="34330" spans="1:7" x14ac:dyDescent="0.3">
      <c r="A34330" s="13" t="s">
        <v>212</v>
      </c>
      <c r="B34330" s="14" t="s">
        <v>1</v>
      </c>
      <c r="C34330" s="14" t="s">
        <v>59</v>
      </c>
      <c r="D34330" s="14" t="s">
        <v>213</v>
      </c>
      <c r="E34330" s="15">
        <v>45396</v>
      </c>
      <c r="F34330" s="14" t="s">
        <v>25</v>
      </c>
      <c r="G34330" s="16">
        <v>0</v>
      </c>
    </row>
    <row r="34331" spans="1:7" x14ac:dyDescent="0.3">
      <c r="A34331" s="13" t="s">
        <v>212</v>
      </c>
      <c r="B34331" s="14" t="s">
        <v>1</v>
      </c>
      <c r="C34331" s="14" t="s">
        <v>59</v>
      </c>
      <c r="D34331" s="14" t="s">
        <v>213</v>
      </c>
      <c r="E34331" s="15">
        <v>45397</v>
      </c>
      <c r="F34331" s="14" t="s">
        <v>25</v>
      </c>
      <c r="G34331" s="16">
        <v>0</v>
      </c>
    </row>
    <row r="34332" spans="1:7" x14ac:dyDescent="0.3">
      <c r="A34332" s="13" t="s">
        <v>212</v>
      </c>
      <c r="B34332" s="14" t="s">
        <v>1</v>
      </c>
      <c r="C34332" s="14" t="s">
        <v>59</v>
      </c>
      <c r="D34332" s="14" t="s">
        <v>213</v>
      </c>
      <c r="E34332" s="15">
        <v>45398</v>
      </c>
      <c r="F34332" s="14" t="s">
        <v>25</v>
      </c>
      <c r="G34332" s="16">
        <v>0</v>
      </c>
    </row>
    <row r="34333" spans="1:7" x14ac:dyDescent="0.3">
      <c r="A34333" s="13" t="s">
        <v>212</v>
      </c>
      <c r="B34333" s="14" t="s">
        <v>1</v>
      </c>
      <c r="C34333" s="14" t="s">
        <v>59</v>
      </c>
      <c r="D34333" s="14" t="s">
        <v>213</v>
      </c>
      <c r="E34333" s="15">
        <v>45399</v>
      </c>
      <c r="F34333" s="14" t="s">
        <v>25</v>
      </c>
      <c r="G34333" s="16">
        <v>0</v>
      </c>
    </row>
    <row r="34334" spans="1:7" x14ac:dyDescent="0.3">
      <c r="A34334" s="13" t="s">
        <v>212</v>
      </c>
      <c r="B34334" s="14" t="s">
        <v>1</v>
      </c>
      <c r="C34334" s="14" t="s">
        <v>59</v>
      </c>
      <c r="D34334" s="14" t="s">
        <v>213</v>
      </c>
      <c r="E34334" s="15">
        <v>45400</v>
      </c>
      <c r="F34334" s="14" t="s">
        <v>25</v>
      </c>
      <c r="G34334" s="16">
        <v>0</v>
      </c>
    </row>
    <row r="34335" spans="1:7" x14ac:dyDescent="0.3">
      <c r="A34335" s="13" t="s">
        <v>212</v>
      </c>
      <c r="B34335" s="14" t="s">
        <v>1</v>
      </c>
      <c r="C34335" s="14" t="s">
        <v>59</v>
      </c>
      <c r="D34335" s="14" t="s">
        <v>213</v>
      </c>
      <c r="E34335" s="15">
        <v>45401</v>
      </c>
      <c r="F34335" s="14" t="s">
        <v>25</v>
      </c>
      <c r="G34335" s="16">
        <v>0</v>
      </c>
    </row>
    <row r="34336" spans="1:7" x14ac:dyDescent="0.3">
      <c r="A34336" s="13" t="s">
        <v>212</v>
      </c>
      <c r="B34336" s="14" t="s">
        <v>1</v>
      </c>
      <c r="C34336" s="14" t="s">
        <v>59</v>
      </c>
      <c r="D34336" s="14" t="s">
        <v>213</v>
      </c>
      <c r="E34336" s="15">
        <v>45402</v>
      </c>
      <c r="F34336" s="14" t="s">
        <v>25</v>
      </c>
      <c r="G34336" s="16">
        <v>0</v>
      </c>
    </row>
    <row r="34337" spans="1:7" x14ac:dyDescent="0.3">
      <c r="A34337" s="13" t="s">
        <v>212</v>
      </c>
      <c r="B34337" s="14" t="s">
        <v>1</v>
      </c>
      <c r="C34337" s="14" t="s">
        <v>59</v>
      </c>
      <c r="D34337" s="14" t="s">
        <v>213</v>
      </c>
      <c r="E34337" s="15">
        <v>45403</v>
      </c>
      <c r="F34337" s="14" t="s">
        <v>25</v>
      </c>
      <c r="G34337" s="16">
        <v>0</v>
      </c>
    </row>
    <row r="34338" spans="1:7" x14ac:dyDescent="0.3">
      <c r="A34338" s="13" t="s">
        <v>212</v>
      </c>
      <c r="B34338" s="14" t="s">
        <v>1</v>
      </c>
      <c r="C34338" s="14" t="s">
        <v>59</v>
      </c>
      <c r="D34338" s="14" t="s">
        <v>213</v>
      </c>
      <c r="E34338" s="15">
        <v>45404</v>
      </c>
      <c r="F34338" s="14" t="s">
        <v>25</v>
      </c>
      <c r="G34338" s="16">
        <v>0</v>
      </c>
    </row>
    <row r="34339" spans="1:7" x14ac:dyDescent="0.3">
      <c r="A34339" s="13" t="s">
        <v>212</v>
      </c>
      <c r="B34339" s="14" t="s">
        <v>1</v>
      </c>
      <c r="C34339" s="14" t="s">
        <v>59</v>
      </c>
      <c r="D34339" s="14" t="s">
        <v>213</v>
      </c>
      <c r="E34339" s="15">
        <v>45405</v>
      </c>
      <c r="F34339" s="14" t="s">
        <v>25</v>
      </c>
      <c r="G34339" s="16">
        <v>0</v>
      </c>
    </row>
    <row r="34340" spans="1:7" x14ac:dyDescent="0.3">
      <c r="A34340" s="13" t="s">
        <v>212</v>
      </c>
      <c r="B34340" s="14" t="s">
        <v>1</v>
      </c>
      <c r="C34340" s="14" t="s">
        <v>59</v>
      </c>
      <c r="D34340" s="14" t="s">
        <v>213</v>
      </c>
      <c r="E34340" s="15">
        <v>45406</v>
      </c>
      <c r="F34340" s="14" t="s">
        <v>25</v>
      </c>
      <c r="G34340" s="16">
        <v>0</v>
      </c>
    </row>
    <row r="34341" spans="1:7" x14ac:dyDescent="0.3">
      <c r="A34341" s="13" t="s">
        <v>212</v>
      </c>
      <c r="B34341" s="14" t="s">
        <v>1</v>
      </c>
      <c r="C34341" s="14" t="s">
        <v>59</v>
      </c>
      <c r="D34341" s="14" t="s">
        <v>213</v>
      </c>
      <c r="E34341" s="15">
        <v>45407</v>
      </c>
      <c r="F34341" s="14" t="s">
        <v>25</v>
      </c>
      <c r="G34341" s="16">
        <v>0</v>
      </c>
    </row>
    <row r="34342" spans="1:7" x14ac:dyDescent="0.3">
      <c r="A34342" s="13" t="s">
        <v>212</v>
      </c>
      <c r="B34342" s="14" t="s">
        <v>1</v>
      </c>
      <c r="C34342" s="14" t="s">
        <v>59</v>
      </c>
      <c r="D34342" s="14" t="s">
        <v>213</v>
      </c>
      <c r="E34342" s="15">
        <v>45408</v>
      </c>
      <c r="F34342" s="14" t="s">
        <v>25</v>
      </c>
      <c r="G34342" s="16">
        <v>0</v>
      </c>
    </row>
    <row r="34343" spans="1:7" x14ac:dyDescent="0.3">
      <c r="A34343" s="13" t="s">
        <v>212</v>
      </c>
      <c r="B34343" s="14" t="s">
        <v>1</v>
      </c>
      <c r="C34343" s="14" t="s">
        <v>59</v>
      </c>
      <c r="D34343" s="14" t="s">
        <v>213</v>
      </c>
      <c r="E34343" s="15">
        <v>45409</v>
      </c>
      <c r="F34343" s="14" t="s">
        <v>25</v>
      </c>
      <c r="G34343" s="16">
        <v>0</v>
      </c>
    </row>
    <row r="34344" spans="1:7" x14ac:dyDescent="0.3">
      <c r="A34344" s="13" t="s">
        <v>212</v>
      </c>
      <c r="B34344" s="14" t="s">
        <v>1</v>
      </c>
      <c r="C34344" s="14" t="s">
        <v>59</v>
      </c>
      <c r="D34344" s="14" t="s">
        <v>213</v>
      </c>
      <c r="E34344" s="15">
        <v>45410</v>
      </c>
      <c r="F34344" s="14" t="s">
        <v>25</v>
      </c>
      <c r="G34344" s="16">
        <v>0</v>
      </c>
    </row>
    <row r="34345" spans="1:7" x14ac:dyDescent="0.3">
      <c r="A34345" s="13" t="s">
        <v>212</v>
      </c>
      <c r="B34345" s="14" t="s">
        <v>1</v>
      </c>
      <c r="C34345" s="14" t="s">
        <v>59</v>
      </c>
      <c r="D34345" s="14" t="s">
        <v>213</v>
      </c>
      <c r="E34345" s="15">
        <v>45411</v>
      </c>
      <c r="F34345" s="14" t="s">
        <v>25</v>
      </c>
      <c r="G34345" s="16">
        <v>0</v>
      </c>
    </row>
    <row r="34346" spans="1:7" x14ac:dyDescent="0.3">
      <c r="A34346" s="13" t="s">
        <v>212</v>
      </c>
      <c r="B34346" s="14" t="s">
        <v>1</v>
      </c>
      <c r="C34346" s="14" t="s">
        <v>59</v>
      </c>
      <c r="D34346" s="14" t="s">
        <v>213</v>
      </c>
      <c r="E34346" s="15">
        <v>45412</v>
      </c>
      <c r="F34346" s="14" t="s">
        <v>25</v>
      </c>
      <c r="G34346" s="16">
        <v>0</v>
      </c>
    </row>
    <row r="34347" spans="1:7" x14ac:dyDescent="0.3">
      <c r="A34347" s="13" t="s">
        <v>212</v>
      </c>
      <c r="B34347" s="14" t="s">
        <v>1</v>
      </c>
      <c r="C34347" s="14" t="s">
        <v>59</v>
      </c>
      <c r="D34347" s="14" t="s">
        <v>213</v>
      </c>
      <c r="E34347" s="15">
        <v>45413</v>
      </c>
      <c r="F34347" s="14" t="s">
        <v>25</v>
      </c>
      <c r="G34347" s="16">
        <v>0</v>
      </c>
    </row>
    <row r="34348" spans="1:7" x14ac:dyDescent="0.3">
      <c r="A34348" s="13" t="s">
        <v>212</v>
      </c>
      <c r="B34348" s="14" t="s">
        <v>1</v>
      </c>
      <c r="C34348" s="14" t="s">
        <v>59</v>
      </c>
      <c r="D34348" s="14" t="s">
        <v>213</v>
      </c>
      <c r="E34348" s="15">
        <v>45414</v>
      </c>
      <c r="F34348" s="14" t="s">
        <v>25</v>
      </c>
      <c r="G34348" s="16">
        <v>0</v>
      </c>
    </row>
    <row r="34349" spans="1:7" x14ac:dyDescent="0.3">
      <c r="A34349" s="13" t="s">
        <v>212</v>
      </c>
      <c r="B34349" s="14" t="s">
        <v>1</v>
      </c>
      <c r="C34349" s="14" t="s">
        <v>59</v>
      </c>
      <c r="D34349" s="14" t="s">
        <v>213</v>
      </c>
      <c r="E34349" s="15">
        <v>45415</v>
      </c>
      <c r="F34349" s="14" t="s">
        <v>25</v>
      </c>
      <c r="G34349" s="16">
        <v>0</v>
      </c>
    </row>
    <row r="34350" spans="1:7" x14ac:dyDescent="0.3">
      <c r="A34350" s="13" t="s">
        <v>212</v>
      </c>
      <c r="B34350" s="14" t="s">
        <v>1</v>
      </c>
      <c r="C34350" s="14" t="s">
        <v>59</v>
      </c>
      <c r="D34350" s="14" t="s">
        <v>213</v>
      </c>
      <c r="E34350" s="15">
        <v>45416</v>
      </c>
      <c r="F34350" s="14" t="s">
        <v>25</v>
      </c>
      <c r="G34350" s="16">
        <v>0</v>
      </c>
    </row>
    <row r="34351" spans="1:7" x14ac:dyDescent="0.3">
      <c r="A34351" s="13" t="s">
        <v>212</v>
      </c>
      <c r="B34351" s="14" t="s">
        <v>1</v>
      </c>
      <c r="C34351" s="14" t="s">
        <v>59</v>
      </c>
      <c r="D34351" s="14" t="s">
        <v>213</v>
      </c>
      <c r="E34351" s="15">
        <v>45417</v>
      </c>
      <c r="F34351" s="14" t="s">
        <v>25</v>
      </c>
      <c r="G34351" s="16">
        <v>0</v>
      </c>
    </row>
    <row r="34352" spans="1:7" x14ac:dyDescent="0.3">
      <c r="A34352" s="13" t="s">
        <v>212</v>
      </c>
      <c r="B34352" s="14" t="s">
        <v>1</v>
      </c>
      <c r="C34352" s="14" t="s">
        <v>59</v>
      </c>
      <c r="D34352" s="14" t="s">
        <v>213</v>
      </c>
      <c r="E34352" s="15">
        <v>45418</v>
      </c>
      <c r="F34352" s="14" t="s">
        <v>25</v>
      </c>
      <c r="G34352" s="16">
        <v>0</v>
      </c>
    </row>
    <row r="34353" spans="1:7" x14ac:dyDescent="0.3">
      <c r="A34353" s="13" t="s">
        <v>212</v>
      </c>
      <c r="B34353" s="14" t="s">
        <v>1</v>
      </c>
      <c r="C34353" s="14" t="s">
        <v>59</v>
      </c>
      <c r="D34353" s="14" t="s">
        <v>213</v>
      </c>
      <c r="E34353" s="15">
        <v>45419</v>
      </c>
      <c r="F34353" s="14" t="s">
        <v>25</v>
      </c>
      <c r="G34353" s="16">
        <v>0</v>
      </c>
    </row>
    <row r="34354" spans="1:7" x14ac:dyDescent="0.3">
      <c r="A34354" s="13" t="s">
        <v>212</v>
      </c>
      <c r="B34354" s="14" t="s">
        <v>1</v>
      </c>
      <c r="C34354" s="14" t="s">
        <v>59</v>
      </c>
      <c r="D34354" s="14" t="s">
        <v>213</v>
      </c>
      <c r="E34354" s="15">
        <v>45420</v>
      </c>
      <c r="F34354" s="14" t="s">
        <v>25</v>
      </c>
      <c r="G34354" s="16">
        <v>0</v>
      </c>
    </row>
    <row r="34355" spans="1:7" x14ac:dyDescent="0.3">
      <c r="A34355" s="13" t="s">
        <v>212</v>
      </c>
      <c r="B34355" s="14" t="s">
        <v>1</v>
      </c>
      <c r="C34355" s="14" t="s">
        <v>59</v>
      </c>
      <c r="D34355" s="14" t="s">
        <v>213</v>
      </c>
      <c r="E34355" s="15">
        <v>45421</v>
      </c>
      <c r="F34355" s="14" t="s">
        <v>25</v>
      </c>
      <c r="G34355" s="16">
        <v>0</v>
      </c>
    </row>
    <row r="34356" spans="1:7" x14ac:dyDescent="0.3">
      <c r="A34356" s="13" t="s">
        <v>212</v>
      </c>
      <c r="B34356" s="14" t="s">
        <v>1</v>
      </c>
      <c r="C34356" s="14" t="s">
        <v>59</v>
      </c>
      <c r="D34356" s="14" t="s">
        <v>213</v>
      </c>
      <c r="E34356" s="15">
        <v>45422</v>
      </c>
      <c r="F34356" s="14" t="s">
        <v>25</v>
      </c>
      <c r="G34356" s="16">
        <v>0</v>
      </c>
    </row>
    <row r="34357" spans="1:7" x14ac:dyDescent="0.3">
      <c r="A34357" s="13" t="s">
        <v>212</v>
      </c>
      <c r="B34357" s="14" t="s">
        <v>1</v>
      </c>
      <c r="C34357" s="14" t="s">
        <v>59</v>
      </c>
      <c r="D34357" s="14" t="s">
        <v>213</v>
      </c>
      <c r="E34357" s="15">
        <v>45423</v>
      </c>
      <c r="F34357" s="14" t="s">
        <v>25</v>
      </c>
      <c r="G34357" s="16">
        <v>0</v>
      </c>
    </row>
    <row r="34358" spans="1:7" x14ac:dyDescent="0.3">
      <c r="A34358" s="13" t="s">
        <v>212</v>
      </c>
      <c r="B34358" s="14" t="s">
        <v>1</v>
      </c>
      <c r="C34358" s="14" t="s">
        <v>59</v>
      </c>
      <c r="D34358" s="14" t="s">
        <v>213</v>
      </c>
      <c r="E34358" s="15">
        <v>45424</v>
      </c>
      <c r="F34358" s="14" t="s">
        <v>25</v>
      </c>
      <c r="G34358" s="16">
        <v>0</v>
      </c>
    </row>
    <row r="34359" spans="1:7" x14ac:dyDescent="0.3">
      <c r="A34359" s="13" t="s">
        <v>212</v>
      </c>
      <c r="B34359" s="14" t="s">
        <v>1</v>
      </c>
      <c r="C34359" s="14" t="s">
        <v>59</v>
      </c>
      <c r="D34359" s="14" t="s">
        <v>213</v>
      </c>
      <c r="E34359" s="15">
        <v>45425</v>
      </c>
      <c r="F34359" s="14" t="s">
        <v>25</v>
      </c>
      <c r="G34359" s="16">
        <v>0</v>
      </c>
    </row>
    <row r="34360" spans="1:7" x14ac:dyDescent="0.3">
      <c r="A34360" s="13" t="s">
        <v>212</v>
      </c>
      <c r="B34360" s="14" t="s">
        <v>1</v>
      </c>
      <c r="C34360" s="14" t="s">
        <v>59</v>
      </c>
      <c r="D34360" s="14" t="s">
        <v>213</v>
      </c>
      <c r="E34360" s="15">
        <v>45426</v>
      </c>
      <c r="F34360" s="14" t="s">
        <v>25</v>
      </c>
      <c r="G34360" s="16">
        <v>0</v>
      </c>
    </row>
    <row r="34361" spans="1:7" x14ac:dyDescent="0.3">
      <c r="A34361" s="13" t="s">
        <v>212</v>
      </c>
      <c r="B34361" s="14" t="s">
        <v>1</v>
      </c>
      <c r="C34361" s="14" t="s">
        <v>59</v>
      </c>
      <c r="D34361" s="14" t="s">
        <v>213</v>
      </c>
      <c r="E34361" s="15">
        <v>45427</v>
      </c>
      <c r="F34361" s="14" t="s">
        <v>25</v>
      </c>
      <c r="G34361" s="16">
        <v>0</v>
      </c>
    </row>
    <row r="34362" spans="1:7" x14ac:dyDescent="0.3">
      <c r="A34362" s="13" t="s">
        <v>212</v>
      </c>
      <c r="B34362" s="14" t="s">
        <v>1</v>
      </c>
      <c r="C34362" s="14" t="s">
        <v>59</v>
      </c>
      <c r="D34362" s="14" t="s">
        <v>213</v>
      </c>
      <c r="E34362" s="15">
        <v>45428</v>
      </c>
      <c r="F34362" s="14" t="s">
        <v>25</v>
      </c>
      <c r="G34362" s="16">
        <v>0</v>
      </c>
    </row>
    <row r="34363" spans="1:7" x14ac:dyDescent="0.3">
      <c r="A34363" s="13" t="s">
        <v>212</v>
      </c>
      <c r="B34363" s="14" t="s">
        <v>1</v>
      </c>
      <c r="C34363" s="14" t="s">
        <v>59</v>
      </c>
      <c r="D34363" s="14" t="s">
        <v>213</v>
      </c>
      <c r="E34363" s="15">
        <v>45429</v>
      </c>
      <c r="F34363" s="14" t="s">
        <v>25</v>
      </c>
      <c r="G34363" s="16">
        <v>0</v>
      </c>
    </row>
    <row r="34364" spans="1:7" x14ac:dyDescent="0.3">
      <c r="A34364" s="13" t="s">
        <v>212</v>
      </c>
      <c r="B34364" s="14" t="s">
        <v>1</v>
      </c>
      <c r="C34364" s="14" t="s">
        <v>59</v>
      </c>
      <c r="D34364" s="14" t="s">
        <v>213</v>
      </c>
      <c r="E34364" s="15">
        <v>45430</v>
      </c>
      <c r="F34364" s="14" t="s">
        <v>25</v>
      </c>
      <c r="G34364" s="16">
        <v>0</v>
      </c>
    </row>
    <row r="34365" spans="1:7" x14ac:dyDescent="0.3">
      <c r="A34365" s="13" t="s">
        <v>212</v>
      </c>
      <c r="B34365" s="14" t="s">
        <v>1</v>
      </c>
      <c r="C34365" s="14" t="s">
        <v>59</v>
      </c>
      <c r="D34365" s="14" t="s">
        <v>213</v>
      </c>
      <c r="E34365" s="15">
        <v>45431</v>
      </c>
      <c r="F34365" s="14" t="s">
        <v>25</v>
      </c>
      <c r="G34365" s="16">
        <v>0</v>
      </c>
    </row>
    <row r="34366" spans="1:7" x14ac:dyDescent="0.3">
      <c r="A34366" s="13" t="s">
        <v>212</v>
      </c>
      <c r="B34366" s="14" t="s">
        <v>1</v>
      </c>
      <c r="C34366" s="14" t="s">
        <v>59</v>
      </c>
      <c r="D34366" s="14" t="s">
        <v>213</v>
      </c>
      <c r="E34366" s="15">
        <v>45432</v>
      </c>
      <c r="F34366" s="14" t="s">
        <v>25</v>
      </c>
      <c r="G34366" s="16">
        <v>0</v>
      </c>
    </row>
    <row r="34367" spans="1:7" x14ac:dyDescent="0.3">
      <c r="A34367" s="13" t="s">
        <v>212</v>
      </c>
      <c r="B34367" s="14" t="s">
        <v>1</v>
      </c>
      <c r="C34367" s="14" t="s">
        <v>59</v>
      </c>
      <c r="D34367" s="14" t="s">
        <v>213</v>
      </c>
      <c r="E34367" s="15">
        <v>45433</v>
      </c>
      <c r="F34367" s="14" t="s">
        <v>25</v>
      </c>
      <c r="G34367" s="16">
        <v>0</v>
      </c>
    </row>
    <row r="34368" spans="1:7" x14ac:dyDescent="0.3">
      <c r="A34368" s="13" t="s">
        <v>212</v>
      </c>
      <c r="B34368" s="14" t="s">
        <v>1</v>
      </c>
      <c r="C34368" s="14" t="s">
        <v>59</v>
      </c>
      <c r="D34368" s="14" t="s">
        <v>213</v>
      </c>
      <c r="E34368" s="15">
        <v>45434</v>
      </c>
      <c r="F34368" s="14" t="s">
        <v>25</v>
      </c>
      <c r="G34368" s="16">
        <v>0</v>
      </c>
    </row>
    <row r="34369" spans="1:7" x14ac:dyDescent="0.3">
      <c r="A34369" s="13" t="s">
        <v>212</v>
      </c>
      <c r="B34369" s="14" t="s">
        <v>1</v>
      </c>
      <c r="C34369" s="14" t="s">
        <v>59</v>
      </c>
      <c r="D34369" s="14" t="s">
        <v>213</v>
      </c>
      <c r="E34369" s="15">
        <v>45435</v>
      </c>
      <c r="F34369" s="14" t="s">
        <v>25</v>
      </c>
      <c r="G34369" s="16">
        <v>0</v>
      </c>
    </row>
    <row r="34370" spans="1:7" x14ac:dyDescent="0.3">
      <c r="A34370" s="13" t="s">
        <v>212</v>
      </c>
      <c r="B34370" s="14" t="s">
        <v>1</v>
      </c>
      <c r="C34370" s="14" t="s">
        <v>59</v>
      </c>
      <c r="D34370" s="14" t="s">
        <v>213</v>
      </c>
      <c r="E34370" s="15">
        <v>45436</v>
      </c>
      <c r="F34370" s="14" t="s">
        <v>25</v>
      </c>
      <c r="G34370" s="16">
        <v>0</v>
      </c>
    </row>
    <row r="34371" spans="1:7" x14ac:dyDescent="0.3">
      <c r="A34371" s="13" t="s">
        <v>212</v>
      </c>
      <c r="B34371" s="14" t="s">
        <v>1</v>
      </c>
      <c r="C34371" s="14" t="s">
        <v>59</v>
      </c>
      <c r="D34371" s="14" t="s">
        <v>213</v>
      </c>
      <c r="E34371" s="15">
        <v>45437</v>
      </c>
      <c r="F34371" s="14" t="s">
        <v>25</v>
      </c>
      <c r="G34371" s="16">
        <v>0</v>
      </c>
    </row>
    <row r="34372" spans="1:7" x14ac:dyDescent="0.3">
      <c r="A34372" s="13" t="s">
        <v>212</v>
      </c>
      <c r="B34372" s="14" t="s">
        <v>1</v>
      </c>
      <c r="C34372" s="14" t="s">
        <v>59</v>
      </c>
      <c r="D34372" s="14" t="s">
        <v>213</v>
      </c>
      <c r="E34372" s="15">
        <v>45438</v>
      </c>
      <c r="F34372" s="14" t="s">
        <v>25</v>
      </c>
      <c r="G34372" s="16">
        <v>0</v>
      </c>
    </row>
    <row r="34373" spans="1:7" x14ac:dyDescent="0.3">
      <c r="A34373" s="13" t="s">
        <v>212</v>
      </c>
      <c r="B34373" s="14" t="s">
        <v>1</v>
      </c>
      <c r="C34373" s="14" t="s">
        <v>59</v>
      </c>
      <c r="D34373" s="14" t="s">
        <v>213</v>
      </c>
      <c r="E34373" s="15">
        <v>45439</v>
      </c>
      <c r="F34373" s="14" t="s">
        <v>25</v>
      </c>
      <c r="G34373" s="16">
        <v>0</v>
      </c>
    </row>
    <row r="34374" spans="1:7" x14ac:dyDescent="0.3">
      <c r="A34374" s="13" t="s">
        <v>212</v>
      </c>
      <c r="B34374" s="14" t="s">
        <v>1</v>
      </c>
      <c r="C34374" s="14" t="s">
        <v>59</v>
      </c>
      <c r="D34374" s="14" t="s">
        <v>213</v>
      </c>
      <c r="E34374" s="15">
        <v>45440</v>
      </c>
      <c r="F34374" s="14" t="s">
        <v>25</v>
      </c>
      <c r="G34374" s="16">
        <v>0</v>
      </c>
    </row>
    <row r="34375" spans="1:7" x14ac:dyDescent="0.3">
      <c r="A34375" s="13" t="s">
        <v>212</v>
      </c>
      <c r="B34375" s="14" t="s">
        <v>1</v>
      </c>
      <c r="C34375" s="14" t="s">
        <v>59</v>
      </c>
      <c r="D34375" s="14" t="s">
        <v>213</v>
      </c>
      <c r="E34375" s="15">
        <v>45441</v>
      </c>
      <c r="F34375" s="14" t="s">
        <v>25</v>
      </c>
      <c r="G34375" s="16">
        <v>0</v>
      </c>
    </row>
    <row r="34376" spans="1:7" x14ac:dyDescent="0.3">
      <c r="A34376" s="13" t="s">
        <v>212</v>
      </c>
      <c r="B34376" s="14" t="s">
        <v>1</v>
      </c>
      <c r="C34376" s="14" t="s">
        <v>59</v>
      </c>
      <c r="D34376" s="14" t="s">
        <v>213</v>
      </c>
      <c r="E34376" s="15">
        <v>45442</v>
      </c>
      <c r="F34376" s="14" t="s">
        <v>25</v>
      </c>
      <c r="G34376" s="16">
        <v>0</v>
      </c>
    </row>
    <row r="34377" spans="1:7" x14ac:dyDescent="0.3">
      <c r="A34377" s="13" t="s">
        <v>212</v>
      </c>
      <c r="B34377" s="14" t="s">
        <v>1</v>
      </c>
      <c r="C34377" s="14" t="s">
        <v>59</v>
      </c>
      <c r="D34377" s="14" t="s">
        <v>213</v>
      </c>
      <c r="E34377" s="15">
        <v>45443</v>
      </c>
      <c r="F34377" s="14" t="s">
        <v>25</v>
      </c>
      <c r="G34377" s="16">
        <v>0</v>
      </c>
    </row>
    <row r="34378" spans="1:7" x14ac:dyDescent="0.3">
      <c r="A34378" s="13" t="s">
        <v>212</v>
      </c>
      <c r="B34378" s="14" t="s">
        <v>1</v>
      </c>
      <c r="C34378" s="14" t="s">
        <v>59</v>
      </c>
      <c r="D34378" s="14" t="s">
        <v>213</v>
      </c>
      <c r="E34378" s="15">
        <v>45444</v>
      </c>
      <c r="F34378" s="14" t="s">
        <v>25</v>
      </c>
      <c r="G34378" s="16">
        <v>0</v>
      </c>
    </row>
    <row r="34379" spans="1:7" x14ac:dyDescent="0.3">
      <c r="A34379" s="13" t="s">
        <v>212</v>
      </c>
      <c r="B34379" s="14" t="s">
        <v>1</v>
      </c>
      <c r="C34379" s="14" t="s">
        <v>59</v>
      </c>
      <c r="D34379" s="14" t="s">
        <v>213</v>
      </c>
      <c r="E34379" s="15">
        <v>45445</v>
      </c>
      <c r="F34379" s="14" t="s">
        <v>25</v>
      </c>
      <c r="G34379" s="16">
        <v>0</v>
      </c>
    </row>
    <row r="34380" spans="1:7" x14ac:dyDescent="0.3">
      <c r="A34380" s="13" t="s">
        <v>212</v>
      </c>
      <c r="B34380" s="14" t="s">
        <v>1</v>
      </c>
      <c r="C34380" s="14" t="s">
        <v>59</v>
      </c>
      <c r="D34380" s="14" t="s">
        <v>213</v>
      </c>
      <c r="E34380" s="15">
        <v>45446</v>
      </c>
      <c r="F34380" s="14" t="s">
        <v>25</v>
      </c>
      <c r="G34380" s="16">
        <v>0</v>
      </c>
    </row>
    <row r="34381" spans="1:7" x14ac:dyDescent="0.3">
      <c r="A34381" s="13" t="s">
        <v>212</v>
      </c>
      <c r="B34381" s="14" t="s">
        <v>1</v>
      </c>
      <c r="C34381" s="14" t="s">
        <v>59</v>
      </c>
      <c r="D34381" s="14" t="s">
        <v>213</v>
      </c>
      <c r="E34381" s="15">
        <v>45447</v>
      </c>
      <c r="F34381" s="14" t="s">
        <v>25</v>
      </c>
      <c r="G34381" s="16">
        <v>0</v>
      </c>
    </row>
    <row r="34382" spans="1:7" x14ac:dyDescent="0.3">
      <c r="A34382" s="13" t="s">
        <v>212</v>
      </c>
      <c r="B34382" s="14" t="s">
        <v>1</v>
      </c>
      <c r="C34382" s="14" t="s">
        <v>59</v>
      </c>
      <c r="D34382" s="14" t="s">
        <v>213</v>
      </c>
      <c r="E34382" s="15">
        <v>45448</v>
      </c>
      <c r="F34382" s="14" t="s">
        <v>25</v>
      </c>
      <c r="G34382" s="16">
        <v>0</v>
      </c>
    </row>
    <row r="34383" spans="1:7" x14ac:dyDescent="0.3">
      <c r="A34383" s="13" t="s">
        <v>212</v>
      </c>
      <c r="B34383" s="14" t="s">
        <v>1</v>
      </c>
      <c r="C34383" s="14" t="s">
        <v>59</v>
      </c>
      <c r="D34383" s="14" t="s">
        <v>213</v>
      </c>
      <c r="E34383" s="15">
        <v>45449</v>
      </c>
      <c r="F34383" s="14" t="s">
        <v>25</v>
      </c>
      <c r="G34383" s="16">
        <v>0</v>
      </c>
    </row>
    <row r="34384" spans="1:7" x14ac:dyDescent="0.3">
      <c r="A34384" s="13" t="s">
        <v>212</v>
      </c>
      <c r="B34384" s="14" t="s">
        <v>1</v>
      </c>
      <c r="C34384" s="14" t="s">
        <v>59</v>
      </c>
      <c r="D34384" s="14" t="s">
        <v>213</v>
      </c>
      <c r="E34384" s="15">
        <v>45450</v>
      </c>
      <c r="F34384" s="14" t="s">
        <v>25</v>
      </c>
      <c r="G34384" s="16">
        <v>0</v>
      </c>
    </row>
    <row r="34385" spans="1:7" x14ac:dyDescent="0.3">
      <c r="A34385" s="13" t="s">
        <v>212</v>
      </c>
      <c r="B34385" s="14" t="s">
        <v>1</v>
      </c>
      <c r="C34385" s="14" t="s">
        <v>59</v>
      </c>
      <c r="D34385" s="14" t="s">
        <v>213</v>
      </c>
      <c r="E34385" s="15">
        <v>45451</v>
      </c>
      <c r="F34385" s="14" t="s">
        <v>25</v>
      </c>
      <c r="G34385" s="16">
        <v>0</v>
      </c>
    </row>
    <row r="34386" spans="1:7" x14ac:dyDescent="0.3">
      <c r="A34386" s="13" t="s">
        <v>212</v>
      </c>
      <c r="B34386" s="14" t="s">
        <v>1</v>
      </c>
      <c r="C34386" s="14" t="s">
        <v>59</v>
      </c>
      <c r="D34386" s="14" t="s">
        <v>213</v>
      </c>
      <c r="E34386" s="15">
        <v>45452</v>
      </c>
      <c r="F34386" s="14" t="s">
        <v>25</v>
      </c>
      <c r="G34386" s="16">
        <v>0</v>
      </c>
    </row>
    <row r="34387" spans="1:7" x14ac:dyDescent="0.3">
      <c r="A34387" s="13" t="s">
        <v>212</v>
      </c>
      <c r="B34387" s="14" t="s">
        <v>1</v>
      </c>
      <c r="C34387" s="14" t="s">
        <v>59</v>
      </c>
      <c r="D34387" s="14" t="s">
        <v>213</v>
      </c>
      <c r="E34387" s="15">
        <v>45453</v>
      </c>
      <c r="F34387" s="14" t="s">
        <v>25</v>
      </c>
      <c r="G34387" s="16">
        <v>0</v>
      </c>
    </row>
    <row r="34388" spans="1:7" x14ac:dyDescent="0.3">
      <c r="A34388" s="13" t="s">
        <v>212</v>
      </c>
      <c r="B34388" s="14" t="s">
        <v>1</v>
      </c>
      <c r="C34388" s="14" t="s">
        <v>59</v>
      </c>
      <c r="D34388" s="14" t="s">
        <v>213</v>
      </c>
      <c r="E34388" s="15">
        <v>45454</v>
      </c>
      <c r="F34388" s="14" t="s">
        <v>25</v>
      </c>
      <c r="G34388" s="16">
        <v>0</v>
      </c>
    </row>
    <row r="34389" spans="1:7" x14ac:dyDescent="0.3">
      <c r="A34389" s="13" t="s">
        <v>212</v>
      </c>
      <c r="B34389" s="14" t="s">
        <v>1</v>
      </c>
      <c r="C34389" s="14" t="s">
        <v>59</v>
      </c>
      <c r="D34389" s="14" t="s">
        <v>213</v>
      </c>
      <c r="E34389" s="15">
        <v>45455</v>
      </c>
      <c r="F34389" s="14" t="s">
        <v>25</v>
      </c>
      <c r="G34389" s="16">
        <v>0</v>
      </c>
    </row>
    <row r="34390" spans="1:7" x14ac:dyDescent="0.3">
      <c r="A34390" s="13" t="s">
        <v>212</v>
      </c>
      <c r="B34390" s="14" t="s">
        <v>1</v>
      </c>
      <c r="C34390" s="14" t="s">
        <v>59</v>
      </c>
      <c r="D34390" s="14" t="s">
        <v>213</v>
      </c>
      <c r="E34390" s="15">
        <v>45456</v>
      </c>
      <c r="F34390" s="14" t="s">
        <v>25</v>
      </c>
      <c r="G34390" s="16">
        <v>0</v>
      </c>
    </row>
    <row r="34391" spans="1:7" x14ac:dyDescent="0.3">
      <c r="A34391" s="13" t="s">
        <v>212</v>
      </c>
      <c r="B34391" s="14" t="s">
        <v>1</v>
      </c>
      <c r="C34391" s="14" t="s">
        <v>59</v>
      </c>
      <c r="D34391" s="14" t="s">
        <v>213</v>
      </c>
      <c r="E34391" s="15">
        <v>45457</v>
      </c>
      <c r="F34391" s="14" t="s">
        <v>25</v>
      </c>
      <c r="G34391" s="16">
        <v>0</v>
      </c>
    </row>
    <row r="34392" spans="1:7" x14ac:dyDescent="0.3">
      <c r="A34392" s="13" t="s">
        <v>212</v>
      </c>
      <c r="B34392" s="14" t="s">
        <v>1</v>
      </c>
      <c r="C34392" s="14" t="s">
        <v>59</v>
      </c>
      <c r="D34392" s="14" t="s">
        <v>213</v>
      </c>
      <c r="E34392" s="15">
        <v>45458</v>
      </c>
      <c r="F34392" s="14" t="s">
        <v>25</v>
      </c>
      <c r="G34392" s="16">
        <v>0</v>
      </c>
    </row>
    <row r="34393" spans="1:7" x14ac:dyDescent="0.3">
      <c r="A34393" s="13" t="s">
        <v>212</v>
      </c>
      <c r="B34393" s="14" t="s">
        <v>1</v>
      </c>
      <c r="C34393" s="14" t="s">
        <v>59</v>
      </c>
      <c r="D34393" s="14" t="s">
        <v>213</v>
      </c>
      <c r="E34393" s="15">
        <v>45459</v>
      </c>
      <c r="F34393" s="14" t="s">
        <v>25</v>
      </c>
      <c r="G34393" s="16">
        <v>0</v>
      </c>
    </row>
    <row r="34394" spans="1:7" x14ac:dyDescent="0.3">
      <c r="A34394" s="13" t="s">
        <v>212</v>
      </c>
      <c r="B34394" s="14" t="s">
        <v>1</v>
      </c>
      <c r="C34394" s="14" t="s">
        <v>59</v>
      </c>
      <c r="D34394" s="14" t="s">
        <v>213</v>
      </c>
      <c r="E34394" s="15">
        <v>45460</v>
      </c>
      <c r="F34394" s="14" t="s">
        <v>25</v>
      </c>
      <c r="G34394" s="16">
        <v>0</v>
      </c>
    </row>
    <row r="34395" spans="1:7" x14ac:dyDescent="0.3">
      <c r="A34395" s="13" t="s">
        <v>212</v>
      </c>
      <c r="B34395" s="14" t="s">
        <v>1</v>
      </c>
      <c r="C34395" s="14" t="s">
        <v>59</v>
      </c>
      <c r="D34395" s="14" t="s">
        <v>213</v>
      </c>
      <c r="E34395" s="15">
        <v>45461</v>
      </c>
      <c r="F34395" s="14" t="s">
        <v>25</v>
      </c>
      <c r="G34395" s="16">
        <v>0</v>
      </c>
    </row>
    <row r="34396" spans="1:7" x14ac:dyDescent="0.3">
      <c r="A34396" s="13" t="s">
        <v>212</v>
      </c>
      <c r="B34396" s="14" t="s">
        <v>1</v>
      </c>
      <c r="C34396" s="14" t="s">
        <v>59</v>
      </c>
      <c r="D34396" s="14" t="s">
        <v>213</v>
      </c>
      <c r="E34396" s="15">
        <v>45462</v>
      </c>
      <c r="F34396" s="14" t="s">
        <v>25</v>
      </c>
      <c r="G34396" s="16">
        <v>0</v>
      </c>
    </row>
    <row r="34397" spans="1:7" x14ac:dyDescent="0.3">
      <c r="A34397" s="13" t="s">
        <v>212</v>
      </c>
      <c r="B34397" s="14" t="s">
        <v>1</v>
      </c>
      <c r="C34397" s="14" t="s">
        <v>59</v>
      </c>
      <c r="D34397" s="14" t="s">
        <v>213</v>
      </c>
      <c r="E34397" s="15">
        <v>45463</v>
      </c>
      <c r="F34397" s="14" t="s">
        <v>25</v>
      </c>
      <c r="G34397" s="16">
        <v>0</v>
      </c>
    </row>
    <row r="34398" spans="1:7" x14ac:dyDescent="0.3">
      <c r="A34398" s="13" t="s">
        <v>212</v>
      </c>
      <c r="B34398" s="14" t="s">
        <v>1</v>
      </c>
      <c r="C34398" s="14" t="s">
        <v>59</v>
      </c>
      <c r="D34398" s="14" t="s">
        <v>213</v>
      </c>
      <c r="E34398" s="15">
        <v>45464</v>
      </c>
      <c r="F34398" s="14" t="s">
        <v>25</v>
      </c>
      <c r="G34398" s="16">
        <v>0</v>
      </c>
    </row>
    <row r="34399" spans="1:7" x14ac:dyDescent="0.3">
      <c r="A34399" s="13" t="s">
        <v>212</v>
      </c>
      <c r="B34399" s="14" t="s">
        <v>1</v>
      </c>
      <c r="C34399" s="14" t="s">
        <v>59</v>
      </c>
      <c r="D34399" s="14" t="s">
        <v>213</v>
      </c>
      <c r="E34399" s="15">
        <v>45465</v>
      </c>
      <c r="F34399" s="14" t="s">
        <v>25</v>
      </c>
      <c r="G34399" s="16">
        <v>0</v>
      </c>
    </row>
    <row r="34400" spans="1:7" x14ac:dyDescent="0.3">
      <c r="A34400" s="13" t="s">
        <v>212</v>
      </c>
      <c r="B34400" s="14" t="s">
        <v>1</v>
      </c>
      <c r="C34400" s="14" t="s">
        <v>59</v>
      </c>
      <c r="D34400" s="14" t="s">
        <v>213</v>
      </c>
      <c r="E34400" s="15">
        <v>45466</v>
      </c>
      <c r="F34400" s="14" t="s">
        <v>25</v>
      </c>
      <c r="G34400" s="16">
        <v>0</v>
      </c>
    </row>
    <row r="34401" spans="1:7" x14ac:dyDescent="0.3">
      <c r="A34401" s="13" t="s">
        <v>212</v>
      </c>
      <c r="B34401" s="14" t="s">
        <v>1</v>
      </c>
      <c r="C34401" s="14" t="s">
        <v>59</v>
      </c>
      <c r="D34401" s="14" t="s">
        <v>213</v>
      </c>
      <c r="E34401" s="15">
        <v>45467</v>
      </c>
      <c r="F34401" s="14" t="s">
        <v>25</v>
      </c>
      <c r="G34401" s="16">
        <v>0</v>
      </c>
    </row>
    <row r="34402" spans="1:7" x14ac:dyDescent="0.3">
      <c r="A34402" s="13" t="s">
        <v>212</v>
      </c>
      <c r="B34402" s="14" t="s">
        <v>1</v>
      </c>
      <c r="C34402" s="14" t="s">
        <v>59</v>
      </c>
      <c r="D34402" s="14" t="s">
        <v>213</v>
      </c>
      <c r="E34402" s="15">
        <v>45468</v>
      </c>
      <c r="F34402" s="14" t="s">
        <v>25</v>
      </c>
      <c r="G34402" s="16">
        <v>0</v>
      </c>
    </row>
    <row r="34403" spans="1:7" x14ac:dyDescent="0.3">
      <c r="A34403" s="13" t="s">
        <v>212</v>
      </c>
      <c r="B34403" s="14" t="s">
        <v>1</v>
      </c>
      <c r="C34403" s="14" t="s">
        <v>59</v>
      </c>
      <c r="D34403" s="14" t="s">
        <v>213</v>
      </c>
      <c r="E34403" s="15">
        <v>45469</v>
      </c>
      <c r="F34403" s="14" t="s">
        <v>25</v>
      </c>
      <c r="G34403" s="16">
        <v>0</v>
      </c>
    </row>
    <row r="34404" spans="1:7" x14ac:dyDescent="0.3">
      <c r="A34404" s="13" t="s">
        <v>212</v>
      </c>
      <c r="B34404" s="14" t="s">
        <v>1</v>
      </c>
      <c r="C34404" s="14" t="s">
        <v>59</v>
      </c>
      <c r="D34404" s="14" t="s">
        <v>213</v>
      </c>
      <c r="E34404" s="15">
        <v>45470</v>
      </c>
      <c r="F34404" s="14" t="s">
        <v>25</v>
      </c>
      <c r="G34404" s="16">
        <v>0</v>
      </c>
    </row>
    <row r="34405" spans="1:7" x14ac:dyDescent="0.3">
      <c r="A34405" s="13" t="s">
        <v>212</v>
      </c>
      <c r="B34405" s="14" t="s">
        <v>1</v>
      </c>
      <c r="C34405" s="14" t="s">
        <v>59</v>
      </c>
      <c r="D34405" s="14" t="s">
        <v>213</v>
      </c>
      <c r="E34405" s="15">
        <v>45471</v>
      </c>
      <c r="F34405" s="14" t="s">
        <v>25</v>
      </c>
      <c r="G34405" s="16">
        <v>0</v>
      </c>
    </row>
    <row r="34406" spans="1:7" x14ac:dyDescent="0.3">
      <c r="A34406" s="13" t="s">
        <v>212</v>
      </c>
      <c r="B34406" s="14" t="s">
        <v>1</v>
      </c>
      <c r="C34406" s="14" t="s">
        <v>59</v>
      </c>
      <c r="D34406" s="14" t="s">
        <v>213</v>
      </c>
      <c r="E34406" s="15">
        <v>45472</v>
      </c>
      <c r="F34406" s="14" t="s">
        <v>25</v>
      </c>
      <c r="G34406" s="16">
        <v>0</v>
      </c>
    </row>
    <row r="34407" spans="1:7" x14ac:dyDescent="0.3">
      <c r="A34407" s="13" t="s">
        <v>212</v>
      </c>
      <c r="B34407" s="14" t="s">
        <v>1</v>
      </c>
      <c r="C34407" s="14" t="s">
        <v>59</v>
      </c>
      <c r="D34407" s="14" t="s">
        <v>213</v>
      </c>
      <c r="E34407" s="15">
        <v>45473</v>
      </c>
      <c r="F34407" s="14" t="s">
        <v>25</v>
      </c>
      <c r="G34407" s="16">
        <v>0</v>
      </c>
    </row>
    <row r="34408" spans="1:7" x14ac:dyDescent="0.3">
      <c r="A34408" s="13" t="s">
        <v>212</v>
      </c>
      <c r="B34408" s="14" t="s">
        <v>1</v>
      </c>
      <c r="C34408" s="14" t="s">
        <v>59</v>
      </c>
      <c r="D34408" s="14" t="s">
        <v>213</v>
      </c>
      <c r="E34408" s="15">
        <v>45474</v>
      </c>
      <c r="F34408" s="14" t="s">
        <v>25</v>
      </c>
      <c r="G34408" s="16">
        <v>0</v>
      </c>
    </row>
    <row r="34409" spans="1:7" x14ac:dyDescent="0.3">
      <c r="A34409" s="13" t="s">
        <v>212</v>
      </c>
      <c r="B34409" s="14" t="s">
        <v>1</v>
      </c>
      <c r="C34409" s="14" t="s">
        <v>59</v>
      </c>
      <c r="D34409" s="14" t="s">
        <v>213</v>
      </c>
      <c r="E34409" s="15">
        <v>45475</v>
      </c>
      <c r="F34409" s="14" t="s">
        <v>25</v>
      </c>
      <c r="G34409" s="16">
        <v>0</v>
      </c>
    </row>
    <row r="34410" spans="1:7" x14ac:dyDescent="0.3">
      <c r="A34410" s="13" t="s">
        <v>212</v>
      </c>
      <c r="B34410" s="14" t="s">
        <v>1</v>
      </c>
      <c r="C34410" s="14" t="s">
        <v>59</v>
      </c>
      <c r="D34410" s="14" t="s">
        <v>213</v>
      </c>
      <c r="E34410" s="15">
        <v>45476</v>
      </c>
      <c r="F34410" s="14" t="s">
        <v>25</v>
      </c>
      <c r="G34410" s="16">
        <v>0</v>
      </c>
    </row>
    <row r="34411" spans="1:7" x14ac:dyDescent="0.3">
      <c r="A34411" s="13" t="s">
        <v>212</v>
      </c>
      <c r="B34411" s="14" t="s">
        <v>1</v>
      </c>
      <c r="C34411" s="14" t="s">
        <v>59</v>
      </c>
      <c r="D34411" s="14" t="s">
        <v>213</v>
      </c>
      <c r="E34411" s="15">
        <v>45477</v>
      </c>
      <c r="F34411" s="14" t="s">
        <v>25</v>
      </c>
      <c r="G34411" s="16">
        <v>0</v>
      </c>
    </row>
    <row r="34412" spans="1:7" x14ac:dyDescent="0.3">
      <c r="A34412" s="13" t="s">
        <v>212</v>
      </c>
      <c r="B34412" s="14" t="s">
        <v>1</v>
      </c>
      <c r="C34412" s="14" t="s">
        <v>59</v>
      </c>
      <c r="D34412" s="14" t="s">
        <v>213</v>
      </c>
      <c r="E34412" s="15">
        <v>45478</v>
      </c>
      <c r="F34412" s="14" t="s">
        <v>25</v>
      </c>
      <c r="G34412" s="16">
        <v>0</v>
      </c>
    </row>
    <row r="34413" spans="1:7" x14ac:dyDescent="0.3">
      <c r="A34413" s="13" t="s">
        <v>212</v>
      </c>
      <c r="B34413" s="14" t="s">
        <v>1</v>
      </c>
      <c r="C34413" s="14" t="s">
        <v>59</v>
      </c>
      <c r="D34413" s="14" t="s">
        <v>213</v>
      </c>
      <c r="E34413" s="15">
        <v>45479</v>
      </c>
      <c r="F34413" s="14" t="s">
        <v>25</v>
      </c>
      <c r="G34413" s="16">
        <v>0</v>
      </c>
    </row>
    <row r="34414" spans="1:7" x14ac:dyDescent="0.3">
      <c r="A34414" s="13" t="s">
        <v>212</v>
      </c>
      <c r="B34414" s="14" t="s">
        <v>1</v>
      </c>
      <c r="C34414" s="14" t="s">
        <v>59</v>
      </c>
      <c r="D34414" s="14" t="s">
        <v>213</v>
      </c>
      <c r="E34414" s="15">
        <v>45480</v>
      </c>
      <c r="F34414" s="14" t="s">
        <v>25</v>
      </c>
      <c r="G34414" s="16">
        <v>0</v>
      </c>
    </row>
    <row r="34415" spans="1:7" x14ac:dyDescent="0.3">
      <c r="A34415" s="13" t="s">
        <v>212</v>
      </c>
      <c r="B34415" s="14" t="s">
        <v>1</v>
      </c>
      <c r="C34415" s="14" t="s">
        <v>59</v>
      </c>
      <c r="D34415" s="14" t="s">
        <v>213</v>
      </c>
      <c r="E34415" s="15">
        <v>45481</v>
      </c>
      <c r="F34415" s="14" t="s">
        <v>25</v>
      </c>
      <c r="G34415" s="16">
        <v>0</v>
      </c>
    </row>
    <row r="34416" spans="1:7" x14ac:dyDescent="0.3">
      <c r="A34416" s="13" t="s">
        <v>212</v>
      </c>
      <c r="B34416" s="14" t="s">
        <v>1</v>
      </c>
      <c r="C34416" s="14" t="s">
        <v>59</v>
      </c>
      <c r="D34416" s="14" t="s">
        <v>213</v>
      </c>
      <c r="E34416" s="15">
        <v>45482</v>
      </c>
      <c r="F34416" s="14" t="s">
        <v>25</v>
      </c>
      <c r="G34416" s="16">
        <v>0</v>
      </c>
    </row>
    <row r="34417" spans="1:7" x14ac:dyDescent="0.3">
      <c r="A34417" s="13" t="s">
        <v>212</v>
      </c>
      <c r="B34417" s="14" t="s">
        <v>1</v>
      </c>
      <c r="C34417" s="14" t="s">
        <v>59</v>
      </c>
      <c r="D34417" s="14" t="s">
        <v>213</v>
      </c>
      <c r="E34417" s="15">
        <v>45483</v>
      </c>
      <c r="F34417" s="14" t="s">
        <v>25</v>
      </c>
      <c r="G34417" s="16">
        <v>0</v>
      </c>
    </row>
    <row r="34418" spans="1:7" x14ac:dyDescent="0.3">
      <c r="A34418" s="13" t="s">
        <v>212</v>
      </c>
      <c r="B34418" s="14" t="s">
        <v>1</v>
      </c>
      <c r="C34418" s="14" t="s">
        <v>59</v>
      </c>
      <c r="D34418" s="14" t="s">
        <v>213</v>
      </c>
      <c r="E34418" s="15">
        <v>45484</v>
      </c>
      <c r="F34418" s="14" t="s">
        <v>25</v>
      </c>
      <c r="G34418" s="16">
        <v>0</v>
      </c>
    </row>
    <row r="34419" spans="1:7" x14ac:dyDescent="0.3">
      <c r="A34419" s="13" t="s">
        <v>212</v>
      </c>
      <c r="B34419" s="14" t="s">
        <v>1</v>
      </c>
      <c r="C34419" s="14" t="s">
        <v>59</v>
      </c>
      <c r="D34419" s="14" t="s">
        <v>213</v>
      </c>
      <c r="E34419" s="15">
        <v>45485</v>
      </c>
      <c r="F34419" s="14" t="s">
        <v>25</v>
      </c>
      <c r="G34419" s="16">
        <v>0</v>
      </c>
    </row>
    <row r="34420" spans="1:7" x14ac:dyDescent="0.3">
      <c r="A34420" s="13" t="s">
        <v>212</v>
      </c>
      <c r="B34420" s="14" t="s">
        <v>1</v>
      </c>
      <c r="C34420" s="14" t="s">
        <v>59</v>
      </c>
      <c r="D34420" s="14" t="s">
        <v>213</v>
      </c>
      <c r="E34420" s="15">
        <v>45486</v>
      </c>
      <c r="F34420" s="14" t="s">
        <v>25</v>
      </c>
      <c r="G34420" s="16">
        <v>0</v>
      </c>
    </row>
    <row r="34421" spans="1:7" x14ac:dyDescent="0.3">
      <c r="A34421" s="13" t="s">
        <v>212</v>
      </c>
      <c r="B34421" s="14" t="s">
        <v>1</v>
      </c>
      <c r="C34421" s="14" t="s">
        <v>59</v>
      </c>
      <c r="D34421" s="14" t="s">
        <v>213</v>
      </c>
      <c r="E34421" s="15">
        <v>45487</v>
      </c>
      <c r="F34421" s="14" t="s">
        <v>25</v>
      </c>
      <c r="G34421" s="16">
        <v>0</v>
      </c>
    </row>
    <row r="34422" spans="1:7" x14ac:dyDescent="0.3">
      <c r="A34422" s="13" t="s">
        <v>212</v>
      </c>
      <c r="B34422" s="14" t="s">
        <v>1</v>
      </c>
      <c r="C34422" s="14" t="s">
        <v>59</v>
      </c>
      <c r="D34422" s="14" t="s">
        <v>213</v>
      </c>
      <c r="E34422" s="15">
        <v>45488</v>
      </c>
      <c r="F34422" s="14" t="s">
        <v>25</v>
      </c>
      <c r="G34422" s="16">
        <v>0</v>
      </c>
    </row>
    <row r="34423" spans="1:7" x14ac:dyDescent="0.3">
      <c r="A34423" s="13" t="s">
        <v>212</v>
      </c>
      <c r="B34423" s="14" t="s">
        <v>1</v>
      </c>
      <c r="C34423" s="14" t="s">
        <v>59</v>
      </c>
      <c r="D34423" s="14" t="s">
        <v>213</v>
      </c>
      <c r="E34423" s="15">
        <v>45489</v>
      </c>
      <c r="F34423" s="14" t="s">
        <v>25</v>
      </c>
      <c r="G34423" s="16">
        <v>0</v>
      </c>
    </row>
    <row r="34424" spans="1:7" x14ac:dyDescent="0.3">
      <c r="A34424" s="13" t="s">
        <v>212</v>
      </c>
      <c r="B34424" s="14" t="s">
        <v>1</v>
      </c>
      <c r="C34424" s="14" t="s">
        <v>59</v>
      </c>
      <c r="D34424" s="14" t="s">
        <v>213</v>
      </c>
      <c r="E34424" s="15">
        <v>45490</v>
      </c>
      <c r="F34424" s="14" t="s">
        <v>25</v>
      </c>
      <c r="G34424" s="16">
        <v>0</v>
      </c>
    </row>
    <row r="34425" spans="1:7" x14ac:dyDescent="0.3">
      <c r="A34425" s="13" t="s">
        <v>212</v>
      </c>
      <c r="B34425" s="14" t="s">
        <v>1</v>
      </c>
      <c r="C34425" s="14" t="s">
        <v>59</v>
      </c>
      <c r="D34425" s="14" t="s">
        <v>213</v>
      </c>
      <c r="E34425" s="15">
        <v>45491</v>
      </c>
      <c r="F34425" s="14" t="s">
        <v>25</v>
      </c>
      <c r="G34425" s="16">
        <v>0</v>
      </c>
    </row>
    <row r="34426" spans="1:7" x14ac:dyDescent="0.3">
      <c r="A34426" s="13" t="s">
        <v>212</v>
      </c>
      <c r="B34426" s="14" t="s">
        <v>1</v>
      </c>
      <c r="C34426" s="14" t="s">
        <v>59</v>
      </c>
      <c r="D34426" s="14" t="s">
        <v>213</v>
      </c>
      <c r="E34426" s="15">
        <v>45492</v>
      </c>
      <c r="F34426" s="14" t="s">
        <v>25</v>
      </c>
      <c r="G34426" s="16">
        <v>0</v>
      </c>
    </row>
    <row r="34427" spans="1:7" x14ac:dyDescent="0.3">
      <c r="A34427" s="13" t="s">
        <v>212</v>
      </c>
      <c r="B34427" s="14" t="s">
        <v>1</v>
      </c>
      <c r="C34427" s="14" t="s">
        <v>59</v>
      </c>
      <c r="D34427" s="14" t="s">
        <v>213</v>
      </c>
      <c r="E34427" s="15">
        <v>45493</v>
      </c>
      <c r="F34427" s="14" t="s">
        <v>25</v>
      </c>
      <c r="G34427" s="16">
        <v>0</v>
      </c>
    </row>
    <row r="34428" spans="1:7" x14ac:dyDescent="0.3">
      <c r="A34428" s="13" t="s">
        <v>212</v>
      </c>
      <c r="B34428" s="14" t="s">
        <v>1</v>
      </c>
      <c r="C34428" s="14" t="s">
        <v>59</v>
      </c>
      <c r="D34428" s="14" t="s">
        <v>213</v>
      </c>
      <c r="E34428" s="15">
        <v>45494</v>
      </c>
      <c r="F34428" s="14" t="s">
        <v>25</v>
      </c>
      <c r="G34428" s="16">
        <v>0</v>
      </c>
    </row>
    <row r="34429" spans="1:7" x14ac:dyDescent="0.3">
      <c r="A34429" s="13" t="s">
        <v>212</v>
      </c>
      <c r="B34429" s="14" t="s">
        <v>1</v>
      </c>
      <c r="C34429" s="14" t="s">
        <v>59</v>
      </c>
      <c r="D34429" s="14" t="s">
        <v>213</v>
      </c>
      <c r="E34429" s="15">
        <v>45495</v>
      </c>
      <c r="F34429" s="14" t="s">
        <v>25</v>
      </c>
      <c r="G34429" s="16">
        <v>0</v>
      </c>
    </row>
    <row r="34430" spans="1:7" x14ac:dyDescent="0.3">
      <c r="A34430" s="13" t="s">
        <v>212</v>
      </c>
      <c r="B34430" s="14" t="s">
        <v>1</v>
      </c>
      <c r="C34430" s="14" t="s">
        <v>59</v>
      </c>
      <c r="D34430" s="14" t="s">
        <v>213</v>
      </c>
      <c r="E34430" s="15">
        <v>45496</v>
      </c>
      <c r="F34430" s="14" t="s">
        <v>25</v>
      </c>
      <c r="G34430" s="16">
        <v>0</v>
      </c>
    </row>
    <row r="34431" spans="1:7" x14ac:dyDescent="0.3">
      <c r="A34431" s="13" t="s">
        <v>212</v>
      </c>
      <c r="B34431" s="14" t="s">
        <v>1</v>
      </c>
      <c r="C34431" s="14" t="s">
        <v>59</v>
      </c>
      <c r="D34431" s="14" t="s">
        <v>213</v>
      </c>
      <c r="E34431" s="15">
        <v>45497</v>
      </c>
      <c r="F34431" s="14" t="s">
        <v>25</v>
      </c>
      <c r="G34431" s="16">
        <v>0</v>
      </c>
    </row>
    <row r="34432" spans="1:7" x14ac:dyDescent="0.3">
      <c r="A34432" s="13" t="s">
        <v>212</v>
      </c>
      <c r="B34432" s="14" t="s">
        <v>1</v>
      </c>
      <c r="C34432" s="14" t="s">
        <v>59</v>
      </c>
      <c r="D34432" s="14" t="s">
        <v>213</v>
      </c>
      <c r="E34432" s="15">
        <v>45498</v>
      </c>
      <c r="F34432" s="14" t="s">
        <v>25</v>
      </c>
      <c r="G34432" s="16">
        <v>0</v>
      </c>
    </row>
    <row r="34433" spans="1:7" x14ac:dyDescent="0.3">
      <c r="A34433" s="13" t="s">
        <v>212</v>
      </c>
      <c r="B34433" s="14" t="s">
        <v>1</v>
      </c>
      <c r="C34433" s="14" t="s">
        <v>59</v>
      </c>
      <c r="D34433" s="14" t="s">
        <v>213</v>
      </c>
      <c r="E34433" s="15">
        <v>45499</v>
      </c>
      <c r="F34433" s="14" t="s">
        <v>25</v>
      </c>
      <c r="G34433" s="16">
        <v>0</v>
      </c>
    </row>
    <row r="34434" spans="1:7" x14ac:dyDescent="0.3">
      <c r="A34434" s="13" t="s">
        <v>212</v>
      </c>
      <c r="B34434" s="14" t="s">
        <v>1</v>
      </c>
      <c r="C34434" s="14" t="s">
        <v>59</v>
      </c>
      <c r="D34434" s="14" t="s">
        <v>213</v>
      </c>
      <c r="E34434" s="15">
        <v>45500</v>
      </c>
      <c r="F34434" s="14" t="s">
        <v>25</v>
      </c>
      <c r="G34434" s="16">
        <v>0</v>
      </c>
    </row>
    <row r="34435" spans="1:7" x14ac:dyDescent="0.3">
      <c r="A34435" s="13" t="s">
        <v>212</v>
      </c>
      <c r="B34435" s="14" t="s">
        <v>1</v>
      </c>
      <c r="C34435" s="14" t="s">
        <v>59</v>
      </c>
      <c r="D34435" s="14" t="s">
        <v>213</v>
      </c>
      <c r="E34435" s="15">
        <v>45501</v>
      </c>
      <c r="F34435" s="14" t="s">
        <v>25</v>
      </c>
      <c r="G34435" s="16">
        <v>0</v>
      </c>
    </row>
    <row r="34436" spans="1:7" x14ac:dyDescent="0.3">
      <c r="A34436" s="13" t="s">
        <v>212</v>
      </c>
      <c r="B34436" s="14" t="s">
        <v>1</v>
      </c>
      <c r="C34436" s="14" t="s">
        <v>59</v>
      </c>
      <c r="D34436" s="14" t="s">
        <v>213</v>
      </c>
      <c r="E34436" s="15">
        <v>45502</v>
      </c>
      <c r="F34436" s="14" t="s">
        <v>25</v>
      </c>
      <c r="G34436" s="16">
        <v>0</v>
      </c>
    </row>
    <row r="34437" spans="1:7" x14ac:dyDescent="0.3">
      <c r="A34437" s="13" t="s">
        <v>212</v>
      </c>
      <c r="B34437" s="14" t="s">
        <v>1</v>
      </c>
      <c r="C34437" s="14" t="s">
        <v>59</v>
      </c>
      <c r="D34437" s="14" t="s">
        <v>213</v>
      </c>
      <c r="E34437" s="15">
        <v>45503</v>
      </c>
      <c r="F34437" s="14" t="s">
        <v>25</v>
      </c>
      <c r="G34437" s="16">
        <v>0</v>
      </c>
    </row>
    <row r="34438" spans="1:7" x14ac:dyDescent="0.3">
      <c r="A34438" s="13" t="s">
        <v>212</v>
      </c>
      <c r="B34438" s="14" t="s">
        <v>1</v>
      </c>
      <c r="C34438" s="14" t="s">
        <v>59</v>
      </c>
      <c r="D34438" s="14" t="s">
        <v>213</v>
      </c>
      <c r="E34438" s="15">
        <v>45504</v>
      </c>
      <c r="F34438" s="14" t="s">
        <v>25</v>
      </c>
      <c r="G34438" s="16">
        <v>0</v>
      </c>
    </row>
    <row r="34439" spans="1:7" x14ac:dyDescent="0.3">
      <c r="A34439" s="13" t="s">
        <v>212</v>
      </c>
      <c r="B34439" s="14" t="s">
        <v>1</v>
      </c>
      <c r="C34439" s="14" t="s">
        <v>59</v>
      </c>
      <c r="D34439" s="14" t="s">
        <v>213</v>
      </c>
      <c r="E34439" s="15">
        <v>45505</v>
      </c>
      <c r="F34439" s="14" t="s">
        <v>25</v>
      </c>
      <c r="G34439" s="16">
        <v>0</v>
      </c>
    </row>
    <row r="34440" spans="1:7" x14ac:dyDescent="0.3">
      <c r="A34440" s="13" t="s">
        <v>212</v>
      </c>
      <c r="B34440" s="14" t="s">
        <v>1</v>
      </c>
      <c r="C34440" s="14" t="s">
        <v>59</v>
      </c>
      <c r="D34440" s="14" t="s">
        <v>213</v>
      </c>
      <c r="E34440" s="15">
        <v>45506</v>
      </c>
      <c r="F34440" s="14" t="s">
        <v>25</v>
      </c>
      <c r="G34440" s="16">
        <v>0</v>
      </c>
    </row>
    <row r="34441" spans="1:7" x14ac:dyDescent="0.3">
      <c r="A34441" s="13" t="s">
        <v>212</v>
      </c>
      <c r="B34441" s="14" t="s">
        <v>1</v>
      </c>
      <c r="C34441" s="14" t="s">
        <v>59</v>
      </c>
      <c r="D34441" s="14" t="s">
        <v>213</v>
      </c>
      <c r="E34441" s="15">
        <v>45507</v>
      </c>
      <c r="F34441" s="14" t="s">
        <v>25</v>
      </c>
      <c r="G34441" s="16">
        <v>0</v>
      </c>
    </row>
    <row r="34442" spans="1:7" x14ac:dyDescent="0.3">
      <c r="A34442" s="13" t="s">
        <v>212</v>
      </c>
      <c r="B34442" s="14" t="s">
        <v>1</v>
      </c>
      <c r="C34442" s="14" t="s">
        <v>59</v>
      </c>
      <c r="D34442" s="14" t="s">
        <v>213</v>
      </c>
      <c r="E34442" s="15">
        <v>45508</v>
      </c>
      <c r="F34442" s="14" t="s">
        <v>25</v>
      </c>
      <c r="G34442" s="16">
        <v>0</v>
      </c>
    </row>
    <row r="34443" spans="1:7" x14ac:dyDescent="0.3">
      <c r="A34443" s="13" t="s">
        <v>212</v>
      </c>
      <c r="B34443" s="14" t="s">
        <v>1</v>
      </c>
      <c r="C34443" s="14" t="s">
        <v>59</v>
      </c>
      <c r="D34443" s="14" t="s">
        <v>213</v>
      </c>
      <c r="E34443" s="15">
        <v>45509</v>
      </c>
      <c r="F34443" s="14" t="s">
        <v>25</v>
      </c>
      <c r="G34443" s="16">
        <v>0</v>
      </c>
    </row>
    <row r="34444" spans="1:7" x14ac:dyDescent="0.3">
      <c r="A34444" s="13" t="s">
        <v>212</v>
      </c>
      <c r="B34444" s="14" t="s">
        <v>1</v>
      </c>
      <c r="C34444" s="14" t="s">
        <v>59</v>
      </c>
      <c r="D34444" s="14" t="s">
        <v>213</v>
      </c>
      <c r="E34444" s="15">
        <v>45510</v>
      </c>
      <c r="F34444" s="14" t="s">
        <v>25</v>
      </c>
      <c r="G34444" s="16">
        <v>0</v>
      </c>
    </row>
    <row r="34445" spans="1:7" x14ac:dyDescent="0.3">
      <c r="A34445" s="13" t="s">
        <v>212</v>
      </c>
      <c r="B34445" s="14" t="s">
        <v>1</v>
      </c>
      <c r="C34445" s="14" t="s">
        <v>59</v>
      </c>
      <c r="D34445" s="14" t="s">
        <v>213</v>
      </c>
      <c r="E34445" s="15">
        <v>45511</v>
      </c>
      <c r="F34445" s="14" t="s">
        <v>25</v>
      </c>
      <c r="G34445" s="16">
        <v>0</v>
      </c>
    </row>
    <row r="34446" spans="1:7" x14ac:dyDescent="0.3">
      <c r="A34446" s="13" t="s">
        <v>212</v>
      </c>
      <c r="B34446" s="14" t="s">
        <v>1</v>
      </c>
      <c r="C34446" s="14" t="s">
        <v>59</v>
      </c>
      <c r="D34446" s="14" t="s">
        <v>213</v>
      </c>
      <c r="E34446" s="15">
        <v>45512</v>
      </c>
      <c r="F34446" s="14" t="s">
        <v>25</v>
      </c>
      <c r="G34446" s="16">
        <v>0</v>
      </c>
    </row>
    <row r="34447" spans="1:7" x14ac:dyDescent="0.3">
      <c r="A34447" s="13" t="s">
        <v>212</v>
      </c>
      <c r="B34447" s="14" t="s">
        <v>1</v>
      </c>
      <c r="C34447" s="14" t="s">
        <v>59</v>
      </c>
      <c r="D34447" s="14" t="s">
        <v>213</v>
      </c>
      <c r="E34447" s="15">
        <v>45513</v>
      </c>
      <c r="F34447" s="14" t="s">
        <v>25</v>
      </c>
      <c r="G34447" s="16">
        <v>0</v>
      </c>
    </row>
    <row r="34448" spans="1:7" x14ac:dyDescent="0.3">
      <c r="A34448" s="13" t="s">
        <v>212</v>
      </c>
      <c r="B34448" s="14" t="s">
        <v>1</v>
      </c>
      <c r="C34448" s="14" t="s">
        <v>59</v>
      </c>
      <c r="D34448" s="14" t="s">
        <v>213</v>
      </c>
      <c r="E34448" s="15">
        <v>45514</v>
      </c>
      <c r="F34448" s="14" t="s">
        <v>25</v>
      </c>
      <c r="G34448" s="16">
        <v>0</v>
      </c>
    </row>
    <row r="34449" spans="1:7" x14ac:dyDescent="0.3">
      <c r="A34449" s="13" t="s">
        <v>212</v>
      </c>
      <c r="B34449" s="14" t="s">
        <v>1</v>
      </c>
      <c r="C34449" s="14" t="s">
        <v>59</v>
      </c>
      <c r="D34449" s="14" t="s">
        <v>213</v>
      </c>
      <c r="E34449" s="15">
        <v>45515</v>
      </c>
      <c r="F34449" s="14" t="s">
        <v>25</v>
      </c>
      <c r="G34449" s="16">
        <v>0</v>
      </c>
    </row>
    <row r="34450" spans="1:7" x14ac:dyDescent="0.3">
      <c r="A34450" s="13" t="s">
        <v>212</v>
      </c>
      <c r="B34450" s="14" t="s">
        <v>1</v>
      </c>
      <c r="C34450" s="14" t="s">
        <v>59</v>
      </c>
      <c r="D34450" s="14" t="s">
        <v>213</v>
      </c>
      <c r="E34450" s="15">
        <v>45516</v>
      </c>
      <c r="F34450" s="14" t="s">
        <v>25</v>
      </c>
      <c r="G34450" s="16">
        <v>0</v>
      </c>
    </row>
    <row r="34451" spans="1:7" x14ac:dyDescent="0.3">
      <c r="A34451" s="13" t="s">
        <v>212</v>
      </c>
      <c r="B34451" s="14" t="s">
        <v>1</v>
      </c>
      <c r="C34451" s="14" t="s">
        <v>59</v>
      </c>
      <c r="D34451" s="14" t="s">
        <v>213</v>
      </c>
      <c r="E34451" s="15">
        <v>45517</v>
      </c>
      <c r="F34451" s="14" t="s">
        <v>25</v>
      </c>
      <c r="G34451" s="16">
        <v>0</v>
      </c>
    </row>
    <row r="34452" spans="1:7" x14ac:dyDescent="0.3">
      <c r="A34452" s="13" t="s">
        <v>212</v>
      </c>
      <c r="B34452" s="14" t="s">
        <v>1</v>
      </c>
      <c r="C34452" s="14" t="s">
        <v>59</v>
      </c>
      <c r="D34452" s="14" t="s">
        <v>213</v>
      </c>
      <c r="E34452" s="15">
        <v>45518</v>
      </c>
      <c r="F34452" s="14" t="s">
        <v>25</v>
      </c>
      <c r="G34452" s="16">
        <v>0</v>
      </c>
    </row>
    <row r="34453" spans="1:7" x14ac:dyDescent="0.3">
      <c r="A34453" s="13" t="s">
        <v>212</v>
      </c>
      <c r="B34453" s="14" t="s">
        <v>1</v>
      </c>
      <c r="C34453" s="14" t="s">
        <v>59</v>
      </c>
      <c r="D34453" s="14" t="s">
        <v>213</v>
      </c>
      <c r="E34453" s="15">
        <v>45519</v>
      </c>
      <c r="F34453" s="14" t="s">
        <v>25</v>
      </c>
      <c r="G34453" s="16">
        <v>0</v>
      </c>
    </row>
    <row r="34454" spans="1:7" x14ac:dyDescent="0.3">
      <c r="A34454" s="13" t="s">
        <v>212</v>
      </c>
      <c r="B34454" s="14" t="s">
        <v>1</v>
      </c>
      <c r="C34454" s="14" t="s">
        <v>59</v>
      </c>
      <c r="D34454" s="14" t="s">
        <v>213</v>
      </c>
      <c r="E34454" s="15">
        <v>45520</v>
      </c>
      <c r="F34454" s="14" t="s">
        <v>25</v>
      </c>
      <c r="G34454" s="16">
        <v>0</v>
      </c>
    </row>
    <row r="34455" spans="1:7" x14ac:dyDescent="0.3">
      <c r="A34455" s="13" t="s">
        <v>212</v>
      </c>
      <c r="B34455" s="14" t="s">
        <v>1</v>
      </c>
      <c r="C34455" s="14" t="s">
        <v>59</v>
      </c>
      <c r="D34455" s="14" t="s">
        <v>213</v>
      </c>
      <c r="E34455" s="15">
        <v>45521</v>
      </c>
      <c r="F34455" s="14" t="s">
        <v>25</v>
      </c>
      <c r="G34455" s="16">
        <v>0</v>
      </c>
    </row>
    <row r="34456" spans="1:7" x14ac:dyDescent="0.3">
      <c r="A34456" s="13" t="s">
        <v>212</v>
      </c>
      <c r="B34456" s="14" t="s">
        <v>1</v>
      </c>
      <c r="C34456" s="14" t="s">
        <v>59</v>
      </c>
      <c r="D34456" s="14" t="s">
        <v>213</v>
      </c>
      <c r="E34456" s="15">
        <v>45522</v>
      </c>
      <c r="F34456" s="14" t="s">
        <v>25</v>
      </c>
      <c r="G34456" s="16">
        <v>0</v>
      </c>
    </row>
    <row r="34457" spans="1:7" x14ac:dyDescent="0.3">
      <c r="A34457" s="13" t="s">
        <v>212</v>
      </c>
      <c r="B34457" s="14" t="s">
        <v>1</v>
      </c>
      <c r="C34457" s="14" t="s">
        <v>59</v>
      </c>
      <c r="D34457" s="14" t="s">
        <v>213</v>
      </c>
      <c r="E34457" s="15">
        <v>45523</v>
      </c>
      <c r="F34457" s="14" t="s">
        <v>25</v>
      </c>
      <c r="G34457" s="16">
        <v>0</v>
      </c>
    </row>
    <row r="34458" spans="1:7" x14ac:dyDescent="0.3">
      <c r="A34458" s="13" t="s">
        <v>212</v>
      </c>
      <c r="B34458" s="14" t="s">
        <v>1</v>
      </c>
      <c r="C34458" s="14" t="s">
        <v>59</v>
      </c>
      <c r="D34458" s="14" t="s">
        <v>213</v>
      </c>
      <c r="E34458" s="15">
        <v>45524</v>
      </c>
      <c r="F34458" s="14" t="s">
        <v>25</v>
      </c>
      <c r="G34458" s="16">
        <v>0</v>
      </c>
    </row>
    <row r="34459" spans="1:7" x14ac:dyDescent="0.3">
      <c r="A34459" s="13" t="s">
        <v>212</v>
      </c>
      <c r="B34459" s="14" t="s">
        <v>1</v>
      </c>
      <c r="C34459" s="14" t="s">
        <v>59</v>
      </c>
      <c r="D34459" s="14" t="s">
        <v>213</v>
      </c>
      <c r="E34459" s="15">
        <v>45525</v>
      </c>
      <c r="F34459" s="14" t="s">
        <v>25</v>
      </c>
      <c r="G34459" s="16">
        <v>0</v>
      </c>
    </row>
    <row r="34460" spans="1:7" x14ac:dyDescent="0.3">
      <c r="A34460" s="13" t="s">
        <v>212</v>
      </c>
      <c r="B34460" s="14" t="s">
        <v>1</v>
      </c>
      <c r="C34460" s="14" t="s">
        <v>59</v>
      </c>
      <c r="D34460" s="14" t="s">
        <v>213</v>
      </c>
      <c r="E34460" s="15">
        <v>45526</v>
      </c>
      <c r="F34460" s="14" t="s">
        <v>25</v>
      </c>
      <c r="G34460" s="16">
        <v>0</v>
      </c>
    </row>
    <row r="34461" spans="1:7" x14ac:dyDescent="0.3">
      <c r="A34461" s="13" t="s">
        <v>212</v>
      </c>
      <c r="B34461" s="14" t="s">
        <v>1</v>
      </c>
      <c r="C34461" s="14" t="s">
        <v>59</v>
      </c>
      <c r="D34461" s="14" t="s">
        <v>213</v>
      </c>
      <c r="E34461" s="15">
        <v>45527</v>
      </c>
      <c r="F34461" s="14" t="s">
        <v>25</v>
      </c>
      <c r="G34461" s="16">
        <v>0</v>
      </c>
    </row>
    <row r="34462" spans="1:7" x14ac:dyDescent="0.3">
      <c r="A34462" s="13" t="s">
        <v>212</v>
      </c>
      <c r="B34462" s="14" t="s">
        <v>1</v>
      </c>
      <c r="C34462" s="14" t="s">
        <v>59</v>
      </c>
      <c r="D34462" s="14" t="s">
        <v>213</v>
      </c>
      <c r="E34462" s="15">
        <v>45528</v>
      </c>
      <c r="F34462" s="14" t="s">
        <v>25</v>
      </c>
      <c r="G34462" s="16">
        <v>0</v>
      </c>
    </row>
    <row r="34463" spans="1:7" x14ac:dyDescent="0.3">
      <c r="A34463" s="13" t="s">
        <v>212</v>
      </c>
      <c r="B34463" s="14" t="s">
        <v>1</v>
      </c>
      <c r="C34463" s="14" t="s">
        <v>59</v>
      </c>
      <c r="D34463" s="14" t="s">
        <v>213</v>
      </c>
      <c r="E34463" s="15">
        <v>45529</v>
      </c>
      <c r="F34463" s="14" t="s">
        <v>25</v>
      </c>
      <c r="G34463" s="16">
        <v>0</v>
      </c>
    </row>
    <row r="34464" spans="1:7" x14ac:dyDescent="0.3">
      <c r="A34464" s="13" t="s">
        <v>212</v>
      </c>
      <c r="B34464" s="14" t="s">
        <v>1</v>
      </c>
      <c r="C34464" s="14" t="s">
        <v>59</v>
      </c>
      <c r="D34464" s="14" t="s">
        <v>213</v>
      </c>
      <c r="E34464" s="15">
        <v>45530</v>
      </c>
      <c r="F34464" s="14" t="s">
        <v>25</v>
      </c>
      <c r="G34464" s="16">
        <v>0</v>
      </c>
    </row>
    <row r="34465" spans="1:7" x14ac:dyDescent="0.3">
      <c r="A34465" s="13" t="s">
        <v>212</v>
      </c>
      <c r="B34465" s="14" t="s">
        <v>1</v>
      </c>
      <c r="C34465" s="14" t="s">
        <v>59</v>
      </c>
      <c r="D34465" s="14" t="s">
        <v>213</v>
      </c>
      <c r="E34465" s="15">
        <v>45531</v>
      </c>
      <c r="F34465" s="14" t="s">
        <v>25</v>
      </c>
      <c r="G34465" s="16">
        <v>0</v>
      </c>
    </row>
    <row r="34466" spans="1:7" x14ac:dyDescent="0.3">
      <c r="A34466" s="13" t="s">
        <v>212</v>
      </c>
      <c r="B34466" s="14" t="s">
        <v>1</v>
      </c>
      <c r="C34466" s="14" t="s">
        <v>59</v>
      </c>
      <c r="D34466" s="14" t="s">
        <v>213</v>
      </c>
      <c r="E34466" s="15">
        <v>45532</v>
      </c>
      <c r="F34466" s="14" t="s">
        <v>25</v>
      </c>
      <c r="G34466" s="16">
        <v>0</v>
      </c>
    </row>
    <row r="34467" spans="1:7" x14ac:dyDescent="0.3">
      <c r="A34467" s="13" t="s">
        <v>212</v>
      </c>
      <c r="B34467" s="14" t="s">
        <v>1</v>
      </c>
      <c r="C34467" s="14" t="s">
        <v>59</v>
      </c>
      <c r="D34467" s="14" t="s">
        <v>213</v>
      </c>
      <c r="E34467" s="15">
        <v>45533</v>
      </c>
      <c r="F34467" s="14" t="s">
        <v>25</v>
      </c>
      <c r="G34467" s="16">
        <v>0</v>
      </c>
    </row>
    <row r="34468" spans="1:7" x14ac:dyDescent="0.3">
      <c r="A34468" s="13" t="s">
        <v>212</v>
      </c>
      <c r="B34468" s="14" t="s">
        <v>1</v>
      </c>
      <c r="C34468" s="14" t="s">
        <v>59</v>
      </c>
      <c r="D34468" s="14" t="s">
        <v>213</v>
      </c>
      <c r="E34468" s="15">
        <v>45534</v>
      </c>
      <c r="F34468" s="14" t="s">
        <v>25</v>
      </c>
      <c r="G34468" s="16">
        <v>0</v>
      </c>
    </row>
    <row r="34469" spans="1:7" x14ac:dyDescent="0.3">
      <c r="A34469" s="13" t="s">
        <v>212</v>
      </c>
      <c r="B34469" s="14" t="s">
        <v>1</v>
      </c>
      <c r="C34469" s="14" t="s">
        <v>59</v>
      </c>
      <c r="D34469" s="14" t="s">
        <v>213</v>
      </c>
      <c r="E34469" s="15">
        <v>45535</v>
      </c>
      <c r="F34469" s="14" t="s">
        <v>25</v>
      </c>
      <c r="G34469" s="16">
        <v>0</v>
      </c>
    </row>
    <row r="34470" spans="1:7" x14ac:dyDescent="0.3">
      <c r="A34470" s="13" t="s">
        <v>212</v>
      </c>
      <c r="B34470" s="14" t="s">
        <v>1</v>
      </c>
      <c r="C34470" s="14" t="s">
        <v>59</v>
      </c>
      <c r="D34470" s="14" t="s">
        <v>213</v>
      </c>
      <c r="E34470" s="15">
        <v>45536</v>
      </c>
      <c r="F34470" s="14" t="s">
        <v>25</v>
      </c>
      <c r="G34470" s="16">
        <v>0</v>
      </c>
    </row>
    <row r="34471" spans="1:7" x14ac:dyDescent="0.3">
      <c r="A34471" s="13" t="s">
        <v>212</v>
      </c>
      <c r="B34471" s="14" t="s">
        <v>1</v>
      </c>
      <c r="C34471" s="14" t="s">
        <v>59</v>
      </c>
      <c r="D34471" s="14" t="s">
        <v>213</v>
      </c>
      <c r="E34471" s="15">
        <v>45537</v>
      </c>
      <c r="F34471" s="14" t="s">
        <v>25</v>
      </c>
      <c r="G34471" s="16">
        <v>0</v>
      </c>
    </row>
    <row r="34472" spans="1:7" x14ac:dyDescent="0.3">
      <c r="A34472" s="13" t="s">
        <v>212</v>
      </c>
      <c r="B34472" s="14" t="s">
        <v>1</v>
      </c>
      <c r="C34472" s="14" t="s">
        <v>59</v>
      </c>
      <c r="D34472" s="14" t="s">
        <v>213</v>
      </c>
      <c r="E34472" s="15">
        <v>45538</v>
      </c>
      <c r="F34472" s="14" t="s">
        <v>25</v>
      </c>
      <c r="G34472" s="16">
        <v>0</v>
      </c>
    </row>
    <row r="34473" spans="1:7" x14ac:dyDescent="0.3">
      <c r="A34473" s="13" t="s">
        <v>212</v>
      </c>
      <c r="B34473" s="14" t="s">
        <v>1</v>
      </c>
      <c r="C34473" s="14" t="s">
        <v>59</v>
      </c>
      <c r="D34473" s="14" t="s">
        <v>213</v>
      </c>
      <c r="E34473" s="15">
        <v>45539</v>
      </c>
      <c r="F34473" s="14" t="s">
        <v>25</v>
      </c>
      <c r="G34473" s="16">
        <v>0</v>
      </c>
    </row>
    <row r="34474" spans="1:7" x14ac:dyDescent="0.3">
      <c r="A34474" s="13" t="s">
        <v>212</v>
      </c>
      <c r="B34474" s="14" t="s">
        <v>1</v>
      </c>
      <c r="C34474" s="14" t="s">
        <v>59</v>
      </c>
      <c r="D34474" s="14" t="s">
        <v>213</v>
      </c>
      <c r="E34474" s="15">
        <v>45540</v>
      </c>
      <c r="F34474" s="14" t="s">
        <v>25</v>
      </c>
      <c r="G34474" s="16">
        <v>0</v>
      </c>
    </row>
    <row r="34475" spans="1:7" x14ac:dyDescent="0.3">
      <c r="A34475" s="13" t="s">
        <v>212</v>
      </c>
      <c r="B34475" s="14" t="s">
        <v>1</v>
      </c>
      <c r="C34475" s="14" t="s">
        <v>59</v>
      </c>
      <c r="D34475" s="14" t="s">
        <v>213</v>
      </c>
      <c r="E34475" s="15">
        <v>45541</v>
      </c>
      <c r="F34475" s="14" t="s">
        <v>25</v>
      </c>
      <c r="G34475" s="16">
        <v>0</v>
      </c>
    </row>
    <row r="34476" spans="1:7" x14ac:dyDescent="0.3">
      <c r="A34476" s="13" t="s">
        <v>212</v>
      </c>
      <c r="B34476" s="14" t="s">
        <v>1</v>
      </c>
      <c r="C34476" s="14" t="s">
        <v>59</v>
      </c>
      <c r="D34476" s="14" t="s">
        <v>213</v>
      </c>
      <c r="E34476" s="15">
        <v>45542</v>
      </c>
      <c r="F34476" s="14" t="s">
        <v>25</v>
      </c>
      <c r="G34476" s="16">
        <v>0</v>
      </c>
    </row>
    <row r="34477" spans="1:7" x14ac:dyDescent="0.3">
      <c r="A34477" s="13" t="s">
        <v>212</v>
      </c>
      <c r="B34477" s="14" t="s">
        <v>1</v>
      </c>
      <c r="C34477" s="14" t="s">
        <v>59</v>
      </c>
      <c r="D34477" s="14" t="s">
        <v>213</v>
      </c>
      <c r="E34477" s="15">
        <v>45543</v>
      </c>
      <c r="F34477" s="14" t="s">
        <v>25</v>
      </c>
      <c r="G34477" s="16">
        <v>0</v>
      </c>
    </row>
    <row r="34478" spans="1:7" x14ac:dyDescent="0.3">
      <c r="A34478" s="13" t="s">
        <v>212</v>
      </c>
      <c r="B34478" s="14" t="s">
        <v>1</v>
      </c>
      <c r="C34478" s="14" t="s">
        <v>59</v>
      </c>
      <c r="D34478" s="14" t="s">
        <v>213</v>
      </c>
      <c r="E34478" s="15">
        <v>45544</v>
      </c>
      <c r="F34478" s="14" t="s">
        <v>25</v>
      </c>
      <c r="G34478" s="16">
        <v>0</v>
      </c>
    </row>
    <row r="34479" spans="1:7" x14ac:dyDescent="0.3">
      <c r="A34479" s="13" t="s">
        <v>212</v>
      </c>
      <c r="B34479" s="14" t="s">
        <v>1</v>
      </c>
      <c r="C34479" s="14" t="s">
        <v>59</v>
      </c>
      <c r="D34479" s="14" t="s">
        <v>213</v>
      </c>
      <c r="E34479" s="15">
        <v>45545</v>
      </c>
      <c r="F34479" s="14" t="s">
        <v>25</v>
      </c>
      <c r="G34479" s="16">
        <v>0</v>
      </c>
    </row>
    <row r="34480" spans="1:7" x14ac:dyDescent="0.3">
      <c r="A34480" s="13" t="s">
        <v>212</v>
      </c>
      <c r="B34480" s="14" t="s">
        <v>1</v>
      </c>
      <c r="C34480" s="14" t="s">
        <v>59</v>
      </c>
      <c r="D34480" s="14" t="s">
        <v>213</v>
      </c>
      <c r="E34480" s="15">
        <v>45546</v>
      </c>
      <c r="F34480" s="14" t="s">
        <v>25</v>
      </c>
      <c r="G34480" s="16">
        <v>0</v>
      </c>
    </row>
    <row r="34481" spans="1:7" x14ac:dyDescent="0.3">
      <c r="A34481" s="13" t="s">
        <v>212</v>
      </c>
      <c r="B34481" s="14" t="s">
        <v>1</v>
      </c>
      <c r="C34481" s="14" t="s">
        <v>59</v>
      </c>
      <c r="D34481" s="14" t="s">
        <v>213</v>
      </c>
      <c r="E34481" s="15">
        <v>45547</v>
      </c>
      <c r="F34481" s="14" t="s">
        <v>25</v>
      </c>
      <c r="G34481" s="16">
        <v>0</v>
      </c>
    </row>
    <row r="34482" spans="1:7" x14ac:dyDescent="0.3">
      <c r="A34482" s="13" t="s">
        <v>212</v>
      </c>
      <c r="B34482" s="14" t="s">
        <v>1</v>
      </c>
      <c r="C34482" s="14" t="s">
        <v>59</v>
      </c>
      <c r="D34482" s="14" t="s">
        <v>213</v>
      </c>
      <c r="E34482" s="15">
        <v>45548</v>
      </c>
      <c r="F34482" s="14" t="s">
        <v>25</v>
      </c>
      <c r="G34482" s="16">
        <v>0</v>
      </c>
    </row>
    <row r="34483" spans="1:7" x14ac:dyDescent="0.3">
      <c r="A34483" s="13" t="s">
        <v>212</v>
      </c>
      <c r="B34483" s="14" t="s">
        <v>1</v>
      </c>
      <c r="C34483" s="14" t="s">
        <v>59</v>
      </c>
      <c r="D34483" s="14" t="s">
        <v>213</v>
      </c>
      <c r="E34483" s="15">
        <v>45549</v>
      </c>
      <c r="F34483" s="14" t="s">
        <v>25</v>
      </c>
      <c r="G34483" s="16">
        <v>0</v>
      </c>
    </row>
    <row r="34484" spans="1:7" x14ac:dyDescent="0.3">
      <c r="A34484" s="13" t="s">
        <v>212</v>
      </c>
      <c r="B34484" s="14" t="s">
        <v>1</v>
      </c>
      <c r="C34484" s="14" t="s">
        <v>59</v>
      </c>
      <c r="D34484" s="14" t="s">
        <v>213</v>
      </c>
      <c r="E34484" s="15">
        <v>45550</v>
      </c>
      <c r="F34484" s="14" t="s">
        <v>25</v>
      </c>
      <c r="G34484" s="16">
        <v>0</v>
      </c>
    </row>
    <row r="34485" spans="1:7" x14ac:dyDescent="0.3">
      <c r="A34485" s="13" t="s">
        <v>212</v>
      </c>
      <c r="B34485" s="14" t="s">
        <v>1</v>
      </c>
      <c r="C34485" s="14" t="s">
        <v>59</v>
      </c>
      <c r="D34485" s="14" t="s">
        <v>213</v>
      </c>
      <c r="E34485" s="15">
        <v>45551</v>
      </c>
      <c r="F34485" s="14" t="s">
        <v>25</v>
      </c>
      <c r="G34485" s="16">
        <v>0</v>
      </c>
    </row>
    <row r="34486" spans="1:7" x14ac:dyDescent="0.3">
      <c r="A34486" s="13" t="s">
        <v>212</v>
      </c>
      <c r="B34486" s="14" t="s">
        <v>1</v>
      </c>
      <c r="C34486" s="14" t="s">
        <v>59</v>
      </c>
      <c r="D34486" s="14" t="s">
        <v>213</v>
      </c>
      <c r="E34486" s="15">
        <v>45552</v>
      </c>
      <c r="F34486" s="14" t="s">
        <v>25</v>
      </c>
      <c r="G34486" s="16">
        <v>0</v>
      </c>
    </row>
    <row r="34487" spans="1:7" x14ac:dyDescent="0.3">
      <c r="A34487" s="13" t="s">
        <v>212</v>
      </c>
      <c r="B34487" s="14" t="s">
        <v>1</v>
      </c>
      <c r="C34487" s="14" t="s">
        <v>59</v>
      </c>
      <c r="D34487" s="14" t="s">
        <v>213</v>
      </c>
      <c r="E34487" s="15">
        <v>45553</v>
      </c>
      <c r="F34487" s="14" t="s">
        <v>25</v>
      </c>
      <c r="G34487" s="16">
        <v>0</v>
      </c>
    </row>
    <row r="34488" spans="1:7" x14ac:dyDescent="0.3">
      <c r="A34488" s="13" t="s">
        <v>212</v>
      </c>
      <c r="B34488" s="14" t="s">
        <v>1</v>
      </c>
      <c r="C34488" s="14" t="s">
        <v>59</v>
      </c>
      <c r="D34488" s="14" t="s">
        <v>213</v>
      </c>
      <c r="E34488" s="15">
        <v>45554</v>
      </c>
      <c r="F34488" s="14" t="s">
        <v>25</v>
      </c>
      <c r="G34488" s="16">
        <v>0</v>
      </c>
    </row>
    <row r="34489" spans="1:7" x14ac:dyDescent="0.3">
      <c r="A34489" s="13" t="s">
        <v>212</v>
      </c>
      <c r="B34489" s="14" t="s">
        <v>1</v>
      </c>
      <c r="C34489" s="14" t="s">
        <v>59</v>
      </c>
      <c r="D34489" s="14" t="s">
        <v>213</v>
      </c>
      <c r="E34489" s="15">
        <v>45555</v>
      </c>
      <c r="F34489" s="14" t="s">
        <v>25</v>
      </c>
      <c r="G34489" s="16">
        <v>0</v>
      </c>
    </row>
    <row r="34490" spans="1:7" x14ac:dyDescent="0.3">
      <c r="A34490" s="13" t="s">
        <v>212</v>
      </c>
      <c r="B34490" s="14" t="s">
        <v>1</v>
      </c>
      <c r="C34490" s="14" t="s">
        <v>59</v>
      </c>
      <c r="D34490" s="14" t="s">
        <v>213</v>
      </c>
      <c r="E34490" s="15">
        <v>45556</v>
      </c>
      <c r="F34490" s="14" t="s">
        <v>25</v>
      </c>
      <c r="G34490" s="16">
        <v>0</v>
      </c>
    </row>
    <row r="34491" spans="1:7" x14ac:dyDescent="0.3">
      <c r="A34491" s="13" t="s">
        <v>212</v>
      </c>
      <c r="B34491" s="14" t="s">
        <v>1</v>
      </c>
      <c r="C34491" s="14" t="s">
        <v>59</v>
      </c>
      <c r="D34491" s="14" t="s">
        <v>213</v>
      </c>
      <c r="E34491" s="15">
        <v>45557</v>
      </c>
      <c r="F34491" s="14" t="s">
        <v>25</v>
      </c>
      <c r="G34491" s="16">
        <v>0</v>
      </c>
    </row>
    <row r="34492" spans="1:7" x14ac:dyDescent="0.3">
      <c r="A34492" s="13" t="s">
        <v>212</v>
      </c>
      <c r="B34492" s="14" t="s">
        <v>1</v>
      </c>
      <c r="C34492" s="14" t="s">
        <v>59</v>
      </c>
      <c r="D34492" s="14" t="s">
        <v>213</v>
      </c>
      <c r="E34492" s="15">
        <v>45558</v>
      </c>
      <c r="F34492" s="14" t="s">
        <v>25</v>
      </c>
      <c r="G34492" s="16">
        <v>0</v>
      </c>
    </row>
    <row r="34493" spans="1:7" x14ac:dyDescent="0.3">
      <c r="A34493" s="13" t="s">
        <v>212</v>
      </c>
      <c r="B34493" s="14" t="s">
        <v>1</v>
      </c>
      <c r="C34493" s="14" t="s">
        <v>59</v>
      </c>
      <c r="D34493" s="14" t="s">
        <v>213</v>
      </c>
      <c r="E34493" s="15">
        <v>45559</v>
      </c>
      <c r="F34493" s="14" t="s">
        <v>25</v>
      </c>
      <c r="G34493" s="16">
        <v>0</v>
      </c>
    </row>
    <row r="34494" spans="1:7" x14ac:dyDescent="0.3">
      <c r="A34494" s="13" t="s">
        <v>212</v>
      </c>
      <c r="B34494" s="14" t="s">
        <v>1</v>
      </c>
      <c r="C34494" s="14" t="s">
        <v>59</v>
      </c>
      <c r="D34494" s="14" t="s">
        <v>213</v>
      </c>
      <c r="E34494" s="15">
        <v>45560</v>
      </c>
      <c r="F34494" s="14" t="s">
        <v>25</v>
      </c>
      <c r="G34494" s="16">
        <v>0</v>
      </c>
    </row>
    <row r="34495" spans="1:7" x14ac:dyDescent="0.3">
      <c r="A34495" s="13" t="s">
        <v>212</v>
      </c>
      <c r="B34495" s="14" t="s">
        <v>1</v>
      </c>
      <c r="C34495" s="14" t="s">
        <v>59</v>
      </c>
      <c r="D34495" s="14" t="s">
        <v>213</v>
      </c>
      <c r="E34495" s="15">
        <v>45561</v>
      </c>
      <c r="F34495" s="14" t="s">
        <v>25</v>
      </c>
      <c r="G34495" s="16">
        <v>0</v>
      </c>
    </row>
    <row r="34496" spans="1:7" x14ac:dyDescent="0.3">
      <c r="A34496" s="13" t="s">
        <v>212</v>
      </c>
      <c r="B34496" s="14" t="s">
        <v>1</v>
      </c>
      <c r="C34496" s="14" t="s">
        <v>59</v>
      </c>
      <c r="D34496" s="14" t="s">
        <v>213</v>
      </c>
      <c r="E34496" s="15">
        <v>45562</v>
      </c>
      <c r="F34496" s="14" t="s">
        <v>25</v>
      </c>
      <c r="G34496" s="16">
        <v>0</v>
      </c>
    </row>
    <row r="34497" spans="1:7" x14ac:dyDescent="0.3">
      <c r="A34497" s="13" t="s">
        <v>212</v>
      </c>
      <c r="B34497" s="14" t="s">
        <v>1</v>
      </c>
      <c r="C34497" s="14" t="s">
        <v>59</v>
      </c>
      <c r="D34497" s="14" t="s">
        <v>213</v>
      </c>
      <c r="E34497" s="15">
        <v>45563</v>
      </c>
      <c r="F34497" s="14" t="s">
        <v>25</v>
      </c>
      <c r="G34497" s="16">
        <v>0</v>
      </c>
    </row>
    <row r="34498" spans="1:7" x14ac:dyDescent="0.3">
      <c r="A34498" s="13" t="s">
        <v>212</v>
      </c>
      <c r="B34498" s="14" t="s">
        <v>1</v>
      </c>
      <c r="C34498" s="14" t="s">
        <v>59</v>
      </c>
      <c r="D34498" s="14" t="s">
        <v>213</v>
      </c>
      <c r="E34498" s="15">
        <v>45564</v>
      </c>
      <c r="F34498" s="14" t="s">
        <v>25</v>
      </c>
      <c r="G34498" s="16">
        <v>0</v>
      </c>
    </row>
    <row r="34499" spans="1:7" x14ac:dyDescent="0.3">
      <c r="A34499" s="13" t="s">
        <v>212</v>
      </c>
      <c r="B34499" s="14" t="s">
        <v>1</v>
      </c>
      <c r="C34499" s="14" t="s">
        <v>59</v>
      </c>
      <c r="D34499" s="14" t="s">
        <v>213</v>
      </c>
      <c r="E34499" s="15">
        <v>45565</v>
      </c>
      <c r="F34499" s="14" t="s">
        <v>25</v>
      </c>
      <c r="G34499" s="16">
        <v>0</v>
      </c>
    </row>
    <row r="34500" spans="1:7" x14ac:dyDescent="0.3">
      <c r="A34500" s="13" t="s">
        <v>212</v>
      </c>
      <c r="B34500" s="14" t="s">
        <v>1</v>
      </c>
      <c r="C34500" s="14" t="s">
        <v>59</v>
      </c>
      <c r="D34500" s="14" t="s">
        <v>213</v>
      </c>
      <c r="E34500" s="15">
        <v>45566</v>
      </c>
      <c r="F34500" s="14" t="s">
        <v>25</v>
      </c>
      <c r="G34500" s="16">
        <v>0</v>
      </c>
    </row>
    <row r="34501" spans="1:7" x14ac:dyDescent="0.3">
      <c r="A34501" s="13" t="s">
        <v>212</v>
      </c>
      <c r="B34501" s="14" t="s">
        <v>1</v>
      </c>
      <c r="C34501" s="14" t="s">
        <v>59</v>
      </c>
      <c r="D34501" s="14" t="s">
        <v>213</v>
      </c>
      <c r="E34501" s="15">
        <v>45567</v>
      </c>
      <c r="F34501" s="14" t="s">
        <v>25</v>
      </c>
      <c r="G34501" s="16">
        <v>0</v>
      </c>
    </row>
    <row r="34502" spans="1:7" x14ac:dyDescent="0.3">
      <c r="A34502" s="13" t="s">
        <v>212</v>
      </c>
      <c r="B34502" s="14" t="s">
        <v>1</v>
      </c>
      <c r="C34502" s="14" t="s">
        <v>59</v>
      </c>
      <c r="D34502" s="14" t="s">
        <v>213</v>
      </c>
      <c r="E34502" s="15">
        <v>45568</v>
      </c>
      <c r="F34502" s="14" t="s">
        <v>25</v>
      </c>
      <c r="G34502" s="16">
        <v>0</v>
      </c>
    </row>
    <row r="34503" spans="1:7" x14ac:dyDescent="0.3">
      <c r="A34503" s="13" t="s">
        <v>212</v>
      </c>
      <c r="B34503" s="14" t="s">
        <v>1</v>
      </c>
      <c r="C34503" s="14" t="s">
        <v>59</v>
      </c>
      <c r="D34503" s="14" t="s">
        <v>213</v>
      </c>
      <c r="E34503" s="15">
        <v>45569</v>
      </c>
      <c r="F34503" s="14" t="s">
        <v>25</v>
      </c>
      <c r="G34503" s="16">
        <v>0</v>
      </c>
    </row>
    <row r="34504" spans="1:7" x14ac:dyDescent="0.3">
      <c r="A34504" s="13" t="s">
        <v>212</v>
      </c>
      <c r="B34504" s="14" t="s">
        <v>1</v>
      </c>
      <c r="C34504" s="14" t="s">
        <v>59</v>
      </c>
      <c r="D34504" s="14" t="s">
        <v>213</v>
      </c>
      <c r="E34504" s="15">
        <v>45570</v>
      </c>
      <c r="F34504" s="14" t="s">
        <v>25</v>
      </c>
      <c r="G34504" s="16">
        <v>0</v>
      </c>
    </row>
    <row r="34505" spans="1:7" x14ac:dyDescent="0.3">
      <c r="A34505" s="13" t="s">
        <v>212</v>
      </c>
      <c r="B34505" s="14" t="s">
        <v>1</v>
      </c>
      <c r="C34505" s="14" t="s">
        <v>59</v>
      </c>
      <c r="D34505" s="14" t="s">
        <v>213</v>
      </c>
      <c r="E34505" s="15">
        <v>45571</v>
      </c>
      <c r="F34505" s="14" t="s">
        <v>25</v>
      </c>
      <c r="G34505" s="16">
        <v>0</v>
      </c>
    </row>
    <row r="34506" spans="1:7" x14ac:dyDescent="0.3">
      <c r="A34506" s="13" t="s">
        <v>212</v>
      </c>
      <c r="B34506" s="14" t="s">
        <v>1</v>
      </c>
      <c r="C34506" s="14" t="s">
        <v>59</v>
      </c>
      <c r="D34506" s="14" t="s">
        <v>213</v>
      </c>
      <c r="E34506" s="15">
        <v>45572</v>
      </c>
      <c r="F34506" s="14" t="s">
        <v>25</v>
      </c>
      <c r="G34506" s="16">
        <v>0</v>
      </c>
    </row>
    <row r="34507" spans="1:7" x14ac:dyDescent="0.3">
      <c r="A34507" s="13" t="s">
        <v>212</v>
      </c>
      <c r="B34507" s="14" t="s">
        <v>1</v>
      </c>
      <c r="C34507" s="14" t="s">
        <v>59</v>
      </c>
      <c r="D34507" s="14" t="s">
        <v>213</v>
      </c>
      <c r="E34507" s="15">
        <v>45573</v>
      </c>
      <c r="F34507" s="14" t="s">
        <v>25</v>
      </c>
      <c r="G34507" s="16">
        <v>0</v>
      </c>
    </row>
    <row r="34508" spans="1:7" x14ac:dyDescent="0.3">
      <c r="A34508" s="13" t="s">
        <v>212</v>
      </c>
      <c r="B34508" s="14" t="s">
        <v>1</v>
      </c>
      <c r="C34508" s="14" t="s">
        <v>59</v>
      </c>
      <c r="D34508" s="14" t="s">
        <v>213</v>
      </c>
      <c r="E34508" s="15">
        <v>45574</v>
      </c>
      <c r="F34508" s="14" t="s">
        <v>25</v>
      </c>
      <c r="G34508" s="16">
        <v>0</v>
      </c>
    </row>
    <row r="34509" spans="1:7" x14ac:dyDescent="0.3">
      <c r="A34509" s="13" t="s">
        <v>212</v>
      </c>
      <c r="B34509" s="14" t="s">
        <v>1</v>
      </c>
      <c r="C34509" s="14" t="s">
        <v>59</v>
      </c>
      <c r="D34509" s="14" t="s">
        <v>213</v>
      </c>
      <c r="E34509" s="15">
        <v>45575</v>
      </c>
      <c r="F34509" s="14" t="s">
        <v>25</v>
      </c>
      <c r="G34509" s="16">
        <v>0</v>
      </c>
    </row>
    <row r="34510" spans="1:7" x14ac:dyDescent="0.3">
      <c r="A34510" s="13" t="s">
        <v>212</v>
      </c>
      <c r="B34510" s="14" t="s">
        <v>1</v>
      </c>
      <c r="C34510" s="14" t="s">
        <v>59</v>
      </c>
      <c r="D34510" s="14" t="s">
        <v>213</v>
      </c>
      <c r="E34510" s="15">
        <v>45576</v>
      </c>
      <c r="F34510" s="14" t="s">
        <v>25</v>
      </c>
      <c r="G34510" s="16">
        <v>0</v>
      </c>
    </row>
    <row r="34511" spans="1:7" x14ac:dyDescent="0.3">
      <c r="A34511" s="13" t="s">
        <v>212</v>
      </c>
      <c r="B34511" s="14" t="s">
        <v>1</v>
      </c>
      <c r="C34511" s="14" t="s">
        <v>59</v>
      </c>
      <c r="D34511" s="14" t="s">
        <v>213</v>
      </c>
      <c r="E34511" s="15">
        <v>45577</v>
      </c>
      <c r="F34511" s="14" t="s">
        <v>25</v>
      </c>
      <c r="G34511" s="16">
        <v>0</v>
      </c>
    </row>
    <row r="34512" spans="1:7" x14ac:dyDescent="0.3">
      <c r="A34512" s="13" t="s">
        <v>212</v>
      </c>
      <c r="B34512" s="14" t="s">
        <v>1</v>
      </c>
      <c r="C34512" s="14" t="s">
        <v>59</v>
      </c>
      <c r="D34512" s="14" t="s">
        <v>213</v>
      </c>
      <c r="E34512" s="15">
        <v>45578</v>
      </c>
      <c r="F34512" s="14" t="s">
        <v>25</v>
      </c>
      <c r="G34512" s="16">
        <v>0</v>
      </c>
    </row>
    <row r="34513" spans="1:7" x14ac:dyDescent="0.3">
      <c r="A34513" s="13" t="s">
        <v>212</v>
      </c>
      <c r="B34513" s="14" t="s">
        <v>1</v>
      </c>
      <c r="C34513" s="14" t="s">
        <v>59</v>
      </c>
      <c r="D34513" s="14" t="s">
        <v>213</v>
      </c>
      <c r="E34513" s="15">
        <v>45579</v>
      </c>
      <c r="F34513" s="14" t="s">
        <v>25</v>
      </c>
      <c r="G34513" s="16">
        <v>0</v>
      </c>
    </row>
    <row r="34514" spans="1:7" x14ac:dyDescent="0.3">
      <c r="A34514" s="13" t="s">
        <v>212</v>
      </c>
      <c r="B34514" s="14" t="s">
        <v>1</v>
      </c>
      <c r="C34514" s="14" t="s">
        <v>59</v>
      </c>
      <c r="D34514" s="14" t="s">
        <v>213</v>
      </c>
      <c r="E34514" s="15">
        <v>45580</v>
      </c>
      <c r="F34514" s="14" t="s">
        <v>25</v>
      </c>
      <c r="G34514" s="16">
        <v>0</v>
      </c>
    </row>
    <row r="34515" spans="1:7" x14ac:dyDescent="0.3">
      <c r="A34515" s="13" t="s">
        <v>212</v>
      </c>
      <c r="B34515" s="14" t="s">
        <v>1</v>
      </c>
      <c r="C34515" s="14" t="s">
        <v>59</v>
      </c>
      <c r="D34515" s="14" t="s">
        <v>213</v>
      </c>
      <c r="E34515" s="15">
        <v>45581</v>
      </c>
      <c r="F34515" s="14" t="s">
        <v>25</v>
      </c>
      <c r="G34515" s="16">
        <v>0</v>
      </c>
    </row>
    <row r="34516" spans="1:7" x14ac:dyDescent="0.3">
      <c r="A34516" s="13" t="s">
        <v>212</v>
      </c>
      <c r="B34516" s="14" t="s">
        <v>1</v>
      </c>
      <c r="C34516" s="14" t="s">
        <v>59</v>
      </c>
      <c r="D34516" s="14" t="s">
        <v>213</v>
      </c>
      <c r="E34516" s="15">
        <v>45582</v>
      </c>
      <c r="F34516" s="14" t="s">
        <v>25</v>
      </c>
      <c r="G34516" s="16">
        <v>0</v>
      </c>
    </row>
    <row r="34517" spans="1:7" x14ac:dyDescent="0.3">
      <c r="A34517" s="13" t="s">
        <v>212</v>
      </c>
      <c r="B34517" s="14" t="s">
        <v>1</v>
      </c>
      <c r="C34517" s="14" t="s">
        <v>59</v>
      </c>
      <c r="D34517" s="14" t="s">
        <v>213</v>
      </c>
      <c r="E34517" s="15">
        <v>45583</v>
      </c>
      <c r="F34517" s="14" t="s">
        <v>25</v>
      </c>
      <c r="G34517" s="16">
        <v>0</v>
      </c>
    </row>
    <row r="34518" spans="1:7" x14ac:dyDescent="0.3">
      <c r="A34518" s="13" t="s">
        <v>212</v>
      </c>
      <c r="B34518" s="14" t="s">
        <v>1</v>
      </c>
      <c r="C34518" s="14" t="s">
        <v>59</v>
      </c>
      <c r="D34518" s="14" t="s">
        <v>213</v>
      </c>
      <c r="E34518" s="15">
        <v>45584</v>
      </c>
      <c r="F34518" s="14" t="s">
        <v>25</v>
      </c>
      <c r="G34518" s="16">
        <v>0</v>
      </c>
    </row>
    <row r="34519" spans="1:7" x14ac:dyDescent="0.3">
      <c r="A34519" s="13" t="s">
        <v>212</v>
      </c>
      <c r="B34519" s="14" t="s">
        <v>1</v>
      </c>
      <c r="C34519" s="14" t="s">
        <v>59</v>
      </c>
      <c r="D34519" s="14" t="s">
        <v>213</v>
      </c>
      <c r="E34519" s="15">
        <v>45585</v>
      </c>
      <c r="F34519" s="14" t="s">
        <v>25</v>
      </c>
      <c r="G34519" s="16">
        <v>0</v>
      </c>
    </row>
    <row r="34520" spans="1:7" x14ac:dyDescent="0.3">
      <c r="A34520" s="13" t="s">
        <v>212</v>
      </c>
      <c r="B34520" s="14" t="s">
        <v>1</v>
      </c>
      <c r="C34520" s="14" t="s">
        <v>59</v>
      </c>
      <c r="D34520" s="14" t="s">
        <v>213</v>
      </c>
      <c r="E34520" s="15">
        <v>45586</v>
      </c>
      <c r="F34520" s="14" t="s">
        <v>25</v>
      </c>
      <c r="G34520" s="16">
        <v>0</v>
      </c>
    </row>
    <row r="34521" spans="1:7" x14ac:dyDescent="0.3">
      <c r="A34521" s="13" t="s">
        <v>212</v>
      </c>
      <c r="B34521" s="14" t="s">
        <v>1</v>
      </c>
      <c r="C34521" s="14" t="s">
        <v>59</v>
      </c>
      <c r="D34521" s="14" t="s">
        <v>213</v>
      </c>
      <c r="E34521" s="15">
        <v>45587</v>
      </c>
      <c r="F34521" s="14" t="s">
        <v>25</v>
      </c>
      <c r="G34521" s="16">
        <v>0</v>
      </c>
    </row>
    <row r="34522" spans="1:7" x14ac:dyDescent="0.3">
      <c r="A34522" s="13" t="s">
        <v>212</v>
      </c>
      <c r="B34522" s="14" t="s">
        <v>1</v>
      </c>
      <c r="C34522" s="14" t="s">
        <v>59</v>
      </c>
      <c r="D34522" s="14" t="s">
        <v>213</v>
      </c>
      <c r="E34522" s="15">
        <v>45588</v>
      </c>
      <c r="F34522" s="14" t="s">
        <v>25</v>
      </c>
      <c r="G34522" s="16">
        <v>0</v>
      </c>
    </row>
    <row r="34523" spans="1:7" x14ac:dyDescent="0.3">
      <c r="A34523" s="13" t="s">
        <v>212</v>
      </c>
      <c r="B34523" s="14" t="s">
        <v>1</v>
      </c>
      <c r="C34523" s="14" t="s">
        <v>59</v>
      </c>
      <c r="D34523" s="14" t="s">
        <v>213</v>
      </c>
      <c r="E34523" s="15">
        <v>45589</v>
      </c>
      <c r="F34523" s="14" t="s">
        <v>25</v>
      </c>
      <c r="G34523" s="16">
        <v>0</v>
      </c>
    </row>
    <row r="34524" spans="1:7" x14ac:dyDescent="0.3">
      <c r="A34524" s="13" t="s">
        <v>212</v>
      </c>
      <c r="B34524" s="14" t="s">
        <v>1</v>
      </c>
      <c r="C34524" s="14" t="s">
        <v>59</v>
      </c>
      <c r="D34524" s="14" t="s">
        <v>213</v>
      </c>
      <c r="E34524" s="15">
        <v>45590</v>
      </c>
      <c r="F34524" s="14" t="s">
        <v>25</v>
      </c>
      <c r="G34524" s="16">
        <v>0</v>
      </c>
    </row>
    <row r="34525" spans="1:7" x14ac:dyDescent="0.3">
      <c r="A34525" s="13" t="s">
        <v>212</v>
      </c>
      <c r="B34525" s="14" t="s">
        <v>1</v>
      </c>
      <c r="C34525" s="14" t="s">
        <v>59</v>
      </c>
      <c r="D34525" s="14" t="s">
        <v>213</v>
      </c>
      <c r="E34525" s="15">
        <v>45591</v>
      </c>
      <c r="F34525" s="14" t="s">
        <v>25</v>
      </c>
      <c r="G34525" s="16">
        <v>0</v>
      </c>
    </row>
    <row r="34526" spans="1:7" x14ac:dyDescent="0.3">
      <c r="A34526" s="13" t="s">
        <v>212</v>
      </c>
      <c r="B34526" s="14" t="s">
        <v>1</v>
      </c>
      <c r="C34526" s="14" t="s">
        <v>59</v>
      </c>
      <c r="D34526" s="14" t="s">
        <v>213</v>
      </c>
      <c r="E34526" s="15">
        <v>45592</v>
      </c>
      <c r="F34526" s="14" t="s">
        <v>25</v>
      </c>
      <c r="G34526" s="16">
        <v>0</v>
      </c>
    </row>
    <row r="34527" spans="1:7" x14ac:dyDescent="0.3">
      <c r="A34527" s="13" t="s">
        <v>212</v>
      </c>
      <c r="B34527" s="14" t="s">
        <v>1</v>
      </c>
      <c r="C34527" s="14" t="s">
        <v>59</v>
      </c>
      <c r="D34527" s="14" t="s">
        <v>213</v>
      </c>
      <c r="E34527" s="15">
        <v>45593</v>
      </c>
      <c r="F34527" s="14" t="s">
        <v>25</v>
      </c>
      <c r="G34527" s="16">
        <v>0</v>
      </c>
    </row>
    <row r="34528" spans="1:7" x14ac:dyDescent="0.3">
      <c r="A34528" s="13" t="s">
        <v>212</v>
      </c>
      <c r="B34528" s="14" t="s">
        <v>1</v>
      </c>
      <c r="C34528" s="14" t="s">
        <v>59</v>
      </c>
      <c r="D34528" s="14" t="s">
        <v>213</v>
      </c>
      <c r="E34528" s="15">
        <v>45594</v>
      </c>
      <c r="F34528" s="14" t="s">
        <v>25</v>
      </c>
      <c r="G34528" s="16">
        <v>0</v>
      </c>
    </row>
    <row r="34529" spans="1:7" x14ac:dyDescent="0.3">
      <c r="A34529" s="13" t="s">
        <v>212</v>
      </c>
      <c r="B34529" s="14" t="s">
        <v>1</v>
      </c>
      <c r="C34529" s="14" t="s">
        <v>59</v>
      </c>
      <c r="D34529" s="14" t="s">
        <v>213</v>
      </c>
      <c r="E34529" s="15">
        <v>45595</v>
      </c>
      <c r="F34529" s="14" t="s">
        <v>25</v>
      </c>
      <c r="G34529" s="16">
        <v>0</v>
      </c>
    </row>
    <row r="34530" spans="1:7" x14ac:dyDescent="0.3">
      <c r="A34530" s="13" t="s">
        <v>212</v>
      </c>
      <c r="B34530" s="14" t="s">
        <v>1</v>
      </c>
      <c r="C34530" s="14" t="s">
        <v>59</v>
      </c>
      <c r="D34530" s="14" t="s">
        <v>213</v>
      </c>
      <c r="E34530" s="15">
        <v>45596</v>
      </c>
      <c r="F34530" s="14" t="s">
        <v>25</v>
      </c>
      <c r="G34530" s="16">
        <v>0</v>
      </c>
    </row>
    <row r="34531" spans="1:7" x14ac:dyDescent="0.3">
      <c r="A34531" s="13" t="s">
        <v>212</v>
      </c>
      <c r="B34531" s="14" t="s">
        <v>1</v>
      </c>
      <c r="C34531" s="14" t="s">
        <v>59</v>
      </c>
      <c r="D34531" s="14" t="s">
        <v>213</v>
      </c>
      <c r="E34531" s="15">
        <v>45597</v>
      </c>
      <c r="F34531" s="14" t="s">
        <v>25</v>
      </c>
      <c r="G34531" s="16">
        <v>0</v>
      </c>
    </row>
    <row r="34532" spans="1:7" x14ac:dyDescent="0.3">
      <c r="A34532" s="13" t="s">
        <v>212</v>
      </c>
      <c r="B34532" s="14" t="s">
        <v>1</v>
      </c>
      <c r="C34532" s="14" t="s">
        <v>59</v>
      </c>
      <c r="D34532" s="14" t="s">
        <v>213</v>
      </c>
      <c r="E34532" s="15">
        <v>45598</v>
      </c>
      <c r="F34532" s="14" t="s">
        <v>25</v>
      </c>
      <c r="G34532" s="16">
        <v>0</v>
      </c>
    </row>
    <row r="34533" spans="1:7" x14ac:dyDescent="0.3">
      <c r="A34533" s="13" t="s">
        <v>212</v>
      </c>
      <c r="B34533" s="14" t="s">
        <v>1</v>
      </c>
      <c r="C34533" s="14" t="s">
        <v>59</v>
      </c>
      <c r="D34533" s="14" t="s">
        <v>213</v>
      </c>
      <c r="E34533" s="15">
        <v>45599</v>
      </c>
      <c r="F34533" s="14" t="s">
        <v>25</v>
      </c>
      <c r="G34533" s="16">
        <v>0</v>
      </c>
    </row>
    <row r="34534" spans="1:7" x14ac:dyDescent="0.3">
      <c r="A34534" s="13" t="s">
        <v>212</v>
      </c>
      <c r="B34534" s="14" t="s">
        <v>1</v>
      </c>
      <c r="C34534" s="14" t="s">
        <v>59</v>
      </c>
      <c r="D34534" s="14" t="s">
        <v>213</v>
      </c>
      <c r="E34534" s="15">
        <v>45600</v>
      </c>
      <c r="F34534" s="14" t="s">
        <v>25</v>
      </c>
      <c r="G34534" s="16">
        <v>0</v>
      </c>
    </row>
    <row r="34535" spans="1:7" x14ac:dyDescent="0.3">
      <c r="A34535" s="13" t="s">
        <v>212</v>
      </c>
      <c r="B34535" s="14" t="s">
        <v>1</v>
      </c>
      <c r="C34535" s="14" t="s">
        <v>59</v>
      </c>
      <c r="D34535" s="14" t="s">
        <v>213</v>
      </c>
      <c r="E34535" s="15">
        <v>45601</v>
      </c>
      <c r="F34535" s="14" t="s">
        <v>25</v>
      </c>
      <c r="G34535" s="16">
        <v>0</v>
      </c>
    </row>
    <row r="34536" spans="1:7" x14ac:dyDescent="0.3">
      <c r="A34536" s="13" t="s">
        <v>212</v>
      </c>
      <c r="B34536" s="14" t="s">
        <v>1</v>
      </c>
      <c r="C34536" s="14" t="s">
        <v>59</v>
      </c>
      <c r="D34536" s="14" t="s">
        <v>213</v>
      </c>
      <c r="E34536" s="15">
        <v>45602</v>
      </c>
      <c r="F34536" s="14" t="s">
        <v>25</v>
      </c>
      <c r="G34536" s="16">
        <v>0</v>
      </c>
    </row>
    <row r="34537" spans="1:7" x14ac:dyDescent="0.3">
      <c r="A34537" s="13" t="s">
        <v>212</v>
      </c>
      <c r="B34537" s="14" t="s">
        <v>1</v>
      </c>
      <c r="C34537" s="14" t="s">
        <v>59</v>
      </c>
      <c r="D34537" s="14" t="s">
        <v>213</v>
      </c>
      <c r="E34537" s="15">
        <v>45603</v>
      </c>
      <c r="F34537" s="14" t="s">
        <v>25</v>
      </c>
      <c r="G34537" s="16">
        <v>0</v>
      </c>
    </row>
    <row r="34538" spans="1:7" x14ac:dyDescent="0.3">
      <c r="A34538" s="13" t="s">
        <v>212</v>
      </c>
      <c r="B34538" s="14" t="s">
        <v>1</v>
      </c>
      <c r="C34538" s="14" t="s">
        <v>59</v>
      </c>
      <c r="D34538" s="14" t="s">
        <v>213</v>
      </c>
      <c r="E34538" s="15">
        <v>45604</v>
      </c>
      <c r="F34538" s="14" t="s">
        <v>25</v>
      </c>
      <c r="G34538" s="16">
        <v>0</v>
      </c>
    </row>
    <row r="34539" spans="1:7" x14ac:dyDescent="0.3">
      <c r="A34539" s="13" t="s">
        <v>212</v>
      </c>
      <c r="B34539" s="14" t="s">
        <v>1</v>
      </c>
      <c r="C34539" s="14" t="s">
        <v>59</v>
      </c>
      <c r="D34539" s="14" t="s">
        <v>213</v>
      </c>
      <c r="E34539" s="15">
        <v>45605</v>
      </c>
      <c r="F34539" s="14" t="s">
        <v>25</v>
      </c>
      <c r="G34539" s="16">
        <v>0</v>
      </c>
    </row>
    <row r="34540" spans="1:7" x14ac:dyDescent="0.3">
      <c r="A34540" s="13" t="s">
        <v>212</v>
      </c>
      <c r="B34540" s="14" t="s">
        <v>1</v>
      </c>
      <c r="C34540" s="14" t="s">
        <v>59</v>
      </c>
      <c r="D34540" s="14" t="s">
        <v>213</v>
      </c>
      <c r="E34540" s="15">
        <v>45606</v>
      </c>
      <c r="F34540" s="14" t="s">
        <v>25</v>
      </c>
      <c r="G34540" s="16">
        <v>0</v>
      </c>
    </row>
    <row r="34541" spans="1:7" x14ac:dyDescent="0.3">
      <c r="A34541" s="13" t="s">
        <v>212</v>
      </c>
      <c r="B34541" s="14" t="s">
        <v>1</v>
      </c>
      <c r="C34541" s="14" t="s">
        <v>59</v>
      </c>
      <c r="D34541" s="14" t="s">
        <v>213</v>
      </c>
      <c r="E34541" s="15">
        <v>45607</v>
      </c>
      <c r="F34541" s="14" t="s">
        <v>25</v>
      </c>
      <c r="G34541" s="16">
        <v>0</v>
      </c>
    </row>
    <row r="34542" spans="1:7" x14ac:dyDescent="0.3">
      <c r="A34542" s="13" t="s">
        <v>212</v>
      </c>
      <c r="B34542" s="14" t="s">
        <v>1</v>
      </c>
      <c r="C34542" s="14" t="s">
        <v>59</v>
      </c>
      <c r="D34542" s="14" t="s">
        <v>213</v>
      </c>
      <c r="E34542" s="15">
        <v>45608</v>
      </c>
      <c r="F34542" s="14" t="s">
        <v>25</v>
      </c>
      <c r="G34542" s="16">
        <v>0</v>
      </c>
    </row>
    <row r="34543" spans="1:7" x14ac:dyDescent="0.3">
      <c r="A34543" s="13" t="s">
        <v>212</v>
      </c>
      <c r="B34543" s="14" t="s">
        <v>1</v>
      </c>
      <c r="C34543" s="14" t="s">
        <v>59</v>
      </c>
      <c r="D34543" s="14" t="s">
        <v>213</v>
      </c>
      <c r="E34543" s="15">
        <v>45609</v>
      </c>
      <c r="F34543" s="14" t="s">
        <v>25</v>
      </c>
      <c r="G34543" s="16">
        <v>0</v>
      </c>
    </row>
    <row r="34544" spans="1:7" x14ac:dyDescent="0.3">
      <c r="A34544" s="13" t="s">
        <v>212</v>
      </c>
      <c r="B34544" s="14" t="s">
        <v>1</v>
      </c>
      <c r="C34544" s="14" t="s">
        <v>59</v>
      </c>
      <c r="D34544" s="14" t="s">
        <v>213</v>
      </c>
      <c r="E34544" s="15">
        <v>45610</v>
      </c>
      <c r="F34544" s="14" t="s">
        <v>25</v>
      </c>
      <c r="G34544" s="16">
        <v>0</v>
      </c>
    </row>
    <row r="34545" spans="1:7" x14ac:dyDescent="0.3">
      <c r="A34545" s="13" t="s">
        <v>212</v>
      </c>
      <c r="B34545" s="14" t="s">
        <v>1</v>
      </c>
      <c r="C34545" s="14" t="s">
        <v>59</v>
      </c>
      <c r="D34545" s="14" t="s">
        <v>213</v>
      </c>
      <c r="E34545" s="15">
        <v>45611</v>
      </c>
      <c r="F34545" s="14" t="s">
        <v>25</v>
      </c>
      <c r="G34545" s="16">
        <v>0</v>
      </c>
    </row>
    <row r="34546" spans="1:7" x14ac:dyDescent="0.3">
      <c r="A34546" s="13" t="s">
        <v>212</v>
      </c>
      <c r="B34546" s="14" t="s">
        <v>1</v>
      </c>
      <c r="C34546" s="14" t="s">
        <v>59</v>
      </c>
      <c r="D34546" s="14" t="s">
        <v>213</v>
      </c>
      <c r="E34546" s="15">
        <v>45612</v>
      </c>
      <c r="F34546" s="14" t="s">
        <v>25</v>
      </c>
      <c r="G34546" s="16">
        <v>0</v>
      </c>
    </row>
    <row r="34547" spans="1:7" x14ac:dyDescent="0.3">
      <c r="A34547" s="13" t="s">
        <v>212</v>
      </c>
      <c r="B34547" s="14" t="s">
        <v>1</v>
      </c>
      <c r="C34547" s="14" t="s">
        <v>59</v>
      </c>
      <c r="D34547" s="14" t="s">
        <v>213</v>
      </c>
      <c r="E34547" s="15">
        <v>45613</v>
      </c>
      <c r="F34547" s="14" t="s">
        <v>25</v>
      </c>
      <c r="G34547" s="16">
        <v>0</v>
      </c>
    </row>
    <row r="34548" spans="1:7" x14ac:dyDescent="0.3">
      <c r="A34548" s="13" t="s">
        <v>212</v>
      </c>
      <c r="B34548" s="14" t="s">
        <v>1</v>
      </c>
      <c r="C34548" s="14" t="s">
        <v>59</v>
      </c>
      <c r="D34548" s="14" t="s">
        <v>213</v>
      </c>
      <c r="E34548" s="15">
        <v>45614</v>
      </c>
      <c r="F34548" s="14" t="s">
        <v>25</v>
      </c>
      <c r="G34548" s="16">
        <v>0</v>
      </c>
    </row>
    <row r="34549" spans="1:7" x14ac:dyDescent="0.3">
      <c r="A34549" s="13" t="s">
        <v>212</v>
      </c>
      <c r="B34549" s="14" t="s">
        <v>1</v>
      </c>
      <c r="C34549" s="14" t="s">
        <v>59</v>
      </c>
      <c r="D34549" s="14" t="s">
        <v>213</v>
      </c>
      <c r="E34549" s="15">
        <v>45615</v>
      </c>
      <c r="F34549" s="14" t="s">
        <v>25</v>
      </c>
      <c r="G34549" s="16">
        <v>0</v>
      </c>
    </row>
    <row r="34550" spans="1:7" x14ac:dyDescent="0.3">
      <c r="A34550" s="13" t="s">
        <v>212</v>
      </c>
      <c r="B34550" s="14" t="s">
        <v>1</v>
      </c>
      <c r="C34550" s="14" t="s">
        <v>59</v>
      </c>
      <c r="D34550" s="14" t="s">
        <v>213</v>
      </c>
      <c r="E34550" s="15">
        <v>45616</v>
      </c>
      <c r="F34550" s="14" t="s">
        <v>25</v>
      </c>
      <c r="G34550" s="16">
        <v>0</v>
      </c>
    </row>
    <row r="34551" spans="1:7" x14ac:dyDescent="0.3">
      <c r="A34551" s="13" t="s">
        <v>212</v>
      </c>
      <c r="B34551" s="14" t="s">
        <v>1</v>
      </c>
      <c r="C34551" s="14" t="s">
        <v>59</v>
      </c>
      <c r="D34551" s="14" t="s">
        <v>213</v>
      </c>
      <c r="E34551" s="15">
        <v>45617</v>
      </c>
      <c r="F34551" s="14" t="s">
        <v>25</v>
      </c>
      <c r="G34551" s="16">
        <v>0</v>
      </c>
    </row>
    <row r="34552" spans="1:7" x14ac:dyDescent="0.3">
      <c r="A34552" s="13" t="s">
        <v>212</v>
      </c>
      <c r="B34552" s="14" t="s">
        <v>1</v>
      </c>
      <c r="C34552" s="14" t="s">
        <v>59</v>
      </c>
      <c r="D34552" s="14" t="s">
        <v>213</v>
      </c>
      <c r="E34552" s="15">
        <v>45618</v>
      </c>
      <c r="F34552" s="14" t="s">
        <v>25</v>
      </c>
      <c r="G34552" s="16">
        <v>0</v>
      </c>
    </row>
    <row r="34553" spans="1:7" x14ac:dyDescent="0.3">
      <c r="A34553" s="13" t="s">
        <v>212</v>
      </c>
      <c r="B34553" s="14" t="s">
        <v>1</v>
      </c>
      <c r="C34553" s="14" t="s">
        <v>59</v>
      </c>
      <c r="D34553" s="14" t="s">
        <v>213</v>
      </c>
      <c r="E34553" s="15">
        <v>45619</v>
      </c>
      <c r="F34553" s="14" t="s">
        <v>25</v>
      </c>
      <c r="G34553" s="16">
        <v>0</v>
      </c>
    </row>
    <row r="34554" spans="1:7" x14ac:dyDescent="0.3">
      <c r="A34554" s="13" t="s">
        <v>212</v>
      </c>
      <c r="B34554" s="14" t="s">
        <v>1</v>
      </c>
      <c r="C34554" s="14" t="s">
        <v>59</v>
      </c>
      <c r="D34554" s="14" t="s">
        <v>213</v>
      </c>
      <c r="E34554" s="15">
        <v>45620</v>
      </c>
      <c r="F34554" s="14" t="s">
        <v>25</v>
      </c>
      <c r="G34554" s="16">
        <v>0</v>
      </c>
    </row>
    <row r="34555" spans="1:7" x14ac:dyDescent="0.3">
      <c r="A34555" s="13" t="s">
        <v>212</v>
      </c>
      <c r="B34555" s="14" t="s">
        <v>1</v>
      </c>
      <c r="C34555" s="14" t="s">
        <v>59</v>
      </c>
      <c r="D34555" s="14" t="s">
        <v>213</v>
      </c>
      <c r="E34555" s="15">
        <v>45621</v>
      </c>
      <c r="F34555" s="14" t="s">
        <v>25</v>
      </c>
      <c r="G34555" s="16">
        <v>0</v>
      </c>
    </row>
    <row r="34556" spans="1:7" x14ac:dyDescent="0.3">
      <c r="A34556" s="13" t="s">
        <v>212</v>
      </c>
      <c r="B34556" s="14" t="s">
        <v>1</v>
      </c>
      <c r="C34556" s="14" t="s">
        <v>59</v>
      </c>
      <c r="D34556" s="14" t="s">
        <v>213</v>
      </c>
      <c r="E34556" s="15">
        <v>45622</v>
      </c>
      <c r="F34556" s="14" t="s">
        <v>25</v>
      </c>
      <c r="G34556" s="16">
        <v>0</v>
      </c>
    </row>
    <row r="34557" spans="1:7" x14ac:dyDescent="0.3">
      <c r="A34557" s="13" t="s">
        <v>212</v>
      </c>
      <c r="B34557" s="14" t="s">
        <v>1</v>
      </c>
      <c r="C34557" s="14" t="s">
        <v>59</v>
      </c>
      <c r="D34557" s="14" t="s">
        <v>213</v>
      </c>
      <c r="E34557" s="15">
        <v>45623</v>
      </c>
      <c r="F34557" s="14" t="s">
        <v>25</v>
      </c>
      <c r="G34557" s="16">
        <v>0</v>
      </c>
    </row>
    <row r="34558" spans="1:7" x14ac:dyDescent="0.3">
      <c r="A34558" s="13" t="s">
        <v>212</v>
      </c>
      <c r="B34558" s="14" t="s">
        <v>1</v>
      </c>
      <c r="C34558" s="14" t="s">
        <v>59</v>
      </c>
      <c r="D34558" s="14" t="s">
        <v>213</v>
      </c>
      <c r="E34558" s="15">
        <v>45624</v>
      </c>
      <c r="F34558" s="14" t="s">
        <v>25</v>
      </c>
      <c r="G34558" s="16">
        <v>0</v>
      </c>
    </row>
    <row r="34559" spans="1:7" x14ac:dyDescent="0.3">
      <c r="A34559" s="13" t="s">
        <v>212</v>
      </c>
      <c r="B34559" s="14" t="s">
        <v>1</v>
      </c>
      <c r="C34559" s="14" t="s">
        <v>59</v>
      </c>
      <c r="D34559" s="14" t="s">
        <v>213</v>
      </c>
      <c r="E34559" s="15">
        <v>45625</v>
      </c>
      <c r="F34559" s="14" t="s">
        <v>25</v>
      </c>
      <c r="G34559" s="16">
        <v>0</v>
      </c>
    </row>
    <row r="34560" spans="1:7" x14ac:dyDescent="0.3">
      <c r="A34560" s="13" t="s">
        <v>212</v>
      </c>
      <c r="B34560" s="14" t="s">
        <v>1</v>
      </c>
      <c r="C34560" s="14" t="s">
        <v>59</v>
      </c>
      <c r="D34560" s="14" t="s">
        <v>213</v>
      </c>
      <c r="E34560" s="15">
        <v>45626</v>
      </c>
      <c r="F34560" s="14" t="s">
        <v>25</v>
      </c>
      <c r="G34560" s="16">
        <v>0</v>
      </c>
    </row>
    <row r="34561" spans="1:7" x14ac:dyDescent="0.3">
      <c r="A34561" s="13" t="s">
        <v>212</v>
      </c>
      <c r="B34561" s="14" t="s">
        <v>1</v>
      </c>
      <c r="C34561" s="14" t="s">
        <v>59</v>
      </c>
      <c r="D34561" s="14" t="s">
        <v>213</v>
      </c>
      <c r="E34561" s="15">
        <v>45627</v>
      </c>
      <c r="F34561" s="14" t="s">
        <v>25</v>
      </c>
      <c r="G34561" s="16">
        <v>0</v>
      </c>
    </row>
    <row r="34562" spans="1:7" x14ac:dyDescent="0.3">
      <c r="A34562" s="13" t="s">
        <v>212</v>
      </c>
      <c r="B34562" s="14" t="s">
        <v>1</v>
      </c>
      <c r="C34562" s="14" t="s">
        <v>59</v>
      </c>
      <c r="D34562" s="14" t="s">
        <v>213</v>
      </c>
      <c r="E34562" s="15">
        <v>45628</v>
      </c>
      <c r="F34562" s="14" t="s">
        <v>25</v>
      </c>
      <c r="G34562" s="16">
        <v>0</v>
      </c>
    </row>
    <row r="34563" spans="1:7" x14ac:dyDescent="0.3">
      <c r="A34563" s="13" t="s">
        <v>212</v>
      </c>
      <c r="B34563" s="14" t="s">
        <v>1</v>
      </c>
      <c r="C34563" s="14" t="s">
        <v>59</v>
      </c>
      <c r="D34563" s="14" t="s">
        <v>213</v>
      </c>
      <c r="E34563" s="15">
        <v>45629</v>
      </c>
      <c r="F34563" s="14" t="s">
        <v>25</v>
      </c>
      <c r="G34563" s="16">
        <v>0</v>
      </c>
    </row>
    <row r="34564" spans="1:7" x14ac:dyDescent="0.3">
      <c r="A34564" s="13" t="s">
        <v>212</v>
      </c>
      <c r="B34564" s="14" t="s">
        <v>1</v>
      </c>
      <c r="C34564" s="14" t="s">
        <v>59</v>
      </c>
      <c r="D34564" s="14" t="s">
        <v>213</v>
      </c>
      <c r="E34564" s="15">
        <v>45630</v>
      </c>
      <c r="F34564" s="14" t="s">
        <v>25</v>
      </c>
      <c r="G34564" s="16">
        <v>0</v>
      </c>
    </row>
    <row r="34565" spans="1:7" x14ac:dyDescent="0.3">
      <c r="A34565" s="13" t="s">
        <v>212</v>
      </c>
      <c r="B34565" s="14" t="s">
        <v>1</v>
      </c>
      <c r="C34565" s="14" t="s">
        <v>59</v>
      </c>
      <c r="D34565" s="14" t="s">
        <v>213</v>
      </c>
      <c r="E34565" s="15">
        <v>45631</v>
      </c>
      <c r="F34565" s="14" t="s">
        <v>25</v>
      </c>
      <c r="G34565" s="16">
        <v>0</v>
      </c>
    </row>
    <row r="34566" spans="1:7" x14ac:dyDescent="0.3">
      <c r="A34566" s="13" t="s">
        <v>212</v>
      </c>
      <c r="B34566" s="14" t="s">
        <v>1</v>
      </c>
      <c r="C34566" s="14" t="s">
        <v>59</v>
      </c>
      <c r="D34566" s="14" t="s">
        <v>213</v>
      </c>
      <c r="E34566" s="15">
        <v>45632</v>
      </c>
      <c r="F34566" s="14" t="s">
        <v>25</v>
      </c>
      <c r="G34566" s="16">
        <v>0</v>
      </c>
    </row>
    <row r="34567" spans="1:7" x14ac:dyDescent="0.3">
      <c r="A34567" s="13" t="s">
        <v>212</v>
      </c>
      <c r="B34567" s="14" t="s">
        <v>1</v>
      </c>
      <c r="C34567" s="14" t="s">
        <v>59</v>
      </c>
      <c r="D34567" s="14" t="s">
        <v>213</v>
      </c>
      <c r="E34567" s="15">
        <v>45633</v>
      </c>
      <c r="F34567" s="14" t="s">
        <v>25</v>
      </c>
      <c r="G34567" s="16">
        <v>0</v>
      </c>
    </row>
    <row r="34568" spans="1:7" x14ac:dyDescent="0.3">
      <c r="A34568" s="13" t="s">
        <v>212</v>
      </c>
      <c r="B34568" s="14" t="s">
        <v>1</v>
      </c>
      <c r="C34568" s="14" t="s">
        <v>59</v>
      </c>
      <c r="D34568" s="14" t="s">
        <v>213</v>
      </c>
      <c r="E34568" s="15">
        <v>45634</v>
      </c>
      <c r="F34568" s="14" t="s">
        <v>25</v>
      </c>
      <c r="G34568" s="16">
        <v>0</v>
      </c>
    </row>
    <row r="34569" spans="1:7" x14ac:dyDescent="0.3">
      <c r="A34569" s="13" t="s">
        <v>212</v>
      </c>
      <c r="B34569" s="14" t="s">
        <v>1</v>
      </c>
      <c r="C34569" s="14" t="s">
        <v>59</v>
      </c>
      <c r="D34569" s="14" t="s">
        <v>213</v>
      </c>
      <c r="E34569" s="15">
        <v>45635</v>
      </c>
      <c r="F34569" s="14" t="s">
        <v>25</v>
      </c>
      <c r="G34569" s="16">
        <v>0</v>
      </c>
    </row>
    <row r="34570" spans="1:7" x14ac:dyDescent="0.3">
      <c r="A34570" s="13" t="s">
        <v>212</v>
      </c>
      <c r="B34570" s="14" t="s">
        <v>1</v>
      </c>
      <c r="C34570" s="14" t="s">
        <v>59</v>
      </c>
      <c r="D34570" s="14" t="s">
        <v>213</v>
      </c>
      <c r="E34570" s="15">
        <v>45636</v>
      </c>
      <c r="F34570" s="14" t="s">
        <v>25</v>
      </c>
      <c r="G34570" s="16">
        <v>0</v>
      </c>
    </row>
    <row r="34571" spans="1:7" x14ac:dyDescent="0.3">
      <c r="A34571" s="13" t="s">
        <v>212</v>
      </c>
      <c r="B34571" s="14" t="s">
        <v>1</v>
      </c>
      <c r="C34571" s="14" t="s">
        <v>59</v>
      </c>
      <c r="D34571" s="14" t="s">
        <v>213</v>
      </c>
      <c r="E34571" s="15">
        <v>45637</v>
      </c>
      <c r="F34571" s="14" t="s">
        <v>25</v>
      </c>
      <c r="G34571" s="16">
        <v>0</v>
      </c>
    </row>
    <row r="34572" spans="1:7" x14ac:dyDescent="0.3">
      <c r="A34572" s="13" t="s">
        <v>212</v>
      </c>
      <c r="B34572" s="14" t="s">
        <v>1</v>
      </c>
      <c r="C34572" s="14" t="s">
        <v>59</v>
      </c>
      <c r="D34572" s="14" t="s">
        <v>213</v>
      </c>
      <c r="E34572" s="15">
        <v>45638</v>
      </c>
      <c r="F34572" s="14" t="s">
        <v>25</v>
      </c>
      <c r="G34572" s="16">
        <v>0</v>
      </c>
    </row>
    <row r="34573" spans="1:7" x14ac:dyDescent="0.3">
      <c r="A34573" s="13" t="s">
        <v>212</v>
      </c>
      <c r="B34573" s="14" t="s">
        <v>1</v>
      </c>
      <c r="C34573" s="14" t="s">
        <v>59</v>
      </c>
      <c r="D34573" s="14" t="s">
        <v>213</v>
      </c>
      <c r="E34573" s="15">
        <v>45639</v>
      </c>
      <c r="F34573" s="14" t="s">
        <v>25</v>
      </c>
      <c r="G34573" s="16">
        <v>0</v>
      </c>
    </row>
    <row r="34574" spans="1:7" x14ac:dyDescent="0.3">
      <c r="A34574" s="13" t="s">
        <v>212</v>
      </c>
      <c r="B34574" s="14" t="s">
        <v>1</v>
      </c>
      <c r="C34574" s="14" t="s">
        <v>59</v>
      </c>
      <c r="D34574" s="14" t="s">
        <v>213</v>
      </c>
      <c r="E34574" s="15">
        <v>45640</v>
      </c>
      <c r="F34574" s="14" t="s">
        <v>25</v>
      </c>
      <c r="G34574" s="16">
        <v>0</v>
      </c>
    </row>
    <row r="34575" spans="1:7" x14ac:dyDescent="0.3">
      <c r="A34575" s="13" t="s">
        <v>212</v>
      </c>
      <c r="B34575" s="14" t="s">
        <v>1</v>
      </c>
      <c r="C34575" s="14" t="s">
        <v>59</v>
      </c>
      <c r="D34575" s="14" t="s">
        <v>213</v>
      </c>
      <c r="E34575" s="15">
        <v>45641</v>
      </c>
      <c r="F34575" s="14" t="s">
        <v>25</v>
      </c>
      <c r="G34575" s="16">
        <v>0</v>
      </c>
    </row>
    <row r="34576" spans="1:7" x14ac:dyDescent="0.3">
      <c r="A34576" s="13" t="s">
        <v>212</v>
      </c>
      <c r="B34576" s="14" t="s">
        <v>1</v>
      </c>
      <c r="C34576" s="14" t="s">
        <v>59</v>
      </c>
      <c r="D34576" s="14" t="s">
        <v>213</v>
      </c>
      <c r="E34576" s="15">
        <v>45642</v>
      </c>
      <c r="F34576" s="14" t="s">
        <v>25</v>
      </c>
      <c r="G34576" s="16">
        <v>0</v>
      </c>
    </row>
    <row r="34577" spans="1:7" x14ac:dyDescent="0.3">
      <c r="A34577" s="13" t="s">
        <v>212</v>
      </c>
      <c r="B34577" s="14" t="s">
        <v>1</v>
      </c>
      <c r="C34577" s="14" t="s">
        <v>59</v>
      </c>
      <c r="D34577" s="14" t="s">
        <v>213</v>
      </c>
      <c r="E34577" s="15">
        <v>45643</v>
      </c>
      <c r="F34577" s="14" t="s">
        <v>25</v>
      </c>
      <c r="G34577" s="16">
        <v>0</v>
      </c>
    </row>
    <row r="34578" spans="1:7" x14ac:dyDescent="0.3">
      <c r="A34578" s="13" t="s">
        <v>212</v>
      </c>
      <c r="B34578" s="14" t="s">
        <v>1</v>
      </c>
      <c r="C34578" s="14" t="s">
        <v>59</v>
      </c>
      <c r="D34578" s="14" t="s">
        <v>213</v>
      </c>
      <c r="E34578" s="15">
        <v>45644</v>
      </c>
      <c r="F34578" s="14" t="s">
        <v>25</v>
      </c>
      <c r="G34578" s="16">
        <v>0</v>
      </c>
    </row>
    <row r="34579" spans="1:7" x14ac:dyDescent="0.3">
      <c r="A34579" s="13" t="s">
        <v>212</v>
      </c>
      <c r="B34579" s="14" t="s">
        <v>1</v>
      </c>
      <c r="C34579" s="14" t="s">
        <v>59</v>
      </c>
      <c r="D34579" s="14" t="s">
        <v>213</v>
      </c>
      <c r="E34579" s="15">
        <v>45645</v>
      </c>
      <c r="F34579" s="14" t="s">
        <v>25</v>
      </c>
      <c r="G34579" s="16">
        <v>0</v>
      </c>
    </row>
    <row r="34580" spans="1:7" x14ac:dyDescent="0.3">
      <c r="A34580" s="13" t="s">
        <v>212</v>
      </c>
      <c r="B34580" s="14" t="s">
        <v>1</v>
      </c>
      <c r="C34580" s="14" t="s">
        <v>59</v>
      </c>
      <c r="D34580" s="14" t="s">
        <v>213</v>
      </c>
      <c r="E34580" s="15">
        <v>45646</v>
      </c>
      <c r="F34580" s="14" t="s">
        <v>25</v>
      </c>
      <c r="G34580" s="16">
        <v>0</v>
      </c>
    </row>
    <row r="34581" spans="1:7" x14ac:dyDescent="0.3">
      <c r="A34581" s="13" t="s">
        <v>212</v>
      </c>
      <c r="B34581" s="14" t="s">
        <v>1</v>
      </c>
      <c r="C34581" s="14" t="s">
        <v>59</v>
      </c>
      <c r="D34581" s="14" t="s">
        <v>213</v>
      </c>
      <c r="E34581" s="15">
        <v>45647</v>
      </c>
      <c r="F34581" s="14" t="s">
        <v>25</v>
      </c>
      <c r="G34581" s="16">
        <v>0</v>
      </c>
    </row>
    <row r="34582" spans="1:7" x14ac:dyDescent="0.3">
      <c r="A34582" s="13" t="s">
        <v>212</v>
      </c>
      <c r="B34582" s="14" t="s">
        <v>1</v>
      </c>
      <c r="C34582" s="14" t="s">
        <v>59</v>
      </c>
      <c r="D34582" s="14" t="s">
        <v>213</v>
      </c>
      <c r="E34582" s="15">
        <v>45648</v>
      </c>
      <c r="F34582" s="14" t="s">
        <v>25</v>
      </c>
      <c r="G34582" s="16">
        <v>0</v>
      </c>
    </row>
    <row r="34583" spans="1:7" x14ac:dyDescent="0.3">
      <c r="A34583" s="13" t="s">
        <v>212</v>
      </c>
      <c r="B34583" s="14" t="s">
        <v>1</v>
      </c>
      <c r="C34583" s="14" t="s">
        <v>59</v>
      </c>
      <c r="D34583" s="14" t="s">
        <v>213</v>
      </c>
      <c r="E34583" s="15">
        <v>45649</v>
      </c>
      <c r="F34583" s="14" t="s">
        <v>25</v>
      </c>
      <c r="G34583" s="16">
        <v>0</v>
      </c>
    </row>
    <row r="34584" spans="1:7" x14ac:dyDescent="0.3">
      <c r="A34584" s="13" t="s">
        <v>212</v>
      </c>
      <c r="B34584" s="14" t="s">
        <v>1</v>
      </c>
      <c r="C34584" s="14" t="s">
        <v>59</v>
      </c>
      <c r="D34584" s="14" t="s">
        <v>213</v>
      </c>
      <c r="E34584" s="15">
        <v>45650</v>
      </c>
      <c r="F34584" s="14" t="s">
        <v>25</v>
      </c>
      <c r="G34584" s="16">
        <v>0</v>
      </c>
    </row>
    <row r="34585" spans="1:7" x14ac:dyDescent="0.3">
      <c r="A34585" s="13" t="s">
        <v>212</v>
      </c>
      <c r="B34585" s="14" t="s">
        <v>1</v>
      </c>
      <c r="C34585" s="14" t="s">
        <v>59</v>
      </c>
      <c r="D34585" s="14" t="s">
        <v>213</v>
      </c>
      <c r="E34585" s="15">
        <v>45651</v>
      </c>
      <c r="F34585" s="14" t="s">
        <v>25</v>
      </c>
      <c r="G34585" s="16">
        <v>0</v>
      </c>
    </row>
    <row r="34586" spans="1:7" x14ac:dyDescent="0.3">
      <c r="A34586" s="13" t="s">
        <v>212</v>
      </c>
      <c r="B34586" s="14" t="s">
        <v>1</v>
      </c>
      <c r="C34586" s="14" t="s">
        <v>59</v>
      </c>
      <c r="D34586" s="14" t="s">
        <v>213</v>
      </c>
      <c r="E34586" s="15">
        <v>45652</v>
      </c>
      <c r="F34586" s="14" t="s">
        <v>25</v>
      </c>
      <c r="G34586" s="16">
        <v>0</v>
      </c>
    </row>
    <row r="34587" spans="1:7" x14ac:dyDescent="0.3">
      <c r="A34587" s="13" t="s">
        <v>212</v>
      </c>
      <c r="B34587" s="14" t="s">
        <v>1</v>
      </c>
      <c r="C34587" s="14" t="s">
        <v>59</v>
      </c>
      <c r="D34587" s="14" t="s">
        <v>213</v>
      </c>
      <c r="E34587" s="15">
        <v>45653</v>
      </c>
      <c r="F34587" s="14" t="s">
        <v>25</v>
      </c>
      <c r="G34587" s="16">
        <v>0</v>
      </c>
    </row>
    <row r="34588" spans="1:7" x14ac:dyDescent="0.3">
      <c r="A34588" s="13" t="s">
        <v>212</v>
      </c>
      <c r="B34588" s="14" t="s">
        <v>1</v>
      </c>
      <c r="C34588" s="14" t="s">
        <v>59</v>
      </c>
      <c r="D34588" s="14" t="s">
        <v>213</v>
      </c>
      <c r="E34588" s="15">
        <v>45654</v>
      </c>
      <c r="F34588" s="14" t="s">
        <v>25</v>
      </c>
      <c r="G34588" s="16">
        <v>0</v>
      </c>
    </row>
    <row r="34589" spans="1:7" x14ac:dyDescent="0.3">
      <c r="A34589" s="13" t="s">
        <v>212</v>
      </c>
      <c r="B34589" s="14" t="s">
        <v>1</v>
      </c>
      <c r="C34589" s="14" t="s">
        <v>59</v>
      </c>
      <c r="D34589" s="14" t="s">
        <v>213</v>
      </c>
      <c r="E34589" s="15">
        <v>45655</v>
      </c>
      <c r="F34589" s="14" t="s">
        <v>25</v>
      </c>
      <c r="G34589" s="16">
        <v>0</v>
      </c>
    </row>
    <row r="34590" spans="1:7" x14ac:dyDescent="0.3">
      <c r="A34590" s="13" t="s">
        <v>212</v>
      </c>
      <c r="B34590" s="14" t="s">
        <v>1</v>
      </c>
      <c r="C34590" s="14" t="s">
        <v>59</v>
      </c>
      <c r="D34590" s="14" t="s">
        <v>213</v>
      </c>
      <c r="E34590" s="15">
        <v>45656</v>
      </c>
      <c r="F34590" s="14" t="s">
        <v>25</v>
      </c>
      <c r="G34590" s="16">
        <v>0</v>
      </c>
    </row>
    <row r="34591" spans="1:7" x14ac:dyDescent="0.3">
      <c r="A34591" s="13" t="s">
        <v>212</v>
      </c>
      <c r="B34591" s="14" t="s">
        <v>1</v>
      </c>
      <c r="C34591" s="14" t="s">
        <v>59</v>
      </c>
      <c r="D34591" s="14" t="s">
        <v>213</v>
      </c>
      <c r="E34591" s="15">
        <v>45657</v>
      </c>
      <c r="F34591" s="14" t="s">
        <v>25</v>
      </c>
      <c r="G34591" s="16">
        <v>0</v>
      </c>
    </row>
    <row r="34592" spans="1:7" x14ac:dyDescent="0.3">
      <c r="A34592" s="13" t="s">
        <v>212</v>
      </c>
      <c r="B34592" s="14" t="s">
        <v>1</v>
      </c>
      <c r="C34592" s="14" t="s">
        <v>59</v>
      </c>
      <c r="D34592" s="14" t="s">
        <v>213</v>
      </c>
      <c r="E34592" s="15">
        <v>45658</v>
      </c>
      <c r="F34592" s="14" t="s">
        <v>25</v>
      </c>
      <c r="G34592" s="16">
        <v>0</v>
      </c>
    </row>
    <row r="34593" spans="1:7" x14ac:dyDescent="0.3">
      <c r="A34593" s="13" t="s">
        <v>212</v>
      </c>
      <c r="B34593" s="14" t="s">
        <v>1</v>
      </c>
      <c r="C34593" s="14" t="s">
        <v>59</v>
      </c>
      <c r="D34593" s="14" t="s">
        <v>213</v>
      </c>
      <c r="E34593" s="15">
        <v>45659</v>
      </c>
      <c r="F34593" s="14" t="s">
        <v>25</v>
      </c>
      <c r="G34593" s="16">
        <v>0</v>
      </c>
    </row>
    <row r="34594" spans="1:7" x14ac:dyDescent="0.3">
      <c r="A34594" s="13" t="s">
        <v>212</v>
      </c>
      <c r="B34594" s="14" t="s">
        <v>1</v>
      </c>
      <c r="C34594" s="14" t="s">
        <v>59</v>
      </c>
      <c r="D34594" s="14" t="s">
        <v>213</v>
      </c>
      <c r="E34594" s="15">
        <v>45660</v>
      </c>
      <c r="F34594" s="14" t="s">
        <v>25</v>
      </c>
      <c r="G34594" s="16">
        <v>0</v>
      </c>
    </row>
    <row r="34595" spans="1:7" x14ac:dyDescent="0.3">
      <c r="A34595" s="13" t="s">
        <v>212</v>
      </c>
      <c r="B34595" s="14" t="s">
        <v>1</v>
      </c>
      <c r="C34595" s="14" t="s">
        <v>59</v>
      </c>
      <c r="D34595" s="14" t="s">
        <v>213</v>
      </c>
      <c r="E34595" s="15">
        <v>45661</v>
      </c>
      <c r="F34595" s="14" t="s">
        <v>25</v>
      </c>
      <c r="G34595" s="16">
        <v>0</v>
      </c>
    </row>
    <row r="34596" spans="1:7" x14ac:dyDescent="0.3">
      <c r="A34596" s="13" t="s">
        <v>212</v>
      </c>
      <c r="B34596" s="14" t="s">
        <v>1</v>
      </c>
      <c r="C34596" s="14" t="s">
        <v>59</v>
      </c>
      <c r="D34596" s="14" t="s">
        <v>213</v>
      </c>
      <c r="E34596" s="15">
        <v>45662</v>
      </c>
      <c r="F34596" s="14" t="s">
        <v>25</v>
      </c>
      <c r="G34596" s="16">
        <v>0</v>
      </c>
    </row>
    <row r="34597" spans="1:7" x14ac:dyDescent="0.3">
      <c r="A34597" s="13" t="s">
        <v>212</v>
      </c>
      <c r="B34597" s="14" t="s">
        <v>1</v>
      </c>
      <c r="C34597" s="14" t="s">
        <v>59</v>
      </c>
      <c r="D34597" s="14" t="s">
        <v>213</v>
      </c>
      <c r="E34597" s="15">
        <v>45663</v>
      </c>
      <c r="F34597" s="14" t="s">
        <v>25</v>
      </c>
      <c r="G34597" s="16">
        <v>0</v>
      </c>
    </row>
    <row r="34598" spans="1:7" x14ac:dyDescent="0.3">
      <c r="A34598" s="13" t="s">
        <v>212</v>
      </c>
      <c r="B34598" s="14" t="s">
        <v>1</v>
      </c>
      <c r="C34598" s="14" t="s">
        <v>59</v>
      </c>
      <c r="D34598" s="14" t="s">
        <v>213</v>
      </c>
      <c r="E34598" s="15">
        <v>45664</v>
      </c>
      <c r="F34598" s="14" t="s">
        <v>25</v>
      </c>
      <c r="G34598" s="16">
        <v>0</v>
      </c>
    </row>
    <row r="34599" spans="1:7" x14ac:dyDescent="0.3">
      <c r="A34599" s="13" t="s">
        <v>212</v>
      </c>
      <c r="B34599" s="14" t="s">
        <v>1</v>
      </c>
      <c r="C34599" s="14" t="s">
        <v>59</v>
      </c>
      <c r="D34599" s="14" t="s">
        <v>213</v>
      </c>
      <c r="E34599" s="15">
        <v>45665</v>
      </c>
      <c r="F34599" s="14" t="s">
        <v>25</v>
      </c>
      <c r="G34599" s="16">
        <v>0</v>
      </c>
    </row>
    <row r="34600" spans="1:7" x14ac:dyDescent="0.3">
      <c r="A34600" s="13" t="s">
        <v>212</v>
      </c>
      <c r="B34600" s="14" t="s">
        <v>1</v>
      </c>
      <c r="C34600" s="14" t="s">
        <v>59</v>
      </c>
      <c r="D34600" s="14" t="s">
        <v>213</v>
      </c>
      <c r="E34600" s="15">
        <v>45666</v>
      </c>
      <c r="F34600" s="14" t="s">
        <v>25</v>
      </c>
      <c r="G34600" s="16">
        <v>0</v>
      </c>
    </row>
    <row r="34601" spans="1:7" x14ac:dyDescent="0.3">
      <c r="A34601" s="13" t="s">
        <v>212</v>
      </c>
      <c r="B34601" s="14" t="s">
        <v>1</v>
      </c>
      <c r="C34601" s="14" t="s">
        <v>59</v>
      </c>
      <c r="D34601" s="14" t="s">
        <v>213</v>
      </c>
      <c r="E34601" s="15">
        <v>45667</v>
      </c>
      <c r="F34601" s="14" t="s">
        <v>25</v>
      </c>
      <c r="G34601" s="16">
        <v>0</v>
      </c>
    </row>
    <row r="34602" spans="1:7" x14ac:dyDescent="0.3">
      <c r="A34602" s="13" t="s">
        <v>212</v>
      </c>
      <c r="B34602" s="14" t="s">
        <v>1</v>
      </c>
      <c r="C34602" s="14" t="s">
        <v>59</v>
      </c>
      <c r="D34602" s="14" t="s">
        <v>213</v>
      </c>
      <c r="E34602" s="15">
        <v>45668</v>
      </c>
      <c r="F34602" s="14" t="s">
        <v>25</v>
      </c>
      <c r="G34602" s="16">
        <v>0</v>
      </c>
    </row>
    <row r="34603" spans="1:7" x14ac:dyDescent="0.3">
      <c r="A34603" s="13" t="s">
        <v>212</v>
      </c>
      <c r="B34603" s="14" t="s">
        <v>1</v>
      </c>
      <c r="C34603" s="14" t="s">
        <v>59</v>
      </c>
      <c r="D34603" s="14" t="s">
        <v>213</v>
      </c>
      <c r="E34603" s="15">
        <v>45669</v>
      </c>
      <c r="F34603" s="14" t="s">
        <v>25</v>
      </c>
      <c r="G34603" s="16">
        <v>0</v>
      </c>
    </row>
    <row r="34604" spans="1:7" x14ac:dyDescent="0.3">
      <c r="A34604" s="13" t="s">
        <v>212</v>
      </c>
      <c r="B34604" s="14" t="s">
        <v>1</v>
      </c>
      <c r="C34604" s="14" t="s">
        <v>59</v>
      </c>
      <c r="D34604" s="14" t="s">
        <v>213</v>
      </c>
      <c r="E34604" s="15">
        <v>45670</v>
      </c>
      <c r="F34604" s="14" t="s">
        <v>25</v>
      </c>
      <c r="G34604" s="16">
        <v>0</v>
      </c>
    </row>
    <row r="34605" spans="1:7" x14ac:dyDescent="0.3">
      <c r="A34605" s="13" t="s">
        <v>212</v>
      </c>
      <c r="B34605" s="14" t="s">
        <v>1</v>
      </c>
      <c r="C34605" s="14" t="s">
        <v>59</v>
      </c>
      <c r="D34605" s="14" t="s">
        <v>213</v>
      </c>
      <c r="E34605" s="15">
        <v>45671</v>
      </c>
      <c r="F34605" s="14" t="s">
        <v>25</v>
      </c>
      <c r="G34605" s="16">
        <v>0</v>
      </c>
    </row>
    <row r="34606" spans="1:7" x14ac:dyDescent="0.3">
      <c r="A34606" s="13" t="s">
        <v>212</v>
      </c>
      <c r="B34606" s="14" t="s">
        <v>1</v>
      </c>
      <c r="C34606" s="14" t="s">
        <v>59</v>
      </c>
      <c r="D34606" s="14" t="s">
        <v>213</v>
      </c>
      <c r="E34606" s="15">
        <v>45672</v>
      </c>
      <c r="F34606" s="14" t="s">
        <v>25</v>
      </c>
      <c r="G34606" s="16">
        <v>0</v>
      </c>
    </row>
    <row r="34607" spans="1:7" x14ac:dyDescent="0.3">
      <c r="A34607" s="13" t="s">
        <v>212</v>
      </c>
      <c r="B34607" s="14" t="s">
        <v>1</v>
      </c>
      <c r="C34607" s="14" t="s">
        <v>59</v>
      </c>
      <c r="D34607" s="14" t="s">
        <v>213</v>
      </c>
      <c r="E34607" s="15">
        <v>45673</v>
      </c>
      <c r="F34607" s="14" t="s">
        <v>25</v>
      </c>
      <c r="G34607" s="16">
        <v>0</v>
      </c>
    </row>
    <row r="34608" spans="1:7" x14ac:dyDescent="0.3">
      <c r="A34608" s="13" t="s">
        <v>212</v>
      </c>
      <c r="B34608" s="14" t="s">
        <v>1</v>
      </c>
      <c r="C34608" s="14" t="s">
        <v>59</v>
      </c>
      <c r="D34608" s="14" t="s">
        <v>213</v>
      </c>
      <c r="E34608" s="15">
        <v>45674</v>
      </c>
      <c r="F34608" s="14" t="s">
        <v>25</v>
      </c>
      <c r="G34608" s="16">
        <v>0</v>
      </c>
    </row>
    <row r="34609" spans="1:7" x14ac:dyDescent="0.3">
      <c r="A34609" s="13" t="s">
        <v>212</v>
      </c>
      <c r="B34609" s="14" t="s">
        <v>1</v>
      </c>
      <c r="C34609" s="14" t="s">
        <v>59</v>
      </c>
      <c r="D34609" s="14" t="s">
        <v>213</v>
      </c>
      <c r="E34609" s="15">
        <v>45675</v>
      </c>
      <c r="F34609" s="14" t="s">
        <v>25</v>
      </c>
      <c r="G34609" s="16">
        <v>0</v>
      </c>
    </row>
    <row r="34610" spans="1:7" x14ac:dyDescent="0.3">
      <c r="A34610" s="13" t="s">
        <v>212</v>
      </c>
      <c r="B34610" s="14" t="s">
        <v>1</v>
      </c>
      <c r="C34610" s="14" t="s">
        <v>59</v>
      </c>
      <c r="D34610" s="14" t="s">
        <v>213</v>
      </c>
      <c r="E34610" s="15">
        <v>45676</v>
      </c>
      <c r="F34610" s="14" t="s">
        <v>25</v>
      </c>
      <c r="G34610" s="16">
        <v>0</v>
      </c>
    </row>
    <row r="34611" spans="1:7" x14ac:dyDescent="0.3">
      <c r="A34611" s="13" t="s">
        <v>212</v>
      </c>
      <c r="B34611" s="14" t="s">
        <v>1</v>
      </c>
      <c r="C34611" s="14" t="s">
        <v>59</v>
      </c>
      <c r="D34611" s="14" t="s">
        <v>213</v>
      </c>
      <c r="E34611" s="15">
        <v>45677</v>
      </c>
      <c r="F34611" s="14" t="s">
        <v>25</v>
      </c>
      <c r="G34611" s="16">
        <v>0</v>
      </c>
    </row>
    <row r="34612" spans="1:7" x14ac:dyDescent="0.3">
      <c r="A34612" s="13" t="s">
        <v>212</v>
      </c>
      <c r="B34612" s="14" t="s">
        <v>1</v>
      </c>
      <c r="C34612" s="14" t="s">
        <v>59</v>
      </c>
      <c r="D34612" s="14" t="s">
        <v>213</v>
      </c>
      <c r="E34612" s="15">
        <v>45678</v>
      </c>
      <c r="F34612" s="14" t="s">
        <v>25</v>
      </c>
      <c r="G34612" s="16">
        <v>0</v>
      </c>
    </row>
    <row r="34613" spans="1:7" x14ac:dyDescent="0.3">
      <c r="A34613" s="13" t="s">
        <v>212</v>
      </c>
      <c r="B34613" s="14" t="s">
        <v>1</v>
      </c>
      <c r="C34613" s="14" t="s">
        <v>59</v>
      </c>
      <c r="D34613" s="14" t="s">
        <v>213</v>
      </c>
      <c r="E34613" s="15">
        <v>45679</v>
      </c>
      <c r="F34613" s="14" t="s">
        <v>25</v>
      </c>
      <c r="G34613" s="16">
        <v>0</v>
      </c>
    </row>
    <row r="34614" spans="1:7" x14ac:dyDescent="0.3">
      <c r="A34614" s="13" t="s">
        <v>212</v>
      </c>
      <c r="B34614" s="14" t="s">
        <v>1</v>
      </c>
      <c r="C34614" s="14" t="s">
        <v>59</v>
      </c>
      <c r="D34614" s="14" t="s">
        <v>213</v>
      </c>
      <c r="E34614" s="15">
        <v>45680</v>
      </c>
      <c r="F34614" s="14" t="s">
        <v>25</v>
      </c>
      <c r="G34614" s="16">
        <v>0</v>
      </c>
    </row>
    <row r="34615" spans="1:7" x14ac:dyDescent="0.3">
      <c r="A34615" s="13" t="s">
        <v>212</v>
      </c>
      <c r="B34615" s="14" t="s">
        <v>1</v>
      </c>
      <c r="C34615" s="14" t="s">
        <v>59</v>
      </c>
      <c r="D34615" s="14" t="s">
        <v>213</v>
      </c>
      <c r="E34615" s="15">
        <v>45681</v>
      </c>
      <c r="F34615" s="14" t="s">
        <v>25</v>
      </c>
      <c r="G34615" s="16">
        <v>0</v>
      </c>
    </row>
    <row r="34616" spans="1:7" x14ac:dyDescent="0.3">
      <c r="A34616" s="13" t="s">
        <v>212</v>
      </c>
      <c r="B34616" s="14" t="s">
        <v>1</v>
      </c>
      <c r="C34616" s="14" t="s">
        <v>59</v>
      </c>
      <c r="D34616" s="14" t="s">
        <v>213</v>
      </c>
      <c r="E34616" s="15">
        <v>45682</v>
      </c>
      <c r="F34616" s="14" t="s">
        <v>25</v>
      </c>
      <c r="G34616" s="16">
        <v>0</v>
      </c>
    </row>
    <row r="34617" spans="1:7" x14ac:dyDescent="0.3">
      <c r="A34617" s="13" t="s">
        <v>212</v>
      </c>
      <c r="B34617" s="14" t="s">
        <v>1</v>
      </c>
      <c r="C34617" s="14" t="s">
        <v>59</v>
      </c>
      <c r="D34617" s="14" t="s">
        <v>213</v>
      </c>
      <c r="E34617" s="15">
        <v>45683</v>
      </c>
      <c r="F34617" s="14" t="s">
        <v>25</v>
      </c>
      <c r="G34617" s="16">
        <v>0</v>
      </c>
    </row>
    <row r="34618" spans="1:7" x14ac:dyDescent="0.3">
      <c r="A34618" s="13" t="s">
        <v>212</v>
      </c>
      <c r="B34618" s="14" t="s">
        <v>1</v>
      </c>
      <c r="C34618" s="14" t="s">
        <v>59</v>
      </c>
      <c r="D34618" s="14" t="s">
        <v>213</v>
      </c>
      <c r="E34618" s="15">
        <v>45684</v>
      </c>
      <c r="F34618" s="14" t="s">
        <v>25</v>
      </c>
      <c r="G34618" s="16">
        <v>0</v>
      </c>
    </row>
    <row r="34619" spans="1:7" x14ac:dyDescent="0.3">
      <c r="A34619" s="13" t="s">
        <v>212</v>
      </c>
      <c r="B34619" s="14" t="s">
        <v>1</v>
      </c>
      <c r="C34619" s="14" t="s">
        <v>59</v>
      </c>
      <c r="D34619" s="14" t="s">
        <v>213</v>
      </c>
      <c r="E34619" s="15">
        <v>45685</v>
      </c>
      <c r="F34619" s="14" t="s">
        <v>25</v>
      </c>
      <c r="G34619" s="16">
        <v>0</v>
      </c>
    </row>
    <row r="34620" spans="1:7" x14ac:dyDescent="0.3">
      <c r="A34620" s="13" t="s">
        <v>212</v>
      </c>
      <c r="B34620" s="14" t="s">
        <v>1</v>
      </c>
      <c r="C34620" s="14" t="s">
        <v>59</v>
      </c>
      <c r="D34620" s="14" t="s">
        <v>213</v>
      </c>
      <c r="E34620" s="15">
        <v>45686</v>
      </c>
      <c r="F34620" s="14" t="s">
        <v>25</v>
      </c>
      <c r="G34620" s="16">
        <v>0</v>
      </c>
    </row>
    <row r="34621" spans="1:7" x14ac:dyDescent="0.3">
      <c r="A34621" s="13" t="s">
        <v>212</v>
      </c>
      <c r="B34621" s="14" t="s">
        <v>1</v>
      </c>
      <c r="C34621" s="14" t="s">
        <v>59</v>
      </c>
      <c r="D34621" s="14" t="s">
        <v>213</v>
      </c>
      <c r="E34621" s="15">
        <v>45687</v>
      </c>
      <c r="F34621" s="14" t="s">
        <v>25</v>
      </c>
      <c r="G34621" s="16">
        <v>0</v>
      </c>
    </row>
    <row r="34622" spans="1:7" x14ac:dyDescent="0.3">
      <c r="A34622" s="13" t="s">
        <v>212</v>
      </c>
      <c r="B34622" s="14" t="s">
        <v>1</v>
      </c>
      <c r="C34622" s="14" t="s">
        <v>59</v>
      </c>
      <c r="D34622" s="14" t="s">
        <v>213</v>
      </c>
      <c r="E34622" s="15">
        <v>45688</v>
      </c>
      <c r="F34622" s="14" t="s">
        <v>25</v>
      </c>
      <c r="G34622" s="16">
        <v>0</v>
      </c>
    </row>
    <row r="34623" spans="1:7" x14ac:dyDescent="0.3">
      <c r="A34623" s="13" t="s">
        <v>212</v>
      </c>
      <c r="B34623" s="14" t="s">
        <v>1</v>
      </c>
      <c r="C34623" s="14" t="s">
        <v>59</v>
      </c>
      <c r="D34623" s="14" t="s">
        <v>213</v>
      </c>
      <c r="E34623" s="15">
        <v>45689</v>
      </c>
      <c r="F34623" s="14" t="s">
        <v>25</v>
      </c>
      <c r="G34623" s="16">
        <v>0</v>
      </c>
    </row>
    <row r="34624" spans="1:7" x14ac:dyDescent="0.3">
      <c r="A34624" s="13" t="s">
        <v>212</v>
      </c>
      <c r="B34624" s="14" t="s">
        <v>1</v>
      </c>
      <c r="C34624" s="14" t="s">
        <v>59</v>
      </c>
      <c r="D34624" s="14" t="s">
        <v>213</v>
      </c>
      <c r="E34624" s="15">
        <v>45690</v>
      </c>
      <c r="F34624" s="14" t="s">
        <v>25</v>
      </c>
      <c r="G34624" s="16">
        <v>0</v>
      </c>
    </row>
    <row r="34625" spans="1:7" x14ac:dyDescent="0.3">
      <c r="A34625" s="13" t="s">
        <v>212</v>
      </c>
      <c r="B34625" s="14" t="s">
        <v>1</v>
      </c>
      <c r="C34625" s="14" t="s">
        <v>59</v>
      </c>
      <c r="D34625" s="14" t="s">
        <v>213</v>
      </c>
      <c r="E34625" s="15">
        <v>45691</v>
      </c>
      <c r="F34625" s="14" t="s">
        <v>25</v>
      </c>
      <c r="G34625" s="16">
        <v>0</v>
      </c>
    </row>
    <row r="34626" spans="1:7" x14ac:dyDescent="0.3">
      <c r="A34626" s="13" t="s">
        <v>212</v>
      </c>
      <c r="B34626" s="14" t="s">
        <v>1</v>
      </c>
      <c r="C34626" s="14" t="s">
        <v>59</v>
      </c>
      <c r="D34626" s="14" t="s">
        <v>213</v>
      </c>
      <c r="E34626" s="15">
        <v>45692</v>
      </c>
      <c r="F34626" s="14" t="s">
        <v>25</v>
      </c>
      <c r="G34626" s="16">
        <v>0</v>
      </c>
    </row>
    <row r="34627" spans="1:7" x14ac:dyDescent="0.3">
      <c r="A34627" s="13" t="s">
        <v>212</v>
      </c>
      <c r="B34627" s="14" t="s">
        <v>1</v>
      </c>
      <c r="C34627" s="14" t="s">
        <v>59</v>
      </c>
      <c r="D34627" s="14" t="s">
        <v>213</v>
      </c>
      <c r="E34627" s="15">
        <v>45693</v>
      </c>
      <c r="F34627" s="14" t="s">
        <v>25</v>
      </c>
      <c r="G34627" s="16">
        <v>0</v>
      </c>
    </row>
    <row r="34628" spans="1:7" x14ac:dyDescent="0.3">
      <c r="A34628" s="13" t="s">
        <v>212</v>
      </c>
      <c r="B34628" s="14" t="s">
        <v>1</v>
      </c>
      <c r="C34628" s="14" t="s">
        <v>59</v>
      </c>
      <c r="D34628" s="14" t="s">
        <v>213</v>
      </c>
      <c r="E34628" s="15">
        <v>45694</v>
      </c>
      <c r="F34628" s="14" t="s">
        <v>25</v>
      </c>
      <c r="G34628" s="16">
        <v>0</v>
      </c>
    </row>
    <row r="34629" spans="1:7" x14ac:dyDescent="0.3">
      <c r="A34629" s="13" t="s">
        <v>212</v>
      </c>
      <c r="B34629" s="14" t="s">
        <v>1</v>
      </c>
      <c r="C34629" s="14" t="s">
        <v>59</v>
      </c>
      <c r="D34629" s="14" t="s">
        <v>213</v>
      </c>
      <c r="E34629" s="15">
        <v>45695</v>
      </c>
      <c r="F34629" s="14" t="s">
        <v>25</v>
      </c>
      <c r="G34629" s="16">
        <v>0</v>
      </c>
    </row>
    <row r="34630" spans="1:7" x14ac:dyDescent="0.3">
      <c r="A34630" s="13" t="s">
        <v>212</v>
      </c>
      <c r="B34630" s="14" t="s">
        <v>1</v>
      </c>
      <c r="C34630" s="14" t="s">
        <v>59</v>
      </c>
      <c r="D34630" s="14" t="s">
        <v>213</v>
      </c>
      <c r="E34630" s="15">
        <v>45696</v>
      </c>
      <c r="F34630" s="14" t="s">
        <v>25</v>
      </c>
      <c r="G34630" s="16">
        <v>0</v>
      </c>
    </row>
    <row r="34631" spans="1:7" x14ac:dyDescent="0.3">
      <c r="A34631" s="13" t="s">
        <v>212</v>
      </c>
      <c r="B34631" s="14" t="s">
        <v>1</v>
      </c>
      <c r="C34631" s="14" t="s">
        <v>59</v>
      </c>
      <c r="D34631" s="14" t="s">
        <v>213</v>
      </c>
      <c r="E34631" s="15">
        <v>45697</v>
      </c>
      <c r="F34631" s="14" t="s">
        <v>25</v>
      </c>
      <c r="G34631" s="16">
        <v>0</v>
      </c>
    </row>
    <row r="34632" spans="1:7" x14ac:dyDescent="0.3">
      <c r="A34632" s="13" t="s">
        <v>212</v>
      </c>
      <c r="B34632" s="14" t="s">
        <v>1</v>
      </c>
      <c r="C34632" s="14" t="s">
        <v>59</v>
      </c>
      <c r="D34632" s="14" t="s">
        <v>213</v>
      </c>
      <c r="E34632" s="15">
        <v>45698</v>
      </c>
      <c r="F34632" s="14" t="s">
        <v>25</v>
      </c>
      <c r="G34632" s="16">
        <v>0</v>
      </c>
    </row>
    <row r="34633" spans="1:7" x14ac:dyDescent="0.3">
      <c r="A34633" s="13" t="s">
        <v>212</v>
      </c>
      <c r="B34633" s="14" t="s">
        <v>1</v>
      </c>
      <c r="C34633" s="14" t="s">
        <v>59</v>
      </c>
      <c r="D34633" s="14" t="s">
        <v>213</v>
      </c>
      <c r="E34633" s="15">
        <v>45699</v>
      </c>
      <c r="F34633" s="14" t="s">
        <v>25</v>
      </c>
      <c r="G34633" s="16">
        <v>0</v>
      </c>
    </row>
    <row r="34634" spans="1:7" x14ac:dyDescent="0.3">
      <c r="A34634" s="13" t="s">
        <v>212</v>
      </c>
      <c r="B34634" s="14" t="s">
        <v>1</v>
      </c>
      <c r="C34634" s="14" t="s">
        <v>59</v>
      </c>
      <c r="D34634" s="14" t="s">
        <v>213</v>
      </c>
      <c r="E34634" s="15">
        <v>45700</v>
      </c>
      <c r="F34634" s="14" t="s">
        <v>25</v>
      </c>
      <c r="G34634" s="16">
        <v>0</v>
      </c>
    </row>
    <row r="34635" spans="1:7" x14ac:dyDescent="0.3">
      <c r="A34635" s="13" t="s">
        <v>212</v>
      </c>
      <c r="B34635" s="14" t="s">
        <v>1</v>
      </c>
      <c r="C34635" s="14" t="s">
        <v>59</v>
      </c>
      <c r="D34635" s="14" t="s">
        <v>213</v>
      </c>
      <c r="E34635" s="15">
        <v>45701</v>
      </c>
      <c r="F34635" s="14" t="s">
        <v>25</v>
      </c>
      <c r="G34635" s="16">
        <v>0</v>
      </c>
    </row>
    <row r="34636" spans="1:7" x14ac:dyDescent="0.3">
      <c r="A34636" s="13" t="s">
        <v>212</v>
      </c>
      <c r="B34636" s="14" t="s">
        <v>1</v>
      </c>
      <c r="C34636" s="14" t="s">
        <v>59</v>
      </c>
      <c r="D34636" s="14" t="s">
        <v>213</v>
      </c>
      <c r="E34636" s="15">
        <v>45702</v>
      </c>
      <c r="F34636" s="14" t="s">
        <v>25</v>
      </c>
      <c r="G34636" s="16">
        <v>0</v>
      </c>
    </row>
    <row r="34637" spans="1:7" x14ac:dyDescent="0.3">
      <c r="A34637" s="13" t="s">
        <v>212</v>
      </c>
      <c r="B34637" s="14" t="s">
        <v>1</v>
      </c>
      <c r="C34637" s="14" t="s">
        <v>59</v>
      </c>
      <c r="D34637" s="14" t="s">
        <v>213</v>
      </c>
      <c r="E34637" s="15">
        <v>45703</v>
      </c>
      <c r="F34637" s="14" t="s">
        <v>25</v>
      </c>
      <c r="G34637" s="16">
        <v>0</v>
      </c>
    </row>
    <row r="34638" spans="1:7" x14ac:dyDescent="0.3">
      <c r="A34638" s="13" t="s">
        <v>212</v>
      </c>
      <c r="B34638" s="14" t="s">
        <v>1</v>
      </c>
      <c r="C34638" s="14" t="s">
        <v>59</v>
      </c>
      <c r="D34638" s="14" t="s">
        <v>213</v>
      </c>
      <c r="E34638" s="15">
        <v>45704</v>
      </c>
      <c r="F34638" s="14" t="s">
        <v>25</v>
      </c>
      <c r="G34638" s="16">
        <v>0</v>
      </c>
    </row>
    <row r="34639" spans="1:7" x14ac:dyDescent="0.3">
      <c r="A34639" s="13" t="s">
        <v>212</v>
      </c>
      <c r="B34639" s="14" t="s">
        <v>1</v>
      </c>
      <c r="C34639" s="14" t="s">
        <v>59</v>
      </c>
      <c r="D34639" s="14" t="s">
        <v>213</v>
      </c>
      <c r="E34639" s="15">
        <v>45705</v>
      </c>
      <c r="F34639" s="14" t="s">
        <v>25</v>
      </c>
      <c r="G34639" s="16">
        <v>0</v>
      </c>
    </row>
    <row r="34640" spans="1:7" x14ac:dyDescent="0.3">
      <c r="A34640" s="13" t="s">
        <v>212</v>
      </c>
      <c r="B34640" s="14" t="s">
        <v>1</v>
      </c>
      <c r="C34640" s="14" t="s">
        <v>59</v>
      </c>
      <c r="D34640" s="14" t="s">
        <v>213</v>
      </c>
      <c r="E34640" s="15">
        <v>45706</v>
      </c>
      <c r="F34640" s="14" t="s">
        <v>25</v>
      </c>
      <c r="G34640" s="16">
        <v>0</v>
      </c>
    </row>
    <row r="34641" spans="1:7" x14ac:dyDescent="0.3">
      <c r="A34641" s="13" t="s">
        <v>212</v>
      </c>
      <c r="B34641" s="14" t="s">
        <v>1</v>
      </c>
      <c r="C34641" s="14" t="s">
        <v>59</v>
      </c>
      <c r="D34641" s="14" t="s">
        <v>213</v>
      </c>
      <c r="E34641" s="15">
        <v>45707</v>
      </c>
      <c r="F34641" s="14" t="s">
        <v>25</v>
      </c>
      <c r="G34641" s="16">
        <v>0</v>
      </c>
    </row>
    <row r="34642" spans="1:7" x14ac:dyDescent="0.3">
      <c r="A34642" s="13" t="s">
        <v>212</v>
      </c>
      <c r="B34642" s="14" t="s">
        <v>1</v>
      </c>
      <c r="C34642" s="14" t="s">
        <v>59</v>
      </c>
      <c r="D34642" s="14" t="s">
        <v>213</v>
      </c>
      <c r="E34642" s="15">
        <v>45708</v>
      </c>
      <c r="F34642" s="14" t="s">
        <v>25</v>
      </c>
      <c r="G34642" s="16">
        <v>0</v>
      </c>
    </row>
    <row r="34643" spans="1:7" x14ac:dyDescent="0.3">
      <c r="A34643" s="13" t="s">
        <v>212</v>
      </c>
      <c r="B34643" s="14" t="s">
        <v>1</v>
      </c>
      <c r="C34643" s="14" t="s">
        <v>59</v>
      </c>
      <c r="D34643" s="14" t="s">
        <v>213</v>
      </c>
      <c r="E34643" s="15">
        <v>45709</v>
      </c>
      <c r="F34643" s="14" t="s">
        <v>25</v>
      </c>
      <c r="G34643" s="16">
        <v>0</v>
      </c>
    </row>
    <row r="34644" spans="1:7" x14ac:dyDescent="0.3">
      <c r="A34644" s="13" t="s">
        <v>212</v>
      </c>
      <c r="B34644" s="14" t="s">
        <v>1</v>
      </c>
      <c r="C34644" s="14" t="s">
        <v>59</v>
      </c>
      <c r="D34644" s="14" t="s">
        <v>213</v>
      </c>
      <c r="E34644" s="15">
        <v>45710</v>
      </c>
      <c r="F34644" s="14" t="s">
        <v>25</v>
      </c>
      <c r="G34644" s="16">
        <v>0</v>
      </c>
    </row>
    <row r="34645" spans="1:7" x14ac:dyDescent="0.3">
      <c r="A34645" s="13" t="s">
        <v>212</v>
      </c>
      <c r="B34645" s="14" t="s">
        <v>1</v>
      </c>
      <c r="C34645" s="14" t="s">
        <v>59</v>
      </c>
      <c r="D34645" s="14" t="s">
        <v>213</v>
      </c>
      <c r="E34645" s="15">
        <v>45711</v>
      </c>
      <c r="F34645" s="14" t="s">
        <v>25</v>
      </c>
      <c r="G34645" s="16">
        <v>0</v>
      </c>
    </row>
    <row r="34646" spans="1:7" x14ac:dyDescent="0.3">
      <c r="A34646" s="13" t="s">
        <v>212</v>
      </c>
      <c r="B34646" s="14" t="s">
        <v>1</v>
      </c>
      <c r="C34646" s="14" t="s">
        <v>59</v>
      </c>
      <c r="D34646" s="14" t="s">
        <v>213</v>
      </c>
      <c r="E34646" s="15">
        <v>45712</v>
      </c>
      <c r="F34646" s="14" t="s">
        <v>25</v>
      </c>
      <c r="G34646" s="16">
        <v>0</v>
      </c>
    </row>
    <row r="34647" spans="1:7" x14ac:dyDescent="0.3">
      <c r="A34647" s="13" t="s">
        <v>212</v>
      </c>
      <c r="B34647" s="14" t="s">
        <v>1</v>
      </c>
      <c r="C34647" s="14" t="s">
        <v>59</v>
      </c>
      <c r="D34647" s="14" t="s">
        <v>213</v>
      </c>
      <c r="E34647" s="15">
        <v>45713</v>
      </c>
      <c r="F34647" s="14" t="s">
        <v>25</v>
      </c>
      <c r="G34647" s="16">
        <v>0</v>
      </c>
    </row>
    <row r="34648" spans="1:7" x14ac:dyDescent="0.3">
      <c r="A34648" s="13" t="s">
        <v>212</v>
      </c>
      <c r="B34648" s="14" t="s">
        <v>1</v>
      </c>
      <c r="C34648" s="14" t="s">
        <v>59</v>
      </c>
      <c r="D34648" s="14" t="s">
        <v>213</v>
      </c>
      <c r="E34648" s="15">
        <v>45714</v>
      </c>
      <c r="F34648" s="14" t="s">
        <v>25</v>
      </c>
      <c r="G34648" s="16">
        <v>0</v>
      </c>
    </row>
    <row r="34649" spans="1:7" x14ac:dyDescent="0.3">
      <c r="A34649" s="13" t="s">
        <v>212</v>
      </c>
      <c r="B34649" s="14" t="s">
        <v>1</v>
      </c>
      <c r="C34649" s="14" t="s">
        <v>59</v>
      </c>
      <c r="D34649" s="14" t="s">
        <v>213</v>
      </c>
      <c r="E34649" s="15">
        <v>45715</v>
      </c>
      <c r="F34649" s="14" t="s">
        <v>25</v>
      </c>
      <c r="G34649" s="16">
        <v>0</v>
      </c>
    </row>
    <row r="34650" spans="1:7" x14ac:dyDescent="0.3">
      <c r="A34650" s="13" t="s">
        <v>212</v>
      </c>
      <c r="B34650" s="14" t="s">
        <v>1</v>
      </c>
      <c r="C34650" s="14" t="s">
        <v>59</v>
      </c>
      <c r="D34650" s="14" t="s">
        <v>213</v>
      </c>
      <c r="E34650" s="15">
        <v>45716</v>
      </c>
      <c r="F34650" s="14" t="s">
        <v>25</v>
      </c>
      <c r="G34650" s="16">
        <v>0</v>
      </c>
    </row>
    <row r="34651" spans="1:7" x14ac:dyDescent="0.3">
      <c r="A34651" s="13" t="s">
        <v>212</v>
      </c>
      <c r="B34651" s="14" t="s">
        <v>1</v>
      </c>
      <c r="C34651" s="14" t="s">
        <v>59</v>
      </c>
      <c r="D34651" s="14" t="s">
        <v>213</v>
      </c>
      <c r="E34651" s="15">
        <v>45717</v>
      </c>
      <c r="F34651" s="14" t="s">
        <v>25</v>
      </c>
      <c r="G34651" s="16">
        <v>0</v>
      </c>
    </row>
    <row r="34652" spans="1:7" x14ac:dyDescent="0.3">
      <c r="A34652" s="13" t="s">
        <v>212</v>
      </c>
      <c r="B34652" s="14" t="s">
        <v>1</v>
      </c>
      <c r="C34652" s="14" t="s">
        <v>59</v>
      </c>
      <c r="D34652" s="14" t="s">
        <v>213</v>
      </c>
      <c r="E34652" s="15">
        <v>45718</v>
      </c>
      <c r="F34652" s="14" t="s">
        <v>25</v>
      </c>
      <c r="G34652" s="16">
        <v>0</v>
      </c>
    </row>
    <row r="34653" spans="1:7" x14ac:dyDescent="0.3">
      <c r="A34653" s="13" t="s">
        <v>212</v>
      </c>
      <c r="B34653" s="14" t="s">
        <v>1</v>
      </c>
      <c r="C34653" s="14" t="s">
        <v>59</v>
      </c>
      <c r="D34653" s="14" t="s">
        <v>213</v>
      </c>
      <c r="E34653" s="15">
        <v>45719</v>
      </c>
      <c r="F34653" s="14" t="s">
        <v>25</v>
      </c>
      <c r="G34653" s="16">
        <v>0</v>
      </c>
    </row>
    <row r="34654" spans="1:7" x14ac:dyDescent="0.3">
      <c r="A34654" s="13" t="s">
        <v>212</v>
      </c>
      <c r="B34654" s="14" t="s">
        <v>1</v>
      </c>
      <c r="C34654" s="14" t="s">
        <v>59</v>
      </c>
      <c r="D34654" s="14" t="s">
        <v>213</v>
      </c>
      <c r="E34654" s="15">
        <v>45720</v>
      </c>
      <c r="F34654" s="14" t="s">
        <v>25</v>
      </c>
      <c r="G34654" s="16">
        <v>0</v>
      </c>
    </row>
    <row r="34655" spans="1:7" x14ac:dyDescent="0.3">
      <c r="A34655" s="13" t="s">
        <v>212</v>
      </c>
      <c r="B34655" s="14" t="s">
        <v>1</v>
      </c>
      <c r="C34655" s="14" t="s">
        <v>59</v>
      </c>
      <c r="D34655" s="14" t="s">
        <v>213</v>
      </c>
      <c r="E34655" s="15">
        <v>45721</v>
      </c>
      <c r="F34655" s="14" t="s">
        <v>25</v>
      </c>
      <c r="G34655" s="16">
        <v>0</v>
      </c>
    </row>
    <row r="34656" spans="1:7" x14ac:dyDescent="0.3">
      <c r="A34656" s="13" t="s">
        <v>212</v>
      </c>
      <c r="B34656" s="14" t="s">
        <v>1</v>
      </c>
      <c r="C34656" s="14" t="s">
        <v>59</v>
      </c>
      <c r="D34656" s="14" t="s">
        <v>213</v>
      </c>
      <c r="E34656" s="15">
        <v>45722</v>
      </c>
      <c r="F34656" s="14" t="s">
        <v>25</v>
      </c>
      <c r="G34656" s="16">
        <v>0</v>
      </c>
    </row>
    <row r="34657" spans="1:7" x14ac:dyDescent="0.3">
      <c r="A34657" s="13" t="s">
        <v>212</v>
      </c>
      <c r="B34657" s="14" t="s">
        <v>1</v>
      </c>
      <c r="C34657" s="14" t="s">
        <v>59</v>
      </c>
      <c r="D34657" s="14" t="s">
        <v>213</v>
      </c>
      <c r="E34657" s="15">
        <v>45723</v>
      </c>
      <c r="F34657" s="14" t="s">
        <v>25</v>
      </c>
      <c r="G34657" s="16">
        <v>0</v>
      </c>
    </row>
    <row r="34658" spans="1:7" x14ac:dyDescent="0.3">
      <c r="A34658" s="13" t="s">
        <v>212</v>
      </c>
      <c r="B34658" s="14" t="s">
        <v>1</v>
      </c>
      <c r="C34658" s="14" t="s">
        <v>59</v>
      </c>
      <c r="D34658" s="14" t="s">
        <v>213</v>
      </c>
      <c r="E34658" s="15">
        <v>45724</v>
      </c>
      <c r="F34658" s="14" t="s">
        <v>25</v>
      </c>
      <c r="G34658" s="16">
        <v>0</v>
      </c>
    </row>
    <row r="34659" spans="1:7" x14ac:dyDescent="0.3">
      <c r="A34659" s="13" t="s">
        <v>212</v>
      </c>
      <c r="B34659" s="14" t="s">
        <v>1</v>
      </c>
      <c r="C34659" s="14" t="s">
        <v>59</v>
      </c>
      <c r="D34659" s="14" t="s">
        <v>213</v>
      </c>
      <c r="E34659" s="15">
        <v>45725</v>
      </c>
      <c r="F34659" s="14" t="s">
        <v>25</v>
      </c>
      <c r="G34659" s="16">
        <v>0</v>
      </c>
    </row>
    <row r="34660" spans="1:7" x14ac:dyDescent="0.3">
      <c r="A34660" s="13" t="s">
        <v>212</v>
      </c>
      <c r="B34660" s="14" t="s">
        <v>1</v>
      </c>
      <c r="C34660" s="14" t="s">
        <v>59</v>
      </c>
      <c r="D34660" s="14" t="s">
        <v>213</v>
      </c>
      <c r="E34660" s="15">
        <v>45726</v>
      </c>
      <c r="F34660" s="14" t="s">
        <v>25</v>
      </c>
      <c r="G34660" s="16">
        <v>0</v>
      </c>
    </row>
    <row r="34661" spans="1:7" x14ac:dyDescent="0.3">
      <c r="A34661" s="13" t="s">
        <v>212</v>
      </c>
      <c r="B34661" s="14" t="s">
        <v>1</v>
      </c>
      <c r="C34661" s="14" t="s">
        <v>59</v>
      </c>
      <c r="D34661" s="14" t="s">
        <v>213</v>
      </c>
      <c r="E34661" s="15">
        <v>45727</v>
      </c>
      <c r="F34661" s="14" t="s">
        <v>25</v>
      </c>
      <c r="G34661" s="16">
        <v>0</v>
      </c>
    </row>
    <row r="34662" spans="1:7" x14ac:dyDescent="0.3">
      <c r="A34662" s="13" t="s">
        <v>212</v>
      </c>
      <c r="B34662" s="14" t="s">
        <v>1</v>
      </c>
      <c r="C34662" s="14" t="s">
        <v>59</v>
      </c>
      <c r="D34662" s="14" t="s">
        <v>213</v>
      </c>
      <c r="E34662" s="15">
        <v>45728</v>
      </c>
      <c r="F34662" s="14" t="s">
        <v>25</v>
      </c>
      <c r="G34662" s="16">
        <v>0</v>
      </c>
    </row>
    <row r="34663" spans="1:7" x14ac:dyDescent="0.3">
      <c r="A34663" s="13" t="s">
        <v>212</v>
      </c>
      <c r="B34663" s="14" t="s">
        <v>1</v>
      </c>
      <c r="C34663" s="14" t="s">
        <v>59</v>
      </c>
      <c r="D34663" s="14" t="s">
        <v>213</v>
      </c>
      <c r="E34663" s="15">
        <v>45729</v>
      </c>
      <c r="F34663" s="14" t="s">
        <v>25</v>
      </c>
      <c r="G34663" s="16">
        <v>0</v>
      </c>
    </row>
    <row r="34664" spans="1:7" x14ac:dyDescent="0.3">
      <c r="A34664" s="13" t="s">
        <v>212</v>
      </c>
      <c r="B34664" s="14" t="s">
        <v>1</v>
      </c>
      <c r="C34664" s="14" t="s">
        <v>59</v>
      </c>
      <c r="D34664" s="14" t="s">
        <v>213</v>
      </c>
      <c r="E34664" s="15">
        <v>45730</v>
      </c>
      <c r="F34664" s="14" t="s">
        <v>25</v>
      </c>
      <c r="G34664" s="16">
        <v>0</v>
      </c>
    </row>
    <row r="34665" spans="1:7" x14ac:dyDescent="0.3">
      <c r="A34665" s="13" t="s">
        <v>212</v>
      </c>
      <c r="B34665" s="14" t="s">
        <v>1</v>
      </c>
      <c r="C34665" s="14" t="s">
        <v>59</v>
      </c>
      <c r="D34665" s="14" t="s">
        <v>213</v>
      </c>
      <c r="E34665" s="15">
        <v>45731</v>
      </c>
      <c r="F34665" s="14" t="s">
        <v>25</v>
      </c>
      <c r="G34665" s="16">
        <v>0</v>
      </c>
    </row>
    <row r="34666" spans="1:7" x14ac:dyDescent="0.3">
      <c r="A34666" s="13" t="s">
        <v>212</v>
      </c>
      <c r="B34666" s="14" t="s">
        <v>1</v>
      </c>
      <c r="C34666" s="14" t="s">
        <v>59</v>
      </c>
      <c r="D34666" s="14" t="s">
        <v>213</v>
      </c>
      <c r="E34666" s="15">
        <v>45732</v>
      </c>
      <c r="F34666" s="14" t="s">
        <v>25</v>
      </c>
      <c r="G34666" s="16">
        <v>0</v>
      </c>
    </row>
    <row r="34667" spans="1:7" x14ac:dyDescent="0.3">
      <c r="A34667" s="13" t="s">
        <v>212</v>
      </c>
      <c r="B34667" s="14" t="s">
        <v>1</v>
      </c>
      <c r="C34667" s="14" t="s">
        <v>59</v>
      </c>
      <c r="D34667" s="14" t="s">
        <v>213</v>
      </c>
      <c r="E34667" s="15">
        <v>45733</v>
      </c>
      <c r="F34667" s="14" t="s">
        <v>25</v>
      </c>
      <c r="G34667" s="16">
        <v>0</v>
      </c>
    </row>
    <row r="34668" spans="1:7" x14ac:dyDescent="0.3">
      <c r="A34668" s="13" t="s">
        <v>212</v>
      </c>
      <c r="B34668" s="14" t="s">
        <v>1</v>
      </c>
      <c r="C34668" s="14" t="s">
        <v>59</v>
      </c>
      <c r="D34668" s="14" t="s">
        <v>213</v>
      </c>
      <c r="E34668" s="15">
        <v>45734</v>
      </c>
      <c r="F34668" s="14" t="s">
        <v>25</v>
      </c>
      <c r="G34668" s="16">
        <v>0</v>
      </c>
    </row>
    <row r="34669" spans="1:7" x14ac:dyDescent="0.3">
      <c r="A34669" s="13" t="s">
        <v>212</v>
      </c>
      <c r="B34669" s="14" t="s">
        <v>1</v>
      </c>
      <c r="C34669" s="14" t="s">
        <v>59</v>
      </c>
      <c r="D34669" s="14" t="s">
        <v>213</v>
      </c>
      <c r="E34669" s="15">
        <v>45735</v>
      </c>
      <c r="F34669" s="14" t="s">
        <v>25</v>
      </c>
      <c r="G34669" s="16">
        <v>0</v>
      </c>
    </row>
    <row r="34670" spans="1:7" x14ac:dyDescent="0.3">
      <c r="A34670" s="13" t="s">
        <v>212</v>
      </c>
      <c r="B34670" s="14" t="s">
        <v>1</v>
      </c>
      <c r="C34670" s="14" t="s">
        <v>59</v>
      </c>
      <c r="D34670" s="14" t="s">
        <v>213</v>
      </c>
      <c r="E34670" s="15">
        <v>45736</v>
      </c>
      <c r="F34670" s="14" t="s">
        <v>25</v>
      </c>
      <c r="G34670" s="16">
        <v>0</v>
      </c>
    </row>
    <row r="34671" spans="1:7" x14ac:dyDescent="0.3">
      <c r="A34671" s="13" t="s">
        <v>212</v>
      </c>
      <c r="B34671" s="14" t="s">
        <v>1</v>
      </c>
      <c r="C34671" s="14" t="s">
        <v>59</v>
      </c>
      <c r="D34671" s="14" t="s">
        <v>213</v>
      </c>
      <c r="E34671" s="15">
        <v>45737</v>
      </c>
      <c r="F34671" s="14" t="s">
        <v>25</v>
      </c>
      <c r="G34671" s="16">
        <v>0</v>
      </c>
    </row>
    <row r="34672" spans="1:7" x14ac:dyDescent="0.3">
      <c r="A34672" s="13" t="s">
        <v>212</v>
      </c>
      <c r="B34672" s="14" t="s">
        <v>1</v>
      </c>
      <c r="C34672" s="14" t="s">
        <v>59</v>
      </c>
      <c r="D34672" s="14" t="s">
        <v>213</v>
      </c>
      <c r="E34672" s="15">
        <v>45738</v>
      </c>
      <c r="F34672" s="14" t="s">
        <v>25</v>
      </c>
      <c r="G34672" s="16">
        <v>0</v>
      </c>
    </row>
    <row r="34673" spans="1:7" x14ac:dyDescent="0.3">
      <c r="A34673" s="13" t="s">
        <v>212</v>
      </c>
      <c r="B34673" s="14" t="s">
        <v>1</v>
      </c>
      <c r="C34673" s="14" t="s">
        <v>59</v>
      </c>
      <c r="D34673" s="14" t="s">
        <v>213</v>
      </c>
      <c r="E34673" s="15">
        <v>45739</v>
      </c>
      <c r="F34673" s="14" t="s">
        <v>25</v>
      </c>
      <c r="G34673" s="16">
        <v>0</v>
      </c>
    </row>
    <row r="34674" spans="1:7" x14ac:dyDescent="0.3">
      <c r="A34674" s="13" t="s">
        <v>212</v>
      </c>
      <c r="B34674" s="14" t="s">
        <v>1</v>
      </c>
      <c r="C34674" s="14" t="s">
        <v>59</v>
      </c>
      <c r="D34674" s="14" t="s">
        <v>213</v>
      </c>
      <c r="E34674" s="15">
        <v>45740</v>
      </c>
      <c r="F34674" s="14" t="s">
        <v>25</v>
      </c>
      <c r="G34674" s="16">
        <v>0</v>
      </c>
    </row>
    <row r="34675" spans="1:7" x14ac:dyDescent="0.3">
      <c r="A34675" s="13" t="s">
        <v>212</v>
      </c>
      <c r="B34675" s="14" t="s">
        <v>1</v>
      </c>
      <c r="C34675" s="14" t="s">
        <v>59</v>
      </c>
      <c r="D34675" s="14" t="s">
        <v>213</v>
      </c>
      <c r="E34675" s="15">
        <v>45741</v>
      </c>
      <c r="F34675" s="14" t="s">
        <v>25</v>
      </c>
      <c r="G34675" s="16">
        <v>0</v>
      </c>
    </row>
    <row r="34676" spans="1:7" x14ac:dyDescent="0.3">
      <c r="A34676" s="13" t="s">
        <v>212</v>
      </c>
      <c r="B34676" s="14" t="s">
        <v>1</v>
      </c>
      <c r="C34676" s="14" t="s">
        <v>59</v>
      </c>
      <c r="D34676" s="14" t="s">
        <v>213</v>
      </c>
      <c r="E34676" s="15">
        <v>45742</v>
      </c>
      <c r="F34676" s="14" t="s">
        <v>25</v>
      </c>
      <c r="G34676" s="16">
        <v>0</v>
      </c>
    </row>
    <row r="34677" spans="1:7" x14ac:dyDescent="0.3">
      <c r="A34677" s="13" t="s">
        <v>212</v>
      </c>
      <c r="B34677" s="14" t="s">
        <v>1</v>
      </c>
      <c r="C34677" s="14" t="s">
        <v>59</v>
      </c>
      <c r="D34677" s="14" t="s">
        <v>213</v>
      </c>
      <c r="E34677" s="15">
        <v>45743</v>
      </c>
      <c r="F34677" s="14" t="s">
        <v>25</v>
      </c>
      <c r="G34677" s="16">
        <v>0</v>
      </c>
    </row>
    <row r="34678" spans="1:7" x14ac:dyDescent="0.3">
      <c r="A34678" s="13" t="s">
        <v>212</v>
      </c>
      <c r="B34678" s="14" t="s">
        <v>1</v>
      </c>
      <c r="C34678" s="14" t="s">
        <v>59</v>
      </c>
      <c r="D34678" s="14" t="s">
        <v>213</v>
      </c>
      <c r="E34678" s="15">
        <v>45744</v>
      </c>
      <c r="F34678" s="14" t="s">
        <v>25</v>
      </c>
      <c r="G34678" s="16">
        <v>0</v>
      </c>
    </row>
    <row r="34679" spans="1:7" x14ac:dyDescent="0.3">
      <c r="A34679" s="13" t="s">
        <v>212</v>
      </c>
      <c r="B34679" s="14" t="s">
        <v>1</v>
      </c>
      <c r="C34679" s="14" t="s">
        <v>59</v>
      </c>
      <c r="D34679" s="14" t="s">
        <v>213</v>
      </c>
      <c r="E34679" s="15">
        <v>45745</v>
      </c>
      <c r="F34679" s="14" t="s">
        <v>25</v>
      </c>
      <c r="G34679" s="16">
        <v>0</v>
      </c>
    </row>
    <row r="34680" spans="1:7" x14ac:dyDescent="0.3">
      <c r="A34680" s="13" t="s">
        <v>212</v>
      </c>
      <c r="B34680" s="14" t="s">
        <v>1</v>
      </c>
      <c r="C34680" s="14" t="s">
        <v>59</v>
      </c>
      <c r="D34680" s="14" t="s">
        <v>213</v>
      </c>
      <c r="E34680" s="15">
        <v>45746</v>
      </c>
      <c r="F34680" s="14" t="s">
        <v>25</v>
      </c>
      <c r="G34680" s="16">
        <v>0</v>
      </c>
    </row>
    <row r="34681" spans="1:7" x14ac:dyDescent="0.3">
      <c r="A34681" s="13" t="s">
        <v>212</v>
      </c>
      <c r="B34681" s="14" t="s">
        <v>1</v>
      </c>
      <c r="C34681" s="14" t="s">
        <v>59</v>
      </c>
      <c r="D34681" s="14" t="s">
        <v>213</v>
      </c>
      <c r="E34681" s="15">
        <v>45747</v>
      </c>
      <c r="F34681" s="14" t="s">
        <v>25</v>
      </c>
      <c r="G34681" s="16">
        <v>0</v>
      </c>
    </row>
    <row r="34682" spans="1:7" x14ac:dyDescent="0.3">
      <c r="A34682" s="13" t="s">
        <v>214</v>
      </c>
      <c r="B34682" s="14" t="s">
        <v>1</v>
      </c>
      <c r="C34682" s="14" t="s">
        <v>35</v>
      </c>
      <c r="D34682" s="14" t="s">
        <v>146</v>
      </c>
      <c r="E34682" s="15">
        <v>45383</v>
      </c>
      <c r="F34682" s="14" t="s">
        <v>61</v>
      </c>
      <c r="G34682" s="16">
        <v>0</v>
      </c>
    </row>
    <row r="34683" spans="1:7" x14ac:dyDescent="0.3">
      <c r="A34683" s="13" t="s">
        <v>214</v>
      </c>
      <c r="B34683" s="14" t="s">
        <v>1</v>
      </c>
      <c r="C34683" s="14" t="s">
        <v>35</v>
      </c>
      <c r="D34683" s="14" t="s">
        <v>146</v>
      </c>
      <c r="E34683" s="15">
        <v>45384</v>
      </c>
      <c r="F34683" s="14" t="s">
        <v>61</v>
      </c>
      <c r="G34683" s="16">
        <v>0</v>
      </c>
    </row>
    <row r="34684" spans="1:7" x14ac:dyDescent="0.3">
      <c r="A34684" s="13" t="s">
        <v>214</v>
      </c>
      <c r="B34684" s="14" t="s">
        <v>1</v>
      </c>
      <c r="C34684" s="14" t="s">
        <v>35</v>
      </c>
      <c r="D34684" s="14" t="s">
        <v>146</v>
      </c>
      <c r="E34684" s="15">
        <v>45385</v>
      </c>
      <c r="F34684" s="14" t="s">
        <v>61</v>
      </c>
      <c r="G34684" s="16">
        <v>0</v>
      </c>
    </row>
    <row r="34685" spans="1:7" x14ac:dyDescent="0.3">
      <c r="A34685" s="13" t="s">
        <v>214</v>
      </c>
      <c r="B34685" s="14" t="s">
        <v>1</v>
      </c>
      <c r="C34685" s="14" t="s">
        <v>35</v>
      </c>
      <c r="D34685" s="14" t="s">
        <v>146</v>
      </c>
      <c r="E34685" s="15">
        <v>45386</v>
      </c>
      <c r="F34685" s="14" t="s">
        <v>61</v>
      </c>
      <c r="G34685" s="16">
        <v>0</v>
      </c>
    </row>
    <row r="34686" spans="1:7" x14ac:dyDescent="0.3">
      <c r="A34686" s="13" t="s">
        <v>214</v>
      </c>
      <c r="B34686" s="14" t="s">
        <v>1</v>
      </c>
      <c r="C34686" s="14" t="s">
        <v>35</v>
      </c>
      <c r="D34686" s="14" t="s">
        <v>146</v>
      </c>
      <c r="E34686" s="15">
        <v>45387</v>
      </c>
      <c r="F34686" s="14" t="s">
        <v>61</v>
      </c>
      <c r="G34686" s="16">
        <v>0</v>
      </c>
    </row>
    <row r="34687" spans="1:7" x14ac:dyDescent="0.3">
      <c r="A34687" s="13" t="s">
        <v>214</v>
      </c>
      <c r="B34687" s="14" t="s">
        <v>1</v>
      </c>
      <c r="C34687" s="14" t="s">
        <v>35</v>
      </c>
      <c r="D34687" s="14" t="s">
        <v>146</v>
      </c>
      <c r="E34687" s="15">
        <v>45388</v>
      </c>
      <c r="F34687" s="14" t="s">
        <v>61</v>
      </c>
      <c r="G34687" s="16">
        <v>0</v>
      </c>
    </row>
    <row r="34688" spans="1:7" x14ac:dyDescent="0.3">
      <c r="A34688" s="13" t="s">
        <v>214</v>
      </c>
      <c r="B34688" s="14" t="s">
        <v>1</v>
      </c>
      <c r="C34688" s="14" t="s">
        <v>35</v>
      </c>
      <c r="D34688" s="14" t="s">
        <v>146</v>
      </c>
      <c r="E34688" s="15">
        <v>45389</v>
      </c>
      <c r="F34688" s="14" t="s">
        <v>61</v>
      </c>
      <c r="G34688" s="16">
        <v>0</v>
      </c>
    </row>
    <row r="34689" spans="1:7" x14ac:dyDescent="0.3">
      <c r="A34689" s="13" t="s">
        <v>214</v>
      </c>
      <c r="B34689" s="14" t="s">
        <v>1</v>
      </c>
      <c r="C34689" s="14" t="s">
        <v>35</v>
      </c>
      <c r="D34689" s="14" t="s">
        <v>146</v>
      </c>
      <c r="E34689" s="15">
        <v>45390</v>
      </c>
      <c r="F34689" s="14" t="s">
        <v>61</v>
      </c>
      <c r="G34689" s="16">
        <v>0</v>
      </c>
    </row>
    <row r="34690" spans="1:7" x14ac:dyDescent="0.3">
      <c r="A34690" s="13" t="s">
        <v>214</v>
      </c>
      <c r="B34690" s="14" t="s">
        <v>1</v>
      </c>
      <c r="C34690" s="14" t="s">
        <v>35</v>
      </c>
      <c r="D34690" s="14" t="s">
        <v>146</v>
      </c>
      <c r="E34690" s="15">
        <v>45391</v>
      </c>
      <c r="F34690" s="14" t="s">
        <v>61</v>
      </c>
      <c r="G34690" s="16">
        <v>0</v>
      </c>
    </row>
    <row r="34691" spans="1:7" x14ac:dyDescent="0.3">
      <c r="A34691" s="13" t="s">
        <v>214</v>
      </c>
      <c r="B34691" s="14" t="s">
        <v>1</v>
      </c>
      <c r="C34691" s="14" t="s">
        <v>35</v>
      </c>
      <c r="D34691" s="14" t="s">
        <v>146</v>
      </c>
      <c r="E34691" s="15">
        <v>45392</v>
      </c>
      <c r="F34691" s="14" t="s">
        <v>61</v>
      </c>
      <c r="G34691" s="16">
        <v>0</v>
      </c>
    </row>
    <row r="34692" spans="1:7" x14ac:dyDescent="0.3">
      <c r="A34692" s="13" t="s">
        <v>214</v>
      </c>
      <c r="B34692" s="14" t="s">
        <v>1</v>
      </c>
      <c r="C34692" s="14" t="s">
        <v>35</v>
      </c>
      <c r="D34692" s="14" t="s">
        <v>146</v>
      </c>
      <c r="E34692" s="15">
        <v>45393</v>
      </c>
      <c r="F34692" s="14" t="s">
        <v>61</v>
      </c>
      <c r="G34692" s="16">
        <v>0</v>
      </c>
    </row>
    <row r="34693" spans="1:7" x14ac:dyDescent="0.3">
      <c r="A34693" s="13" t="s">
        <v>214</v>
      </c>
      <c r="B34693" s="14" t="s">
        <v>1</v>
      </c>
      <c r="C34693" s="14" t="s">
        <v>35</v>
      </c>
      <c r="D34693" s="14" t="s">
        <v>146</v>
      </c>
      <c r="E34693" s="15">
        <v>45394</v>
      </c>
      <c r="F34693" s="14" t="s">
        <v>61</v>
      </c>
      <c r="G34693" s="16">
        <v>0</v>
      </c>
    </row>
    <row r="34694" spans="1:7" x14ac:dyDescent="0.3">
      <c r="A34694" s="13" t="s">
        <v>214</v>
      </c>
      <c r="B34694" s="14" t="s">
        <v>1</v>
      </c>
      <c r="C34694" s="14" t="s">
        <v>35</v>
      </c>
      <c r="D34694" s="14" t="s">
        <v>146</v>
      </c>
      <c r="E34694" s="15">
        <v>45395</v>
      </c>
      <c r="F34694" s="14" t="s">
        <v>61</v>
      </c>
      <c r="G34694" s="16">
        <v>0</v>
      </c>
    </row>
    <row r="34695" spans="1:7" x14ac:dyDescent="0.3">
      <c r="A34695" s="13" t="s">
        <v>214</v>
      </c>
      <c r="B34695" s="14" t="s">
        <v>1</v>
      </c>
      <c r="C34695" s="14" t="s">
        <v>35</v>
      </c>
      <c r="D34695" s="14" t="s">
        <v>146</v>
      </c>
      <c r="E34695" s="15">
        <v>45396</v>
      </c>
      <c r="F34695" s="14" t="s">
        <v>61</v>
      </c>
      <c r="G34695" s="16">
        <v>0</v>
      </c>
    </row>
    <row r="34696" spans="1:7" x14ac:dyDescent="0.3">
      <c r="A34696" s="13" t="s">
        <v>214</v>
      </c>
      <c r="B34696" s="14" t="s">
        <v>1</v>
      </c>
      <c r="C34696" s="14" t="s">
        <v>35</v>
      </c>
      <c r="D34696" s="14" t="s">
        <v>146</v>
      </c>
      <c r="E34696" s="15">
        <v>45397</v>
      </c>
      <c r="F34696" s="14" t="s">
        <v>61</v>
      </c>
      <c r="G34696" s="16">
        <v>0</v>
      </c>
    </row>
    <row r="34697" spans="1:7" x14ac:dyDescent="0.3">
      <c r="A34697" s="13" t="s">
        <v>214</v>
      </c>
      <c r="B34697" s="14" t="s">
        <v>1</v>
      </c>
      <c r="C34697" s="14" t="s">
        <v>35</v>
      </c>
      <c r="D34697" s="14" t="s">
        <v>146</v>
      </c>
      <c r="E34697" s="15">
        <v>45398</v>
      </c>
      <c r="F34697" s="14" t="s">
        <v>61</v>
      </c>
      <c r="G34697" s="16">
        <v>0</v>
      </c>
    </row>
    <row r="34698" spans="1:7" x14ac:dyDescent="0.3">
      <c r="A34698" s="13" t="s">
        <v>214</v>
      </c>
      <c r="B34698" s="14" t="s">
        <v>1</v>
      </c>
      <c r="C34698" s="14" t="s">
        <v>35</v>
      </c>
      <c r="D34698" s="14" t="s">
        <v>146</v>
      </c>
      <c r="E34698" s="15">
        <v>45399</v>
      </c>
      <c r="F34698" s="14" t="s">
        <v>61</v>
      </c>
      <c r="G34698" s="16">
        <v>0</v>
      </c>
    </row>
    <row r="34699" spans="1:7" x14ac:dyDescent="0.3">
      <c r="A34699" s="13" t="s">
        <v>214</v>
      </c>
      <c r="B34699" s="14" t="s">
        <v>1</v>
      </c>
      <c r="C34699" s="14" t="s">
        <v>35</v>
      </c>
      <c r="D34699" s="14" t="s">
        <v>146</v>
      </c>
      <c r="E34699" s="15">
        <v>45400</v>
      </c>
      <c r="F34699" s="14" t="s">
        <v>61</v>
      </c>
      <c r="G34699" s="16">
        <v>0</v>
      </c>
    </row>
    <row r="34700" spans="1:7" x14ac:dyDescent="0.3">
      <c r="A34700" s="13" t="s">
        <v>214</v>
      </c>
      <c r="B34700" s="14" t="s">
        <v>1</v>
      </c>
      <c r="C34700" s="14" t="s">
        <v>35</v>
      </c>
      <c r="D34700" s="14" t="s">
        <v>146</v>
      </c>
      <c r="E34700" s="15">
        <v>45401</v>
      </c>
      <c r="F34700" s="14" t="s">
        <v>61</v>
      </c>
      <c r="G34700" s="16">
        <v>0</v>
      </c>
    </row>
    <row r="34701" spans="1:7" x14ac:dyDescent="0.3">
      <c r="A34701" s="13" t="s">
        <v>214</v>
      </c>
      <c r="B34701" s="14" t="s">
        <v>1</v>
      </c>
      <c r="C34701" s="14" t="s">
        <v>35</v>
      </c>
      <c r="D34701" s="14" t="s">
        <v>146</v>
      </c>
      <c r="E34701" s="15">
        <v>45402</v>
      </c>
      <c r="F34701" s="14" t="s">
        <v>61</v>
      </c>
      <c r="G34701" s="16">
        <v>0</v>
      </c>
    </row>
    <row r="34702" spans="1:7" x14ac:dyDescent="0.3">
      <c r="A34702" s="13" t="s">
        <v>214</v>
      </c>
      <c r="B34702" s="14" t="s">
        <v>1</v>
      </c>
      <c r="C34702" s="14" t="s">
        <v>35</v>
      </c>
      <c r="D34702" s="14" t="s">
        <v>146</v>
      </c>
      <c r="E34702" s="15">
        <v>45403</v>
      </c>
      <c r="F34702" s="14" t="s">
        <v>61</v>
      </c>
      <c r="G34702" s="16">
        <v>0</v>
      </c>
    </row>
    <row r="34703" spans="1:7" x14ac:dyDescent="0.3">
      <c r="A34703" s="13" t="s">
        <v>214</v>
      </c>
      <c r="B34703" s="14" t="s">
        <v>1</v>
      </c>
      <c r="C34703" s="14" t="s">
        <v>35</v>
      </c>
      <c r="D34703" s="14" t="s">
        <v>146</v>
      </c>
      <c r="E34703" s="15">
        <v>45404</v>
      </c>
      <c r="F34703" s="14" t="s">
        <v>61</v>
      </c>
      <c r="G34703" s="16">
        <v>0</v>
      </c>
    </row>
    <row r="34704" spans="1:7" x14ac:dyDescent="0.3">
      <c r="A34704" s="13" t="s">
        <v>214</v>
      </c>
      <c r="B34704" s="14" t="s">
        <v>1</v>
      </c>
      <c r="C34704" s="14" t="s">
        <v>35</v>
      </c>
      <c r="D34704" s="14" t="s">
        <v>146</v>
      </c>
      <c r="E34704" s="15">
        <v>45405</v>
      </c>
      <c r="F34704" s="14" t="s">
        <v>61</v>
      </c>
      <c r="G34704" s="16">
        <v>0</v>
      </c>
    </row>
    <row r="34705" spans="1:7" x14ac:dyDescent="0.3">
      <c r="A34705" s="13" t="s">
        <v>214</v>
      </c>
      <c r="B34705" s="14" t="s">
        <v>1</v>
      </c>
      <c r="C34705" s="14" t="s">
        <v>35</v>
      </c>
      <c r="D34705" s="14" t="s">
        <v>146</v>
      </c>
      <c r="E34705" s="15">
        <v>45406</v>
      </c>
      <c r="F34705" s="14" t="s">
        <v>61</v>
      </c>
      <c r="G34705" s="16">
        <v>0</v>
      </c>
    </row>
    <row r="34706" spans="1:7" x14ac:dyDescent="0.3">
      <c r="A34706" s="13" t="s">
        <v>214</v>
      </c>
      <c r="B34706" s="14" t="s">
        <v>1</v>
      </c>
      <c r="C34706" s="14" t="s">
        <v>35</v>
      </c>
      <c r="D34706" s="14" t="s">
        <v>146</v>
      </c>
      <c r="E34706" s="15">
        <v>45407</v>
      </c>
      <c r="F34706" s="14" t="s">
        <v>61</v>
      </c>
      <c r="G34706" s="16">
        <v>0</v>
      </c>
    </row>
    <row r="34707" spans="1:7" x14ac:dyDescent="0.3">
      <c r="A34707" s="13" t="s">
        <v>214</v>
      </c>
      <c r="B34707" s="14" t="s">
        <v>1</v>
      </c>
      <c r="C34707" s="14" t="s">
        <v>35</v>
      </c>
      <c r="D34707" s="14" t="s">
        <v>146</v>
      </c>
      <c r="E34707" s="15">
        <v>45408</v>
      </c>
      <c r="F34707" s="14" t="s">
        <v>61</v>
      </c>
      <c r="G34707" s="16">
        <v>0</v>
      </c>
    </row>
    <row r="34708" spans="1:7" x14ac:dyDescent="0.3">
      <c r="A34708" s="13" t="s">
        <v>214</v>
      </c>
      <c r="B34708" s="14" t="s">
        <v>1</v>
      </c>
      <c r="C34708" s="14" t="s">
        <v>35</v>
      </c>
      <c r="D34708" s="14" t="s">
        <v>146</v>
      </c>
      <c r="E34708" s="15">
        <v>45409</v>
      </c>
      <c r="F34708" s="14" t="s">
        <v>61</v>
      </c>
      <c r="G34708" s="16">
        <v>0</v>
      </c>
    </row>
    <row r="34709" spans="1:7" x14ac:dyDescent="0.3">
      <c r="A34709" s="13" t="s">
        <v>214</v>
      </c>
      <c r="B34709" s="14" t="s">
        <v>1</v>
      </c>
      <c r="C34709" s="14" t="s">
        <v>35</v>
      </c>
      <c r="D34709" s="14" t="s">
        <v>146</v>
      </c>
      <c r="E34709" s="15">
        <v>45410</v>
      </c>
      <c r="F34709" s="14" t="s">
        <v>61</v>
      </c>
      <c r="G34709" s="16">
        <v>0</v>
      </c>
    </row>
    <row r="34710" spans="1:7" x14ac:dyDescent="0.3">
      <c r="A34710" s="13" t="s">
        <v>214</v>
      </c>
      <c r="B34710" s="14" t="s">
        <v>1</v>
      </c>
      <c r="C34710" s="14" t="s">
        <v>35</v>
      </c>
      <c r="D34710" s="14" t="s">
        <v>146</v>
      </c>
      <c r="E34710" s="15">
        <v>45411</v>
      </c>
      <c r="F34710" s="14" t="s">
        <v>61</v>
      </c>
      <c r="G34710" s="16">
        <v>0</v>
      </c>
    </row>
    <row r="34711" spans="1:7" x14ac:dyDescent="0.3">
      <c r="A34711" s="13" t="s">
        <v>214</v>
      </c>
      <c r="B34711" s="14" t="s">
        <v>1</v>
      </c>
      <c r="C34711" s="14" t="s">
        <v>35</v>
      </c>
      <c r="D34711" s="14" t="s">
        <v>146</v>
      </c>
      <c r="E34711" s="15">
        <v>45412</v>
      </c>
      <c r="F34711" s="14" t="s">
        <v>61</v>
      </c>
      <c r="G34711" s="16">
        <v>0</v>
      </c>
    </row>
    <row r="34712" spans="1:7" x14ac:dyDescent="0.3">
      <c r="A34712" s="13" t="s">
        <v>214</v>
      </c>
      <c r="B34712" s="14" t="s">
        <v>1</v>
      </c>
      <c r="C34712" s="14" t="s">
        <v>35</v>
      </c>
      <c r="D34712" s="14" t="s">
        <v>146</v>
      </c>
      <c r="E34712" s="15">
        <v>45413</v>
      </c>
      <c r="F34712" s="14" t="s">
        <v>61</v>
      </c>
      <c r="G34712" s="16">
        <v>0</v>
      </c>
    </row>
    <row r="34713" spans="1:7" x14ac:dyDescent="0.3">
      <c r="A34713" s="13" t="s">
        <v>214</v>
      </c>
      <c r="B34713" s="14" t="s">
        <v>1</v>
      </c>
      <c r="C34713" s="14" t="s">
        <v>35</v>
      </c>
      <c r="D34713" s="14" t="s">
        <v>146</v>
      </c>
      <c r="E34713" s="15">
        <v>45414</v>
      </c>
      <c r="F34713" s="14" t="s">
        <v>61</v>
      </c>
      <c r="G34713" s="16">
        <v>0</v>
      </c>
    </row>
    <row r="34714" spans="1:7" x14ac:dyDescent="0.3">
      <c r="A34714" s="13" t="s">
        <v>214</v>
      </c>
      <c r="B34714" s="14" t="s">
        <v>1</v>
      </c>
      <c r="C34714" s="14" t="s">
        <v>35</v>
      </c>
      <c r="D34714" s="14" t="s">
        <v>146</v>
      </c>
      <c r="E34714" s="15">
        <v>45415</v>
      </c>
      <c r="F34714" s="14" t="s">
        <v>61</v>
      </c>
      <c r="G34714" s="16">
        <v>0</v>
      </c>
    </row>
    <row r="34715" spans="1:7" x14ac:dyDescent="0.3">
      <c r="A34715" s="13" t="s">
        <v>214</v>
      </c>
      <c r="B34715" s="14" t="s">
        <v>1</v>
      </c>
      <c r="C34715" s="14" t="s">
        <v>35</v>
      </c>
      <c r="D34715" s="14" t="s">
        <v>146</v>
      </c>
      <c r="E34715" s="15">
        <v>45416</v>
      </c>
      <c r="F34715" s="14" t="s">
        <v>61</v>
      </c>
      <c r="G34715" s="16">
        <v>0</v>
      </c>
    </row>
    <row r="34716" spans="1:7" x14ac:dyDescent="0.3">
      <c r="A34716" s="13" t="s">
        <v>214</v>
      </c>
      <c r="B34716" s="14" t="s">
        <v>1</v>
      </c>
      <c r="C34716" s="14" t="s">
        <v>35</v>
      </c>
      <c r="D34716" s="14" t="s">
        <v>146</v>
      </c>
      <c r="E34716" s="15">
        <v>45417</v>
      </c>
      <c r="F34716" s="14" t="s">
        <v>61</v>
      </c>
      <c r="G34716" s="16">
        <v>0</v>
      </c>
    </row>
    <row r="34717" spans="1:7" x14ac:dyDescent="0.3">
      <c r="A34717" s="13" t="s">
        <v>214</v>
      </c>
      <c r="B34717" s="14" t="s">
        <v>1</v>
      </c>
      <c r="C34717" s="14" t="s">
        <v>35</v>
      </c>
      <c r="D34717" s="14" t="s">
        <v>146</v>
      </c>
      <c r="E34717" s="15">
        <v>45418</v>
      </c>
      <c r="F34717" s="14" t="s">
        <v>61</v>
      </c>
      <c r="G34717" s="16">
        <v>0</v>
      </c>
    </row>
    <row r="34718" spans="1:7" x14ac:dyDescent="0.3">
      <c r="A34718" s="13" t="s">
        <v>214</v>
      </c>
      <c r="B34718" s="14" t="s">
        <v>1</v>
      </c>
      <c r="C34718" s="14" t="s">
        <v>35</v>
      </c>
      <c r="D34718" s="14" t="s">
        <v>146</v>
      </c>
      <c r="E34718" s="15">
        <v>45419</v>
      </c>
      <c r="F34718" s="14" t="s">
        <v>61</v>
      </c>
      <c r="G34718" s="16">
        <v>0</v>
      </c>
    </row>
    <row r="34719" spans="1:7" x14ac:dyDescent="0.3">
      <c r="A34719" s="13" t="s">
        <v>214</v>
      </c>
      <c r="B34719" s="14" t="s">
        <v>1</v>
      </c>
      <c r="C34719" s="14" t="s">
        <v>35</v>
      </c>
      <c r="D34719" s="14" t="s">
        <v>146</v>
      </c>
      <c r="E34719" s="15">
        <v>45420</v>
      </c>
      <c r="F34719" s="14" t="s">
        <v>61</v>
      </c>
      <c r="G34719" s="16">
        <v>0</v>
      </c>
    </row>
    <row r="34720" spans="1:7" x14ac:dyDescent="0.3">
      <c r="A34720" s="13" t="s">
        <v>214</v>
      </c>
      <c r="B34720" s="14" t="s">
        <v>1</v>
      </c>
      <c r="C34720" s="14" t="s">
        <v>35</v>
      </c>
      <c r="D34720" s="14" t="s">
        <v>146</v>
      </c>
      <c r="E34720" s="15">
        <v>45421</v>
      </c>
      <c r="F34720" s="14" t="s">
        <v>61</v>
      </c>
      <c r="G34720" s="16">
        <v>0</v>
      </c>
    </row>
    <row r="34721" spans="1:7" x14ac:dyDescent="0.3">
      <c r="A34721" s="13" t="s">
        <v>214</v>
      </c>
      <c r="B34721" s="14" t="s">
        <v>1</v>
      </c>
      <c r="C34721" s="14" t="s">
        <v>35</v>
      </c>
      <c r="D34721" s="14" t="s">
        <v>146</v>
      </c>
      <c r="E34721" s="15">
        <v>45422</v>
      </c>
      <c r="F34721" s="14" t="s">
        <v>61</v>
      </c>
      <c r="G34721" s="16">
        <v>0</v>
      </c>
    </row>
    <row r="34722" spans="1:7" x14ac:dyDescent="0.3">
      <c r="A34722" s="13" t="s">
        <v>214</v>
      </c>
      <c r="B34722" s="14" t="s">
        <v>1</v>
      </c>
      <c r="C34722" s="14" t="s">
        <v>35</v>
      </c>
      <c r="D34722" s="14" t="s">
        <v>146</v>
      </c>
      <c r="E34722" s="15">
        <v>45423</v>
      </c>
      <c r="F34722" s="14" t="s">
        <v>61</v>
      </c>
      <c r="G34722" s="16">
        <v>0</v>
      </c>
    </row>
    <row r="34723" spans="1:7" x14ac:dyDescent="0.3">
      <c r="A34723" s="13" t="s">
        <v>214</v>
      </c>
      <c r="B34723" s="14" t="s">
        <v>1</v>
      </c>
      <c r="C34723" s="14" t="s">
        <v>35</v>
      </c>
      <c r="D34723" s="14" t="s">
        <v>146</v>
      </c>
      <c r="E34723" s="15">
        <v>45424</v>
      </c>
      <c r="F34723" s="14" t="s">
        <v>61</v>
      </c>
      <c r="G34723" s="16">
        <v>0</v>
      </c>
    </row>
    <row r="34724" spans="1:7" x14ac:dyDescent="0.3">
      <c r="A34724" s="13" t="s">
        <v>214</v>
      </c>
      <c r="B34724" s="14" t="s">
        <v>1</v>
      </c>
      <c r="C34724" s="14" t="s">
        <v>35</v>
      </c>
      <c r="D34724" s="14" t="s">
        <v>146</v>
      </c>
      <c r="E34724" s="15">
        <v>45425</v>
      </c>
      <c r="F34724" s="14" t="s">
        <v>61</v>
      </c>
      <c r="G34724" s="16">
        <v>0</v>
      </c>
    </row>
    <row r="34725" spans="1:7" x14ac:dyDescent="0.3">
      <c r="A34725" s="13" t="s">
        <v>214</v>
      </c>
      <c r="B34725" s="14" t="s">
        <v>1</v>
      </c>
      <c r="C34725" s="14" t="s">
        <v>35</v>
      </c>
      <c r="D34725" s="14" t="s">
        <v>146</v>
      </c>
      <c r="E34725" s="15">
        <v>45426</v>
      </c>
      <c r="F34725" s="14" t="s">
        <v>61</v>
      </c>
      <c r="G34725" s="16">
        <v>0</v>
      </c>
    </row>
    <row r="34726" spans="1:7" x14ac:dyDescent="0.3">
      <c r="A34726" s="13" t="s">
        <v>214</v>
      </c>
      <c r="B34726" s="14" t="s">
        <v>1</v>
      </c>
      <c r="C34726" s="14" t="s">
        <v>35</v>
      </c>
      <c r="D34726" s="14" t="s">
        <v>146</v>
      </c>
      <c r="E34726" s="15">
        <v>45427</v>
      </c>
      <c r="F34726" s="14" t="s">
        <v>61</v>
      </c>
      <c r="G34726" s="16">
        <v>0</v>
      </c>
    </row>
    <row r="34727" spans="1:7" x14ac:dyDescent="0.3">
      <c r="A34727" s="13" t="s">
        <v>214</v>
      </c>
      <c r="B34727" s="14" t="s">
        <v>1</v>
      </c>
      <c r="C34727" s="14" t="s">
        <v>35</v>
      </c>
      <c r="D34727" s="14" t="s">
        <v>146</v>
      </c>
      <c r="E34727" s="15">
        <v>45428</v>
      </c>
      <c r="F34727" s="14" t="s">
        <v>61</v>
      </c>
      <c r="G34727" s="16">
        <v>0</v>
      </c>
    </row>
    <row r="34728" spans="1:7" x14ac:dyDescent="0.3">
      <c r="A34728" s="13" t="s">
        <v>214</v>
      </c>
      <c r="B34728" s="14" t="s">
        <v>1</v>
      </c>
      <c r="C34728" s="14" t="s">
        <v>35</v>
      </c>
      <c r="D34728" s="14" t="s">
        <v>146</v>
      </c>
      <c r="E34728" s="15">
        <v>45429</v>
      </c>
      <c r="F34728" s="14" t="s">
        <v>61</v>
      </c>
      <c r="G34728" s="16">
        <v>0</v>
      </c>
    </row>
    <row r="34729" spans="1:7" x14ac:dyDescent="0.3">
      <c r="A34729" s="13" t="s">
        <v>214</v>
      </c>
      <c r="B34729" s="14" t="s">
        <v>1</v>
      </c>
      <c r="C34729" s="14" t="s">
        <v>35</v>
      </c>
      <c r="D34729" s="14" t="s">
        <v>146</v>
      </c>
      <c r="E34729" s="15">
        <v>45430</v>
      </c>
      <c r="F34729" s="14" t="s">
        <v>61</v>
      </c>
      <c r="G34729" s="16">
        <v>0</v>
      </c>
    </row>
    <row r="34730" spans="1:7" x14ac:dyDescent="0.3">
      <c r="A34730" s="13" t="s">
        <v>214</v>
      </c>
      <c r="B34730" s="14" t="s">
        <v>1</v>
      </c>
      <c r="C34730" s="14" t="s">
        <v>35</v>
      </c>
      <c r="D34730" s="14" t="s">
        <v>146</v>
      </c>
      <c r="E34730" s="15">
        <v>45431</v>
      </c>
      <c r="F34730" s="14" t="s">
        <v>61</v>
      </c>
      <c r="G34730" s="16">
        <v>0</v>
      </c>
    </row>
    <row r="34731" spans="1:7" x14ac:dyDescent="0.3">
      <c r="A34731" s="13" t="s">
        <v>214</v>
      </c>
      <c r="B34731" s="14" t="s">
        <v>1</v>
      </c>
      <c r="C34731" s="14" t="s">
        <v>35</v>
      </c>
      <c r="D34731" s="14" t="s">
        <v>146</v>
      </c>
      <c r="E34731" s="15">
        <v>45432</v>
      </c>
      <c r="F34731" s="14" t="s">
        <v>61</v>
      </c>
      <c r="G34731" s="16">
        <v>0</v>
      </c>
    </row>
    <row r="34732" spans="1:7" x14ac:dyDescent="0.3">
      <c r="A34732" s="13" t="s">
        <v>214</v>
      </c>
      <c r="B34732" s="14" t="s">
        <v>1</v>
      </c>
      <c r="C34732" s="14" t="s">
        <v>35</v>
      </c>
      <c r="D34732" s="14" t="s">
        <v>146</v>
      </c>
      <c r="E34732" s="15">
        <v>45433</v>
      </c>
      <c r="F34732" s="14" t="s">
        <v>61</v>
      </c>
      <c r="G34732" s="16">
        <v>0</v>
      </c>
    </row>
    <row r="34733" spans="1:7" x14ac:dyDescent="0.3">
      <c r="A34733" s="13" t="s">
        <v>214</v>
      </c>
      <c r="B34733" s="14" t="s">
        <v>1</v>
      </c>
      <c r="C34733" s="14" t="s">
        <v>35</v>
      </c>
      <c r="D34733" s="14" t="s">
        <v>146</v>
      </c>
      <c r="E34733" s="15">
        <v>45434</v>
      </c>
      <c r="F34733" s="14" t="s">
        <v>61</v>
      </c>
      <c r="G34733" s="16">
        <v>0</v>
      </c>
    </row>
    <row r="34734" spans="1:7" x14ac:dyDescent="0.3">
      <c r="A34734" s="13" t="s">
        <v>214</v>
      </c>
      <c r="B34734" s="14" t="s">
        <v>1</v>
      </c>
      <c r="C34734" s="14" t="s">
        <v>35</v>
      </c>
      <c r="D34734" s="14" t="s">
        <v>146</v>
      </c>
      <c r="E34734" s="15">
        <v>45435</v>
      </c>
      <c r="F34734" s="14" t="s">
        <v>61</v>
      </c>
      <c r="G34734" s="16">
        <v>0</v>
      </c>
    </row>
    <row r="34735" spans="1:7" x14ac:dyDescent="0.3">
      <c r="A34735" s="13" t="s">
        <v>214</v>
      </c>
      <c r="B34735" s="14" t="s">
        <v>1</v>
      </c>
      <c r="C34735" s="14" t="s">
        <v>35</v>
      </c>
      <c r="D34735" s="14" t="s">
        <v>146</v>
      </c>
      <c r="E34735" s="15">
        <v>45436</v>
      </c>
      <c r="F34735" s="14" t="s">
        <v>61</v>
      </c>
      <c r="G34735" s="16">
        <v>0</v>
      </c>
    </row>
    <row r="34736" spans="1:7" x14ac:dyDescent="0.3">
      <c r="A34736" s="13" t="s">
        <v>214</v>
      </c>
      <c r="B34736" s="14" t="s">
        <v>1</v>
      </c>
      <c r="C34736" s="14" t="s">
        <v>35</v>
      </c>
      <c r="D34736" s="14" t="s">
        <v>146</v>
      </c>
      <c r="E34736" s="15">
        <v>45437</v>
      </c>
      <c r="F34736" s="14" t="s">
        <v>61</v>
      </c>
      <c r="G34736" s="16">
        <v>0</v>
      </c>
    </row>
    <row r="34737" spans="1:7" x14ac:dyDescent="0.3">
      <c r="A34737" s="13" t="s">
        <v>214</v>
      </c>
      <c r="B34737" s="14" t="s">
        <v>1</v>
      </c>
      <c r="C34737" s="14" t="s">
        <v>35</v>
      </c>
      <c r="D34737" s="14" t="s">
        <v>146</v>
      </c>
      <c r="E34737" s="15">
        <v>45438</v>
      </c>
      <c r="F34737" s="14" t="s">
        <v>61</v>
      </c>
      <c r="G34737" s="16">
        <v>0</v>
      </c>
    </row>
    <row r="34738" spans="1:7" x14ac:dyDescent="0.3">
      <c r="A34738" s="13" t="s">
        <v>214</v>
      </c>
      <c r="B34738" s="14" t="s">
        <v>1</v>
      </c>
      <c r="C34738" s="14" t="s">
        <v>35</v>
      </c>
      <c r="D34738" s="14" t="s">
        <v>146</v>
      </c>
      <c r="E34738" s="15">
        <v>45439</v>
      </c>
      <c r="F34738" s="14" t="s">
        <v>61</v>
      </c>
      <c r="G34738" s="16">
        <v>0</v>
      </c>
    </row>
    <row r="34739" spans="1:7" x14ac:dyDescent="0.3">
      <c r="A34739" s="13" t="s">
        <v>214</v>
      </c>
      <c r="B34739" s="14" t="s">
        <v>1</v>
      </c>
      <c r="C34739" s="14" t="s">
        <v>35</v>
      </c>
      <c r="D34739" s="14" t="s">
        <v>146</v>
      </c>
      <c r="E34739" s="15">
        <v>45440</v>
      </c>
      <c r="F34739" s="14" t="s">
        <v>61</v>
      </c>
      <c r="G34739" s="16">
        <v>0</v>
      </c>
    </row>
    <row r="34740" spans="1:7" x14ac:dyDescent="0.3">
      <c r="A34740" s="13" t="s">
        <v>214</v>
      </c>
      <c r="B34740" s="14" t="s">
        <v>1</v>
      </c>
      <c r="C34740" s="14" t="s">
        <v>35</v>
      </c>
      <c r="D34740" s="14" t="s">
        <v>146</v>
      </c>
      <c r="E34740" s="15">
        <v>45441</v>
      </c>
      <c r="F34740" s="14" t="s">
        <v>61</v>
      </c>
      <c r="G34740" s="16">
        <v>0</v>
      </c>
    </row>
    <row r="34741" spans="1:7" x14ac:dyDescent="0.3">
      <c r="A34741" s="13" t="s">
        <v>214</v>
      </c>
      <c r="B34741" s="14" t="s">
        <v>1</v>
      </c>
      <c r="C34741" s="14" t="s">
        <v>35</v>
      </c>
      <c r="D34741" s="14" t="s">
        <v>146</v>
      </c>
      <c r="E34741" s="15">
        <v>45442</v>
      </c>
      <c r="F34741" s="14" t="s">
        <v>61</v>
      </c>
      <c r="G34741" s="16">
        <v>0</v>
      </c>
    </row>
    <row r="34742" spans="1:7" x14ac:dyDescent="0.3">
      <c r="A34742" s="13" t="s">
        <v>214</v>
      </c>
      <c r="B34742" s="14" t="s">
        <v>1</v>
      </c>
      <c r="C34742" s="14" t="s">
        <v>35</v>
      </c>
      <c r="D34742" s="14" t="s">
        <v>146</v>
      </c>
      <c r="E34742" s="15">
        <v>45443</v>
      </c>
      <c r="F34742" s="14" t="s">
        <v>61</v>
      </c>
      <c r="G34742" s="16">
        <v>0</v>
      </c>
    </row>
    <row r="34743" spans="1:7" x14ac:dyDescent="0.3">
      <c r="A34743" s="13" t="s">
        <v>214</v>
      </c>
      <c r="B34743" s="14" t="s">
        <v>1</v>
      </c>
      <c r="C34743" s="14" t="s">
        <v>35</v>
      </c>
      <c r="D34743" s="14" t="s">
        <v>146</v>
      </c>
      <c r="E34743" s="15">
        <v>45444</v>
      </c>
      <c r="F34743" s="14" t="s">
        <v>61</v>
      </c>
      <c r="G34743" s="16">
        <v>0</v>
      </c>
    </row>
    <row r="34744" spans="1:7" x14ac:dyDescent="0.3">
      <c r="A34744" s="13" t="s">
        <v>214</v>
      </c>
      <c r="B34744" s="14" t="s">
        <v>1</v>
      </c>
      <c r="C34744" s="14" t="s">
        <v>35</v>
      </c>
      <c r="D34744" s="14" t="s">
        <v>146</v>
      </c>
      <c r="E34744" s="15">
        <v>45445</v>
      </c>
      <c r="F34744" s="14" t="s">
        <v>61</v>
      </c>
      <c r="G34744" s="16">
        <v>0</v>
      </c>
    </row>
    <row r="34745" spans="1:7" x14ac:dyDescent="0.3">
      <c r="A34745" s="13" t="s">
        <v>214</v>
      </c>
      <c r="B34745" s="14" t="s">
        <v>1</v>
      </c>
      <c r="C34745" s="14" t="s">
        <v>35</v>
      </c>
      <c r="D34745" s="14" t="s">
        <v>146</v>
      </c>
      <c r="E34745" s="15">
        <v>45446</v>
      </c>
      <c r="F34745" s="14" t="s">
        <v>61</v>
      </c>
      <c r="G34745" s="16">
        <v>0</v>
      </c>
    </row>
    <row r="34746" spans="1:7" x14ac:dyDescent="0.3">
      <c r="A34746" s="13" t="s">
        <v>214</v>
      </c>
      <c r="B34746" s="14" t="s">
        <v>1</v>
      </c>
      <c r="C34746" s="14" t="s">
        <v>35</v>
      </c>
      <c r="D34746" s="14" t="s">
        <v>146</v>
      </c>
      <c r="E34746" s="15">
        <v>45447</v>
      </c>
      <c r="F34746" s="14" t="s">
        <v>61</v>
      </c>
      <c r="G34746" s="16">
        <v>0</v>
      </c>
    </row>
    <row r="34747" spans="1:7" x14ac:dyDescent="0.3">
      <c r="A34747" s="13" t="s">
        <v>214</v>
      </c>
      <c r="B34747" s="14" t="s">
        <v>1</v>
      </c>
      <c r="C34747" s="14" t="s">
        <v>35</v>
      </c>
      <c r="D34747" s="14" t="s">
        <v>146</v>
      </c>
      <c r="E34747" s="15">
        <v>45448</v>
      </c>
      <c r="F34747" s="14" t="s">
        <v>61</v>
      </c>
      <c r="G34747" s="16">
        <v>0</v>
      </c>
    </row>
    <row r="34748" spans="1:7" x14ac:dyDescent="0.3">
      <c r="A34748" s="13" t="s">
        <v>214</v>
      </c>
      <c r="B34748" s="14" t="s">
        <v>1</v>
      </c>
      <c r="C34748" s="14" t="s">
        <v>35</v>
      </c>
      <c r="D34748" s="14" t="s">
        <v>146</v>
      </c>
      <c r="E34748" s="15">
        <v>45449</v>
      </c>
      <c r="F34748" s="14" t="s">
        <v>61</v>
      </c>
      <c r="G34748" s="16">
        <v>0</v>
      </c>
    </row>
    <row r="34749" spans="1:7" x14ac:dyDescent="0.3">
      <c r="A34749" s="13" t="s">
        <v>214</v>
      </c>
      <c r="B34749" s="14" t="s">
        <v>1</v>
      </c>
      <c r="C34749" s="14" t="s">
        <v>35</v>
      </c>
      <c r="D34749" s="14" t="s">
        <v>146</v>
      </c>
      <c r="E34749" s="15">
        <v>45450</v>
      </c>
      <c r="F34749" s="14" t="s">
        <v>61</v>
      </c>
      <c r="G34749" s="16">
        <v>0</v>
      </c>
    </row>
    <row r="34750" spans="1:7" x14ac:dyDescent="0.3">
      <c r="A34750" s="13" t="s">
        <v>214</v>
      </c>
      <c r="B34750" s="14" t="s">
        <v>1</v>
      </c>
      <c r="C34750" s="14" t="s">
        <v>35</v>
      </c>
      <c r="D34750" s="14" t="s">
        <v>146</v>
      </c>
      <c r="E34750" s="15">
        <v>45451</v>
      </c>
      <c r="F34750" s="14" t="s">
        <v>61</v>
      </c>
      <c r="G34750" s="16">
        <v>0</v>
      </c>
    </row>
    <row r="34751" spans="1:7" x14ac:dyDescent="0.3">
      <c r="A34751" s="13" t="s">
        <v>214</v>
      </c>
      <c r="B34751" s="14" t="s">
        <v>1</v>
      </c>
      <c r="C34751" s="14" t="s">
        <v>35</v>
      </c>
      <c r="D34751" s="14" t="s">
        <v>146</v>
      </c>
      <c r="E34751" s="15">
        <v>45452</v>
      </c>
      <c r="F34751" s="14" t="s">
        <v>61</v>
      </c>
      <c r="G34751" s="16">
        <v>0</v>
      </c>
    </row>
    <row r="34752" spans="1:7" x14ac:dyDescent="0.3">
      <c r="A34752" s="13" t="s">
        <v>214</v>
      </c>
      <c r="B34752" s="14" t="s">
        <v>1</v>
      </c>
      <c r="C34752" s="14" t="s">
        <v>35</v>
      </c>
      <c r="D34752" s="14" t="s">
        <v>146</v>
      </c>
      <c r="E34752" s="15">
        <v>45453</v>
      </c>
      <c r="F34752" s="14" t="s">
        <v>61</v>
      </c>
      <c r="G34752" s="16">
        <v>0</v>
      </c>
    </row>
    <row r="34753" spans="1:7" x14ac:dyDescent="0.3">
      <c r="A34753" s="13" t="s">
        <v>214</v>
      </c>
      <c r="B34753" s="14" t="s">
        <v>1</v>
      </c>
      <c r="C34753" s="14" t="s">
        <v>35</v>
      </c>
      <c r="D34753" s="14" t="s">
        <v>146</v>
      </c>
      <c r="E34753" s="15">
        <v>45454</v>
      </c>
      <c r="F34753" s="14" t="s">
        <v>61</v>
      </c>
      <c r="G34753" s="16">
        <v>0</v>
      </c>
    </row>
    <row r="34754" spans="1:7" x14ac:dyDescent="0.3">
      <c r="A34754" s="13" t="s">
        <v>214</v>
      </c>
      <c r="B34754" s="14" t="s">
        <v>1</v>
      </c>
      <c r="C34754" s="14" t="s">
        <v>35</v>
      </c>
      <c r="D34754" s="14" t="s">
        <v>146</v>
      </c>
      <c r="E34754" s="15">
        <v>45455</v>
      </c>
      <c r="F34754" s="14" t="s">
        <v>61</v>
      </c>
      <c r="G34754" s="16">
        <v>0</v>
      </c>
    </row>
    <row r="34755" spans="1:7" x14ac:dyDescent="0.3">
      <c r="A34755" s="13" t="s">
        <v>214</v>
      </c>
      <c r="B34755" s="14" t="s">
        <v>1</v>
      </c>
      <c r="C34755" s="14" t="s">
        <v>35</v>
      </c>
      <c r="D34755" s="14" t="s">
        <v>146</v>
      </c>
      <c r="E34755" s="15">
        <v>45456</v>
      </c>
      <c r="F34755" s="14" t="s">
        <v>61</v>
      </c>
      <c r="G34755" s="16">
        <v>0</v>
      </c>
    </row>
    <row r="34756" spans="1:7" x14ac:dyDescent="0.3">
      <c r="A34756" s="13" t="s">
        <v>214</v>
      </c>
      <c r="B34756" s="14" t="s">
        <v>1</v>
      </c>
      <c r="C34756" s="14" t="s">
        <v>35</v>
      </c>
      <c r="D34756" s="14" t="s">
        <v>146</v>
      </c>
      <c r="E34756" s="15">
        <v>45457</v>
      </c>
      <c r="F34756" s="14" t="s">
        <v>61</v>
      </c>
      <c r="G34756" s="16">
        <v>1.4941688223541829E-2</v>
      </c>
    </row>
    <row r="34757" spans="1:7" x14ac:dyDescent="0.3">
      <c r="A34757" s="13" t="s">
        <v>214</v>
      </c>
      <c r="B34757" s="14" t="s">
        <v>1</v>
      </c>
      <c r="C34757" s="14" t="s">
        <v>35</v>
      </c>
      <c r="D34757" s="14" t="s">
        <v>146</v>
      </c>
      <c r="E34757" s="15">
        <v>45458</v>
      </c>
      <c r="F34757" s="14" t="s">
        <v>61</v>
      </c>
      <c r="G34757" s="16">
        <v>1.4941688223541829E-2</v>
      </c>
    </row>
    <row r="34758" spans="1:7" x14ac:dyDescent="0.3">
      <c r="A34758" s="13" t="s">
        <v>214</v>
      </c>
      <c r="B34758" s="14" t="s">
        <v>1</v>
      </c>
      <c r="C34758" s="14" t="s">
        <v>35</v>
      </c>
      <c r="D34758" s="14" t="s">
        <v>146</v>
      </c>
      <c r="E34758" s="15">
        <v>45459</v>
      </c>
      <c r="F34758" s="14" t="s">
        <v>61</v>
      </c>
      <c r="G34758" s="16">
        <v>1.4941688223541829E-2</v>
      </c>
    </row>
    <row r="34759" spans="1:7" x14ac:dyDescent="0.3">
      <c r="A34759" s="13" t="s">
        <v>214</v>
      </c>
      <c r="B34759" s="14" t="s">
        <v>1</v>
      </c>
      <c r="C34759" s="14" t="s">
        <v>35</v>
      </c>
      <c r="D34759" s="14" t="s">
        <v>146</v>
      </c>
      <c r="E34759" s="15">
        <v>45460</v>
      </c>
      <c r="F34759" s="14" t="s">
        <v>61</v>
      </c>
      <c r="G34759" s="16">
        <v>1.1261645974893873E-2</v>
      </c>
    </row>
    <row r="34760" spans="1:7" x14ac:dyDescent="0.3">
      <c r="A34760" s="13" t="s">
        <v>214</v>
      </c>
      <c r="B34760" s="14" t="s">
        <v>1</v>
      </c>
      <c r="C34760" s="14" t="s">
        <v>35</v>
      </c>
      <c r="D34760" s="14" t="s">
        <v>146</v>
      </c>
      <c r="E34760" s="15">
        <v>45461</v>
      </c>
      <c r="F34760" s="14" t="s">
        <v>61</v>
      </c>
      <c r="G34760" s="16">
        <v>0</v>
      </c>
    </row>
    <row r="34761" spans="1:7" x14ac:dyDescent="0.3">
      <c r="A34761" s="13" t="s">
        <v>214</v>
      </c>
      <c r="B34761" s="14" t="s">
        <v>1</v>
      </c>
      <c r="C34761" s="14" t="s">
        <v>35</v>
      </c>
      <c r="D34761" s="14" t="s">
        <v>146</v>
      </c>
      <c r="E34761" s="15">
        <v>45462</v>
      </c>
      <c r="F34761" s="14" t="s">
        <v>61</v>
      </c>
      <c r="G34761" s="16">
        <v>0</v>
      </c>
    </row>
    <row r="34762" spans="1:7" x14ac:dyDescent="0.3">
      <c r="A34762" s="13" t="s">
        <v>214</v>
      </c>
      <c r="B34762" s="14" t="s">
        <v>1</v>
      </c>
      <c r="C34762" s="14" t="s">
        <v>35</v>
      </c>
      <c r="D34762" s="14" t="s">
        <v>146</v>
      </c>
      <c r="E34762" s="15">
        <v>45463</v>
      </c>
      <c r="F34762" s="14" t="s">
        <v>61</v>
      </c>
      <c r="G34762" s="16">
        <v>0</v>
      </c>
    </row>
    <row r="34763" spans="1:7" x14ac:dyDescent="0.3">
      <c r="A34763" s="13" t="s">
        <v>214</v>
      </c>
      <c r="B34763" s="14" t="s">
        <v>1</v>
      </c>
      <c r="C34763" s="14" t="s">
        <v>35</v>
      </c>
      <c r="D34763" s="14" t="s">
        <v>146</v>
      </c>
      <c r="E34763" s="15">
        <v>45464</v>
      </c>
      <c r="F34763" s="14" t="s">
        <v>61</v>
      </c>
      <c r="G34763" s="16">
        <v>0</v>
      </c>
    </row>
    <row r="34764" spans="1:7" x14ac:dyDescent="0.3">
      <c r="A34764" s="13" t="s">
        <v>214</v>
      </c>
      <c r="B34764" s="14" t="s">
        <v>1</v>
      </c>
      <c r="C34764" s="14" t="s">
        <v>35</v>
      </c>
      <c r="D34764" s="14" t="s">
        <v>146</v>
      </c>
      <c r="E34764" s="15">
        <v>45465</v>
      </c>
      <c r="F34764" s="14" t="s">
        <v>61</v>
      </c>
      <c r="G34764" s="16">
        <v>0</v>
      </c>
    </row>
    <row r="34765" spans="1:7" x14ac:dyDescent="0.3">
      <c r="A34765" s="13" t="s">
        <v>214</v>
      </c>
      <c r="B34765" s="14" t="s">
        <v>1</v>
      </c>
      <c r="C34765" s="14" t="s">
        <v>35</v>
      </c>
      <c r="D34765" s="14" t="s">
        <v>146</v>
      </c>
      <c r="E34765" s="15">
        <v>45466</v>
      </c>
      <c r="F34765" s="14" t="s">
        <v>61</v>
      </c>
      <c r="G34765" s="16">
        <v>0</v>
      </c>
    </row>
    <row r="34766" spans="1:7" x14ac:dyDescent="0.3">
      <c r="A34766" s="13" t="s">
        <v>214</v>
      </c>
      <c r="B34766" s="14" t="s">
        <v>1</v>
      </c>
      <c r="C34766" s="14" t="s">
        <v>35</v>
      </c>
      <c r="D34766" s="14" t="s">
        <v>146</v>
      </c>
      <c r="E34766" s="15">
        <v>45467</v>
      </c>
      <c r="F34766" s="14" t="s">
        <v>61</v>
      </c>
      <c r="G34766" s="16">
        <v>0</v>
      </c>
    </row>
    <row r="34767" spans="1:7" x14ac:dyDescent="0.3">
      <c r="A34767" s="13" t="s">
        <v>214</v>
      </c>
      <c r="B34767" s="14" t="s">
        <v>1</v>
      </c>
      <c r="C34767" s="14" t="s">
        <v>35</v>
      </c>
      <c r="D34767" s="14" t="s">
        <v>146</v>
      </c>
      <c r="E34767" s="15">
        <v>45468</v>
      </c>
      <c r="F34767" s="14" t="s">
        <v>61</v>
      </c>
      <c r="G34767" s="16">
        <v>0</v>
      </c>
    </row>
    <row r="34768" spans="1:7" x14ac:dyDescent="0.3">
      <c r="A34768" s="13" t="s">
        <v>214</v>
      </c>
      <c r="B34768" s="14" t="s">
        <v>1</v>
      </c>
      <c r="C34768" s="14" t="s">
        <v>35</v>
      </c>
      <c r="D34768" s="14" t="s">
        <v>146</v>
      </c>
      <c r="E34768" s="15">
        <v>45469</v>
      </c>
      <c r="F34768" s="14" t="s">
        <v>61</v>
      </c>
      <c r="G34768" s="16">
        <v>0</v>
      </c>
    </row>
    <row r="34769" spans="1:7" x14ac:dyDescent="0.3">
      <c r="A34769" s="13" t="s">
        <v>214</v>
      </c>
      <c r="B34769" s="14" t="s">
        <v>1</v>
      </c>
      <c r="C34769" s="14" t="s">
        <v>35</v>
      </c>
      <c r="D34769" s="14" t="s">
        <v>146</v>
      </c>
      <c r="E34769" s="15">
        <v>45470</v>
      </c>
      <c r="F34769" s="14" t="s">
        <v>61</v>
      </c>
      <c r="G34769" s="16">
        <v>0</v>
      </c>
    </row>
    <row r="34770" spans="1:7" x14ac:dyDescent="0.3">
      <c r="A34770" s="13" t="s">
        <v>214</v>
      </c>
      <c r="B34770" s="14" t="s">
        <v>1</v>
      </c>
      <c r="C34770" s="14" t="s">
        <v>35</v>
      </c>
      <c r="D34770" s="14" t="s">
        <v>146</v>
      </c>
      <c r="E34770" s="15">
        <v>45471</v>
      </c>
      <c r="F34770" s="14" t="s">
        <v>61</v>
      </c>
      <c r="G34770" s="16">
        <v>0</v>
      </c>
    </row>
    <row r="34771" spans="1:7" x14ac:dyDescent="0.3">
      <c r="A34771" s="13" t="s">
        <v>214</v>
      </c>
      <c r="B34771" s="14" t="s">
        <v>1</v>
      </c>
      <c r="C34771" s="14" t="s">
        <v>35</v>
      </c>
      <c r="D34771" s="14" t="s">
        <v>146</v>
      </c>
      <c r="E34771" s="15">
        <v>45472</v>
      </c>
      <c r="F34771" s="14" t="s">
        <v>61</v>
      </c>
      <c r="G34771" s="16">
        <v>0</v>
      </c>
    </row>
    <row r="34772" spans="1:7" x14ac:dyDescent="0.3">
      <c r="A34772" s="13" t="s">
        <v>214</v>
      </c>
      <c r="B34772" s="14" t="s">
        <v>1</v>
      </c>
      <c r="C34772" s="14" t="s">
        <v>35</v>
      </c>
      <c r="D34772" s="14" t="s">
        <v>146</v>
      </c>
      <c r="E34772" s="15">
        <v>45473</v>
      </c>
      <c r="F34772" s="14" t="s">
        <v>61</v>
      </c>
      <c r="G34772" s="16">
        <v>0</v>
      </c>
    </row>
    <row r="34773" spans="1:7" x14ac:dyDescent="0.3">
      <c r="A34773" s="13" t="s">
        <v>214</v>
      </c>
      <c r="B34773" s="14" t="s">
        <v>1</v>
      </c>
      <c r="C34773" s="14" t="s">
        <v>35</v>
      </c>
      <c r="D34773" s="14" t="s">
        <v>146</v>
      </c>
      <c r="E34773" s="15">
        <v>45474</v>
      </c>
      <c r="F34773" s="14" t="s">
        <v>61</v>
      </c>
      <c r="G34773" s="16">
        <v>0</v>
      </c>
    </row>
    <row r="34774" spans="1:7" x14ac:dyDescent="0.3">
      <c r="A34774" s="13" t="s">
        <v>214</v>
      </c>
      <c r="B34774" s="14" t="s">
        <v>1</v>
      </c>
      <c r="C34774" s="14" t="s">
        <v>35</v>
      </c>
      <c r="D34774" s="14" t="s">
        <v>146</v>
      </c>
      <c r="E34774" s="15">
        <v>45475</v>
      </c>
      <c r="F34774" s="14" t="s">
        <v>61</v>
      </c>
      <c r="G34774" s="16">
        <v>0</v>
      </c>
    </row>
    <row r="34775" spans="1:7" x14ac:dyDescent="0.3">
      <c r="A34775" s="13" t="s">
        <v>214</v>
      </c>
      <c r="B34775" s="14" t="s">
        <v>1</v>
      </c>
      <c r="C34775" s="14" t="s">
        <v>35</v>
      </c>
      <c r="D34775" s="14" t="s">
        <v>146</v>
      </c>
      <c r="E34775" s="15">
        <v>45476</v>
      </c>
      <c r="F34775" s="14" t="s">
        <v>61</v>
      </c>
      <c r="G34775" s="16">
        <v>0</v>
      </c>
    </row>
    <row r="34776" spans="1:7" x14ac:dyDescent="0.3">
      <c r="A34776" s="13" t="s">
        <v>214</v>
      </c>
      <c r="B34776" s="14" t="s">
        <v>1</v>
      </c>
      <c r="C34776" s="14" t="s">
        <v>35</v>
      </c>
      <c r="D34776" s="14" t="s">
        <v>146</v>
      </c>
      <c r="E34776" s="15">
        <v>45477</v>
      </c>
      <c r="F34776" s="14" t="s">
        <v>61</v>
      </c>
      <c r="G34776" s="16">
        <v>0</v>
      </c>
    </row>
    <row r="34777" spans="1:7" x14ac:dyDescent="0.3">
      <c r="A34777" s="13" t="s">
        <v>214</v>
      </c>
      <c r="B34777" s="14" t="s">
        <v>1</v>
      </c>
      <c r="C34777" s="14" t="s">
        <v>35</v>
      </c>
      <c r="D34777" s="14" t="s">
        <v>146</v>
      </c>
      <c r="E34777" s="15">
        <v>45478</v>
      </c>
      <c r="F34777" s="14" t="s">
        <v>61</v>
      </c>
      <c r="G34777" s="16">
        <v>0</v>
      </c>
    </row>
    <row r="34778" spans="1:7" x14ac:dyDescent="0.3">
      <c r="A34778" s="13" t="s">
        <v>214</v>
      </c>
      <c r="B34778" s="14" t="s">
        <v>1</v>
      </c>
      <c r="C34778" s="14" t="s">
        <v>35</v>
      </c>
      <c r="D34778" s="14" t="s">
        <v>146</v>
      </c>
      <c r="E34778" s="15">
        <v>45479</v>
      </c>
      <c r="F34778" s="14" t="s">
        <v>61</v>
      </c>
      <c r="G34778" s="16">
        <v>0</v>
      </c>
    </row>
    <row r="34779" spans="1:7" x14ac:dyDescent="0.3">
      <c r="A34779" s="13" t="s">
        <v>214</v>
      </c>
      <c r="B34779" s="14" t="s">
        <v>1</v>
      </c>
      <c r="C34779" s="14" t="s">
        <v>35</v>
      </c>
      <c r="D34779" s="14" t="s">
        <v>146</v>
      </c>
      <c r="E34779" s="15">
        <v>45480</v>
      </c>
      <c r="F34779" s="14" t="s">
        <v>61</v>
      </c>
      <c r="G34779" s="16">
        <v>0</v>
      </c>
    </row>
    <row r="34780" spans="1:7" x14ac:dyDescent="0.3">
      <c r="A34780" s="13" t="s">
        <v>214</v>
      </c>
      <c r="B34780" s="14" t="s">
        <v>1</v>
      </c>
      <c r="C34780" s="14" t="s">
        <v>35</v>
      </c>
      <c r="D34780" s="14" t="s">
        <v>146</v>
      </c>
      <c r="E34780" s="15">
        <v>45481</v>
      </c>
      <c r="F34780" s="14" t="s">
        <v>61</v>
      </c>
      <c r="G34780" s="16">
        <v>0</v>
      </c>
    </row>
    <row r="34781" spans="1:7" x14ac:dyDescent="0.3">
      <c r="A34781" s="13" t="s">
        <v>214</v>
      </c>
      <c r="B34781" s="14" t="s">
        <v>1</v>
      </c>
      <c r="C34781" s="14" t="s">
        <v>35</v>
      </c>
      <c r="D34781" s="14" t="s">
        <v>146</v>
      </c>
      <c r="E34781" s="15">
        <v>45482</v>
      </c>
      <c r="F34781" s="14" t="s">
        <v>61</v>
      </c>
      <c r="G34781" s="16">
        <v>0</v>
      </c>
    </row>
    <row r="34782" spans="1:7" x14ac:dyDescent="0.3">
      <c r="A34782" s="13" t="s">
        <v>214</v>
      </c>
      <c r="B34782" s="14" t="s">
        <v>1</v>
      </c>
      <c r="C34782" s="14" t="s">
        <v>35</v>
      </c>
      <c r="D34782" s="14" t="s">
        <v>146</v>
      </c>
      <c r="E34782" s="15">
        <v>45483</v>
      </c>
      <c r="F34782" s="14" t="s">
        <v>61</v>
      </c>
      <c r="G34782" s="16">
        <v>0</v>
      </c>
    </row>
    <row r="34783" spans="1:7" x14ac:dyDescent="0.3">
      <c r="A34783" s="13" t="s">
        <v>214</v>
      </c>
      <c r="B34783" s="14" t="s">
        <v>1</v>
      </c>
      <c r="C34783" s="14" t="s">
        <v>35</v>
      </c>
      <c r="D34783" s="14" t="s">
        <v>146</v>
      </c>
      <c r="E34783" s="15">
        <v>45484</v>
      </c>
      <c r="F34783" s="14" t="s">
        <v>61</v>
      </c>
      <c r="G34783" s="16">
        <v>0</v>
      </c>
    </row>
    <row r="34784" spans="1:7" x14ac:dyDescent="0.3">
      <c r="A34784" s="13" t="s">
        <v>214</v>
      </c>
      <c r="B34784" s="14" t="s">
        <v>1</v>
      </c>
      <c r="C34784" s="14" t="s">
        <v>35</v>
      </c>
      <c r="D34784" s="14" t="s">
        <v>146</v>
      </c>
      <c r="E34784" s="15">
        <v>45485</v>
      </c>
      <c r="F34784" s="14" t="s">
        <v>61</v>
      </c>
      <c r="G34784" s="16">
        <v>0</v>
      </c>
    </row>
    <row r="34785" spans="1:7" x14ac:dyDescent="0.3">
      <c r="A34785" s="13" t="s">
        <v>214</v>
      </c>
      <c r="B34785" s="14" t="s">
        <v>1</v>
      </c>
      <c r="C34785" s="14" t="s">
        <v>35</v>
      </c>
      <c r="D34785" s="14" t="s">
        <v>146</v>
      </c>
      <c r="E34785" s="15">
        <v>45486</v>
      </c>
      <c r="F34785" s="14" t="s">
        <v>61</v>
      </c>
      <c r="G34785" s="16">
        <v>0</v>
      </c>
    </row>
    <row r="34786" spans="1:7" x14ac:dyDescent="0.3">
      <c r="A34786" s="13" t="s">
        <v>214</v>
      </c>
      <c r="B34786" s="14" t="s">
        <v>1</v>
      </c>
      <c r="C34786" s="14" t="s">
        <v>35</v>
      </c>
      <c r="D34786" s="14" t="s">
        <v>146</v>
      </c>
      <c r="E34786" s="15">
        <v>45487</v>
      </c>
      <c r="F34786" s="14" t="s">
        <v>61</v>
      </c>
      <c r="G34786" s="16">
        <v>0</v>
      </c>
    </row>
    <row r="34787" spans="1:7" x14ac:dyDescent="0.3">
      <c r="A34787" s="13" t="s">
        <v>214</v>
      </c>
      <c r="B34787" s="14" t="s">
        <v>1</v>
      </c>
      <c r="C34787" s="14" t="s">
        <v>35</v>
      </c>
      <c r="D34787" s="14" t="s">
        <v>146</v>
      </c>
      <c r="E34787" s="15">
        <v>45488</v>
      </c>
      <c r="F34787" s="14" t="s">
        <v>61</v>
      </c>
      <c r="G34787" s="16">
        <v>0</v>
      </c>
    </row>
    <row r="34788" spans="1:7" x14ac:dyDescent="0.3">
      <c r="A34788" s="13" t="s">
        <v>214</v>
      </c>
      <c r="B34788" s="14" t="s">
        <v>1</v>
      </c>
      <c r="C34788" s="14" t="s">
        <v>35</v>
      </c>
      <c r="D34788" s="14" t="s">
        <v>146</v>
      </c>
      <c r="E34788" s="15">
        <v>45489</v>
      </c>
      <c r="F34788" s="14" t="s">
        <v>61</v>
      </c>
      <c r="G34788" s="16">
        <v>0</v>
      </c>
    </row>
    <row r="34789" spans="1:7" x14ac:dyDescent="0.3">
      <c r="A34789" s="13" t="s">
        <v>214</v>
      </c>
      <c r="B34789" s="14" t="s">
        <v>1</v>
      </c>
      <c r="C34789" s="14" t="s">
        <v>35</v>
      </c>
      <c r="D34789" s="14" t="s">
        <v>146</v>
      </c>
      <c r="E34789" s="15">
        <v>45490</v>
      </c>
      <c r="F34789" s="14" t="s">
        <v>61</v>
      </c>
      <c r="G34789" s="16">
        <v>0</v>
      </c>
    </row>
    <row r="34790" spans="1:7" x14ac:dyDescent="0.3">
      <c r="A34790" s="13" t="s">
        <v>214</v>
      </c>
      <c r="B34790" s="14" t="s">
        <v>1</v>
      </c>
      <c r="C34790" s="14" t="s">
        <v>35</v>
      </c>
      <c r="D34790" s="14" t="s">
        <v>146</v>
      </c>
      <c r="E34790" s="15">
        <v>45491</v>
      </c>
      <c r="F34790" s="14" t="s">
        <v>61</v>
      </c>
      <c r="G34790" s="16">
        <v>0</v>
      </c>
    </row>
    <row r="34791" spans="1:7" x14ac:dyDescent="0.3">
      <c r="A34791" s="13" t="s">
        <v>214</v>
      </c>
      <c r="B34791" s="14" t="s">
        <v>1</v>
      </c>
      <c r="C34791" s="14" t="s">
        <v>35</v>
      </c>
      <c r="D34791" s="14" t="s">
        <v>146</v>
      </c>
      <c r="E34791" s="15">
        <v>45492</v>
      </c>
      <c r="F34791" s="14" t="s">
        <v>61</v>
      </c>
      <c r="G34791" s="16">
        <v>0</v>
      </c>
    </row>
    <row r="34792" spans="1:7" x14ac:dyDescent="0.3">
      <c r="A34792" s="13" t="s">
        <v>214</v>
      </c>
      <c r="B34792" s="14" t="s">
        <v>1</v>
      </c>
      <c r="C34792" s="14" t="s">
        <v>35</v>
      </c>
      <c r="D34792" s="14" t="s">
        <v>146</v>
      </c>
      <c r="E34792" s="15">
        <v>45493</v>
      </c>
      <c r="F34792" s="14" t="s">
        <v>61</v>
      </c>
      <c r="G34792" s="16">
        <v>0</v>
      </c>
    </row>
    <row r="34793" spans="1:7" x14ac:dyDescent="0.3">
      <c r="A34793" s="13" t="s">
        <v>214</v>
      </c>
      <c r="B34793" s="14" t="s">
        <v>1</v>
      </c>
      <c r="C34793" s="14" t="s">
        <v>35</v>
      </c>
      <c r="D34793" s="14" t="s">
        <v>146</v>
      </c>
      <c r="E34793" s="15">
        <v>45494</v>
      </c>
      <c r="F34793" s="14" t="s">
        <v>61</v>
      </c>
      <c r="G34793" s="16">
        <v>0</v>
      </c>
    </row>
    <row r="34794" spans="1:7" x14ac:dyDescent="0.3">
      <c r="A34794" s="13" t="s">
        <v>214</v>
      </c>
      <c r="B34794" s="14" t="s">
        <v>1</v>
      </c>
      <c r="C34794" s="14" t="s">
        <v>35</v>
      </c>
      <c r="D34794" s="14" t="s">
        <v>146</v>
      </c>
      <c r="E34794" s="15">
        <v>45495</v>
      </c>
      <c r="F34794" s="14" t="s">
        <v>61</v>
      </c>
      <c r="G34794" s="16">
        <v>0</v>
      </c>
    </row>
    <row r="34795" spans="1:7" x14ac:dyDescent="0.3">
      <c r="A34795" s="13" t="s">
        <v>214</v>
      </c>
      <c r="B34795" s="14" t="s">
        <v>1</v>
      </c>
      <c r="C34795" s="14" t="s">
        <v>35</v>
      </c>
      <c r="D34795" s="14" t="s">
        <v>146</v>
      </c>
      <c r="E34795" s="15">
        <v>45496</v>
      </c>
      <c r="F34795" s="14" t="s">
        <v>61</v>
      </c>
      <c r="G34795" s="16">
        <v>0</v>
      </c>
    </row>
    <row r="34796" spans="1:7" x14ac:dyDescent="0.3">
      <c r="A34796" s="13" t="s">
        <v>214</v>
      </c>
      <c r="B34796" s="14" t="s">
        <v>1</v>
      </c>
      <c r="C34796" s="14" t="s">
        <v>35</v>
      </c>
      <c r="D34796" s="14" t="s">
        <v>146</v>
      </c>
      <c r="E34796" s="15">
        <v>45497</v>
      </c>
      <c r="F34796" s="14" t="s">
        <v>61</v>
      </c>
      <c r="G34796" s="16">
        <v>0</v>
      </c>
    </row>
    <row r="34797" spans="1:7" x14ac:dyDescent="0.3">
      <c r="A34797" s="13" t="s">
        <v>214</v>
      </c>
      <c r="B34797" s="14" t="s">
        <v>1</v>
      </c>
      <c r="C34797" s="14" t="s">
        <v>35</v>
      </c>
      <c r="D34797" s="14" t="s">
        <v>146</v>
      </c>
      <c r="E34797" s="15">
        <v>45498</v>
      </c>
      <c r="F34797" s="14" t="s">
        <v>61</v>
      </c>
      <c r="G34797" s="16">
        <v>0</v>
      </c>
    </row>
    <row r="34798" spans="1:7" x14ac:dyDescent="0.3">
      <c r="A34798" s="13" t="s">
        <v>214</v>
      </c>
      <c r="B34798" s="14" t="s">
        <v>1</v>
      </c>
      <c r="C34798" s="14" t="s">
        <v>35</v>
      </c>
      <c r="D34798" s="14" t="s">
        <v>146</v>
      </c>
      <c r="E34798" s="15">
        <v>45499</v>
      </c>
      <c r="F34798" s="14" t="s">
        <v>61</v>
      </c>
      <c r="G34798" s="16">
        <v>0</v>
      </c>
    </row>
    <row r="34799" spans="1:7" x14ac:dyDescent="0.3">
      <c r="A34799" s="13" t="s">
        <v>214</v>
      </c>
      <c r="B34799" s="14" t="s">
        <v>1</v>
      </c>
      <c r="C34799" s="14" t="s">
        <v>35</v>
      </c>
      <c r="D34799" s="14" t="s">
        <v>146</v>
      </c>
      <c r="E34799" s="15">
        <v>45500</v>
      </c>
      <c r="F34799" s="14" t="s">
        <v>61</v>
      </c>
      <c r="G34799" s="16">
        <v>0</v>
      </c>
    </row>
    <row r="34800" spans="1:7" x14ac:dyDescent="0.3">
      <c r="A34800" s="13" t="s">
        <v>214</v>
      </c>
      <c r="B34800" s="14" t="s">
        <v>1</v>
      </c>
      <c r="C34800" s="14" t="s">
        <v>35</v>
      </c>
      <c r="D34800" s="14" t="s">
        <v>146</v>
      </c>
      <c r="E34800" s="15">
        <v>45501</v>
      </c>
      <c r="F34800" s="14" t="s">
        <v>61</v>
      </c>
      <c r="G34800" s="16">
        <v>0</v>
      </c>
    </row>
    <row r="34801" spans="1:7" x14ac:dyDescent="0.3">
      <c r="A34801" s="13" t="s">
        <v>214</v>
      </c>
      <c r="B34801" s="14" t="s">
        <v>1</v>
      </c>
      <c r="C34801" s="14" t="s">
        <v>35</v>
      </c>
      <c r="D34801" s="14" t="s">
        <v>146</v>
      </c>
      <c r="E34801" s="15">
        <v>45502</v>
      </c>
      <c r="F34801" s="14" t="s">
        <v>61</v>
      </c>
      <c r="G34801" s="16">
        <v>0</v>
      </c>
    </row>
    <row r="34802" spans="1:7" x14ac:dyDescent="0.3">
      <c r="A34802" s="13" t="s">
        <v>214</v>
      </c>
      <c r="B34802" s="14" t="s">
        <v>1</v>
      </c>
      <c r="C34802" s="14" t="s">
        <v>35</v>
      </c>
      <c r="D34802" s="14" t="s">
        <v>146</v>
      </c>
      <c r="E34802" s="15">
        <v>45503</v>
      </c>
      <c r="F34802" s="14" t="s">
        <v>61</v>
      </c>
      <c r="G34802" s="16">
        <v>0</v>
      </c>
    </row>
    <row r="34803" spans="1:7" x14ac:dyDescent="0.3">
      <c r="A34803" s="13" t="s">
        <v>214</v>
      </c>
      <c r="B34803" s="14" t="s">
        <v>1</v>
      </c>
      <c r="C34803" s="14" t="s">
        <v>35</v>
      </c>
      <c r="D34803" s="14" t="s">
        <v>146</v>
      </c>
      <c r="E34803" s="15">
        <v>45504</v>
      </c>
      <c r="F34803" s="14" t="s">
        <v>61</v>
      </c>
      <c r="G34803" s="16">
        <v>0</v>
      </c>
    </row>
    <row r="34804" spans="1:7" x14ac:dyDescent="0.3">
      <c r="A34804" s="13" t="s">
        <v>214</v>
      </c>
      <c r="B34804" s="14" t="s">
        <v>1</v>
      </c>
      <c r="C34804" s="14" t="s">
        <v>35</v>
      </c>
      <c r="D34804" s="14" t="s">
        <v>146</v>
      </c>
      <c r="E34804" s="15">
        <v>45505</v>
      </c>
      <c r="F34804" s="14" t="s">
        <v>61</v>
      </c>
      <c r="G34804" s="16">
        <v>0</v>
      </c>
    </row>
    <row r="34805" spans="1:7" x14ac:dyDescent="0.3">
      <c r="A34805" s="13" t="s">
        <v>214</v>
      </c>
      <c r="B34805" s="14" t="s">
        <v>1</v>
      </c>
      <c r="C34805" s="14" t="s">
        <v>35</v>
      </c>
      <c r="D34805" s="14" t="s">
        <v>146</v>
      </c>
      <c r="E34805" s="15">
        <v>45506</v>
      </c>
      <c r="F34805" s="14" t="s">
        <v>61</v>
      </c>
      <c r="G34805" s="16">
        <v>0</v>
      </c>
    </row>
    <row r="34806" spans="1:7" x14ac:dyDescent="0.3">
      <c r="A34806" s="13" t="s">
        <v>214</v>
      </c>
      <c r="B34806" s="14" t="s">
        <v>1</v>
      </c>
      <c r="C34806" s="14" t="s">
        <v>35</v>
      </c>
      <c r="D34806" s="14" t="s">
        <v>146</v>
      </c>
      <c r="E34806" s="15">
        <v>45507</v>
      </c>
      <c r="F34806" s="14" t="s">
        <v>61</v>
      </c>
      <c r="G34806" s="16">
        <v>0</v>
      </c>
    </row>
    <row r="34807" spans="1:7" x14ac:dyDescent="0.3">
      <c r="A34807" s="13" t="s">
        <v>214</v>
      </c>
      <c r="B34807" s="14" t="s">
        <v>1</v>
      </c>
      <c r="C34807" s="14" t="s">
        <v>35</v>
      </c>
      <c r="D34807" s="14" t="s">
        <v>146</v>
      </c>
      <c r="E34807" s="15">
        <v>45508</v>
      </c>
      <c r="F34807" s="14" t="s">
        <v>61</v>
      </c>
      <c r="G34807" s="16">
        <v>0</v>
      </c>
    </row>
    <row r="34808" spans="1:7" x14ac:dyDescent="0.3">
      <c r="A34808" s="13" t="s">
        <v>214</v>
      </c>
      <c r="B34808" s="14" t="s">
        <v>1</v>
      </c>
      <c r="C34808" s="14" t="s">
        <v>35</v>
      </c>
      <c r="D34808" s="14" t="s">
        <v>146</v>
      </c>
      <c r="E34808" s="15">
        <v>45509</v>
      </c>
      <c r="F34808" s="14" t="s">
        <v>61</v>
      </c>
      <c r="G34808" s="16">
        <v>0</v>
      </c>
    </row>
    <row r="34809" spans="1:7" x14ac:dyDescent="0.3">
      <c r="A34809" s="13" t="s">
        <v>214</v>
      </c>
      <c r="B34809" s="14" t="s">
        <v>1</v>
      </c>
      <c r="C34809" s="14" t="s">
        <v>35</v>
      </c>
      <c r="D34809" s="14" t="s">
        <v>146</v>
      </c>
      <c r="E34809" s="15">
        <v>45510</v>
      </c>
      <c r="F34809" s="14" t="s">
        <v>61</v>
      </c>
      <c r="G34809" s="16">
        <v>0</v>
      </c>
    </row>
    <row r="34810" spans="1:7" x14ac:dyDescent="0.3">
      <c r="A34810" s="13" t="s">
        <v>214</v>
      </c>
      <c r="B34810" s="14" t="s">
        <v>1</v>
      </c>
      <c r="C34810" s="14" t="s">
        <v>35</v>
      </c>
      <c r="D34810" s="14" t="s">
        <v>146</v>
      </c>
      <c r="E34810" s="15">
        <v>45511</v>
      </c>
      <c r="F34810" s="14" t="s">
        <v>61</v>
      </c>
      <c r="G34810" s="16">
        <v>0</v>
      </c>
    </row>
    <row r="34811" spans="1:7" x14ac:dyDescent="0.3">
      <c r="A34811" s="13" t="s">
        <v>214</v>
      </c>
      <c r="B34811" s="14" t="s">
        <v>1</v>
      </c>
      <c r="C34811" s="14" t="s">
        <v>35</v>
      </c>
      <c r="D34811" s="14" t="s">
        <v>146</v>
      </c>
      <c r="E34811" s="15">
        <v>45512</v>
      </c>
      <c r="F34811" s="14" t="s">
        <v>61</v>
      </c>
      <c r="G34811" s="16">
        <v>0</v>
      </c>
    </row>
    <row r="34812" spans="1:7" x14ac:dyDescent="0.3">
      <c r="A34812" s="13" t="s">
        <v>214</v>
      </c>
      <c r="B34812" s="14" t="s">
        <v>1</v>
      </c>
      <c r="C34812" s="14" t="s">
        <v>35</v>
      </c>
      <c r="D34812" s="14" t="s">
        <v>146</v>
      </c>
      <c r="E34812" s="15">
        <v>45513</v>
      </c>
      <c r="F34812" s="14" t="s">
        <v>61</v>
      </c>
      <c r="G34812" s="16">
        <v>0</v>
      </c>
    </row>
    <row r="34813" spans="1:7" x14ac:dyDescent="0.3">
      <c r="A34813" s="13" t="s">
        <v>214</v>
      </c>
      <c r="B34813" s="14" t="s">
        <v>1</v>
      </c>
      <c r="C34813" s="14" t="s">
        <v>35</v>
      </c>
      <c r="D34813" s="14" t="s">
        <v>146</v>
      </c>
      <c r="E34813" s="15">
        <v>45514</v>
      </c>
      <c r="F34813" s="14" t="s">
        <v>61</v>
      </c>
      <c r="G34813" s="16">
        <v>0</v>
      </c>
    </row>
    <row r="34814" spans="1:7" x14ac:dyDescent="0.3">
      <c r="A34814" s="13" t="s">
        <v>214</v>
      </c>
      <c r="B34814" s="14" t="s">
        <v>1</v>
      </c>
      <c r="C34814" s="14" t="s">
        <v>35</v>
      </c>
      <c r="D34814" s="14" t="s">
        <v>146</v>
      </c>
      <c r="E34814" s="15">
        <v>45515</v>
      </c>
      <c r="F34814" s="14" t="s">
        <v>61</v>
      </c>
      <c r="G34814" s="16">
        <v>0</v>
      </c>
    </row>
    <row r="34815" spans="1:7" x14ac:dyDescent="0.3">
      <c r="A34815" s="13" t="s">
        <v>214</v>
      </c>
      <c r="B34815" s="14" t="s">
        <v>1</v>
      </c>
      <c r="C34815" s="14" t="s">
        <v>35</v>
      </c>
      <c r="D34815" s="14" t="s">
        <v>146</v>
      </c>
      <c r="E34815" s="15">
        <v>45516</v>
      </c>
      <c r="F34815" s="14" t="s">
        <v>61</v>
      </c>
      <c r="G34815" s="16">
        <v>0</v>
      </c>
    </row>
    <row r="34816" spans="1:7" x14ac:dyDescent="0.3">
      <c r="A34816" s="13" t="s">
        <v>214</v>
      </c>
      <c r="B34816" s="14" t="s">
        <v>1</v>
      </c>
      <c r="C34816" s="14" t="s">
        <v>35</v>
      </c>
      <c r="D34816" s="14" t="s">
        <v>146</v>
      </c>
      <c r="E34816" s="15">
        <v>45517</v>
      </c>
      <c r="F34816" s="14" t="s">
        <v>61</v>
      </c>
      <c r="G34816" s="16">
        <v>0</v>
      </c>
    </row>
    <row r="34817" spans="1:7" x14ac:dyDescent="0.3">
      <c r="A34817" s="13" t="s">
        <v>214</v>
      </c>
      <c r="B34817" s="14" t="s">
        <v>1</v>
      </c>
      <c r="C34817" s="14" t="s">
        <v>35</v>
      </c>
      <c r="D34817" s="14" t="s">
        <v>146</v>
      </c>
      <c r="E34817" s="15">
        <v>45518</v>
      </c>
      <c r="F34817" s="14" t="s">
        <v>61</v>
      </c>
      <c r="G34817" s="16">
        <v>0</v>
      </c>
    </row>
    <row r="34818" spans="1:7" x14ac:dyDescent="0.3">
      <c r="A34818" s="13" t="s">
        <v>214</v>
      </c>
      <c r="B34818" s="14" t="s">
        <v>1</v>
      </c>
      <c r="C34818" s="14" t="s">
        <v>35</v>
      </c>
      <c r="D34818" s="14" t="s">
        <v>146</v>
      </c>
      <c r="E34818" s="15">
        <v>45519</v>
      </c>
      <c r="F34818" s="14" t="s">
        <v>61</v>
      </c>
      <c r="G34818" s="16">
        <v>0</v>
      </c>
    </row>
    <row r="34819" spans="1:7" x14ac:dyDescent="0.3">
      <c r="A34819" s="13" t="s">
        <v>214</v>
      </c>
      <c r="B34819" s="14" t="s">
        <v>1</v>
      </c>
      <c r="C34819" s="14" t="s">
        <v>35</v>
      </c>
      <c r="D34819" s="14" t="s">
        <v>146</v>
      </c>
      <c r="E34819" s="15">
        <v>45520</v>
      </c>
      <c r="F34819" s="14" t="s">
        <v>61</v>
      </c>
      <c r="G34819" s="16">
        <v>0</v>
      </c>
    </row>
    <row r="34820" spans="1:7" x14ac:dyDescent="0.3">
      <c r="A34820" s="13" t="s">
        <v>214</v>
      </c>
      <c r="B34820" s="14" t="s">
        <v>1</v>
      </c>
      <c r="C34820" s="14" t="s">
        <v>35</v>
      </c>
      <c r="D34820" s="14" t="s">
        <v>146</v>
      </c>
      <c r="E34820" s="15">
        <v>45521</v>
      </c>
      <c r="F34820" s="14" t="s">
        <v>61</v>
      </c>
      <c r="G34820" s="16">
        <v>0</v>
      </c>
    </row>
    <row r="34821" spans="1:7" x14ac:dyDescent="0.3">
      <c r="A34821" s="13" t="s">
        <v>214</v>
      </c>
      <c r="B34821" s="14" t="s">
        <v>1</v>
      </c>
      <c r="C34821" s="14" t="s">
        <v>35</v>
      </c>
      <c r="D34821" s="14" t="s">
        <v>146</v>
      </c>
      <c r="E34821" s="15">
        <v>45522</v>
      </c>
      <c r="F34821" s="14" t="s">
        <v>61</v>
      </c>
      <c r="G34821" s="16">
        <v>0</v>
      </c>
    </row>
    <row r="34822" spans="1:7" x14ac:dyDescent="0.3">
      <c r="A34822" s="13" t="s">
        <v>214</v>
      </c>
      <c r="B34822" s="14" t="s">
        <v>1</v>
      </c>
      <c r="C34822" s="14" t="s">
        <v>35</v>
      </c>
      <c r="D34822" s="14" t="s">
        <v>146</v>
      </c>
      <c r="E34822" s="15">
        <v>45523</v>
      </c>
      <c r="F34822" s="14" t="s">
        <v>61</v>
      </c>
      <c r="G34822" s="16">
        <v>0</v>
      </c>
    </row>
    <row r="34823" spans="1:7" x14ac:dyDescent="0.3">
      <c r="A34823" s="13" t="s">
        <v>214</v>
      </c>
      <c r="B34823" s="14" t="s">
        <v>1</v>
      </c>
      <c r="C34823" s="14" t="s">
        <v>35</v>
      </c>
      <c r="D34823" s="14" t="s">
        <v>146</v>
      </c>
      <c r="E34823" s="15">
        <v>45524</v>
      </c>
      <c r="F34823" s="14" t="s">
        <v>61</v>
      </c>
      <c r="G34823" s="16">
        <v>0</v>
      </c>
    </row>
    <row r="34824" spans="1:7" x14ac:dyDescent="0.3">
      <c r="A34824" s="13" t="s">
        <v>214</v>
      </c>
      <c r="B34824" s="14" t="s">
        <v>1</v>
      </c>
      <c r="C34824" s="14" t="s">
        <v>35</v>
      </c>
      <c r="D34824" s="14" t="s">
        <v>146</v>
      </c>
      <c r="E34824" s="15">
        <v>45525</v>
      </c>
      <c r="F34824" s="14" t="s">
        <v>61</v>
      </c>
      <c r="G34824" s="16">
        <v>0</v>
      </c>
    </row>
    <row r="34825" spans="1:7" x14ac:dyDescent="0.3">
      <c r="A34825" s="13" t="s">
        <v>214</v>
      </c>
      <c r="B34825" s="14" t="s">
        <v>1</v>
      </c>
      <c r="C34825" s="14" t="s">
        <v>35</v>
      </c>
      <c r="D34825" s="14" t="s">
        <v>146</v>
      </c>
      <c r="E34825" s="15">
        <v>45526</v>
      </c>
      <c r="F34825" s="14" t="s">
        <v>61</v>
      </c>
      <c r="G34825" s="16">
        <v>0</v>
      </c>
    </row>
    <row r="34826" spans="1:7" x14ac:dyDescent="0.3">
      <c r="A34826" s="13" t="s">
        <v>214</v>
      </c>
      <c r="B34826" s="14" t="s">
        <v>1</v>
      </c>
      <c r="C34826" s="14" t="s">
        <v>35</v>
      </c>
      <c r="D34826" s="14" t="s">
        <v>146</v>
      </c>
      <c r="E34826" s="15">
        <v>45527</v>
      </c>
      <c r="F34826" s="14" t="s">
        <v>61</v>
      </c>
      <c r="G34826" s="16">
        <v>0</v>
      </c>
    </row>
    <row r="34827" spans="1:7" x14ac:dyDescent="0.3">
      <c r="A34827" s="13" t="s">
        <v>214</v>
      </c>
      <c r="B34827" s="14" t="s">
        <v>1</v>
      </c>
      <c r="C34827" s="14" t="s">
        <v>35</v>
      </c>
      <c r="D34827" s="14" t="s">
        <v>146</v>
      </c>
      <c r="E34827" s="15">
        <v>45528</v>
      </c>
      <c r="F34827" s="14" t="s">
        <v>61</v>
      </c>
      <c r="G34827" s="16">
        <v>0</v>
      </c>
    </row>
    <row r="34828" spans="1:7" x14ac:dyDescent="0.3">
      <c r="A34828" s="13" t="s">
        <v>214</v>
      </c>
      <c r="B34828" s="14" t="s">
        <v>1</v>
      </c>
      <c r="C34828" s="14" t="s">
        <v>35</v>
      </c>
      <c r="D34828" s="14" t="s">
        <v>146</v>
      </c>
      <c r="E34828" s="15">
        <v>45529</v>
      </c>
      <c r="F34828" s="14" t="s">
        <v>61</v>
      </c>
      <c r="G34828" s="16">
        <v>0</v>
      </c>
    </row>
    <row r="34829" spans="1:7" x14ac:dyDescent="0.3">
      <c r="A34829" s="13" t="s">
        <v>214</v>
      </c>
      <c r="B34829" s="14" t="s">
        <v>1</v>
      </c>
      <c r="C34829" s="14" t="s">
        <v>35</v>
      </c>
      <c r="D34829" s="14" t="s">
        <v>146</v>
      </c>
      <c r="E34829" s="15">
        <v>45530</v>
      </c>
      <c r="F34829" s="14" t="s">
        <v>61</v>
      </c>
      <c r="G34829" s="16">
        <v>0</v>
      </c>
    </row>
    <row r="34830" spans="1:7" x14ac:dyDescent="0.3">
      <c r="A34830" s="13" t="s">
        <v>214</v>
      </c>
      <c r="B34830" s="14" t="s">
        <v>1</v>
      </c>
      <c r="C34830" s="14" t="s">
        <v>35</v>
      </c>
      <c r="D34830" s="14" t="s">
        <v>146</v>
      </c>
      <c r="E34830" s="15">
        <v>45531</v>
      </c>
      <c r="F34830" s="14" t="s">
        <v>61</v>
      </c>
      <c r="G34830" s="16">
        <v>0</v>
      </c>
    </row>
    <row r="34831" spans="1:7" x14ac:dyDescent="0.3">
      <c r="A34831" s="13" t="s">
        <v>214</v>
      </c>
      <c r="B34831" s="14" t="s">
        <v>1</v>
      </c>
      <c r="C34831" s="14" t="s">
        <v>35</v>
      </c>
      <c r="D34831" s="14" t="s">
        <v>146</v>
      </c>
      <c r="E34831" s="15">
        <v>45532</v>
      </c>
      <c r="F34831" s="14" t="s">
        <v>61</v>
      </c>
      <c r="G34831" s="16">
        <v>0</v>
      </c>
    </row>
    <row r="34832" spans="1:7" x14ac:dyDescent="0.3">
      <c r="A34832" s="13" t="s">
        <v>214</v>
      </c>
      <c r="B34832" s="14" t="s">
        <v>1</v>
      </c>
      <c r="C34832" s="14" t="s">
        <v>35</v>
      </c>
      <c r="D34832" s="14" t="s">
        <v>146</v>
      </c>
      <c r="E34832" s="15">
        <v>45533</v>
      </c>
      <c r="F34832" s="14" t="s">
        <v>61</v>
      </c>
      <c r="G34832" s="16">
        <v>0</v>
      </c>
    </row>
    <row r="34833" spans="1:7" x14ac:dyDescent="0.3">
      <c r="A34833" s="13" t="s">
        <v>214</v>
      </c>
      <c r="B34833" s="14" t="s">
        <v>1</v>
      </c>
      <c r="C34833" s="14" t="s">
        <v>35</v>
      </c>
      <c r="D34833" s="14" t="s">
        <v>146</v>
      </c>
      <c r="E34833" s="15">
        <v>45534</v>
      </c>
      <c r="F34833" s="14" t="s">
        <v>61</v>
      </c>
      <c r="G34833" s="16">
        <v>0</v>
      </c>
    </row>
    <row r="34834" spans="1:7" x14ac:dyDescent="0.3">
      <c r="A34834" s="13" t="s">
        <v>214</v>
      </c>
      <c r="B34834" s="14" t="s">
        <v>1</v>
      </c>
      <c r="C34834" s="14" t="s">
        <v>35</v>
      </c>
      <c r="D34834" s="14" t="s">
        <v>146</v>
      </c>
      <c r="E34834" s="15">
        <v>45535</v>
      </c>
      <c r="F34834" s="14" t="s">
        <v>61</v>
      </c>
      <c r="G34834" s="16">
        <v>0</v>
      </c>
    </row>
    <row r="34835" spans="1:7" x14ac:dyDescent="0.3">
      <c r="A34835" s="13" t="s">
        <v>214</v>
      </c>
      <c r="B34835" s="14" t="s">
        <v>1</v>
      </c>
      <c r="C34835" s="14" t="s">
        <v>35</v>
      </c>
      <c r="D34835" s="14" t="s">
        <v>146</v>
      </c>
      <c r="E34835" s="15">
        <v>45536</v>
      </c>
      <c r="F34835" s="14" t="s">
        <v>61</v>
      </c>
      <c r="G34835" s="16">
        <v>0</v>
      </c>
    </row>
    <row r="34836" spans="1:7" x14ac:dyDescent="0.3">
      <c r="A34836" s="13" t="s">
        <v>214</v>
      </c>
      <c r="B34836" s="14" t="s">
        <v>1</v>
      </c>
      <c r="C34836" s="14" t="s">
        <v>35</v>
      </c>
      <c r="D34836" s="14" t="s">
        <v>146</v>
      </c>
      <c r="E34836" s="15">
        <v>45537</v>
      </c>
      <c r="F34836" s="14" t="s">
        <v>61</v>
      </c>
      <c r="G34836" s="16">
        <v>0</v>
      </c>
    </row>
    <row r="34837" spans="1:7" x14ac:dyDescent="0.3">
      <c r="A34837" s="13" t="s">
        <v>214</v>
      </c>
      <c r="B34837" s="14" t="s">
        <v>1</v>
      </c>
      <c r="C34837" s="14" t="s">
        <v>35</v>
      </c>
      <c r="D34837" s="14" t="s">
        <v>146</v>
      </c>
      <c r="E34837" s="15">
        <v>45538</v>
      </c>
      <c r="F34837" s="14" t="s">
        <v>61</v>
      </c>
      <c r="G34837" s="16">
        <v>0</v>
      </c>
    </row>
    <row r="34838" spans="1:7" x14ac:dyDescent="0.3">
      <c r="A34838" s="13" t="s">
        <v>214</v>
      </c>
      <c r="B34838" s="14" t="s">
        <v>1</v>
      </c>
      <c r="C34838" s="14" t="s">
        <v>35</v>
      </c>
      <c r="D34838" s="14" t="s">
        <v>146</v>
      </c>
      <c r="E34838" s="15">
        <v>45539</v>
      </c>
      <c r="F34838" s="14" t="s">
        <v>61</v>
      </c>
      <c r="G34838" s="16">
        <v>0</v>
      </c>
    </row>
    <row r="34839" spans="1:7" x14ac:dyDescent="0.3">
      <c r="A34839" s="13" t="s">
        <v>214</v>
      </c>
      <c r="B34839" s="14" t="s">
        <v>1</v>
      </c>
      <c r="C34839" s="14" t="s">
        <v>35</v>
      </c>
      <c r="D34839" s="14" t="s">
        <v>146</v>
      </c>
      <c r="E34839" s="15">
        <v>45540</v>
      </c>
      <c r="F34839" s="14" t="s">
        <v>61</v>
      </c>
      <c r="G34839" s="16">
        <v>0</v>
      </c>
    </row>
    <row r="34840" spans="1:7" x14ac:dyDescent="0.3">
      <c r="A34840" s="13" t="s">
        <v>214</v>
      </c>
      <c r="B34840" s="14" t="s">
        <v>1</v>
      </c>
      <c r="C34840" s="14" t="s">
        <v>35</v>
      </c>
      <c r="D34840" s="14" t="s">
        <v>146</v>
      </c>
      <c r="E34840" s="15">
        <v>45541</v>
      </c>
      <c r="F34840" s="14" t="s">
        <v>61</v>
      </c>
      <c r="G34840" s="16">
        <v>0</v>
      </c>
    </row>
    <row r="34841" spans="1:7" x14ac:dyDescent="0.3">
      <c r="A34841" s="13" t="s">
        <v>214</v>
      </c>
      <c r="B34841" s="14" t="s">
        <v>1</v>
      </c>
      <c r="C34841" s="14" t="s">
        <v>35</v>
      </c>
      <c r="D34841" s="14" t="s">
        <v>146</v>
      </c>
      <c r="E34841" s="15">
        <v>45542</v>
      </c>
      <c r="F34841" s="14" t="s">
        <v>61</v>
      </c>
      <c r="G34841" s="16">
        <v>0</v>
      </c>
    </row>
    <row r="34842" spans="1:7" x14ac:dyDescent="0.3">
      <c r="A34842" s="13" t="s">
        <v>214</v>
      </c>
      <c r="B34842" s="14" t="s">
        <v>1</v>
      </c>
      <c r="C34842" s="14" t="s">
        <v>35</v>
      </c>
      <c r="D34842" s="14" t="s">
        <v>146</v>
      </c>
      <c r="E34842" s="15">
        <v>45543</v>
      </c>
      <c r="F34842" s="14" t="s">
        <v>61</v>
      </c>
      <c r="G34842" s="16">
        <v>0</v>
      </c>
    </row>
    <row r="34843" spans="1:7" x14ac:dyDescent="0.3">
      <c r="A34843" s="13" t="s">
        <v>214</v>
      </c>
      <c r="B34843" s="14" t="s">
        <v>1</v>
      </c>
      <c r="C34843" s="14" t="s">
        <v>35</v>
      </c>
      <c r="D34843" s="14" t="s">
        <v>146</v>
      </c>
      <c r="E34843" s="15">
        <v>45544</v>
      </c>
      <c r="F34843" s="14" t="s">
        <v>61</v>
      </c>
      <c r="G34843" s="16">
        <v>0</v>
      </c>
    </row>
    <row r="34844" spans="1:7" x14ac:dyDescent="0.3">
      <c r="A34844" s="13" t="s">
        <v>214</v>
      </c>
      <c r="B34844" s="14" t="s">
        <v>1</v>
      </c>
      <c r="C34844" s="14" t="s">
        <v>35</v>
      </c>
      <c r="D34844" s="14" t="s">
        <v>146</v>
      </c>
      <c r="E34844" s="15">
        <v>45545</v>
      </c>
      <c r="F34844" s="14" t="s">
        <v>61</v>
      </c>
      <c r="G34844" s="16">
        <v>0</v>
      </c>
    </row>
    <row r="34845" spans="1:7" x14ac:dyDescent="0.3">
      <c r="A34845" s="13" t="s">
        <v>214</v>
      </c>
      <c r="B34845" s="14" t="s">
        <v>1</v>
      </c>
      <c r="C34845" s="14" t="s">
        <v>35</v>
      </c>
      <c r="D34845" s="14" t="s">
        <v>146</v>
      </c>
      <c r="E34845" s="15">
        <v>45546</v>
      </c>
      <c r="F34845" s="14" t="s">
        <v>61</v>
      </c>
      <c r="G34845" s="16">
        <v>0</v>
      </c>
    </row>
    <row r="34846" spans="1:7" x14ac:dyDescent="0.3">
      <c r="A34846" s="13" t="s">
        <v>214</v>
      </c>
      <c r="B34846" s="14" t="s">
        <v>1</v>
      </c>
      <c r="C34846" s="14" t="s">
        <v>35</v>
      </c>
      <c r="D34846" s="14" t="s">
        <v>146</v>
      </c>
      <c r="E34846" s="15">
        <v>45547</v>
      </c>
      <c r="F34846" s="14" t="s">
        <v>61</v>
      </c>
      <c r="G34846" s="16">
        <v>0</v>
      </c>
    </row>
    <row r="34847" spans="1:7" x14ac:dyDescent="0.3">
      <c r="A34847" s="13" t="s">
        <v>214</v>
      </c>
      <c r="B34847" s="14" t="s">
        <v>1</v>
      </c>
      <c r="C34847" s="14" t="s">
        <v>35</v>
      </c>
      <c r="D34847" s="14" t="s">
        <v>146</v>
      </c>
      <c r="E34847" s="15">
        <v>45548</v>
      </c>
      <c r="F34847" s="14" t="s">
        <v>61</v>
      </c>
      <c r="G34847" s="16">
        <v>0</v>
      </c>
    </row>
    <row r="34848" spans="1:7" x14ac:dyDescent="0.3">
      <c r="A34848" s="13" t="s">
        <v>214</v>
      </c>
      <c r="B34848" s="14" t="s">
        <v>1</v>
      </c>
      <c r="C34848" s="14" t="s">
        <v>35</v>
      </c>
      <c r="D34848" s="14" t="s">
        <v>146</v>
      </c>
      <c r="E34848" s="15">
        <v>45549</v>
      </c>
      <c r="F34848" s="14" t="s">
        <v>61</v>
      </c>
      <c r="G34848" s="16">
        <v>0</v>
      </c>
    </row>
    <row r="34849" spans="1:7" x14ac:dyDescent="0.3">
      <c r="A34849" s="13" t="s">
        <v>214</v>
      </c>
      <c r="B34849" s="14" t="s">
        <v>1</v>
      </c>
      <c r="C34849" s="14" t="s">
        <v>35</v>
      </c>
      <c r="D34849" s="14" t="s">
        <v>146</v>
      </c>
      <c r="E34849" s="15">
        <v>45550</v>
      </c>
      <c r="F34849" s="14" t="s">
        <v>61</v>
      </c>
      <c r="G34849" s="16">
        <v>0</v>
      </c>
    </row>
    <row r="34850" spans="1:7" x14ac:dyDescent="0.3">
      <c r="A34850" s="13" t="s">
        <v>214</v>
      </c>
      <c r="B34850" s="14" t="s">
        <v>1</v>
      </c>
      <c r="C34850" s="14" t="s">
        <v>35</v>
      </c>
      <c r="D34850" s="14" t="s">
        <v>146</v>
      </c>
      <c r="E34850" s="15">
        <v>45551</v>
      </c>
      <c r="F34850" s="14" t="s">
        <v>61</v>
      </c>
      <c r="G34850" s="16">
        <v>0</v>
      </c>
    </row>
    <row r="34851" spans="1:7" x14ac:dyDescent="0.3">
      <c r="A34851" s="13" t="s">
        <v>214</v>
      </c>
      <c r="B34851" s="14" t="s">
        <v>1</v>
      </c>
      <c r="C34851" s="14" t="s">
        <v>35</v>
      </c>
      <c r="D34851" s="14" t="s">
        <v>146</v>
      </c>
      <c r="E34851" s="15">
        <v>45552</v>
      </c>
      <c r="F34851" s="14" t="s">
        <v>61</v>
      </c>
      <c r="G34851" s="16">
        <v>0</v>
      </c>
    </row>
    <row r="34852" spans="1:7" x14ac:dyDescent="0.3">
      <c r="A34852" s="13" t="s">
        <v>214</v>
      </c>
      <c r="B34852" s="14" t="s">
        <v>1</v>
      </c>
      <c r="C34852" s="14" t="s">
        <v>35</v>
      </c>
      <c r="D34852" s="14" t="s">
        <v>146</v>
      </c>
      <c r="E34852" s="15">
        <v>45553</v>
      </c>
      <c r="F34852" s="14" t="s">
        <v>61</v>
      </c>
      <c r="G34852" s="16">
        <v>0</v>
      </c>
    </row>
    <row r="34853" spans="1:7" x14ac:dyDescent="0.3">
      <c r="A34853" s="13" t="s">
        <v>214</v>
      </c>
      <c r="B34853" s="14" t="s">
        <v>1</v>
      </c>
      <c r="C34853" s="14" t="s">
        <v>35</v>
      </c>
      <c r="D34853" s="14" t="s">
        <v>146</v>
      </c>
      <c r="E34853" s="15">
        <v>45554</v>
      </c>
      <c r="F34853" s="14" t="s">
        <v>61</v>
      </c>
      <c r="G34853" s="16">
        <v>0</v>
      </c>
    </row>
    <row r="34854" spans="1:7" x14ac:dyDescent="0.3">
      <c r="A34854" s="13" t="s">
        <v>214</v>
      </c>
      <c r="B34854" s="14" t="s">
        <v>1</v>
      </c>
      <c r="C34854" s="14" t="s">
        <v>35</v>
      </c>
      <c r="D34854" s="14" t="s">
        <v>146</v>
      </c>
      <c r="E34854" s="15">
        <v>45555</v>
      </c>
      <c r="F34854" s="14" t="s">
        <v>61</v>
      </c>
      <c r="G34854" s="16">
        <v>0</v>
      </c>
    </row>
    <row r="34855" spans="1:7" x14ac:dyDescent="0.3">
      <c r="A34855" s="13" t="s">
        <v>214</v>
      </c>
      <c r="B34855" s="14" t="s">
        <v>1</v>
      </c>
      <c r="C34855" s="14" t="s">
        <v>35</v>
      </c>
      <c r="D34855" s="14" t="s">
        <v>146</v>
      </c>
      <c r="E34855" s="15">
        <v>45556</v>
      </c>
      <c r="F34855" s="14" t="s">
        <v>61</v>
      </c>
      <c r="G34855" s="16">
        <v>0</v>
      </c>
    </row>
    <row r="34856" spans="1:7" x14ac:dyDescent="0.3">
      <c r="A34856" s="13" t="s">
        <v>214</v>
      </c>
      <c r="B34856" s="14" t="s">
        <v>1</v>
      </c>
      <c r="C34856" s="14" t="s">
        <v>35</v>
      </c>
      <c r="D34856" s="14" t="s">
        <v>146</v>
      </c>
      <c r="E34856" s="15">
        <v>45557</v>
      </c>
      <c r="F34856" s="14" t="s">
        <v>61</v>
      </c>
      <c r="G34856" s="16">
        <v>0</v>
      </c>
    </row>
    <row r="34857" spans="1:7" x14ac:dyDescent="0.3">
      <c r="A34857" s="13" t="s">
        <v>214</v>
      </c>
      <c r="B34857" s="14" t="s">
        <v>1</v>
      </c>
      <c r="C34857" s="14" t="s">
        <v>35</v>
      </c>
      <c r="D34857" s="14" t="s">
        <v>146</v>
      </c>
      <c r="E34857" s="15">
        <v>45558</v>
      </c>
      <c r="F34857" s="14" t="s">
        <v>61</v>
      </c>
      <c r="G34857" s="16">
        <v>0</v>
      </c>
    </row>
    <row r="34858" spans="1:7" x14ac:dyDescent="0.3">
      <c r="A34858" s="13" t="s">
        <v>214</v>
      </c>
      <c r="B34858" s="14" t="s">
        <v>1</v>
      </c>
      <c r="C34858" s="14" t="s">
        <v>35</v>
      </c>
      <c r="D34858" s="14" t="s">
        <v>146</v>
      </c>
      <c r="E34858" s="15">
        <v>45559</v>
      </c>
      <c r="F34858" s="14" t="s">
        <v>61</v>
      </c>
      <c r="G34858" s="16">
        <v>0</v>
      </c>
    </row>
    <row r="34859" spans="1:7" x14ac:dyDescent="0.3">
      <c r="A34859" s="13" t="s">
        <v>214</v>
      </c>
      <c r="B34859" s="14" t="s">
        <v>1</v>
      </c>
      <c r="C34859" s="14" t="s">
        <v>35</v>
      </c>
      <c r="D34859" s="14" t="s">
        <v>146</v>
      </c>
      <c r="E34859" s="15">
        <v>45560</v>
      </c>
      <c r="F34859" s="14" t="s">
        <v>61</v>
      </c>
      <c r="G34859" s="16">
        <v>0</v>
      </c>
    </row>
    <row r="34860" spans="1:7" x14ac:dyDescent="0.3">
      <c r="A34860" s="13" t="s">
        <v>214</v>
      </c>
      <c r="B34860" s="14" t="s">
        <v>1</v>
      </c>
      <c r="C34860" s="14" t="s">
        <v>35</v>
      </c>
      <c r="D34860" s="14" t="s">
        <v>146</v>
      </c>
      <c r="E34860" s="15">
        <v>45561</v>
      </c>
      <c r="F34860" s="14" t="s">
        <v>61</v>
      </c>
      <c r="G34860" s="16">
        <v>0</v>
      </c>
    </row>
    <row r="34861" spans="1:7" x14ac:dyDescent="0.3">
      <c r="A34861" s="13" t="s">
        <v>214</v>
      </c>
      <c r="B34861" s="14" t="s">
        <v>1</v>
      </c>
      <c r="C34861" s="14" t="s">
        <v>35</v>
      </c>
      <c r="D34861" s="14" t="s">
        <v>146</v>
      </c>
      <c r="E34861" s="15">
        <v>45562</v>
      </c>
      <c r="F34861" s="14" t="s">
        <v>61</v>
      </c>
      <c r="G34861" s="16">
        <v>0</v>
      </c>
    </row>
    <row r="34862" spans="1:7" x14ac:dyDescent="0.3">
      <c r="A34862" s="13" t="s">
        <v>214</v>
      </c>
      <c r="B34862" s="14" t="s">
        <v>1</v>
      </c>
      <c r="C34862" s="14" t="s">
        <v>35</v>
      </c>
      <c r="D34862" s="14" t="s">
        <v>146</v>
      </c>
      <c r="E34862" s="15">
        <v>45563</v>
      </c>
      <c r="F34862" s="14" t="s">
        <v>61</v>
      </c>
      <c r="G34862" s="16">
        <v>0</v>
      </c>
    </row>
    <row r="34863" spans="1:7" x14ac:dyDescent="0.3">
      <c r="A34863" s="13" t="s">
        <v>214</v>
      </c>
      <c r="B34863" s="14" t="s">
        <v>1</v>
      </c>
      <c r="C34863" s="14" t="s">
        <v>35</v>
      </c>
      <c r="D34863" s="14" t="s">
        <v>146</v>
      </c>
      <c r="E34863" s="15">
        <v>45564</v>
      </c>
      <c r="F34863" s="14" t="s">
        <v>61</v>
      </c>
      <c r="G34863" s="16">
        <v>0</v>
      </c>
    </row>
    <row r="34864" spans="1:7" x14ac:dyDescent="0.3">
      <c r="A34864" s="13" t="s">
        <v>214</v>
      </c>
      <c r="B34864" s="14" t="s">
        <v>1</v>
      </c>
      <c r="C34864" s="14" t="s">
        <v>35</v>
      </c>
      <c r="D34864" s="14" t="s">
        <v>146</v>
      </c>
      <c r="E34864" s="15">
        <v>45565</v>
      </c>
      <c r="F34864" s="14" t="s">
        <v>61</v>
      </c>
      <c r="G34864" s="16">
        <v>0</v>
      </c>
    </row>
    <row r="34865" spans="1:7" x14ac:dyDescent="0.3">
      <c r="A34865" s="13" t="s">
        <v>214</v>
      </c>
      <c r="B34865" s="14" t="s">
        <v>1</v>
      </c>
      <c r="C34865" s="14" t="s">
        <v>35</v>
      </c>
      <c r="D34865" s="14" t="s">
        <v>146</v>
      </c>
      <c r="E34865" s="15">
        <v>45566</v>
      </c>
      <c r="F34865" s="14" t="s">
        <v>61</v>
      </c>
      <c r="G34865" s="16">
        <v>0</v>
      </c>
    </row>
    <row r="34866" spans="1:7" x14ac:dyDescent="0.3">
      <c r="A34866" s="13" t="s">
        <v>214</v>
      </c>
      <c r="B34866" s="14" t="s">
        <v>1</v>
      </c>
      <c r="C34866" s="14" t="s">
        <v>35</v>
      </c>
      <c r="D34866" s="14" t="s">
        <v>146</v>
      </c>
      <c r="E34866" s="15">
        <v>45567</v>
      </c>
      <c r="F34866" s="14" t="s">
        <v>61</v>
      </c>
      <c r="G34866" s="16">
        <v>0</v>
      </c>
    </row>
    <row r="34867" spans="1:7" x14ac:dyDescent="0.3">
      <c r="A34867" s="13" t="s">
        <v>214</v>
      </c>
      <c r="B34867" s="14" t="s">
        <v>1</v>
      </c>
      <c r="C34867" s="14" t="s">
        <v>35</v>
      </c>
      <c r="D34867" s="14" t="s">
        <v>146</v>
      </c>
      <c r="E34867" s="15">
        <v>45568</v>
      </c>
      <c r="F34867" s="14" t="s">
        <v>61</v>
      </c>
      <c r="G34867" s="16">
        <v>0</v>
      </c>
    </row>
    <row r="34868" spans="1:7" x14ac:dyDescent="0.3">
      <c r="A34868" s="13" t="s">
        <v>214</v>
      </c>
      <c r="B34868" s="14" t="s">
        <v>1</v>
      </c>
      <c r="C34868" s="14" t="s">
        <v>35</v>
      </c>
      <c r="D34868" s="14" t="s">
        <v>146</v>
      </c>
      <c r="E34868" s="15">
        <v>45569</v>
      </c>
      <c r="F34868" s="14" t="s">
        <v>61</v>
      </c>
      <c r="G34868" s="16">
        <v>0</v>
      </c>
    </row>
    <row r="34869" spans="1:7" x14ac:dyDescent="0.3">
      <c r="A34869" s="13" t="s">
        <v>214</v>
      </c>
      <c r="B34869" s="14" t="s">
        <v>1</v>
      </c>
      <c r="C34869" s="14" t="s">
        <v>35</v>
      </c>
      <c r="D34869" s="14" t="s">
        <v>146</v>
      </c>
      <c r="E34869" s="15">
        <v>45570</v>
      </c>
      <c r="F34869" s="14" t="s">
        <v>61</v>
      </c>
      <c r="G34869" s="16">
        <v>0</v>
      </c>
    </row>
    <row r="34870" spans="1:7" x14ac:dyDescent="0.3">
      <c r="A34870" s="13" t="s">
        <v>214</v>
      </c>
      <c r="B34870" s="14" t="s">
        <v>1</v>
      </c>
      <c r="C34870" s="14" t="s">
        <v>35</v>
      </c>
      <c r="D34870" s="14" t="s">
        <v>146</v>
      </c>
      <c r="E34870" s="15">
        <v>45571</v>
      </c>
      <c r="F34870" s="14" t="s">
        <v>61</v>
      </c>
      <c r="G34870" s="16">
        <v>0</v>
      </c>
    </row>
    <row r="34871" spans="1:7" x14ac:dyDescent="0.3">
      <c r="A34871" s="13" t="s">
        <v>214</v>
      </c>
      <c r="B34871" s="14" t="s">
        <v>1</v>
      </c>
      <c r="C34871" s="14" t="s">
        <v>35</v>
      </c>
      <c r="D34871" s="14" t="s">
        <v>146</v>
      </c>
      <c r="E34871" s="15">
        <v>45572</v>
      </c>
      <c r="F34871" s="14" t="s">
        <v>61</v>
      </c>
      <c r="G34871" s="16">
        <v>0</v>
      </c>
    </row>
    <row r="34872" spans="1:7" x14ac:dyDescent="0.3">
      <c r="A34872" s="13" t="s">
        <v>214</v>
      </c>
      <c r="B34872" s="14" t="s">
        <v>1</v>
      </c>
      <c r="C34872" s="14" t="s">
        <v>35</v>
      </c>
      <c r="D34872" s="14" t="s">
        <v>146</v>
      </c>
      <c r="E34872" s="15">
        <v>45573</v>
      </c>
      <c r="F34872" s="14" t="s">
        <v>61</v>
      </c>
      <c r="G34872" s="16">
        <v>0</v>
      </c>
    </row>
    <row r="34873" spans="1:7" x14ac:dyDescent="0.3">
      <c r="A34873" s="13" t="s">
        <v>214</v>
      </c>
      <c r="B34873" s="14" t="s">
        <v>1</v>
      </c>
      <c r="C34873" s="14" t="s">
        <v>35</v>
      </c>
      <c r="D34873" s="14" t="s">
        <v>146</v>
      </c>
      <c r="E34873" s="15">
        <v>45574</v>
      </c>
      <c r="F34873" s="14" t="s">
        <v>61</v>
      </c>
      <c r="G34873" s="16">
        <v>0</v>
      </c>
    </row>
    <row r="34874" spans="1:7" x14ac:dyDescent="0.3">
      <c r="A34874" s="13" t="s">
        <v>214</v>
      </c>
      <c r="B34874" s="14" t="s">
        <v>1</v>
      </c>
      <c r="C34874" s="14" t="s">
        <v>35</v>
      </c>
      <c r="D34874" s="14" t="s">
        <v>146</v>
      </c>
      <c r="E34874" s="15">
        <v>45575</v>
      </c>
      <c r="F34874" s="14" t="s">
        <v>61</v>
      </c>
      <c r="G34874" s="16">
        <v>0</v>
      </c>
    </row>
    <row r="34875" spans="1:7" x14ac:dyDescent="0.3">
      <c r="A34875" s="13" t="s">
        <v>214</v>
      </c>
      <c r="B34875" s="14" t="s">
        <v>1</v>
      </c>
      <c r="C34875" s="14" t="s">
        <v>35</v>
      </c>
      <c r="D34875" s="14" t="s">
        <v>146</v>
      </c>
      <c r="E34875" s="15">
        <v>45576</v>
      </c>
      <c r="F34875" s="14" t="s">
        <v>61</v>
      </c>
      <c r="G34875" s="16">
        <v>0</v>
      </c>
    </row>
    <row r="34876" spans="1:7" x14ac:dyDescent="0.3">
      <c r="A34876" s="13" t="s">
        <v>214</v>
      </c>
      <c r="B34876" s="14" t="s">
        <v>1</v>
      </c>
      <c r="C34876" s="14" t="s">
        <v>35</v>
      </c>
      <c r="D34876" s="14" t="s">
        <v>146</v>
      </c>
      <c r="E34876" s="15">
        <v>45577</v>
      </c>
      <c r="F34876" s="14" t="s">
        <v>61</v>
      </c>
      <c r="G34876" s="16">
        <v>0</v>
      </c>
    </row>
    <row r="34877" spans="1:7" x14ac:dyDescent="0.3">
      <c r="A34877" s="13" t="s">
        <v>214</v>
      </c>
      <c r="B34877" s="14" t="s">
        <v>1</v>
      </c>
      <c r="C34877" s="14" t="s">
        <v>35</v>
      </c>
      <c r="D34877" s="14" t="s">
        <v>146</v>
      </c>
      <c r="E34877" s="15">
        <v>45578</v>
      </c>
      <c r="F34877" s="14" t="s">
        <v>61</v>
      </c>
      <c r="G34877" s="16">
        <v>0</v>
      </c>
    </row>
    <row r="34878" spans="1:7" x14ac:dyDescent="0.3">
      <c r="A34878" s="13" t="s">
        <v>214</v>
      </c>
      <c r="B34878" s="14" t="s">
        <v>1</v>
      </c>
      <c r="C34878" s="14" t="s">
        <v>35</v>
      </c>
      <c r="D34878" s="14" t="s">
        <v>146</v>
      </c>
      <c r="E34878" s="15">
        <v>45579</v>
      </c>
      <c r="F34878" s="14" t="s">
        <v>61</v>
      </c>
      <c r="G34878" s="16">
        <v>0</v>
      </c>
    </row>
    <row r="34879" spans="1:7" x14ac:dyDescent="0.3">
      <c r="A34879" s="13" t="s">
        <v>214</v>
      </c>
      <c r="B34879" s="14" t="s">
        <v>1</v>
      </c>
      <c r="C34879" s="14" t="s">
        <v>35</v>
      </c>
      <c r="D34879" s="14" t="s">
        <v>146</v>
      </c>
      <c r="E34879" s="15">
        <v>45580</v>
      </c>
      <c r="F34879" s="14" t="s">
        <v>61</v>
      </c>
      <c r="G34879" s="16">
        <v>0</v>
      </c>
    </row>
    <row r="34880" spans="1:7" x14ac:dyDescent="0.3">
      <c r="A34880" s="13" t="s">
        <v>214</v>
      </c>
      <c r="B34880" s="14" t="s">
        <v>1</v>
      </c>
      <c r="C34880" s="14" t="s">
        <v>35</v>
      </c>
      <c r="D34880" s="14" t="s">
        <v>146</v>
      </c>
      <c r="E34880" s="15">
        <v>45581</v>
      </c>
      <c r="F34880" s="14" t="s">
        <v>61</v>
      </c>
      <c r="G34880" s="16">
        <v>0</v>
      </c>
    </row>
    <row r="34881" spans="1:7" x14ac:dyDescent="0.3">
      <c r="A34881" s="13" t="s">
        <v>214</v>
      </c>
      <c r="B34881" s="14" t="s">
        <v>1</v>
      </c>
      <c r="C34881" s="14" t="s">
        <v>35</v>
      </c>
      <c r="D34881" s="14" t="s">
        <v>146</v>
      </c>
      <c r="E34881" s="15">
        <v>45582</v>
      </c>
      <c r="F34881" s="14" t="s">
        <v>61</v>
      </c>
      <c r="G34881" s="16">
        <v>0</v>
      </c>
    </row>
    <row r="34882" spans="1:7" x14ac:dyDescent="0.3">
      <c r="A34882" s="13" t="s">
        <v>214</v>
      </c>
      <c r="B34882" s="14" t="s">
        <v>1</v>
      </c>
      <c r="C34882" s="14" t="s">
        <v>35</v>
      </c>
      <c r="D34882" s="14" t="s">
        <v>146</v>
      </c>
      <c r="E34882" s="15">
        <v>45583</v>
      </c>
      <c r="F34882" s="14" t="s">
        <v>61</v>
      </c>
      <c r="G34882" s="16">
        <v>0</v>
      </c>
    </row>
    <row r="34883" spans="1:7" x14ac:dyDescent="0.3">
      <c r="A34883" s="13" t="s">
        <v>214</v>
      </c>
      <c r="B34883" s="14" t="s">
        <v>1</v>
      </c>
      <c r="C34883" s="14" t="s">
        <v>35</v>
      </c>
      <c r="D34883" s="14" t="s">
        <v>146</v>
      </c>
      <c r="E34883" s="15">
        <v>45584</v>
      </c>
      <c r="F34883" s="14" t="s">
        <v>61</v>
      </c>
      <c r="G34883" s="16">
        <v>0</v>
      </c>
    </row>
    <row r="34884" spans="1:7" x14ac:dyDescent="0.3">
      <c r="A34884" s="13" t="s">
        <v>214</v>
      </c>
      <c r="B34884" s="14" t="s">
        <v>1</v>
      </c>
      <c r="C34884" s="14" t="s">
        <v>35</v>
      </c>
      <c r="D34884" s="14" t="s">
        <v>146</v>
      </c>
      <c r="E34884" s="15">
        <v>45585</v>
      </c>
      <c r="F34884" s="14" t="s">
        <v>61</v>
      </c>
      <c r="G34884" s="16">
        <v>0</v>
      </c>
    </row>
    <row r="34885" spans="1:7" x14ac:dyDescent="0.3">
      <c r="A34885" s="13" t="s">
        <v>214</v>
      </c>
      <c r="B34885" s="14" t="s">
        <v>1</v>
      </c>
      <c r="C34885" s="14" t="s">
        <v>35</v>
      </c>
      <c r="D34885" s="14" t="s">
        <v>146</v>
      </c>
      <c r="E34885" s="15">
        <v>45586</v>
      </c>
      <c r="F34885" s="14" t="s">
        <v>61</v>
      </c>
      <c r="G34885" s="16">
        <v>0</v>
      </c>
    </row>
    <row r="34886" spans="1:7" x14ac:dyDescent="0.3">
      <c r="A34886" s="13" t="s">
        <v>214</v>
      </c>
      <c r="B34886" s="14" t="s">
        <v>1</v>
      </c>
      <c r="C34886" s="14" t="s">
        <v>35</v>
      </c>
      <c r="D34886" s="14" t="s">
        <v>146</v>
      </c>
      <c r="E34886" s="15">
        <v>45587</v>
      </c>
      <c r="F34886" s="14" t="s">
        <v>61</v>
      </c>
      <c r="G34886" s="16">
        <v>0</v>
      </c>
    </row>
    <row r="34887" spans="1:7" x14ac:dyDescent="0.3">
      <c r="A34887" s="13" t="s">
        <v>214</v>
      </c>
      <c r="B34887" s="14" t="s">
        <v>1</v>
      </c>
      <c r="C34887" s="14" t="s">
        <v>35</v>
      </c>
      <c r="D34887" s="14" t="s">
        <v>146</v>
      </c>
      <c r="E34887" s="15">
        <v>45588</v>
      </c>
      <c r="F34887" s="14" t="s">
        <v>61</v>
      </c>
      <c r="G34887" s="16">
        <v>0</v>
      </c>
    </row>
    <row r="34888" spans="1:7" x14ac:dyDescent="0.3">
      <c r="A34888" s="13" t="s">
        <v>214</v>
      </c>
      <c r="B34888" s="14" t="s">
        <v>1</v>
      </c>
      <c r="C34888" s="14" t="s">
        <v>35</v>
      </c>
      <c r="D34888" s="14" t="s">
        <v>146</v>
      </c>
      <c r="E34888" s="15">
        <v>45589</v>
      </c>
      <c r="F34888" s="14" t="s">
        <v>61</v>
      </c>
      <c r="G34888" s="16">
        <v>0</v>
      </c>
    </row>
    <row r="34889" spans="1:7" x14ac:dyDescent="0.3">
      <c r="A34889" s="13" t="s">
        <v>214</v>
      </c>
      <c r="B34889" s="14" t="s">
        <v>1</v>
      </c>
      <c r="C34889" s="14" t="s">
        <v>35</v>
      </c>
      <c r="D34889" s="14" t="s">
        <v>146</v>
      </c>
      <c r="E34889" s="15">
        <v>45590</v>
      </c>
      <c r="F34889" s="14" t="s">
        <v>61</v>
      </c>
      <c r="G34889" s="16">
        <v>0</v>
      </c>
    </row>
    <row r="34890" spans="1:7" x14ac:dyDescent="0.3">
      <c r="A34890" s="13" t="s">
        <v>214</v>
      </c>
      <c r="B34890" s="14" t="s">
        <v>1</v>
      </c>
      <c r="C34890" s="14" t="s">
        <v>35</v>
      </c>
      <c r="D34890" s="14" t="s">
        <v>146</v>
      </c>
      <c r="E34890" s="15">
        <v>45591</v>
      </c>
      <c r="F34890" s="14" t="s">
        <v>61</v>
      </c>
      <c r="G34890" s="16">
        <v>0</v>
      </c>
    </row>
    <row r="34891" spans="1:7" x14ac:dyDescent="0.3">
      <c r="A34891" s="13" t="s">
        <v>214</v>
      </c>
      <c r="B34891" s="14" t="s">
        <v>1</v>
      </c>
      <c r="C34891" s="14" t="s">
        <v>35</v>
      </c>
      <c r="D34891" s="14" t="s">
        <v>146</v>
      </c>
      <c r="E34891" s="15">
        <v>45592</v>
      </c>
      <c r="F34891" s="14" t="s">
        <v>61</v>
      </c>
      <c r="G34891" s="16">
        <v>0</v>
      </c>
    </row>
    <row r="34892" spans="1:7" x14ac:dyDescent="0.3">
      <c r="A34892" s="13" t="s">
        <v>214</v>
      </c>
      <c r="B34892" s="14" t="s">
        <v>1</v>
      </c>
      <c r="C34892" s="14" t="s">
        <v>35</v>
      </c>
      <c r="D34892" s="14" t="s">
        <v>146</v>
      </c>
      <c r="E34892" s="15">
        <v>45593</v>
      </c>
      <c r="F34892" s="14" t="s">
        <v>61</v>
      </c>
      <c r="G34892" s="16">
        <v>0</v>
      </c>
    </row>
    <row r="34893" spans="1:7" x14ac:dyDescent="0.3">
      <c r="A34893" s="13" t="s">
        <v>214</v>
      </c>
      <c r="B34893" s="14" t="s">
        <v>1</v>
      </c>
      <c r="C34893" s="14" t="s">
        <v>35</v>
      </c>
      <c r="D34893" s="14" t="s">
        <v>146</v>
      </c>
      <c r="E34893" s="15">
        <v>45594</v>
      </c>
      <c r="F34893" s="14" t="s">
        <v>61</v>
      </c>
      <c r="G34893" s="16">
        <v>0</v>
      </c>
    </row>
    <row r="34894" spans="1:7" x14ac:dyDescent="0.3">
      <c r="A34894" s="13" t="s">
        <v>214</v>
      </c>
      <c r="B34894" s="14" t="s">
        <v>1</v>
      </c>
      <c r="C34894" s="14" t="s">
        <v>35</v>
      </c>
      <c r="D34894" s="14" t="s">
        <v>146</v>
      </c>
      <c r="E34894" s="15">
        <v>45595</v>
      </c>
      <c r="F34894" s="14" t="s">
        <v>61</v>
      </c>
      <c r="G34894" s="16">
        <v>0</v>
      </c>
    </row>
    <row r="34895" spans="1:7" x14ac:dyDescent="0.3">
      <c r="A34895" s="13" t="s">
        <v>214</v>
      </c>
      <c r="B34895" s="14" t="s">
        <v>1</v>
      </c>
      <c r="C34895" s="14" t="s">
        <v>35</v>
      </c>
      <c r="D34895" s="14" t="s">
        <v>146</v>
      </c>
      <c r="E34895" s="15">
        <v>45596</v>
      </c>
      <c r="F34895" s="14" t="s">
        <v>61</v>
      </c>
      <c r="G34895" s="16">
        <v>0</v>
      </c>
    </row>
    <row r="34896" spans="1:7" x14ac:dyDescent="0.3">
      <c r="A34896" s="13" t="s">
        <v>214</v>
      </c>
      <c r="B34896" s="14" t="s">
        <v>1</v>
      </c>
      <c r="C34896" s="14" t="s">
        <v>35</v>
      </c>
      <c r="D34896" s="14" t="s">
        <v>146</v>
      </c>
      <c r="E34896" s="15">
        <v>45597</v>
      </c>
      <c r="F34896" s="14" t="s">
        <v>61</v>
      </c>
      <c r="G34896" s="16">
        <v>0</v>
      </c>
    </row>
    <row r="34897" spans="1:7" x14ac:dyDescent="0.3">
      <c r="A34897" s="13" t="s">
        <v>214</v>
      </c>
      <c r="B34897" s="14" t="s">
        <v>1</v>
      </c>
      <c r="C34897" s="14" t="s">
        <v>35</v>
      </c>
      <c r="D34897" s="14" t="s">
        <v>146</v>
      </c>
      <c r="E34897" s="15">
        <v>45598</v>
      </c>
      <c r="F34897" s="14" t="s">
        <v>61</v>
      </c>
      <c r="G34897" s="16">
        <v>0</v>
      </c>
    </row>
    <row r="34898" spans="1:7" x14ac:dyDescent="0.3">
      <c r="A34898" s="13" t="s">
        <v>214</v>
      </c>
      <c r="B34898" s="14" t="s">
        <v>1</v>
      </c>
      <c r="C34898" s="14" t="s">
        <v>35</v>
      </c>
      <c r="D34898" s="14" t="s">
        <v>146</v>
      </c>
      <c r="E34898" s="15">
        <v>45599</v>
      </c>
      <c r="F34898" s="14" t="s">
        <v>61</v>
      </c>
      <c r="G34898" s="16">
        <v>0</v>
      </c>
    </row>
    <row r="34899" spans="1:7" x14ac:dyDescent="0.3">
      <c r="A34899" s="13" t="s">
        <v>214</v>
      </c>
      <c r="B34899" s="14" t="s">
        <v>1</v>
      </c>
      <c r="C34899" s="14" t="s">
        <v>35</v>
      </c>
      <c r="D34899" s="14" t="s">
        <v>146</v>
      </c>
      <c r="E34899" s="15">
        <v>45600</v>
      </c>
      <c r="F34899" s="14" t="s">
        <v>61</v>
      </c>
      <c r="G34899" s="16">
        <v>0</v>
      </c>
    </row>
    <row r="34900" spans="1:7" x14ac:dyDescent="0.3">
      <c r="A34900" s="13" t="s">
        <v>214</v>
      </c>
      <c r="B34900" s="14" t="s">
        <v>1</v>
      </c>
      <c r="C34900" s="14" t="s">
        <v>35</v>
      </c>
      <c r="D34900" s="14" t="s">
        <v>146</v>
      </c>
      <c r="E34900" s="15">
        <v>45601</v>
      </c>
      <c r="F34900" s="14" t="s">
        <v>61</v>
      </c>
      <c r="G34900" s="16">
        <v>0</v>
      </c>
    </row>
    <row r="34901" spans="1:7" x14ac:dyDescent="0.3">
      <c r="A34901" s="13" t="s">
        <v>214</v>
      </c>
      <c r="B34901" s="14" t="s">
        <v>1</v>
      </c>
      <c r="C34901" s="14" t="s">
        <v>35</v>
      </c>
      <c r="D34901" s="14" t="s">
        <v>146</v>
      </c>
      <c r="E34901" s="15">
        <v>45602</v>
      </c>
      <c r="F34901" s="14" t="s">
        <v>61</v>
      </c>
      <c r="G34901" s="16">
        <v>0</v>
      </c>
    </row>
    <row r="34902" spans="1:7" x14ac:dyDescent="0.3">
      <c r="A34902" s="13" t="s">
        <v>214</v>
      </c>
      <c r="B34902" s="14" t="s">
        <v>1</v>
      </c>
      <c r="C34902" s="14" t="s">
        <v>35</v>
      </c>
      <c r="D34902" s="14" t="s">
        <v>146</v>
      </c>
      <c r="E34902" s="15">
        <v>45603</v>
      </c>
      <c r="F34902" s="14" t="s">
        <v>61</v>
      </c>
      <c r="G34902" s="16">
        <v>0</v>
      </c>
    </row>
    <row r="34903" spans="1:7" x14ac:dyDescent="0.3">
      <c r="A34903" s="13" t="s">
        <v>214</v>
      </c>
      <c r="B34903" s="14" t="s">
        <v>1</v>
      </c>
      <c r="C34903" s="14" t="s">
        <v>35</v>
      </c>
      <c r="D34903" s="14" t="s">
        <v>146</v>
      </c>
      <c r="E34903" s="15">
        <v>45604</v>
      </c>
      <c r="F34903" s="14" t="s">
        <v>61</v>
      </c>
      <c r="G34903" s="16">
        <v>0</v>
      </c>
    </row>
    <row r="34904" spans="1:7" x14ac:dyDescent="0.3">
      <c r="A34904" s="13" t="s">
        <v>214</v>
      </c>
      <c r="B34904" s="14" t="s">
        <v>1</v>
      </c>
      <c r="C34904" s="14" t="s">
        <v>35</v>
      </c>
      <c r="D34904" s="14" t="s">
        <v>146</v>
      </c>
      <c r="E34904" s="15">
        <v>45605</v>
      </c>
      <c r="F34904" s="14" t="s">
        <v>61</v>
      </c>
      <c r="G34904" s="16">
        <v>0</v>
      </c>
    </row>
    <row r="34905" spans="1:7" x14ac:dyDescent="0.3">
      <c r="A34905" s="13" t="s">
        <v>214</v>
      </c>
      <c r="B34905" s="14" t="s">
        <v>1</v>
      </c>
      <c r="C34905" s="14" t="s">
        <v>35</v>
      </c>
      <c r="D34905" s="14" t="s">
        <v>146</v>
      </c>
      <c r="E34905" s="15">
        <v>45606</v>
      </c>
      <c r="F34905" s="14" t="s">
        <v>61</v>
      </c>
      <c r="G34905" s="16">
        <v>0</v>
      </c>
    </row>
    <row r="34906" spans="1:7" x14ac:dyDescent="0.3">
      <c r="A34906" s="13" t="s">
        <v>214</v>
      </c>
      <c r="B34906" s="14" t="s">
        <v>1</v>
      </c>
      <c r="C34906" s="14" t="s">
        <v>35</v>
      </c>
      <c r="D34906" s="14" t="s">
        <v>146</v>
      </c>
      <c r="E34906" s="15">
        <v>45607</v>
      </c>
      <c r="F34906" s="14" t="s">
        <v>61</v>
      </c>
      <c r="G34906" s="16">
        <v>0</v>
      </c>
    </row>
    <row r="34907" spans="1:7" x14ac:dyDescent="0.3">
      <c r="A34907" s="13" t="s">
        <v>214</v>
      </c>
      <c r="B34907" s="14" t="s">
        <v>1</v>
      </c>
      <c r="C34907" s="14" t="s">
        <v>35</v>
      </c>
      <c r="D34907" s="14" t="s">
        <v>146</v>
      </c>
      <c r="E34907" s="15">
        <v>45608</v>
      </c>
      <c r="F34907" s="14" t="s">
        <v>61</v>
      </c>
      <c r="G34907" s="16">
        <v>0</v>
      </c>
    </row>
    <row r="34908" spans="1:7" x14ac:dyDescent="0.3">
      <c r="A34908" s="13" t="s">
        <v>214</v>
      </c>
      <c r="B34908" s="14" t="s">
        <v>1</v>
      </c>
      <c r="C34908" s="14" t="s">
        <v>35</v>
      </c>
      <c r="D34908" s="14" t="s">
        <v>146</v>
      </c>
      <c r="E34908" s="15">
        <v>45609</v>
      </c>
      <c r="F34908" s="14" t="s">
        <v>61</v>
      </c>
      <c r="G34908" s="16">
        <v>0</v>
      </c>
    </row>
    <row r="34909" spans="1:7" x14ac:dyDescent="0.3">
      <c r="A34909" s="13" t="s">
        <v>214</v>
      </c>
      <c r="B34909" s="14" t="s">
        <v>1</v>
      </c>
      <c r="C34909" s="14" t="s">
        <v>35</v>
      </c>
      <c r="D34909" s="14" t="s">
        <v>146</v>
      </c>
      <c r="E34909" s="15">
        <v>45610</v>
      </c>
      <c r="F34909" s="14" t="s">
        <v>61</v>
      </c>
      <c r="G34909" s="16">
        <v>0</v>
      </c>
    </row>
    <row r="34910" spans="1:7" x14ac:dyDescent="0.3">
      <c r="A34910" s="13" t="s">
        <v>214</v>
      </c>
      <c r="B34910" s="14" t="s">
        <v>1</v>
      </c>
      <c r="C34910" s="14" t="s">
        <v>35</v>
      </c>
      <c r="D34910" s="14" t="s">
        <v>146</v>
      </c>
      <c r="E34910" s="15">
        <v>45611</v>
      </c>
      <c r="F34910" s="14" t="s">
        <v>61</v>
      </c>
      <c r="G34910" s="16">
        <v>0</v>
      </c>
    </row>
    <row r="34911" spans="1:7" x14ac:dyDescent="0.3">
      <c r="A34911" s="13" t="s">
        <v>214</v>
      </c>
      <c r="B34911" s="14" t="s">
        <v>1</v>
      </c>
      <c r="C34911" s="14" t="s">
        <v>35</v>
      </c>
      <c r="D34911" s="14" t="s">
        <v>146</v>
      </c>
      <c r="E34911" s="15">
        <v>45612</v>
      </c>
      <c r="F34911" s="14" t="s">
        <v>61</v>
      </c>
      <c r="G34911" s="16">
        <v>0</v>
      </c>
    </row>
    <row r="34912" spans="1:7" x14ac:dyDescent="0.3">
      <c r="A34912" s="13" t="s">
        <v>214</v>
      </c>
      <c r="B34912" s="14" t="s">
        <v>1</v>
      </c>
      <c r="C34912" s="14" t="s">
        <v>35</v>
      </c>
      <c r="D34912" s="14" t="s">
        <v>146</v>
      </c>
      <c r="E34912" s="15">
        <v>45613</v>
      </c>
      <c r="F34912" s="14" t="s">
        <v>61</v>
      </c>
      <c r="G34912" s="16">
        <v>0</v>
      </c>
    </row>
    <row r="34913" spans="1:7" x14ac:dyDescent="0.3">
      <c r="A34913" s="13" t="s">
        <v>214</v>
      </c>
      <c r="B34913" s="14" t="s">
        <v>1</v>
      </c>
      <c r="C34913" s="14" t="s">
        <v>35</v>
      </c>
      <c r="D34913" s="14" t="s">
        <v>146</v>
      </c>
      <c r="E34913" s="15">
        <v>45614</v>
      </c>
      <c r="F34913" s="14" t="s">
        <v>61</v>
      </c>
      <c r="G34913" s="16">
        <v>0</v>
      </c>
    </row>
    <row r="34914" spans="1:7" x14ac:dyDescent="0.3">
      <c r="A34914" s="13" t="s">
        <v>214</v>
      </c>
      <c r="B34914" s="14" t="s">
        <v>1</v>
      </c>
      <c r="C34914" s="14" t="s">
        <v>35</v>
      </c>
      <c r="D34914" s="14" t="s">
        <v>146</v>
      </c>
      <c r="E34914" s="15">
        <v>45615</v>
      </c>
      <c r="F34914" s="14" t="s">
        <v>61</v>
      </c>
      <c r="G34914" s="16">
        <v>0</v>
      </c>
    </row>
    <row r="34915" spans="1:7" x14ac:dyDescent="0.3">
      <c r="A34915" s="13" t="s">
        <v>214</v>
      </c>
      <c r="B34915" s="14" t="s">
        <v>1</v>
      </c>
      <c r="C34915" s="14" t="s">
        <v>35</v>
      </c>
      <c r="D34915" s="14" t="s">
        <v>146</v>
      </c>
      <c r="E34915" s="15">
        <v>45616</v>
      </c>
      <c r="F34915" s="14" t="s">
        <v>61</v>
      </c>
      <c r="G34915" s="16">
        <v>0</v>
      </c>
    </row>
    <row r="34916" spans="1:7" x14ac:dyDescent="0.3">
      <c r="A34916" s="13" t="s">
        <v>214</v>
      </c>
      <c r="B34916" s="14" t="s">
        <v>1</v>
      </c>
      <c r="C34916" s="14" t="s">
        <v>35</v>
      </c>
      <c r="D34916" s="14" t="s">
        <v>146</v>
      </c>
      <c r="E34916" s="15">
        <v>45617</v>
      </c>
      <c r="F34916" s="14" t="s">
        <v>61</v>
      </c>
      <c r="G34916" s="16">
        <v>0</v>
      </c>
    </row>
    <row r="34917" spans="1:7" x14ac:dyDescent="0.3">
      <c r="A34917" s="13" t="s">
        <v>214</v>
      </c>
      <c r="B34917" s="14" t="s">
        <v>1</v>
      </c>
      <c r="C34917" s="14" t="s">
        <v>35</v>
      </c>
      <c r="D34917" s="14" t="s">
        <v>146</v>
      </c>
      <c r="E34917" s="15">
        <v>45618</v>
      </c>
      <c r="F34917" s="14" t="s">
        <v>61</v>
      </c>
      <c r="G34917" s="16">
        <v>0</v>
      </c>
    </row>
    <row r="34918" spans="1:7" x14ac:dyDescent="0.3">
      <c r="A34918" s="13" t="s">
        <v>214</v>
      </c>
      <c r="B34918" s="14" t="s">
        <v>1</v>
      </c>
      <c r="C34918" s="14" t="s">
        <v>35</v>
      </c>
      <c r="D34918" s="14" t="s">
        <v>146</v>
      </c>
      <c r="E34918" s="15">
        <v>45619</v>
      </c>
      <c r="F34918" s="14" t="s">
        <v>61</v>
      </c>
      <c r="G34918" s="16">
        <v>0</v>
      </c>
    </row>
    <row r="34919" spans="1:7" x14ac:dyDescent="0.3">
      <c r="A34919" s="13" t="s">
        <v>214</v>
      </c>
      <c r="B34919" s="14" t="s">
        <v>1</v>
      </c>
      <c r="C34919" s="14" t="s">
        <v>35</v>
      </c>
      <c r="D34919" s="14" t="s">
        <v>146</v>
      </c>
      <c r="E34919" s="15">
        <v>45620</v>
      </c>
      <c r="F34919" s="14" t="s">
        <v>61</v>
      </c>
      <c r="G34919" s="16">
        <v>0</v>
      </c>
    </row>
    <row r="34920" spans="1:7" x14ac:dyDescent="0.3">
      <c r="A34920" s="13" t="s">
        <v>214</v>
      </c>
      <c r="B34920" s="14" t="s">
        <v>1</v>
      </c>
      <c r="C34920" s="14" t="s">
        <v>35</v>
      </c>
      <c r="D34920" s="14" t="s">
        <v>146</v>
      </c>
      <c r="E34920" s="15">
        <v>45621</v>
      </c>
      <c r="F34920" s="14" t="s">
        <v>61</v>
      </c>
      <c r="G34920" s="16">
        <v>0</v>
      </c>
    </row>
    <row r="34921" spans="1:7" x14ac:dyDescent="0.3">
      <c r="A34921" s="13" t="s">
        <v>214</v>
      </c>
      <c r="B34921" s="14" t="s">
        <v>1</v>
      </c>
      <c r="C34921" s="14" t="s">
        <v>35</v>
      </c>
      <c r="D34921" s="14" t="s">
        <v>146</v>
      </c>
      <c r="E34921" s="15">
        <v>45622</v>
      </c>
      <c r="F34921" s="14" t="s">
        <v>61</v>
      </c>
      <c r="G34921" s="16">
        <v>0</v>
      </c>
    </row>
    <row r="34922" spans="1:7" x14ac:dyDescent="0.3">
      <c r="A34922" s="13" t="s">
        <v>214</v>
      </c>
      <c r="B34922" s="14" t="s">
        <v>1</v>
      </c>
      <c r="C34922" s="14" t="s">
        <v>35</v>
      </c>
      <c r="D34922" s="14" t="s">
        <v>146</v>
      </c>
      <c r="E34922" s="15">
        <v>45623</v>
      </c>
      <c r="F34922" s="14" t="s">
        <v>61</v>
      </c>
      <c r="G34922" s="16">
        <v>0</v>
      </c>
    </row>
    <row r="34923" spans="1:7" x14ac:dyDescent="0.3">
      <c r="A34923" s="13" t="s">
        <v>214</v>
      </c>
      <c r="B34923" s="14" t="s">
        <v>1</v>
      </c>
      <c r="C34923" s="14" t="s">
        <v>35</v>
      </c>
      <c r="D34923" s="14" t="s">
        <v>146</v>
      </c>
      <c r="E34923" s="15">
        <v>45624</v>
      </c>
      <c r="F34923" s="14" t="s">
        <v>61</v>
      </c>
      <c r="G34923" s="16">
        <v>0</v>
      </c>
    </row>
    <row r="34924" spans="1:7" x14ac:dyDescent="0.3">
      <c r="A34924" s="13" t="s">
        <v>214</v>
      </c>
      <c r="B34924" s="14" t="s">
        <v>1</v>
      </c>
      <c r="C34924" s="14" t="s">
        <v>35</v>
      </c>
      <c r="D34924" s="14" t="s">
        <v>146</v>
      </c>
      <c r="E34924" s="15">
        <v>45625</v>
      </c>
      <c r="F34924" s="14" t="s">
        <v>61</v>
      </c>
      <c r="G34924" s="16">
        <v>0</v>
      </c>
    </row>
    <row r="34925" spans="1:7" x14ac:dyDescent="0.3">
      <c r="A34925" s="13" t="s">
        <v>214</v>
      </c>
      <c r="B34925" s="14" t="s">
        <v>1</v>
      </c>
      <c r="C34925" s="14" t="s">
        <v>35</v>
      </c>
      <c r="D34925" s="14" t="s">
        <v>146</v>
      </c>
      <c r="E34925" s="15">
        <v>45626</v>
      </c>
      <c r="F34925" s="14" t="s">
        <v>61</v>
      </c>
      <c r="G34925" s="16">
        <v>0</v>
      </c>
    </row>
    <row r="34926" spans="1:7" x14ac:dyDescent="0.3">
      <c r="A34926" s="13" t="s">
        <v>214</v>
      </c>
      <c r="B34926" s="14" t="s">
        <v>1</v>
      </c>
      <c r="C34926" s="14" t="s">
        <v>35</v>
      </c>
      <c r="D34926" s="14" t="s">
        <v>146</v>
      </c>
      <c r="E34926" s="15">
        <v>45627</v>
      </c>
      <c r="F34926" s="14" t="s">
        <v>61</v>
      </c>
      <c r="G34926" s="16">
        <v>0</v>
      </c>
    </row>
    <row r="34927" spans="1:7" x14ac:dyDescent="0.3">
      <c r="A34927" s="13" t="s">
        <v>214</v>
      </c>
      <c r="B34927" s="14" t="s">
        <v>1</v>
      </c>
      <c r="C34927" s="14" t="s">
        <v>35</v>
      </c>
      <c r="D34927" s="14" t="s">
        <v>146</v>
      </c>
      <c r="E34927" s="15">
        <v>45628</v>
      </c>
      <c r="F34927" s="14" t="s">
        <v>61</v>
      </c>
      <c r="G34927" s="16">
        <v>0</v>
      </c>
    </row>
    <row r="34928" spans="1:7" x14ac:dyDescent="0.3">
      <c r="A34928" s="13" t="s">
        <v>214</v>
      </c>
      <c r="B34928" s="14" t="s">
        <v>1</v>
      </c>
      <c r="C34928" s="14" t="s">
        <v>35</v>
      </c>
      <c r="D34928" s="14" t="s">
        <v>146</v>
      </c>
      <c r="E34928" s="15">
        <v>45629</v>
      </c>
      <c r="F34928" s="14" t="s">
        <v>61</v>
      </c>
      <c r="G34928" s="16">
        <v>0</v>
      </c>
    </row>
    <row r="34929" spans="1:7" x14ac:dyDescent="0.3">
      <c r="A34929" s="13" t="s">
        <v>214</v>
      </c>
      <c r="B34929" s="14" t="s">
        <v>1</v>
      </c>
      <c r="C34929" s="14" t="s">
        <v>35</v>
      </c>
      <c r="D34929" s="14" t="s">
        <v>146</v>
      </c>
      <c r="E34929" s="15">
        <v>45630</v>
      </c>
      <c r="F34929" s="14" t="s">
        <v>61</v>
      </c>
      <c r="G34929" s="16">
        <v>0</v>
      </c>
    </row>
    <row r="34930" spans="1:7" x14ac:dyDescent="0.3">
      <c r="A34930" s="13" t="s">
        <v>214</v>
      </c>
      <c r="B34930" s="14" t="s">
        <v>1</v>
      </c>
      <c r="C34930" s="14" t="s">
        <v>35</v>
      </c>
      <c r="D34930" s="14" t="s">
        <v>146</v>
      </c>
      <c r="E34930" s="15">
        <v>45631</v>
      </c>
      <c r="F34930" s="14" t="s">
        <v>61</v>
      </c>
      <c r="G34930" s="16">
        <v>0</v>
      </c>
    </row>
    <row r="34931" spans="1:7" x14ac:dyDescent="0.3">
      <c r="A34931" s="13" t="s">
        <v>214</v>
      </c>
      <c r="B34931" s="14" t="s">
        <v>1</v>
      </c>
      <c r="C34931" s="14" t="s">
        <v>35</v>
      </c>
      <c r="D34931" s="14" t="s">
        <v>146</v>
      </c>
      <c r="E34931" s="15">
        <v>45632</v>
      </c>
      <c r="F34931" s="14" t="s">
        <v>61</v>
      </c>
      <c r="G34931" s="16">
        <v>0</v>
      </c>
    </row>
    <row r="34932" spans="1:7" x14ac:dyDescent="0.3">
      <c r="A34932" s="13" t="s">
        <v>214</v>
      </c>
      <c r="B34932" s="14" t="s">
        <v>1</v>
      </c>
      <c r="C34932" s="14" t="s">
        <v>35</v>
      </c>
      <c r="D34932" s="14" t="s">
        <v>146</v>
      </c>
      <c r="E34932" s="15">
        <v>45633</v>
      </c>
      <c r="F34932" s="14" t="s">
        <v>61</v>
      </c>
      <c r="G34932" s="16">
        <v>0</v>
      </c>
    </row>
    <row r="34933" spans="1:7" x14ac:dyDescent="0.3">
      <c r="A34933" s="13" t="s">
        <v>214</v>
      </c>
      <c r="B34933" s="14" t="s">
        <v>1</v>
      </c>
      <c r="C34933" s="14" t="s">
        <v>35</v>
      </c>
      <c r="D34933" s="14" t="s">
        <v>146</v>
      </c>
      <c r="E34933" s="15">
        <v>45634</v>
      </c>
      <c r="F34933" s="14" t="s">
        <v>61</v>
      </c>
      <c r="G34933" s="16">
        <v>0</v>
      </c>
    </row>
    <row r="34934" spans="1:7" x14ac:dyDescent="0.3">
      <c r="A34934" s="13" t="s">
        <v>214</v>
      </c>
      <c r="B34934" s="14" t="s">
        <v>1</v>
      </c>
      <c r="C34934" s="14" t="s">
        <v>35</v>
      </c>
      <c r="D34934" s="14" t="s">
        <v>146</v>
      </c>
      <c r="E34934" s="15">
        <v>45635</v>
      </c>
      <c r="F34934" s="14" t="s">
        <v>61</v>
      </c>
      <c r="G34934" s="16">
        <v>0</v>
      </c>
    </row>
    <row r="34935" spans="1:7" x14ac:dyDescent="0.3">
      <c r="A34935" s="13" t="s">
        <v>214</v>
      </c>
      <c r="B34935" s="14" t="s">
        <v>1</v>
      </c>
      <c r="C34935" s="14" t="s">
        <v>35</v>
      </c>
      <c r="D34935" s="14" t="s">
        <v>146</v>
      </c>
      <c r="E34935" s="15">
        <v>45636</v>
      </c>
      <c r="F34935" s="14" t="s">
        <v>61</v>
      </c>
      <c r="G34935" s="16">
        <v>0</v>
      </c>
    </row>
    <row r="34936" spans="1:7" x14ac:dyDescent="0.3">
      <c r="A34936" s="13" t="s">
        <v>214</v>
      </c>
      <c r="B34936" s="14" t="s">
        <v>1</v>
      </c>
      <c r="C34936" s="14" t="s">
        <v>35</v>
      </c>
      <c r="D34936" s="14" t="s">
        <v>146</v>
      </c>
      <c r="E34936" s="15">
        <v>45637</v>
      </c>
      <c r="F34936" s="14" t="s">
        <v>61</v>
      </c>
      <c r="G34936" s="16">
        <v>0</v>
      </c>
    </row>
    <row r="34937" spans="1:7" x14ac:dyDescent="0.3">
      <c r="A34937" s="13" t="s">
        <v>214</v>
      </c>
      <c r="B34937" s="14" t="s">
        <v>1</v>
      </c>
      <c r="C34937" s="14" t="s">
        <v>35</v>
      </c>
      <c r="D34937" s="14" t="s">
        <v>146</v>
      </c>
      <c r="E34937" s="15">
        <v>45638</v>
      </c>
      <c r="F34937" s="14" t="s">
        <v>61</v>
      </c>
      <c r="G34937" s="16">
        <v>0</v>
      </c>
    </row>
    <row r="34938" spans="1:7" x14ac:dyDescent="0.3">
      <c r="A34938" s="13" t="s">
        <v>214</v>
      </c>
      <c r="B34938" s="14" t="s">
        <v>1</v>
      </c>
      <c r="C34938" s="14" t="s">
        <v>35</v>
      </c>
      <c r="D34938" s="14" t="s">
        <v>146</v>
      </c>
      <c r="E34938" s="15">
        <v>45639</v>
      </c>
      <c r="F34938" s="14" t="s">
        <v>61</v>
      </c>
      <c r="G34938" s="16">
        <v>0</v>
      </c>
    </row>
    <row r="34939" spans="1:7" x14ac:dyDescent="0.3">
      <c r="A34939" s="13" t="s">
        <v>214</v>
      </c>
      <c r="B34939" s="14" t="s">
        <v>1</v>
      </c>
      <c r="C34939" s="14" t="s">
        <v>35</v>
      </c>
      <c r="D34939" s="14" t="s">
        <v>146</v>
      </c>
      <c r="E34939" s="15">
        <v>45640</v>
      </c>
      <c r="F34939" s="14" t="s">
        <v>61</v>
      </c>
      <c r="G34939" s="16">
        <v>0</v>
      </c>
    </row>
    <row r="34940" spans="1:7" x14ac:dyDescent="0.3">
      <c r="A34940" s="13" t="s">
        <v>214</v>
      </c>
      <c r="B34940" s="14" t="s">
        <v>1</v>
      </c>
      <c r="C34940" s="14" t="s">
        <v>35</v>
      </c>
      <c r="D34940" s="14" t="s">
        <v>146</v>
      </c>
      <c r="E34940" s="15">
        <v>45641</v>
      </c>
      <c r="F34940" s="14" t="s">
        <v>61</v>
      </c>
      <c r="G34940" s="16">
        <v>0</v>
      </c>
    </row>
    <row r="34941" spans="1:7" x14ac:dyDescent="0.3">
      <c r="A34941" s="13" t="s">
        <v>214</v>
      </c>
      <c r="B34941" s="14" t="s">
        <v>1</v>
      </c>
      <c r="C34941" s="14" t="s">
        <v>35</v>
      </c>
      <c r="D34941" s="14" t="s">
        <v>146</v>
      </c>
      <c r="E34941" s="15">
        <v>45642</v>
      </c>
      <c r="F34941" s="14" t="s">
        <v>61</v>
      </c>
      <c r="G34941" s="16">
        <v>0</v>
      </c>
    </row>
    <row r="34942" spans="1:7" x14ac:dyDescent="0.3">
      <c r="A34942" s="13" t="s">
        <v>214</v>
      </c>
      <c r="B34942" s="14" t="s">
        <v>1</v>
      </c>
      <c r="C34942" s="14" t="s">
        <v>35</v>
      </c>
      <c r="D34942" s="14" t="s">
        <v>146</v>
      </c>
      <c r="E34942" s="15">
        <v>45643</v>
      </c>
      <c r="F34942" s="14" t="s">
        <v>61</v>
      </c>
      <c r="G34942" s="16">
        <v>0</v>
      </c>
    </row>
    <row r="34943" spans="1:7" x14ac:dyDescent="0.3">
      <c r="A34943" s="13" t="s">
        <v>214</v>
      </c>
      <c r="B34943" s="14" t="s">
        <v>1</v>
      </c>
      <c r="C34943" s="14" t="s">
        <v>35</v>
      </c>
      <c r="D34943" s="14" t="s">
        <v>146</v>
      </c>
      <c r="E34943" s="15">
        <v>45644</v>
      </c>
      <c r="F34943" s="14" t="s">
        <v>61</v>
      </c>
      <c r="G34943" s="16">
        <v>0</v>
      </c>
    </row>
    <row r="34944" spans="1:7" x14ac:dyDescent="0.3">
      <c r="A34944" s="13" t="s">
        <v>214</v>
      </c>
      <c r="B34944" s="14" t="s">
        <v>1</v>
      </c>
      <c r="C34944" s="14" t="s">
        <v>35</v>
      </c>
      <c r="D34944" s="14" t="s">
        <v>146</v>
      </c>
      <c r="E34944" s="15">
        <v>45645</v>
      </c>
      <c r="F34944" s="14" t="s">
        <v>61</v>
      </c>
      <c r="G34944" s="16">
        <v>0</v>
      </c>
    </row>
    <row r="34945" spans="1:7" x14ac:dyDescent="0.3">
      <c r="A34945" s="13" t="s">
        <v>214</v>
      </c>
      <c r="B34945" s="14" t="s">
        <v>1</v>
      </c>
      <c r="C34945" s="14" t="s">
        <v>35</v>
      </c>
      <c r="D34945" s="14" t="s">
        <v>146</v>
      </c>
      <c r="E34945" s="15">
        <v>45646</v>
      </c>
      <c r="F34945" s="14" t="s">
        <v>61</v>
      </c>
      <c r="G34945" s="16">
        <v>0</v>
      </c>
    </row>
    <row r="34946" spans="1:7" x14ac:dyDescent="0.3">
      <c r="A34946" s="13" t="s">
        <v>214</v>
      </c>
      <c r="B34946" s="14" t="s">
        <v>1</v>
      </c>
      <c r="C34946" s="14" t="s">
        <v>35</v>
      </c>
      <c r="D34946" s="14" t="s">
        <v>146</v>
      </c>
      <c r="E34946" s="15">
        <v>45647</v>
      </c>
      <c r="F34946" s="14" t="s">
        <v>61</v>
      </c>
      <c r="G34946" s="16">
        <v>0</v>
      </c>
    </row>
    <row r="34947" spans="1:7" x14ac:dyDescent="0.3">
      <c r="A34947" s="13" t="s">
        <v>214</v>
      </c>
      <c r="B34947" s="14" t="s">
        <v>1</v>
      </c>
      <c r="C34947" s="14" t="s">
        <v>35</v>
      </c>
      <c r="D34947" s="14" t="s">
        <v>146</v>
      </c>
      <c r="E34947" s="15">
        <v>45648</v>
      </c>
      <c r="F34947" s="14" t="s">
        <v>61</v>
      </c>
      <c r="G34947" s="16">
        <v>0</v>
      </c>
    </row>
    <row r="34948" spans="1:7" x14ac:dyDescent="0.3">
      <c r="A34948" s="13" t="s">
        <v>214</v>
      </c>
      <c r="B34948" s="14" t="s">
        <v>1</v>
      </c>
      <c r="C34948" s="14" t="s">
        <v>35</v>
      </c>
      <c r="D34948" s="14" t="s">
        <v>146</v>
      </c>
      <c r="E34948" s="15">
        <v>45649</v>
      </c>
      <c r="F34948" s="14" t="s">
        <v>61</v>
      </c>
      <c r="G34948" s="16">
        <v>0</v>
      </c>
    </row>
    <row r="34949" spans="1:7" x14ac:dyDescent="0.3">
      <c r="A34949" s="13" t="s">
        <v>214</v>
      </c>
      <c r="B34949" s="14" t="s">
        <v>1</v>
      </c>
      <c r="C34949" s="14" t="s">
        <v>35</v>
      </c>
      <c r="D34949" s="14" t="s">
        <v>146</v>
      </c>
      <c r="E34949" s="15">
        <v>45650</v>
      </c>
      <c r="F34949" s="14" t="s">
        <v>61</v>
      </c>
      <c r="G34949" s="16">
        <v>0</v>
      </c>
    </row>
    <row r="34950" spans="1:7" x14ac:dyDescent="0.3">
      <c r="A34950" s="13" t="s">
        <v>214</v>
      </c>
      <c r="B34950" s="14" t="s">
        <v>1</v>
      </c>
      <c r="C34950" s="14" t="s">
        <v>35</v>
      </c>
      <c r="D34950" s="14" t="s">
        <v>146</v>
      </c>
      <c r="E34950" s="15">
        <v>45651</v>
      </c>
      <c r="F34950" s="14" t="s">
        <v>61</v>
      </c>
      <c r="G34950" s="16">
        <v>0</v>
      </c>
    </row>
    <row r="34951" spans="1:7" x14ac:dyDescent="0.3">
      <c r="A34951" s="13" t="s">
        <v>214</v>
      </c>
      <c r="B34951" s="14" t="s">
        <v>1</v>
      </c>
      <c r="C34951" s="14" t="s">
        <v>35</v>
      </c>
      <c r="D34951" s="14" t="s">
        <v>146</v>
      </c>
      <c r="E34951" s="15">
        <v>45652</v>
      </c>
      <c r="F34951" s="14" t="s">
        <v>61</v>
      </c>
      <c r="G34951" s="16">
        <v>0</v>
      </c>
    </row>
    <row r="34952" spans="1:7" x14ac:dyDescent="0.3">
      <c r="A34952" s="13" t="s">
        <v>214</v>
      </c>
      <c r="B34952" s="14" t="s">
        <v>1</v>
      </c>
      <c r="C34952" s="14" t="s">
        <v>35</v>
      </c>
      <c r="D34952" s="14" t="s">
        <v>146</v>
      </c>
      <c r="E34952" s="15">
        <v>45653</v>
      </c>
      <c r="F34952" s="14" t="s">
        <v>61</v>
      </c>
      <c r="G34952" s="16">
        <v>0</v>
      </c>
    </row>
    <row r="34953" spans="1:7" x14ac:dyDescent="0.3">
      <c r="A34953" s="13" t="s">
        <v>214</v>
      </c>
      <c r="B34953" s="14" t="s">
        <v>1</v>
      </c>
      <c r="C34953" s="14" t="s">
        <v>35</v>
      </c>
      <c r="D34953" s="14" t="s">
        <v>146</v>
      </c>
      <c r="E34953" s="15">
        <v>45654</v>
      </c>
      <c r="F34953" s="14" t="s">
        <v>61</v>
      </c>
      <c r="G34953" s="16">
        <v>0</v>
      </c>
    </row>
    <row r="34954" spans="1:7" x14ac:dyDescent="0.3">
      <c r="A34954" s="13" t="s">
        <v>214</v>
      </c>
      <c r="B34954" s="14" t="s">
        <v>1</v>
      </c>
      <c r="C34954" s="14" t="s">
        <v>35</v>
      </c>
      <c r="D34954" s="14" t="s">
        <v>146</v>
      </c>
      <c r="E34954" s="15">
        <v>45655</v>
      </c>
      <c r="F34954" s="14" t="s">
        <v>61</v>
      </c>
      <c r="G34954" s="16">
        <v>0</v>
      </c>
    </row>
    <row r="34955" spans="1:7" x14ac:dyDescent="0.3">
      <c r="A34955" s="13" t="s">
        <v>214</v>
      </c>
      <c r="B34955" s="14" t="s">
        <v>1</v>
      </c>
      <c r="C34955" s="14" t="s">
        <v>35</v>
      </c>
      <c r="D34955" s="14" t="s">
        <v>146</v>
      </c>
      <c r="E34955" s="15">
        <v>45656</v>
      </c>
      <c r="F34955" s="14" t="s">
        <v>61</v>
      </c>
      <c r="G34955" s="16">
        <v>0</v>
      </c>
    </row>
    <row r="34956" spans="1:7" x14ac:dyDescent="0.3">
      <c r="A34956" s="13" t="s">
        <v>214</v>
      </c>
      <c r="B34956" s="14" t="s">
        <v>1</v>
      </c>
      <c r="C34956" s="14" t="s">
        <v>35</v>
      </c>
      <c r="D34956" s="14" t="s">
        <v>146</v>
      </c>
      <c r="E34956" s="15">
        <v>45657</v>
      </c>
      <c r="F34956" s="14" t="s">
        <v>61</v>
      </c>
      <c r="G34956" s="16">
        <v>0</v>
      </c>
    </row>
    <row r="34957" spans="1:7" x14ac:dyDescent="0.3">
      <c r="A34957" s="13" t="s">
        <v>214</v>
      </c>
      <c r="B34957" s="14" t="s">
        <v>1</v>
      </c>
      <c r="C34957" s="14" t="s">
        <v>35</v>
      </c>
      <c r="D34957" s="14" t="s">
        <v>146</v>
      </c>
      <c r="E34957" s="15">
        <v>45658</v>
      </c>
      <c r="F34957" s="14" t="s">
        <v>61</v>
      </c>
      <c r="G34957" s="16">
        <v>0</v>
      </c>
    </row>
    <row r="34958" spans="1:7" x14ac:dyDescent="0.3">
      <c r="A34958" s="13" t="s">
        <v>214</v>
      </c>
      <c r="B34958" s="14" t="s">
        <v>1</v>
      </c>
      <c r="C34958" s="14" t="s">
        <v>35</v>
      </c>
      <c r="D34958" s="14" t="s">
        <v>146</v>
      </c>
      <c r="E34958" s="15">
        <v>45659</v>
      </c>
      <c r="F34958" s="14" t="s">
        <v>61</v>
      </c>
      <c r="G34958" s="16">
        <v>0</v>
      </c>
    </row>
    <row r="34959" spans="1:7" x14ac:dyDescent="0.3">
      <c r="A34959" s="13" t="s">
        <v>214</v>
      </c>
      <c r="B34959" s="14" t="s">
        <v>1</v>
      </c>
      <c r="C34959" s="14" t="s">
        <v>35</v>
      </c>
      <c r="D34959" s="14" t="s">
        <v>146</v>
      </c>
      <c r="E34959" s="15">
        <v>45660</v>
      </c>
      <c r="F34959" s="14" t="s">
        <v>61</v>
      </c>
      <c r="G34959" s="16">
        <v>0</v>
      </c>
    </row>
    <row r="34960" spans="1:7" x14ac:dyDescent="0.3">
      <c r="A34960" s="13" t="s">
        <v>214</v>
      </c>
      <c r="B34960" s="14" t="s">
        <v>1</v>
      </c>
      <c r="C34960" s="14" t="s">
        <v>35</v>
      </c>
      <c r="D34960" s="14" t="s">
        <v>146</v>
      </c>
      <c r="E34960" s="15">
        <v>45661</v>
      </c>
      <c r="F34960" s="14" t="s">
        <v>61</v>
      </c>
      <c r="G34960" s="16">
        <v>0</v>
      </c>
    </row>
    <row r="34961" spans="1:7" x14ac:dyDescent="0.3">
      <c r="A34961" s="13" t="s">
        <v>214</v>
      </c>
      <c r="B34961" s="14" t="s">
        <v>1</v>
      </c>
      <c r="C34961" s="14" t="s">
        <v>35</v>
      </c>
      <c r="D34961" s="14" t="s">
        <v>146</v>
      </c>
      <c r="E34961" s="15">
        <v>45662</v>
      </c>
      <c r="F34961" s="14" t="s">
        <v>61</v>
      </c>
      <c r="G34961" s="16">
        <v>0</v>
      </c>
    </row>
    <row r="34962" spans="1:7" x14ac:dyDescent="0.3">
      <c r="A34962" s="13" t="s">
        <v>214</v>
      </c>
      <c r="B34962" s="14" t="s">
        <v>1</v>
      </c>
      <c r="C34962" s="14" t="s">
        <v>35</v>
      </c>
      <c r="D34962" s="14" t="s">
        <v>146</v>
      </c>
      <c r="E34962" s="15">
        <v>45663</v>
      </c>
      <c r="F34962" s="14" t="s">
        <v>61</v>
      </c>
      <c r="G34962" s="16">
        <v>0</v>
      </c>
    </row>
    <row r="34963" spans="1:7" x14ac:dyDescent="0.3">
      <c r="A34963" s="13" t="s">
        <v>214</v>
      </c>
      <c r="B34963" s="14" t="s">
        <v>1</v>
      </c>
      <c r="C34963" s="14" t="s">
        <v>35</v>
      </c>
      <c r="D34963" s="14" t="s">
        <v>146</v>
      </c>
      <c r="E34963" s="15">
        <v>45664</v>
      </c>
      <c r="F34963" s="14" t="s">
        <v>61</v>
      </c>
      <c r="G34963" s="16">
        <v>0</v>
      </c>
    </row>
    <row r="34964" spans="1:7" x14ac:dyDescent="0.3">
      <c r="A34964" s="13" t="s">
        <v>214</v>
      </c>
      <c r="B34964" s="14" t="s">
        <v>1</v>
      </c>
      <c r="C34964" s="14" t="s">
        <v>35</v>
      </c>
      <c r="D34964" s="14" t="s">
        <v>146</v>
      </c>
      <c r="E34964" s="15">
        <v>45665</v>
      </c>
      <c r="F34964" s="14" t="s">
        <v>61</v>
      </c>
      <c r="G34964" s="16">
        <v>0</v>
      </c>
    </row>
    <row r="34965" spans="1:7" x14ac:dyDescent="0.3">
      <c r="A34965" s="13" t="s">
        <v>214</v>
      </c>
      <c r="B34965" s="14" t="s">
        <v>1</v>
      </c>
      <c r="C34965" s="14" t="s">
        <v>35</v>
      </c>
      <c r="D34965" s="14" t="s">
        <v>146</v>
      </c>
      <c r="E34965" s="15">
        <v>45666</v>
      </c>
      <c r="F34965" s="14" t="s">
        <v>61</v>
      </c>
      <c r="G34965" s="16">
        <v>0</v>
      </c>
    </row>
    <row r="34966" spans="1:7" x14ac:dyDescent="0.3">
      <c r="A34966" s="13" t="s">
        <v>214</v>
      </c>
      <c r="B34966" s="14" t="s">
        <v>1</v>
      </c>
      <c r="C34966" s="14" t="s">
        <v>35</v>
      </c>
      <c r="D34966" s="14" t="s">
        <v>146</v>
      </c>
      <c r="E34966" s="15">
        <v>45667</v>
      </c>
      <c r="F34966" s="14" t="s">
        <v>61</v>
      </c>
      <c r="G34966" s="16">
        <v>0</v>
      </c>
    </row>
    <row r="34967" spans="1:7" x14ac:dyDescent="0.3">
      <c r="A34967" s="13" t="s">
        <v>214</v>
      </c>
      <c r="B34967" s="14" t="s">
        <v>1</v>
      </c>
      <c r="C34967" s="14" t="s">
        <v>35</v>
      </c>
      <c r="D34967" s="14" t="s">
        <v>146</v>
      </c>
      <c r="E34967" s="15">
        <v>45668</v>
      </c>
      <c r="F34967" s="14" t="s">
        <v>61</v>
      </c>
      <c r="G34967" s="16">
        <v>0</v>
      </c>
    </row>
    <row r="34968" spans="1:7" x14ac:dyDescent="0.3">
      <c r="A34968" s="13" t="s">
        <v>214</v>
      </c>
      <c r="B34968" s="14" t="s">
        <v>1</v>
      </c>
      <c r="C34968" s="14" t="s">
        <v>35</v>
      </c>
      <c r="D34968" s="14" t="s">
        <v>146</v>
      </c>
      <c r="E34968" s="15">
        <v>45669</v>
      </c>
      <c r="F34968" s="14" t="s">
        <v>61</v>
      </c>
      <c r="G34968" s="16">
        <v>0</v>
      </c>
    </row>
    <row r="34969" spans="1:7" x14ac:dyDescent="0.3">
      <c r="A34969" s="13" t="s">
        <v>214</v>
      </c>
      <c r="B34969" s="14" t="s">
        <v>1</v>
      </c>
      <c r="C34969" s="14" t="s">
        <v>35</v>
      </c>
      <c r="D34969" s="14" t="s">
        <v>146</v>
      </c>
      <c r="E34969" s="15">
        <v>45670</v>
      </c>
      <c r="F34969" s="14" t="s">
        <v>61</v>
      </c>
      <c r="G34969" s="16">
        <v>0</v>
      </c>
    </row>
    <row r="34970" spans="1:7" x14ac:dyDescent="0.3">
      <c r="A34970" s="13" t="s">
        <v>214</v>
      </c>
      <c r="B34970" s="14" t="s">
        <v>1</v>
      </c>
      <c r="C34970" s="14" t="s">
        <v>35</v>
      </c>
      <c r="D34970" s="14" t="s">
        <v>146</v>
      </c>
      <c r="E34970" s="15">
        <v>45671</v>
      </c>
      <c r="F34970" s="14" t="s">
        <v>61</v>
      </c>
      <c r="G34970" s="16">
        <v>0</v>
      </c>
    </row>
    <row r="34971" spans="1:7" x14ac:dyDescent="0.3">
      <c r="A34971" s="13" t="s">
        <v>214</v>
      </c>
      <c r="B34971" s="14" t="s">
        <v>1</v>
      </c>
      <c r="C34971" s="14" t="s">
        <v>35</v>
      </c>
      <c r="D34971" s="14" t="s">
        <v>146</v>
      </c>
      <c r="E34971" s="15">
        <v>45672</v>
      </c>
      <c r="F34971" s="14" t="s">
        <v>61</v>
      </c>
      <c r="G34971" s="16">
        <v>0</v>
      </c>
    </row>
    <row r="34972" spans="1:7" x14ac:dyDescent="0.3">
      <c r="A34972" s="13" t="s">
        <v>214</v>
      </c>
      <c r="B34972" s="14" t="s">
        <v>1</v>
      </c>
      <c r="C34972" s="14" t="s">
        <v>35</v>
      </c>
      <c r="D34972" s="14" t="s">
        <v>146</v>
      </c>
      <c r="E34972" s="15">
        <v>45673</v>
      </c>
      <c r="F34972" s="14" t="s">
        <v>61</v>
      </c>
      <c r="G34972" s="16">
        <v>0</v>
      </c>
    </row>
    <row r="34973" spans="1:7" x14ac:dyDescent="0.3">
      <c r="A34973" s="13" t="s">
        <v>214</v>
      </c>
      <c r="B34973" s="14" t="s">
        <v>1</v>
      </c>
      <c r="C34973" s="14" t="s">
        <v>35</v>
      </c>
      <c r="D34973" s="14" t="s">
        <v>146</v>
      </c>
      <c r="E34973" s="15">
        <v>45674</v>
      </c>
      <c r="F34973" s="14" t="s">
        <v>61</v>
      </c>
      <c r="G34973" s="16">
        <v>0</v>
      </c>
    </row>
    <row r="34974" spans="1:7" x14ac:dyDescent="0.3">
      <c r="A34974" s="13" t="s">
        <v>214</v>
      </c>
      <c r="B34974" s="14" t="s">
        <v>1</v>
      </c>
      <c r="C34974" s="14" t="s">
        <v>35</v>
      </c>
      <c r="D34974" s="14" t="s">
        <v>146</v>
      </c>
      <c r="E34974" s="15">
        <v>45675</v>
      </c>
      <c r="F34974" s="14" t="s">
        <v>61</v>
      </c>
      <c r="G34974" s="16">
        <v>0</v>
      </c>
    </row>
    <row r="34975" spans="1:7" x14ac:dyDescent="0.3">
      <c r="A34975" s="13" t="s">
        <v>214</v>
      </c>
      <c r="B34975" s="14" t="s">
        <v>1</v>
      </c>
      <c r="C34975" s="14" t="s">
        <v>35</v>
      </c>
      <c r="D34975" s="14" t="s">
        <v>146</v>
      </c>
      <c r="E34975" s="15">
        <v>45676</v>
      </c>
      <c r="F34975" s="14" t="s">
        <v>61</v>
      </c>
      <c r="G34975" s="16">
        <v>0</v>
      </c>
    </row>
    <row r="34976" spans="1:7" x14ac:dyDescent="0.3">
      <c r="A34976" s="13" t="s">
        <v>214</v>
      </c>
      <c r="B34976" s="14" t="s">
        <v>1</v>
      </c>
      <c r="C34976" s="14" t="s">
        <v>35</v>
      </c>
      <c r="D34976" s="14" t="s">
        <v>146</v>
      </c>
      <c r="E34976" s="15">
        <v>45677</v>
      </c>
      <c r="F34976" s="14" t="s">
        <v>61</v>
      </c>
      <c r="G34976" s="16">
        <v>0</v>
      </c>
    </row>
    <row r="34977" spans="1:7" x14ac:dyDescent="0.3">
      <c r="A34977" s="13" t="s">
        <v>214</v>
      </c>
      <c r="B34977" s="14" t="s">
        <v>1</v>
      </c>
      <c r="C34977" s="14" t="s">
        <v>35</v>
      </c>
      <c r="D34977" s="14" t="s">
        <v>146</v>
      </c>
      <c r="E34977" s="15">
        <v>45678</v>
      </c>
      <c r="F34977" s="14" t="s">
        <v>61</v>
      </c>
      <c r="G34977" s="16">
        <v>0</v>
      </c>
    </row>
    <row r="34978" spans="1:7" x14ac:dyDescent="0.3">
      <c r="A34978" s="13" t="s">
        <v>214</v>
      </c>
      <c r="B34978" s="14" t="s">
        <v>1</v>
      </c>
      <c r="C34978" s="14" t="s">
        <v>35</v>
      </c>
      <c r="D34978" s="14" t="s">
        <v>146</v>
      </c>
      <c r="E34978" s="15">
        <v>45679</v>
      </c>
      <c r="F34978" s="14" t="s">
        <v>61</v>
      </c>
      <c r="G34978" s="16">
        <v>0</v>
      </c>
    </row>
    <row r="34979" spans="1:7" x14ac:dyDescent="0.3">
      <c r="A34979" s="13" t="s">
        <v>214</v>
      </c>
      <c r="B34979" s="14" t="s">
        <v>1</v>
      </c>
      <c r="C34979" s="14" t="s">
        <v>35</v>
      </c>
      <c r="D34979" s="14" t="s">
        <v>146</v>
      </c>
      <c r="E34979" s="15">
        <v>45680</v>
      </c>
      <c r="F34979" s="14" t="s">
        <v>61</v>
      </c>
      <c r="G34979" s="16">
        <v>0</v>
      </c>
    </row>
    <row r="34980" spans="1:7" x14ac:dyDescent="0.3">
      <c r="A34980" s="13" t="s">
        <v>214</v>
      </c>
      <c r="B34980" s="14" t="s">
        <v>1</v>
      </c>
      <c r="C34980" s="14" t="s">
        <v>35</v>
      </c>
      <c r="D34980" s="14" t="s">
        <v>146</v>
      </c>
      <c r="E34980" s="15">
        <v>45681</v>
      </c>
      <c r="F34980" s="14" t="s">
        <v>61</v>
      </c>
      <c r="G34980" s="16">
        <v>0</v>
      </c>
    </row>
    <row r="34981" spans="1:7" x14ac:dyDescent="0.3">
      <c r="A34981" s="13" t="s">
        <v>214</v>
      </c>
      <c r="B34981" s="14" t="s">
        <v>1</v>
      </c>
      <c r="C34981" s="14" t="s">
        <v>35</v>
      </c>
      <c r="D34981" s="14" t="s">
        <v>146</v>
      </c>
      <c r="E34981" s="15">
        <v>45682</v>
      </c>
      <c r="F34981" s="14" t="s">
        <v>61</v>
      </c>
      <c r="G34981" s="16">
        <v>0</v>
      </c>
    </row>
    <row r="34982" spans="1:7" x14ac:dyDescent="0.3">
      <c r="A34982" s="13" t="s">
        <v>214</v>
      </c>
      <c r="B34982" s="14" t="s">
        <v>1</v>
      </c>
      <c r="C34982" s="14" t="s">
        <v>35</v>
      </c>
      <c r="D34982" s="14" t="s">
        <v>146</v>
      </c>
      <c r="E34982" s="15">
        <v>45683</v>
      </c>
      <c r="F34982" s="14" t="s">
        <v>61</v>
      </c>
      <c r="G34982" s="16">
        <v>0</v>
      </c>
    </row>
    <row r="34983" spans="1:7" x14ac:dyDescent="0.3">
      <c r="A34983" s="13" t="s">
        <v>214</v>
      </c>
      <c r="B34983" s="14" t="s">
        <v>1</v>
      </c>
      <c r="C34983" s="14" t="s">
        <v>35</v>
      </c>
      <c r="D34983" s="14" t="s">
        <v>146</v>
      </c>
      <c r="E34983" s="15">
        <v>45684</v>
      </c>
      <c r="F34983" s="14" t="s">
        <v>61</v>
      </c>
      <c r="G34983" s="16">
        <v>0</v>
      </c>
    </row>
    <row r="34984" spans="1:7" x14ac:dyDescent="0.3">
      <c r="A34984" s="13" t="s">
        <v>214</v>
      </c>
      <c r="B34984" s="14" t="s">
        <v>1</v>
      </c>
      <c r="C34984" s="14" t="s">
        <v>35</v>
      </c>
      <c r="D34984" s="14" t="s">
        <v>146</v>
      </c>
      <c r="E34984" s="15">
        <v>45685</v>
      </c>
      <c r="F34984" s="14" t="s">
        <v>61</v>
      </c>
      <c r="G34984" s="16">
        <v>0</v>
      </c>
    </row>
    <row r="34985" spans="1:7" x14ac:dyDescent="0.3">
      <c r="A34985" s="13" t="s">
        <v>214</v>
      </c>
      <c r="B34985" s="14" t="s">
        <v>1</v>
      </c>
      <c r="C34985" s="14" t="s">
        <v>35</v>
      </c>
      <c r="D34985" s="14" t="s">
        <v>146</v>
      </c>
      <c r="E34985" s="15">
        <v>45686</v>
      </c>
      <c r="F34985" s="14" t="s">
        <v>61</v>
      </c>
      <c r="G34985" s="16">
        <v>0</v>
      </c>
    </row>
    <row r="34986" spans="1:7" x14ac:dyDescent="0.3">
      <c r="A34986" s="13" t="s">
        <v>214</v>
      </c>
      <c r="B34986" s="14" t="s">
        <v>1</v>
      </c>
      <c r="C34986" s="14" t="s">
        <v>35</v>
      </c>
      <c r="D34986" s="14" t="s">
        <v>146</v>
      </c>
      <c r="E34986" s="15">
        <v>45687</v>
      </c>
      <c r="F34986" s="14" t="s">
        <v>61</v>
      </c>
      <c r="G34986" s="16">
        <v>0</v>
      </c>
    </row>
    <row r="34987" spans="1:7" x14ac:dyDescent="0.3">
      <c r="A34987" s="13" t="s">
        <v>214</v>
      </c>
      <c r="B34987" s="14" t="s">
        <v>1</v>
      </c>
      <c r="C34987" s="14" t="s">
        <v>35</v>
      </c>
      <c r="D34987" s="14" t="s">
        <v>146</v>
      </c>
      <c r="E34987" s="15">
        <v>45688</v>
      </c>
      <c r="F34987" s="14" t="s">
        <v>61</v>
      </c>
      <c r="G34987" s="16">
        <v>0</v>
      </c>
    </row>
    <row r="34988" spans="1:7" x14ac:dyDescent="0.3">
      <c r="A34988" s="13" t="s">
        <v>214</v>
      </c>
      <c r="B34988" s="14" t="s">
        <v>1</v>
      </c>
      <c r="C34988" s="14" t="s">
        <v>35</v>
      </c>
      <c r="D34988" s="14" t="s">
        <v>146</v>
      </c>
      <c r="E34988" s="15">
        <v>45689</v>
      </c>
      <c r="F34988" s="14" t="s">
        <v>61</v>
      </c>
      <c r="G34988" s="16">
        <v>0</v>
      </c>
    </row>
    <row r="34989" spans="1:7" x14ac:dyDescent="0.3">
      <c r="A34989" s="13" t="s">
        <v>214</v>
      </c>
      <c r="B34989" s="14" t="s">
        <v>1</v>
      </c>
      <c r="C34989" s="14" t="s">
        <v>35</v>
      </c>
      <c r="D34989" s="14" t="s">
        <v>146</v>
      </c>
      <c r="E34989" s="15">
        <v>45690</v>
      </c>
      <c r="F34989" s="14" t="s">
        <v>61</v>
      </c>
      <c r="G34989" s="16">
        <v>0</v>
      </c>
    </row>
    <row r="34990" spans="1:7" x14ac:dyDescent="0.3">
      <c r="A34990" s="13" t="s">
        <v>214</v>
      </c>
      <c r="B34990" s="14" t="s">
        <v>1</v>
      </c>
      <c r="C34990" s="14" t="s">
        <v>35</v>
      </c>
      <c r="D34990" s="14" t="s">
        <v>146</v>
      </c>
      <c r="E34990" s="15">
        <v>45691</v>
      </c>
      <c r="F34990" s="14" t="s">
        <v>61</v>
      </c>
      <c r="G34990" s="16">
        <v>0</v>
      </c>
    </row>
    <row r="34991" spans="1:7" x14ac:dyDescent="0.3">
      <c r="A34991" s="13" t="s">
        <v>214</v>
      </c>
      <c r="B34991" s="14" t="s">
        <v>1</v>
      </c>
      <c r="C34991" s="14" t="s">
        <v>35</v>
      </c>
      <c r="D34991" s="14" t="s">
        <v>146</v>
      </c>
      <c r="E34991" s="15">
        <v>45692</v>
      </c>
      <c r="F34991" s="14" t="s">
        <v>61</v>
      </c>
      <c r="G34991" s="16">
        <v>0</v>
      </c>
    </row>
    <row r="34992" spans="1:7" x14ac:dyDescent="0.3">
      <c r="A34992" s="13" t="s">
        <v>214</v>
      </c>
      <c r="B34992" s="14" t="s">
        <v>1</v>
      </c>
      <c r="C34992" s="14" t="s">
        <v>35</v>
      </c>
      <c r="D34992" s="14" t="s">
        <v>146</v>
      </c>
      <c r="E34992" s="15">
        <v>45693</v>
      </c>
      <c r="F34992" s="14" t="s">
        <v>61</v>
      </c>
      <c r="G34992" s="16">
        <v>0</v>
      </c>
    </row>
    <row r="34993" spans="1:7" x14ac:dyDescent="0.3">
      <c r="A34993" s="13" t="s">
        <v>214</v>
      </c>
      <c r="B34993" s="14" t="s">
        <v>1</v>
      </c>
      <c r="C34993" s="14" t="s">
        <v>35</v>
      </c>
      <c r="D34993" s="14" t="s">
        <v>146</v>
      </c>
      <c r="E34993" s="15">
        <v>45694</v>
      </c>
      <c r="F34993" s="14" t="s">
        <v>61</v>
      </c>
      <c r="G34993" s="16">
        <v>0</v>
      </c>
    </row>
    <row r="34994" spans="1:7" x14ac:dyDescent="0.3">
      <c r="A34994" s="13" t="s">
        <v>214</v>
      </c>
      <c r="B34994" s="14" t="s">
        <v>1</v>
      </c>
      <c r="C34994" s="14" t="s">
        <v>35</v>
      </c>
      <c r="D34994" s="14" t="s">
        <v>146</v>
      </c>
      <c r="E34994" s="15">
        <v>45695</v>
      </c>
      <c r="F34994" s="14" t="s">
        <v>61</v>
      </c>
      <c r="G34994" s="16">
        <v>0</v>
      </c>
    </row>
    <row r="34995" spans="1:7" x14ac:dyDescent="0.3">
      <c r="A34995" s="13" t="s">
        <v>214</v>
      </c>
      <c r="B34995" s="14" t="s">
        <v>1</v>
      </c>
      <c r="C34995" s="14" t="s">
        <v>35</v>
      </c>
      <c r="D34995" s="14" t="s">
        <v>146</v>
      </c>
      <c r="E34995" s="15">
        <v>45696</v>
      </c>
      <c r="F34995" s="14" t="s">
        <v>61</v>
      </c>
      <c r="G34995" s="16">
        <v>0</v>
      </c>
    </row>
    <row r="34996" spans="1:7" x14ac:dyDescent="0.3">
      <c r="A34996" s="13" t="s">
        <v>214</v>
      </c>
      <c r="B34996" s="14" t="s">
        <v>1</v>
      </c>
      <c r="C34996" s="14" t="s">
        <v>35</v>
      </c>
      <c r="D34996" s="14" t="s">
        <v>146</v>
      </c>
      <c r="E34996" s="15">
        <v>45697</v>
      </c>
      <c r="F34996" s="14" t="s">
        <v>61</v>
      </c>
      <c r="G34996" s="16">
        <v>0</v>
      </c>
    </row>
    <row r="34997" spans="1:7" x14ac:dyDescent="0.3">
      <c r="A34997" s="13" t="s">
        <v>214</v>
      </c>
      <c r="B34997" s="14" t="s">
        <v>1</v>
      </c>
      <c r="C34997" s="14" t="s">
        <v>35</v>
      </c>
      <c r="D34997" s="14" t="s">
        <v>146</v>
      </c>
      <c r="E34997" s="15">
        <v>45698</v>
      </c>
      <c r="F34997" s="14" t="s">
        <v>61</v>
      </c>
      <c r="G34997" s="16">
        <v>0</v>
      </c>
    </row>
    <row r="34998" spans="1:7" x14ac:dyDescent="0.3">
      <c r="A34998" s="13" t="s">
        <v>214</v>
      </c>
      <c r="B34998" s="14" t="s">
        <v>1</v>
      </c>
      <c r="C34998" s="14" t="s">
        <v>35</v>
      </c>
      <c r="D34998" s="14" t="s">
        <v>146</v>
      </c>
      <c r="E34998" s="15">
        <v>45699</v>
      </c>
      <c r="F34998" s="14" t="s">
        <v>61</v>
      </c>
      <c r="G34998" s="16">
        <v>0</v>
      </c>
    </row>
    <row r="34999" spans="1:7" x14ac:dyDescent="0.3">
      <c r="A34999" s="13" t="s">
        <v>214</v>
      </c>
      <c r="B34999" s="14" t="s">
        <v>1</v>
      </c>
      <c r="C34999" s="14" t="s">
        <v>35</v>
      </c>
      <c r="D34999" s="14" t="s">
        <v>146</v>
      </c>
      <c r="E34999" s="15">
        <v>45700</v>
      </c>
      <c r="F34999" s="14" t="s">
        <v>61</v>
      </c>
      <c r="G34999" s="16">
        <v>0</v>
      </c>
    </row>
    <row r="35000" spans="1:7" x14ac:dyDescent="0.3">
      <c r="A35000" s="13" t="s">
        <v>214</v>
      </c>
      <c r="B35000" s="14" t="s">
        <v>1</v>
      </c>
      <c r="C35000" s="14" t="s">
        <v>35</v>
      </c>
      <c r="D35000" s="14" t="s">
        <v>146</v>
      </c>
      <c r="E35000" s="15">
        <v>45701</v>
      </c>
      <c r="F35000" s="14" t="s">
        <v>61</v>
      </c>
      <c r="G35000" s="16">
        <v>0</v>
      </c>
    </row>
    <row r="35001" spans="1:7" x14ac:dyDescent="0.3">
      <c r="A35001" s="13" t="s">
        <v>214</v>
      </c>
      <c r="B35001" s="14" t="s">
        <v>1</v>
      </c>
      <c r="C35001" s="14" t="s">
        <v>35</v>
      </c>
      <c r="D35001" s="14" t="s">
        <v>146</v>
      </c>
      <c r="E35001" s="15">
        <v>45702</v>
      </c>
      <c r="F35001" s="14" t="s">
        <v>61</v>
      </c>
      <c r="G35001" s="16">
        <v>0</v>
      </c>
    </row>
    <row r="35002" spans="1:7" x14ac:dyDescent="0.3">
      <c r="A35002" s="13" t="s">
        <v>214</v>
      </c>
      <c r="B35002" s="14" t="s">
        <v>1</v>
      </c>
      <c r="C35002" s="14" t="s">
        <v>35</v>
      </c>
      <c r="D35002" s="14" t="s">
        <v>146</v>
      </c>
      <c r="E35002" s="15">
        <v>45703</v>
      </c>
      <c r="F35002" s="14" t="s">
        <v>61</v>
      </c>
      <c r="G35002" s="16">
        <v>0</v>
      </c>
    </row>
    <row r="35003" spans="1:7" x14ac:dyDescent="0.3">
      <c r="A35003" s="13" t="s">
        <v>214</v>
      </c>
      <c r="B35003" s="14" t="s">
        <v>1</v>
      </c>
      <c r="C35003" s="14" t="s">
        <v>35</v>
      </c>
      <c r="D35003" s="14" t="s">
        <v>146</v>
      </c>
      <c r="E35003" s="15">
        <v>45704</v>
      </c>
      <c r="F35003" s="14" t="s">
        <v>61</v>
      </c>
      <c r="G35003" s="16">
        <v>0</v>
      </c>
    </row>
    <row r="35004" spans="1:7" x14ac:dyDescent="0.3">
      <c r="A35004" s="13" t="s">
        <v>214</v>
      </c>
      <c r="B35004" s="14" t="s">
        <v>1</v>
      </c>
      <c r="C35004" s="14" t="s">
        <v>35</v>
      </c>
      <c r="D35004" s="14" t="s">
        <v>146</v>
      </c>
      <c r="E35004" s="15">
        <v>45705</v>
      </c>
      <c r="F35004" s="14" t="s">
        <v>61</v>
      </c>
      <c r="G35004" s="16">
        <v>0</v>
      </c>
    </row>
    <row r="35005" spans="1:7" x14ac:dyDescent="0.3">
      <c r="A35005" s="13" t="s">
        <v>214</v>
      </c>
      <c r="B35005" s="14" t="s">
        <v>1</v>
      </c>
      <c r="C35005" s="14" t="s">
        <v>35</v>
      </c>
      <c r="D35005" s="14" t="s">
        <v>146</v>
      </c>
      <c r="E35005" s="15">
        <v>45706</v>
      </c>
      <c r="F35005" s="14" t="s">
        <v>61</v>
      </c>
      <c r="G35005" s="16">
        <v>0</v>
      </c>
    </row>
    <row r="35006" spans="1:7" x14ac:dyDescent="0.3">
      <c r="A35006" s="13" t="s">
        <v>214</v>
      </c>
      <c r="B35006" s="14" t="s">
        <v>1</v>
      </c>
      <c r="C35006" s="14" t="s">
        <v>35</v>
      </c>
      <c r="D35006" s="14" t="s">
        <v>146</v>
      </c>
      <c r="E35006" s="15">
        <v>45707</v>
      </c>
      <c r="F35006" s="14" t="s">
        <v>61</v>
      </c>
      <c r="G35006" s="16">
        <v>0</v>
      </c>
    </row>
    <row r="35007" spans="1:7" x14ac:dyDescent="0.3">
      <c r="A35007" s="13" t="s">
        <v>214</v>
      </c>
      <c r="B35007" s="14" t="s">
        <v>1</v>
      </c>
      <c r="C35007" s="14" t="s">
        <v>35</v>
      </c>
      <c r="D35007" s="14" t="s">
        <v>146</v>
      </c>
      <c r="E35007" s="15">
        <v>45708</v>
      </c>
      <c r="F35007" s="14" t="s">
        <v>61</v>
      </c>
      <c r="G35007" s="16">
        <v>0</v>
      </c>
    </row>
    <row r="35008" spans="1:7" x14ac:dyDescent="0.3">
      <c r="A35008" s="13" t="s">
        <v>214</v>
      </c>
      <c r="B35008" s="14" t="s">
        <v>1</v>
      </c>
      <c r="C35008" s="14" t="s">
        <v>35</v>
      </c>
      <c r="D35008" s="14" t="s">
        <v>146</v>
      </c>
      <c r="E35008" s="15">
        <v>45709</v>
      </c>
      <c r="F35008" s="14" t="s">
        <v>61</v>
      </c>
      <c r="G35008" s="16">
        <v>0</v>
      </c>
    </row>
    <row r="35009" spans="1:7" x14ac:dyDescent="0.3">
      <c r="A35009" s="13" t="s">
        <v>214</v>
      </c>
      <c r="B35009" s="14" t="s">
        <v>1</v>
      </c>
      <c r="C35009" s="14" t="s">
        <v>35</v>
      </c>
      <c r="D35009" s="14" t="s">
        <v>146</v>
      </c>
      <c r="E35009" s="15">
        <v>45710</v>
      </c>
      <c r="F35009" s="14" t="s">
        <v>61</v>
      </c>
      <c r="G35009" s="16">
        <v>0</v>
      </c>
    </row>
    <row r="35010" spans="1:7" x14ac:dyDescent="0.3">
      <c r="A35010" s="13" t="s">
        <v>214</v>
      </c>
      <c r="B35010" s="14" t="s">
        <v>1</v>
      </c>
      <c r="C35010" s="14" t="s">
        <v>35</v>
      </c>
      <c r="D35010" s="14" t="s">
        <v>146</v>
      </c>
      <c r="E35010" s="15">
        <v>45711</v>
      </c>
      <c r="F35010" s="14" t="s">
        <v>61</v>
      </c>
      <c r="G35010" s="16">
        <v>0</v>
      </c>
    </row>
    <row r="35011" spans="1:7" x14ac:dyDescent="0.3">
      <c r="A35011" s="13" t="s">
        <v>214</v>
      </c>
      <c r="B35011" s="14" t="s">
        <v>1</v>
      </c>
      <c r="C35011" s="14" t="s">
        <v>35</v>
      </c>
      <c r="D35011" s="14" t="s">
        <v>146</v>
      </c>
      <c r="E35011" s="15">
        <v>45712</v>
      </c>
      <c r="F35011" s="14" t="s">
        <v>61</v>
      </c>
      <c r="G35011" s="16">
        <v>0</v>
      </c>
    </row>
    <row r="35012" spans="1:7" x14ac:dyDescent="0.3">
      <c r="A35012" s="13" t="s">
        <v>214</v>
      </c>
      <c r="B35012" s="14" t="s">
        <v>1</v>
      </c>
      <c r="C35012" s="14" t="s">
        <v>35</v>
      </c>
      <c r="D35012" s="14" t="s">
        <v>146</v>
      </c>
      <c r="E35012" s="15">
        <v>45713</v>
      </c>
      <c r="F35012" s="14" t="s">
        <v>61</v>
      </c>
      <c r="G35012" s="16">
        <v>0</v>
      </c>
    </row>
    <row r="35013" spans="1:7" x14ac:dyDescent="0.3">
      <c r="A35013" s="13" t="s">
        <v>214</v>
      </c>
      <c r="B35013" s="14" t="s">
        <v>1</v>
      </c>
      <c r="C35013" s="14" t="s">
        <v>35</v>
      </c>
      <c r="D35013" s="14" t="s">
        <v>146</v>
      </c>
      <c r="E35013" s="15">
        <v>45714</v>
      </c>
      <c r="F35013" s="14" t="s">
        <v>61</v>
      </c>
      <c r="G35013" s="16">
        <v>0</v>
      </c>
    </row>
    <row r="35014" spans="1:7" x14ac:dyDescent="0.3">
      <c r="A35014" s="13" t="s">
        <v>214</v>
      </c>
      <c r="B35014" s="14" t="s">
        <v>1</v>
      </c>
      <c r="C35014" s="14" t="s">
        <v>35</v>
      </c>
      <c r="D35014" s="14" t="s">
        <v>146</v>
      </c>
      <c r="E35014" s="15">
        <v>45715</v>
      </c>
      <c r="F35014" s="14" t="s">
        <v>61</v>
      </c>
      <c r="G35014" s="16">
        <v>0</v>
      </c>
    </row>
    <row r="35015" spans="1:7" x14ac:dyDescent="0.3">
      <c r="A35015" s="13" t="s">
        <v>214</v>
      </c>
      <c r="B35015" s="14" t="s">
        <v>1</v>
      </c>
      <c r="C35015" s="14" t="s">
        <v>35</v>
      </c>
      <c r="D35015" s="14" t="s">
        <v>146</v>
      </c>
      <c r="E35015" s="15">
        <v>45716</v>
      </c>
      <c r="F35015" s="14" t="s">
        <v>61</v>
      </c>
      <c r="G35015" s="16">
        <v>0</v>
      </c>
    </row>
    <row r="35016" spans="1:7" x14ac:dyDescent="0.3">
      <c r="A35016" s="13" t="s">
        <v>214</v>
      </c>
      <c r="B35016" s="14" t="s">
        <v>1</v>
      </c>
      <c r="C35016" s="14" t="s">
        <v>35</v>
      </c>
      <c r="D35016" s="14" t="s">
        <v>146</v>
      </c>
      <c r="E35016" s="15">
        <v>45717</v>
      </c>
      <c r="F35016" s="14" t="s">
        <v>61</v>
      </c>
      <c r="G35016" s="16">
        <v>0</v>
      </c>
    </row>
    <row r="35017" spans="1:7" x14ac:dyDescent="0.3">
      <c r="A35017" s="13" t="s">
        <v>214</v>
      </c>
      <c r="B35017" s="14" t="s">
        <v>1</v>
      </c>
      <c r="C35017" s="14" t="s">
        <v>35</v>
      </c>
      <c r="D35017" s="14" t="s">
        <v>146</v>
      </c>
      <c r="E35017" s="15">
        <v>45718</v>
      </c>
      <c r="F35017" s="14" t="s">
        <v>61</v>
      </c>
      <c r="G35017" s="16">
        <v>0</v>
      </c>
    </row>
    <row r="35018" spans="1:7" x14ac:dyDescent="0.3">
      <c r="A35018" s="13" t="s">
        <v>214</v>
      </c>
      <c r="B35018" s="14" t="s">
        <v>1</v>
      </c>
      <c r="C35018" s="14" t="s">
        <v>35</v>
      </c>
      <c r="D35018" s="14" t="s">
        <v>146</v>
      </c>
      <c r="E35018" s="15">
        <v>45719</v>
      </c>
      <c r="F35018" s="14" t="s">
        <v>61</v>
      </c>
      <c r="G35018" s="16">
        <v>0</v>
      </c>
    </row>
    <row r="35019" spans="1:7" x14ac:dyDescent="0.3">
      <c r="A35019" s="13" t="s">
        <v>214</v>
      </c>
      <c r="B35019" s="14" t="s">
        <v>1</v>
      </c>
      <c r="C35019" s="14" t="s">
        <v>35</v>
      </c>
      <c r="D35019" s="14" t="s">
        <v>146</v>
      </c>
      <c r="E35019" s="15">
        <v>45720</v>
      </c>
      <c r="F35019" s="14" t="s">
        <v>61</v>
      </c>
      <c r="G35019" s="16">
        <v>0</v>
      </c>
    </row>
    <row r="35020" spans="1:7" x14ac:dyDescent="0.3">
      <c r="A35020" s="13" t="s">
        <v>214</v>
      </c>
      <c r="B35020" s="14" t="s">
        <v>1</v>
      </c>
      <c r="C35020" s="14" t="s">
        <v>35</v>
      </c>
      <c r="D35020" s="14" t="s">
        <v>146</v>
      </c>
      <c r="E35020" s="15">
        <v>45721</v>
      </c>
      <c r="F35020" s="14" t="s">
        <v>61</v>
      </c>
      <c r="G35020" s="16">
        <v>0</v>
      </c>
    </row>
    <row r="35021" spans="1:7" x14ac:dyDescent="0.3">
      <c r="A35021" s="13" t="s">
        <v>214</v>
      </c>
      <c r="B35021" s="14" t="s">
        <v>1</v>
      </c>
      <c r="C35021" s="14" t="s">
        <v>35</v>
      </c>
      <c r="D35021" s="14" t="s">
        <v>146</v>
      </c>
      <c r="E35021" s="15">
        <v>45722</v>
      </c>
      <c r="F35021" s="14" t="s">
        <v>61</v>
      </c>
      <c r="G35021" s="16">
        <v>0</v>
      </c>
    </row>
    <row r="35022" spans="1:7" x14ac:dyDescent="0.3">
      <c r="A35022" s="13" t="s">
        <v>214</v>
      </c>
      <c r="B35022" s="14" t="s">
        <v>1</v>
      </c>
      <c r="C35022" s="14" t="s">
        <v>35</v>
      </c>
      <c r="D35022" s="14" t="s">
        <v>146</v>
      </c>
      <c r="E35022" s="15">
        <v>45723</v>
      </c>
      <c r="F35022" s="14" t="s">
        <v>61</v>
      </c>
      <c r="G35022" s="16">
        <v>0</v>
      </c>
    </row>
    <row r="35023" spans="1:7" x14ac:dyDescent="0.3">
      <c r="A35023" s="13" t="s">
        <v>214</v>
      </c>
      <c r="B35023" s="14" t="s">
        <v>1</v>
      </c>
      <c r="C35023" s="14" t="s">
        <v>35</v>
      </c>
      <c r="D35023" s="14" t="s">
        <v>146</v>
      </c>
      <c r="E35023" s="15">
        <v>45724</v>
      </c>
      <c r="F35023" s="14" t="s">
        <v>61</v>
      </c>
      <c r="G35023" s="16">
        <v>0</v>
      </c>
    </row>
    <row r="35024" spans="1:7" x14ac:dyDescent="0.3">
      <c r="A35024" s="13" t="s">
        <v>214</v>
      </c>
      <c r="B35024" s="14" t="s">
        <v>1</v>
      </c>
      <c r="C35024" s="14" t="s">
        <v>35</v>
      </c>
      <c r="D35024" s="14" t="s">
        <v>146</v>
      </c>
      <c r="E35024" s="15">
        <v>45725</v>
      </c>
      <c r="F35024" s="14" t="s">
        <v>61</v>
      </c>
      <c r="G35024" s="16">
        <v>0</v>
      </c>
    </row>
    <row r="35025" spans="1:7" x14ac:dyDescent="0.3">
      <c r="A35025" s="13" t="s">
        <v>214</v>
      </c>
      <c r="B35025" s="14" t="s">
        <v>1</v>
      </c>
      <c r="C35025" s="14" t="s">
        <v>35</v>
      </c>
      <c r="D35025" s="14" t="s">
        <v>146</v>
      </c>
      <c r="E35025" s="15">
        <v>45726</v>
      </c>
      <c r="F35025" s="14" t="s">
        <v>61</v>
      </c>
      <c r="G35025" s="16">
        <v>0</v>
      </c>
    </row>
    <row r="35026" spans="1:7" x14ac:dyDescent="0.3">
      <c r="A35026" s="13" t="s">
        <v>214</v>
      </c>
      <c r="B35026" s="14" t="s">
        <v>1</v>
      </c>
      <c r="C35026" s="14" t="s">
        <v>35</v>
      </c>
      <c r="D35026" s="14" t="s">
        <v>146</v>
      </c>
      <c r="E35026" s="15">
        <v>45727</v>
      </c>
      <c r="F35026" s="14" t="s">
        <v>61</v>
      </c>
      <c r="G35026" s="16">
        <v>0</v>
      </c>
    </row>
    <row r="35027" spans="1:7" x14ac:dyDescent="0.3">
      <c r="A35027" s="13" t="s">
        <v>214</v>
      </c>
      <c r="B35027" s="14" t="s">
        <v>1</v>
      </c>
      <c r="C35027" s="14" t="s">
        <v>35</v>
      </c>
      <c r="D35027" s="14" t="s">
        <v>146</v>
      </c>
      <c r="E35027" s="15">
        <v>45728</v>
      </c>
      <c r="F35027" s="14" t="s">
        <v>61</v>
      </c>
      <c r="G35027" s="16">
        <v>0</v>
      </c>
    </row>
    <row r="35028" spans="1:7" x14ac:dyDescent="0.3">
      <c r="A35028" s="13" t="s">
        <v>214</v>
      </c>
      <c r="B35028" s="14" t="s">
        <v>1</v>
      </c>
      <c r="C35028" s="14" t="s">
        <v>35</v>
      </c>
      <c r="D35028" s="14" t="s">
        <v>146</v>
      </c>
      <c r="E35028" s="15">
        <v>45729</v>
      </c>
      <c r="F35028" s="14" t="s">
        <v>61</v>
      </c>
      <c r="G35028" s="16">
        <v>0</v>
      </c>
    </row>
    <row r="35029" spans="1:7" x14ac:dyDescent="0.3">
      <c r="A35029" s="13" t="s">
        <v>214</v>
      </c>
      <c r="B35029" s="14" t="s">
        <v>1</v>
      </c>
      <c r="C35029" s="14" t="s">
        <v>35</v>
      </c>
      <c r="D35029" s="14" t="s">
        <v>146</v>
      </c>
      <c r="E35029" s="15">
        <v>45730</v>
      </c>
      <c r="F35029" s="14" t="s">
        <v>61</v>
      </c>
      <c r="G35029" s="16">
        <v>0</v>
      </c>
    </row>
    <row r="35030" spans="1:7" x14ac:dyDescent="0.3">
      <c r="A35030" s="13" t="s">
        <v>214</v>
      </c>
      <c r="B35030" s="14" t="s">
        <v>1</v>
      </c>
      <c r="C35030" s="14" t="s">
        <v>35</v>
      </c>
      <c r="D35030" s="14" t="s">
        <v>146</v>
      </c>
      <c r="E35030" s="15">
        <v>45731</v>
      </c>
      <c r="F35030" s="14" t="s">
        <v>61</v>
      </c>
      <c r="G35030" s="16">
        <v>0</v>
      </c>
    </row>
    <row r="35031" spans="1:7" x14ac:dyDescent="0.3">
      <c r="A35031" s="13" t="s">
        <v>214</v>
      </c>
      <c r="B35031" s="14" t="s">
        <v>1</v>
      </c>
      <c r="C35031" s="14" t="s">
        <v>35</v>
      </c>
      <c r="D35031" s="14" t="s">
        <v>146</v>
      </c>
      <c r="E35031" s="15">
        <v>45732</v>
      </c>
      <c r="F35031" s="14" t="s">
        <v>61</v>
      </c>
      <c r="G35031" s="16">
        <v>0</v>
      </c>
    </row>
    <row r="35032" spans="1:7" x14ac:dyDescent="0.3">
      <c r="A35032" s="13" t="s">
        <v>214</v>
      </c>
      <c r="B35032" s="14" t="s">
        <v>1</v>
      </c>
      <c r="C35032" s="14" t="s">
        <v>35</v>
      </c>
      <c r="D35032" s="14" t="s">
        <v>146</v>
      </c>
      <c r="E35032" s="15">
        <v>45733</v>
      </c>
      <c r="F35032" s="14" t="s">
        <v>61</v>
      </c>
      <c r="G35032" s="16">
        <v>0</v>
      </c>
    </row>
    <row r="35033" spans="1:7" x14ac:dyDescent="0.3">
      <c r="A35033" s="13" t="s">
        <v>214</v>
      </c>
      <c r="B35033" s="14" t="s">
        <v>1</v>
      </c>
      <c r="C35033" s="14" t="s">
        <v>35</v>
      </c>
      <c r="D35033" s="14" t="s">
        <v>146</v>
      </c>
      <c r="E35033" s="15">
        <v>45734</v>
      </c>
      <c r="F35033" s="14" t="s">
        <v>61</v>
      </c>
      <c r="G35033" s="16">
        <v>0</v>
      </c>
    </row>
    <row r="35034" spans="1:7" x14ac:dyDescent="0.3">
      <c r="A35034" s="13" t="s">
        <v>214</v>
      </c>
      <c r="B35034" s="14" t="s">
        <v>1</v>
      </c>
      <c r="C35034" s="14" t="s">
        <v>35</v>
      </c>
      <c r="D35034" s="14" t="s">
        <v>146</v>
      </c>
      <c r="E35034" s="15">
        <v>45735</v>
      </c>
      <c r="F35034" s="14" t="s">
        <v>61</v>
      </c>
      <c r="G35034" s="16">
        <v>0</v>
      </c>
    </row>
    <row r="35035" spans="1:7" x14ac:dyDescent="0.3">
      <c r="A35035" s="13" t="s">
        <v>214</v>
      </c>
      <c r="B35035" s="14" t="s">
        <v>1</v>
      </c>
      <c r="C35035" s="14" t="s">
        <v>35</v>
      </c>
      <c r="D35035" s="14" t="s">
        <v>146</v>
      </c>
      <c r="E35035" s="15">
        <v>45736</v>
      </c>
      <c r="F35035" s="14" t="s">
        <v>61</v>
      </c>
      <c r="G35035" s="16">
        <v>0</v>
      </c>
    </row>
    <row r="35036" spans="1:7" x14ac:dyDescent="0.3">
      <c r="A35036" s="13" t="s">
        <v>214</v>
      </c>
      <c r="B35036" s="14" t="s">
        <v>1</v>
      </c>
      <c r="C35036" s="14" t="s">
        <v>35</v>
      </c>
      <c r="D35036" s="14" t="s">
        <v>146</v>
      </c>
      <c r="E35036" s="15">
        <v>45737</v>
      </c>
      <c r="F35036" s="14" t="s">
        <v>61</v>
      </c>
      <c r="G35036" s="16">
        <v>0</v>
      </c>
    </row>
    <row r="35037" spans="1:7" x14ac:dyDescent="0.3">
      <c r="A35037" s="13" t="s">
        <v>214</v>
      </c>
      <c r="B35037" s="14" t="s">
        <v>1</v>
      </c>
      <c r="C35037" s="14" t="s">
        <v>35</v>
      </c>
      <c r="D35037" s="14" t="s">
        <v>146</v>
      </c>
      <c r="E35037" s="15">
        <v>45738</v>
      </c>
      <c r="F35037" s="14" t="s">
        <v>61</v>
      </c>
      <c r="G35037" s="16">
        <v>0</v>
      </c>
    </row>
    <row r="35038" spans="1:7" x14ac:dyDescent="0.3">
      <c r="A35038" s="13" t="s">
        <v>214</v>
      </c>
      <c r="B35038" s="14" t="s">
        <v>1</v>
      </c>
      <c r="C35038" s="14" t="s">
        <v>35</v>
      </c>
      <c r="D35038" s="14" t="s">
        <v>146</v>
      </c>
      <c r="E35038" s="15">
        <v>45739</v>
      </c>
      <c r="F35038" s="14" t="s">
        <v>61</v>
      </c>
      <c r="G35038" s="16">
        <v>0</v>
      </c>
    </row>
    <row r="35039" spans="1:7" x14ac:dyDescent="0.3">
      <c r="A35039" s="13" t="s">
        <v>214</v>
      </c>
      <c r="B35039" s="14" t="s">
        <v>1</v>
      </c>
      <c r="C35039" s="14" t="s">
        <v>35</v>
      </c>
      <c r="D35039" s="14" t="s">
        <v>146</v>
      </c>
      <c r="E35039" s="15">
        <v>45740</v>
      </c>
      <c r="F35039" s="14" t="s">
        <v>61</v>
      </c>
      <c r="G35039" s="16">
        <v>0</v>
      </c>
    </row>
    <row r="35040" spans="1:7" x14ac:dyDescent="0.3">
      <c r="A35040" s="13" t="s">
        <v>214</v>
      </c>
      <c r="B35040" s="14" t="s">
        <v>1</v>
      </c>
      <c r="C35040" s="14" t="s">
        <v>35</v>
      </c>
      <c r="D35040" s="14" t="s">
        <v>146</v>
      </c>
      <c r="E35040" s="15">
        <v>45741</v>
      </c>
      <c r="F35040" s="14" t="s">
        <v>61</v>
      </c>
      <c r="G35040" s="16">
        <v>0</v>
      </c>
    </row>
    <row r="35041" spans="1:7" x14ac:dyDescent="0.3">
      <c r="A35041" s="13" t="s">
        <v>214</v>
      </c>
      <c r="B35041" s="14" t="s">
        <v>1</v>
      </c>
      <c r="C35041" s="14" t="s">
        <v>35</v>
      </c>
      <c r="D35041" s="14" t="s">
        <v>146</v>
      </c>
      <c r="E35041" s="15">
        <v>45742</v>
      </c>
      <c r="F35041" s="14" t="s">
        <v>61</v>
      </c>
      <c r="G35041" s="16">
        <v>0</v>
      </c>
    </row>
    <row r="35042" spans="1:7" x14ac:dyDescent="0.3">
      <c r="A35042" s="13" t="s">
        <v>214</v>
      </c>
      <c r="B35042" s="14" t="s">
        <v>1</v>
      </c>
      <c r="C35042" s="14" t="s">
        <v>35</v>
      </c>
      <c r="D35042" s="14" t="s">
        <v>146</v>
      </c>
      <c r="E35042" s="15">
        <v>45743</v>
      </c>
      <c r="F35042" s="14" t="s">
        <v>61</v>
      </c>
      <c r="G35042" s="16">
        <v>0</v>
      </c>
    </row>
    <row r="35043" spans="1:7" x14ac:dyDescent="0.3">
      <c r="A35043" s="13" t="s">
        <v>214</v>
      </c>
      <c r="B35043" s="14" t="s">
        <v>1</v>
      </c>
      <c r="C35043" s="14" t="s">
        <v>35</v>
      </c>
      <c r="D35043" s="14" t="s">
        <v>146</v>
      </c>
      <c r="E35043" s="15">
        <v>45744</v>
      </c>
      <c r="F35043" s="14" t="s">
        <v>61</v>
      </c>
      <c r="G35043" s="16">
        <v>0</v>
      </c>
    </row>
    <row r="35044" spans="1:7" x14ac:dyDescent="0.3">
      <c r="A35044" s="13" t="s">
        <v>214</v>
      </c>
      <c r="B35044" s="14" t="s">
        <v>1</v>
      </c>
      <c r="C35044" s="14" t="s">
        <v>35</v>
      </c>
      <c r="D35044" s="14" t="s">
        <v>146</v>
      </c>
      <c r="E35044" s="15">
        <v>45745</v>
      </c>
      <c r="F35044" s="14" t="s">
        <v>61</v>
      </c>
      <c r="G35044" s="16">
        <v>0</v>
      </c>
    </row>
    <row r="35045" spans="1:7" x14ac:dyDescent="0.3">
      <c r="A35045" s="13" t="s">
        <v>214</v>
      </c>
      <c r="B35045" s="14" t="s">
        <v>1</v>
      </c>
      <c r="C35045" s="14" t="s">
        <v>35</v>
      </c>
      <c r="D35045" s="14" t="s">
        <v>146</v>
      </c>
      <c r="E35045" s="15">
        <v>45746</v>
      </c>
      <c r="F35045" s="14" t="s">
        <v>61</v>
      </c>
      <c r="G35045" s="16">
        <v>0</v>
      </c>
    </row>
    <row r="35046" spans="1:7" x14ac:dyDescent="0.3">
      <c r="A35046" s="13" t="s">
        <v>214</v>
      </c>
      <c r="B35046" s="14" t="s">
        <v>1</v>
      </c>
      <c r="C35046" s="14" t="s">
        <v>35</v>
      </c>
      <c r="D35046" s="14" t="s">
        <v>146</v>
      </c>
      <c r="E35046" s="15">
        <v>45747</v>
      </c>
      <c r="F35046" s="14" t="s">
        <v>61</v>
      </c>
      <c r="G35046" s="16">
        <v>0</v>
      </c>
    </row>
    <row r="35047" spans="1:7" x14ac:dyDescent="0.3">
      <c r="A35047" s="13" t="s">
        <v>215</v>
      </c>
      <c r="B35047" s="14" t="s">
        <v>1</v>
      </c>
      <c r="C35047" s="14" t="s">
        <v>70</v>
      </c>
      <c r="D35047" s="14" t="s">
        <v>216</v>
      </c>
      <c r="E35047" s="15">
        <v>45383</v>
      </c>
      <c r="F35047" s="14" t="s">
        <v>53</v>
      </c>
      <c r="G35047" s="16">
        <v>0</v>
      </c>
    </row>
    <row r="35048" spans="1:7" x14ac:dyDescent="0.3">
      <c r="A35048" s="13" t="s">
        <v>215</v>
      </c>
      <c r="B35048" s="14" t="s">
        <v>1</v>
      </c>
      <c r="C35048" s="14" t="s">
        <v>70</v>
      </c>
      <c r="D35048" s="14" t="s">
        <v>216</v>
      </c>
      <c r="E35048" s="15">
        <v>45384</v>
      </c>
      <c r="F35048" s="14" t="s">
        <v>53</v>
      </c>
      <c r="G35048" s="16">
        <v>0</v>
      </c>
    </row>
    <row r="35049" spans="1:7" x14ac:dyDescent="0.3">
      <c r="A35049" s="13" t="s">
        <v>215</v>
      </c>
      <c r="B35049" s="14" t="s">
        <v>1</v>
      </c>
      <c r="C35049" s="14" t="s">
        <v>70</v>
      </c>
      <c r="D35049" s="14" t="s">
        <v>216</v>
      </c>
      <c r="E35049" s="15">
        <v>45385</v>
      </c>
      <c r="F35049" s="14" t="s">
        <v>53</v>
      </c>
      <c r="G35049" s="16">
        <v>4.0593590698566877E-2</v>
      </c>
    </row>
    <row r="35050" spans="1:7" x14ac:dyDescent="0.3">
      <c r="A35050" s="13" t="s">
        <v>215</v>
      </c>
      <c r="B35050" s="14" t="s">
        <v>1</v>
      </c>
      <c r="C35050" s="14" t="s">
        <v>70</v>
      </c>
      <c r="D35050" s="14" t="s">
        <v>216</v>
      </c>
      <c r="E35050" s="15">
        <v>45386</v>
      </c>
      <c r="F35050" s="14" t="s">
        <v>53</v>
      </c>
      <c r="G35050" s="16">
        <v>5.1156675588665934E-2</v>
      </c>
    </row>
    <row r="35051" spans="1:7" x14ac:dyDescent="0.3">
      <c r="A35051" s="13" t="s">
        <v>215</v>
      </c>
      <c r="B35051" s="14" t="s">
        <v>1</v>
      </c>
      <c r="C35051" s="14" t="s">
        <v>70</v>
      </c>
      <c r="D35051" s="14" t="s">
        <v>216</v>
      </c>
      <c r="E35051" s="15">
        <v>45387</v>
      </c>
      <c r="F35051" s="14" t="s">
        <v>53</v>
      </c>
      <c r="G35051" s="16">
        <v>7.080669652083324E-2</v>
      </c>
    </row>
    <row r="35052" spans="1:7" x14ac:dyDescent="0.3">
      <c r="A35052" s="13" t="s">
        <v>215</v>
      </c>
      <c r="B35052" s="14" t="s">
        <v>1</v>
      </c>
      <c r="C35052" s="14" t="s">
        <v>70</v>
      </c>
      <c r="D35052" s="14" t="s">
        <v>216</v>
      </c>
      <c r="E35052" s="15">
        <v>45388</v>
      </c>
      <c r="F35052" s="14" t="s">
        <v>53</v>
      </c>
      <c r="G35052" s="16">
        <v>7.080669652083324E-2</v>
      </c>
    </row>
    <row r="35053" spans="1:7" x14ac:dyDescent="0.3">
      <c r="A35053" s="13" t="s">
        <v>215</v>
      </c>
      <c r="B35053" s="14" t="s">
        <v>1</v>
      </c>
      <c r="C35053" s="14" t="s">
        <v>70</v>
      </c>
      <c r="D35053" s="14" t="s">
        <v>216</v>
      </c>
      <c r="E35053" s="15">
        <v>45389</v>
      </c>
      <c r="F35053" s="14" t="s">
        <v>53</v>
      </c>
      <c r="G35053" s="16">
        <v>7.080669652083324E-2</v>
      </c>
    </row>
    <row r="35054" spans="1:7" x14ac:dyDescent="0.3">
      <c r="A35054" s="13" t="s">
        <v>215</v>
      </c>
      <c r="B35054" s="14" t="s">
        <v>1</v>
      </c>
      <c r="C35054" s="14" t="s">
        <v>70</v>
      </c>
      <c r="D35054" s="14" t="s">
        <v>216</v>
      </c>
      <c r="E35054" s="15">
        <v>45390</v>
      </c>
      <c r="F35054" s="14" t="s">
        <v>53</v>
      </c>
      <c r="G35054" s="16">
        <v>9.2526317938150318E-2</v>
      </c>
    </row>
    <row r="35055" spans="1:7" x14ac:dyDescent="0.3">
      <c r="A35055" s="13" t="s">
        <v>215</v>
      </c>
      <c r="B35055" s="14" t="s">
        <v>1</v>
      </c>
      <c r="C35055" s="14" t="s">
        <v>70</v>
      </c>
      <c r="D35055" s="14" t="s">
        <v>216</v>
      </c>
      <c r="E35055" s="15">
        <v>45391</v>
      </c>
      <c r="F35055" s="14" t="s">
        <v>53</v>
      </c>
      <c r="G35055" s="16">
        <v>0.11170449295585611</v>
      </c>
    </row>
    <row r="35056" spans="1:7" x14ac:dyDescent="0.3">
      <c r="A35056" s="13" t="s">
        <v>215</v>
      </c>
      <c r="B35056" s="14" t="s">
        <v>1</v>
      </c>
      <c r="C35056" s="14" t="s">
        <v>70</v>
      </c>
      <c r="D35056" s="14" t="s">
        <v>216</v>
      </c>
      <c r="E35056" s="15">
        <v>45392</v>
      </c>
      <c r="F35056" s="14" t="s">
        <v>53</v>
      </c>
      <c r="G35056" s="16">
        <v>0.13252363783129847</v>
      </c>
    </row>
    <row r="35057" spans="1:7" x14ac:dyDescent="0.3">
      <c r="A35057" s="13" t="s">
        <v>215</v>
      </c>
      <c r="B35057" s="14" t="s">
        <v>1</v>
      </c>
      <c r="C35057" s="14" t="s">
        <v>70</v>
      </c>
      <c r="D35057" s="14" t="s">
        <v>216</v>
      </c>
      <c r="E35057" s="15">
        <v>45393</v>
      </c>
      <c r="F35057" s="14" t="s">
        <v>53</v>
      </c>
      <c r="G35057" s="16">
        <v>0.13772007799819733</v>
      </c>
    </row>
    <row r="35058" spans="1:7" x14ac:dyDescent="0.3">
      <c r="A35058" s="13" t="s">
        <v>215</v>
      </c>
      <c r="B35058" s="14" t="s">
        <v>1</v>
      </c>
      <c r="C35058" s="14" t="s">
        <v>70</v>
      </c>
      <c r="D35058" s="14" t="s">
        <v>216</v>
      </c>
      <c r="E35058" s="15">
        <v>45394</v>
      </c>
      <c r="F35058" s="14" t="s">
        <v>53</v>
      </c>
      <c r="G35058" s="16">
        <v>0.14452593802283276</v>
      </c>
    </row>
    <row r="35059" spans="1:7" x14ac:dyDescent="0.3">
      <c r="A35059" s="13" t="s">
        <v>215</v>
      </c>
      <c r="B35059" s="14" t="s">
        <v>1</v>
      </c>
      <c r="C35059" s="14" t="s">
        <v>70</v>
      </c>
      <c r="D35059" s="14" t="s">
        <v>216</v>
      </c>
      <c r="E35059" s="15">
        <v>45395</v>
      </c>
      <c r="F35059" s="14" t="s">
        <v>53</v>
      </c>
      <c r="G35059" s="16">
        <v>0.14452593802283276</v>
      </c>
    </row>
    <row r="35060" spans="1:7" x14ac:dyDescent="0.3">
      <c r="A35060" s="13" t="s">
        <v>215</v>
      </c>
      <c r="B35060" s="14" t="s">
        <v>1</v>
      </c>
      <c r="C35060" s="14" t="s">
        <v>70</v>
      </c>
      <c r="D35060" s="14" t="s">
        <v>216</v>
      </c>
      <c r="E35060" s="15">
        <v>45396</v>
      </c>
      <c r="F35060" s="14" t="s">
        <v>53</v>
      </c>
      <c r="G35060" s="16">
        <v>0.14452593802283276</v>
      </c>
    </row>
    <row r="35061" spans="1:7" x14ac:dyDescent="0.3">
      <c r="A35061" s="13" t="s">
        <v>215</v>
      </c>
      <c r="B35061" s="14" t="s">
        <v>1</v>
      </c>
      <c r="C35061" s="14" t="s">
        <v>70</v>
      </c>
      <c r="D35061" s="14" t="s">
        <v>216</v>
      </c>
      <c r="E35061" s="15">
        <v>45397</v>
      </c>
      <c r="F35061" s="14" t="s">
        <v>53</v>
      </c>
      <c r="G35061" s="16">
        <v>0.17227855439594139</v>
      </c>
    </row>
    <row r="35062" spans="1:7" x14ac:dyDescent="0.3">
      <c r="A35062" s="13" t="s">
        <v>215</v>
      </c>
      <c r="B35062" s="14" t="s">
        <v>1</v>
      </c>
      <c r="C35062" s="14" t="s">
        <v>70</v>
      </c>
      <c r="D35062" s="14" t="s">
        <v>216</v>
      </c>
      <c r="E35062" s="15">
        <v>45398</v>
      </c>
      <c r="F35062" s="14" t="s">
        <v>53</v>
      </c>
      <c r="G35062" s="16">
        <v>0.19205856006591213</v>
      </c>
    </row>
    <row r="35063" spans="1:7" x14ac:dyDescent="0.3">
      <c r="A35063" s="13" t="s">
        <v>215</v>
      </c>
      <c r="B35063" s="14" t="s">
        <v>1</v>
      </c>
      <c r="C35063" s="14" t="s">
        <v>70</v>
      </c>
      <c r="D35063" s="14" t="s">
        <v>216</v>
      </c>
      <c r="E35063" s="15">
        <v>45399</v>
      </c>
      <c r="F35063" s="14" t="s">
        <v>53</v>
      </c>
      <c r="G35063" s="16">
        <v>0.23671733362153083</v>
      </c>
    </row>
    <row r="35064" spans="1:7" x14ac:dyDescent="0.3">
      <c r="A35064" s="13" t="s">
        <v>215</v>
      </c>
      <c r="B35064" s="14" t="s">
        <v>1</v>
      </c>
      <c r="C35064" s="14" t="s">
        <v>70</v>
      </c>
      <c r="D35064" s="14" t="s">
        <v>216</v>
      </c>
      <c r="E35064" s="15">
        <v>45400</v>
      </c>
      <c r="F35064" s="14" t="s">
        <v>53</v>
      </c>
      <c r="G35064" s="16">
        <v>0.24273372631050719</v>
      </c>
    </row>
    <row r="35065" spans="1:7" x14ac:dyDescent="0.3">
      <c r="A35065" s="13" t="s">
        <v>215</v>
      </c>
      <c r="B35065" s="14" t="s">
        <v>1</v>
      </c>
      <c r="C35065" s="14" t="s">
        <v>70</v>
      </c>
      <c r="D35065" s="14" t="s">
        <v>216</v>
      </c>
      <c r="E35065" s="15">
        <v>45401</v>
      </c>
      <c r="F35065" s="14" t="s">
        <v>53</v>
      </c>
      <c r="G35065" s="16">
        <v>0.25477610796901806</v>
      </c>
    </row>
    <row r="35066" spans="1:7" x14ac:dyDescent="0.3">
      <c r="A35066" s="13" t="s">
        <v>215</v>
      </c>
      <c r="B35066" s="14" t="s">
        <v>1</v>
      </c>
      <c r="C35066" s="14" t="s">
        <v>70</v>
      </c>
      <c r="D35066" s="14" t="s">
        <v>216</v>
      </c>
      <c r="E35066" s="15">
        <v>45402</v>
      </c>
      <c r="F35066" s="14" t="s">
        <v>53</v>
      </c>
      <c r="G35066" s="16">
        <v>0.25477610796901806</v>
      </c>
    </row>
    <row r="35067" spans="1:7" x14ac:dyDescent="0.3">
      <c r="A35067" s="13" t="s">
        <v>215</v>
      </c>
      <c r="B35067" s="14" t="s">
        <v>1</v>
      </c>
      <c r="C35067" s="14" t="s">
        <v>70</v>
      </c>
      <c r="D35067" s="14" t="s">
        <v>216</v>
      </c>
      <c r="E35067" s="15">
        <v>45403</v>
      </c>
      <c r="F35067" s="14" t="s">
        <v>53</v>
      </c>
      <c r="G35067" s="16">
        <v>0.25477610796901806</v>
      </c>
    </row>
    <row r="35068" spans="1:7" x14ac:dyDescent="0.3">
      <c r="A35068" s="13" t="s">
        <v>215</v>
      </c>
      <c r="B35068" s="14" t="s">
        <v>1</v>
      </c>
      <c r="C35068" s="14" t="s">
        <v>70</v>
      </c>
      <c r="D35068" s="14" t="s">
        <v>216</v>
      </c>
      <c r="E35068" s="15">
        <v>45404</v>
      </c>
      <c r="F35068" s="14" t="s">
        <v>53</v>
      </c>
      <c r="G35068" s="16">
        <v>0.26578142859212528</v>
      </c>
    </row>
    <row r="35069" spans="1:7" x14ac:dyDescent="0.3">
      <c r="A35069" s="13" t="s">
        <v>215</v>
      </c>
      <c r="B35069" s="14" t="s">
        <v>1</v>
      </c>
      <c r="C35069" s="14" t="s">
        <v>70</v>
      </c>
      <c r="D35069" s="14" t="s">
        <v>216</v>
      </c>
      <c r="E35069" s="15">
        <v>45405</v>
      </c>
      <c r="F35069" s="14" t="s">
        <v>53</v>
      </c>
      <c r="G35069" s="16">
        <v>0.29983721419837284</v>
      </c>
    </row>
    <row r="35070" spans="1:7" x14ac:dyDescent="0.3">
      <c r="A35070" s="13" t="s">
        <v>215</v>
      </c>
      <c r="B35070" s="14" t="s">
        <v>1</v>
      </c>
      <c r="C35070" s="14" t="s">
        <v>70</v>
      </c>
      <c r="D35070" s="14" t="s">
        <v>216</v>
      </c>
      <c r="E35070" s="15">
        <v>45406</v>
      </c>
      <c r="F35070" s="14" t="s">
        <v>53</v>
      </c>
      <c r="G35070" s="16">
        <v>0.3089069504060124</v>
      </c>
    </row>
    <row r="35071" spans="1:7" x14ac:dyDescent="0.3">
      <c r="A35071" s="13" t="s">
        <v>215</v>
      </c>
      <c r="B35071" s="14" t="s">
        <v>1</v>
      </c>
      <c r="C35071" s="14" t="s">
        <v>70</v>
      </c>
      <c r="D35071" s="14" t="s">
        <v>216</v>
      </c>
      <c r="E35071" s="15">
        <v>45407</v>
      </c>
      <c r="F35071" s="14" t="s">
        <v>53</v>
      </c>
      <c r="G35071" s="16">
        <v>0.35757757660005779</v>
      </c>
    </row>
    <row r="35072" spans="1:7" x14ac:dyDescent="0.3">
      <c r="A35072" s="13" t="s">
        <v>215</v>
      </c>
      <c r="B35072" s="14" t="s">
        <v>1</v>
      </c>
      <c r="C35072" s="14" t="s">
        <v>70</v>
      </c>
      <c r="D35072" s="14" t="s">
        <v>216</v>
      </c>
      <c r="E35072" s="15">
        <v>45408</v>
      </c>
      <c r="F35072" s="14" t="s">
        <v>53</v>
      </c>
      <c r="G35072" s="16">
        <v>0.36481664958078236</v>
      </c>
    </row>
    <row r="35073" spans="1:7" x14ac:dyDescent="0.3">
      <c r="A35073" s="13" t="s">
        <v>215</v>
      </c>
      <c r="B35073" s="14" t="s">
        <v>1</v>
      </c>
      <c r="C35073" s="14" t="s">
        <v>70</v>
      </c>
      <c r="D35073" s="14" t="s">
        <v>216</v>
      </c>
      <c r="E35073" s="15">
        <v>45409</v>
      </c>
      <c r="F35073" s="14" t="s">
        <v>53</v>
      </c>
      <c r="G35073" s="16">
        <v>0.36481664958078236</v>
      </c>
    </row>
    <row r="35074" spans="1:7" x14ac:dyDescent="0.3">
      <c r="A35074" s="13" t="s">
        <v>215</v>
      </c>
      <c r="B35074" s="14" t="s">
        <v>1</v>
      </c>
      <c r="C35074" s="14" t="s">
        <v>70</v>
      </c>
      <c r="D35074" s="14" t="s">
        <v>216</v>
      </c>
      <c r="E35074" s="15">
        <v>45410</v>
      </c>
      <c r="F35074" s="14" t="s">
        <v>53</v>
      </c>
      <c r="G35074" s="16">
        <v>0.36481664958078236</v>
      </c>
    </row>
    <row r="35075" spans="1:7" x14ac:dyDescent="0.3">
      <c r="A35075" s="13" t="s">
        <v>215</v>
      </c>
      <c r="B35075" s="14" t="s">
        <v>1</v>
      </c>
      <c r="C35075" s="14" t="s">
        <v>70</v>
      </c>
      <c r="D35075" s="14" t="s">
        <v>216</v>
      </c>
      <c r="E35075" s="15">
        <v>45411</v>
      </c>
      <c r="F35075" s="14" t="s">
        <v>53</v>
      </c>
      <c r="G35075" s="16">
        <v>0.36835091166406553</v>
      </c>
    </row>
    <row r="35076" spans="1:7" x14ac:dyDescent="0.3">
      <c r="A35076" s="13" t="s">
        <v>215</v>
      </c>
      <c r="B35076" s="14" t="s">
        <v>1</v>
      </c>
      <c r="C35076" s="14" t="s">
        <v>70</v>
      </c>
      <c r="D35076" s="14" t="s">
        <v>216</v>
      </c>
      <c r="E35076" s="15">
        <v>45412</v>
      </c>
      <c r="F35076" s="14" t="s">
        <v>53</v>
      </c>
      <c r="G35076" s="16">
        <v>0.38897378682291872</v>
      </c>
    </row>
    <row r="35077" spans="1:7" x14ac:dyDescent="0.3">
      <c r="A35077" s="13" t="s">
        <v>215</v>
      </c>
      <c r="B35077" s="14" t="s">
        <v>1</v>
      </c>
      <c r="C35077" s="14" t="s">
        <v>70</v>
      </c>
      <c r="D35077" s="14" t="s">
        <v>216</v>
      </c>
      <c r="E35077" s="15">
        <v>45413</v>
      </c>
      <c r="F35077" s="14" t="s">
        <v>53</v>
      </c>
      <c r="G35077" s="16">
        <v>0.38897378682291872</v>
      </c>
    </row>
    <row r="35078" spans="1:7" x14ac:dyDescent="0.3">
      <c r="A35078" s="13" t="s">
        <v>215</v>
      </c>
      <c r="B35078" s="14" t="s">
        <v>1</v>
      </c>
      <c r="C35078" s="14" t="s">
        <v>70</v>
      </c>
      <c r="D35078" s="14" t="s">
        <v>216</v>
      </c>
      <c r="E35078" s="15">
        <v>45414</v>
      </c>
      <c r="F35078" s="14" t="s">
        <v>53</v>
      </c>
      <c r="G35078" s="16">
        <v>0.43059073675924425</v>
      </c>
    </row>
    <row r="35079" spans="1:7" x14ac:dyDescent="0.3">
      <c r="A35079" s="13" t="s">
        <v>215</v>
      </c>
      <c r="B35079" s="14" t="s">
        <v>1</v>
      </c>
      <c r="C35079" s="14" t="s">
        <v>70</v>
      </c>
      <c r="D35079" s="14" t="s">
        <v>216</v>
      </c>
      <c r="E35079" s="15">
        <v>45415</v>
      </c>
      <c r="F35079" s="14" t="s">
        <v>53</v>
      </c>
      <c r="G35079" s="16">
        <v>0.44298700228668658</v>
      </c>
    </row>
    <row r="35080" spans="1:7" x14ac:dyDescent="0.3">
      <c r="A35080" s="13" t="s">
        <v>215</v>
      </c>
      <c r="B35080" s="14" t="s">
        <v>1</v>
      </c>
      <c r="C35080" s="14" t="s">
        <v>70</v>
      </c>
      <c r="D35080" s="14" t="s">
        <v>216</v>
      </c>
      <c r="E35080" s="15">
        <v>45416</v>
      </c>
      <c r="F35080" s="14" t="s">
        <v>53</v>
      </c>
      <c r="G35080" s="16">
        <v>0.44298700228668658</v>
      </c>
    </row>
    <row r="35081" spans="1:7" x14ac:dyDescent="0.3">
      <c r="A35081" s="13" t="s">
        <v>215</v>
      </c>
      <c r="B35081" s="14" t="s">
        <v>1</v>
      </c>
      <c r="C35081" s="14" t="s">
        <v>70</v>
      </c>
      <c r="D35081" s="14" t="s">
        <v>216</v>
      </c>
      <c r="E35081" s="15">
        <v>45417</v>
      </c>
      <c r="F35081" s="14" t="s">
        <v>53</v>
      </c>
      <c r="G35081" s="16">
        <v>0.44298700228668658</v>
      </c>
    </row>
    <row r="35082" spans="1:7" x14ac:dyDescent="0.3">
      <c r="A35082" s="13" t="s">
        <v>215</v>
      </c>
      <c r="B35082" s="14" t="s">
        <v>1</v>
      </c>
      <c r="C35082" s="14" t="s">
        <v>70</v>
      </c>
      <c r="D35082" s="14" t="s">
        <v>216</v>
      </c>
      <c r="E35082" s="15">
        <v>45418</v>
      </c>
      <c r="F35082" s="14" t="s">
        <v>53</v>
      </c>
      <c r="G35082" s="16">
        <v>0.44298700228668658</v>
      </c>
    </row>
    <row r="35083" spans="1:7" x14ac:dyDescent="0.3">
      <c r="A35083" s="13" t="s">
        <v>215</v>
      </c>
      <c r="B35083" s="14" t="s">
        <v>1</v>
      </c>
      <c r="C35083" s="14" t="s">
        <v>70</v>
      </c>
      <c r="D35083" s="14" t="s">
        <v>216</v>
      </c>
      <c r="E35083" s="15">
        <v>45419</v>
      </c>
      <c r="F35083" s="14" t="s">
        <v>53</v>
      </c>
      <c r="G35083" s="16">
        <v>0.47350067227011389</v>
      </c>
    </row>
    <row r="35084" spans="1:7" x14ac:dyDescent="0.3">
      <c r="A35084" s="13" t="s">
        <v>215</v>
      </c>
      <c r="B35084" s="14" t="s">
        <v>1</v>
      </c>
      <c r="C35084" s="14" t="s">
        <v>70</v>
      </c>
      <c r="D35084" s="14" t="s">
        <v>216</v>
      </c>
      <c r="E35084" s="15">
        <v>45420</v>
      </c>
      <c r="F35084" s="14" t="s">
        <v>53</v>
      </c>
      <c r="G35084" s="16">
        <v>0.50276227251873828</v>
      </c>
    </row>
    <row r="35085" spans="1:7" x14ac:dyDescent="0.3">
      <c r="A35085" s="13" t="s">
        <v>215</v>
      </c>
      <c r="B35085" s="14" t="s">
        <v>1</v>
      </c>
      <c r="C35085" s="14" t="s">
        <v>70</v>
      </c>
      <c r="D35085" s="14" t="s">
        <v>216</v>
      </c>
      <c r="E35085" s="15">
        <v>45421</v>
      </c>
      <c r="F35085" s="14" t="s">
        <v>53</v>
      </c>
      <c r="G35085" s="16">
        <v>0.50276227251873828</v>
      </c>
    </row>
    <row r="35086" spans="1:7" x14ac:dyDescent="0.3">
      <c r="A35086" s="13" t="s">
        <v>215</v>
      </c>
      <c r="B35086" s="14" t="s">
        <v>1</v>
      </c>
      <c r="C35086" s="14" t="s">
        <v>70</v>
      </c>
      <c r="D35086" s="14" t="s">
        <v>216</v>
      </c>
      <c r="E35086" s="15">
        <v>45422</v>
      </c>
      <c r="F35086" s="14" t="s">
        <v>53</v>
      </c>
      <c r="G35086" s="16">
        <v>0.50729691049253312</v>
      </c>
    </row>
    <row r="35087" spans="1:7" x14ac:dyDescent="0.3">
      <c r="A35087" s="13" t="s">
        <v>215</v>
      </c>
      <c r="B35087" s="14" t="s">
        <v>1</v>
      </c>
      <c r="C35087" s="14" t="s">
        <v>70</v>
      </c>
      <c r="D35087" s="14" t="s">
        <v>216</v>
      </c>
      <c r="E35087" s="15">
        <v>45423</v>
      </c>
      <c r="F35087" s="14" t="s">
        <v>53</v>
      </c>
      <c r="G35087" s="16">
        <v>0.50729691049253312</v>
      </c>
    </row>
    <row r="35088" spans="1:7" x14ac:dyDescent="0.3">
      <c r="A35088" s="13" t="s">
        <v>215</v>
      </c>
      <c r="B35088" s="14" t="s">
        <v>1</v>
      </c>
      <c r="C35088" s="14" t="s">
        <v>70</v>
      </c>
      <c r="D35088" s="14" t="s">
        <v>216</v>
      </c>
      <c r="E35088" s="15">
        <v>45424</v>
      </c>
      <c r="F35088" s="14" t="s">
        <v>53</v>
      </c>
      <c r="G35088" s="16">
        <v>0.50729691049253312</v>
      </c>
    </row>
    <row r="35089" spans="1:7" x14ac:dyDescent="0.3">
      <c r="A35089" s="13" t="s">
        <v>215</v>
      </c>
      <c r="B35089" s="14" t="s">
        <v>1</v>
      </c>
      <c r="C35089" s="14" t="s">
        <v>70</v>
      </c>
      <c r="D35089" s="14" t="s">
        <v>216</v>
      </c>
      <c r="E35089" s="15">
        <v>45425</v>
      </c>
      <c r="F35089" s="14" t="s">
        <v>53</v>
      </c>
      <c r="G35089" s="16">
        <v>0.62422646180454699</v>
      </c>
    </row>
    <row r="35090" spans="1:7" x14ac:dyDescent="0.3">
      <c r="A35090" s="13" t="s">
        <v>215</v>
      </c>
      <c r="B35090" s="14" t="s">
        <v>1</v>
      </c>
      <c r="C35090" s="14" t="s">
        <v>70</v>
      </c>
      <c r="D35090" s="14" t="s">
        <v>216</v>
      </c>
      <c r="E35090" s="15">
        <v>45426</v>
      </c>
      <c r="F35090" s="14" t="s">
        <v>53</v>
      </c>
      <c r="G35090" s="16">
        <v>0.66408794527413906</v>
      </c>
    </row>
    <row r="35091" spans="1:7" x14ac:dyDescent="0.3">
      <c r="A35091" s="13" t="s">
        <v>215</v>
      </c>
      <c r="B35091" s="14" t="s">
        <v>1</v>
      </c>
      <c r="C35091" s="14" t="s">
        <v>70</v>
      </c>
      <c r="D35091" s="14" t="s">
        <v>216</v>
      </c>
      <c r="E35091" s="15">
        <v>45427</v>
      </c>
      <c r="F35091" s="14" t="s">
        <v>53</v>
      </c>
      <c r="G35091" s="16">
        <v>0.67105935296457664</v>
      </c>
    </row>
    <row r="35092" spans="1:7" x14ac:dyDescent="0.3">
      <c r="A35092" s="13" t="s">
        <v>215</v>
      </c>
      <c r="B35092" s="14" t="s">
        <v>1</v>
      </c>
      <c r="C35092" s="14" t="s">
        <v>70</v>
      </c>
      <c r="D35092" s="14" t="s">
        <v>216</v>
      </c>
      <c r="E35092" s="15">
        <v>45428</v>
      </c>
      <c r="F35092" s="14" t="s">
        <v>53</v>
      </c>
      <c r="G35092" s="16">
        <v>0.67926035572699461</v>
      </c>
    </row>
    <row r="35093" spans="1:7" x14ac:dyDescent="0.3">
      <c r="A35093" s="13" t="s">
        <v>215</v>
      </c>
      <c r="B35093" s="14" t="s">
        <v>1</v>
      </c>
      <c r="C35093" s="14" t="s">
        <v>70</v>
      </c>
      <c r="D35093" s="14" t="s">
        <v>216</v>
      </c>
      <c r="E35093" s="15">
        <v>45429</v>
      </c>
      <c r="F35093" s="14" t="s">
        <v>53</v>
      </c>
      <c r="G35093" s="16">
        <v>0.76976990515990296</v>
      </c>
    </row>
    <row r="35094" spans="1:7" x14ac:dyDescent="0.3">
      <c r="A35094" s="13" t="s">
        <v>215</v>
      </c>
      <c r="B35094" s="14" t="s">
        <v>1</v>
      </c>
      <c r="C35094" s="14" t="s">
        <v>70</v>
      </c>
      <c r="D35094" s="14" t="s">
        <v>216</v>
      </c>
      <c r="E35094" s="15">
        <v>45430</v>
      </c>
      <c r="F35094" s="14" t="s">
        <v>53</v>
      </c>
      <c r="G35094" s="16">
        <v>0.76976990515990296</v>
      </c>
    </row>
    <row r="35095" spans="1:7" x14ac:dyDescent="0.3">
      <c r="A35095" s="13" t="s">
        <v>215</v>
      </c>
      <c r="B35095" s="14" t="s">
        <v>1</v>
      </c>
      <c r="C35095" s="14" t="s">
        <v>70</v>
      </c>
      <c r="D35095" s="14" t="s">
        <v>216</v>
      </c>
      <c r="E35095" s="15">
        <v>45431</v>
      </c>
      <c r="F35095" s="14" t="s">
        <v>53</v>
      </c>
      <c r="G35095" s="16">
        <v>0.76976990515990296</v>
      </c>
    </row>
    <row r="35096" spans="1:7" x14ac:dyDescent="0.3">
      <c r="A35096" s="13" t="s">
        <v>215</v>
      </c>
      <c r="B35096" s="14" t="s">
        <v>1</v>
      </c>
      <c r="C35096" s="14" t="s">
        <v>70</v>
      </c>
      <c r="D35096" s="14" t="s">
        <v>216</v>
      </c>
      <c r="E35096" s="15">
        <v>45432</v>
      </c>
      <c r="F35096" s="14" t="s">
        <v>53</v>
      </c>
      <c r="G35096" s="16">
        <v>0.76976990515990296</v>
      </c>
    </row>
    <row r="35097" spans="1:7" x14ac:dyDescent="0.3">
      <c r="A35097" s="13" t="s">
        <v>215</v>
      </c>
      <c r="B35097" s="14" t="s">
        <v>1</v>
      </c>
      <c r="C35097" s="14" t="s">
        <v>70</v>
      </c>
      <c r="D35097" s="14" t="s">
        <v>216</v>
      </c>
      <c r="E35097" s="15">
        <v>45433</v>
      </c>
      <c r="F35097" s="14" t="s">
        <v>53</v>
      </c>
      <c r="G35097" s="16">
        <v>0.77461945998256121</v>
      </c>
    </row>
    <row r="35098" spans="1:7" x14ac:dyDescent="0.3">
      <c r="A35098" s="13" t="s">
        <v>215</v>
      </c>
      <c r="B35098" s="14" t="s">
        <v>1</v>
      </c>
      <c r="C35098" s="14" t="s">
        <v>70</v>
      </c>
      <c r="D35098" s="14" t="s">
        <v>216</v>
      </c>
      <c r="E35098" s="15">
        <v>45434</v>
      </c>
      <c r="F35098" s="14" t="s">
        <v>53</v>
      </c>
      <c r="G35098" s="16">
        <v>0.81649991912834108</v>
      </c>
    </row>
    <row r="35099" spans="1:7" x14ac:dyDescent="0.3">
      <c r="A35099" s="13" t="s">
        <v>215</v>
      </c>
      <c r="B35099" s="14" t="s">
        <v>1</v>
      </c>
      <c r="C35099" s="14" t="s">
        <v>70</v>
      </c>
      <c r="D35099" s="14" t="s">
        <v>216</v>
      </c>
      <c r="E35099" s="15">
        <v>45435</v>
      </c>
      <c r="F35099" s="14" t="s">
        <v>53</v>
      </c>
      <c r="G35099" s="16">
        <v>0.82412741336081152</v>
      </c>
    </row>
    <row r="35100" spans="1:7" x14ac:dyDescent="0.3">
      <c r="A35100" s="13" t="s">
        <v>215</v>
      </c>
      <c r="B35100" s="14" t="s">
        <v>1</v>
      </c>
      <c r="C35100" s="14" t="s">
        <v>70</v>
      </c>
      <c r="D35100" s="14" t="s">
        <v>216</v>
      </c>
      <c r="E35100" s="15">
        <v>45436</v>
      </c>
      <c r="F35100" s="14" t="s">
        <v>53</v>
      </c>
      <c r="G35100" s="16">
        <v>0.82721900472900856</v>
      </c>
    </row>
    <row r="35101" spans="1:7" x14ac:dyDescent="0.3">
      <c r="A35101" s="13" t="s">
        <v>215</v>
      </c>
      <c r="B35101" s="14" t="s">
        <v>1</v>
      </c>
      <c r="C35101" s="14" t="s">
        <v>70</v>
      </c>
      <c r="D35101" s="14" t="s">
        <v>216</v>
      </c>
      <c r="E35101" s="15">
        <v>45437</v>
      </c>
      <c r="F35101" s="14" t="s">
        <v>53</v>
      </c>
      <c r="G35101" s="16">
        <v>0.82721900472900856</v>
      </c>
    </row>
    <row r="35102" spans="1:7" x14ac:dyDescent="0.3">
      <c r="A35102" s="13" t="s">
        <v>215</v>
      </c>
      <c r="B35102" s="14" t="s">
        <v>1</v>
      </c>
      <c r="C35102" s="14" t="s">
        <v>70</v>
      </c>
      <c r="D35102" s="14" t="s">
        <v>216</v>
      </c>
      <c r="E35102" s="15">
        <v>45438</v>
      </c>
      <c r="F35102" s="14" t="s">
        <v>53</v>
      </c>
      <c r="G35102" s="16">
        <v>0.82721900472900856</v>
      </c>
    </row>
    <row r="35103" spans="1:7" x14ac:dyDescent="0.3">
      <c r="A35103" s="13" t="s">
        <v>215</v>
      </c>
      <c r="B35103" s="14" t="s">
        <v>1</v>
      </c>
      <c r="C35103" s="14" t="s">
        <v>70</v>
      </c>
      <c r="D35103" s="14" t="s">
        <v>216</v>
      </c>
      <c r="E35103" s="15">
        <v>45439</v>
      </c>
      <c r="F35103" s="14" t="s">
        <v>53</v>
      </c>
      <c r="G35103" s="16">
        <v>0.82269040972117202</v>
      </c>
    </row>
    <row r="35104" spans="1:7" x14ac:dyDescent="0.3">
      <c r="A35104" s="13" t="s">
        <v>215</v>
      </c>
      <c r="B35104" s="14" t="s">
        <v>1</v>
      </c>
      <c r="C35104" s="14" t="s">
        <v>70</v>
      </c>
      <c r="D35104" s="14" t="s">
        <v>216</v>
      </c>
      <c r="E35104" s="15">
        <v>45440</v>
      </c>
      <c r="F35104" s="14" t="s">
        <v>53</v>
      </c>
      <c r="G35104" s="16">
        <v>0.83985503520241456</v>
      </c>
    </row>
    <row r="35105" spans="1:7" x14ac:dyDescent="0.3">
      <c r="A35105" s="13" t="s">
        <v>215</v>
      </c>
      <c r="B35105" s="14" t="s">
        <v>1</v>
      </c>
      <c r="C35105" s="14" t="s">
        <v>70</v>
      </c>
      <c r="D35105" s="14" t="s">
        <v>216</v>
      </c>
      <c r="E35105" s="15">
        <v>45441</v>
      </c>
      <c r="F35105" s="14" t="s">
        <v>53</v>
      </c>
      <c r="G35105" s="16">
        <v>0.85128464303054707</v>
      </c>
    </row>
    <row r="35106" spans="1:7" x14ac:dyDescent="0.3">
      <c r="A35106" s="13" t="s">
        <v>215</v>
      </c>
      <c r="B35106" s="14" t="s">
        <v>1</v>
      </c>
      <c r="C35106" s="14" t="s">
        <v>70</v>
      </c>
      <c r="D35106" s="14" t="s">
        <v>216</v>
      </c>
      <c r="E35106" s="15">
        <v>45442</v>
      </c>
      <c r="F35106" s="14" t="s">
        <v>53</v>
      </c>
      <c r="G35106" s="16">
        <v>0.85173688727804608</v>
      </c>
    </row>
    <row r="35107" spans="1:7" x14ac:dyDescent="0.3">
      <c r="A35107" s="13" t="s">
        <v>215</v>
      </c>
      <c r="B35107" s="14" t="s">
        <v>1</v>
      </c>
      <c r="C35107" s="14" t="s">
        <v>70</v>
      </c>
      <c r="D35107" s="14" t="s">
        <v>216</v>
      </c>
      <c r="E35107" s="15">
        <v>45443</v>
      </c>
      <c r="F35107" s="14" t="s">
        <v>53</v>
      </c>
      <c r="G35107" s="16">
        <v>0.86040359946264966</v>
      </c>
    </row>
    <row r="35108" spans="1:7" x14ac:dyDescent="0.3">
      <c r="A35108" s="13" t="s">
        <v>215</v>
      </c>
      <c r="B35108" s="14" t="s">
        <v>1</v>
      </c>
      <c r="C35108" s="14" t="s">
        <v>70</v>
      </c>
      <c r="D35108" s="14" t="s">
        <v>216</v>
      </c>
      <c r="E35108" s="15">
        <v>45444</v>
      </c>
      <c r="F35108" s="14" t="s">
        <v>53</v>
      </c>
      <c r="G35108" s="16">
        <v>0.86040359946264966</v>
      </c>
    </row>
    <row r="35109" spans="1:7" x14ac:dyDescent="0.3">
      <c r="A35109" s="13" t="s">
        <v>215</v>
      </c>
      <c r="B35109" s="14" t="s">
        <v>1</v>
      </c>
      <c r="C35109" s="14" t="s">
        <v>70</v>
      </c>
      <c r="D35109" s="14" t="s">
        <v>216</v>
      </c>
      <c r="E35109" s="15">
        <v>45445</v>
      </c>
      <c r="F35109" s="14" t="s">
        <v>53</v>
      </c>
      <c r="G35109" s="16">
        <v>0.86040359946264966</v>
      </c>
    </row>
    <row r="35110" spans="1:7" x14ac:dyDescent="0.3">
      <c r="A35110" s="13" t="s">
        <v>215</v>
      </c>
      <c r="B35110" s="14" t="s">
        <v>1</v>
      </c>
      <c r="C35110" s="14" t="s">
        <v>70</v>
      </c>
      <c r="D35110" s="14" t="s">
        <v>216</v>
      </c>
      <c r="E35110" s="15">
        <v>45446</v>
      </c>
      <c r="F35110" s="14" t="s">
        <v>53</v>
      </c>
      <c r="G35110" s="16">
        <v>0.86040359946264966</v>
      </c>
    </row>
    <row r="35111" spans="1:7" x14ac:dyDescent="0.3">
      <c r="A35111" s="13" t="s">
        <v>215</v>
      </c>
      <c r="B35111" s="14" t="s">
        <v>1</v>
      </c>
      <c r="C35111" s="14" t="s">
        <v>70</v>
      </c>
      <c r="D35111" s="14" t="s">
        <v>216</v>
      </c>
      <c r="E35111" s="15">
        <v>45447</v>
      </c>
      <c r="F35111" s="14" t="s">
        <v>53</v>
      </c>
      <c r="G35111" s="16">
        <v>0.87652053453887491</v>
      </c>
    </row>
    <row r="35112" spans="1:7" x14ac:dyDescent="0.3">
      <c r="A35112" s="13" t="s">
        <v>215</v>
      </c>
      <c r="B35112" s="14" t="s">
        <v>1</v>
      </c>
      <c r="C35112" s="14" t="s">
        <v>70</v>
      </c>
      <c r="D35112" s="14" t="s">
        <v>216</v>
      </c>
      <c r="E35112" s="15">
        <v>45448</v>
      </c>
      <c r="F35112" s="14" t="s">
        <v>53</v>
      </c>
      <c r="G35112" s="16">
        <v>0.91686610150684467</v>
      </c>
    </row>
    <row r="35113" spans="1:7" x14ac:dyDescent="0.3">
      <c r="A35113" s="13" t="s">
        <v>215</v>
      </c>
      <c r="B35113" s="14" t="s">
        <v>1</v>
      </c>
      <c r="C35113" s="14" t="s">
        <v>70</v>
      </c>
      <c r="D35113" s="14" t="s">
        <v>216</v>
      </c>
      <c r="E35113" s="15">
        <v>45449</v>
      </c>
      <c r="F35113" s="14" t="s">
        <v>53</v>
      </c>
      <c r="G35113" s="16">
        <v>0.92223165391373751</v>
      </c>
    </row>
    <row r="35114" spans="1:7" x14ac:dyDescent="0.3">
      <c r="A35114" s="13" t="s">
        <v>215</v>
      </c>
      <c r="B35114" s="14" t="s">
        <v>1</v>
      </c>
      <c r="C35114" s="14" t="s">
        <v>70</v>
      </c>
      <c r="D35114" s="14" t="s">
        <v>216</v>
      </c>
      <c r="E35114" s="15">
        <v>45450</v>
      </c>
      <c r="F35114" s="14" t="s">
        <v>53</v>
      </c>
      <c r="G35114" s="16">
        <v>0.93277854426161089</v>
      </c>
    </row>
    <row r="35115" spans="1:7" x14ac:dyDescent="0.3">
      <c r="A35115" s="13" t="s">
        <v>215</v>
      </c>
      <c r="B35115" s="14" t="s">
        <v>1</v>
      </c>
      <c r="C35115" s="14" t="s">
        <v>70</v>
      </c>
      <c r="D35115" s="14" t="s">
        <v>216</v>
      </c>
      <c r="E35115" s="15">
        <v>45451</v>
      </c>
      <c r="F35115" s="14" t="s">
        <v>53</v>
      </c>
      <c r="G35115" s="16">
        <v>0.93277854426161089</v>
      </c>
    </row>
    <row r="35116" spans="1:7" x14ac:dyDescent="0.3">
      <c r="A35116" s="13" t="s">
        <v>215</v>
      </c>
      <c r="B35116" s="14" t="s">
        <v>1</v>
      </c>
      <c r="C35116" s="14" t="s">
        <v>70</v>
      </c>
      <c r="D35116" s="14" t="s">
        <v>216</v>
      </c>
      <c r="E35116" s="15">
        <v>45452</v>
      </c>
      <c r="F35116" s="14" t="s">
        <v>53</v>
      </c>
      <c r="G35116" s="16">
        <v>0.93277854426161089</v>
      </c>
    </row>
    <row r="35117" spans="1:7" x14ac:dyDescent="0.3">
      <c r="A35117" s="13" t="s">
        <v>215</v>
      </c>
      <c r="B35117" s="14" t="s">
        <v>1</v>
      </c>
      <c r="C35117" s="14" t="s">
        <v>70</v>
      </c>
      <c r="D35117" s="14" t="s">
        <v>216</v>
      </c>
      <c r="E35117" s="15">
        <v>45453</v>
      </c>
      <c r="F35117" s="14" t="s">
        <v>53</v>
      </c>
      <c r="G35117" s="16">
        <v>0.94713112134120292</v>
      </c>
    </row>
    <row r="35118" spans="1:7" x14ac:dyDescent="0.3">
      <c r="A35118" s="13" t="s">
        <v>215</v>
      </c>
      <c r="B35118" s="14" t="s">
        <v>1</v>
      </c>
      <c r="C35118" s="14" t="s">
        <v>70</v>
      </c>
      <c r="D35118" s="14" t="s">
        <v>216</v>
      </c>
      <c r="E35118" s="15">
        <v>45454</v>
      </c>
      <c r="F35118" s="14" t="s">
        <v>53</v>
      </c>
      <c r="G35118" s="16">
        <v>0.96427235262762123</v>
      </c>
    </row>
    <row r="35119" spans="1:7" x14ac:dyDescent="0.3">
      <c r="A35119" s="13" t="s">
        <v>215</v>
      </c>
      <c r="B35119" s="14" t="s">
        <v>1</v>
      </c>
      <c r="C35119" s="14" t="s">
        <v>70</v>
      </c>
      <c r="D35119" s="14" t="s">
        <v>216</v>
      </c>
      <c r="E35119" s="15">
        <v>45455</v>
      </c>
      <c r="F35119" s="14" t="s">
        <v>53</v>
      </c>
      <c r="G35119" s="16">
        <v>0.97392373323957782</v>
      </c>
    </row>
    <row r="35120" spans="1:7" x14ac:dyDescent="0.3">
      <c r="A35120" s="13" t="s">
        <v>215</v>
      </c>
      <c r="B35120" s="14" t="s">
        <v>1</v>
      </c>
      <c r="C35120" s="14" t="s">
        <v>70</v>
      </c>
      <c r="D35120" s="14" t="s">
        <v>216</v>
      </c>
      <c r="E35120" s="15">
        <v>45456</v>
      </c>
      <c r="F35120" s="14" t="s">
        <v>53</v>
      </c>
      <c r="G35120" s="16">
        <v>0.98651190808607869</v>
      </c>
    </row>
    <row r="35121" spans="1:7" x14ac:dyDescent="0.3">
      <c r="A35121" s="13" t="s">
        <v>215</v>
      </c>
      <c r="B35121" s="14" t="s">
        <v>1</v>
      </c>
      <c r="C35121" s="14" t="s">
        <v>70</v>
      </c>
      <c r="D35121" s="14" t="s">
        <v>216</v>
      </c>
      <c r="E35121" s="15">
        <v>45457</v>
      </c>
      <c r="F35121" s="14" t="s">
        <v>53</v>
      </c>
      <c r="G35121" s="16">
        <v>1.0031661310284619</v>
      </c>
    </row>
    <row r="35122" spans="1:7" x14ac:dyDescent="0.3">
      <c r="A35122" s="13" t="s">
        <v>215</v>
      </c>
      <c r="B35122" s="14" t="s">
        <v>1</v>
      </c>
      <c r="C35122" s="14" t="s">
        <v>70</v>
      </c>
      <c r="D35122" s="14" t="s">
        <v>216</v>
      </c>
      <c r="E35122" s="15">
        <v>45458</v>
      </c>
      <c r="F35122" s="14" t="s">
        <v>53</v>
      </c>
      <c r="G35122" s="16">
        <v>1.0031661310284619</v>
      </c>
    </row>
    <row r="35123" spans="1:7" x14ac:dyDescent="0.3">
      <c r="A35123" s="13" t="s">
        <v>215</v>
      </c>
      <c r="B35123" s="14" t="s">
        <v>1</v>
      </c>
      <c r="C35123" s="14" t="s">
        <v>70</v>
      </c>
      <c r="D35123" s="14" t="s">
        <v>216</v>
      </c>
      <c r="E35123" s="15">
        <v>45459</v>
      </c>
      <c r="F35123" s="14" t="s">
        <v>53</v>
      </c>
      <c r="G35123" s="16">
        <v>1.0031661310284619</v>
      </c>
    </row>
    <row r="35124" spans="1:7" x14ac:dyDescent="0.3">
      <c r="A35124" s="13" t="s">
        <v>215</v>
      </c>
      <c r="B35124" s="14" t="s">
        <v>1</v>
      </c>
      <c r="C35124" s="14" t="s">
        <v>70</v>
      </c>
      <c r="D35124" s="14" t="s">
        <v>216</v>
      </c>
      <c r="E35124" s="15">
        <v>45460</v>
      </c>
      <c r="F35124" s="14" t="s">
        <v>53</v>
      </c>
      <c r="G35124" s="16">
        <v>1.0248739142903676</v>
      </c>
    </row>
    <row r="35125" spans="1:7" x14ac:dyDescent="0.3">
      <c r="A35125" s="13" t="s">
        <v>215</v>
      </c>
      <c r="B35125" s="14" t="s">
        <v>1</v>
      </c>
      <c r="C35125" s="14" t="s">
        <v>70</v>
      </c>
      <c r="D35125" s="14" t="s">
        <v>216</v>
      </c>
      <c r="E35125" s="15">
        <v>45461</v>
      </c>
      <c r="F35125" s="14" t="s">
        <v>53</v>
      </c>
      <c r="G35125" s="16">
        <v>1.0399720707429185</v>
      </c>
    </row>
    <row r="35126" spans="1:7" x14ac:dyDescent="0.3">
      <c r="A35126" s="13" t="s">
        <v>215</v>
      </c>
      <c r="B35126" s="14" t="s">
        <v>1</v>
      </c>
      <c r="C35126" s="14" t="s">
        <v>70</v>
      </c>
      <c r="D35126" s="14" t="s">
        <v>216</v>
      </c>
      <c r="E35126" s="15">
        <v>45462</v>
      </c>
      <c r="F35126" s="14" t="s">
        <v>53</v>
      </c>
      <c r="G35126" s="16">
        <v>1.045578615541999</v>
      </c>
    </row>
    <row r="35127" spans="1:7" x14ac:dyDescent="0.3">
      <c r="A35127" s="13" t="s">
        <v>215</v>
      </c>
      <c r="B35127" s="14" t="s">
        <v>1</v>
      </c>
      <c r="C35127" s="14" t="s">
        <v>70</v>
      </c>
      <c r="D35127" s="14" t="s">
        <v>216</v>
      </c>
      <c r="E35127" s="15">
        <v>45463</v>
      </c>
      <c r="F35127" s="14" t="s">
        <v>53</v>
      </c>
      <c r="G35127" s="16">
        <v>1.0635535525054538</v>
      </c>
    </row>
    <row r="35128" spans="1:7" x14ac:dyDescent="0.3">
      <c r="A35128" s="13" t="s">
        <v>215</v>
      </c>
      <c r="B35128" s="14" t="s">
        <v>1</v>
      </c>
      <c r="C35128" s="14" t="s">
        <v>70</v>
      </c>
      <c r="D35128" s="14" t="s">
        <v>216</v>
      </c>
      <c r="E35128" s="15">
        <v>45464</v>
      </c>
      <c r="F35128" s="14" t="s">
        <v>53</v>
      </c>
      <c r="G35128" s="16">
        <v>1.0698805270811824</v>
      </c>
    </row>
    <row r="35129" spans="1:7" x14ac:dyDescent="0.3">
      <c r="A35129" s="13" t="s">
        <v>215</v>
      </c>
      <c r="B35129" s="14" t="s">
        <v>1</v>
      </c>
      <c r="C35129" s="14" t="s">
        <v>70</v>
      </c>
      <c r="D35129" s="14" t="s">
        <v>216</v>
      </c>
      <c r="E35129" s="15">
        <v>45465</v>
      </c>
      <c r="F35129" s="14" t="s">
        <v>53</v>
      </c>
      <c r="G35129" s="16">
        <v>1.0698805270811824</v>
      </c>
    </row>
    <row r="35130" spans="1:7" x14ac:dyDescent="0.3">
      <c r="A35130" s="13" t="s">
        <v>215</v>
      </c>
      <c r="B35130" s="14" t="s">
        <v>1</v>
      </c>
      <c r="C35130" s="14" t="s">
        <v>70</v>
      </c>
      <c r="D35130" s="14" t="s">
        <v>216</v>
      </c>
      <c r="E35130" s="15">
        <v>45466</v>
      </c>
      <c r="F35130" s="14" t="s">
        <v>53</v>
      </c>
      <c r="G35130" s="16">
        <v>1.0698805270811824</v>
      </c>
    </row>
    <row r="35131" spans="1:7" x14ac:dyDescent="0.3">
      <c r="A35131" s="13" t="s">
        <v>215</v>
      </c>
      <c r="B35131" s="14" t="s">
        <v>1</v>
      </c>
      <c r="C35131" s="14" t="s">
        <v>70</v>
      </c>
      <c r="D35131" s="14" t="s">
        <v>216</v>
      </c>
      <c r="E35131" s="15">
        <v>45467</v>
      </c>
      <c r="F35131" s="14" t="s">
        <v>53</v>
      </c>
      <c r="G35131" s="16">
        <v>1.0721322083826295</v>
      </c>
    </row>
    <row r="35132" spans="1:7" x14ac:dyDescent="0.3">
      <c r="A35132" s="13" t="s">
        <v>215</v>
      </c>
      <c r="B35132" s="14" t="s">
        <v>1</v>
      </c>
      <c r="C35132" s="14" t="s">
        <v>70</v>
      </c>
      <c r="D35132" s="14" t="s">
        <v>216</v>
      </c>
      <c r="E35132" s="15">
        <v>45468</v>
      </c>
      <c r="F35132" s="14" t="s">
        <v>53</v>
      </c>
      <c r="G35132" s="16">
        <v>1.0952087322572384</v>
      </c>
    </row>
    <row r="35133" spans="1:7" x14ac:dyDescent="0.3">
      <c r="A35133" s="13" t="s">
        <v>215</v>
      </c>
      <c r="B35133" s="14" t="s">
        <v>1</v>
      </c>
      <c r="C35133" s="14" t="s">
        <v>70</v>
      </c>
      <c r="D35133" s="14" t="s">
        <v>216</v>
      </c>
      <c r="E35133" s="15">
        <v>45469</v>
      </c>
      <c r="F35133" s="14" t="s">
        <v>53</v>
      </c>
      <c r="G35133" s="16">
        <v>1.1062347681639948</v>
      </c>
    </row>
    <row r="35134" spans="1:7" x14ac:dyDescent="0.3">
      <c r="A35134" s="13" t="s">
        <v>215</v>
      </c>
      <c r="B35134" s="14" t="s">
        <v>1</v>
      </c>
      <c r="C35134" s="14" t="s">
        <v>70</v>
      </c>
      <c r="D35134" s="14" t="s">
        <v>216</v>
      </c>
      <c r="E35134" s="15">
        <v>45470</v>
      </c>
      <c r="F35134" s="14" t="s">
        <v>53</v>
      </c>
      <c r="G35134" s="16">
        <v>1.1103555785376242</v>
      </c>
    </row>
    <row r="35135" spans="1:7" x14ac:dyDescent="0.3">
      <c r="A35135" s="13" t="s">
        <v>215</v>
      </c>
      <c r="B35135" s="14" t="s">
        <v>1</v>
      </c>
      <c r="C35135" s="14" t="s">
        <v>70</v>
      </c>
      <c r="D35135" s="14" t="s">
        <v>216</v>
      </c>
      <c r="E35135" s="15">
        <v>45471</v>
      </c>
      <c r="F35135" s="14" t="s">
        <v>53</v>
      </c>
      <c r="G35135" s="16">
        <v>1.1407370934868801</v>
      </c>
    </row>
    <row r="35136" spans="1:7" x14ac:dyDescent="0.3">
      <c r="A35136" s="13" t="s">
        <v>215</v>
      </c>
      <c r="B35136" s="14" t="s">
        <v>1</v>
      </c>
      <c r="C35136" s="14" t="s">
        <v>70</v>
      </c>
      <c r="D35136" s="14" t="s">
        <v>216</v>
      </c>
      <c r="E35136" s="15">
        <v>45472</v>
      </c>
      <c r="F35136" s="14" t="s">
        <v>53</v>
      </c>
      <c r="G35136" s="16">
        <v>1.1407370934868801</v>
      </c>
    </row>
    <row r="35137" spans="1:7" x14ac:dyDescent="0.3">
      <c r="A35137" s="13" t="s">
        <v>215</v>
      </c>
      <c r="B35137" s="14" t="s">
        <v>1</v>
      </c>
      <c r="C35137" s="14" t="s">
        <v>70</v>
      </c>
      <c r="D35137" s="14" t="s">
        <v>216</v>
      </c>
      <c r="E35137" s="15">
        <v>45473</v>
      </c>
      <c r="F35137" s="14" t="s">
        <v>53</v>
      </c>
      <c r="G35137" s="16">
        <v>1.1407370934868801</v>
      </c>
    </row>
    <row r="35138" spans="1:7" x14ac:dyDescent="0.3">
      <c r="A35138" s="13" t="s">
        <v>215</v>
      </c>
      <c r="B35138" s="14" t="s">
        <v>1</v>
      </c>
      <c r="C35138" s="14" t="s">
        <v>70</v>
      </c>
      <c r="D35138" s="14" t="s">
        <v>216</v>
      </c>
      <c r="E35138" s="15">
        <v>45474</v>
      </c>
      <c r="F35138" s="14" t="s">
        <v>53</v>
      </c>
      <c r="G35138" s="16">
        <v>1.1510564811782198</v>
      </c>
    </row>
    <row r="35139" spans="1:7" x14ac:dyDescent="0.3">
      <c r="A35139" s="13" t="s">
        <v>215</v>
      </c>
      <c r="B35139" s="14" t="s">
        <v>1</v>
      </c>
      <c r="C35139" s="14" t="s">
        <v>70</v>
      </c>
      <c r="D35139" s="14" t="s">
        <v>216</v>
      </c>
      <c r="E35139" s="15">
        <v>45475</v>
      </c>
      <c r="F35139" s="14" t="s">
        <v>53</v>
      </c>
      <c r="G35139" s="16">
        <v>1.1668698338593377</v>
      </c>
    </row>
    <row r="35140" spans="1:7" x14ac:dyDescent="0.3">
      <c r="A35140" s="13" t="s">
        <v>215</v>
      </c>
      <c r="B35140" s="14" t="s">
        <v>1</v>
      </c>
      <c r="C35140" s="14" t="s">
        <v>70</v>
      </c>
      <c r="D35140" s="14" t="s">
        <v>216</v>
      </c>
      <c r="E35140" s="15">
        <v>45476</v>
      </c>
      <c r="F35140" s="14" t="s">
        <v>53</v>
      </c>
      <c r="G35140" s="16">
        <v>1.2007362244832958</v>
      </c>
    </row>
    <row r="35141" spans="1:7" x14ac:dyDescent="0.3">
      <c r="A35141" s="13" t="s">
        <v>215</v>
      </c>
      <c r="B35141" s="14" t="s">
        <v>1</v>
      </c>
      <c r="C35141" s="14" t="s">
        <v>70</v>
      </c>
      <c r="D35141" s="14" t="s">
        <v>216</v>
      </c>
      <c r="E35141" s="15">
        <v>45477</v>
      </c>
      <c r="F35141" s="14" t="s">
        <v>53</v>
      </c>
      <c r="G35141" s="16">
        <v>1.2046189269666576</v>
      </c>
    </row>
    <row r="35142" spans="1:7" x14ac:dyDescent="0.3">
      <c r="A35142" s="13" t="s">
        <v>215</v>
      </c>
      <c r="B35142" s="14" t="s">
        <v>1</v>
      </c>
      <c r="C35142" s="14" t="s">
        <v>70</v>
      </c>
      <c r="D35142" s="14" t="s">
        <v>216</v>
      </c>
      <c r="E35142" s="15">
        <v>45478</v>
      </c>
      <c r="F35142" s="14" t="s">
        <v>53</v>
      </c>
      <c r="G35142" s="16">
        <v>1.2048936252998022</v>
      </c>
    </row>
    <row r="35143" spans="1:7" x14ac:dyDescent="0.3">
      <c r="A35143" s="13" t="s">
        <v>215</v>
      </c>
      <c r="B35143" s="14" t="s">
        <v>1</v>
      </c>
      <c r="C35143" s="14" t="s">
        <v>70</v>
      </c>
      <c r="D35143" s="14" t="s">
        <v>216</v>
      </c>
      <c r="E35143" s="15">
        <v>45479</v>
      </c>
      <c r="F35143" s="14" t="s">
        <v>53</v>
      </c>
      <c r="G35143" s="16">
        <v>1.2048936252998022</v>
      </c>
    </row>
    <row r="35144" spans="1:7" x14ac:dyDescent="0.3">
      <c r="A35144" s="13" t="s">
        <v>215</v>
      </c>
      <c r="B35144" s="14" t="s">
        <v>1</v>
      </c>
      <c r="C35144" s="14" t="s">
        <v>70</v>
      </c>
      <c r="D35144" s="14" t="s">
        <v>216</v>
      </c>
      <c r="E35144" s="15">
        <v>45480</v>
      </c>
      <c r="F35144" s="14" t="s">
        <v>53</v>
      </c>
      <c r="G35144" s="16">
        <v>1.2048936252998022</v>
      </c>
    </row>
    <row r="35145" spans="1:7" x14ac:dyDescent="0.3">
      <c r="A35145" s="13" t="s">
        <v>215</v>
      </c>
      <c r="B35145" s="14" t="s">
        <v>1</v>
      </c>
      <c r="C35145" s="14" t="s">
        <v>70</v>
      </c>
      <c r="D35145" s="14" t="s">
        <v>216</v>
      </c>
      <c r="E35145" s="15">
        <v>45481</v>
      </c>
      <c r="F35145" s="14" t="s">
        <v>53</v>
      </c>
      <c r="G35145" s="16">
        <v>1.230573178882981</v>
      </c>
    </row>
    <row r="35146" spans="1:7" x14ac:dyDescent="0.3">
      <c r="A35146" s="13" t="s">
        <v>215</v>
      </c>
      <c r="B35146" s="14" t="s">
        <v>1</v>
      </c>
      <c r="C35146" s="14" t="s">
        <v>70</v>
      </c>
      <c r="D35146" s="14" t="s">
        <v>216</v>
      </c>
      <c r="E35146" s="15">
        <v>45482</v>
      </c>
      <c r="F35146" s="14" t="s">
        <v>53</v>
      </c>
      <c r="G35146" s="16">
        <v>1.2491515948041292</v>
      </c>
    </row>
    <row r="35147" spans="1:7" x14ac:dyDescent="0.3">
      <c r="A35147" s="13" t="s">
        <v>215</v>
      </c>
      <c r="B35147" s="14" t="s">
        <v>1</v>
      </c>
      <c r="C35147" s="14" t="s">
        <v>70</v>
      </c>
      <c r="D35147" s="14" t="s">
        <v>216</v>
      </c>
      <c r="E35147" s="15">
        <v>45483</v>
      </c>
      <c r="F35147" s="14" t="s">
        <v>53</v>
      </c>
      <c r="G35147" s="16">
        <v>1.2517105229405801</v>
      </c>
    </row>
    <row r="35148" spans="1:7" x14ac:dyDescent="0.3">
      <c r="A35148" s="13" t="s">
        <v>215</v>
      </c>
      <c r="B35148" s="14" t="s">
        <v>1</v>
      </c>
      <c r="C35148" s="14" t="s">
        <v>70</v>
      </c>
      <c r="D35148" s="14" t="s">
        <v>216</v>
      </c>
      <c r="E35148" s="15">
        <v>45484</v>
      </c>
      <c r="F35148" s="14" t="s">
        <v>53</v>
      </c>
      <c r="G35148" s="16">
        <v>1.264257730702548</v>
      </c>
    </row>
    <row r="35149" spans="1:7" x14ac:dyDescent="0.3">
      <c r="A35149" s="13" t="s">
        <v>215</v>
      </c>
      <c r="B35149" s="14" t="s">
        <v>1</v>
      </c>
      <c r="C35149" s="14" t="s">
        <v>70</v>
      </c>
      <c r="D35149" s="14" t="s">
        <v>216</v>
      </c>
      <c r="E35149" s="15">
        <v>45485</v>
      </c>
      <c r="F35149" s="14" t="s">
        <v>53</v>
      </c>
      <c r="G35149" s="16">
        <v>1.2646666273626805</v>
      </c>
    </row>
    <row r="35150" spans="1:7" x14ac:dyDescent="0.3">
      <c r="A35150" s="13" t="s">
        <v>215</v>
      </c>
      <c r="B35150" s="14" t="s">
        <v>1</v>
      </c>
      <c r="C35150" s="14" t="s">
        <v>70</v>
      </c>
      <c r="D35150" s="14" t="s">
        <v>216</v>
      </c>
      <c r="E35150" s="15">
        <v>45486</v>
      </c>
      <c r="F35150" s="14" t="s">
        <v>53</v>
      </c>
      <c r="G35150" s="16">
        <v>1.2646666273626805</v>
      </c>
    </row>
    <row r="35151" spans="1:7" x14ac:dyDescent="0.3">
      <c r="A35151" s="13" t="s">
        <v>215</v>
      </c>
      <c r="B35151" s="14" t="s">
        <v>1</v>
      </c>
      <c r="C35151" s="14" t="s">
        <v>70</v>
      </c>
      <c r="D35151" s="14" t="s">
        <v>216</v>
      </c>
      <c r="E35151" s="15">
        <v>45487</v>
      </c>
      <c r="F35151" s="14" t="s">
        <v>53</v>
      </c>
      <c r="G35151" s="16">
        <v>1.2646666273626805</v>
      </c>
    </row>
    <row r="35152" spans="1:7" x14ac:dyDescent="0.3">
      <c r="A35152" s="13" t="s">
        <v>215</v>
      </c>
      <c r="B35152" s="14" t="s">
        <v>1</v>
      </c>
      <c r="C35152" s="14" t="s">
        <v>70</v>
      </c>
      <c r="D35152" s="14" t="s">
        <v>216</v>
      </c>
      <c r="E35152" s="15">
        <v>45488</v>
      </c>
      <c r="F35152" s="14" t="s">
        <v>53</v>
      </c>
      <c r="G35152" s="16">
        <v>1.2715269923018995</v>
      </c>
    </row>
    <row r="35153" spans="1:7" x14ac:dyDescent="0.3">
      <c r="A35153" s="13" t="s">
        <v>215</v>
      </c>
      <c r="B35153" s="14" t="s">
        <v>1</v>
      </c>
      <c r="C35153" s="14" t="s">
        <v>70</v>
      </c>
      <c r="D35153" s="14" t="s">
        <v>216</v>
      </c>
      <c r="E35153" s="15">
        <v>45489</v>
      </c>
      <c r="F35153" s="14" t="s">
        <v>53</v>
      </c>
      <c r="G35153" s="16">
        <v>1.2879644301327939</v>
      </c>
    </row>
    <row r="35154" spans="1:7" x14ac:dyDescent="0.3">
      <c r="A35154" s="13" t="s">
        <v>215</v>
      </c>
      <c r="B35154" s="14" t="s">
        <v>1</v>
      </c>
      <c r="C35154" s="14" t="s">
        <v>70</v>
      </c>
      <c r="D35154" s="14" t="s">
        <v>216</v>
      </c>
      <c r="E35154" s="15">
        <v>45490</v>
      </c>
      <c r="F35154" s="14" t="s">
        <v>53</v>
      </c>
      <c r="G35154" s="16">
        <v>1.2890887100253634</v>
      </c>
    </row>
    <row r="35155" spans="1:7" x14ac:dyDescent="0.3">
      <c r="A35155" s="13" t="s">
        <v>215</v>
      </c>
      <c r="B35155" s="14" t="s">
        <v>1</v>
      </c>
      <c r="C35155" s="14" t="s">
        <v>70</v>
      </c>
      <c r="D35155" s="14" t="s">
        <v>216</v>
      </c>
      <c r="E35155" s="15">
        <v>45491</v>
      </c>
      <c r="F35155" s="14" t="s">
        <v>53</v>
      </c>
      <c r="G35155" s="16">
        <v>1.3150312370000754</v>
      </c>
    </row>
    <row r="35156" spans="1:7" x14ac:dyDescent="0.3">
      <c r="A35156" s="13" t="s">
        <v>215</v>
      </c>
      <c r="B35156" s="14" t="s">
        <v>1</v>
      </c>
      <c r="C35156" s="14" t="s">
        <v>70</v>
      </c>
      <c r="D35156" s="14" t="s">
        <v>216</v>
      </c>
      <c r="E35156" s="15">
        <v>45492</v>
      </c>
      <c r="F35156" s="14" t="s">
        <v>53</v>
      </c>
      <c r="G35156" s="16">
        <v>1.3227877141975559</v>
      </c>
    </row>
    <row r="35157" spans="1:7" x14ac:dyDescent="0.3">
      <c r="A35157" s="13" t="s">
        <v>215</v>
      </c>
      <c r="B35157" s="14" t="s">
        <v>1</v>
      </c>
      <c r="C35157" s="14" t="s">
        <v>70</v>
      </c>
      <c r="D35157" s="14" t="s">
        <v>216</v>
      </c>
      <c r="E35157" s="15">
        <v>45493</v>
      </c>
      <c r="F35157" s="14" t="s">
        <v>53</v>
      </c>
      <c r="G35157" s="16">
        <v>1.3227877141975559</v>
      </c>
    </row>
    <row r="35158" spans="1:7" x14ac:dyDescent="0.3">
      <c r="A35158" s="13" t="s">
        <v>215</v>
      </c>
      <c r="B35158" s="14" t="s">
        <v>1</v>
      </c>
      <c r="C35158" s="14" t="s">
        <v>70</v>
      </c>
      <c r="D35158" s="14" t="s">
        <v>216</v>
      </c>
      <c r="E35158" s="15">
        <v>45494</v>
      </c>
      <c r="F35158" s="14" t="s">
        <v>53</v>
      </c>
      <c r="G35158" s="16">
        <v>1.3227877141975559</v>
      </c>
    </row>
    <row r="35159" spans="1:7" x14ac:dyDescent="0.3">
      <c r="A35159" s="13" t="s">
        <v>215</v>
      </c>
      <c r="B35159" s="14" t="s">
        <v>1</v>
      </c>
      <c r="C35159" s="14" t="s">
        <v>70</v>
      </c>
      <c r="D35159" s="14" t="s">
        <v>216</v>
      </c>
      <c r="E35159" s="15">
        <v>45495</v>
      </c>
      <c r="F35159" s="14" t="s">
        <v>53</v>
      </c>
      <c r="G35159" s="16">
        <v>1.3310917794492341</v>
      </c>
    </row>
    <row r="35160" spans="1:7" x14ac:dyDescent="0.3">
      <c r="A35160" s="13" t="s">
        <v>215</v>
      </c>
      <c r="B35160" s="14" t="s">
        <v>1</v>
      </c>
      <c r="C35160" s="14" t="s">
        <v>70</v>
      </c>
      <c r="D35160" s="14" t="s">
        <v>216</v>
      </c>
      <c r="E35160" s="15">
        <v>45496</v>
      </c>
      <c r="F35160" s="14" t="s">
        <v>53</v>
      </c>
      <c r="G35160" s="16">
        <v>1.3711473194848085</v>
      </c>
    </row>
    <row r="35161" spans="1:7" x14ac:dyDescent="0.3">
      <c r="A35161" s="13" t="s">
        <v>215</v>
      </c>
      <c r="B35161" s="14" t="s">
        <v>1</v>
      </c>
      <c r="C35161" s="14" t="s">
        <v>70</v>
      </c>
      <c r="D35161" s="14" t="s">
        <v>216</v>
      </c>
      <c r="E35161" s="15">
        <v>45497</v>
      </c>
      <c r="F35161" s="14" t="s">
        <v>53</v>
      </c>
      <c r="G35161" s="16">
        <v>1.3778781918259069</v>
      </c>
    </row>
    <row r="35162" spans="1:7" x14ac:dyDescent="0.3">
      <c r="A35162" s="13" t="s">
        <v>215</v>
      </c>
      <c r="B35162" s="14" t="s">
        <v>1</v>
      </c>
      <c r="C35162" s="14" t="s">
        <v>70</v>
      </c>
      <c r="D35162" s="14" t="s">
        <v>216</v>
      </c>
      <c r="E35162" s="15">
        <v>45498</v>
      </c>
      <c r="F35162" s="14" t="s">
        <v>53</v>
      </c>
      <c r="G35162" s="16">
        <v>1.3894807243249854</v>
      </c>
    </row>
    <row r="35163" spans="1:7" x14ac:dyDescent="0.3">
      <c r="A35163" s="13" t="s">
        <v>215</v>
      </c>
      <c r="B35163" s="14" t="s">
        <v>1</v>
      </c>
      <c r="C35163" s="14" t="s">
        <v>70</v>
      </c>
      <c r="D35163" s="14" t="s">
        <v>216</v>
      </c>
      <c r="E35163" s="15">
        <v>45499</v>
      </c>
      <c r="F35163" s="14" t="s">
        <v>53</v>
      </c>
      <c r="G35163" s="16">
        <v>1.3928751066116534</v>
      </c>
    </row>
    <row r="35164" spans="1:7" x14ac:dyDescent="0.3">
      <c r="A35164" s="13" t="s">
        <v>215</v>
      </c>
      <c r="B35164" s="14" t="s">
        <v>1</v>
      </c>
      <c r="C35164" s="14" t="s">
        <v>70</v>
      </c>
      <c r="D35164" s="14" t="s">
        <v>216</v>
      </c>
      <c r="E35164" s="15">
        <v>45500</v>
      </c>
      <c r="F35164" s="14" t="s">
        <v>53</v>
      </c>
      <c r="G35164" s="16">
        <v>1.3928751066116534</v>
      </c>
    </row>
    <row r="35165" spans="1:7" x14ac:dyDescent="0.3">
      <c r="A35165" s="13" t="s">
        <v>215</v>
      </c>
      <c r="B35165" s="14" t="s">
        <v>1</v>
      </c>
      <c r="C35165" s="14" t="s">
        <v>70</v>
      </c>
      <c r="D35165" s="14" t="s">
        <v>216</v>
      </c>
      <c r="E35165" s="15">
        <v>45501</v>
      </c>
      <c r="F35165" s="14" t="s">
        <v>53</v>
      </c>
      <c r="G35165" s="16">
        <v>1.3928751066116534</v>
      </c>
    </row>
    <row r="35166" spans="1:7" x14ac:dyDescent="0.3">
      <c r="A35166" s="13" t="s">
        <v>215</v>
      </c>
      <c r="B35166" s="14" t="s">
        <v>1</v>
      </c>
      <c r="C35166" s="14" t="s">
        <v>70</v>
      </c>
      <c r="D35166" s="14" t="s">
        <v>216</v>
      </c>
      <c r="E35166" s="15">
        <v>45502</v>
      </c>
      <c r="F35166" s="14" t="s">
        <v>53</v>
      </c>
      <c r="G35166" s="16">
        <v>1.4005163884346779</v>
      </c>
    </row>
    <row r="35167" spans="1:7" x14ac:dyDescent="0.3">
      <c r="A35167" s="13" t="s">
        <v>215</v>
      </c>
      <c r="B35167" s="14" t="s">
        <v>1</v>
      </c>
      <c r="C35167" s="14" t="s">
        <v>70</v>
      </c>
      <c r="D35167" s="14" t="s">
        <v>216</v>
      </c>
      <c r="E35167" s="15">
        <v>45503</v>
      </c>
      <c r="F35167" s="14" t="s">
        <v>53</v>
      </c>
      <c r="G35167" s="16">
        <v>1.4198000830608539</v>
      </c>
    </row>
    <row r="35168" spans="1:7" x14ac:dyDescent="0.3">
      <c r="A35168" s="13" t="s">
        <v>215</v>
      </c>
      <c r="B35168" s="14" t="s">
        <v>1</v>
      </c>
      <c r="C35168" s="14" t="s">
        <v>70</v>
      </c>
      <c r="D35168" s="14" t="s">
        <v>216</v>
      </c>
      <c r="E35168" s="15">
        <v>45504</v>
      </c>
      <c r="F35168" s="14" t="s">
        <v>53</v>
      </c>
      <c r="G35168" s="16">
        <v>1.4237731994589748</v>
      </c>
    </row>
    <row r="35169" spans="1:7" x14ac:dyDescent="0.3">
      <c r="A35169" s="13" t="s">
        <v>215</v>
      </c>
      <c r="B35169" s="14" t="s">
        <v>1</v>
      </c>
      <c r="C35169" s="14" t="s">
        <v>70</v>
      </c>
      <c r="D35169" s="14" t="s">
        <v>216</v>
      </c>
      <c r="E35169" s="15">
        <v>45505</v>
      </c>
      <c r="F35169" s="14" t="s">
        <v>53</v>
      </c>
      <c r="G35169" s="16">
        <v>1.4237731994589748</v>
      </c>
    </row>
    <row r="35170" spans="1:7" x14ac:dyDescent="0.3">
      <c r="A35170" s="13" t="s">
        <v>215</v>
      </c>
      <c r="B35170" s="14" t="s">
        <v>1</v>
      </c>
      <c r="C35170" s="14" t="s">
        <v>70</v>
      </c>
      <c r="D35170" s="14" t="s">
        <v>216</v>
      </c>
      <c r="E35170" s="15">
        <v>45506</v>
      </c>
      <c r="F35170" s="14" t="s">
        <v>53</v>
      </c>
      <c r="G35170" s="16">
        <v>1.4468827301852598</v>
      </c>
    </row>
    <row r="35171" spans="1:7" x14ac:dyDescent="0.3">
      <c r="A35171" s="13" t="s">
        <v>215</v>
      </c>
      <c r="B35171" s="14" t="s">
        <v>1</v>
      </c>
      <c r="C35171" s="14" t="s">
        <v>70</v>
      </c>
      <c r="D35171" s="14" t="s">
        <v>216</v>
      </c>
      <c r="E35171" s="15">
        <v>45507</v>
      </c>
      <c r="F35171" s="14" t="s">
        <v>53</v>
      </c>
      <c r="G35171" s="16">
        <v>1.4468827301852598</v>
      </c>
    </row>
    <row r="35172" spans="1:7" x14ac:dyDescent="0.3">
      <c r="A35172" s="13" t="s">
        <v>215</v>
      </c>
      <c r="B35172" s="14" t="s">
        <v>1</v>
      </c>
      <c r="C35172" s="14" t="s">
        <v>70</v>
      </c>
      <c r="D35172" s="14" t="s">
        <v>216</v>
      </c>
      <c r="E35172" s="15">
        <v>45508</v>
      </c>
      <c r="F35172" s="14" t="s">
        <v>53</v>
      </c>
      <c r="G35172" s="16">
        <v>1.4468827301852598</v>
      </c>
    </row>
    <row r="35173" spans="1:7" x14ac:dyDescent="0.3">
      <c r="A35173" s="13" t="s">
        <v>215</v>
      </c>
      <c r="B35173" s="14" t="s">
        <v>1</v>
      </c>
      <c r="C35173" s="14" t="s">
        <v>70</v>
      </c>
      <c r="D35173" s="14" t="s">
        <v>216</v>
      </c>
      <c r="E35173" s="15">
        <v>45509</v>
      </c>
      <c r="F35173" s="14" t="s">
        <v>53</v>
      </c>
      <c r="G35173" s="16">
        <v>1.4468827301852598</v>
      </c>
    </row>
    <row r="35174" spans="1:7" x14ac:dyDescent="0.3">
      <c r="A35174" s="13" t="s">
        <v>215</v>
      </c>
      <c r="B35174" s="14" t="s">
        <v>1</v>
      </c>
      <c r="C35174" s="14" t="s">
        <v>70</v>
      </c>
      <c r="D35174" s="14" t="s">
        <v>216</v>
      </c>
      <c r="E35174" s="15">
        <v>45510</v>
      </c>
      <c r="F35174" s="14" t="s">
        <v>53</v>
      </c>
      <c r="G35174" s="16">
        <v>1.4674406018298018</v>
      </c>
    </row>
    <row r="35175" spans="1:7" x14ac:dyDescent="0.3">
      <c r="A35175" s="13" t="s">
        <v>215</v>
      </c>
      <c r="B35175" s="14" t="s">
        <v>1</v>
      </c>
      <c r="C35175" s="14" t="s">
        <v>70</v>
      </c>
      <c r="D35175" s="14" t="s">
        <v>216</v>
      </c>
      <c r="E35175" s="15">
        <v>45511</v>
      </c>
      <c r="F35175" s="14" t="s">
        <v>53</v>
      </c>
      <c r="G35175" s="16">
        <v>1.5214005239067125</v>
      </c>
    </row>
    <row r="35176" spans="1:7" x14ac:dyDescent="0.3">
      <c r="A35176" s="13" t="s">
        <v>215</v>
      </c>
      <c r="B35176" s="14" t="s">
        <v>1</v>
      </c>
      <c r="C35176" s="14" t="s">
        <v>70</v>
      </c>
      <c r="D35176" s="14" t="s">
        <v>216</v>
      </c>
      <c r="E35176" s="15">
        <v>45512</v>
      </c>
      <c r="F35176" s="14" t="s">
        <v>53</v>
      </c>
      <c r="G35176" s="16">
        <v>1.5200677823017226</v>
      </c>
    </row>
    <row r="35177" spans="1:7" x14ac:dyDescent="0.3">
      <c r="A35177" s="13" t="s">
        <v>215</v>
      </c>
      <c r="B35177" s="14" t="s">
        <v>1</v>
      </c>
      <c r="C35177" s="14" t="s">
        <v>70</v>
      </c>
      <c r="D35177" s="14" t="s">
        <v>216</v>
      </c>
      <c r="E35177" s="15">
        <v>45513</v>
      </c>
      <c r="F35177" s="14" t="s">
        <v>53</v>
      </c>
      <c r="G35177" s="16">
        <v>1.5380412005390685</v>
      </c>
    </row>
    <row r="35178" spans="1:7" x14ac:dyDescent="0.3">
      <c r="A35178" s="13" t="s">
        <v>215</v>
      </c>
      <c r="B35178" s="14" t="s">
        <v>1</v>
      </c>
      <c r="C35178" s="14" t="s">
        <v>70</v>
      </c>
      <c r="D35178" s="14" t="s">
        <v>216</v>
      </c>
      <c r="E35178" s="15">
        <v>45514</v>
      </c>
      <c r="F35178" s="14" t="s">
        <v>53</v>
      </c>
      <c r="G35178" s="16">
        <v>1.5380412005390685</v>
      </c>
    </row>
    <row r="35179" spans="1:7" x14ac:dyDescent="0.3">
      <c r="A35179" s="13" t="s">
        <v>215</v>
      </c>
      <c r="B35179" s="14" t="s">
        <v>1</v>
      </c>
      <c r="C35179" s="14" t="s">
        <v>70</v>
      </c>
      <c r="D35179" s="14" t="s">
        <v>216</v>
      </c>
      <c r="E35179" s="15">
        <v>45515</v>
      </c>
      <c r="F35179" s="14" t="s">
        <v>53</v>
      </c>
      <c r="G35179" s="16">
        <v>1.5380412005390685</v>
      </c>
    </row>
    <row r="35180" spans="1:7" x14ac:dyDescent="0.3">
      <c r="A35180" s="13" t="s">
        <v>215</v>
      </c>
      <c r="B35180" s="14" t="s">
        <v>1</v>
      </c>
      <c r="C35180" s="14" t="s">
        <v>70</v>
      </c>
      <c r="D35180" s="14" t="s">
        <v>216</v>
      </c>
      <c r="E35180" s="15">
        <v>45516</v>
      </c>
      <c r="F35180" s="14" t="s">
        <v>53</v>
      </c>
      <c r="G35180" s="16">
        <v>1.5577903476525403</v>
      </c>
    </row>
    <row r="35181" spans="1:7" x14ac:dyDescent="0.3">
      <c r="A35181" s="13" t="s">
        <v>215</v>
      </c>
      <c r="B35181" s="14" t="s">
        <v>1</v>
      </c>
      <c r="C35181" s="14" t="s">
        <v>70</v>
      </c>
      <c r="D35181" s="14" t="s">
        <v>216</v>
      </c>
      <c r="E35181" s="15">
        <v>45517</v>
      </c>
      <c r="F35181" s="14" t="s">
        <v>53</v>
      </c>
      <c r="G35181" s="16">
        <v>1.5662069642088041</v>
      </c>
    </row>
    <row r="35182" spans="1:7" x14ac:dyDescent="0.3">
      <c r="A35182" s="13" t="s">
        <v>215</v>
      </c>
      <c r="B35182" s="14" t="s">
        <v>1</v>
      </c>
      <c r="C35182" s="14" t="s">
        <v>70</v>
      </c>
      <c r="D35182" s="14" t="s">
        <v>216</v>
      </c>
      <c r="E35182" s="15">
        <v>45518</v>
      </c>
      <c r="F35182" s="14" t="s">
        <v>53</v>
      </c>
      <c r="G35182" s="16">
        <v>1.5753186410323854</v>
      </c>
    </row>
    <row r="35183" spans="1:7" x14ac:dyDescent="0.3">
      <c r="A35183" s="13" t="s">
        <v>215</v>
      </c>
      <c r="B35183" s="14" t="s">
        <v>1</v>
      </c>
      <c r="C35183" s="14" t="s">
        <v>70</v>
      </c>
      <c r="D35183" s="14" t="s">
        <v>216</v>
      </c>
      <c r="E35183" s="15">
        <v>45519</v>
      </c>
      <c r="F35183" s="14" t="s">
        <v>53</v>
      </c>
      <c r="G35183" s="16">
        <v>1.5776674839325007</v>
      </c>
    </row>
    <row r="35184" spans="1:7" x14ac:dyDescent="0.3">
      <c r="A35184" s="13" t="s">
        <v>215</v>
      </c>
      <c r="B35184" s="14" t="s">
        <v>1</v>
      </c>
      <c r="C35184" s="14" t="s">
        <v>70</v>
      </c>
      <c r="D35184" s="14" t="s">
        <v>216</v>
      </c>
      <c r="E35184" s="15">
        <v>45520</v>
      </c>
      <c r="F35184" s="14" t="s">
        <v>53</v>
      </c>
      <c r="G35184" s="16">
        <v>1.6264251678692958</v>
      </c>
    </row>
    <row r="35185" spans="1:7" x14ac:dyDescent="0.3">
      <c r="A35185" s="13" t="s">
        <v>215</v>
      </c>
      <c r="B35185" s="14" t="s">
        <v>1</v>
      </c>
      <c r="C35185" s="14" t="s">
        <v>70</v>
      </c>
      <c r="D35185" s="14" t="s">
        <v>216</v>
      </c>
      <c r="E35185" s="15">
        <v>45521</v>
      </c>
      <c r="F35185" s="14" t="s">
        <v>53</v>
      </c>
      <c r="G35185" s="16">
        <v>1.6264251678692958</v>
      </c>
    </row>
    <row r="35186" spans="1:7" x14ac:dyDescent="0.3">
      <c r="A35186" s="13" t="s">
        <v>215</v>
      </c>
      <c r="B35186" s="14" t="s">
        <v>1</v>
      </c>
      <c r="C35186" s="14" t="s">
        <v>70</v>
      </c>
      <c r="D35186" s="14" t="s">
        <v>216</v>
      </c>
      <c r="E35186" s="15">
        <v>45522</v>
      </c>
      <c r="F35186" s="14" t="s">
        <v>53</v>
      </c>
      <c r="G35186" s="16">
        <v>1.6264251678692958</v>
      </c>
    </row>
    <row r="35187" spans="1:7" x14ac:dyDescent="0.3">
      <c r="A35187" s="13" t="s">
        <v>215</v>
      </c>
      <c r="B35187" s="14" t="s">
        <v>1</v>
      </c>
      <c r="C35187" s="14" t="s">
        <v>70</v>
      </c>
      <c r="D35187" s="14" t="s">
        <v>216</v>
      </c>
      <c r="E35187" s="15">
        <v>45523</v>
      </c>
      <c r="F35187" s="14" t="s">
        <v>53</v>
      </c>
      <c r="G35187" s="16">
        <v>1.6390413940336046</v>
      </c>
    </row>
    <row r="35188" spans="1:7" x14ac:dyDescent="0.3">
      <c r="A35188" s="13" t="s">
        <v>215</v>
      </c>
      <c r="B35188" s="14" t="s">
        <v>1</v>
      </c>
      <c r="C35188" s="14" t="s">
        <v>70</v>
      </c>
      <c r="D35188" s="14" t="s">
        <v>216</v>
      </c>
      <c r="E35188" s="15">
        <v>45524</v>
      </c>
      <c r="F35188" s="14" t="s">
        <v>53</v>
      </c>
      <c r="G35188" s="16">
        <v>1.662448478631479</v>
      </c>
    </row>
    <row r="35189" spans="1:7" x14ac:dyDescent="0.3">
      <c r="A35189" s="13" t="s">
        <v>215</v>
      </c>
      <c r="B35189" s="14" t="s">
        <v>1</v>
      </c>
      <c r="C35189" s="14" t="s">
        <v>70</v>
      </c>
      <c r="D35189" s="14" t="s">
        <v>216</v>
      </c>
      <c r="E35189" s="15">
        <v>45525</v>
      </c>
      <c r="F35189" s="14" t="s">
        <v>53</v>
      </c>
      <c r="G35189" s="16">
        <v>1.6685157165124511</v>
      </c>
    </row>
    <row r="35190" spans="1:7" x14ac:dyDescent="0.3">
      <c r="A35190" s="13" t="s">
        <v>215</v>
      </c>
      <c r="B35190" s="14" t="s">
        <v>1</v>
      </c>
      <c r="C35190" s="14" t="s">
        <v>70</v>
      </c>
      <c r="D35190" s="14" t="s">
        <v>216</v>
      </c>
      <c r="E35190" s="15">
        <v>45526</v>
      </c>
      <c r="F35190" s="14" t="s">
        <v>53</v>
      </c>
      <c r="G35190" s="16">
        <v>1.6752441510420335</v>
      </c>
    </row>
    <row r="35191" spans="1:7" x14ac:dyDescent="0.3">
      <c r="A35191" s="13" t="s">
        <v>215</v>
      </c>
      <c r="B35191" s="14" t="s">
        <v>1</v>
      </c>
      <c r="C35191" s="14" t="s">
        <v>70</v>
      </c>
      <c r="D35191" s="14" t="s">
        <v>216</v>
      </c>
      <c r="E35191" s="15">
        <v>45527</v>
      </c>
      <c r="F35191" s="14" t="s">
        <v>53</v>
      </c>
      <c r="G35191" s="16">
        <v>1.6662974029044642</v>
      </c>
    </row>
    <row r="35192" spans="1:7" x14ac:dyDescent="0.3">
      <c r="A35192" s="13" t="s">
        <v>215</v>
      </c>
      <c r="B35192" s="14" t="s">
        <v>1</v>
      </c>
      <c r="C35192" s="14" t="s">
        <v>70</v>
      </c>
      <c r="D35192" s="14" t="s">
        <v>216</v>
      </c>
      <c r="E35192" s="15">
        <v>45528</v>
      </c>
      <c r="F35192" s="14" t="s">
        <v>53</v>
      </c>
      <c r="G35192" s="16">
        <v>1.6662974029044642</v>
      </c>
    </row>
    <row r="35193" spans="1:7" x14ac:dyDescent="0.3">
      <c r="A35193" s="13" t="s">
        <v>215</v>
      </c>
      <c r="B35193" s="14" t="s">
        <v>1</v>
      </c>
      <c r="C35193" s="14" t="s">
        <v>70</v>
      </c>
      <c r="D35193" s="14" t="s">
        <v>216</v>
      </c>
      <c r="E35193" s="15">
        <v>45529</v>
      </c>
      <c r="F35193" s="14" t="s">
        <v>53</v>
      </c>
      <c r="G35193" s="16">
        <v>1.6662974029044642</v>
      </c>
    </row>
    <row r="35194" spans="1:7" x14ac:dyDescent="0.3">
      <c r="A35194" s="13" t="s">
        <v>215</v>
      </c>
      <c r="B35194" s="14" t="s">
        <v>1</v>
      </c>
      <c r="C35194" s="14" t="s">
        <v>70</v>
      </c>
      <c r="D35194" s="14" t="s">
        <v>216</v>
      </c>
      <c r="E35194" s="15">
        <v>45530</v>
      </c>
      <c r="F35194" s="14" t="s">
        <v>53</v>
      </c>
      <c r="G35194" s="16">
        <v>1.674570916469641</v>
      </c>
    </row>
    <row r="35195" spans="1:7" x14ac:dyDescent="0.3">
      <c r="A35195" s="13" t="s">
        <v>215</v>
      </c>
      <c r="B35195" s="14" t="s">
        <v>1</v>
      </c>
      <c r="C35195" s="14" t="s">
        <v>70</v>
      </c>
      <c r="D35195" s="14" t="s">
        <v>216</v>
      </c>
      <c r="E35195" s="15">
        <v>45531</v>
      </c>
      <c r="F35195" s="14" t="s">
        <v>53</v>
      </c>
      <c r="G35195" s="16">
        <v>1.6819593802877504</v>
      </c>
    </row>
    <row r="35196" spans="1:7" x14ac:dyDescent="0.3">
      <c r="A35196" s="13" t="s">
        <v>215</v>
      </c>
      <c r="B35196" s="14" t="s">
        <v>1</v>
      </c>
      <c r="C35196" s="14" t="s">
        <v>70</v>
      </c>
      <c r="D35196" s="14" t="s">
        <v>216</v>
      </c>
      <c r="E35196" s="15">
        <v>45532</v>
      </c>
      <c r="F35196" s="14" t="s">
        <v>53</v>
      </c>
      <c r="G35196" s="16">
        <v>1.7056488721125254</v>
      </c>
    </row>
    <row r="35197" spans="1:7" x14ac:dyDescent="0.3">
      <c r="A35197" s="13" t="s">
        <v>215</v>
      </c>
      <c r="B35197" s="14" t="s">
        <v>1</v>
      </c>
      <c r="C35197" s="14" t="s">
        <v>70</v>
      </c>
      <c r="D35197" s="14" t="s">
        <v>216</v>
      </c>
      <c r="E35197" s="15">
        <v>45533</v>
      </c>
      <c r="F35197" s="14" t="s">
        <v>53</v>
      </c>
      <c r="G35197" s="16">
        <v>1.7148969948273625</v>
      </c>
    </row>
    <row r="35198" spans="1:7" x14ac:dyDescent="0.3">
      <c r="A35198" s="13" t="s">
        <v>215</v>
      </c>
      <c r="B35198" s="14" t="s">
        <v>1</v>
      </c>
      <c r="C35198" s="14" t="s">
        <v>70</v>
      </c>
      <c r="D35198" s="14" t="s">
        <v>216</v>
      </c>
      <c r="E35198" s="15">
        <v>45534</v>
      </c>
      <c r="F35198" s="14" t="s">
        <v>53</v>
      </c>
      <c r="G35198" s="16">
        <v>1.7289629400416551</v>
      </c>
    </row>
    <row r="35199" spans="1:7" x14ac:dyDescent="0.3">
      <c r="A35199" s="13" t="s">
        <v>215</v>
      </c>
      <c r="B35199" s="14" t="s">
        <v>1</v>
      </c>
      <c r="C35199" s="14" t="s">
        <v>70</v>
      </c>
      <c r="D35199" s="14" t="s">
        <v>216</v>
      </c>
      <c r="E35199" s="15">
        <v>45535</v>
      </c>
      <c r="F35199" s="14" t="s">
        <v>53</v>
      </c>
      <c r="G35199" s="16">
        <v>1.7289629400416551</v>
      </c>
    </row>
    <row r="35200" spans="1:7" x14ac:dyDescent="0.3">
      <c r="A35200" s="13" t="s">
        <v>215</v>
      </c>
      <c r="B35200" s="14" t="s">
        <v>1</v>
      </c>
      <c r="C35200" s="14" t="s">
        <v>70</v>
      </c>
      <c r="D35200" s="14" t="s">
        <v>216</v>
      </c>
      <c r="E35200" s="15">
        <v>45536</v>
      </c>
      <c r="F35200" s="14" t="s">
        <v>53</v>
      </c>
      <c r="G35200" s="16">
        <v>1.7289629400416551</v>
      </c>
    </row>
    <row r="35201" spans="1:7" x14ac:dyDescent="0.3">
      <c r="A35201" s="13" t="s">
        <v>215</v>
      </c>
      <c r="B35201" s="14" t="s">
        <v>1</v>
      </c>
      <c r="C35201" s="14" t="s">
        <v>70</v>
      </c>
      <c r="D35201" s="14" t="s">
        <v>216</v>
      </c>
      <c r="E35201" s="15">
        <v>45537</v>
      </c>
      <c r="F35201" s="14" t="s">
        <v>53</v>
      </c>
      <c r="G35201" s="16">
        <v>1.7379386293247603</v>
      </c>
    </row>
    <row r="35202" spans="1:7" x14ac:dyDescent="0.3">
      <c r="A35202" s="13" t="s">
        <v>215</v>
      </c>
      <c r="B35202" s="14" t="s">
        <v>1</v>
      </c>
      <c r="C35202" s="14" t="s">
        <v>70</v>
      </c>
      <c r="D35202" s="14" t="s">
        <v>216</v>
      </c>
      <c r="E35202" s="15">
        <v>45538</v>
      </c>
      <c r="F35202" s="14" t="s">
        <v>53</v>
      </c>
      <c r="G35202" s="16">
        <v>1.7539094461446774</v>
      </c>
    </row>
    <row r="35203" spans="1:7" x14ac:dyDescent="0.3">
      <c r="A35203" s="13" t="s">
        <v>215</v>
      </c>
      <c r="B35203" s="14" t="s">
        <v>1</v>
      </c>
      <c r="C35203" s="14" t="s">
        <v>70</v>
      </c>
      <c r="D35203" s="14" t="s">
        <v>216</v>
      </c>
      <c r="E35203" s="15">
        <v>45539</v>
      </c>
      <c r="F35203" s="14" t="s">
        <v>53</v>
      </c>
      <c r="G35203" s="16">
        <v>1.7550515951772958</v>
      </c>
    </row>
    <row r="35204" spans="1:7" x14ac:dyDescent="0.3">
      <c r="A35204" s="13" t="s">
        <v>215</v>
      </c>
      <c r="B35204" s="14" t="s">
        <v>1</v>
      </c>
      <c r="C35204" s="14" t="s">
        <v>70</v>
      </c>
      <c r="D35204" s="14" t="s">
        <v>216</v>
      </c>
      <c r="E35204" s="15">
        <v>45540</v>
      </c>
      <c r="F35204" s="14" t="s">
        <v>53</v>
      </c>
      <c r="G35204" s="16">
        <v>1.7649932135376822</v>
      </c>
    </row>
    <row r="35205" spans="1:7" x14ac:dyDescent="0.3">
      <c r="A35205" s="13" t="s">
        <v>215</v>
      </c>
      <c r="B35205" s="14" t="s">
        <v>1</v>
      </c>
      <c r="C35205" s="14" t="s">
        <v>70</v>
      </c>
      <c r="D35205" s="14" t="s">
        <v>216</v>
      </c>
      <c r="E35205" s="15">
        <v>45541</v>
      </c>
      <c r="F35205" s="14" t="s">
        <v>53</v>
      </c>
      <c r="G35205" s="16">
        <v>1.7775033376131255</v>
      </c>
    </row>
    <row r="35206" spans="1:7" x14ac:dyDescent="0.3">
      <c r="A35206" s="13" t="s">
        <v>215</v>
      </c>
      <c r="B35206" s="14" t="s">
        <v>1</v>
      </c>
      <c r="C35206" s="14" t="s">
        <v>70</v>
      </c>
      <c r="D35206" s="14" t="s">
        <v>216</v>
      </c>
      <c r="E35206" s="15">
        <v>45542</v>
      </c>
      <c r="F35206" s="14" t="s">
        <v>53</v>
      </c>
      <c r="G35206" s="16">
        <v>1.7775033376131255</v>
      </c>
    </row>
    <row r="35207" spans="1:7" x14ac:dyDescent="0.3">
      <c r="A35207" s="13" t="s">
        <v>215</v>
      </c>
      <c r="B35207" s="14" t="s">
        <v>1</v>
      </c>
      <c r="C35207" s="14" t="s">
        <v>70</v>
      </c>
      <c r="D35207" s="14" t="s">
        <v>216</v>
      </c>
      <c r="E35207" s="15">
        <v>45543</v>
      </c>
      <c r="F35207" s="14" t="s">
        <v>53</v>
      </c>
      <c r="G35207" s="16">
        <v>1.7775033376131255</v>
      </c>
    </row>
    <row r="35208" spans="1:7" x14ac:dyDescent="0.3">
      <c r="A35208" s="13" t="s">
        <v>215</v>
      </c>
      <c r="B35208" s="14" t="s">
        <v>1</v>
      </c>
      <c r="C35208" s="14" t="s">
        <v>70</v>
      </c>
      <c r="D35208" s="14" t="s">
        <v>216</v>
      </c>
      <c r="E35208" s="15">
        <v>45544</v>
      </c>
      <c r="F35208" s="14" t="s">
        <v>53</v>
      </c>
      <c r="G35208" s="16">
        <v>1.790151214614389</v>
      </c>
    </row>
    <row r="35209" spans="1:7" x14ac:dyDescent="0.3">
      <c r="A35209" s="13" t="s">
        <v>215</v>
      </c>
      <c r="B35209" s="14" t="s">
        <v>1</v>
      </c>
      <c r="C35209" s="14" t="s">
        <v>70</v>
      </c>
      <c r="D35209" s="14" t="s">
        <v>216</v>
      </c>
      <c r="E35209" s="15">
        <v>45545</v>
      </c>
      <c r="F35209" s="14" t="s">
        <v>53</v>
      </c>
      <c r="G35209" s="16">
        <v>1.8070180181162143</v>
      </c>
    </row>
    <row r="35210" spans="1:7" x14ac:dyDescent="0.3">
      <c r="A35210" s="13" t="s">
        <v>215</v>
      </c>
      <c r="B35210" s="14" t="s">
        <v>1</v>
      </c>
      <c r="C35210" s="14" t="s">
        <v>70</v>
      </c>
      <c r="D35210" s="14" t="s">
        <v>216</v>
      </c>
      <c r="E35210" s="15">
        <v>45546</v>
      </c>
      <c r="F35210" s="14" t="s">
        <v>53</v>
      </c>
      <c r="G35210" s="16">
        <v>1.8206989323076883</v>
      </c>
    </row>
    <row r="35211" spans="1:7" x14ac:dyDescent="0.3">
      <c r="A35211" s="13" t="s">
        <v>215</v>
      </c>
      <c r="B35211" s="14" t="s">
        <v>1</v>
      </c>
      <c r="C35211" s="14" t="s">
        <v>70</v>
      </c>
      <c r="D35211" s="14" t="s">
        <v>216</v>
      </c>
      <c r="E35211" s="15">
        <v>45547</v>
      </c>
      <c r="F35211" s="14" t="s">
        <v>53</v>
      </c>
      <c r="G35211" s="16">
        <v>1.8150223883784842</v>
      </c>
    </row>
    <row r="35212" spans="1:7" x14ac:dyDescent="0.3">
      <c r="A35212" s="13" t="s">
        <v>215</v>
      </c>
      <c r="B35212" s="14" t="s">
        <v>1</v>
      </c>
      <c r="C35212" s="14" t="s">
        <v>70</v>
      </c>
      <c r="D35212" s="14" t="s">
        <v>216</v>
      </c>
      <c r="E35212" s="15">
        <v>45548</v>
      </c>
      <c r="F35212" s="14" t="s">
        <v>53</v>
      </c>
      <c r="G35212" s="16">
        <v>1.8432075362994416</v>
      </c>
    </row>
    <row r="35213" spans="1:7" x14ac:dyDescent="0.3">
      <c r="A35213" s="13" t="s">
        <v>215</v>
      </c>
      <c r="B35213" s="14" t="s">
        <v>1</v>
      </c>
      <c r="C35213" s="14" t="s">
        <v>70</v>
      </c>
      <c r="D35213" s="14" t="s">
        <v>216</v>
      </c>
      <c r="E35213" s="15">
        <v>45549</v>
      </c>
      <c r="F35213" s="14" t="s">
        <v>53</v>
      </c>
      <c r="G35213" s="16">
        <v>1.8432075362994416</v>
      </c>
    </row>
    <row r="35214" spans="1:7" x14ac:dyDescent="0.3">
      <c r="A35214" s="13" t="s">
        <v>215</v>
      </c>
      <c r="B35214" s="14" t="s">
        <v>1</v>
      </c>
      <c r="C35214" s="14" t="s">
        <v>70</v>
      </c>
      <c r="D35214" s="14" t="s">
        <v>216</v>
      </c>
      <c r="E35214" s="15">
        <v>45550</v>
      </c>
      <c r="F35214" s="14" t="s">
        <v>53</v>
      </c>
      <c r="G35214" s="16">
        <v>1.8432075362994416</v>
      </c>
    </row>
    <row r="35215" spans="1:7" x14ac:dyDescent="0.3">
      <c r="A35215" s="13" t="s">
        <v>215</v>
      </c>
      <c r="B35215" s="14" t="s">
        <v>1</v>
      </c>
      <c r="C35215" s="14" t="s">
        <v>70</v>
      </c>
      <c r="D35215" s="14" t="s">
        <v>216</v>
      </c>
      <c r="E35215" s="15">
        <v>45551</v>
      </c>
      <c r="F35215" s="14" t="s">
        <v>53</v>
      </c>
      <c r="G35215" s="16">
        <v>1.8476162445717321</v>
      </c>
    </row>
    <row r="35216" spans="1:7" x14ac:dyDescent="0.3">
      <c r="A35216" s="13" t="s">
        <v>215</v>
      </c>
      <c r="B35216" s="14" t="s">
        <v>1</v>
      </c>
      <c r="C35216" s="14" t="s">
        <v>70</v>
      </c>
      <c r="D35216" s="14" t="s">
        <v>216</v>
      </c>
      <c r="E35216" s="15">
        <v>45552</v>
      </c>
      <c r="F35216" s="14" t="s">
        <v>53</v>
      </c>
      <c r="G35216" s="16">
        <v>1.8741888563107989</v>
      </c>
    </row>
    <row r="35217" spans="1:7" x14ac:dyDescent="0.3">
      <c r="A35217" s="13" t="s">
        <v>215</v>
      </c>
      <c r="B35217" s="14" t="s">
        <v>1</v>
      </c>
      <c r="C35217" s="14" t="s">
        <v>70</v>
      </c>
      <c r="D35217" s="14" t="s">
        <v>216</v>
      </c>
      <c r="E35217" s="15">
        <v>45553</v>
      </c>
      <c r="F35217" s="14" t="s">
        <v>53</v>
      </c>
      <c r="G35217" s="16">
        <v>1.8734010627935143</v>
      </c>
    </row>
    <row r="35218" spans="1:7" x14ac:dyDescent="0.3">
      <c r="A35218" s="13" t="s">
        <v>215</v>
      </c>
      <c r="B35218" s="14" t="s">
        <v>1</v>
      </c>
      <c r="C35218" s="14" t="s">
        <v>70</v>
      </c>
      <c r="D35218" s="14" t="s">
        <v>216</v>
      </c>
      <c r="E35218" s="15">
        <v>45554</v>
      </c>
      <c r="F35218" s="14" t="s">
        <v>53</v>
      </c>
      <c r="G35218" s="16">
        <v>1.8688740411544331</v>
      </c>
    </row>
    <row r="35219" spans="1:7" x14ac:dyDescent="0.3">
      <c r="A35219" s="13" t="s">
        <v>215</v>
      </c>
      <c r="B35219" s="14" t="s">
        <v>1</v>
      </c>
      <c r="C35219" s="14" t="s">
        <v>70</v>
      </c>
      <c r="D35219" s="14" t="s">
        <v>216</v>
      </c>
      <c r="E35219" s="15">
        <v>45555</v>
      </c>
      <c r="F35219" s="14" t="s">
        <v>53</v>
      </c>
      <c r="G35219" s="16">
        <v>1.8688079836276532</v>
      </c>
    </row>
    <row r="35220" spans="1:7" x14ac:dyDescent="0.3">
      <c r="A35220" s="13" t="s">
        <v>215</v>
      </c>
      <c r="B35220" s="14" t="s">
        <v>1</v>
      </c>
      <c r="C35220" s="14" t="s">
        <v>70</v>
      </c>
      <c r="D35220" s="14" t="s">
        <v>216</v>
      </c>
      <c r="E35220" s="15">
        <v>45556</v>
      </c>
      <c r="F35220" s="14" t="s">
        <v>53</v>
      </c>
      <c r="G35220" s="16">
        <v>1.8688079836276532</v>
      </c>
    </row>
    <row r="35221" spans="1:7" x14ac:dyDescent="0.3">
      <c r="A35221" s="13" t="s">
        <v>215</v>
      </c>
      <c r="B35221" s="14" t="s">
        <v>1</v>
      </c>
      <c r="C35221" s="14" t="s">
        <v>70</v>
      </c>
      <c r="D35221" s="14" t="s">
        <v>216</v>
      </c>
      <c r="E35221" s="15">
        <v>45557</v>
      </c>
      <c r="F35221" s="14" t="s">
        <v>53</v>
      </c>
      <c r="G35221" s="16">
        <v>1.8688079836276532</v>
      </c>
    </row>
    <row r="35222" spans="1:7" x14ac:dyDescent="0.3">
      <c r="A35222" s="13" t="s">
        <v>215</v>
      </c>
      <c r="B35222" s="14" t="s">
        <v>1</v>
      </c>
      <c r="C35222" s="14" t="s">
        <v>70</v>
      </c>
      <c r="D35222" s="14" t="s">
        <v>216</v>
      </c>
      <c r="E35222" s="15">
        <v>45558</v>
      </c>
      <c r="F35222" s="14" t="s">
        <v>53</v>
      </c>
      <c r="G35222" s="16">
        <v>1.8707078497467176</v>
      </c>
    </row>
    <row r="35223" spans="1:7" x14ac:dyDescent="0.3">
      <c r="A35223" s="13" t="s">
        <v>215</v>
      </c>
      <c r="B35223" s="14" t="s">
        <v>1</v>
      </c>
      <c r="C35223" s="14" t="s">
        <v>70</v>
      </c>
      <c r="D35223" s="14" t="s">
        <v>216</v>
      </c>
      <c r="E35223" s="15">
        <v>45559</v>
      </c>
      <c r="F35223" s="14" t="s">
        <v>53</v>
      </c>
      <c r="G35223" s="16">
        <v>1.8788742810218273</v>
      </c>
    </row>
    <row r="35224" spans="1:7" x14ac:dyDescent="0.3">
      <c r="A35224" s="13" t="s">
        <v>215</v>
      </c>
      <c r="B35224" s="14" t="s">
        <v>1</v>
      </c>
      <c r="C35224" s="14" t="s">
        <v>70</v>
      </c>
      <c r="D35224" s="14" t="s">
        <v>216</v>
      </c>
      <c r="E35224" s="15">
        <v>45560</v>
      </c>
      <c r="F35224" s="14" t="s">
        <v>53</v>
      </c>
      <c r="G35224" s="16">
        <v>1.8969438017309586</v>
      </c>
    </row>
    <row r="35225" spans="1:7" x14ac:dyDescent="0.3">
      <c r="A35225" s="13" t="s">
        <v>215</v>
      </c>
      <c r="B35225" s="14" t="s">
        <v>1</v>
      </c>
      <c r="C35225" s="14" t="s">
        <v>70</v>
      </c>
      <c r="D35225" s="14" t="s">
        <v>216</v>
      </c>
      <c r="E35225" s="15">
        <v>45561</v>
      </c>
      <c r="F35225" s="14" t="s">
        <v>53</v>
      </c>
      <c r="G35225" s="16">
        <v>1.8966290346859318</v>
      </c>
    </row>
    <row r="35226" spans="1:7" x14ac:dyDescent="0.3">
      <c r="A35226" s="13" t="s">
        <v>215</v>
      </c>
      <c r="B35226" s="14" t="s">
        <v>1</v>
      </c>
      <c r="C35226" s="14" t="s">
        <v>70</v>
      </c>
      <c r="D35226" s="14" t="s">
        <v>216</v>
      </c>
      <c r="E35226" s="15">
        <v>45562</v>
      </c>
      <c r="F35226" s="14" t="s">
        <v>53</v>
      </c>
      <c r="G35226" s="16">
        <v>1.9119679087331776</v>
      </c>
    </row>
    <row r="35227" spans="1:7" x14ac:dyDescent="0.3">
      <c r="A35227" s="13" t="s">
        <v>215</v>
      </c>
      <c r="B35227" s="14" t="s">
        <v>1</v>
      </c>
      <c r="C35227" s="14" t="s">
        <v>70</v>
      </c>
      <c r="D35227" s="14" t="s">
        <v>216</v>
      </c>
      <c r="E35227" s="15">
        <v>45563</v>
      </c>
      <c r="F35227" s="14" t="s">
        <v>53</v>
      </c>
      <c r="G35227" s="16">
        <v>1.9119679087331776</v>
      </c>
    </row>
    <row r="35228" spans="1:7" x14ac:dyDescent="0.3">
      <c r="A35228" s="13" t="s">
        <v>215</v>
      </c>
      <c r="B35228" s="14" t="s">
        <v>1</v>
      </c>
      <c r="C35228" s="14" t="s">
        <v>70</v>
      </c>
      <c r="D35228" s="14" t="s">
        <v>216</v>
      </c>
      <c r="E35228" s="15">
        <v>45564</v>
      </c>
      <c r="F35228" s="14" t="s">
        <v>53</v>
      </c>
      <c r="G35228" s="16">
        <v>1.9119679087331776</v>
      </c>
    </row>
    <row r="35229" spans="1:7" x14ac:dyDescent="0.3">
      <c r="A35229" s="13" t="s">
        <v>215</v>
      </c>
      <c r="B35229" s="14" t="s">
        <v>1</v>
      </c>
      <c r="C35229" s="14" t="s">
        <v>70</v>
      </c>
      <c r="D35229" s="14" t="s">
        <v>216</v>
      </c>
      <c r="E35229" s="15">
        <v>45565</v>
      </c>
      <c r="F35229" s="14" t="s">
        <v>53</v>
      </c>
      <c r="G35229" s="16">
        <v>1.9319684012760145</v>
      </c>
    </row>
    <row r="35230" spans="1:7" x14ac:dyDescent="0.3">
      <c r="A35230" s="13" t="s">
        <v>215</v>
      </c>
      <c r="B35230" s="14" t="s">
        <v>1</v>
      </c>
      <c r="C35230" s="14" t="s">
        <v>70</v>
      </c>
      <c r="D35230" s="14" t="s">
        <v>216</v>
      </c>
      <c r="E35230" s="15">
        <v>45566</v>
      </c>
      <c r="F35230" s="14" t="s">
        <v>53</v>
      </c>
      <c r="G35230" s="16">
        <v>1.9672530207124244</v>
      </c>
    </row>
    <row r="35231" spans="1:7" x14ac:dyDescent="0.3">
      <c r="A35231" s="13" t="s">
        <v>215</v>
      </c>
      <c r="B35231" s="14" t="s">
        <v>1</v>
      </c>
      <c r="C35231" s="14" t="s">
        <v>70</v>
      </c>
      <c r="D35231" s="14" t="s">
        <v>216</v>
      </c>
      <c r="E35231" s="15">
        <v>45567</v>
      </c>
      <c r="F35231" s="14" t="s">
        <v>53</v>
      </c>
      <c r="G35231" s="16">
        <v>1.9765663652140208</v>
      </c>
    </row>
    <row r="35232" spans="1:7" x14ac:dyDescent="0.3">
      <c r="A35232" s="13" t="s">
        <v>215</v>
      </c>
      <c r="B35232" s="14" t="s">
        <v>1</v>
      </c>
      <c r="C35232" s="14" t="s">
        <v>70</v>
      </c>
      <c r="D35232" s="14" t="s">
        <v>216</v>
      </c>
      <c r="E35232" s="15">
        <v>45568</v>
      </c>
      <c r="F35232" s="14" t="s">
        <v>53</v>
      </c>
      <c r="G35232" s="16">
        <v>2.0030600754855272</v>
      </c>
    </row>
    <row r="35233" spans="1:7" x14ac:dyDescent="0.3">
      <c r="A35233" s="13" t="s">
        <v>215</v>
      </c>
      <c r="B35233" s="14" t="s">
        <v>1</v>
      </c>
      <c r="C35233" s="14" t="s">
        <v>70</v>
      </c>
      <c r="D35233" s="14" t="s">
        <v>216</v>
      </c>
      <c r="E35233" s="15">
        <v>45569</v>
      </c>
      <c r="F35233" s="14" t="s">
        <v>53</v>
      </c>
      <c r="G35233" s="16">
        <v>2.0112444845449087</v>
      </c>
    </row>
    <row r="35234" spans="1:7" x14ac:dyDescent="0.3">
      <c r="A35234" s="13" t="s">
        <v>215</v>
      </c>
      <c r="B35234" s="14" t="s">
        <v>1</v>
      </c>
      <c r="C35234" s="14" t="s">
        <v>70</v>
      </c>
      <c r="D35234" s="14" t="s">
        <v>216</v>
      </c>
      <c r="E35234" s="15">
        <v>45570</v>
      </c>
      <c r="F35234" s="14" t="s">
        <v>53</v>
      </c>
      <c r="G35234" s="16">
        <v>2.0112444845449087</v>
      </c>
    </row>
    <row r="35235" spans="1:7" x14ac:dyDescent="0.3">
      <c r="A35235" s="13" t="s">
        <v>215</v>
      </c>
      <c r="B35235" s="14" t="s">
        <v>1</v>
      </c>
      <c r="C35235" s="14" t="s">
        <v>70</v>
      </c>
      <c r="D35235" s="14" t="s">
        <v>216</v>
      </c>
      <c r="E35235" s="15">
        <v>45571</v>
      </c>
      <c r="F35235" s="14" t="s">
        <v>53</v>
      </c>
      <c r="G35235" s="16">
        <v>2.0112444845449087</v>
      </c>
    </row>
    <row r="35236" spans="1:7" x14ac:dyDescent="0.3">
      <c r="A35236" s="13" t="s">
        <v>215</v>
      </c>
      <c r="B35236" s="14" t="s">
        <v>1</v>
      </c>
      <c r="C35236" s="14" t="s">
        <v>70</v>
      </c>
      <c r="D35236" s="14" t="s">
        <v>216</v>
      </c>
      <c r="E35236" s="15">
        <v>45572</v>
      </c>
      <c r="F35236" s="14" t="s">
        <v>53</v>
      </c>
      <c r="G35236" s="16">
        <v>2.0388537180558131</v>
      </c>
    </row>
    <row r="35237" spans="1:7" x14ac:dyDescent="0.3">
      <c r="A35237" s="13" t="s">
        <v>215</v>
      </c>
      <c r="B35237" s="14" t="s">
        <v>1</v>
      </c>
      <c r="C35237" s="14" t="s">
        <v>70</v>
      </c>
      <c r="D35237" s="14" t="s">
        <v>216</v>
      </c>
      <c r="E35237" s="15">
        <v>45573</v>
      </c>
      <c r="F35237" s="14" t="s">
        <v>53</v>
      </c>
      <c r="G35237" s="16">
        <v>2.052422820826675</v>
      </c>
    </row>
    <row r="35238" spans="1:7" x14ac:dyDescent="0.3">
      <c r="A35238" s="13" t="s">
        <v>215</v>
      </c>
      <c r="B35238" s="14" t="s">
        <v>1</v>
      </c>
      <c r="C35238" s="14" t="s">
        <v>70</v>
      </c>
      <c r="D35238" s="14" t="s">
        <v>216</v>
      </c>
      <c r="E35238" s="15">
        <v>45574</v>
      </c>
      <c r="F35238" s="14" t="s">
        <v>53</v>
      </c>
      <c r="G35238" s="16">
        <v>2.0632551538042661</v>
      </c>
    </row>
    <row r="35239" spans="1:7" x14ac:dyDescent="0.3">
      <c r="A35239" s="13" t="s">
        <v>215</v>
      </c>
      <c r="B35239" s="14" t="s">
        <v>1</v>
      </c>
      <c r="C35239" s="14" t="s">
        <v>70</v>
      </c>
      <c r="D35239" s="14" t="s">
        <v>216</v>
      </c>
      <c r="E35239" s="15">
        <v>45575</v>
      </c>
      <c r="F35239" s="14" t="s">
        <v>53</v>
      </c>
      <c r="G35239" s="16">
        <v>2.0703866465414071</v>
      </c>
    </row>
    <row r="35240" spans="1:7" x14ac:dyDescent="0.3">
      <c r="A35240" s="13" t="s">
        <v>215</v>
      </c>
      <c r="B35240" s="14" t="s">
        <v>1</v>
      </c>
      <c r="C35240" s="14" t="s">
        <v>70</v>
      </c>
      <c r="D35240" s="14" t="s">
        <v>216</v>
      </c>
      <c r="E35240" s="15">
        <v>45576</v>
      </c>
      <c r="F35240" s="14" t="s">
        <v>53</v>
      </c>
      <c r="G35240" s="16">
        <v>2.0885794421745776</v>
      </c>
    </row>
    <row r="35241" spans="1:7" x14ac:dyDescent="0.3">
      <c r="A35241" s="13" t="s">
        <v>215</v>
      </c>
      <c r="B35241" s="14" t="s">
        <v>1</v>
      </c>
      <c r="C35241" s="14" t="s">
        <v>70</v>
      </c>
      <c r="D35241" s="14" t="s">
        <v>216</v>
      </c>
      <c r="E35241" s="15">
        <v>45577</v>
      </c>
      <c r="F35241" s="14" t="s">
        <v>53</v>
      </c>
      <c r="G35241" s="16">
        <v>2.0885794421745776</v>
      </c>
    </row>
    <row r="35242" spans="1:7" x14ac:dyDescent="0.3">
      <c r="A35242" s="13" t="s">
        <v>215</v>
      </c>
      <c r="B35242" s="14" t="s">
        <v>1</v>
      </c>
      <c r="C35242" s="14" t="s">
        <v>70</v>
      </c>
      <c r="D35242" s="14" t="s">
        <v>216</v>
      </c>
      <c r="E35242" s="15">
        <v>45578</v>
      </c>
      <c r="F35242" s="14" t="s">
        <v>53</v>
      </c>
      <c r="G35242" s="16">
        <v>2.0885794421745776</v>
      </c>
    </row>
    <row r="35243" spans="1:7" x14ac:dyDescent="0.3">
      <c r="A35243" s="13" t="s">
        <v>215</v>
      </c>
      <c r="B35243" s="14" t="s">
        <v>1</v>
      </c>
      <c r="C35243" s="14" t="s">
        <v>70</v>
      </c>
      <c r="D35243" s="14" t="s">
        <v>216</v>
      </c>
      <c r="E35243" s="15">
        <v>45579</v>
      </c>
      <c r="F35243" s="14" t="s">
        <v>53</v>
      </c>
      <c r="G35243" s="16">
        <v>2.0954389592836953</v>
      </c>
    </row>
    <row r="35244" spans="1:7" x14ac:dyDescent="0.3">
      <c r="A35244" s="13" t="s">
        <v>215</v>
      </c>
      <c r="B35244" s="14" t="s">
        <v>1</v>
      </c>
      <c r="C35244" s="14" t="s">
        <v>70</v>
      </c>
      <c r="D35244" s="14" t="s">
        <v>216</v>
      </c>
      <c r="E35244" s="15">
        <v>45580</v>
      </c>
      <c r="F35244" s="14" t="s">
        <v>53</v>
      </c>
      <c r="G35244" s="16">
        <v>2.1096898314886379</v>
      </c>
    </row>
    <row r="35245" spans="1:7" x14ac:dyDescent="0.3">
      <c r="A35245" s="13" t="s">
        <v>215</v>
      </c>
      <c r="B35245" s="14" t="s">
        <v>1</v>
      </c>
      <c r="C35245" s="14" t="s">
        <v>70</v>
      </c>
      <c r="D35245" s="14" t="s">
        <v>216</v>
      </c>
      <c r="E35245" s="15">
        <v>45581</v>
      </c>
      <c r="F35245" s="14" t="s">
        <v>53</v>
      </c>
      <c r="G35245" s="16">
        <v>2.1325309166590647</v>
      </c>
    </row>
    <row r="35246" spans="1:7" x14ac:dyDescent="0.3">
      <c r="A35246" s="13" t="s">
        <v>215</v>
      </c>
      <c r="B35246" s="14" t="s">
        <v>1</v>
      </c>
      <c r="C35246" s="14" t="s">
        <v>70</v>
      </c>
      <c r="D35246" s="14" t="s">
        <v>216</v>
      </c>
      <c r="E35246" s="15">
        <v>45582</v>
      </c>
      <c r="F35246" s="14" t="s">
        <v>53</v>
      </c>
      <c r="G35246" s="16">
        <v>2.1351286393791074</v>
      </c>
    </row>
    <row r="35247" spans="1:7" x14ac:dyDescent="0.3">
      <c r="A35247" s="13" t="s">
        <v>215</v>
      </c>
      <c r="B35247" s="14" t="s">
        <v>1</v>
      </c>
      <c r="C35247" s="14" t="s">
        <v>70</v>
      </c>
      <c r="D35247" s="14" t="s">
        <v>216</v>
      </c>
      <c r="E35247" s="15">
        <v>45583</v>
      </c>
      <c r="F35247" s="14" t="s">
        <v>53</v>
      </c>
      <c r="G35247" s="16">
        <v>2.1400133271653972</v>
      </c>
    </row>
    <row r="35248" spans="1:7" x14ac:dyDescent="0.3">
      <c r="A35248" s="13" t="s">
        <v>215</v>
      </c>
      <c r="B35248" s="14" t="s">
        <v>1</v>
      </c>
      <c r="C35248" s="14" t="s">
        <v>70</v>
      </c>
      <c r="D35248" s="14" t="s">
        <v>216</v>
      </c>
      <c r="E35248" s="15">
        <v>45584</v>
      </c>
      <c r="F35248" s="14" t="s">
        <v>53</v>
      </c>
      <c r="G35248" s="16">
        <v>2.1400133271653972</v>
      </c>
    </row>
    <row r="35249" spans="1:7" x14ac:dyDescent="0.3">
      <c r="A35249" s="13" t="s">
        <v>215</v>
      </c>
      <c r="B35249" s="14" t="s">
        <v>1</v>
      </c>
      <c r="C35249" s="14" t="s">
        <v>70</v>
      </c>
      <c r="D35249" s="14" t="s">
        <v>216</v>
      </c>
      <c r="E35249" s="15">
        <v>45585</v>
      </c>
      <c r="F35249" s="14" t="s">
        <v>53</v>
      </c>
      <c r="G35249" s="16">
        <v>2.1400133271653972</v>
      </c>
    </row>
    <row r="35250" spans="1:7" x14ac:dyDescent="0.3">
      <c r="A35250" s="13" t="s">
        <v>215</v>
      </c>
      <c r="B35250" s="14" t="s">
        <v>1</v>
      </c>
      <c r="C35250" s="14" t="s">
        <v>70</v>
      </c>
      <c r="D35250" s="14" t="s">
        <v>216</v>
      </c>
      <c r="E35250" s="15">
        <v>45586</v>
      </c>
      <c r="F35250" s="14" t="s">
        <v>53</v>
      </c>
      <c r="G35250" s="16">
        <v>2.1624974685763392</v>
      </c>
    </row>
    <row r="35251" spans="1:7" x14ac:dyDescent="0.3">
      <c r="A35251" s="13" t="s">
        <v>215</v>
      </c>
      <c r="B35251" s="14" t="s">
        <v>1</v>
      </c>
      <c r="C35251" s="14" t="s">
        <v>70</v>
      </c>
      <c r="D35251" s="14" t="s">
        <v>216</v>
      </c>
      <c r="E35251" s="15">
        <v>45587</v>
      </c>
      <c r="F35251" s="14" t="s">
        <v>53</v>
      </c>
      <c r="G35251" s="16">
        <v>2.1793417604130112</v>
      </c>
    </row>
    <row r="35252" spans="1:7" x14ac:dyDescent="0.3">
      <c r="A35252" s="13" t="s">
        <v>215</v>
      </c>
      <c r="B35252" s="14" t="s">
        <v>1</v>
      </c>
      <c r="C35252" s="14" t="s">
        <v>70</v>
      </c>
      <c r="D35252" s="14" t="s">
        <v>216</v>
      </c>
      <c r="E35252" s="15">
        <v>45588</v>
      </c>
      <c r="F35252" s="14" t="s">
        <v>53</v>
      </c>
      <c r="G35252" s="16">
        <v>2.1955913439486605</v>
      </c>
    </row>
    <row r="35253" spans="1:7" x14ac:dyDescent="0.3">
      <c r="A35253" s="13" t="s">
        <v>215</v>
      </c>
      <c r="B35253" s="14" t="s">
        <v>1</v>
      </c>
      <c r="C35253" s="14" t="s">
        <v>70</v>
      </c>
      <c r="D35253" s="14" t="s">
        <v>216</v>
      </c>
      <c r="E35253" s="15">
        <v>45589</v>
      </c>
      <c r="F35253" s="14" t="s">
        <v>53</v>
      </c>
      <c r="G35253" s="16">
        <v>2.1943085669945455</v>
      </c>
    </row>
    <row r="35254" spans="1:7" x14ac:dyDescent="0.3">
      <c r="A35254" s="13" t="s">
        <v>215</v>
      </c>
      <c r="B35254" s="14" t="s">
        <v>1</v>
      </c>
      <c r="C35254" s="14" t="s">
        <v>70</v>
      </c>
      <c r="D35254" s="14" t="s">
        <v>216</v>
      </c>
      <c r="E35254" s="15">
        <v>45590</v>
      </c>
      <c r="F35254" s="14" t="s">
        <v>53</v>
      </c>
      <c r="G35254" s="16">
        <v>2.2015330284530168</v>
      </c>
    </row>
    <row r="35255" spans="1:7" x14ac:dyDescent="0.3">
      <c r="A35255" s="13" t="s">
        <v>215</v>
      </c>
      <c r="B35255" s="14" t="s">
        <v>1</v>
      </c>
      <c r="C35255" s="14" t="s">
        <v>70</v>
      </c>
      <c r="D35255" s="14" t="s">
        <v>216</v>
      </c>
      <c r="E35255" s="15">
        <v>45591</v>
      </c>
      <c r="F35255" s="14" t="s">
        <v>53</v>
      </c>
      <c r="G35255" s="16">
        <v>2.2015330284530168</v>
      </c>
    </row>
    <row r="35256" spans="1:7" x14ac:dyDescent="0.3">
      <c r="A35256" s="13" t="s">
        <v>215</v>
      </c>
      <c r="B35256" s="14" t="s">
        <v>1</v>
      </c>
      <c r="C35256" s="14" t="s">
        <v>70</v>
      </c>
      <c r="D35256" s="14" t="s">
        <v>216</v>
      </c>
      <c r="E35256" s="15">
        <v>45592</v>
      </c>
      <c r="F35256" s="14" t="s">
        <v>53</v>
      </c>
      <c r="G35256" s="16">
        <v>2.2015330284530168</v>
      </c>
    </row>
    <row r="35257" spans="1:7" x14ac:dyDescent="0.3">
      <c r="A35257" s="13" t="s">
        <v>215</v>
      </c>
      <c r="B35257" s="14" t="s">
        <v>1</v>
      </c>
      <c r="C35257" s="14" t="s">
        <v>70</v>
      </c>
      <c r="D35257" s="14" t="s">
        <v>216</v>
      </c>
      <c r="E35257" s="15">
        <v>45593</v>
      </c>
      <c r="F35257" s="14" t="s">
        <v>53</v>
      </c>
      <c r="G35257" s="16">
        <v>2.2015330284530168</v>
      </c>
    </row>
    <row r="35258" spans="1:7" x14ac:dyDescent="0.3">
      <c r="A35258" s="13" t="s">
        <v>215</v>
      </c>
      <c r="B35258" s="14" t="s">
        <v>1</v>
      </c>
      <c r="C35258" s="14" t="s">
        <v>70</v>
      </c>
      <c r="D35258" s="14" t="s">
        <v>216</v>
      </c>
      <c r="E35258" s="15">
        <v>45594</v>
      </c>
      <c r="F35258" s="14" t="s">
        <v>53</v>
      </c>
      <c r="G35258" s="16">
        <v>2.1989238983620494</v>
      </c>
    </row>
    <row r="35259" spans="1:7" x14ac:dyDescent="0.3">
      <c r="A35259" s="13" t="s">
        <v>215</v>
      </c>
      <c r="B35259" s="14" t="s">
        <v>1</v>
      </c>
      <c r="C35259" s="14" t="s">
        <v>70</v>
      </c>
      <c r="D35259" s="14" t="s">
        <v>216</v>
      </c>
      <c r="E35259" s="15">
        <v>45595</v>
      </c>
      <c r="F35259" s="14" t="s">
        <v>53</v>
      </c>
      <c r="G35259" s="16">
        <v>2.2385812297361913</v>
      </c>
    </row>
    <row r="35260" spans="1:7" x14ac:dyDescent="0.3">
      <c r="A35260" s="13" t="s">
        <v>215</v>
      </c>
      <c r="B35260" s="14" t="s">
        <v>1</v>
      </c>
      <c r="C35260" s="14" t="s">
        <v>70</v>
      </c>
      <c r="D35260" s="14" t="s">
        <v>216</v>
      </c>
      <c r="E35260" s="15">
        <v>45596</v>
      </c>
      <c r="F35260" s="14" t="s">
        <v>53</v>
      </c>
      <c r="G35260" s="16">
        <v>2.2552095009753454</v>
      </c>
    </row>
    <row r="35261" spans="1:7" x14ac:dyDescent="0.3">
      <c r="A35261" s="13" t="s">
        <v>215</v>
      </c>
      <c r="B35261" s="14" t="s">
        <v>1</v>
      </c>
      <c r="C35261" s="14" t="s">
        <v>70</v>
      </c>
      <c r="D35261" s="14" t="s">
        <v>216</v>
      </c>
      <c r="E35261" s="15">
        <v>45597</v>
      </c>
      <c r="F35261" s="14" t="s">
        <v>53</v>
      </c>
      <c r="G35261" s="16">
        <v>2.2578521416824104</v>
      </c>
    </row>
    <row r="35262" spans="1:7" x14ac:dyDescent="0.3">
      <c r="A35262" s="13" t="s">
        <v>215</v>
      </c>
      <c r="B35262" s="14" t="s">
        <v>1</v>
      </c>
      <c r="C35262" s="14" t="s">
        <v>70</v>
      </c>
      <c r="D35262" s="14" t="s">
        <v>216</v>
      </c>
      <c r="E35262" s="15">
        <v>45598</v>
      </c>
      <c r="F35262" s="14" t="s">
        <v>53</v>
      </c>
      <c r="G35262" s="16">
        <v>2.2578521416824104</v>
      </c>
    </row>
    <row r="35263" spans="1:7" x14ac:dyDescent="0.3">
      <c r="A35263" s="13" t="s">
        <v>215</v>
      </c>
      <c r="B35263" s="14" t="s">
        <v>1</v>
      </c>
      <c r="C35263" s="14" t="s">
        <v>70</v>
      </c>
      <c r="D35263" s="14" t="s">
        <v>216</v>
      </c>
      <c r="E35263" s="15">
        <v>45599</v>
      </c>
      <c r="F35263" s="14" t="s">
        <v>53</v>
      </c>
      <c r="G35263" s="16">
        <v>2.2578521416824104</v>
      </c>
    </row>
    <row r="35264" spans="1:7" x14ac:dyDescent="0.3">
      <c r="A35264" s="13" t="s">
        <v>215</v>
      </c>
      <c r="B35264" s="14" t="s">
        <v>1</v>
      </c>
      <c r="C35264" s="14" t="s">
        <v>70</v>
      </c>
      <c r="D35264" s="14" t="s">
        <v>216</v>
      </c>
      <c r="E35264" s="15">
        <v>45600</v>
      </c>
      <c r="F35264" s="14" t="s">
        <v>53</v>
      </c>
      <c r="G35264" s="16">
        <v>2.2524515455715184</v>
      </c>
    </row>
    <row r="35265" spans="1:7" x14ac:dyDescent="0.3">
      <c r="A35265" s="13" t="s">
        <v>215</v>
      </c>
      <c r="B35265" s="14" t="s">
        <v>1</v>
      </c>
      <c r="C35265" s="14" t="s">
        <v>70</v>
      </c>
      <c r="D35265" s="14" t="s">
        <v>216</v>
      </c>
      <c r="E35265" s="15">
        <v>45601</v>
      </c>
      <c r="F35265" s="14" t="s">
        <v>53</v>
      </c>
      <c r="G35265" s="16">
        <v>2.2537285730105157</v>
      </c>
    </row>
    <row r="35266" spans="1:7" x14ac:dyDescent="0.3">
      <c r="A35266" s="13" t="s">
        <v>215</v>
      </c>
      <c r="B35266" s="14" t="s">
        <v>1</v>
      </c>
      <c r="C35266" s="14" t="s">
        <v>70</v>
      </c>
      <c r="D35266" s="14" t="s">
        <v>216</v>
      </c>
      <c r="E35266" s="15">
        <v>45602</v>
      </c>
      <c r="F35266" s="14" t="s">
        <v>53</v>
      </c>
      <c r="G35266" s="16">
        <v>2.2896219173217305</v>
      </c>
    </row>
    <row r="35267" spans="1:7" x14ac:dyDescent="0.3">
      <c r="A35267" s="13" t="s">
        <v>215</v>
      </c>
      <c r="B35267" s="14" t="s">
        <v>1</v>
      </c>
      <c r="C35267" s="14" t="s">
        <v>70</v>
      </c>
      <c r="D35267" s="14" t="s">
        <v>216</v>
      </c>
      <c r="E35267" s="15">
        <v>45603</v>
      </c>
      <c r="F35267" s="14" t="s">
        <v>53</v>
      </c>
      <c r="G35267" s="16">
        <v>2.2762268619154669</v>
      </c>
    </row>
    <row r="35268" spans="1:7" x14ac:dyDescent="0.3">
      <c r="A35268" s="13" t="s">
        <v>215</v>
      </c>
      <c r="B35268" s="14" t="s">
        <v>1</v>
      </c>
      <c r="C35268" s="14" t="s">
        <v>70</v>
      </c>
      <c r="D35268" s="14" t="s">
        <v>216</v>
      </c>
      <c r="E35268" s="15">
        <v>45604</v>
      </c>
      <c r="F35268" s="14" t="s">
        <v>53</v>
      </c>
      <c r="G35268" s="16">
        <v>2.3061999118281054</v>
      </c>
    </row>
    <row r="35269" spans="1:7" x14ac:dyDescent="0.3">
      <c r="A35269" s="13" t="s">
        <v>215</v>
      </c>
      <c r="B35269" s="14" t="s">
        <v>1</v>
      </c>
      <c r="C35269" s="14" t="s">
        <v>70</v>
      </c>
      <c r="D35269" s="14" t="s">
        <v>216</v>
      </c>
      <c r="E35269" s="15">
        <v>45605</v>
      </c>
      <c r="F35269" s="14" t="s">
        <v>53</v>
      </c>
      <c r="G35269" s="16">
        <v>2.3061999118281054</v>
      </c>
    </row>
    <row r="35270" spans="1:7" x14ac:dyDescent="0.3">
      <c r="A35270" s="13" t="s">
        <v>215</v>
      </c>
      <c r="B35270" s="14" t="s">
        <v>1</v>
      </c>
      <c r="C35270" s="14" t="s">
        <v>70</v>
      </c>
      <c r="D35270" s="14" t="s">
        <v>216</v>
      </c>
      <c r="E35270" s="15">
        <v>45606</v>
      </c>
      <c r="F35270" s="14" t="s">
        <v>53</v>
      </c>
      <c r="G35270" s="16">
        <v>2.3061999118281054</v>
      </c>
    </row>
    <row r="35271" spans="1:7" x14ac:dyDescent="0.3">
      <c r="A35271" s="13" t="s">
        <v>215</v>
      </c>
      <c r="B35271" s="14" t="s">
        <v>1</v>
      </c>
      <c r="C35271" s="14" t="s">
        <v>70</v>
      </c>
      <c r="D35271" s="14" t="s">
        <v>216</v>
      </c>
      <c r="E35271" s="15">
        <v>45607</v>
      </c>
      <c r="F35271" s="14" t="s">
        <v>53</v>
      </c>
      <c r="G35271" s="16">
        <v>2.3275155445247262</v>
      </c>
    </row>
    <row r="35272" spans="1:7" x14ac:dyDescent="0.3">
      <c r="A35272" s="13" t="s">
        <v>215</v>
      </c>
      <c r="B35272" s="14" t="s">
        <v>1</v>
      </c>
      <c r="C35272" s="14" t="s">
        <v>70</v>
      </c>
      <c r="D35272" s="14" t="s">
        <v>216</v>
      </c>
      <c r="E35272" s="15">
        <v>45608</v>
      </c>
      <c r="F35272" s="14" t="s">
        <v>53</v>
      </c>
      <c r="G35272" s="16">
        <v>2.3661207574461818</v>
      </c>
    </row>
    <row r="35273" spans="1:7" x14ac:dyDescent="0.3">
      <c r="A35273" s="13" t="s">
        <v>215</v>
      </c>
      <c r="B35273" s="14" t="s">
        <v>1</v>
      </c>
      <c r="C35273" s="14" t="s">
        <v>70</v>
      </c>
      <c r="D35273" s="14" t="s">
        <v>216</v>
      </c>
      <c r="E35273" s="15">
        <v>45609</v>
      </c>
      <c r="F35273" s="14" t="s">
        <v>53</v>
      </c>
      <c r="G35273" s="16">
        <v>2.3776296150830887</v>
      </c>
    </row>
    <row r="35274" spans="1:7" x14ac:dyDescent="0.3">
      <c r="A35274" s="13" t="s">
        <v>215</v>
      </c>
      <c r="B35274" s="14" t="s">
        <v>1</v>
      </c>
      <c r="C35274" s="14" t="s">
        <v>70</v>
      </c>
      <c r="D35274" s="14" t="s">
        <v>216</v>
      </c>
      <c r="E35274" s="15">
        <v>45610</v>
      </c>
      <c r="F35274" s="14" t="s">
        <v>53</v>
      </c>
      <c r="G35274" s="16">
        <v>2.3914591184898573</v>
      </c>
    </row>
    <row r="35275" spans="1:7" x14ac:dyDescent="0.3">
      <c r="A35275" s="13" t="s">
        <v>215</v>
      </c>
      <c r="B35275" s="14" t="s">
        <v>1</v>
      </c>
      <c r="C35275" s="14" t="s">
        <v>70</v>
      </c>
      <c r="D35275" s="14" t="s">
        <v>216</v>
      </c>
      <c r="E35275" s="15">
        <v>45611</v>
      </c>
      <c r="F35275" s="14" t="s">
        <v>53</v>
      </c>
      <c r="G35275" s="16">
        <v>2.4401310888418712</v>
      </c>
    </row>
    <row r="35276" spans="1:7" x14ac:dyDescent="0.3">
      <c r="A35276" s="13" t="s">
        <v>215</v>
      </c>
      <c r="B35276" s="14" t="s">
        <v>1</v>
      </c>
      <c r="C35276" s="14" t="s">
        <v>70</v>
      </c>
      <c r="D35276" s="14" t="s">
        <v>216</v>
      </c>
      <c r="E35276" s="15">
        <v>45612</v>
      </c>
      <c r="F35276" s="14" t="s">
        <v>53</v>
      </c>
      <c r="G35276" s="16">
        <v>2.4401310888418712</v>
      </c>
    </row>
    <row r="35277" spans="1:7" x14ac:dyDescent="0.3">
      <c r="A35277" s="13" t="s">
        <v>215</v>
      </c>
      <c r="B35277" s="14" t="s">
        <v>1</v>
      </c>
      <c r="C35277" s="14" t="s">
        <v>70</v>
      </c>
      <c r="D35277" s="14" t="s">
        <v>216</v>
      </c>
      <c r="E35277" s="15">
        <v>45613</v>
      </c>
      <c r="F35277" s="14" t="s">
        <v>53</v>
      </c>
      <c r="G35277" s="16">
        <v>2.4401310888418712</v>
      </c>
    </row>
    <row r="35278" spans="1:7" x14ac:dyDescent="0.3">
      <c r="A35278" s="13" t="s">
        <v>215</v>
      </c>
      <c r="B35278" s="14" t="s">
        <v>1</v>
      </c>
      <c r="C35278" s="14" t="s">
        <v>70</v>
      </c>
      <c r="D35278" s="14" t="s">
        <v>216</v>
      </c>
      <c r="E35278" s="15">
        <v>45614</v>
      </c>
      <c r="F35278" s="14" t="s">
        <v>53</v>
      </c>
      <c r="G35278" s="16">
        <v>2.4401526666877964</v>
      </c>
    </row>
    <row r="35279" spans="1:7" x14ac:dyDescent="0.3">
      <c r="A35279" s="13" t="s">
        <v>215</v>
      </c>
      <c r="B35279" s="14" t="s">
        <v>1</v>
      </c>
      <c r="C35279" s="14" t="s">
        <v>70</v>
      </c>
      <c r="D35279" s="14" t="s">
        <v>216</v>
      </c>
      <c r="E35279" s="15">
        <v>45615</v>
      </c>
      <c r="F35279" s="14" t="s">
        <v>53</v>
      </c>
      <c r="G35279" s="16">
        <v>2.4781395725405484</v>
      </c>
    </row>
    <row r="35280" spans="1:7" x14ac:dyDescent="0.3">
      <c r="A35280" s="13" t="s">
        <v>215</v>
      </c>
      <c r="B35280" s="14" t="s">
        <v>1</v>
      </c>
      <c r="C35280" s="14" t="s">
        <v>70</v>
      </c>
      <c r="D35280" s="14" t="s">
        <v>216</v>
      </c>
      <c r="E35280" s="15">
        <v>45616</v>
      </c>
      <c r="F35280" s="14" t="s">
        <v>53</v>
      </c>
      <c r="G35280" s="16">
        <v>2.4890439674340978</v>
      </c>
    </row>
    <row r="35281" spans="1:7" x14ac:dyDescent="0.3">
      <c r="A35281" s="13" t="s">
        <v>215</v>
      </c>
      <c r="B35281" s="14" t="s">
        <v>1</v>
      </c>
      <c r="C35281" s="14" t="s">
        <v>70</v>
      </c>
      <c r="D35281" s="14" t="s">
        <v>216</v>
      </c>
      <c r="E35281" s="15">
        <v>45617</v>
      </c>
      <c r="F35281" s="14" t="s">
        <v>53</v>
      </c>
      <c r="G35281" s="16">
        <v>2.5095929203472722</v>
      </c>
    </row>
    <row r="35282" spans="1:7" x14ac:dyDescent="0.3">
      <c r="A35282" s="13" t="s">
        <v>215</v>
      </c>
      <c r="B35282" s="14" t="s">
        <v>1</v>
      </c>
      <c r="C35282" s="14" t="s">
        <v>70</v>
      </c>
      <c r="D35282" s="14" t="s">
        <v>216</v>
      </c>
      <c r="E35282" s="15">
        <v>45618</v>
      </c>
      <c r="F35282" s="14" t="s">
        <v>53</v>
      </c>
      <c r="G35282" s="16">
        <v>2.529554110952374</v>
      </c>
    </row>
    <row r="35283" spans="1:7" x14ac:dyDescent="0.3">
      <c r="A35283" s="13" t="s">
        <v>215</v>
      </c>
      <c r="B35283" s="14" t="s">
        <v>1</v>
      </c>
      <c r="C35283" s="14" t="s">
        <v>70</v>
      </c>
      <c r="D35283" s="14" t="s">
        <v>216</v>
      </c>
      <c r="E35283" s="15">
        <v>45619</v>
      </c>
      <c r="F35283" s="14" t="s">
        <v>53</v>
      </c>
      <c r="G35283" s="16">
        <v>2.529554110952374</v>
      </c>
    </row>
    <row r="35284" spans="1:7" x14ac:dyDescent="0.3">
      <c r="A35284" s="13" t="s">
        <v>215</v>
      </c>
      <c r="B35284" s="14" t="s">
        <v>1</v>
      </c>
      <c r="C35284" s="14" t="s">
        <v>70</v>
      </c>
      <c r="D35284" s="14" t="s">
        <v>216</v>
      </c>
      <c r="E35284" s="15">
        <v>45620</v>
      </c>
      <c r="F35284" s="14" t="s">
        <v>53</v>
      </c>
      <c r="G35284" s="16">
        <v>2.529554110952374</v>
      </c>
    </row>
    <row r="35285" spans="1:7" x14ac:dyDescent="0.3">
      <c r="A35285" s="13" t="s">
        <v>215</v>
      </c>
      <c r="B35285" s="14" t="s">
        <v>1</v>
      </c>
      <c r="C35285" s="14" t="s">
        <v>70</v>
      </c>
      <c r="D35285" s="14" t="s">
        <v>216</v>
      </c>
      <c r="E35285" s="15">
        <v>45621</v>
      </c>
      <c r="F35285" s="14" t="s">
        <v>53</v>
      </c>
      <c r="G35285" s="16">
        <v>2.5271893590338403</v>
      </c>
    </row>
    <row r="35286" spans="1:7" x14ac:dyDescent="0.3">
      <c r="A35286" s="13" t="s">
        <v>215</v>
      </c>
      <c r="B35286" s="14" t="s">
        <v>1</v>
      </c>
      <c r="C35286" s="14" t="s">
        <v>70</v>
      </c>
      <c r="D35286" s="14" t="s">
        <v>216</v>
      </c>
      <c r="E35286" s="15">
        <v>45622</v>
      </c>
      <c r="F35286" s="14" t="s">
        <v>53</v>
      </c>
      <c r="G35286" s="16">
        <v>2.5536638022003717</v>
      </c>
    </row>
    <row r="35287" spans="1:7" x14ac:dyDescent="0.3">
      <c r="A35287" s="13" t="s">
        <v>215</v>
      </c>
      <c r="B35287" s="14" t="s">
        <v>1</v>
      </c>
      <c r="C35287" s="14" t="s">
        <v>70</v>
      </c>
      <c r="D35287" s="14" t="s">
        <v>216</v>
      </c>
      <c r="E35287" s="15">
        <v>45623</v>
      </c>
      <c r="F35287" s="14" t="s">
        <v>53</v>
      </c>
      <c r="G35287" s="16">
        <v>2.5424892892756672</v>
      </c>
    </row>
    <row r="35288" spans="1:7" x14ac:dyDescent="0.3">
      <c r="A35288" s="13" t="s">
        <v>215</v>
      </c>
      <c r="B35288" s="14" t="s">
        <v>1</v>
      </c>
      <c r="C35288" s="14" t="s">
        <v>70</v>
      </c>
      <c r="D35288" s="14" t="s">
        <v>216</v>
      </c>
      <c r="E35288" s="15">
        <v>45624</v>
      </c>
      <c r="F35288" s="14" t="s">
        <v>53</v>
      </c>
      <c r="G35288" s="16">
        <v>2.5508950863396667</v>
      </c>
    </row>
    <row r="35289" spans="1:7" x14ac:dyDescent="0.3">
      <c r="A35289" s="13" t="s">
        <v>215</v>
      </c>
      <c r="B35289" s="14" t="s">
        <v>1</v>
      </c>
      <c r="C35289" s="14" t="s">
        <v>70</v>
      </c>
      <c r="D35289" s="14" t="s">
        <v>216</v>
      </c>
      <c r="E35289" s="15">
        <v>45625</v>
      </c>
      <c r="F35289" s="14" t="s">
        <v>53</v>
      </c>
      <c r="G35289" s="16">
        <v>2.5462092449521276</v>
      </c>
    </row>
    <row r="35290" spans="1:7" x14ac:dyDescent="0.3">
      <c r="A35290" s="13" t="s">
        <v>215</v>
      </c>
      <c r="B35290" s="14" t="s">
        <v>1</v>
      </c>
      <c r="C35290" s="14" t="s">
        <v>70</v>
      </c>
      <c r="D35290" s="14" t="s">
        <v>216</v>
      </c>
      <c r="E35290" s="15">
        <v>45626</v>
      </c>
      <c r="F35290" s="14" t="s">
        <v>53</v>
      </c>
      <c r="G35290" s="16">
        <v>2.5462092449521276</v>
      </c>
    </row>
    <row r="35291" spans="1:7" x14ac:dyDescent="0.3">
      <c r="A35291" s="13" t="s">
        <v>215</v>
      </c>
      <c r="B35291" s="14" t="s">
        <v>1</v>
      </c>
      <c r="C35291" s="14" t="s">
        <v>70</v>
      </c>
      <c r="D35291" s="14" t="s">
        <v>216</v>
      </c>
      <c r="E35291" s="15">
        <v>45627</v>
      </c>
      <c r="F35291" s="14" t="s">
        <v>53</v>
      </c>
      <c r="G35291" s="16">
        <v>2.5462092449521276</v>
      </c>
    </row>
    <row r="35292" spans="1:7" x14ac:dyDescent="0.3">
      <c r="A35292" s="13" t="s">
        <v>215</v>
      </c>
      <c r="B35292" s="14" t="s">
        <v>1</v>
      </c>
      <c r="C35292" s="14" t="s">
        <v>70</v>
      </c>
      <c r="D35292" s="14" t="s">
        <v>216</v>
      </c>
      <c r="E35292" s="15">
        <v>45628</v>
      </c>
      <c r="F35292" s="14" t="s">
        <v>53</v>
      </c>
      <c r="G35292" s="16">
        <v>2.5765466365315977</v>
      </c>
    </row>
    <row r="35293" spans="1:7" x14ac:dyDescent="0.3">
      <c r="A35293" s="13" t="s">
        <v>215</v>
      </c>
      <c r="B35293" s="14" t="s">
        <v>1</v>
      </c>
      <c r="C35293" s="14" t="s">
        <v>70</v>
      </c>
      <c r="D35293" s="14" t="s">
        <v>216</v>
      </c>
      <c r="E35293" s="15">
        <v>45629</v>
      </c>
      <c r="F35293" s="14" t="s">
        <v>53</v>
      </c>
      <c r="G35293" s="16">
        <v>2.5957567599519145</v>
      </c>
    </row>
    <row r="35294" spans="1:7" x14ac:dyDescent="0.3">
      <c r="A35294" s="13" t="s">
        <v>215</v>
      </c>
      <c r="B35294" s="14" t="s">
        <v>1</v>
      </c>
      <c r="C35294" s="14" t="s">
        <v>70</v>
      </c>
      <c r="D35294" s="14" t="s">
        <v>216</v>
      </c>
      <c r="E35294" s="15">
        <v>45630</v>
      </c>
      <c r="F35294" s="14" t="s">
        <v>53</v>
      </c>
      <c r="G35294" s="16">
        <v>2.5978981578760041</v>
      </c>
    </row>
    <row r="35295" spans="1:7" x14ac:dyDescent="0.3">
      <c r="A35295" s="13" t="s">
        <v>215</v>
      </c>
      <c r="B35295" s="14" t="s">
        <v>1</v>
      </c>
      <c r="C35295" s="14" t="s">
        <v>70</v>
      </c>
      <c r="D35295" s="14" t="s">
        <v>216</v>
      </c>
      <c r="E35295" s="15">
        <v>45631</v>
      </c>
      <c r="F35295" s="14" t="s">
        <v>53</v>
      </c>
      <c r="G35295" s="16">
        <v>2.5933296654789677</v>
      </c>
    </row>
    <row r="35296" spans="1:7" x14ac:dyDescent="0.3">
      <c r="A35296" s="13" t="s">
        <v>215</v>
      </c>
      <c r="B35296" s="14" t="s">
        <v>1</v>
      </c>
      <c r="C35296" s="14" t="s">
        <v>70</v>
      </c>
      <c r="D35296" s="14" t="s">
        <v>216</v>
      </c>
      <c r="E35296" s="15">
        <v>45632</v>
      </c>
      <c r="F35296" s="14" t="s">
        <v>53</v>
      </c>
      <c r="G35296" s="16">
        <v>2.6062118078736267</v>
      </c>
    </row>
    <row r="35297" spans="1:7" x14ac:dyDescent="0.3">
      <c r="A35297" s="13" t="s">
        <v>215</v>
      </c>
      <c r="B35297" s="14" t="s">
        <v>1</v>
      </c>
      <c r="C35297" s="14" t="s">
        <v>70</v>
      </c>
      <c r="D35297" s="14" t="s">
        <v>216</v>
      </c>
      <c r="E35297" s="15">
        <v>45633</v>
      </c>
      <c r="F35297" s="14" t="s">
        <v>53</v>
      </c>
      <c r="G35297" s="16">
        <v>2.6062118078736267</v>
      </c>
    </row>
    <row r="35298" spans="1:7" x14ac:dyDescent="0.3">
      <c r="A35298" s="13" t="s">
        <v>215</v>
      </c>
      <c r="B35298" s="14" t="s">
        <v>1</v>
      </c>
      <c r="C35298" s="14" t="s">
        <v>70</v>
      </c>
      <c r="D35298" s="14" t="s">
        <v>216</v>
      </c>
      <c r="E35298" s="15">
        <v>45634</v>
      </c>
      <c r="F35298" s="14" t="s">
        <v>53</v>
      </c>
      <c r="G35298" s="16">
        <v>2.6062118078736267</v>
      </c>
    </row>
    <row r="35299" spans="1:7" x14ac:dyDescent="0.3">
      <c r="A35299" s="13" t="s">
        <v>215</v>
      </c>
      <c r="B35299" s="14" t="s">
        <v>1</v>
      </c>
      <c r="C35299" s="14" t="s">
        <v>70</v>
      </c>
      <c r="D35299" s="14" t="s">
        <v>216</v>
      </c>
      <c r="E35299" s="15">
        <v>45635</v>
      </c>
      <c r="F35299" s="14" t="s">
        <v>53</v>
      </c>
      <c r="G35299" s="16">
        <v>2.6102793103609052</v>
      </c>
    </row>
    <row r="35300" spans="1:7" x14ac:dyDescent="0.3">
      <c r="A35300" s="13" t="s">
        <v>215</v>
      </c>
      <c r="B35300" s="14" t="s">
        <v>1</v>
      </c>
      <c r="C35300" s="14" t="s">
        <v>70</v>
      </c>
      <c r="D35300" s="14" t="s">
        <v>216</v>
      </c>
      <c r="E35300" s="15">
        <v>45636</v>
      </c>
      <c r="F35300" s="14" t="s">
        <v>53</v>
      </c>
      <c r="G35300" s="16">
        <v>2.6274865869294128</v>
      </c>
    </row>
    <row r="35301" spans="1:7" x14ac:dyDescent="0.3">
      <c r="A35301" s="13" t="s">
        <v>215</v>
      </c>
      <c r="B35301" s="14" t="s">
        <v>1</v>
      </c>
      <c r="C35301" s="14" t="s">
        <v>70</v>
      </c>
      <c r="D35301" s="14" t="s">
        <v>216</v>
      </c>
      <c r="E35301" s="15">
        <v>45637</v>
      </c>
      <c r="F35301" s="14" t="s">
        <v>53</v>
      </c>
      <c r="G35301" s="16">
        <v>2.6385113399566253</v>
      </c>
    </row>
    <row r="35302" spans="1:7" x14ac:dyDescent="0.3">
      <c r="A35302" s="13" t="s">
        <v>215</v>
      </c>
      <c r="B35302" s="14" t="s">
        <v>1</v>
      </c>
      <c r="C35302" s="14" t="s">
        <v>70</v>
      </c>
      <c r="D35302" s="14" t="s">
        <v>216</v>
      </c>
      <c r="E35302" s="15">
        <v>45638</v>
      </c>
      <c r="F35302" s="14" t="s">
        <v>53</v>
      </c>
      <c r="G35302" s="16">
        <v>2.6602693466561527</v>
      </c>
    </row>
    <row r="35303" spans="1:7" x14ac:dyDescent="0.3">
      <c r="A35303" s="13" t="s">
        <v>215</v>
      </c>
      <c r="B35303" s="14" t="s">
        <v>1</v>
      </c>
      <c r="C35303" s="14" t="s">
        <v>70</v>
      </c>
      <c r="D35303" s="14" t="s">
        <v>216</v>
      </c>
      <c r="E35303" s="15">
        <v>45639</v>
      </c>
      <c r="F35303" s="14" t="s">
        <v>53</v>
      </c>
      <c r="G35303" s="16">
        <v>2.6798239680007403</v>
      </c>
    </row>
    <row r="35304" spans="1:7" x14ac:dyDescent="0.3">
      <c r="A35304" s="13" t="s">
        <v>215</v>
      </c>
      <c r="B35304" s="14" t="s">
        <v>1</v>
      </c>
      <c r="C35304" s="14" t="s">
        <v>70</v>
      </c>
      <c r="D35304" s="14" t="s">
        <v>216</v>
      </c>
      <c r="E35304" s="15">
        <v>45640</v>
      </c>
      <c r="F35304" s="14" t="s">
        <v>53</v>
      </c>
      <c r="G35304" s="16">
        <v>2.6798239680007403</v>
      </c>
    </row>
    <row r="35305" spans="1:7" x14ac:dyDescent="0.3">
      <c r="A35305" s="13" t="s">
        <v>215</v>
      </c>
      <c r="B35305" s="14" t="s">
        <v>1</v>
      </c>
      <c r="C35305" s="14" t="s">
        <v>70</v>
      </c>
      <c r="D35305" s="14" t="s">
        <v>216</v>
      </c>
      <c r="E35305" s="15">
        <v>45641</v>
      </c>
      <c r="F35305" s="14" t="s">
        <v>53</v>
      </c>
      <c r="G35305" s="16">
        <v>2.6798239680007403</v>
      </c>
    </row>
    <row r="35306" spans="1:7" x14ac:dyDescent="0.3">
      <c r="A35306" s="13" t="s">
        <v>215</v>
      </c>
      <c r="B35306" s="14" t="s">
        <v>1</v>
      </c>
      <c r="C35306" s="14" t="s">
        <v>70</v>
      </c>
      <c r="D35306" s="14" t="s">
        <v>216</v>
      </c>
      <c r="E35306" s="15">
        <v>45642</v>
      </c>
      <c r="F35306" s="14" t="s">
        <v>53</v>
      </c>
      <c r="G35306" s="16">
        <v>2.6762278000936268</v>
      </c>
    </row>
    <row r="35307" spans="1:7" x14ac:dyDescent="0.3">
      <c r="A35307" s="13" t="s">
        <v>215</v>
      </c>
      <c r="B35307" s="14" t="s">
        <v>1</v>
      </c>
      <c r="C35307" s="14" t="s">
        <v>70</v>
      </c>
      <c r="D35307" s="14" t="s">
        <v>216</v>
      </c>
      <c r="E35307" s="15">
        <v>45643</v>
      </c>
      <c r="F35307" s="14" t="s">
        <v>53</v>
      </c>
      <c r="G35307" s="16">
        <v>2.6910703027602283</v>
      </c>
    </row>
    <row r="35308" spans="1:7" x14ac:dyDescent="0.3">
      <c r="A35308" s="13" t="s">
        <v>215</v>
      </c>
      <c r="B35308" s="14" t="s">
        <v>1</v>
      </c>
      <c r="C35308" s="14" t="s">
        <v>70</v>
      </c>
      <c r="D35308" s="14" t="s">
        <v>216</v>
      </c>
      <c r="E35308" s="15">
        <v>45644</v>
      </c>
      <c r="F35308" s="14" t="s">
        <v>53</v>
      </c>
      <c r="G35308" s="16">
        <v>2.7257595513468327</v>
      </c>
    </row>
    <row r="35309" spans="1:7" x14ac:dyDescent="0.3">
      <c r="A35309" s="13" t="s">
        <v>215</v>
      </c>
      <c r="B35309" s="14" t="s">
        <v>1</v>
      </c>
      <c r="C35309" s="14" t="s">
        <v>70</v>
      </c>
      <c r="D35309" s="14" t="s">
        <v>216</v>
      </c>
      <c r="E35309" s="15">
        <v>45645</v>
      </c>
      <c r="F35309" s="14" t="s">
        <v>53</v>
      </c>
      <c r="G35309" s="16">
        <v>2.7462006562263963</v>
      </c>
    </row>
    <row r="35310" spans="1:7" x14ac:dyDescent="0.3">
      <c r="A35310" s="13" t="s">
        <v>215</v>
      </c>
      <c r="B35310" s="14" t="s">
        <v>1</v>
      </c>
      <c r="C35310" s="14" t="s">
        <v>70</v>
      </c>
      <c r="D35310" s="14" t="s">
        <v>216</v>
      </c>
      <c r="E35310" s="15">
        <v>45646</v>
      </c>
      <c r="F35310" s="14" t="s">
        <v>53</v>
      </c>
      <c r="G35310" s="16">
        <v>2.7405951686347509</v>
      </c>
    </row>
    <row r="35311" spans="1:7" x14ac:dyDescent="0.3">
      <c r="A35311" s="13" t="s">
        <v>215</v>
      </c>
      <c r="B35311" s="14" t="s">
        <v>1</v>
      </c>
      <c r="C35311" s="14" t="s">
        <v>70</v>
      </c>
      <c r="D35311" s="14" t="s">
        <v>216</v>
      </c>
      <c r="E35311" s="15">
        <v>45647</v>
      </c>
      <c r="F35311" s="14" t="s">
        <v>53</v>
      </c>
      <c r="G35311" s="16">
        <v>2.7405951686347509</v>
      </c>
    </row>
    <row r="35312" spans="1:7" x14ac:dyDescent="0.3">
      <c r="A35312" s="13" t="s">
        <v>215</v>
      </c>
      <c r="B35312" s="14" t="s">
        <v>1</v>
      </c>
      <c r="C35312" s="14" t="s">
        <v>70</v>
      </c>
      <c r="D35312" s="14" t="s">
        <v>216</v>
      </c>
      <c r="E35312" s="15">
        <v>45648</v>
      </c>
      <c r="F35312" s="14" t="s">
        <v>53</v>
      </c>
      <c r="G35312" s="16">
        <v>2.7405951686347509</v>
      </c>
    </row>
    <row r="35313" spans="1:7" x14ac:dyDescent="0.3">
      <c r="A35313" s="13" t="s">
        <v>215</v>
      </c>
      <c r="B35313" s="14" t="s">
        <v>1</v>
      </c>
      <c r="C35313" s="14" t="s">
        <v>70</v>
      </c>
      <c r="D35313" s="14" t="s">
        <v>216</v>
      </c>
      <c r="E35313" s="15">
        <v>45649</v>
      </c>
      <c r="F35313" s="14" t="s">
        <v>53</v>
      </c>
      <c r="G35313" s="16">
        <v>2.753439345308756</v>
      </c>
    </row>
    <row r="35314" spans="1:7" x14ac:dyDescent="0.3">
      <c r="A35314" s="13" t="s">
        <v>215</v>
      </c>
      <c r="B35314" s="14" t="s">
        <v>1</v>
      </c>
      <c r="C35314" s="14" t="s">
        <v>70</v>
      </c>
      <c r="D35314" s="14" t="s">
        <v>216</v>
      </c>
      <c r="E35314" s="15">
        <v>45650</v>
      </c>
      <c r="F35314" s="14" t="s">
        <v>53</v>
      </c>
      <c r="G35314" s="16">
        <v>2.7686452704473323</v>
      </c>
    </row>
    <row r="35315" spans="1:7" x14ac:dyDescent="0.3">
      <c r="A35315" s="13" t="s">
        <v>215</v>
      </c>
      <c r="B35315" s="14" t="s">
        <v>1</v>
      </c>
      <c r="C35315" s="14" t="s">
        <v>70</v>
      </c>
      <c r="D35315" s="14" t="s">
        <v>216</v>
      </c>
      <c r="E35315" s="15">
        <v>45651</v>
      </c>
      <c r="F35315" s="14" t="s">
        <v>53</v>
      </c>
      <c r="G35315" s="16">
        <v>2.7686452704473323</v>
      </c>
    </row>
    <row r="35316" spans="1:7" x14ac:dyDescent="0.3">
      <c r="A35316" s="13" t="s">
        <v>215</v>
      </c>
      <c r="B35316" s="14" t="s">
        <v>1</v>
      </c>
      <c r="C35316" s="14" t="s">
        <v>70</v>
      </c>
      <c r="D35316" s="14" t="s">
        <v>216</v>
      </c>
      <c r="E35316" s="15">
        <v>45652</v>
      </c>
      <c r="F35316" s="14" t="s">
        <v>53</v>
      </c>
      <c r="G35316" s="16">
        <v>2.7686452704473323</v>
      </c>
    </row>
    <row r="35317" spans="1:7" x14ac:dyDescent="0.3">
      <c r="A35317" s="13" t="s">
        <v>215</v>
      </c>
      <c r="B35317" s="14" t="s">
        <v>1</v>
      </c>
      <c r="C35317" s="14" t="s">
        <v>70</v>
      </c>
      <c r="D35317" s="14" t="s">
        <v>216</v>
      </c>
      <c r="E35317" s="15">
        <v>45653</v>
      </c>
      <c r="F35317" s="14" t="s">
        <v>53</v>
      </c>
      <c r="G35317" s="16">
        <v>2.7686452704473323</v>
      </c>
    </row>
    <row r="35318" spans="1:7" x14ac:dyDescent="0.3">
      <c r="A35318" s="13" t="s">
        <v>215</v>
      </c>
      <c r="B35318" s="14" t="s">
        <v>1</v>
      </c>
      <c r="C35318" s="14" t="s">
        <v>70</v>
      </c>
      <c r="D35318" s="14" t="s">
        <v>216</v>
      </c>
      <c r="E35318" s="15">
        <v>45654</v>
      </c>
      <c r="F35318" s="14" t="s">
        <v>53</v>
      </c>
      <c r="G35318" s="16">
        <v>2.7686452704473323</v>
      </c>
    </row>
    <row r="35319" spans="1:7" x14ac:dyDescent="0.3">
      <c r="A35319" s="13" t="s">
        <v>215</v>
      </c>
      <c r="B35319" s="14" t="s">
        <v>1</v>
      </c>
      <c r="C35319" s="14" t="s">
        <v>70</v>
      </c>
      <c r="D35319" s="14" t="s">
        <v>216</v>
      </c>
      <c r="E35319" s="15">
        <v>45655</v>
      </c>
      <c r="F35319" s="14" t="s">
        <v>53</v>
      </c>
      <c r="G35319" s="16">
        <v>2.7686452704473323</v>
      </c>
    </row>
    <row r="35320" spans="1:7" x14ac:dyDescent="0.3">
      <c r="A35320" s="13" t="s">
        <v>215</v>
      </c>
      <c r="B35320" s="14" t="s">
        <v>1</v>
      </c>
      <c r="C35320" s="14" t="s">
        <v>70</v>
      </c>
      <c r="D35320" s="14" t="s">
        <v>216</v>
      </c>
      <c r="E35320" s="15">
        <v>45656</v>
      </c>
      <c r="F35320" s="14" t="s">
        <v>53</v>
      </c>
      <c r="G35320" s="16">
        <v>2.7735361324438359</v>
      </c>
    </row>
    <row r="35321" spans="1:7" x14ac:dyDescent="0.3">
      <c r="A35321" s="13" t="s">
        <v>215</v>
      </c>
      <c r="B35321" s="14" t="s">
        <v>1</v>
      </c>
      <c r="C35321" s="14" t="s">
        <v>70</v>
      </c>
      <c r="D35321" s="14" t="s">
        <v>216</v>
      </c>
      <c r="E35321" s="15">
        <v>45657</v>
      </c>
      <c r="F35321" s="14" t="s">
        <v>53</v>
      </c>
      <c r="G35321" s="16">
        <v>2.8158869910576221</v>
      </c>
    </row>
    <row r="35322" spans="1:7" x14ac:dyDescent="0.3">
      <c r="A35322" s="13" t="s">
        <v>215</v>
      </c>
      <c r="B35322" s="14" t="s">
        <v>1</v>
      </c>
      <c r="C35322" s="14" t="s">
        <v>70</v>
      </c>
      <c r="D35322" s="14" t="s">
        <v>216</v>
      </c>
      <c r="E35322" s="15">
        <v>45658</v>
      </c>
      <c r="F35322" s="14" t="s">
        <v>53</v>
      </c>
      <c r="G35322" s="16">
        <v>2.8158869910576221</v>
      </c>
    </row>
    <row r="35323" spans="1:7" x14ac:dyDescent="0.3">
      <c r="A35323" s="13" t="s">
        <v>215</v>
      </c>
      <c r="B35323" s="14" t="s">
        <v>1</v>
      </c>
      <c r="C35323" s="14" t="s">
        <v>70</v>
      </c>
      <c r="D35323" s="14" t="s">
        <v>216</v>
      </c>
      <c r="E35323" s="15">
        <v>45659</v>
      </c>
      <c r="F35323" s="14" t="s">
        <v>53</v>
      </c>
      <c r="G35323" s="16">
        <v>2.8158869910576221</v>
      </c>
    </row>
    <row r="35324" spans="1:7" x14ac:dyDescent="0.3">
      <c r="A35324" s="13" t="s">
        <v>215</v>
      </c>
      <c r="B35324" s="14" t="s">
        <v>1</v>
      </c>
      <c r="C35324" s="14" t="s">
        <v>70</v>
      </c>
      <c r="D35324" s="14" t="s">
        <v>216</v>
      </c>
      <c r="E35324" s="15">
        <v>45660</v>
      </c>
      <c r="F35324" s="14" t="s">
        <v>53</v>
      </c>
      <c r="G35324" s="16">
        <v>2.8498632795016872</v>
      </c>
    </row>
    <row r="35325" spans="1:7" x14ac:dyDescent="0.3">
      <c r="A35325" s="13" t="s">
        <v>215</v>
      </c>
      <c r="B35325" s="14" t="s">
        <v>1</v>
      </c>
      <c r="C35325" s="14" t="s">
        <v>70</v>
      </c>
      <c r="D35325" s="14" t="s">
        <v>216</v>
      </c>
      <c r="E35325" s="15">
        <v>45661</v>
      </c>
      <c r="F35325" s="14" t="s">
        <v>53</v>
      </c>
      <c r="G35325" s="16">
        <v>2.8498632795016872</v>
      </c>
    </row>
    <row r="35326" spans="1:7" x14ac:dyDescent="0.3">
      <c r="A35326" s="13" t="s">
        <v>215</v>
      </c>
      <c r="B35326" s="14" t="s">
        <v>1</v>
      </c>
      <c r="C35326" s="14" t="s">
        <v>70</v>
      </c>
      <c r="D35326" s="14" t="s">
        <v>216</v>
      </c>
      <c r="E35326" s="15">
        <v>45662</v>
      </c>
      <c r="F35326" s="14" t="s">
        <v>53</v>
      </c>
      <c r="G35326" s="16">
        <v>2.8498632795016872</v>
      </c>
    </row>
    <row r="35327" spans="1:7" x14ac:dyDescent="0.3">
      <c r="A35327" s="13" t="s">
        <v>215</v>
      </c>
      <c r="B35327" s="14" t="s">
        <v>1</v>
      </c>
      <c r="C35327" s="14" t="s">
        <v>70</v>
      </c>
      <c r="D35327" s="14" t="s">
        <v>216</v>
      </c>
      <c r="E35327" s="15">
        <v>45663</v>
      </c>
      <c r="F35327" s="14" t="s">
        <v>53</v>
      </c>
      <c r="G35327" s="16">
        <v>2.8600490428555569</v>
      </c>
    </row>
    <row r="35328" spans="1:7" x14ac:dyDescent="0.3">
      <c r="A35328" s="13" t="s">
        <v>215</v>
      </c>
      <c r="B35328" s="14" t="s">
        <v>1</v>
      </c>
      <c r="C35328" s="14" t="s">
        <v>70</v>
      </c>
      <c r="D35328" s="14" t="s">
        <v>216</v>
      </c>
      <c r="E35328" s="15">
        <v>45664</v>
      </c>
      <c r="F35328" s="14" t="s">
        <v>53</v>
      </c>
      <c r="G35328" s="16">
        <v>2.8943444209899418</v>
      </c>
    </row>
    <row r="35329" spans="1:7" x14ac:dyDescent="0.3">
      <c r="A35329" s="13" t="s">
        <v>215</v>
      </c>
      <c r="B35329" s="14" t="s">
        <v>1</v>
      </c>
      <c r="C35329" s="14" t="s">
        <v>70</v>
      </c>
      <c r="D35329" s="14" t="s">
        <v>216</v>
      </c>
      <c r="E35329" s="15">
        <v>45665</v>
      </c>
      <c r="F35329" s="14" t="s">
        <v>53</v>
      </c>
      <c r="G35329" s="16">
        <v>2.9275562136786473</v>
      </c>
    </row>
    <row r="35330" spans="1:7" x14ac:dyDescent="0.3">
      <c r="A35330" s="13" t="s">
        <v>215</v>
      </c>
      <c r="B35330" s="14" t="s">
        <v>1</v>
      </c>
      <c r="C35330" s="14" t="s">
        <v>70</v>
      </c>
      <c r="D35330" s="14" t="s">
        <v>216</v>
      </c>
      <c r="E35330" s="15">
        <v>45666</v>
      </c>
      <c r="F35330" s="14" t="s">
        <v>53</v>
      </c>
      <c r="G35330" s="16">
        <v>2.9552744745094386</v>
      </c>
    </row>
    <row r="35331" spans="1:7" x14ac:dyDescent="0.3">
      <c r="A35331" s="13" t="s">
        <v>215</v>
      </c>
      <c r="B35331" s="14" t="s">
        <v>1</v>
      </c>
      <c r="C35331" s="14" t="s">
        <v>70</v>
      </c>
      <c r="D35331" s="14" t="s">
        <v>216</v>
      </c>
      <c r="E35331" s="15">
        <v>45667</v>
      </c>
      <c r="F35331" s="14" t="s">
        <v>53</v>
      </c>
      <c r="G35331" s="16">
        <v>2.984332740884839</v>
      </c>
    </row>
    <row r="35332" spans="1:7" x14ac:dyDescent="0.3">
      <c r="A35332" s="13" t="s">
        <v>215</v>
      </c>
      <c r="B35332" s="14" t="s">
        <v>1</v>
      </c>
      <c r="C35332" s="14" t="s">
        <v>70</v>
      </c>
      <c r="D35332" s="14" t="s">
        <v>216</v>
      </c>
      <c r="E35332" s="15">
        <v>45668</v>
      </c>
      <c r="F35332" s="14" t="s">
        <v>53</v>
      </c>
      <c r="G35332" s="16">
        <v>2.984332740884839</v>
      </c>
    </row>
    <row r="35333" spans="1:7" x14ac:dyDescent="0.3">
      <c r="A35333" s="13" t="s">
        <v>215</v>
      </c>
      <c r="B35333" s="14" t="s">
        <v>1</v>
      </c>
      <c r="C35333" s="14" t="s">
        <v>70</v>
      </c>
      <c r="D35333" s="14" t="s">
        <v>216</v>
      </c>
      <c r="E35333" s="15">
        <v>45669</v>
      </c>
      <c r="F35333" s="14" t="s">
        <v>53</v>
      </c>
      <c r="G35333" s="16">
        <v>2.984332740884839</v>
      </c>
    </row>
    <row r="35334" spans="1:7" x14ac:dyDescent="0.3">
      <c r="A35334" s="13" t="s">
        <v>215</v>
      </c>
      <c r="B35334" s="14" t="s">
        <v>1</v>
      </c>
      <c r="C35334" s="14" t="s">
        <v>70</v>
      </c>
      <c r="D35334" s="14" t="s">
        <v>216</v>
      </c>
      <c r="E35334" s="15">
        <v>45670</v>
      </c>
      <c r="F35334" s="14" t="s">
        <v>53</v>
      </c>
      <c r="G35334" s="16">
        <v>3.0077295434425593</v>
      </c>
    </row>
    <row r="35335" spans="1:7" x14ac:dyDescent="0.3">
      <c r="A35335" s="13" t="s">
        <v>215</v>
      </c>
      <c r="B35335" s="14" t="s">
        <v>1</v>
      </c>
      <c r="C35335" s="14" t="s">
        <v>70</v>
      </c>
      <c r="D35335" s="14" t="s">
        <v>216</v>
      </c>
      <c r="E35335" s="15">
        <v>45671</v>
      </c>
      <c r="F35335" s="14" t="s">
        <v>53</v>
      </c>
      <c r="G35335" s="16">
        <v>3.0214665046597191</v>
      </c>
    </row>
    <row r="35336" spans="1:7" x14ac:dyDescent="0.3">
      <c r="A35336" s="13" t="s">
        <v>215</v>
      </c>
      <c r="B35336" s="14" t="s">
        <v>1</v>
      </c>
      <c r="C35336" s="14" t="s">
        <v>70</v>
      </c>
      <c r="D35336" s="14" t="s">
        <v>216</v>
      </c>
      <c r="E35336" s="15">
        <v>45672</v>
      </c>
      <c r="F35336" s="14" t="s">
        <v>53</v>
      </c>
      <c r="G35336" s="16">
        <v>3.0193883854892802</v>
      </c>
    </row>
    <row r="35337" spans="1:7" x14ac:dyDescent="0.3">
      <c r="A35337" s="13" t="s">
        <v>215</v>
      </c>
      <c r="B35337" s="14" t="s">
        <v>1</v>
      </c>
      <c r="C35337" s="14" t="s">
        <v>70</v>
      </c>
      <c r="D35337" s="14" t="s">
        <v>216</v>
      </c>
      <c r="E35337" s="15">
        <v>45673</v>
      </c>
      <c r="F35337" s="14" t="s">
        <v>53</v>
      </c>
      <c r="G35337" s="16">
        <v>3.0302764084120786</v>
      </c>
    </row>
    <row r="35338" spans="1:7" x14ac:dyDescent="0.3">
      <c r="A35338" s="13" t="s">
        <v>215</v>
      </c>
      <c r="B35338" s="14" t="s">
        <v>1</v>
      </c>
      <c r="C35338" s="14" t="s">
        <v>70</v>
      </c>
      <c r="D35338" s="14" t="s">
        <v>216</v>
      </c>
      <c r="E35338" s="15">
        <v>45674</v>
      </c>
      <c r="F35338" s="14" t="s">
        <v>53</v>
      </c>
      <c r="G35338" s="16">
        <v>3.0534377852204431</v>
      </c>
    </row>
    <row r="35339" spans="1:7" x14ac:dyDescent="0.3">
      <c r="A35339" s="13" t="s">
        <v>215</v>
      </c>
      <c r="B35339" s="14" t="s">
        <v>1</v>
      </c>
      <c r="C35339" s="14" t="s">
        <v>70</v>
      </c>
      <c r="D35339" s="14" t="s">
        <v>216</v>
      </c>
      <c r="E35339" s="15">
        <v>45675</v>
      </c>
      <c r="F35339" s="14" t="s">
        <v>53</v>
      </c>
      <c r="G35339" s="16">
        <v>3.0534377852204431</v>
      </c>
    </row>
    <row r="35340" spans="1:7" x14ac:dyDescent="0.3">
      <c r="A35340" s="13" t="s">
        <v>215</v>
      </c>
      <c r="B35340" s="14" t="s">
        <v>1</v>
      </c>
      <c r="C35340" s="14" t="s">
        <v>70</v>
      </c>
      <c r="D35340" s="14" t="s">
        <v>216</v>
      </c>
      <c r="E35340" s="15">
        <v>45676</v>
      </c>
      <c r="F35340" s="14" t="s">
        <v>53</v>
      </c>
      <c r="G35340" s="16">
        <v>3.0534377852204431</v>
      </c>
    </row>
    <row r="35341" spans="1:7" x14ac:dyDescent="0.3">
      <c r="A35341" s="13" t="s">
        <v>215</v>
      </c>
      <c r="B35341" s="14" t="s">
        <v>1</v>
      </c>
      <c r="C35341" s="14" t="s">
        <v>70</v>
      </c>
      <c r="D35341" s="14" t="s">
        <v>216</v>
      </c>
      <c r="E35341" s="15">
        <v>45677</v>
      </c>
      <c r="F35341" s="14" t="s">
        <v>53</v>
      </c>
      <c r="G35341" s="16">
        <v>3.0253505391686537</v>
      </c>
    </row>
    <row r="35342" spans="1:7" x14ac:dyDescent="0.3">
      <c r="A35342" s="13" t="s">
        <v>215</v>
      </c>
      <c r="B35342" s="14" t="s">
        <v>1</v>
      </c>
      <c r="C35342" s="14" t="s">
        <v>70</v>
      </c>
      <c r="D35342" s="14" t="s">
        <v>216</v>
      </c>
      <c r="E35342" s="15">
        <v>45678</v>
      </c>
      <c r="F35342" s="14" t="s">
        <v>53</v>
      </c>
      <c r="G35342" s="16">
        <v>3.0531800728116205</v>
      </c>
    </row>
    <row r="35343" spans="1:7" x14ac:dyDescent="0.3">
      <c r="A35343" s="13" t="s">
        <v>215</v>
      </c>
      <c r="B35343" s="14" t="s">
        <v>1</v>
      </c>
      <c r="C35343" s="14" t="s">
        <v>70</v>
      </c>
      <c r="D35343" s="14" t="s">
        <v>216</v>
      </c>
      <c r="E35343" s="15">
        <v>45679</v>
      </c>
      <c r="F35343" s="14" t="s">
        <v>53</v>
      </c>
      <c r="G35343" s="16">
        <v>3.0680857165110424</v>
      </c>
    </row>
    <row r="35344" spans="1:7" x14ac:dyDescent="0.3">
      <c r="A35344" s="13" t="s">
        <v>215</v>
      </c>
      <c r="B35344" s="14" t="s">
        <v>1</v>
      </c>
      <c r="C35344" s="14" t="s">
        <v>70</v>
      </c>
      <c r="D35344" s="14" t="s">
        <v>216</v>
      </c>
      <c r="E35344" s="15">
        <v>45680</v>
      </c>
      <c r="F35344" s="14" t="s">
        <v>53</v>
      </c>
      <c r="G35344" s="16">
        <v>3.0650466331663209</v>
      </c>
    </row>
    <row r="35345" spans="1:7" x14ac:dyDescent="0.3">
      <c r="A35345" s="13" t="s">
        <v>215</v>
      </c>
      <c r="B35345" s="14" t="s">
        <v>1</v>
      </c>
      <c r="C35345" s="14" t="s">
        <v>70</v>
      </c>
      <c r="D35345" s="14" t="s">
        <v>216</v>
      </c>
      <c r="E35345" s="15">
        <v>45681</v>
      </c>
      <c r="F35345" s="14" t="s">
        <v>53</v>
      </c>
      <c r="G35345" s="16">
        <v>3.0377725587715174</v>
      </c>
    </row>
    <row r="35346" spans="1:7" x14ac:dyDescent="0.3">
      <c r="A35346" s="13" t="s">
        <v>215</v>
      </c>
      <c r="B35346" s="14" t="s">
        <v>1</v>
      </c>
      <c r="C35346" s="14" t="s">
        <v>70</v>
      </c>
      <c r="D35346" s="14" t="s">
        <v>216</v>
      </c>
      <c r="E35346" s="15">
        <v>45682</v>
      </c>
      <c r="F35346" s="14" t="s">
        <v>53</v>
      </c>
      <c r="G35346" s="16">
        <v>3.0377725587715174</v>
      </c>
    </row>
    <row r="35347" spans="1:7" x14ac:dyDescent="0.3">
      <c r="A35347" s="13" t="s">
        <v>215</v>
      </c>
      <c r="B35347" s="14" t="s">
        <v>1</v>
      </c>
      <c r="C35347" s="14" t="s">
        <v>70</v>
      </c>
      <c r="D35347" s="14" t="s">
        <v>216</v>
      </c>
      <c r="E35347" s="15">
        <v>45683</v>
      </c>
      <c r="F35347" s="14" t="s">
        <v>53</v>
      </c>
      <c r="G35347" s="16">
        <v>3.0377725587715174</v>
      </c>
    </row>
    <row r="35348" spans="1:7" x14ac:dyDescent="0.3">
      <c r="A35348" s="13" t="s">
        <v>215</v>
      </c>
      <c r="B35348" s="14" t="s">
        <v>1</v>
      </c>
      <c r="C35348" s="14" t="s">
        <v>70</v>
      </c>
      <c r="D35348" s="14" t="s">
        <v>216</v>
      </c>
      <c r="E35348" s="15">
        <v>45684</v>
      </c>
      <c r="F35348" s="14" t="s">
        <v>53</v>
      </c>
      <c r="G35348" s="16">
        <v>3.0468927547017066</v>
      </c>
    </row>
    <row r="35349" spans="1:7" x14ac:dyDescent="0.3">
      <c r="A35349" s="13" t="s">
        <v>215</v>
      </c>
      <c r="B35349" s="14" t="s">
        <v>1</v>
      </c>
      <c r="C35349" s="14" t="s">
        <v>70</v>
      </c>
      <c r="D35349" s="14" t="s">
        <v>216</v>
      </c>
      <c r="E35349" s="15">
        <v>45685</v>
      </c>
      <c r="F35349" s="14" t="s">
        <v>53</v>
      </c>
      <c r="G35349" s="16">
        <v>3.0741655566564741</v>
      </c>
    </row>
    <row r="35350" spans="1:7" x14ac:dyDescent="0.3">
      <c r="A35350" s="13" t="s">
        <v>215</v>
      </c>
      <c r="B35350" s="14" t="s">
        <v>1</v>
      </c>
      <c r="C35350" s="14" t="s">
        <v>70</v>
      </c>
      <c r="D35350" s="14" t="s">
        <v>216</v>
      </c>
      <c r="E35350" s="15">
        <v>45686</v>
      </c>
      <c r="F35350" s="14" t="s">
        <v>53</v>
      </c>
      <c r="G35350" s="16">
        <v>3.0766293248038497</v>
      </c>
    </row>
    <row r="35351" spans="1:7" x14ac:dyDescent="0.3">
      <c r="A35351" s="13" t="s">
        <v>215</v>
      </c>
      <c r="B35351" s="14" t="s">
        <v>1</v>
      </c>
      <c r="C35351" s="14" t="s">
        <v>70</v>
      </c>
      <c r="D35351" s="14" t="s">
        <v>216</v>
      </c>
      <c r="E35351" s="15">
        <v>45687</v>
      </c>
      <c r="F35351" s="14" t="s">
        <v>53</v>
      </c>
      <c r="G35351" s="16">
        <v>3.0914929720754936</v>
      </c>
    </row>
    <row r="35352" spans="1:7" x14ac:dyDescent="0.3">
      <c r="A35352" s="13" t="s">
        <v>215</v>
      </c>
      <c r="B35352" s="14" t="s">
        <v>1</v>
      </c>
      <c r="C35352" s="14" t="s">
        <v>70</v>
      </c>
      <c r="D35352" s="14" t="s">
        <v>216</v>
      </c>
      <c r="E35352" s="15">
        <v>45688</v>
      </c>
      <c r="F35352" s="14" t="s">
        <v>53</v>
      </c>
      <c r="G35352" s="16">
        <v>3.1039260295636795</v>
      </c>
    </row>
    <row r="35353" spans="1:7" x14ac:dyDescent="0.3">
      <c r="A35353" s="13" t="s">
        <v>215</v>
      </c>
      <c r="B35353" s="14" t="s">
        <v>1</v>
      </c>
      <c r="C35353" s="14" t="s">
        <v>70</v>
      </c>
      <c r="D35353" s="14" t="s">
        <v>216</v>
      </c>
      <c r="E35353" s="15">
        <v>45689</v>
      </c>
      <c r="F35353" s="14" t="s">
        <v>53</v>
      </c>
      <c r="G35353" s="16">
        <v>3.1039260295636795</v>
      </c>
    </row>
    <row r="35354" spans="1:7" x14ac:dyDescent="0.3">
      <c r="A35354" s="13" t="s">
        <v>215</v>
      </c>
      <c r="B35354" s="14" t="s">
        <v>1</v>
      </c>
      <c r="C35354" s="14" t="s">
        <v>70</v>
      </c>
      <c r="D35354" s="14" t="s">
        <v>216</v>
      </c>
      <c r="E35354" s="15">
        <v>45690</v>
      </c>
      <c r="F35354" s="14" t="s">
        <v>53</v>
      </c>
      <c r="G35354" s="16">
        <v>3.1039260295636795</v>
      </c>
    </row>
    <row r="35355" spans="1:7" x14ac:dyDescent="0.3">
      <c r="A35355" s="13" t="s">
        <v>215</v>
      </c>
      <c r="B35355" s="14" t="s">
        <v>1</v>
      </c>
      <c r="C35355" s="14" t="s">
        <v>70</v>
      </c>
      <c r="D35355" s="14" t="s">
        <v>216</v>
      </c>
      <c r="E35355" s="15">
        <v>45691</v>
      </c>
      <c r="F35355" s="14" t="s">
        <v>53</v>
      </c>
      <c r="G35355" s="16">
        <v>3.1039260295636795</v>
      </c>
    </row>
    <row r="35356" spans="1:7" x14ac:dyDescent="0.3">
      <c r="A35356" s="13" t="s">
        <v>215</v>
      </c>
      <c r="B35356" s="14" t="s">
        <v>1</v>
      </c>
      <c r="C35356" s="14" t="s">
        <v>70</v>
      </c>
      <c r="D35356" s="14" t="s">
        <v>216</v>
      </c>
      <c r="E35356" s="15">
        <v>45692</v>
      </c>
      <c r="F35356" s="14" t="s">
        <v>53</v>
      </c>
      <c r="G35356" s="16">
        <v>3.0906401812411186</v>
      </c>
    </row>
    <row r="35357" spans="1:7" x14ac:dyDescent="0.3">
      <c r="A35357" s="13" t="s">
        <v>215</v>
      </c>
      <c r="B35357" s="14" t="s">
        <v>1</v>
      </c>
      <c r="C35357" s="14" t="s">
        <v>70</v>
      </c>
      <c r="D35357" s="14" t="s">
        <v>216</v>
      </c>
      <c r="E35357" s="15">
        <v>45693</v>
      </c>
      <c r="F35357" s="14" t="s">
        <v>53</v>
      </c>
      <c r="G35357" s="16">
        <v>3.1011913288863728</v>
      </c>
    </row>
    <row r="35358" spans="1:7" x14ac:dyDescent="0.3">
      <c r="A35358" s="13" t="s">
        <v>215</v>
      </c>
      <c r="B35358" s="14" t="s">
        <v>1</v>
      </c>
      <c r="C35358" s="14" t="s">
        <v>70</v>
      </c>
      <c r="D35358" s="14" t="s">
        <v>216</v>
      </c>
      <c r="E35358" s="15">
        <v>45694</v>
      </c>
      <c r="F35358" s="14" t="s">
        <v>53</v>
      </c>
      <c r="G35358" s="16">
        <v>3.1242976477571753</v>
      </c>
    </row>
    <row r="35359" spans="1:7" x14ac:dyDescent="0.3">
      <c r="A35359" s="13" t="s">
        <v>215</v>
      </c>
      <c r="B35359" s="14" t="s">
        <v>1</v>
      </c>
      <c r="C35359" s="14" t="s">
        <v>70</v>
      </c>
      <c r="D35359" s="14" t="s">
        <v>216</v>
      </c>
      <c r="E35359" s="15">
        <v>45695</v>
      </c>
      <c r="F35359" s="14" t="s">
        <v>53</v>
      </c>
      <c r="G35359" s="16">
        <v>3.1385946128200768</v>
      </c>
    </row>
    <row r="35360" spans="1:7" x14ac:dyDescent="0.3">
      <c r="A35360" s="13" t="s">
        <v>215</v>
      </c>
      <c r="B35360" s="14" t="s">
        <v>1</v>
      </c>
      <c r="C35360" s="14" t="s">
        <v>70</v>
      </c>
      <c r="D35360" s="14" t="s">
        <v>216</v>
      </c>
      <c r="E35360" s="15">
        <v>45696</v>
      </c>
      <c r="F35360" s="14" t="s">
        <v>53</v>
      </c>
      <c r="G35360" s="16">
        <v>3.1385946128200768</v>
      </c>
    </row>
    <row r="35361" spans="1:7" x14ac:dyDescent="0.3">
      <c r="A35361" s="13" t="s">
        <v>215</v>
      </c>
      <c r="B35361" s="14" t="s">
        <v>1</v>
      </c>
      <c r="C35361" s="14" t="s">
        <v>70</v>
      </c>
      <c r="D35361" s="14" t="s">
        <v>216</v>
      </c>
      <c r="E35361" s="15">
        <v>45697</v>
      </c>
      <c r="F35361" s="14" t="s">
        <v>53</v>
      </c>
      <c r="G35361" s="16">
        <v>3.1385946128200768</v>
      </c>
    </row>
    <row r="35362" spans="1:7" x14ac:dyDescent="0.3">
      <c r="A35362" s="13" t="s">
        <v>215</v>
      </c>
      <c r="B35362" s="14" t="s">
        <v>1</v>
      </c>
      <c r="C35362" s="14" t="s">
        <v>70</v>
      </c>
      <c r="D35362" s="14" t="s">
        <v>216</v>
      </c>
      <c r="E35362" s="15">
        <v>45698</v>
      </c>
      <c r="F35362" s="14" t="s">
        <v>53</v>
      </c>
      <c r="G35362" s="16">
        <v>3.1541474683617006</v>
      </c>
    </row>
    <row r="35363" spans="1:7" x14ac:dyDescent="0.3">
      <c r="A35363" s="13" t="s">
        <v>215</v>
      </c>
      <c r="B35363" s="14" t="s">
        <v>1</v>
      </c>
      <c r="C35363" s="14" t="s">
        <v>70</v>
      </c>
      <c r="D35363" s="14" t="s">
        <v>216</v>
      </c>
      <c r="E35363" s="15">
        <v>45699</v>
      </c>
      <c r="F35363" s="14" t="s">
        <v>53</v>
      </c>
      <c r="G35363" s="16">
        <v>3.1523430469909162</v>
      </c>
    </row>
    <row r="35364" spans="1:7" x14ac:dyDescent="0.3">
      <c r="A35364" s="13" t="s">
        <v>215</v>
      </c>
      <c r="B35364" s="14" t="s">
        <v>1</v>
      </c>
      <c r="C35364" s="14" t="s">
        <v>70</v>
      </c>
      <c r="D35364" s="14" t="s">
        <v>216</v>
      </c>
      <c r="E35364" s="15">
        <v>45700</v>
      </c>
      <c r="F35364" s="14" t="s">
        <v>53</v>
      </c>
      <c r="G35364" s="16">
        <v>3.1589297768674256</v>
      </c>
    </row>
    <row r="35365" spans="1:7" x14ac:dyDescent="0.3">
      <c r="A35365" s="13" t="s">
        <v>215</v>
      </c>
      <c r="B35365" s="14" t="s">
        <v>1</v>
      </c>
      <c r="C35365" s="14" t="s">
        <v>70</v>
      </c>
      <c r="D35365" s="14" t="s">
        <v>216</v>
      </c>
      <c r="E35365" s="15">
        <v>45701</v>
      </c>
      <c r="F35365" s="14" t="s">
        <v>53</v>
      </c>
      <c r="G35365" s="16">
        <v>3.140150895436848</v>
      </c>
    </row>
    <row r="35366" spans="1:7" x14ac:dyDescent="0.3">
      <c r="A35366" s="13" t="s">
        <v>215</v>
      </c>
      <c r="B35366" s="14" t="s">
        <v>1</v>
      </c>
      <c r="C35366" s="14" t="s">
        <v>70</v>
      </c>
      <c r="D35366" s="14" t="s">
        <v>216</v>
      </c>
      <c r="E35366" s="15">
        <v>45702</v>
      </c>
      <c r="F35366" s="14" t="s">
        <v>53</v>
      </c>
      <c r="G35366" s="16">
        <v>3.1517549183272711</v>
      </c>
    </row>
    <row r="35367" spans="1:7" x14ac:dyDescent="0.3">
      <c r="A35367" s="13" t="s">
        <v>215</v>
      </c>
      <c r="B35367" s="14" t="s">
        <v>1</v>
      </c>
      <c r="C35367" s="14" t="s">
        <v>70</v>
      </c>
      <c r="D35367" s="14" t="s">
        <v>216</v>
      </c>
      <c r="E35367" s="15">
        <v>45703</v>
      </c>
      <c r="F35367" s="14" t="s">
        <v>53</v>
      </c>
      <c r="G35367" s="16">
        <v>3.1517549183272711</v>
      </c>
    </row>
    <row r="35368" spans="1:7" x14ac:dyDescent="0.3">
      <c r="A35368" s="13" t="s">
        <v>215</v>
      </c>
      <c r="B35368" s="14" t="s">
        <v>1</v>
      </c>
      <c r="C35368" s="14" t="s">
        <v>70</v>
      </c>
      <c r="D35368" s="14" t="s">
        <v>216</v>
      </c>
      <c r="E35368" s="15">
        <v>45704</v>
      </c>
      <c r="F35368" s="14" t="s">
        <v>53</v>
      </c>
      <c r="G35368" s="16">
        <v>3.1517549183272711</v>
      </c>
    </row>
    <row r="35369" spans="1:7" x14ac:dyDescent="0.3">
      <c r="A35369" s="13" t="s">
        <v>215</v>
      </c>
      <c r="B35369" s="14" t="s">
        <v>1</v>
      </c>
      <c r="C35369" s="14" t="s">
        <v>70</v>
      </c>
      <c r="D35369" s="14" t="s">
        <v>216</v>
      </c>
      <c r="E35369" s="15">
        <v>45705</v>
      </c>
      <c r="F35369" s="14" t="s">
        <v>53</v>
      </c>
      <c r="G35369" s="16">
        <v>3.1922183955893453</v>
      </c>
    </row>
    <row r="35370" spans="1:7" x14ac:dyDescent="0.3">
      <c r="A35370" s="13" t="s">
        <v>215</v>
      </c>
      <c r="B35370" s="14" t="s">
        <v>1</v>
      </c>
      <c r="C35370" s="14" t="s">
        <v>70</v>
      </c>
      <c r="D35370" s="14" t="s">
        <v>216</v>
      </c>
      <c r="E35370" s="15">
        <v>45706</v>
      </c>
      <c r="F35370" s="14" t="s">
        <v>53</v>
      </c>
      <c r="G35370" s="16">
        <v>3.2119098676977078</v>
      </c>
    </row>
    <row r="35371" spans="1:7" x14ac:dyDescent="0.3">
      <c r="A35371" s="13" t="s">
        <v>215</v>
      </c>
      <c r="B35371" s="14" t="s">
        <v>1</v>
      </c>
      <c r="C35371" s="14" t="s">
        <v>70</v>
      </c>
      <c r="D35371" s="14" t="s">
        <v>216</v>
      </c>
      <c r="E35371" s="15">
        <v>45707</v>
      </c>
      <c r="F35371" s="14" t="s">
        <v>53</v>
      </c>
      <c r="G35371" s="16">
        <v>3.2377140002423856</v>
      </c>
    </row>
    <row r="35372" spans="1:7" x14ac:dyDescent="0.3">
      <c r="A35372" s="13" t="s">
        <v>215</v>
      </c>
      <c r="B35372" s="14" t="s">
        <v>1</v>
      </c>
      <c r="C35372" s="14" t="s">
        <v>70</v>
      </c>
      <c r="D35372" s="14" t="s">
        <v>216</v>
      </c>
      <c r="E35372" s="15">
        <v>45708</v>
      </c>
      <c r="F35372" s="14" t="s">
        <v>53</v>
      </c>
      <c r="G35372" s="16">
        <v>3.2212073499711038</v>
      </c>
    </row>
    <row r="35373" spans="1:7" x14ac:dyDescent="0.3">
      <c r="A35373" s="13" t="s">
        <v>215</v>
      </c>
      <c r="B35373" s="14" t="s">
        <v>1</v>
      </c>
      <c r="C35373" s="14" t="s">
        <v>70</v>
      </c>
      <c r="D35373" s="14" t="s">
        <v>216</v>
      </c>
      <c r="E35373" s="15">
        <v>45709</v>
      </c>
      <c r="F35373" s="14" t="s">
        <v>53</v>
      </c>
      <c r="G35373" s="16">
        <v>3.2371829956336606</v>
      </c>
    </row>
    <row r="35374" spans="1:7" x14ac:dyDescent="0.3">
      <c r="A35374" s="13" t="s">
        <v>215</v>
      </c>
      <c r="B35374" s="14" t="s">
        <v>1</v>
      </c>
      <c r="C35374" s="14" t="s">
        <v>70</v>
      </c>
      <c r="D35374" s="14" t="s">
        <v>216</v>
      </c>
      <c r="E35374" s="15">
        <v>45710</v>
      </c>
      <c r="F35374" s="14" t="s">
        <v>53</v>
      </c>
      <c r="G35374" s="16">
        <v>3.2371829956336606</v>
      </c>
    </row>
    <row r="35375" spans="1:7" x14ac:dyDescent="0.3">
      <c r="A35375" s="13" t="s">
        <v>215</v>
      </c>
      <c r="B35375" s="14" t="s">
        <v>1</v>
      </c>
      <c r="C35375" s="14" t="s">
        <v>70</v>
      </c>
      <c r="D35375" s="14" t="s">
        <v>216</v>
      </c>
      <c r="E35375" s="15">
        <v>45711</v>
      </c>
      <c r="F35375" s="14" t="s">
        <v>53</v>
      </c>
      <c r="G35375" s="16">
        <v>3.2371829956336606</v>
      </c>
    </row>
    <row r="35376" spans="1:7" x14ac:dyDescent="0.3">
      <c r="A35376" s="13" t="s">
        <v>215</v>
      </c>
      <c r="B35376" s="14" t="s">
        <v>1</v>
      </c>
      <c r="C35376" s="14" t="s">
        <v>70</v>
      </c>
      <c r="D35376" s="14" t="s">
        <v>216</v>
      </c>
      <c r="E35376" s="15">
        <v>45712</v>
      </c>
      <c r="F35376" s="14" t="s">
        <v>53</v>
      </c>
      <c r="G35376" s="16">
        <v>3.2444839904136011</v>
      </c>
    </row>
    <row r="35377" spans="1:7" x14ac:dyDescent="0.3">
      <c r="A35377" s="13" t="s">
        <v>215</v>
      </c>
      <c r="B35377" s="14" t="s">
        <v>1</v>
      </c>
      <c r="C35377" s="14" t="s">
        <v>70</v>
      </c>
      <c r="D35377" s="14" t="s">
        <v>216</v>
      </c>
      <c r="E35377" s="15">
        <v>45713</v>
      </c>
      <c r="F35377" s="14" t="s">
        <v>53</v>
      </c>
      <c r="G35377" s="16">
        <v>3.2499180439202022</v>
      </c>
    </row>
    <row r="35378" spans="1:7" x14ac:dyDescent="0.3">
      <c r="A35378" s="13" t="s">
        <v>215</v>
      </c>
      <c r="B35378" s="14" t="s">
        <v>1</v>
      </c>
      <c r="C35378" s="14" t="s">
        <v>70</v>
      </c>
      <c r="D35378" s="14" t="s">
        <v>216</v>
      </c>
      <c r="E35378" s="15">
        <v>45714</v>
      </c>
      <c r="F35378" s="14" t="s">
        <v>53</v>
      </c>
      <c r="G35378" s="16">
        <v>3.2537841757177204</v>
      </c>
    </row>
    <row r="35379" spans="1:7" x14ac:dyDescent="0.3">
      <c r="A35379" s="13" t="s">
        <v>215</v>
      </c>
      <c r="B35379" s="14" t="s">
        <v>1</v>
      </c>
      <c r="C35379" s="14" t="s">
        <v>70</v>
      </c>
      <c r="D35379" s="14" t="s">
        <v>216</v>
      </c>
      <c r="E35379" s="15">
        <v>45715</v>
      </c>
      <c r="F35379" s="14" t="s">
        <v>53</v>
      </c>
      <c r="G35379" s="16">
        <v>3.2797970209645424</v>
      </c>
    </row>
    <row r="35380" spans="1:7" x14ac:dyDescent="0.3">
      <c r="A35380" s="13" t="s">
        <v>215</v>
      </c>
      <c r="B35380" s="14" t="s">
        <v>1</v>
      </c>
      <c r="C35380" s="14" t="s">
        <v>70</v>
      </c>
      <c r="D35380" s="14" t="s">
        <v>216</v>
      </c>
      <c r="E35380" s="15">
        <v>45716</v>
      </c>
      <c r="F35380" s="14" t="s">
        <v>53</v>
      </c>
      <c r="G35380" s="16">
        <v>3.2957169844417562</v>
      </c>
    </row>
    <row r="35381" spans="1:7" x14ac:dyDescent="0.3">
      <c r="A35381" s="13" t="s">
        <v>215</v>
      </c>
      <c r="B35381" s="14" t="s">
        <v>1</v>
      </c>
      <c r="C35381" s="14" t="s">
        <v>70</v>
      </c>
      <c r="D35381" s="14" t="s">
        <v>216</v>
      </c>
      <c r="E35381" s="15">
        <v>45717</v>
      </c>
      <c r="F35381" s="14" t="s">
        <v>53</v>
      </c>
      <c r="G35381" s="16">
        <v>3.2957169844417562</v>
      </c>
    </row>
    <row r="35382" spans="1:7" x14ac:dyDescent="0.3">
      <c r="A35382" s="13" t="s">
        <v>215</v>
      </c>
      <c r="B35382" s="14" t="s">
        <v>1</v>
      </c>
      <c r="C35382" s="14" t="s">
        <v>70</v>
      </c>
      <c r="D35382" s="14" t="s">
        <v>216</v>
      </c>
      <c r="E35382" s="15">
        <v>45718</v>
      </c>
      <c r="F35382" s="14" t="s">
        <v>53</v>
      </c>
      <c r="G35382" s="16">
        <v>3.2957169844417562</v>
      </c>
    </row>
    <row r="35383" spans="1:7" x14ac:dyDescent="0.3">
      <c r="A35383" s="13" t="s">
        <v>215</v>
      </c>
      <c r="B35383" s="14" t="s">
        <v>1</v>
      </c>
      <c r="C35383" s="14" t="s">
        <v>70</v>
      </c>
      <c r="D35383" s="14" t="s">
        <v>216</v>
      </c>
      <c r="E35383" s="15">
        <v>45719</v>
      </c>
      <c r="F35383" s="14" t="s">
        <v>53</v>
      </c>
      <c r="G35383" s="16">
        <v>3.2941464337404516</v>
      </c>
    </row>
    <row r="35384" spans="1:7" x14ac:dyDescent="0.3">
      <c r="A35384" s="13" t="s">
        <v>215</v>
      </c>
      <c r="B35384" s="14" t="s">
        <v>1</v>
      </c>
      <c r="C35384" s="14" t="s">
        <v>70</v>
      </c>
      <c r="D35384" s="14" t="s">
        <v>216</v>
      </c>
      <c r="E35384" s="15">
        <v>45720</v>
      </c>
      <c r="F35384" s="14" t="s">
        <v>53</v>
      </c>
      <c r="G35384" s="16">
        <v>3.287474658578506</v>
      </c>
    </row>
    <row r="35385" spans="1:7" x14ac:dyDescent="0.3">
      <c r="A35385" s="13" t="s">
        <v>215</v>
      </c>
      <c r="B35385" s="14" t="s">
        <v>1</v>
      </c>
      <c r="C35385" s="14" t="s">
        <v>70</v>
      </c>
      <c r="D35385" s="14" t="s">
        <v>216</v>
      </c>
      <c r="E35385" s="15">
        <v>45721</v>
      </c>
      <c r="F35385" s="14" t="s">
        <v>53</v>
      </c>
      <c r="G35385" s="16">
        <v>3.2671032525633308</v>
      </c>
    </row>
    <row r="35386" spans="1:7" x14ac:dyDescent="0.3">
      <c r="A35386" s="13" t="s">
        <v>215</v>
      </c>
      <c r="B35386" s="14" t="s">
        <v>1</v>
      </c>
      <c r="C35386" s="14" t="s">
        <v>70</v>
      </c>
      <c r="D35386" s="14" t="s">
        <v>216</v>
      </c>
      <c r="E35386" s="15">
        <v>45722</v>
      </c>
      <c r="F35386" s="14" t="s">
        <v>53</v>
      </c>
      <c r="G35386" s="16">
        <v>3.2784883857835863</v>
      </c>
    </row>
    <row r="35387" spans="1:7" x14ac:dyDescent="0.3">
      <c r="A35387" s="13" t="s">
        <v>215</v>
      </c>
      <c r="B35387" s="14" t="s">
        <v>1</v>
      </c>
      <c r="C35387" s="14" t="s">
        <v>70</v>
      </c>
      <c r="D35387" s="14" t="s">
        <v>216</v>
      </c>
      <c r="E35387" s="15">
        <v>45723</v>
      </c>
      <c r="F35387" s="14" t="s">
        <v>53</v>
      </c>
      <c r="G35387" s="16">
        <v>3.3167651685981592</v>
      </c>
    </row>
    <row r="35388" spans="1:7" x14ac:dyDescent="0.3">
      <c r="A35388" s="13" t="s">
        <v>215</v>
      </c>
      <c r="B35388" s="14" t="s">
        <v>1</v>
      </c>
      <c r="C35388" s="14" t="s">
        <v>70</v>
      </c>
      <c r="D35388" s="14" t="s">
        <v>216</v>
      </c>
      <c r="E35388" s="15">
        <v>45724</v>
      </c>
      <c r="F35388" s="14" t="s">
        <v>53</v>
      </c>
      <c r="G35388" s="16">
        <v>3.3167651685981592</v>
      </c>
    </row>
    <row r="35389" spans="1:7" x14ac:dyDescent="0.3">
      <c r="A35389" s="13" t="s">
        <v>215</v>
      </c>
      <c r="B35389" s="14" t="s">
        <v>1</v>
      </c>
      <c r="C35389" s="14" t="s">
        <v>70</v>
      </c>
      <c r="D35389" s="14" t="s">
        <v>216</v>
      </c>
      <c r="E35389" s="15">
        <v>45725</v>
      </c>
      <c r="F35389" s="14" t="s">
        <v>53</v>
      </c>
      <c r="G35389" s="16">
        <v>3.3167651685981592</v>
      </c>
    </row>
    <row r="35390" spans="1:7" x14ac:dyDescent="0.3">
      <c r="A35390" s="13" t="s">
        <v>215</v>
      </c>
      <c r="B35390" s="14" t="s">
        <v>1</v>
      </c>
      <c r="C35390" s="14" t="s">
        <v>70</v>
      </c>
      <c r="D35390" s="14" t="s">
        <v>216</v>
      </c>
      <c r="E35390" s="15">
        <v>45726</v>
      </c>
      <c r="F35390" s="14" t="s">
        <v>53</v>
      </c>
      <c r="G35390" s="16">
        <v>3.3375434468394465</v>
      </c>
    </row>
    <row r="35391" spans="1:7" x14ac:dyDescent="0.3">
      <c r="A35391" s="13" t="s">
        <v>215</v>
      </c>
      <c r="B35391" s="14" t="s">
        <v>1</v>
      </c>
      <c r="C35391" s="14" t="s">
        <v>70</v>
      </c>
      <c r="D35391" s="14" t="s">
        <v>216</v>
      </c>
      <c r="E35391" s="15">
        <v>45727</v>
      </c>
      <c r="F35391" s="14" t="s">
        <v>53</v>
      </c>
      <c r="G35391" s="16">
        <v>3.3381031032050323</v>
      </c>
    </row>
    <row r="35392" spans="1:7" x14ac:dyDescent="0.3">
      <c r="A35392" s="13" t="s">
        <v>215</v>
      </c>
      <c r="B35392" s="14" t="s">
        <v>1</v>
      </c>
      <c r="C35392" s="14" t="s">
        <v>70</v>
      </c>
      <c r="D35392" s="14" t="s">
        <v>216</v>
      </c>
      <c r="E35392" s="15">
        <v>45728</v>
      </c>
      <c r="F35392" s="14" t="s">
        <v>53</v>
      </c>
      <c r="G35392" s="16">
        <v>3.3517462853109747</v>
      </c>
    </row>
    <row r="35393" spans="1:7" x14ac:dyDescent="0.3">
      <c r="A35393" s="13" t="s">
        <v>215</v>
      </c>
      <c r="B35393" s="14" t="s">
        <v>1</v>
      </c>
      <c r="C35393" s="14" t="s">
        <v>70</v>
      </c>
      <c r="D35393" s="14" t="s">
        <v>216</v>
      </c>
      <c r="E35393" s="15">
        <v>45729</v>
      </c>
      <c r="F35393" s="14" t="s">
        <v>53</v>
      </c>
      <c r="G35393" s="16">
        <v>3.3610524063913831</v>
      </c>
    </row>
    <row r="35394" spans="1:7" x14ac:dyDescent="0.3">
      <c r="A35394" s="13" t="s">
        <v>215</v>
      </c>
      <c r="B35394" s="14" t="s">
        <v>1</v>
      </c>
      <c r="C35394" s="14" t="s">
        <v>70</v>
      </c>
      <c r="D35394" s="14" t="s">
        <v>216</v>
      </c>
      <c r="E35394" s="15">
        <v>45730</v>
      </c>
      <c r="F35394" s="14" t="s">
        <v>53</v>
      </c>
      <c r="G35394" s="16">
        <v>3.3808831376011441</v>
      </c>
    </row>
    <row r="35395" spans="1:7" x14ac:dyDescent="0.3">
      <c r="A35395" s="13" t="s">
        <v>215</v>
      </c>
      <c r="B35395" s="14" t="s">
        <v>1</v>
      </c>
      <c r="C35395" s="14" t="s">
        <v>70</v>
      </c>
      <c r="D35395" s="14" t="s">
        <v>216</v>
      </c>
      <c r="E35395" s="15">
        <v>45731</v>
      </c>
      <c r="F35395" s="14" t="s">
        <v>53</v>
      </c>
      <c r="G35395" s="16">
        <v>3.3808831376011441</v>
      </c>
    </row>
    <row r="35396" spans="1:7" x14ac:dyDescent="0.3">
      <c r="A35396" s="13" t="s">
        <v>215</v>
      </c>
      <c r="B35396" s="14" t="s">
        <v>1</v>
      </c>
      <c r="C35396" s="14" t="s">
        <v>70</v>
      </c>
      <c r="D35396" s="14" t="s">
        <v>216</v>
      </c>
      <c r="E35396" s="15">
        <v>45732</v>
      </c>
      <c r="F35396" s="14" t="s">
        <v>53</v>
      </c>
      <c r="G35396" s="16">
        <v>3.3808831376011441</v>
      </c>
    </row>
    <row r="35397" spans="1:7" x14ac:dyDescent="0.3">
      <c r="A35397" s="13" t="s">
        <v>215</v>
      </c>
      <c r="B35397" s="14" t="s">
        <v>1</v>
      </c>
      <c r="C35397" s="14" t="s">
        <v>70</v>
      </c>
      <c r="D35397" s="14" t="s">
        <v>216</v>
      </c>
      <c r="E35397" s="15">
        <v>45733</v>
      </c>
      <c r="F35397" s="14" t="s">
        <v>53</v>
      </c>
      <c r="G35397" s="16">
        <v>3.3808831376011441</v>
      </c>
    </row>
    <row r="35398" spans="1:7" x14ac:dyDescent="0.3">
      <c r="A35398" s="13" t="s">
        <v>215</v>
      </c>
      <c r="B35398" s="14" t="s">
        <v>1</v>
      </c>
      <c r="C35398" s="14" t="s">
        <v>70</v>
      </c>
      <c r="D35398" s="14" t="s">
        <v>216</v>
      </c>
      <c r="E35398" s="15">
        <v>45734</v>
      </c>
      <c r="F35398" s="14" t="s">
        <v>53</v>
      </c>
      <c r="G35398" s="16">
        <v>3.3749918925120093</v>
      </c>
    </row>
    <row r="35399" spans="1:7" x14ac:dyDescent="0.3">
      <c r="A35399" s="13" t="s">
        <v>215</v>
      </c>
      <c r="B35399" s="14" t="s">
        <v>1</v>
      </c>
      <c r="C35399" s="14" t="s">
        <v>70</v>
      </c>
      <c r="D35399" s="14" t="s">
        <v>216</v>
      </c>
      <c r="E35399" s="15">
        <v>45735</v>
      </c>
      <c r="F35399" s="14" t="s">
        <v>53</v>
      </c>
      <c r="G35399" s="16">
        <v>3.4040135768108288</v>
      </c>
    </row>
    <row r="35400" spans="1:7" x14ac:dyDescent="0.3">
      <c r="A35400" s="13" t="s">
        <v>215</v>
      </c>
      <c r="B35400" s="14" t="s">
        <v>1</v>
      </c>
      <c r="C35400" s="14" t="s">
        <v>70</v>
      </c>
      <c r="D35400" s="14" t="s">
        <v>216</v>
      </c>
      <c r="E35400" s="15">
        <v>45736</v>
      </c>
      <c r="F35400" s="14" t="s">
        <v>53</v>
      </c>
      <c r="G35400" s="16">
        <v>3.4190321523266314</v>
      </c>
    </row>
    <row r="35401" spans="1:7" x14ac:dyDescent="0.3">
      <c r="A35401" s="13" t="s">
        <v>215</v>
      </c>
      <c r="B35401" s="14" t="s">
        <v>1</v>
      </c>
      <c r="C35401" s="14" t="s">
        <v>70</v>
      </c>
      <c r="D35401" s="14" t="s">
        <v>216</v>
      </c>
      <c r="E35401" s="15">
        <v>45737</v>
      </c>
      <c r="F35401" s="14" t="s">
        <v>53</v>
      </c>
      <c r="G35401" s="16">
        <v>3.4383031371380244</v>
      </c>
    </row>
    <row r="35402" spans="1:7" x14ac:dyDescent="0.3">
      <c r="A35402" s="13" t="s">
        <v>215</v>
      </c>
      <c r="B35402" s="14" t="s">
        <v>1</v>
      </c>
      <c r="C35402" s="14" t="s">
        <v>70</v>
      </c>
      <c r="D35402" s="14" t="s">
        <v>216</v>
      </c>
      <c r="E35402" s="15">
        <v>45738</v>
      </c>
      <c r="F35402" s="14" t="s">
        <v>53</v>
      </c>
      <c r="G35402" s="16">
        <v>3.4383031371380244</v>
      </c>
    </row>
    <row r="35403" spans="1:7" x14ac:dyDescent="0.3">
      <c r="A35403" s="13" t="s">
        <v>215</v>
      </c>
      <c r="B35403" s="14" t="s">
        <v>1</v>
      </c>
      <c r="C35403" s="14" t="s">
        <v>70</v>
      </c>
      <c r="D35403" s="14" t="s">
        <v>216</v>
      </c>
      <c r="E35403" s="15">
        <v>45739</v>
      </c>
      <c r="F35403" s="14" t="s">
        <v>53</v>
      </c>
      <c r="G35403" s="16">
        <v>3.4383031371380244</v>
      </c>
    </row>
    <row r="35404" spans="1:7" x14ac:dyDescent="0.3">
      <c r="A35404" s="13" t="s">
        <v>215</v>
      </c>
      <c r="B35404" s="14" t="s">
        <v>1</v>
      </c>
      <c r="C35404" s="14" t="s">
        <v>70</v>
      </c>
      <c r="D35404" s="14" t="s">
        <v>216</v>
      </c>
      <c r="E35404" s="15">
        <v>45740</v>
      </c>
      <c r="F35404" s="14" t="s">
        <v>53</v>
      </c>
      <c r="G35404" s="16">
        <v>3.4415547558652246</v>
      </c>
    </row>
    <row r="35405" spans="1:7" x14ac:dyDescent="0.3">
      <c r="A35405" s="13" t="s">
        <v>215</v>
      </c>
      <c r="B35405" s="14" t="s">
        <v>1</v>
      </c>
      <c r="C35405" s="14" t="s">
        <v>70</v>
      </c>
      <c r="D35405" s="14" t="s">
        <v>216</v>
      </c>
      <c r="E35405" s="15">
        <v>45741</v>
      </c>
      <c r="F35405" s="14" t="s">
        <v>53</v>
      </c>
      <c r="G35405" s="16">
        <v>3.4536161871800779</v>
      </c>
    </row>
    <row r="35406" spans="1:7" x14ac:dyDescent="0.3">
      <c r="A35406" s="13" t="s">
        <v>215</v>
      </c>
      <c r="B35406" s="14" t="s">
        <v>1</v>
      </c>
      <c r="C35406" s="14" t="s">
        <v>70</v>
      </c>
      <c r="D35406" s="14" t="s">
        <v>216</v>
      </c>
      <c r="E35406" s="15">
        <v>45742</v>
      </c>
      <c r="F35406" s="14" t="s">
        <v>53</v>
      </c>
      <c r="G35406" s="16">
        <v>3.4733909815499113</v>
      </c>
    </row>
    <row r="35407" spans="1:7" x14ac:dyDescent="0.3">
      <c r="A35407" s="13" t="s">
        <v>215</v>
      </c>
      <c r="B35407" s="14" t="s">
        <v>1</v>
      </c>
      <c r="C35407" s="14" t="s">
        <v>70</v>
      </c>
      <c r="D35407" s="14" t="s">
        <v>216</v>
      </c>
      <c r="E35407" s="15">
        <v>45743</v>
      </c>
      <c r="F35407" s="14" t="s">
        <v>53</v>
      </c>
      <c r="G35407" s="16">
        <v>3.4701806303449492</v>
      </c>
    </row>
    <row r="35408" spans="1:7" x14ac:dyDescent="0.3">
      <c r="A35408" s="13" t="s">
        <v>215</v>
      </c>
      <c r="B35408" s="14" t="s">
        <v>1</v>
      </c>
      <c r="C35408" s="14" t="s">
        <v>70</v>
      </c>
      <c r="D35408" s="14" t="s">
        <v>216</v>
      </c>
      <c r="E35408" s="15">
        <v>45744</v>
      </c>
      <c r="F35408" s="14" t="s">
        <v>53</v>
      </c>
      <c r="G35408" s="16">
        <v>3.5781094332263992</v>
      </c>
    </row>
    <row r="35409" spans="1:7" x14ac:dyDescent="0.3">
      <c r="A35409" s="13" t="s">
        <v>215</v>
      </c>
      <c r="B35409" s="14" t="s">
        <v>1</v>
      </c>
      <c r="C35409" s="14" t="s">
        <v>70</v>
      </c>
      <c r="D35409" s="14" t="s">
        <v>216</v>
      </c>
      <c r="E35409" s="15">
        <v>45745</v>
      </c>
      <c r="F35409" s="14" t="s">
        <v>53</v>
      </c>
      <c r="G35409" s="16">
        <v>3.5781094332263992</v>
      </c>
    </row>
    <row r="35410" spans="1:7" x14ac:dyDescent="0.3">
      <c r="A35410" s="13" t="s">
        <v>215</v>
      </c>
      <c r="B35410" s="14" t="s">
        <v>1</v>
      </c>
      <c r="C35410" s="14" t="s">
        <v>70</v>
      </c>
      <c r="D35410" s="14" t="s">
        <v>216</v>
      </c>
      <c r="E35410" s="15">
        <v>45746</v>
      </c>
      <c r="F35410" s="14" t="s">
        <v>53</v>
      </c>
      <c r="G35410" s="16">
        <v>3.5781094332263992</v>
      </c>
    </row>
    <row r="35411" spans="1:7" x14ac:dyDescent="0.3">
      <c r="A35411" s="13" t="s">
        <v>215</v>
      </c>
      <c r="B35411" s="14" t="s">
        <v>1</v>
      </c>
      <c r="C35411" s="14" t="s">
        <v>70</v>
      </c>
      <c r="D35411" s="14" t="s">
        <v>216</v>
      </c>
      <c r="E35411" s="15">
        <v>45747</v>
      </c>
      <c r="F35411" s="14" t="s">
        <v>53</v>
      </c>
      <c r="G35411" s="16">
        <v>3.6372863819337473</v>
      </c>
    </row>
    <row r="35412" spans="1:7" x14ac:dyDescent="0.3">
      <c r="A35412" s="13" t="s">
        <v>217</v>
      </c>
      <c r="B35412" s="14" t="s">
        <v>1</v>
      </c>
      <c r="C35412" s="14" t="s">
        <v>218</v>
      </c>
      <c r="D35412" s="14" t="s">
        <v>169</v>
      </c>
      <c r="E35412" s="15">
        <v>45383</v>
      </c>
      <c r="F35412" s="14" t="s">
        <v>25</v>
      </c>
      <c r="G35412" s="16">
        <v>0</v>
      </c>
    </row>
    <row r="35413" spans="1:7" x14ac:dyDescent="0.3">
      <c r="A35413" s="13" t="s">
        <v>217</v>
      </c>
      <c r="B35413" s="14" t="s">
        <v>1</v>
      </c>
      <c r="C35413" s="14" t="s">
        <v>218</v>
      </c>
      <c r="D35413" s="14" t="s">
        <v>169</v>
      </c>
      <c r="E35413" s="15">
        <v>45384</v>
      </c>
      <c r="F35413" s="14" t="s">
        <v>25</v>
      </c>
      <c r="G35413" s="16">
        <v>0</v>
      </c>
    </row>
    <row r="35414" spans="1:7" x14ac:dyDescent="0.3">
      <c r="A35414" s="13" t="s">
        <v>217</v>
      </c>
      <c r="B35414" s="14" t="s">
        <v>1</v>
      </c>
      <c r="C35414" s="14" t="s">
        <v>218</v>
      </c>
      <c r="D35414" s="14" t="s">
        <v>169</v>
      </c>
      <c r="E35414" s="15">
        <v>45385</v>
      </c>
      <c r="F35414" s="14" t="s">
        <v>25</v>
      </c>
      <c r="G35414" s="16">
        <v>1.4965419196784362E-2</v>
      </c>
    </row>
    <row r="35415" spans="1:7" x14ac:dyDescent="0.3">
      <c r="A35415" s="13" t="s">
        <v>217</v>
      </c>
      <c r="B35415" s="14" t="s">
        <v>1</v>
      </c>
      <c r="C35415" s="14" t="s">
        <v>218</v>
      </c>
      <c r="D35415" s="14" t="s">
        <v>169</v>
      </c>
      <c r="E35415" s="15">
        <v>45386</v>
      </c>
      <c r="F35415" s="14" t="s">
        <v>25</v>
      </c>
      <c r="G35415" s="16">
        <v>1.9946223008953351E-2</v>
      </c>
    </row>
    <row r="35416" spans="1:7" x14ac:dyDescent="0.3">
      <c r="A35416" s="13" t="s">
        <v>217</v>
      </c>
      <c r="B35416" s="14" t="s">
        <v>1</v>
      </c>
      <c r="C35416" s="14" t="s">
        <v>218</v>
      </c>
      <c r="D35416" s="14" t="s">
        <v>169</v>
      </c>
      <c r="E35416" s="15">
        <v>45387</v>
      </c>
      <c r="F35416" s="14" t="s">
        <v>25</v>
      </c>
      <c r="G35416" s="16">
        <v>2.3250103744199262E-2</v>
      </c>
    </row>
    <row r="35417" spans="1:7" x14ac:dyDescent="0.3">
      <c r="A35417" s="13" t="s">
        <v>217</v>
      </c>
      <c r="B35417" s="14" t="s">
        <v>1</v>
      </c>
      <c r="C35417" s="14" t="s">
        <v>218</v>
      </c>
      <c r="D35417" s="14" t="s">
        <v>169</v>
      </c>
      <c r="E35417" s="15">
        <v>45388</v>
      </c>
      <c r="F35417" s="14" t="s">
        <v>25</v>
      </c>
      <c r="G35417" s="16">
        <v>2.3250103744199262E-2</v>
      </c>
    </row>
    <row r="35418" spans="1:7" x14ac:dyDescent="0.3">
      <c r="A35418" s="13" t="s">
        <v>217</v>
      </c>
      <c r="B35418" s="14" t="s">
        <v>1</v>
      </c>
      <c r="C35418" s="14" t="s">
        <v>218</v>
      </c>
      <c r="D35418" s="14" t="s">
        <v>169</v>
      </c>
      <c r="E35418" s="15">
        <v>45389</v>
      </c>
      <c r="F35418" s="14" t="s">
        <v>25</v>
      </c>
      <c r="G35418" s="16">
        <v>2.3250103744199262E-2</v>
      </c>
    </row>
    <row r="35419" spans="1:7" x14ac:dyDescent="0.3">
      <c r="A35419" s="13" t="s">
        <v>217</v>
      </c>
      <c r="B35419" s="14" t="s">
        <v>1</v>
      </c>
      <c r="C35419" s="14" t="s">
        <v>218</v>
      </c>
      <c r="D35419" s="14" t="s">
        <v>169</v>
      </c>
      <c r="E35419" s="15">
        <v>45390</v>
      </c>
      <c r="F35419" s="14" t="s">
        <v>25</v>
      </c>
      <c r="G35419" s="16">
        <v>3.112321524867594E-2</v>
      </c>
    </row>
    <row r="35420" spans="1:7" x14ac:dyDescent="0.3">
      <c r="A35420" s="13" t="s">
        <v>217</v>
      </c>
      <c r="B35420" s="14" t="s">
        <v>1</v>
      </c>
      <c r="C35420" s="14" t="s">
        <v>218</v>
      </c>
      <c r="D35420" s="14" t="s">
        <v>169</v>
      </c>
      <c r="E35420" s="15">
        <v>45391</v>
      </c>
      <c r="F35420" s="14" t="s">
        <v>25</v>
      </c>
      <c r="G35420" s="16">
        <v>4.1134788291614155E-2</v>
      </c>
    </row>
    <row r="35421" spans="1:7" x14ac:dyDescent="0.3">
      <c r="A35421" s="13" t="s">
        <v>217</v>
      </c>
      <c r="B35421" s="14" t="s">
        <v>1</v>
      </c>
      <c r="C35421" s="14" t="s">
        <v>218</v>
      </c>
      <c r="D35421" s="14" t="s">
        <v>169</v>
      </c>
      <c r="E35421" s="15">
        <v>45392</v>
      </c>
      <c r="F35421" s="14" t="s">
        <v>25</v>
      </c>
      <c r="G35421" s="16">
        <v>4.4454053642244688E-2</v>
      </c>
    </row>
    <row r="35422" spans="1:7" x14ac:dyDescent="0.3">
      <c r="A35422" s="13" t="s">
        <v>217</v>
      </c>
      <c r="B35422" s="14" t="s">
        <v>1</v>
      </c>
      <c r="C35422" s="14" t="s">
        <v>218</v>
      </c>
      <c r="D35422" s="14" t="s">
        <v>169</v>
      </c>
      <c r="E35422" s="15">
        <v>45393</v>
      </c>
      <c r="F35422" s="14" t="s">
        <v>25</v>
      </c>
      <c r="G35422" s="16">
        <v>4.7973318992875214E-2</v>
      </c>
    </row>
    <row r="35423" spans="1:7" x14ac:dyDescent="0.3">
      <c r="A35423" s="13" t="s">
        <v>217</v>
      </c>
      <c r="B35423" s="14" t="s">
        <v>1</v>
      </c>
      <c r="C35423" s="14" t="s">
        <v>218</v>
      </c>
      <c r="D35423" s="14" t="s">
        <v>169</v>
      </c>
      <c r="E35423" s="15">
        <v>45394</v>
      </c>
      <c r="F35423" s="14" t="s">
        <v>25</v>
      </c>
      <c r="G35423" s="16">
        <v>5.1338738189659588E-2</v>
      </c>
    </row>
    <row r="35424" spans="1:7" x14ac:dyDescent="0.3">
      <c r="A35424" s="13" t="s">
        <v>217</v>
      </c>
      <c r="B35424" s="14" t="s">
        <v>1</v>
      </c>
      <c r="C35424" s="14" t="s">
        <v>218</v>
      </c>
      <c r="D35424" s="14" t="s">
        <v>169</v>
      </c>
      <c r="E35424" s="15">
        <v>45395</v>
      </c>
      <c r="F35424" s="14" t="s">
        <v>25</v>
      </c>
      <c r="G35424" s="16">
        <v>5.1338738189659588E-2</v>
      </c>
    </row>
    <row r="35425" spans="1:7" x14ac:dyDescent="0.3">
      <c r="A35425" s="13" t="s">
        <v>217</v>
      </c>
      <c r="B35425" s="14" t="s">
        <v>1</v>
      </c>
      <c r="C35425" s="14" t="s">
        <v>218</v>
      </c>
      <c r="D35425" s="14" t="s">
        <v>169</v>
      </c>
      <c r="E35425" s="15">
        <v>45396</v>
      </c>
      <c r="F35425" s="14" t="s">
        <v>25</v>
      </c>
      <c r="G35425" s="16">
        <v>5.1338738189659588E-2</v>
      </c>
    </row>
    <row r="35426" spans="1:7" x14ac:dyDescent="0.3">
      <c r="A35426" s="13" t="s">
        <v>217</v>
      </c>
      <c r="B35426" s="14" t="s">
        <v>1</v>
      </c>
      <c r="C35426" s="14" t="s">
        <v>218</v>
      </c>
      <c r="D35426" s="14" t="s">
        <v>169</v>
      </c>
      <c r="E35426" s="15">
        <v>45397</v>
      </c>
      <c r="F35426" s="14" t="s">
        <v>25</v>
      </c>
      <c r="G35426" s="16">
        <v>5.4688772771059345E-2</v>
      </c>
    </row>
    <row r="35427" spans="1:7" x14ac:dyDescent="0.3">
      <c r="A35427" s="13" t="s">
        <v>217</v>
      </c>
      <c r="B35427" s="14" t="s">
        <v>1</v>
      </c>
      <c r="C35427" s="14" t="s">
        <v>218</v>
      </c>
      <c r="D35427" s="14" t="s">
        <v>169</v>
      </c>
      <c r="E35427" s="15">
        <v>45398</v>
      </c>
      <c r="F35427" s="14" t="s">
        <v>25</v>
      </c>
      <c r="G35427" s="16">
        <v>6.4900345813997562E-2</v>
      </c>
    </row>
    <row r="35428" spans="1:7" x14ac:dyDescent="0.3">
      <c r="A35428" s="13" t="s">
        <v>217</v>
      </c>
      <c r="B35428" s="14" t="s">
        <v>1</v>
      </c>
      <c r="C35428" s="14" t="s">
        <v>218</v>
      </c>
      <c r="D35428" s="14" t="s">
        <v>169</v>
      </c>
      <c r="E35428" s="15">
        <v>45399</v>
      </c>
      <c r="F35428" s="14" t="s">
        <v>25</v>
      </c>
      <c r="G35428" s="16">
        <v>6.8281149626166548E-2</v>
      </c>
    </row>
    <row r="35429" spans="1:7" x14ac:dyDescent="0.3">
      <c r="A35429" s="13" t="s">
        <v>217</v>
      </c>
      <c r="B35429" s="14" t="s">
        <v>1</v>
      </c>
      <c r="C35429" s="14" t="s">
        <v>218</v>
      </c>
      <c r="D35429" s="14" t="s">
        <v>169</v>
      </c>
      <c r="E35429" s="15">
        <v>45400</v>
      </c>
      <c r="F35429" s="14" t="s">
        <v>25</v>
      </c>
      <c r="G35429" s="16">
        <v>7.12311842075663E-2</v>
      </c>
    </row>
    <row r="35430" spans="1:7" x14ac:dyDescent="0.3">
      <c r="A35430" s="13" t="s">
        <v>217</v>
      </c>
      <c r="B35430" s="14" t="s">
        <v>1</v>
      </c>
      <c r="C35430" s="14" t="s">
        <v>218</v>
      </c>
      <c r="D35430" s="14" t="s">
        <v>169</v>
      </c>
      <c r="E35430" s="15">
        <v>45401</v>
      </c>
      <c r="F35430" s="14" t="s">
        <v>25</v>
      </c>
      <c r="G35430" s="16">
        <v>7.4504295712042978E-2</v>
      </c>
    </row>
    <row r="35431" spans="1:7" x14ac:dyDescent="0.3">
      <c r="A35431" s="13" t="s">
        <v>217</v>
      </c>
      <c r="B35431" s="14" t="s">
        <v>1</v>
      </c>
      <c r="C35431" s="14" t="s">
        <v>218</v>
      </c>
      <c r="D35431" s="14" t="s">
        <v>169</v>
      </c>
      <c r="E35431" s="15">
        <v>45402</v>
      </c>
      <c r="F35431" s="14" t="s">
        <v>25</v>
      </c>
      <c r="G35431" s="16">
        <v>7.4504295712042978E-2</v>
      </c>
    </row>
    <row r="35432" spans="1:7" x14ac:dyDescent="0.3">
      <c r="A35432" s="13" t="s">
        <v>217</v>
      </c>
      <c r="B35432" s="14" t="s">
        <v>1</v>
      </c>
      <c r="C35432" s="14" t="s">
        <v>218</v>
      </c>
      <c r="D35432" s="14" t="s">
        <v>169</v>
      </c>
      <c r="E35432" s="15">
        <v>45403</v>
      </c>
      <c r="F35432" s="14" t="s">
        <v>25</v>
      </c>
      <c r="G35432" s="16">
        <v>7.4504295712042978E-2</v>
      </c>
    </row>
    <row r="35433" spans="1:7" x14ac:dyDescent="0.3">
      <c r="A35433" s="13" t="s">
        <v>217</v>
      </c>
      <c r="B35433" s="14" t="s">
        <v>1</v>
      </c>
      <c r="C35433" s="14" t="s">
        <v>218</v>
      </c>
      <c r="D35433" s="14" t="s">
        <v>169</v>
      </c>
      <c r="E35433" s="15">
        <v>45404</v>
      </c>
      <c r="F35433" s="14" t="s">
        <v>25</v>
      </c>
      <c r="G35433" s="16">
        <v>7.7685099524211973E-2</v>
      </c>
    </row>
    <row r="35434" spans="1:7" x14ac:dyDescent="0.3">
      <c r="A35434" s="13" t="s">
        <v>217</v>
      </c>
      <c r="B35434" s="14" t="s">
        <v>1</v>
      </c>
      <c r="C35434" s="14" t="s">
        <v>218</v>
      </c>
      <c r="D35434" s="14" t="s">
        <v>169</v>
      </c>
      <c r="E35434" s="15">
        <v>45405</v>
      </c>
      <c r="F35434" s="14" t="s">
        <v>25</v>
      </c>
      <c r="G35434" s="16">
        <v>8.7650518720996343E-2</v>
      </c>
    </row>
    <row r="35435" spans="1:7" x14ac:dyDescent="0.3">
      <c r="A35435" s="13" t="s">
        <v>217</v>
      </c>
      <c r="B35435" s="14" t="s">
        <v>1</v>
      </c>
      <c r="C35435" s="14" t="s">
        <v>218</v>
      </c>
      <c r="D35435" s="14" t="s">
        <v>169</v>
      </c>
      <c r="E35435" s="15">
        <v>45406</v>
      </c>
      <c r="F35435" s="14" t="s">
        <v>25</v>
      </c>
      <c r="G35435" s="16">
        <v>9.0923630225473021E-2</v>
      </c>
    </row>
    <row r="35436" spans="1:7" x14ac:dyDescent="0.3">
      <c r="A35436" s="13" t="s">
        <v>217</v>
      </c>
      <c r="B35436" s="14" t="s">
        <v>1</v>
      </c>
      <c r="C35436" s="14" t="s">
        <v>218</v>
      </c>
      <c r="D35436" s="14" t="s">
        <v>169</v>
      </c>
      <c r="E35436" s="15">
        <v>45407</v>
      </c>
      <c r="F35436" s="14" t="s">
        <v>25</v>
      </c>
      <c r="G35436" s="16">
        <v>9.4227510960718935E-2</v>
      </c>
    </row>
    <row r="35437" spans="1:7" x14ac:dyDescent="0.3">
      <c r="A35437" s="13" t="s">
        <v>217</v>
      </c>
      <c r="B35437" s="14" t="s">
        <v>1</v>
      </c>
      <c r="C35437" s="14" t="s">
        <v>218</v>
      </c>
      <c r="D35437" s="14" t="s">
        <v>169</v>
      </c>
      <c r="E35437" s="15">
        <v>45408</v>
      </c>
      <c r="F35437" s="14" t="s">
        <v>25</v>
      </c>
      <c r="G35437" s="16">
        <v>9.7823699388272539E-2</v>
      </c>
    </row>
    <row r="35438" spans="1:7" x14ac:dyDescent="0.3">
      <c r="A35438" s="13" t="s">
        <v>217</v>
      </c>
      <c r="B35438" s="14" t="s">
        <v>1</v>
      </c>
      <c r="C35438" s="14" t="s">
        <v>218</v>
      </c>
      <c r="D35438" s="14" t="s">
        <v>169</v>
      </c>
      <c r="E35438" s="15">
        <v>45409</v>
      </c>
      <c r="F35438" s="14" t="s">
        <v>25</v>
      </c>
      <c r="G35438" s="16">
        <v>9.7823699388272539E-2</v>
      </c>
    </row>
    <row r="35439" spans="1:7" x14ac:dyDescent="0.3">
      <c r="A35439" s="13" t="s">
        <v>217</v>
      </c>
      <c r="B35439" s="14" t="s">
        <v>1</v>
      </c>
      <c r="C35439" s="14" t="s">
        <v>218</v>
      </c>
      <c r="D35439" s="14" t="s">
        <v>169</v>
      </c>
      <c r="E35439" s="15">
        <v>45410</v>
      </c>
      <c r="F35439" s="14" t="s">
        <v>25</v>
      </c>
      <c r="G35439" s="16">
        <v>9.7823699388272539E-2</v>
      </c>
    </row>
    <row r="35440" spans="1:7" x14ac:dyDescent="0.3">
      <c r="A35440" s="13" t="s">
        <v>217</v>
      </c>
      <c r="B35440" s="14" t="s">
        <v>1</v>
      </c>
      <c r="C35440" s="14" t="s">
        <v>218</v>
      </c>
      <c r="D35440" s="14" t="s">
        <v>169</v>
      </c>
      <c r="E35440" s="15">
        <v>45411</v>
      </c>
      <c r="F35440" s="14" t="s">
        <v>25</v>
      </c>
      <c r="G35440" s="16">
        <v>0.10112758012351845</v>
      </c>
    </row>
    <row r="35441" spans="1:7" x14ac:dyDescent="0.3">
      <c r="A35441" s="13" t="s">
        <v>217</v>
      </c>
      <c r="B35441" s="14" t="s">
        <v>1</v>
      </c>
      <c r="C35441" s="14" t="s">
        <v>218</v>
      </c>
      <c r="D35441" s="14" t="s">
        <v>169</v>
      </c>
      <c r="E35441" s="15">
        <v>45412</v>
      </c>
      <c r="F35441" s="14" t="s">
        <v>25</v>
      </c>
      <c r="G35441" s="16">
        <v>0.11106223008953361</v>
      </c>
    </row>
    <row r="35442" spans="1:7" x14ac:dyDescent="0.3">
      <c r="A35442" s="13" t="s">
        <v>217</v>
      </c>
      <c r="B35442" s="14" t="s">
        <v>1</v>
      </c>
      <c r="C35442" s="14" t="s">
        <v>218</v>
      </c>
      <c r="D35442" s="14" t="s">
        <v>169</v>
      </c>
      <c r="E35442" s="15">
        <v>45413</v>
      </c>
      <c r="F35442" s="14" t="s">
        <v>25</v>
      </c>
      <c r="G35442" s="16">
        <v>0.11106223008953361</v>
      </c>
    </row>
    <row r="35443" spans="1:7" x14ac:dyDescent="0.3">
      <c r="A35443" s="13" t="s">
        <v>217</v>
      </c>
      <c r="B35443" s="14" t="s">
        <v>1</v>
      </c>
      <c r="C35443" s="14" t="s">
        <v>218</v>
      </c>
      <c r="D35443" s="14" t="s">
        <v>169</v>
      </c>
      <c r="E35443" s="15">
        <v>45414</v>
      </c>
      <c r="F35443" s="14" t="s">
        <v>25</v>
      </c>
      <c r="G35443" s="16">
        <v>0.11438149544016417</v>
      </c>
    </row>
    <row r="35444" spans="1:7" x14ac:dyDescent="0.3">
      <c r="A35444" s="13" t="s">
        <v>217</v>
      </c>
      <c r="B35444" s="14" t="s">
        <v>1</v>
      </c>
      <c r="C35444" s="14" t="s">
        <v>218</v>
      </c>
      <c r="D35444" s="14" t="s">
        <v>169</v>
      </c>
      <c r="E35444" s="15">
        <v>45415</v>
      </c>
      <c r="F35444" s="14" t="s">
        <v>25</v>
      </c>
      <c r="G35444" s="16">
        <v>0.12476229925233316</v>
      </c>
    </row>
    <row r="35445" spans="1:7" x14ac:dyDescent="0.3">
      <c r="A35445" s="13" t="s">
        <v>217</v>
      </c>
      <c r="B35445" s="14" t="s">
        <v>1</v>
      </c>
      <c r="C35445" s="14" t="s">
        <v>218</v>
      </c>
      <c r="D35445" s="14" t="s">
        <v>169</v>
      </c>
      <c r="E35445" s="15">
        <v>45416</v>
      </c>
      <c r="F35445" s="14" t="s">
        <v>25</v>
      </c>
      <c r="G35445" s="16">
        <v>0.12476229925233316</v>
      </c>
    </row>
    <row r="35446" spans="1:7" x14ac:dyDescent="0.3">
      <c r="A35446" s="13" t="s">
        <v>217</v>
      </c>
      <c r="B35446" s="14" t="s">
        <v>1</v>
      </c>
      <c r="C35446" s="14" t="s">
        <v>218</v>
      </c>
      <c r="D35446" s="14" t="s">
        <v>169</v>
      </c>
      <c r="E35446" s="15">
        <v>45417</v>
      </c>
      <c r="F35446" s="14" t="s">
        <v>25</v>
      </c>
      <c r="G35446" s="16">
        <v>0.12476229925233316</v>
      </c>
    </row>
    <row r="35447" spans="1:7" x14ac:dyDescent="0.3">
      <c r="A35447" s="13" t="s">
        <v>217</v>
      </c>
      <c r="B35447" s="14" t="s">
        <v>1</v>
      </c>
      <c r="C35447" s="14" t="s">
        <v>218</v>
      </c>
      <c r="D35447" s="14" t="s">
        <v>169</v>
      </c>
      <c r="E35447" s="15">
        <v>45418</v>
      </c>
      <c r="F35447" s="14" t="s">
        <v>25</v>
      </c>
      <c r="G35447" s="16">
        <v>0.12476229925233316</v>
      </c>
    </row>
    <row r="35448" spans="1:7" x14ac:dyDescent="0.3">
      <c r="A35448" s="13" t="s">
        <v>217</v>
      </c>
      <c r="B35448" s="14" t="s">
        <v>1</v>
      </c>
      <c r="C35448" s="14" t="s">
        <v>218</v>
      </c>
      <c r="D35448" s="14" t="s">
        <v>169</v>
      </c>
      <c r="E35448" s="15">
        <v>45419</v>
      </c>
      <c r="F35448" s="14" t="s">
        <v>25</v>
      </c>
      <c r="G35448" s="16">
        <v>0.12805584344911752</v>
      </c>
    </row>
    <row r="35449" spans="1:7" x14ac:dyDescent="0.3">
      <c r="A35449" s="13" t="s">
        <v>217</v>
      </c>
      <c r="B35449" s="14" t="s">
        <v>1</v>
      </c>
      <c r="C35449" s="14" t="s">
        <v>218</v>
      </c>
      <c r="D35449" s="14" t="s">
        <v>169</v>
      </c>
      <c r="E35449" s="15">
        <v>45420</v>
      </c>
      <c r="F35449" s="14" t="s">
        <v>25</v>
      </c>
      <c r="G35449" s="16">
        <v>0.14130251264590191</v>
      </c>
    </row>
    <row r="35450" spans="1:7" x14ac:dyDescent="0.3">
      <c r="A35450" s="13" t="s">
        <v>217</v>
      </c>
      <c r="B35450" s="14" t="s">
        <v>1</v>
      </c>
      <c r="C35450" s="14" t="s">
        <v>218</v>
      </c>
      <c r="D35450" s="14" t="s">
        <v>169</v>
      </c>
      <c r="E35450" s="15">
        <v>45421</v>
      </c>
      <c r="F35450" s="14" t="s">
        <v>25</v>
      </c>
      <c r="G35450" s="16">
        <v>0.14130251264590191</v>
      </c>
    </row>
    <row r="35451" spans="1:7" x14ac:dyDescent="0.3">
      <c r="A35451" s="13" t="s">
        <v>217</v>
      </c>
      <c r="B35451" s="14" t="s">
        <v>1</v>
      </c>
      <c r="C35451" s="14" t="s">
        <v>218</v>
      </c>
      <c r="D35451" s="14" t="s">
        <v>169</v>
      </c>
      <c r="E35451" s="15">
        <v>45422</v>
      </c>
      <c r="F35451" s="14" t="s">
        <v>25</v>
      </c>
      <c r="G35451" s="16">
        <v>0.14458043184268626</v>
      </c>
    </row>
    <row r="35452" spans="1:7" x14ac:dyDescent="0.3">
      <c r="A35452" s="13" t="s">
        <v>217</v>
      </c>
      <c r="B35452" s="14" t="s">
        <v>1</v>
      </c>
      <c r="C35452" s="14" t="s">
        <v>218</v>
      </c>
      <c r="D35452" s="14" t="s">
        <v>169</v>
      </c>
      <c r="E35452" s="15">
        <v>45423</v>
      </c>
      <c r="F35452" s="14" t="s">
        <v>25</v>
      </c>
      <c r="G35452" s="16">
        <v>0.14458043184268626</v>
      </c>
    </row>
    <row r="35453" spans="1:7" x14ac:dyDescent="0.3">
      <c r="A35453" s="13" t="s">
        <v>217</v>
      </c>
      <c r="B35453" s="14" t="s">
        <v>1</v>
      </c>
      <c r="C35453" s="14" t="s">
        <v>218</v>
      </c>
      <c r="D35453" s="14" t="s">
        <v>169</v>
      </c>
      <c r="E35453" s="15">
        <v>45424</v>
      </c>
      <c r="F35453" s="14" t="s">
        <v>25</v>
      </c>
      <c r="G35453" s="16">
        <v>0.14458043184268626</v>
      </c>
    </row>
    <row r="35454" spans="1:7" x14ac:dyDescent="0.3">
      <c r="A35454" s="13" t="s">
        <v>217</v>
      </c>
      <c r="B35454" s="14" t="s">
        <v>1</v>
      </c>
      <c r="C35454" s="14" t="s">
        <v>218</v>
      </c>
      <c r="D35454" s="14" t="s">
        <v>169</v>
      </c>
      <c r="E35454" s="15">
        <v>45425</v>
      </c>
      <c r="F35454" s="14" t="s">
        <v>25</v>
      </c>
      <c r="G35454" s="16">
        <v>0.15513960103947064</v>
      </c>
    </row>
    <row r="35455" spans="1:7" x14ac:dyDescent="0.3">
      <c r="A35455" s="13" t="s">
        <v>217</v>
      </c>
      <c r="B35455" s="14" t="s">
        <v>1</v>
      </c>
      <c r="C35455" s="14" t="s">
        <v>218</v>
      </c>
      <c r="D35455" s="14" t="s">
        <v>169</v>
      </c>
      <c r="E35455" s="15">
        <v>45426</v>
      </c>
      <c r="F35455" s="14" t="s">
        <v>25</v>
      </c>
      <c r="G35455" s="16">
        <v>0.16498002023625502</v>
      </c>
    </row>
    <row r="35456" spans="1:7" x14ac:dyDescent="0.3">
      <c r="A35456" s="13" t="s">
        <v>217</v>
      </c>
      <c r="B35456" s="14" t="s">
        <v>1</v>
      </c>
      <c r="C35456" s="14" t="s">
        <v>218</v>
      </c>
      <c r="D35456" s="14" t="s">
        <v>169</v>
      </c>
      <c r="E35456" s="15">
        <v>45427</v>
      </c>
      <c r="F35456" s="14" t="s">
        <v>25</v>
      </c>
      <c r="G35456" s="16">
        <v>0.16822668943303939</v>
      </c>
    </row>
    <row r="35457" spans="1:7" x14ac:dyDescent="0.3">
      <c r="A35457" s="13" t="s">
        <v>217</v>
      </c>
      <c r="B35457" s="14" t="s">
        <v>1</v>
      </c>
      <c r="C35457" s="14" t="s">
        <v>218</v>
      </c>
      <c r="D35457" s="14" t="s">
        <v>169</v>
      </c>
      <c r="E35457" s="15">
        <v>45428</v>
      </c>
      <c r="F35457" s="14" t="s">
        <v>25</v>
      </c>
      <c r="G35457" s="16">
        <v>0.17147335862982377</v>
      </c>
    </row>
    <row r="35458" spans="1:7" x14ac:dyDescent="0.3">
      <c r="A35458" s="13" t="s">
        <v>217</v>
      </c>
      <c r="B35458" s="14" t="s">
        <v>1</v>
      </c>
      <c r="C35458" s="14" t="s">
        <v>218</v>
      </c>
      <c r="D35458" s="14" t="s">
        <v>169</v>
      </c>
      <c r="E35458" s="15">
        <v>45429</v>
      </c>
      <c r="F35458" s="14" t="s">
        <v>25</v>
      </c>
      <c r="G35458" s="16">
        <v>0.19322002782660813</v>
      </c>
    </row>
    <row r="35459" spans="1:7" x14ac:dyDescent="0.3">
      <c r="A35459" s="13" t="s">
        <v>217</v>
      </c>
      <c r="B35459" s="14" t="s">
        <v>1</v>
      </c>
      <c r="C35459" s="14" t="s">
        <v>218</v>
      </c>
      <c r="D35459" s="14" t="s">
        <v>169</v>
      </c>
      <c r="E35459" s="15">
        <v>45430</v>
      </c>
      <c r="F35459" s="14" t="s">
        <v>25</v>
      </c>
      <c r="G35459" s="16">
        <v>0.19322002782660813</v>
      </c>
    </row>
    <row r="35460" spans="1:7" x14ac:dyDescent="0.3">
      <c r="A35460" s="13" t="s">
        <v>217</v>
      </c>
      <c r="B35460" s="14" t="s">
        <v>1</v>
      </c>
      <c r="C35460" s="14" t="s">
        <v>218</v>
      </c>
      <c r="D35460" s="14" t="s">
        <v>169</v>
      </c>
      <c r="E35460" s="15">
        <v>45431</v>
      </c>
      <c r="F35460" s="14" t="s">
        <v>25</v>
      </c>
      <c r="G35460" s="16">
        <v>0.19322002782660813</v>
      </c>
    </row>
    <row r="35461" spans="1:7" x14ac:dyDescent="0.3">
      <c r="A35461" s="13" t="s">
        <v>217</v>
      </c>
      <c r="B35461" s="14" t="s">
        <v>1</v>
      </c>
      <c r="C35461" s="14" t="s">
        <v>218</v>
      </c>
      <c r="D35461" s="14" t="s">
        <v>169</v>
      </c>
      <c r="E35461" s="15">
        <v>45432</v>
      </c>
      <c r="F35461" s="14" t="s">
        <v>25</v>
      </c>
      <c r="G35461" s="16">
        <v>0.19322002782660813</v>
      </c>
    </row>
    <row r="35462" spans="1:7" x14ac:dyDescent="0.3">
      <c r="A35462" s="13" t="s">
        <v>217</v>
      </c>
      <c r="B35462" s="14" t="s">
        <v>1</v>
      </c>
      <c r="C35462" s="14" t="s">
        <v>218</v>
      </c>
      <c r="D35462" s="14" t="s">
        <v>169</v>
      </c>
      <c r="E35462" s="15">
        <v>45433</v>
      </c>
      <c r="F35462" s="14" t="s">
        <v>25</v>
      </c>
      <c r="G35462" s="16">
        <v>0.19646669702339253</v>
      </c>
    </row>
    <row r="35463" spans="1:7" x14ac:dyDescent="0.3">
      <c r="A35463" s="13" t="s">
        <v>217</v>
      </c>
      <c r="B35463" s="14" t="s">
        <v>1</v>
      </c>
      <c r="C35463" s="14" t="s">
        <v>218</v>
      </c>
      <c r="D35463" s="14" t="s">
        <v>169</v>
      </c>
      <c r="E35463" s="15">
        <v>45434</v>
      </c>
      <c r="F35463" s="14" t="s">
        <v>25</v>
      </c>
      <c r="G35463" s="16">
        <v>0.19858836622017689</v>
      </c>
    </row>
    <row r="35464" spans="1:7" x14ac:dyDescent="0.3">
      <c r="A35464" s="13" t="s">
        <v>217</v>
      </c>
      <c r="B35464" s="14" t="s">
        <v>1</v>
      </c>
      <c r="C35464" s="14" t="s">
        <v>218</v>
      </c>
      <c r="D35464" s="14" t="s">
        <v>169</v>
      </c>
      <c r="E35464" s="15">
        <v>45435</v>
      </c>
      <c r="F35464" s="14" t="s">
        <v>25</v>
      </c>
      <c r="G35464" s="16">
        <v>0.22980378541696128</v>
      </c>
    </row>
    <row r="35465" spans="1:7" x14ac:dyDescent="0.3">
      <c r="A35465" s="13" t="s">
        <v>217</v>
      </c>
      <c r="B35465" s="14" t="s">
        <v>1</v>
      </c>
      <c r="C35465" s="14" t="s">
        <v>218</v>
      </c>
      <c r="D35465" s="14" t="s">
        <v>169</v>
      </c>
      <c r="E35465" s="15">
        <v>45436</v>
      </c>
      <c r="F35465" s="14" t="s">
        <v>25</v>
      </c>
      <c r="G35465" s="16">
        <v>0.23311295461374565</v>
      </c>
    </row>
    <row r="35466" spans="1:7" x14ac:dyDescent="0.3">
      <c r="A35466" s="13" t="s">
        <v>217</v>
      </c>
      <c r="B35466" s="14" t="s">
        <v>1</v>
      </c>
      <c r="C35466" s="14" t="s">
        <v>218</v>
      </c>
      <c r="D35466" s="14" t="s">
        <v>169</v>
      </c>
      <c r="E35466" s="15">
        <v>45437</v>
      </c>
      <c r="F35466" s="14" t="s">
        <v>25</v>
      </c>
      <c r="G35466" s="16">
        <v>0.23311295461374565</v>
      </c>
    </row>
    <row r="35467" spans="1:7" x14ac:dyDescent="0.3">
      <c r="A35467" s="13" t="s">
        <v>217</v>
      </c>
      <c r="B35467" s="14" t="s">
        <v>1</v>
      </c>
      <c r="C35467" s="14" t="s">
        <v>218</v>
      </c>
      <c r="D35467" s="14" t="s">
        <v>169</v>
      </c>
      <c r="E35467" s="15">
        <v>45438</v>
      </c>
      <c r="F35467" s="14" t="s">
        <v>25</v>
      </c>
      <c r="G35467" s="16">
        <v>0.23311295461374565</v>
      </c>
    </row>
    <row r="35468" spans="1:7" x14ac:dyDescent="0.3">
      <c r="A35468" s="13" t="s">
        <v>217</v>
      </c>
      <c r="B35468" s="14" t="s">
        <v>1</v>
      </c>
      <c r="C35468" s="14" t="s">
        <v>218</v>
      </c>
      <c r="D35468" s="14" t="s">
        <v>169</v>
      </c>
      <c r="E35468" s="15">
        <v>45439</v>
      </c>
      <c r="F35468" s="14" t="s">
        <v>25</v>
      </c>
      <c r="G35468" s="16">
        <v>0.23643774881052998</v>
      </c>
    </row>
    <row r="35469" spans="1:7" x14ac:dyDescent="0.3">
      <c r="A35469" s="13" t="s">
        <v>217</v>
      </c>
      <c r="B35469" s="14" t="s">
        <v>1</v>
      </c>
      <c r="C35469" s="14" t="s">
        <v>218</v>
      </c>
      <c r="D35469" s="14" t="s">
        <v>169</v>
      </c>
      <c r="E35469" s="15">
        <v>45440</v>
      </c>
      <c r="F35469" s="14" t="s">
        <v>25</v>
      </c>
      <c r="G35469" s="16">
        <v>0.24646566800731437</v>
      </c>
    </row>
    <row r="35470" spans="1:7" x14ac:dyDescent="0.3">
      <c r="A35470" s="13" t="s">
        <v>217</v>
      </c>
      <c r="B35470" s="14" t="s">
        <v>1</v>
      </c>
      <c r="C35470" s="14" t="s">
        <v>218</v>
      </c>
      <c r="D35470" s="14" t="s">
        <v>169</v>
      </c>
      <c r="E35470" s="15">
        <v>45441</v>
      </c>
      <c r="F35470" s="14" t="s">
        <v>25</v>
      </c>
      <c r="G35470" s="16">
        <v>0.25039983720409875</v>
      </c>
    </row>
    <row r="35471" spans="1:7" x14ac:dyDescent="0.3">
      <c r="A35471" s="13" t="s">
        <v>217</v>
      </c>
      <c r="B35471" s="14" t="s">
        <v>1</v>
      </c>
      <c r="C35471" s="14" t="s">
        <v>218</v>
      </c>
      <c r="D35471" s="14" t="s">
        <v>169</v>
      </c>
      <c r="E35471" s="15">
        <v>45442</v>
      </c>
      <c r="F35471" s="14" t="s">
        <v>25</v>
      </c>
      <c r="G35471" s="16">
        <v>0.25372463140088308</v>
      </c>
    </row>
    <row r="35472" spans="1:7" x14ac:dyDescent="0.3">
      <c r="A35472" s="13" t="s">
        <v>217</v>
      </c>
      <c r="B35472" s="14" t="s">
        <v>1</v>
      </c>
      <c r="C35472" s="14" t="s">
        <v>218</v>
      </c>
      <c r="D35472" s="14" t="s">
        <v>169</v>
      </c>
      <c r="E35472" s="15">
        <v>45443</v>
      </c>
      <c r="F35472" s="14" t="s">
        <v>25</v>
      </c>
      <c r="G35472" s="16">
        <v>0.25700255059766747</v>
      </c>
    </row>
    <row r="35473" spans="1:7" x14ac:dyDescent="0.3">
      <c r="A35473" s="13" t="s">
        <v>217</v>
      </c>
      <c r="B35473" s="14" t="s">
        <v>1</v>
      </c>
      <c r="C35473" s="14" t="s">
        <v>218</v>
      </c>
      <c r="D35473" s="14" t="s">
        <v>169</v>
      </c>
      <c r="E35473" s="15">
        <v>45444</v>
      </c>
      <c r="F35473" s="14" t="s">
        <v>25</v>
      </c>
      <c r="G35473" s="16">
        <v>0.25700255059766747</v>
      </c>
    </row>
    <row r="35474" spans="1:7" x14ac:dyDescent="0.3">
      <c r="A35474" s="13" t="s">
        <v>217</v>
      </c>
      <c r="B35474" s="14" t="s">
        <v>1</v>
      </c>
      <c r="C35474" s="14" t="s">
        <v>218</v>
      </c>
      <c r="D35474" s="14" t="s">
        <v>169</v>
      </c>
      <c r="E35474" s="15">
        <v>45445</v>
      </c>
      <c r="F35474" s="14" t="s">
        <v>25</v>
      </c>
      <c r="G35474" s="16">
        <v>0.25700255059766747</v>
      </c>
    </row>
    <row r="35475" spans="1:7" x14ac:dyDescent="0.3">
      <c r="A35475" s="13" t="s">
        <v>217</v>
      </c>
      <c r="B35475" s="14" t="s">
        <v>1</v>
      </c>
      <c r="C35475" s="14" t="s">
        <v>218</v>
      </c>
      <c r="D35475" s="14" t="s">
        <v>169</v>
      </c>
      <c r="E35475" s="15">
        <v>45446</v>
      </c>
      <c r="F35475" s="14" t="s">
        <v>25</v>
      </c>
      <c r="G35475" s="16">
        <v>0.25700255059766747</v>
      </c>
    </row>
    <row r="35476" spans="1:7" x14ac:dyDescent="0.3">
      <c r="A35476" s="13" t="s">
        <v>217</v>
      </c>
      <c r="B35476" s="14" t="s">
        <v>1</v>
      </c>
      <c r="C35476" s="14" t="s">
        <v>218</v>
      </c>
      <c r="D35476" s="14" t="s">
        <v>169</v>
      </c>
      <c r="E35476" s="15">
        <v>45447</v>
      </c>
      <c r="F35476" s="14" t="s">
        <v>25</v>
      </c>
      <c r="G35476" s="16">
        <v>0.26026484479445189</v>
      </c>
    </row>
    <row r="35477" spans="1:7" x14ac:dyDescent="0.3">
      <c r="A35477" s="13" t="s">
        <v>217</v>
      </c>
      <c r="B35477" s="14" t="s">
        <v>1</v>
      </c>
      <c r="C35477" s="14" t="s">
        <v>218</v>
      </c>
      <c r="D35477" s="14" t="s">
        <v>169</v>
      </c>
      <c r="E35477" s="15">
        <v>45448</v>
      </c>
      <c r="F35477" s="14" t="s">
        <v>25</v>
      </c>
      <c r="G35477" s="16">
        <v>0.27510526399123625</v>
      </c>
    </row>
    <row r="35478" spans="1:7" x14ac:dyDescent="0.3">
      <c r="A35478" s="13" t="s">
        <v>217</v>
      </c>
      <c r="B35478" s="14" t="s">
        <v>1</v>
      </c>
      <c r="C35478" s="14" t="s">
        <v>218</v>
      </c>
      <c r="D35478" s="14" t="s">
        <v>169</v>
      </c>
      <c r="E35478" s="15">
        <v>45449</v>
      </c>
      <c r="F35478" s="14" t="s">
        <v>25</v>
      </c>
      <c r="G35478" s="16">
        <v>0.27828943318802063</v>
      </c>
    </row>
    <row r="35479" spans="1:7" x14ac:dyDescent="0.3">
      <c r="A35479" s="13" t="s">
        <v>217</v>
      </c>
      <c r="B35479" s="14" t="s">
        <v>1</v>
      </c>
      <c r="C35479" s="14" t="s">
        <v>218</v>
      </c>
      <c r="D35479" s="14" t="s">
        <v>169</v>
      </c>
      <c r="E35479" s="15">
        <v>45450</v>
      </c>
      <c r="F35479" s="14" t="s">
        <v>25</v>
      </c>
      <c r="G35479" s="16">
        <v>0.28144235238480497</v>
      </c>
    </row>
    <row r="35480" spans="1:7" x14ac:dyDescent="0.3">
      <c r="A35480" s="13" t="s">
        <v>217</v>
      </c>
      <c r="B35480" s="14" t="s">
        <v>1</v>
      </c>
      <c r="C35480" s="14" t="s">
        <v>218</v>
      </c>
      <c r="D35480" s="14" t="s">
        <v>169</v>
      </c>
      <c r="E35480" s="15">
        <v>45451</v>
      </c>
      <c r="F35480" s="14" t="s">
        <v>25</v>
      </c>
      <c r="G35480" s="16">
        <v>0.28144235238480497</v>
      </c>
    </row>
    <row r="35481" spans="1:7" x14ac:dyDescent="0.3">
      <c r="A35481" s="13" t="s">
        <v>217</v>
      </c>
      <c r="B35481" s="14" t="s">
        <v>1</v>
      </c>
      <c r="C35481" s="14" t="s">
        <v>218</v>
      </c>
      <c r="D35481" s="14" t="s">
        <v>169</v>
      </c>
      <c r="E35481" s="15">
        <v>45452</v>
      </c>
      <c r="F35481" s="14" t="s">
        <v>25</v>
      </c>
      <c r="G35481" s="16">
        <v>0.28144235238480497</v>
      </c>
    </row>
    <row r="35482" spans="1:7" x14ac:dyDescent="0.3">
      <c r="A35482" s="13" t="s">
        <v>217</v>
      </c>
      <c r="B35482" s="14" t="s">
        <v>1</v>
      </c>
      <c r="C35482" s="14" t="s">
        <v>218</v>
      </c>
      <c r="D35482" s="14" t="s">
        <v>169</v>
      </c>
      <c r="E35482" s="15">
        <v>45453</v>
      </c>
      <c r="F35482" s="14" t="s">
        <v>25</v>
      </c>
      <c r="G35482" s="16">
        <v>0.2857983965815894</v>
      </c>
    </row>
    <row r="35483" spans="1:7" x14ac:dyDescent="0.3">
      <c r="A35483" s="13" t="s">
        <v>217</v>
      </c>
      <c r="B35483" s="14" t="s">
        <v>1</v>
      </c>
      <c r="C35483" s="14" t="s">
        <v>218</v>
      </c>
      <c r="D35483" s="14" t="s">
        <v>169</v>
      </c>
      <c r="E35483" s="15">
        <v>45454</v>
      </c>
      <c r="F35483" s="14" t="s">
        <v>25</v>
      </c>
      <c r="G35483" s="16">
        <v>0.29542006577837376</v>
      </c>
    </row>
    <row r="35484" spans="1:7" x14ac:dyDescent="0.3">
      <c r="A35484" s="13" t="s">
        <v>217</v>
      </c>
      <c r="B35484" s="14" t="s">
        <v>1</v>
      </c>
      <c r="C35484" s="14" t="s">
        <v>218</v>
      </c>
      <c r="D35484" s="14" t="s">
        <v>169</v>
      </c>
      <c r="E35484" s="15">
        <v>45455</v>
      </c>
      <c r="F35484" s="14" t="s">
        <v>25</v>
      </c>
      <c r="G35484" s="16">
        <v>0.29860423497515814</v>
      </c>
    </row>
    <row r="35485" spans="1:7" x14ac:dyDescent="0.3">
      <c r="A35485" s="13" t="s">
        <v>217</v>
      </c>
      <c r="B35485" s="14" t="s">
        <v>1</v>
      </c>
      <c r="C35485" s="14" t="s">
        <v>218</v>
      </c>
      <c r="D35485" s="14" t="s">
        <v>169</v>
      </c>
      <c r="E35485" s="15">
        <v>45456</v>
      </c>
      <c r="F35485" s="14" t="s">
        <v>25</v>
      </c>
      <c r="G35485" s="16">
        <v>0.30172590417194251</v>
      </c>
    </row>
    <row r="35486" spans="1:7" x14ac:dyDescent="0.3">
      <c r="A35486" s="13" t="s">
        <v>217</v>
      </c>
      <c r="B35486" s="14" t="s">
        <v>1</v>
      </c>
      <c r="C35486" s="14" t="s">
        <v>218</v>
      </c>
      <c r="D35486" s="14" t="s">
        <v>169</v>
      </c>
      <c r="E35486" s="15">
        <v>45457</v>
      </c>
      <c r="F35486" s="14" t="s">
        <v>25</v>
      </c>
      <c r="G35486" s="16">
        <v>0.31397257336872686</v>
      </c>
    </row>
    <row r="35487" spans="1:7" x14ac:dyDescent="0.3">
      <c r="A35487" s="13" t="s">
        <v>217</v>
      </c>
      <c r="B35487" s="14" t="s">
        <v>1</v>
      </c>
      <c r="C35487" s="14" t="s">
        <v>218</v>
      </c>
      <c r="D35487" s="14" t="s">
        <v>169</v>
      </c>
      <c r="E35487" s="15">
        <v>45458</v>
      </c>
      <c r="F35487" s="14" t="s">
        <v>25</v>
      </c>
      <c r="G35487" s="16">
        <v>0.31397257336872686</v>
      </c>
    </row>
    <row r="35488" spans="1:7" x14ac:dyDescent="0.3">
      <c r="A35488" s="13" t="s">
        <v>217</v>
      </c>
      <c r="B35488" s="14" t="s">
        <v>1</v>
      </c>
      <c r="C35488" s="14" t="s">
        <v>218</v>
      </c>
      <c r="D35488" s="14" t="s">
        <v>169</v>
      </c>
      <c r="E35488" s="15">
        <v>45459</v>
      </c>
      <c r="F35488" s="14" t="s">
        <v>25</v>
      </c>
      <c r="G35488" s="16">
        <v>0.31397257336872686</v>
      </c>
    </row>
    <row r="35489" spans="1:7" x14ac:dyDescent="0.3">
      <c r="A35489" s="13" t="s">
        <v>217</v>
      </c>
      <c r="B35489" s="14" t="s">
        <v>1</v>
      </c>
      <c r="C35489" s="14" t="s">
        <v>218</v>
      </c>
      <c r="D35489" s="14" t="s">
        <v>169</v>
      </c>
      <c r="E35489" s="15">
        <v>45460</v>
      </c>
      <c r="F35489" s="14" t="s">
        <v>25</v>
      </c>
      <c r="G35489" s="16">
        <v>0.31714111756551122</v>
      </c>
    </row>
    <row r="35490" spans="1:7" x14ac:dyDescent="0.3">
      <c r="A35490" s="13" t="s">
        <v>217</v>
      </c>
      <c r="B35490" s="14" t="s">
        <v>1</v>
      </c>
      <c r="C35490" s="14" t="s">
        <v>218</v>
      </c>
      <c r="D35490" s="14" t="s">
        <v>169</v>
      </c>
      <c r="E35490" s="15">
        <v>45461</v>
      </c>
      <c r="F35490" s="14" t="s">
        <v>25</v>
      </c>
      <c r="G35490" s="16">
        <v>0.32674716176229557</v>
      </c>
    </row>
    <row r="35491" spans="1:7" x14ac:dyDescent="0.3">
      <c r="A35491" s="13" t="s">
        <v>217</v>
      </c>
      <c r="B35491" s="14" t="s">
        <v>1</v>
      </c>
      <c r="C35491" s="14" t="s">
        <v>218</v>
      </c>
      <c r="D35491" s="14" t="s">
        <v>169</v>
      </c>
      <c r="E35491" s="15">
        <v>45462</v>
      </c>
      <c r="F35491" s="14" t="s">
        <v>25</v>
      </c>
      <c r="G35491" s="16">
        <v>0.32986883095907993</v>
      </c>
    </row>
    <row r="35492" spans="1:7" x14ac:dyDescent="0.3">
      <c r="A35492" s="13" t="s">
        <v>217</v>
      </c>
      <c r="B35492" s="14" t="s">
        <v>1</v>
      </c>
      <c r="C35492" s="14" t="s">
        <v>218</v>
      </c>
      <c r="D35492" s="14" t="s">
        <v>169</v>
      </c>
      <c r="E35492" s="15">
        <v>45463</v>
      </c>
      <c r="F35492" s="14" t="s">
        <v>25</v>
      </c>
      <c r="G35492" s="16">
        <v>0.33299050015586429</v>
      </c>
    </row>
    <row r="35493" spans="1:7" x14ac:dyDescent="0.3">
      <c r="A35493" s="13" t="s">
        <v>217</v>
      </c>
      <c r="B35493" s="14" t="s">
        <v>1</v>
      </c>
      <c r="C35493" s="14" t="s">
        <v>218</v>
      </c>
      <c r="D35493" s="14" t="s">
        <v>169</v>
      </c>
      <c r="E35493" s="15">
        <v>45464</v>
      </c>
      <c r="F35493" s="14" t="s">
        <v>25</v>
      </c>
      <c r="G35493" s="16">
        <v>0.33614341935264869</v>
      </c>
    </row>
    <row r="35494" spans="1:7" x14ac:dyDescent="0.3">
      <c r="A35494" s="13" t="s">
        <v>217</v>
      </c>
      <c r="B35494" s="14" t="s">
        <v>1</v>
      </c>
      <c r="C35494" s="14" t="s">
        <v>218</v>
      </c>
      <c r="D35494" s="14" t="s">
        <v>169</v>
      </c>
      <c r="E35494" s="15">
        <v>45465</v>
      </c>
      <c r="F35494" s="14" t="s">
        <v>25</v>
      </c>
      <c r="G35494" s="16">
        <v>0.33614341935264869</v>
      </c>
    </row>
    <row r="35495" spans="1:7" x14ac:dyDescent="0.3">
      <c r="A35495" s="13" t="s">
        <v>217</v>
      </c>
      <c r="B35495" s="14" t="s">
        <v>1</v>
      </c>
      <c r="C35495" s="14" t="s">
        <v>218</v>
      </c>
      <c r="D35495" s="14" t="s">
        <v>169</v>
      </c>
      <c r="E35495" s="15">
        <v>45466</v>
      </c>
      <c r="F35495" s="14" t="s">
        <v>25</v>
      </c>
      <c r="G35495" s="16">
        <v>0.33614341935264869</v>
      </c>
    </row>
    <row r="35496" spans="1:7" x14ac:dyDescent="0.3">
      <c r="A35496" s="13" t="s">
        <v>217</v>
      </c>
      <c r="B35496" s="14" t="s">
        <v>1</v>
      </c>
      <c r="C35496" s="14" t="s">
        <v>218</v>
      </c>
      <c r="D35496" s="14" t="s">
        <v>169</v>
      </c>
      <c r="E35496" s="15">
        <v>45467</v>
      </c>
      <c r="F35496" s="14" t="s">
        <v>25</v>
      </c>
      <c r="G35496" s="16">
        <v>0.34849946354943306</v>
      </c>
    </row>
    <row r="35497" spans="1:7" x14ac:dyDescent="0.3">
      <c r="A35497" s="13" t="s">
        <v>217</v>
      </c>
      <c r="B35497" s="14" t="s">
        <v>1</v>
      </c>
      <c r="C35497" s="14" t="s">
        <v>218</v>
      </c>
      <c r="D35497" s="14" t="s">
        <v>169</v>
      </c>
      <c r="E35497" s="15">
        <v>45468</v>
      </c>
      <c r="F35497" s="14" t="s">
        <v>25</v>
      </c>
      <c r="G35497" s="16">
        <v>0.35787113274621746</v>
      </c>
    </row>
    <row r="35498" spans="1:7" x14ac:dyDescent="0.3">
      <c r="A35498" s="13" t="s">
        <v>217</v>
      </c>
      <c r="B35498" s="14" t="s">
        <v>1</v>
      </c>
      <c r="C35498" s="14" t="s">
        <v>218</v>
      </c>
      <c r="D35498" s="14" t="s">
        <v>169</v>
      </c>
      <c r="E35498" s="15">
        <v>45469</v>
      </c>
      <c r="F35498" s="14" t="s">
        <v>25</v>
      </c>
      <c r="G35498" s="16">
        <v>0.36096155194300183</v>
      </c>
    </row>
    <row r="35499" spans="1:7" x14ac:dyDescent="0.3">
      <c r="A35499" s="13" t="s">
        <v>217</v>
      </c>
      <c r="B35499" s="14" t="s">
        <v>1</v>
      </c>
      <c r="C35499" s="14" t="s">
        <v>218</v>
      </c>
      <c r="D35499" s="14" t="s">
        <v>169</v>
      </c>
      <c r="E35499" s="15">
        <v>45470</v>
      </c>
      <c r="F35499" s="14" t="s">
        <v>25</v>
      </c>
      <c r="G35499" s="16">
        <v>0.36406759613978623</v>
      </c>
    </row>
    <row r="35500" spans="1:7" x14ac:dyDescent="0.3">
      <c r="A35500" s="13" t="s">
        <v>217</v>
      </c>
      <c r="B35500" s="14" t="s">
        <v>1</v>
      </c>
      <c r="C35500" s="14" t="s">
        <v>218</v>
      </c>
      <c r="D35500" s="14" t="s">
        <v>169</v>
      </c>
      <c r="E35500" s="15">
        <v>45471</v>
      </c>
      <c r="F35500" s="14" t="s">
        <v>25</v>
      </c>
      <c r="G35500" s="16">
        <v>0.36615801533657055</v>
      </c>
    </row>
    <row r="35501" spans="1:7" x14ac:dyDescent="0.3">
      <c r="A35501" s="13" t="s">
        <v>217</v>
      </c>
      <c r="B35501" s="14" t="s">
        <v>1</v>
      </c>
      <c r="C35501" s="14" t="s">
        <v>218</v>
      </c>
      <c r="D35501" s="14" t="s">
        <v>169</v>
      </c>
      <c r="E35501" s="15">
        <v>45472</v>
      </c>
      <c r="F35501" s="14" t="s">
        <v>25</v>
      </c>
      <c r="G35501" s="16">
        <v>0.36615801533657055</v>
      </c>
    </row>
    <row r="35502" spans="1:7" x14ac:dyDescent="0.3">
      <c r="A35502" s="13" t="s">
        <v>217</v>
      </c>
      <c r="B35502" s="14" t="s">
        <v>1</v>
      </c>
      <c r="C35502" s="14" t="s">
        <v>218</v>
      </c>
      <c r="D35502" s="14" t="s">
        <v>169</v>
      </c>
      <c r="E35502" s="15">
        <v>45473</v>
      </c>
      <c r="F35502" s="14" t="s">
        <v>25</v>
      </c>
      <c r="G35502" s="16">
        <v>0.36615801533657055</v>
      </c>
    </row>
    <row r="35503" spans="1:7" x14ac:dyDescent="0.3">
      <c r="A35503" s="13" t="s">
        <v>217</v>
      </c>
      <c r="B35503" s="14" t="s">
        <v>1</v>
      </c>
      <c r="C35503" s="14" t="s">
        <v>218</v>
      </c>
      <c r="D35503" s="14" t="s">
        <v>169</v>
      </c>
      <c r="E35503" s="15">
        <v>45474</v>
      </c>
      <c r="F35503" s="14" t="s">
        <v>25</v>
      </c>
      <c r="G35503" s="16">
        <v>0.36927968453335491</v>
      </c>
    </row>
    <row r="35504" spans="1:7" x14ac:dyDescent="0.3">
      <c r="A35504" s="13" t="s">
        <v>217</v>
      </c>
      <c r="B35504" s="14" t="s">
        <v>1</v>
      </c>
      <c r="C35504" s="14" t="s">
        <v>218</v>
      </c>
      <c r="D35504" s="14" t="s">
        <v>169</v>
      </c>
      <c r="E35504" s="15">
        <v>45475</v>
      </c>
      <c r="F35504" s="14" t="s">
        <v>25</v>
      </c>
      <c r="G35504" s="16">
        <v>0.3824169787301393</v>
      </c>
    </row>
    <row r="35505" spans="1:7" x14ac:dyDescent="0.3">
      <c r="A35505" s="13" t="s">
        <v>217</v>
      </c>
      <c r="B35505" s="14" t="s">
        <v>1</v>
      </c>
      <c r="C35505" s="14" t="s">
        <v>218</v>
      </c>
      <c r="D35505" s="14" t="s">
        <v>169</v>
      </c>
      <c r="E35505" s="15">
        <v>45476</v>
      </c>
      <c r="F35505" s="14" t="s">
        <v>25</v>
      </c>
      <c r="G35505" s="16">
        <v>0.3850698979269237</v>
      </c>
    </row>
    <row r="35506" spans="1:7" x14ac:dyDescent="0.3">
      <c r="A35506" s="13" t="s">
        <v>217</v>
      </c>
      <c r="B35506" s="14" t="s">
        <v>1</v>
      </c>
      <c r="C35506" s="14" t="s">
        <v>218</v>
      </c>
      <c r="D35506" s="14" t="s">
        <v>169</v>
      </c>
      <c r="E35506" s="15">
        <v>45477</v>
      </c>
      <c r="F35506" s="14" t="s">
        <v>25</v>
      </c>
      <c r="G35506" s="16">
        <v>0.38808219212370804</v>
      </c>
    </row>
    <row r="35507" spans="1:7" x14ac:dyDescent="0.3">
      <c r="A35507" s="13" t="s">
        <v>217</v>
      </c>
      <c r="B35507" s="14" t="s">
        <v>1</v>
      </c>
      <c r="C35507" s="14" t="s">
        <v>218</v>
      </c>
      <c r="D35507" s="14" t="s">
        <v>169</v>
      </c>
      <c r="E35507" s="15">
        <v>45478</v>
      </c>
      <c r="F35507" s="14" t="s">
        <v>25</v>
      </c>
      <c r="G35507" s="16">
        <v>0.39154761132049243</v>
      </c>
    </row>
    <row r="35508" spans="1:7" x14ac:dyDescent="0.3">
      <c r="A35508" s="13" t="s">
        <v>217</v>
      </c>
      <c r="B35508" s="14" t="s">
        <v>1</v>
      </c>
      <c r="C35508" s="14" t="s">
        <v>218</v>
      </c>
      <c r="D35508" s="14" t="s">
        <v>169</v>
      </c>
      <c r="E35508" s="15">
        <v>45479</v>
      </c>
      <c r="F35508" s="14" t="s">
        <v>25</v>
      </c>
      <c r="G35508" s="16">
        <v>0.39154761132049243</v>
      </c>
    </row>
    <row r="35509" spans="1:7" x14ac:dyDescent="0.3">
      <c r="A35509" s="13" t="s">
        <v>217</v>
      </c>
      <c r="B35509" s="14" t="s">
        <v>1</v>
      </c>
      <c r="C35509" s="14" t="s">
        <v>218</v>
      </c>
      <c r="D35509" s="14" t="s">
        <v>169</v>
      </c>
      <c r="E35509" s="15">
        <v>45480</v>
      </c>
      <c r="F35509" s="14" t="s">
        <v>25</v>
      </c>
      <c r="G35509" s="16">
        <v>0.39154761132049243</v>
      </c>
    </row>
    <row r="35510" spans="1:7" x14ac:dyDescent="0.3">
      <c r="A35510" s="13" t="s">
        <v>217</v>
      </c>
      <c r="B35510" s="14" t="s">
        <v>1</v>
      </c>
      <c r="C35510" s="14" t="s">
        <v>218</v>
      </c>
      <c r="D35510" s="14" t="s">
        <v>169</v>
      </c>
      <c r="E35510" s="15">
        <v>45481</v>
      </c>
      <c r="F35510" s="14" t="s">
        <v>25</v>
      </c>
      <c r="G35510" s="16">
        <v>0.39451303051727676</v>
      </c>
    </row>
    <row r="35511" spans="1:7" x14ac:dyDescent="0.3">
      <c r="A35511" s="13" t="s">
        <v>217</v>
      </c>
      <c r="B35511" s="14" t="s">
        <v>1</v>
      </c>
      <c r="C35511" s="14" t="s">
        <v>218</v>
      </c>
      <c r="D35511" s="14" t="s">
        <v>169</v>
      </c>
      <c r="E35511" s="15">
        <v>45482</v>
      </c>
      <c r="F35511" s="14" t="s">
        <v>25</v>
      </c>
      <c r="G35511" s="16">
        <v>0.40372844971406108</v>
      </c>
    </row>
    <row r="35512" spans="1:7" x14ac:dyDescent="0.3">
      <c r="A35512" s="13" t="s">
        <v>217</v>
      </c>
      <c r="B35512" s="14" t="s">
        <v>1</v>
      </c>
      <c r="C35512" s="14" t="s">
        <v>218</v>
      </c>
      <c r="D35512" s="14" t="s">
        <v>169</v>
      </c>
      <c r="E35512" s="15">
        <v>45483</v>
      </c>
      <c r="F35512" s="14" t="s">
        <v>25</v>
      </c>
      <c r="G35512" s="16">
        <v>0.41069386891084536</v>
      </c>
    </row>
    <row r="35513" spans="1:7" x14ac:dyDescent="0.3">
      <c r="A35513" s="13" t="s">
        <v>217</v>
      </c>
      <c r="B35513" s="14" t="s">
        <v>1</v>
      </c>
      <c r="C35513" s="14" t="s">
        <v>218</v>
      </c>
      <c r="D35513" s="14" t="s">
        <v>169</v>
      </c>
      <c r="E35513" s="15">
        <v>45484</v>
      </c>
      <c r="F35513" s="14" t="s">
        <v>25</v>
      </c>
      <c r="G35513" s="16">
        <v>0.41365928810762964</v>
      </c>
    </row>
    <row r="35514" spans="1:7" x14ac:dyDescent="0.3">
      <c r="A35514" s="13" t="s">
        <v>217</v>
      </c>
      <c r="B35514" s="14" t="s">
        <v>1</v>
      </c>
      <c r="C35514" s="14" t="s">
        <v>218</v>
      </c>
      <c r="D35514" s="14" t="s">
        <v>169</v>
      </c>
      <c r="E35514" s="15">
        <v>45485</v>
      </c>
      <c r="F35514" s="14" t="s">
        <v>25</v>
      </c>
      <c r="G35514" s="16">
        <v>0.41662470730441398</v>
      </c>
    </row>
    <row r="35515" spans="1:7" x14ac:dyDescent="0.3">
      <c r="A35515" s="13" t="s">
        <v>217</v>
      </c>
      <c r="B35515" s="14" t="s">
        <v>1</v>
      </c>
      <c r="C35515" s="14" t="s">
        <v>218</v>
      </c>
      <c r="D35515" s="14" t="s">
        <v>169</v>
      </c>
      <c r="E35515" s="15">
        <v>45486</v>
      </c>
      <c r="F35515" s="14" t="s">
        <v>25</v>
      </c>
      <c r="G35515" s="16">
        <v>0.41662470730441398</v>
      </c>
    </row>
    <row r="35516" spans="1:7" x14ac:dyDescent="0.3">
      <c r="A35516" s="13" t="s">
        <v>217</v>
      </c>
      <c r="B35516" s="14" t="s">
        <v>1</v>
      </c>
      <c r="C35516" s="14" t="s">
        <v>218</v>
      </c>
      <c r="D35516" s="14" t="s">
        <v>169</v>
      </c>
      <c r="E35516" s="15">
        <v>45487</v>
      </c>
      <c r="F35516" s="14" t="s">
        <v>25</v>
      </c>
      <c r="G35516" s="16">
        <v>0.41662470730441398</v>
      </c>
    </row>
    <row r="35517" spans="1:7" x14ac:dyDescent="0.3">
      <c r="A35517" s="13" t="s">
        <v>217</v>
      </c>
      <c r="B35517" s="14" t="s">
        <v>1</v>
      </c>
      <c r="C35517" s="14" t="s">
        <v>218</v>
      </c>
      <c r="D35517" s="14" t="s">
        <v>169</v>
      </c>
      <c r="E35517" s="15">
        <v>45488</v>
      </c>
      <c r="F35517" s="14" t="s">
        <v>25</v>
      </c>
      <c r="G35517" s="16">
        <v>0.41959012650119831</v>
      </c>
    </row>
    <row r="35518" spans="1:7" x14ac:dyDescent="0.3">
      <c r="A35518" s="13" t="s">
        <v>217</v>
      </c>
      <c r="B35518" s="14" t="s">
        <v>1</v>
      </c>
      <c r="C35518" s="14" t="s">
        <v>218</v>
      </c>
      <c r="D35518" s="14" t="s">
        <v>169</v>
      </c>
      <c r="E35518" s="15">
        <v>45489</v>
      </c>
      <c r="F35518" s="14" t="s">
        <v>25</v>
      </c>
      <c r="G35518" s="16">
        <v>0.42855554569798288</v>
      </c>
    </row>
    <row r="35519" spans="1:7" x14ac:dyDescent="0.3">
      <c r="A35519" s="13" t="s">
        <v>217</v>
      </c>
      <c r="B35519" s="14" t="s">
        <v>1</v>
      </c>
      <c r="C35519" s="14" t="s">
        <v>218</v>
      </c>
      <c r="D35519" s="14" t="s">
        <v>169</v>
      </c>
      <c r="E35519" s="15">
        <v>45490</v>
      </c>
      <c r="F35519" s="14" t="s">
        <v>25</v>
      </c>
      <c r="G35519" s="16">
        <v>0.43127096489476741</v>
      </c>
    </row>
    <row r="35520" spans="1:7" x14ac:dyDescent="0.3">
      <c r="A35520" s="13" t="s">
        <v>217</v>
      </c>
      <c r="B35520" s="14" t="s">
        <v>1</v>
      </c>
      <c r="C35520" s="14" t="s">
        <v>218</v>
      </c>
      <c r="D35520" s="14" t="s">
        <v>169</v>
      </c>
      <c r="E35520" s="15">
        <v>45491</v>
      </c>
      <c r="F35520" s="14" t="s">
        <v>25</v>
      </c>
      <c r="G35520" s="16">
        <v>0.43398638409155199</v>
      </c>
    </row>
    <row r="35521" spans="1:7" x14ac:dyDescent="0.3">
      <c r="A35521" s="13" t="s">
        <v>217</v>
      </c>
      <c r="B35521" s="14" t="s">
        <v>1</v>
      </c>
      <c r="C35521" s="14" t="s">
        <v>218</v>
      </c>
      <c r="D35521" s="14" t="s">
        <v>169</v>
      </c>
      <c r="E35521" s="15">
        <v>45492</v>
      </c>
      <c r="F35521" s="14" t="s">
        <v>25</v>
      </c>
      <c r="G35521" s="16">
        <v>0.47920180328833623</v>
      </c>
    </row>
    <row r="35522" spans="1:7" x14ac:dyDescent="0.3">
      <c r="A35522" s="13" t="s">
        <v>217</v>
      </c>
      <c r="B35522" s="14" t="s">
        <v>1</v>
      </c>
      <c r="C35522" s="14" t="s">
        <v>218</v>
      </c>
      <c r="D35522" s="14" t="s">
        <v>169</v>
      </c>
      <c r="E35522" s="15">
        <v>45493</v>
      </c>
      <c r="F35522" s="14" t="s">
        <v>25</v>
      </c>
      <c r="G35522" s="16">
        <v>0.47920180328833623</v>
      </c>
    </row>
    <row r="35523" spans="1:7" x14ac:dyDescent="0.3">
      <c r="A35523" s="13" t="s">
        <v>217</v>
      </c>
      <c r="B35523" s="14" t="s">
        <v>1</v>
      </c>
      <c r="C35523" s="14" t="s">
        <v>218</v>
      </c>
      <c r="D35523" s="14" t="s">
        <v>169</v>
      </c>
      <c r="E35523" s="15">
        <v>45494</v>
      </c>
      <c r="F35523" s="14" t="s">
        <v>25</v>
      </c>
      <c r="G35523" s="16">
        <v>0.47920180328833623</v>
      </c>
    </row>
    <row r="35524" spans="1:7" x14ac:dyDescent="0.3">
      <c r="A35524" s="13" t="s">
        <v>217</v>
      </c>
      <c r="B35524" s="14" t="s">
        <v>1</v>
      </c>
      <c r="C35524" s="14" t="s">
        <v>218</v>
      </c>
      <c r="D35524" s="14" t="s">
        <v>169</v>
      </c>
      <c r="E35524" s="15">
        <v>45495</v>
      </c>
      <c r="F35524" s="14" t="s">
        <v>25</v>
      </c>
      <c r="G35524" s="16">
        <v>0.48166722248512028</v>
      </c>
    </row>
    <row r="35525" spans="1:7" x14ac:dyDescent="0.3">
      <c r="A35525" s="13" t="s">
        <v>217</v>
      </c>
      <c r="B35525" s="14" t="s">
        <v>1</v>
      </c>
      <c r="C35525" s="14" t="s">
        <v>218</v>
      </c>
      <c r="D35525" s="14" t="s">
        <v>169</v>
      </c>
      <c r="E35525" s="15">
        <v>45496</v>
      </c>
      <c r="F35525" s="14" t="s">
        <v>25</v>
      </c>
      <c r="G35525" s="16">
        <v>0.49088264168190465</v>
      </c>
    </row>
    <row r="35526" spans="1:7" x14ac:dyDescent="0.3">
      <c r="A35526" s="13" t="s">
        <v>217</v>
      </c>
      <c r="B35526" s="14" t="s">
        <v>1</v>
      </c>
      <c r="C35526" s="14" t="s">
        <v>218</v>
      </c>
      <c r="D35526" s="14" t="s">
        <v>169</v>
      </c>
      <c r="E35526" s="15">
        <v>45497</v>
      </c>
      <c r="F35526" s="14" t="s">
        <v>25</v>
      </c>
      <c r="G35526" s="16">
        <v>0.49384806087868893</v>
      </c>
    </row>
    <row r="35527" spans="1:7" x14ac:dyDescent="0.3">
      <c r="A35527" s="13" t="s">
        <v>217</v>
      </c>
      <c r="B35527" s="14" t="s">
        <v>1</v>
      </c>
      <c r="C35527" s="14" t="s">
        <v>218</v>
      </c>
      <c r="D35527" s="14" t="s">
        <v>169</v>
      </c>
      <c r="E35527" s="15">
        <v>45498</v>
      </c>
      <c r="F35527" s="14" t="s">
        <v>25</v>
      </c>
      <c r="G35527" s="16">
        <v>0.49681348007547327</v>
      </c>
    </row>
    <row r="35528" spans="1:7" x14ac:dyDescent="0.3">
      <c r="A35528" s="13" t="s">
        <v>217</v>
      </c>
      <c r="B35528" s="14" t="s">
        <v>1</v>
      </c>
      <c r="C35528" s="14" t="s">
        <v>218</v>
      </c>
      <c r="D35528" s="14" t="s">
        <v>169</v>
      </c>
      <c r="E35528" s="15">
        <v>45499</v>
      </c>
      <c r="F35528" s="14" t="s">
        <v>25</v>
      </c>
      <c r="G35528" s="16">
        <v>0.4997788992722576</v>
      </c>
    </row>
    <row r="35529" spans="1:7" x14ac:dyDescent="0.3">
      <c r="A35529" s="13" t="s">
        <v>217</v>
      </c>
      <c r="B35529" s="14" t="s">
        <v>1</v>
      </c>
      <c r="C35529" s="14" t="s">
        <v>218</v>
      </c>
      <c r="D35529" s="14" t="s">
        <v>169</v>
      </c>
      <c r="E35529" s="15">
        <v>45500</v>
      </c>
      <c r="F35529" s="14" t="s">
        <v>25</v>
      </c>
      <c r="G35529" s="16">
        <v>0.4997788992722576</v>
      </c>
    </row>
    <row r="35530" spans="1:7" x14ac:dyDescent="0.3">
      <c r="A35530" s="13" t="s">
        <v>217</v>
      </c>
      <c r="B35530" s="14" t="s">
        <v>1</v>
      </c>
      <c r="C35530" s="14" t="s">
        <v>218</v>
      </c>
      <c r="D35530" s="14" t="s">
        <v>169</v>
      </c>
      <c r="E35530" s="15">
        <v>45501</v>
      </c>
      <c r="F35530" s="14" t="s">
        <v>25</v>
      </c>
      <c r="G35530" s="16">
        <v>0.4997788992722576</v>
      </c>
    </row>
    <row r="35531" spans="1:7" x14ac:dyDescent="0.3">
      <c r="A35531" s="13" t="s">
        <v>217</v>
      </c>
      <c r="B35531" s="14" t="s">
        <v>1</v>
      </c>
      <c r="C35531" s="14" t="s">
        <v>218</v>
      </c>
      <c r="D35531" s="14" t="s">
        <v>169</v>
      </c>
      <c r="E35531" s="15">
        <v>45502</v>
      </c>
      <c r="F35531" s="14" t="s">
        <v>25</v>
      </c>
      <c r="G35531" s="16">
        <v>0.50274431846904188</v>
      </c>
    </row>
    <row r="35532" spans="1:7" x14ac:dyDescent="0.3">
      <c r="A35532" s="13" t="s">
        <v>217</v>
      </c>
      <c r="B35532" s="14" t="s">
        <v>1</v>
      </c>
      <c r="C35532" s="14" t="s">
        <v>218</v>
      </c>
      <c r="D35532" s="14" t="s">
        <v>169</v>
      </c>
      <c r="E35532" s="15">
        <v>45503</v>
      </c>
      <c r="F35532" s="14" t="s">
        <v>25</v>
      </c>
      <c r="G35532" s="16">
        <v>0.51195973766582625</v>
      </c>
    </row>
    <row r="35533" spans="1:7" x14ac:dyDescent="0.3">
      <c r="A35533" s="13" t="s">
        <v>217</v>
      </c>
      <c r="B35533" s="14" t="s">
        <v>1</v>
      </c>
      <c r="C35533" s="14" t="s">
        <v>218</v>
      </c>
      <c r="D35533" s="14" t="s">
        <v>169</v>
      </c>
      <c r="E35533" s="15">
        <v>45504</v>
      </c>
      <c r="F35533" s="14" t="s">
        <v>25</v>
      </c>
      <c r="G35533" s="16">
        <v>0.5176751568626109</v>
      </c>
    </row>
    <row r="35534" spans="1:7" x14ac:dyDescent="0.3">
      <c r="A35534" s="13" t="s">
        <v>217</v>
      </c>
      <c r="B35534" s="14" t="s">
        <v>1</v>
      </c>
      <c r="C35534" s="14" t="s">
        <v>218</v>
      </c>
      <c r="D35534" s="14" t="s">
        <v>169</v>
      </c>
      <c r="E35534" s="15">
        <v>45505</v>
      </c>
      <c r="F35534" s="14" t="s">
        <v>25</v>
      </c>
      <c r="G35534" s="16">
        <v>0.5176751568626109</v>
      </c>
    </row>
    <row r="35535" spans="1:7" x14ac:dyDescent="0.3">
      <c r="A35535" s="13" t="s">
        <v>217</v>
      </c>
      <c r="B35535" s="14" t="s">
        <v>1</v>
      </c>
      <c r="C35535" s="14" t="s">
        <v>218</v>
      </c>
      <c r="D35535" s="14" t="s">
        <v>169</v>
      </c>
      <c r="E35535" s="15">
        <v>45506</v>
      </c>
      <c r="F35535" s="14" t="s">
        <v>25</v>
      </c>
      <c r="G35535" s="16">
        <v>0.52064057605939529</v>
      </c>
    </row>
    <row r="35536" spans="1:7" x14ac:dyDescent="0.3">
      <c r="A35536" s="13" t="s">
        <v>217</v>
      </c>
      <c r="B35536" s="14" t="s">
        <v>1</v>
      </c>
      <c r="C35536" s="14" t="s">
        <v>218</v>
      </c>
      <c r="D35536" s="14" t="s">
        <v>169</v>
      </c>
      <c r="E35536" s="15">
        <v>45507</v>
      </c>
      <c r="F35536" s="14" t="s">
        <v>25</v>
      </c>
      <c r="G35536" s="16">
        <v>0.52064057605939529</v>
      </c>
    </row>
    <row r="35537" spans="1:7" x14ac:dyDescent="0.3">
      <c r="A35537" s="13" t="s">
        <v>217</v>
      </c>
      <c r="B35537" s="14" t="s">
        <v>1</v>
      </c>
      <c r="C35537" s="14" t="s">
        <v>218</v>
      </c>
      <c r="D35537" s="14" t="s">
        <v>169</v>
      </c>
      <c r="E35537" s="15">
        <v>45508</v>
      </c>
      <c r="F35537" s="14" t="s">
        <v>25</v>
      </c>
      <c r="G35537" s="16">
        <v>0.52064057605939529</v>
      </c>
    </row>
    <row r="35538" spans="1:7" x14ac:dyDescent="0.3">
      <c r="A35538" s="13" t="s">
        <v>217</v>
      </c>
      <c r="B35538" s="14" t="s">
        <v>1</v>
      </c>
      <c r="C35538" s="14" t="s">
        <v>218</v>
      </c>
      <c r="D35538" s="14" t="s">
        <v>169</v>
      </c>
      <c r="E35538" s="15">
        <v>45509</v>
      </c>
      <c r="F35538" s="14" t="s">
        <v>25</v>
      </c>
      <c r="G35538" s="16">
        <v>0.52064057605939529</v>
      </c>
    </row>
    <row r="35539" spans="1:7" x14ac:dyDescent="0.3">
      <c r="A35539" s="13" t="s">
        <v>217</v>
      </c>
      <c r="B35539" s="14" t="s">
        <v>1</v>
      </c>
      <c r="C35539" s="14" t="s">
        <v>218</v>
      </c>
      <c r="D35539" s="14" t="s">
        <v>169</v>
      </c>
      <c r="E35539" s="15">
        <v>45510</v>
      </c>
      <c r="F35539" s="14" t="s">
        <v>25</v>
      </c>
      <c r="G35539" s="16">
        <v>0.52835599525617949</v>
      </c>
    </row>
    <row r="35540" spans="1:7" x14ac:dyDescent="0.3">
      <c r="A35540" s="13" t="s">
        <v>217</v>
      </c>
      <c r="B35540" s="14" t="s">
        <v>1</v>
      </c>
      <c r="C35540" s="14" t="s">
        <v>218</v>
      </c>
      <c r="D35540" s="14" t="s">
        <v>169</v>
      </c>
      <c r="E35540" s="15">
        <v>45511</v>
      </c>
      <c r="F35540" s="14" t="s">
        <v>25</v>
      </c>
      <c r="G35540" s="16">
        <v>0.55782141445296385</v>
      </c>
    </row>
    <row r="35541" spans="1:7" x14ac:dyDescent="0.3">
      <c r="A35541" s="13" t="s">
        <v>217</v>
      </c>
      <c r="B35541" s="14" t="s">
        <v>1</v>
      </c>
      <c r="C35541" s="14" t="s">
        <v>218</v>
      </c>
      <c r="D35541" s="14" t="s">
        <v>169</v>
      </c>
      <c r="E35541" s="15">
        <v>45512</v>
      </c>
      <c r="F35541" s="14" t="s">
        <v>25</v>
      </c>
      <c r="G35541" s="16">
        <v>0.56078683364974891</v>
      </c>
    </row>
    <row r="35542" spans="1:7" x14ac:dyDescent="0.3">
      <c r="A35542" s="13" t="s">
        <v>217</v>
      </c>
      <c r="B35542" s="14" t="s">
        <v>1</v>
      </c>
      <c r="C35542" s="14" t="s">
        <v>218</v>
      </c>
      <c r="D35542" s="14" t="s">
        <v>169</v>
      </c>
      <c r="E35542" s="15">
        <v>45513</v>
      </c>
      <c r="F35542" s="14" t="s">
        <v>25</v>
      </c>
      <c r="G35542" s="16">
        <v>0.56341891951319956</v>
      </c>
    </row>
    <row r="35543" spans="1:7" x14ac:dyDescent="0.3">
      <c r="A35543" s="13" t="s">
        <v>217</v>
      </c>
      <c r="B35543" s="14" t="s">
        <v>1</v>
      </c>
      <c r="C35543" s="14" t="s">
        <v>218</v>
      </c>
      <c r="D35543" s="14" t="s">
        <v>169</v>
      </c>
      <c r="E35543" s="15">
        <v>45514</v>
      </c>
      <c r="F35543" s="14" t="s">
        <v>25</v>
      </c>
      <c r="G35543" s="16">
        <v>0.56341891951319956</v>
      </c>
    </row>
    <row r="35544" spans="1:7" x14ac:dyDescent="0.3">
      <c r="A35544" s="13" t="s">
        <v>217</v>
      </c>
      <c r="B35544" s="14" t="s">
        <v>1</v>
      </c>
      <c r="C35544" s="14" t="s">
        <v>218</v>
      </c>
      <c r="D35544" s="14" t="s">
        <v>169</v>
      </c>
      <c r="E35544" s="15">
        <v>45515</v>
      </c>
      <c r="F35544" s="14" t="s">
        <v>25</v>
      </c>
      <c r="G35544" s="16">
        <v>0.56341891951319956</v>
      </c>
    </row>
    <row r="35545" spans="1:7" x14ac:dyDescent="0.3">
      <c r="A35545" s="13" t="s">
        <v>217</v>
      </c>
      <c r="B35545" s="14" t="s">
        <v>1</v>
      </c>
      <c r="C35545" s="14" t="s">
        <v>218</v>
      </c>
      <c r="D35545" s="14" t="s">
        <v>169</v>
      </c>
      <c r="E35545" s="15">
        <v>45516</v>
      </c>
      <c r="F35545" s="14" t="s">
        <v>25</v>
      </c>
      <c r="G35545" s="16">
        <v>0.5660510053766501</v>
      </c>
    </row>
    <row r="35546" spans="1:7" x14ac:dyDescent="0.3">
      <c r="A35546" s="13" t="s">
        <v>217</v>
      </c>
      <c r="B35546" s="14" t="s">
        <v>1</v>
      </c>
      <c r="C35546" s="14" t="s">
        <v>218</v>
      </c>
      <c r="D35546" s="14" t="s">
        <v>169</v>
      </c>
      <c r="E35546" s="15">
        <v>45517</v>
      </c>
      <c r="F35546" s="14" t="s">
        <v>25</v>
      </c>
      <c r="G35546" s="16">
        <v>0.57501642457343394</v>
      </c>
    </row>
    <row r="35547" spans="1:7" x14ac:dyDescent="0.3">
      <c r="A35547" s="13" t="s">
        <v>217</v>
      </c>
      <c r="B35547" s="14" t="s">
        <v>1</v>
      </c>
      <c r="C35547" s="14" t="s">
        <v>218</v>
      </c>
      <c r="D35547" s="14" t="s">
        <v>169</v>
      </c>
      <c r="E35547" s="15">
        <v>45518</v>
      </c>
      <c r="F35547" s="14" t="s">
        <v>25</v>
      </c>
      <c r="G35547" s="16">
        <v>0.57764851043688448</v>
      </c>
    </row>
    <row r="35548" spans="1:7" x14ac:dyDescent="0.3">
      <c r="A35548" s="13" t="s">
        <v>217</v>
      </c>
      <c r="B35548" s="14" t="s">
        <v>1</v>
      </c>
      <c r="C35548" s="14" t="s">
        <v>218</v>
      </c>
      <c r="D35548" s="14" t="s">
        <v>169</v>
      </c>
      <c r="E35548" s="15">
        <v>45519</v>
      </c>
      <c r="F35548" s="14" t="s">
        <v>25</v>
      </c>
      <c r="G35548" s="16">
        <v>0.58094726296700305</v>
      </c>
    </row>
    <row r="35549" spans="1:7" x14ac:dyDescent="0.3">
      <c r="A35549" s="13" t="s">
        <v>217</v>
      </c>
      <c r="B35549" s="14" t="s">
        <v>1</v>
      </c>
      <c r="C35549" s="14" t="s">
        <v>218</v>
      </c>
      <c r="D35549" s="14" t="s">
        <v>169</v>
      </c>
      <c r="E35549" s="15">
        <v>45520</v>
      </c>
      <c r="F35549" s="14" t="s">
        <v>25</v>
      </c>
      <c r="G35549" s="16">
        <v>0.58357934883045359</v>
      </c>
    </row>
    <row r="35550" spans="1:7" x14ac:dyDescent="0.3">
      <c r="A35550" s="13" t="s">
        <v>217</v>
      </c>
      <c r="B35550" s="14" t="s">
        <v>1</v>
      </c>
      <c r="C35550" s="14" t="s">
        <v>218</v>
      </c>
      <c r="D35550" s="14" t="s">
        <v>169</v>
      </c>
      <c r="E35550" s="15">
        <v>45521</v>
      </c>
      <c r="F35550" s="14" t="s">
        <v>25</v>
      </c>
      <c r="G35550" s="16">
        <v>0.58357934883045359</v>
      </c>
    </row>
    <row r="35551" spans="1:7" x14ac:dyDescent="0.3">
      <c r="A35551" s="13" t="s">
        <v>217</v>
      </c>
      <c r="B35551" s="14" t="s">
        <v>1</v>
      </c>
      <c r="C35551" s="14" t="s">
        <v>218</v>
      </c>
      <c r="D35551" s="14" t="s">
        <v>169</v>
      </c>
      <c r="E35551" s="15">
        <v>45522</v>
      </c>
      <c r="F35551" s="14" t="s">
        <v>25</v>
      </c>
      <c r="G35551" s="16">
        <v>0.58357934883045359</v>
      </c>
    </row>
    <row r="35552" spans="1:7" x14ac:dyDescent="0.3">
      <c r="A35552" s="13" t="s">
        <v>217</v>
      </c>
      <c r="B35552" s="14" t="s">
        <v>1</v>
      </c>
      <c r="C35552" s="14" t="s">
        <v>218</v>
      </c>
      <c r="D35552" s="14" t="s">
        <v>169</v>
      </c>
      <c r="E35552" s="15">
        <v>45523</v>
      </c>
      <c r="F35552" s="14" t="s">
        <v>25</v>
      </c>
      <c r="G35552" s="16">
        <v>0.58621143469390424</v>
      </c>
    </row>
    <row r="35553" spans="1:7" x14ac:dyDescent="0.3">
      <c r="A35553" s="13" t="s">
        <v>217</v>
      </c>
      <c r="B35553" s="14" t="s">
        <v>1</v>
      </c>
      <c r="C35553" s="14" t="s">
        <v>218</v>
      </c>
      <c r="D35553" s="14" t="s">
        <v>169</v>
      </c>
      <c r="E35553" s="15">
        <v>45524</v>
      </c>
      <c r="F35553" s="14" t="s">
        <v>25</v>
      </c>
      <c r="G35553" s="16">
        <v>0.59517685389068808</v>
      </c>
    </row>
    <row r="35554" spans="1:7" x14ac:dyDescent="0.3">
      <c r="A35554" s="13" t="s">
        <v>217</v>
      </c>
      <c r="B35554" s="14" t="s">
        <v>1</v>
      </c>
      <c r="C35554" s="14" t="s">
        <v>218</v>
      </c>
      <c r="D35554" s="14" t="s">
        <v>169</v>
      </c>
      <c r="E35554" s="15">
        <v>45525</v>
      </c>
      <c r="F35554" s="14" t="s">
        <v>25</v>
      </c>
      <c r="G35554" s="16">
        <v>0.59714227308747259</v>
      </c>
    </row>
    <row r="35555" spans="1:7" x14ac:dyDescent="0.3">
      <c r="A35555" s="13" t="s">
        <v>217</v>
      </c>
      <c r="B35555" s="14" t="s">
        <v>1</v>
      </c>
      <c r="C35555" s="14" t="s">
        <v>218</v>
      </c>
      <c r="D35555" s="14" t="s">
        <v>169</v>
      </c>
      <c r="E35555" s="15">
        <v>45526</v>
      </c>
      <c r="F35555" s="14" t="s">
        <v>25</v>
      </c>
      <c r="G35555" s="16">
        <v>0.62710769228425634</v>
      </c>
    </row>
    <row r="35556" spans="1:7" x14ac:dyDescent="0.3">
      <c r="A35556" s="13" t="s">
        <v>217</v>
      </c>
      <c r="B35556" s="14" t="s">
        <v>1</v>
      </c>
      <c r="C35556" s="14" t="s">
        <v>218</v>
      </c>
      <c r="D35556" s="14" t="s">
        <v>169</v>
      </c>
      <c r="E35556" s="15">
        <v>45527</v>
      </c>
      <c r="F35556" s="14" t="s">
        <v>25</v>
      </c>
      <c r="G35556" s="16">
        <v>0.62973977814770687</v>
      </c>
    </row>
    <row r="35557" spans="1:7" x14ac:dyDescent="0.3">
      <c r="A35557" s="13" t="s">
        <v>217</v>
      </c>
      <c r="B35557" s="14" t="s">
        <v>1</v>
      </c>
      <c r="C35557" s="14" t="s">
        <v>218</v>
      </c>
      <c r="D35557" s="14" t="s">
        <v>169</v>
      </c>
      <c r="E35557" s="15">
        <v>45528</v>
      </c>
      <c r="F35557" s="14" t="s">
        <v>25</v>
      </c>
      <c r="G35557" s="16">
        <v>0.62973977814770687</v>
      </c>
    </row>
    <row r="35558" spans="1:7" x14ac:dyDescent="0.3">
      <c r="A35558" s="13" t="s">
        <v>217</v>
      </c>
      <c r="B35558" s="14" t="s">
        <v>1</v>
      </c>
      <c r="C35558" s="14" t="s">
        <v>218</v>
      </c>
      <c r="D35558" s="14" t="s">
        <v>169</v>
      </c>
      <c r="E35558" s="15">
        <v>45529</v>
      </c>
      <c r="F35558" s="14" t="s">
        <v>25</v>
      </c>
      <c r="G35558" s="16">
        <v>0.62973977814770687</v>
      </c>
    </row>
    <row r="35559" spans="1:7" x14ac:dyDescent="0.3">
      <c r="A35559" s="13" t="s">
        <v>217</v>
      </c>
      <c r="B35559" s="14" t="s">
        <v>1</v>
      </c>
      <c r="C35559" s="14" t="s">
        <v>218</v>
      </c>
      <c r="D35559" s="14" t="s">
        <v>169</v>
      </c>
      <c r="E35559" s="15">
        <v>45530</v>
      </c>
      <c r="F35559" s="14" t="s">
        <v>25</v>
      </c>
      <c r="G35559" s="16">
        <v>0.63237186401115741</v>
      </c>
    </row>
    <row r="35560" spans="1:7" x14ac:dyDescent="0.3">
      <c r="A35560" s="13" t="s">
        <v>217</v>
      </c>
      <c r="B35560" s="14" t="s">
        <v>1</v>
      </c>
      <c r="C35560" s="14" t="s">
        <v>218</v>
      </c>
      <c r="D35560" s="14" t="s">
        <v>169</v>
      </c>
      <c r="E35560" s="15">
        <v>45531</v>
      </c>
      <c r="F35560" s="14" t="s">
        <v>25</v>
      </c>
      <c r="G35560" s="16">
        <v>0.64100394987460829</v>
      </c>
    </row>
    <row r="35561" spans="1:7" x14ac:dyDescent="0.3">
      <c r="A35561" s="13" t="s">
        <v>217</v>
      </c>
      <c r="B35561" s="14" t="s">
        <v>1</v>
      </c>
      <c r="C35561" s="14" t="s">
        <v>218</v>
      </c>
      <c r="D35561" s="14" t="s">
        <v>169</v>
      </c>
      <c r="E35561" s="15">
        <v>45532</v>
      </c>
      <c r="F35561" s="14" t="s">
        <v>25</v>
      </c>
      <c r="G35561" s="16">
        <v>0.64696936907139291</v>
      </c>
    </row>
    <row r="35562" spans="1:7" x14ac:dyDescent="0.3">
      <c r="A35562" s="13" t="s">
        <v>217</v>
      </c>
      <c r="B35562" s="14" t="s">
        <v>1</v>
      </c>
      <c r="C35562" s="14" t="s">
        <v>218</v>
      </c>
      <c r="D35562" s="14" t="s">
        <v>169</v>
      </c>
      <c r="E35562" s="15">
        <v>45533</v>
      </c>
      <c r="F35562" s="14" t="s">
        <v>25</v>
      </c>
      <c r="G35562" s="16">
        <v>0.64960145493484356</v>
      </c>
    </row>
    <row r="35563" spans="1:7" x14ac:dyDescent="0.3">
      <c r="A35563" s="13" t="s">
        <v>217</v>
      </c>
      <c r="B35563" s="14" t="s">
        <v>1</v>
      </c>
      <c r="C35563" s="14" t="s">
        <v>218</v>
      </c>
      <c r="D35563" s="14" t="s">
        <v>169</v>
      </c>
      <c r="E35563" s="15">
        <v>45534</v>
      </c>
      <c r="F35563" s="14" t="s">
        <v>25</v>
      </c>
      <c r="G35563" s="16">
        <v>0.6522335407982941</v>
      </c>
    </row>
    <row r="35564" spans="1:7" x14ac:dyDescent="0.3">
      <c r="A35564" s="13" t="s">
        <v>217</v>
      </c>
      <c r="B35564" s="14" t="s">
        <v>1</v>
      </c>
      <c r="C35564" s="14" t="s">
        <v>218</v>
      </c>
      <c r="D35564" s="14" t="s">
        <v>169</v>
      </c>
      <c r="E35564" s="15">
        <v>45535</v>
      </c>
      <c r="F35564" s="14" t="s">
        <v>25</v>
      </c>
      <c r="G35564" s="16">
        <v>0.6522335407982941</v>
      </c>
    </row>
    <row r="35565" spans="1:7" x14ac:dyDescent="0.3">
      <c r="A35565" s="13" t="s">
        <v>217</v>
      </c>
      <c r="B35565" s="14" t="s">
        <v>1</v>
      </c>
      <c r="C35565" s="14" t="s">
        <v>218</v>
      </c>
      <c r="D35565" s="14" t="s">
        <v>169</v>
      </c>
      <c r="E35565" s="15">
        <v>45536</v>
      </c>
      <c r="F35565" s="14" t="s">
        <v>25</v>
      </c>
      <c r="G35565" s="16">
        <v>0.6522335407982941</v>
      </c>
    </row>
    <row r="35566" spans="1:7" x14ac:dyDescent="0.3">
      <c r="A35566" s="13" t="s">
        <v>217</v>
      </c>
      <c r="B35566" s="14" t="s">
        <v>1</v>
      </c>
      <c r="C35566" s="14" t="s">
        <v>218</v>
      </c>
      <c r="D35566" s="14" t="s">
        <v>169</v>
      </c>
      <c r="E35566" s="15">
        <v>45537</v>
      </c>
      <c r="F35566" s="14" t="s">
        <v>25</v>
      </c>
      <c r="G35566" s="16">
        <v>0.65486562666174464</v>
      </c>
    </row>
    <row r="35567" spans="1:7" x14ac:dyDescent="0.3">
      <c r="A35567" s="13" t="s">
        <v>217</v>
      </c>
      <c r="B35567" s="14" t="s">
        <v>1</v>
      </c>
      <c r="C35567" s="14" t="s">
        <v>218</v>
      </c>
      <c r="D35567" s="14" t="s">
        <v>169</v>
      </c>
      <c r="E35567" s="15">
        <v>45538</v>
      </c>
      <c r="F35567" s="14" t="s">
        <v>25</v>
      </c>
      <c r="G35567" s="16">
        <v>0.66616437919186167</v>
      </c>
    </row>
    <row r="35568" spans="1:7" x14ac:dyDescent="0.3">
      <c r="A35568" s="13" t="s">
        <v>217</v>
      </c>
      <c r="B35568" s="14" t="s">
        <v>1</v>
      </c>
      <c r="C35568" s="14" t="s">
        <v>218</v>
      </c>
      <c r="D35568" s="14" t="s">
        <v>169</v>
      </c>
      <c r="E35568" s="15">
        <v>45539</v>
      </c>
      <c r="F35568" s="14" t="s">
        <v>25</v>
      </c>
      <c r="G35568" s="16">
        <v>0.66846313172197924</v>
      </c>
    </row>
    <row r="35569" spans="1:7" x14ac:dyDescent="0.3">
      <c r="A35569" s="13" t="s">
        <v>217</v>
      </c>
      <c r="B35569" s="14" t="s">
        <v>1</v>
      </c>
      <c r="C35569" s="14" t="s">
        <v>218</v>
      </c>
      <c r="D35569" s="14" t="s">
        <v>169</v>
      </c>
      <c r="E35569" s="15">
        <v>45540</v>
      </c>
      <c r="F35569" s="14" t="s">
        <v>25</v>
      </c>
      <c r="G35569" s="16">
        <v>0.67542855091876297</v>
      </c>
    </row>
    <row r="35570" spans="1:7" x14ac:dyDescent="0.3">
      <c r="A35570" s="13" t="s">
        <v>217</v>
      </c>
      <c r="B35570" s="14" t="s">
        <v>1</v>
      </c>
      <c r="C35570" s="14" t="s">
        <v>218</v>
      </c>
      <c r="D35570" s="14" t="s">
        <v>169</v>
      </c>
      <c r="E35570" s="15">
        <v>45541</v>
      </c>
      <c r="F35570" s="14" t="s">
        <v>25</v>
      </c>
      <c r="G35570" s="16">
        <v>0.67806063678221351</v>
      </c>
    </row>
    <row r="35571" spans="1:7" x14ac:dyDescent="0.3">
      <c r="A35571" s="13" t="s">
        <v>217</v>
      </c>
      <c r="B35571" s="14" t="s">
        <v>1</v>
      </c>
      <c r="C35571" s="14" t="s">
        <v>218</v>
      </c>
      <c r="D35571" s="14" t="s">
        <v>169</v>
      </c>
      <c r="E35571" s="15">
        <v>45542</v>
      </c>
      <c r="F35571" s="14" t="s">
        <v>25</v>
      </c>
      <c r="G35571" s="16">
        <v>0.67806063678221351</v>
      </c>
    </row>
    <row r="35572" spans="1:7" x14ac:dyDescent="0.3">
      <c r="A35572" s="13" t="s">
        <v>217</v>
      </c>
      <c r="B35572" s="14" t="s">
        <v>1</v>
      </c>
      <c r="C35572" s="14" t="s">
        <v>218</v>
      </c>
      <c r="D35572" s="14" t="s">
        <v>169</v>
      </c>
      <c r="E35572" s="15">
        <v>45543</v>
      </c>
      <c r="F35572" s="14" t="s">
        <v>25</v>
      </c>
      <c r="G35572" s="16">
        <v>0.67806063678221351</v>
      </c>
    </row>
    <row r="35573" spans="1:7" x14ac:dyDescent="0.3">
      <c r="A35573" s="13" t="s">
        <v>217</v>
      </c>
      <c r="B35573" s="14" t="s">
        <v>1</v>
      </c>
      <c r="C35573" s="14" t="s">
        <v>218</v>
      </c>
      <c r="D35573" s="14" t="s">
        <v>169</v>
      </c>
      <c r="E35573" s="15">
        <v>45544</v>
      </c>
      <c r="F35573" s="14" t="s">
        <v>25</v>
      </c>
      <c r="G35573" s="16">
        <v>0.68069272264566416</v>
      </c>
    </row>
    <row r="35574" spans="1:7" x14ac:dyDescent="0.3">
      <c r="A35574" s="13" t="s">
        <v>217</v>
      </c>
      <c r="B35574" s="14" t="s">
        <v>1</v>
      </c>
      <c r="C35574" s="14" t="s">
        <v>218</v>
      </c>
      <c r="D35574" s="14" t="s">
        <v>169</v>
      </c>
      <c r="E35574" s="15">
        <v>45545</v>
      </c>
      <c r="F35574" s="14" t="s">
        <v>25</v>
      </c>
      <c r="G35574" s="16">
        <v>0.68932480850911493</v>
      </c>
    </row>
    <row r="35575" spans="1:7" x14ac:dyDescent="0.3">
      <c r="A35575" s="13" t="s">
        <v>217</v>
      </c>
      <c r="B35575" s="14" t="s">
        <v>1</v>
      </c>
      <c r="C35575" s="14" t="s">
        <v>218</v>
      </c>
      <c r="D35575" s="14" t="s">
        <v>169</v>
      </c>
      <c r="E35575" s="15">
        <v>45546</v>
      </c>
      <c r="F35575" s="14" t="s">
        <v>25</v>
      </c>
      <c r="G35575" s="16">
        <v>0.69195689437256547</v>
      </c>
    </row>
    <row r="35576" spans="1:7" x14ac:dyDescent="0.3">
      <c r="A35576" s="13" t="s">
        <v>217</v>
      </c>
      <c r="B35576" s="14" t="s">
        <v>1</v>
      </c>
      <c r="C35576" s="14" t="s">
        <v>218</v>
      </c>
      <c r="D35576" s="14" t="s">
        <v>169</v>
      </c>
      <c r="E35576" s="15">
        <v>45547</v>
      </c>
      <c r="F35576" s="14" t="s">
        <v>25</v>
      </c>
      <c r="G35576" s="16">
        <v>0.69458898023601612</v>
      </c>
    </row>
    <row r="35577" spans="1:7" x14ac:dyDescent="0.3">
      <c r="A35577" s="13" t="s">
        <v>217</v>
      </c>
      <c r="B35577" s="14" t="s">
        <v>1</v>
      </c>
      <c r="C35577" s="14" t="s">
        <v>218</v>
      </c>
      <c r="D35577" s="14" t="s">
        <v>169</v>
      </c>
      <c r="E35577" s="15">
        <v>45548</v>
      </c>
      <c r="F35577" s="14" t="s">
        <v>25</v>
      </c>
      <c r="G35577" s="16">
        <v>0.69722106609946666</v>
      </c>
    </row>
    <row r="35578" spans="1:7" x14ac:dyDescent="0.3">
      <c r="A35578" s="13" t="s">
        <v>217</v>
      </c>
      <c r="B35578" s="14" t="s">
        <v>1</v>
      </c>
      <c r="C35578" s="14" t="s">
        <v>218</v>
      </c>
      <c r="D35578" s="14" t="s">
        <v>169</v>
      </c>
      <c r="E35578" s="15">
        <v>45549</v>
      </c>
      <c r="F35578" s="14" t="s">
        <v>25</v>
      </c>
      <c r="G35578" s="16">
        <v>0.69722106609946666</v>
      </c>
    </row>
    <row r="35579" spans="1:7" x14ac:dyDescent="0.3">
      <c r="A35579" s="13" t="s">
        <v>217</v>
      </c>
      <c r="B35579" s="14" t="s">
        <v>1</v>
      </c>
      <c r="C35579" s="14" t="s">
        <v>218</v>
      </c>
      <c r="D35579" s="14" t="s">
        <v>169</v>
      </c>
      <c r="E35579" s="15">
        <v>45550</v>
      </c>
      <c r="F35579" s="14" t="s">
        <v>25</v>
      </c>
      <c r="G35579" s="16">
        <v>0.69722106609946666</v>
      </c>
    </row>
    <row r="35580" spans="1:7" x14ac:dyDescent="0.3">
      <c r="A35580" s="13" t="s">
        <v>217</v>
      </c>
      <c r="B35580" s="14" t="s">
        <v>1</v>
      </c>
      <c r="C35580" s="14" t="s">
        <v>218</v>
      </c>
      <c r="D35580" s="14" t="s">
        <v>169</v>
      </c>
      <c r="E35580" s="15">
        <v>45551</v>
      </c>
      <c r="F35580" s="14" t="s">
        <v>25</v>
      </c>
      <c r="G35580" s="16">
        <v>0.69985315196291731</v>
      </c>
    </row>
    <row r="35581" spans="1:7" x14ac:dyDescent="0.3">
      <c r="A35581" s="13" t="s">
        <v>217</v>
      </c>
      <c r="B35581" s="14" t="s">
        <v>1</v>
      </c>
      <c r="C35581" s="14" t="s">
        <v>218</v>
      </c>
      <c r="D35581" s="14" t="s">
        <v>169</v>
      </c>
      <c r="E35581" s="15">
        <v>45552</v>
      </c>
      <c r="F35581" s="14" t="s">
        <v>25</v>
      </c>
      <c r="G35581" s="16">
        <v>0.71748523782636753</v>
      </c>
    </row>
    <row r="35582" spans="1:7" x14ac:dyDescent="0.3">
      <c r="A35582" s="13" t="s">
        <v>217</v>
      </c>
      <c r="B35582" s="14" t="s">
        <v>1</v>
      </c>
      <c r="C35582" s="14" t="s">
        <v>218</v>
      </c>
      <c r="D35582" s="14" t="s">
        <v>169</v>
      </c>
      <c r="E35582" s="15">
        <v>45553</v>
      </c>
      <c r="F35582" s="14" t="s">
        <v>25</v>
      </c>
      <c r="G35582" s="16">
        <v>0.72011732368981807</v>
      </c>
    </row>
    <row r="35583" spans="1:7" x14ac:dyDescent="0.3">
      <c r="A35583" s="13" t="s">
        <v>217</v>
      </c>
      <c r="B35583" s="14" t="s">
        <v>1</v>
      </c>
      <c r="C35583" s="14" t="s">
        <v>218</v>
      </c>
      <c r="D35583" s="14" t="s">
        <v>169</v>
      </c>
      <c r="E35583" s="15">
        <v>45554</v>
      </c>
      <c r="F35583" s="14" t="s">
        <v>25</v>
      </c>
      <c r="G35583" s="16">
        <v>0.72041607621993553</v>
      </c>
    </row>
    <row r="35584" spans="1:7" x14ac:dyDescent="0.3">
      <c r="A35584" s="13" t="s">
        <v>217</v>
      </c>
      <c r="B35584" s="14" t="s">
        <v>1</v>
      </c>
      <c r="C35584" s="14" t="s">
        <v>218</v>
      </c>
      <c r="D35584" s="14" t="s">
        <v>169</v>
      </c>
      <c r="E35584" s="15">
        <v>45555</v>
      </c>
      <c r="F35584" s="14" t="s">
        <v>25</v>
      </c>
      <c r="G35584" s="16">
        <v>0.72304816208338607</v>
      </c>
    </row>
    <row r="35585" spans="1:7" x14ac:dyDescent="0.3">
      <c r="A35585" s="13" t="s">
        <v>217</v>
      </c>
      <c r="B35585" s="14" t="s">
        <v>1</v>
      </c>
      <c r="C35585" s="14" t="s">
        <v>218</v>
      </c>
      <c r="D35585" s="14" t="s">
        <v>169</v>
      </c>
      <c r="E35585" s="15">
        <v>45556</v>
      </c>
      <c r="F35585" s="14" t="s">
        <v>25</v>
      </c>
      <c r="G35585" s="16">
        <v>0.72304816208338607</v>
      </c>
    </row>
    <row r="35586" spans="1:7" x14ac:dyDescent="0.3">
      <c r="A35586" s="13" t="s">
        <v>217</v>
      </c>
      <c r="B35586" s="14" t="s">
        <v>1</v>
      </c>
      <c r="C35586" s="14" t="s">
        <v>218</v>
      </c>
      <c r="D35586" s="14" t="s">
        <v>169</v>
      </c>
      <c r="E35586" s="15">
        <v>45557</v>
      </c>
      <c r="F35586" s="14" t="s">
        <v>25</v>
      </c>
      <c r="G35586" s="16">
        <v>0.72304816208338607</v>
      </c>
    </row>
    <row r="35587" spans="1:7" x14ac:dyDescent="0.3">
      <c r="A35587" s="13" t="s">
        <v>217</v>
      </c>
      <c r="B35587" s="14" t="s">
        <v>1</v>
      </c>
      <c r="C35587" s="14" t="s">
        <v>218</v>
      </c>
      <c r="D35587" s="14" t="s">
        <v>169</v>
      </c>
      <c r="E35587" s="15">
        <v>45558</v>
      </c>
      <c r="F35587" s="14" t="s">
        <v>25</v>
      </c>
      <c r="G35587" s="16">
        <v>0.72468024794683761</v>
      </c>
    </row>
    <row r="35588" spans="1:7" x14ac:dyDescent="0.3">
      <c r="A35588" s="13" t="s">
        <v>217</v>
      </c>
      <c r="B35588" s="14" t="s">
        <v>1</v>
      </c>
      <c r="C35588" s="14" t="s">
        <v>218</v>
      </c>
      <c r="D35588" s="14" t="s">
        <v>169</v>
      </c>
      <c r="E35588" s="15">
        <v>45559</v>
      </c>
      <c r="F35588" s="14" t="s">
        <v>25</v>
      </c>
      <c r="G35588" s="16">
        <v>0.73331233381028837</v>
      </c>
    </row>
    <row r="35589" spans="1:7" x14ac:dyDescent="0.3">
      <c r="A35589" s="13" t="s">
        <v>217</v>
      </c>
      <c r="B35589" s="14" t="s">
        <v>1</v>
      </c>
      <c r="C35589" s="14" t="s">
        <v>218</v>
      </c>
      <c r="D35589" s="14" t="s">
        <v>169</v>
      </c>
      <c r="E35589" s="15">
        <v>45560</v>
      </c>
      <c r="F35589" s="14" t="s">
        <v>25</v>
      </c>
      <c r="G35589" s="16">
        <v>0.73594441967373903</v>
      </c>
    </row>
    <row r="35590" spans="1:7" x14ac:dyDescent="0.3">
      <c r="A35590" s="13" t="s">
        <v>217</v>
      </c>
      <c r="B35590" s="14" t="s">
        <v>1</v>
      </c>
      <c r="C35590" s="14" t="s">
        <v>218</v>
      </c>
      <c r="D35590" s="14" t="s">
        <v>169</v>
      </c>
      <c r="E35590" s="15">
        <v>45561</v>
      </c>
      <c r="F35590" s="14" t="s">
        <v>25</v>
      </c>
      <c r="G35590" s="16">
        <v>0.73857650553718956</v>
      </c>
    </row>
    <row r="35591" spans="1:7" x14ac:dyDescent="0.3">
      <c r="A35591" s="13" t="s">
        <v>217</v>
      </c>
      <c r="B35591" s="14" t="s">
        <v>1</v>
      </c>
      <c r="C35591" s="14" t="s">
        <v>218</v>
      </c>
      <c r="D35591" s="14" t="s">
        <v>169</v>
      </c>
      <c r="E35591" s="15">
        <v>45562</v>
      </c>
      <c r="F35591" s="14" t="s">
        <v>25</v>
      </c>
      <c r="G35591" s="16">
        <v>0.74954192473397352</v>
      </c>
    </row>
    <row r="35592" spans="1:7" x14ac:dyDescent="0.3">
      <c r="A35592" s="13" t="s">
        <v>217</v>
      </c>
      <c r="B35592" s="14" t="s">
        <v>1</v>
      </c>
      <c r="C35592" s="14" t="s">
        <v>218</v>
      </c>
      <c r="D35592" s="14" t="s">
        <v>169</v>
      </c>
      <c r="E35592" s="15">
        <v>45563</v>
      </c>
      <c r="F35592" s="14" t="s">
        <v>25</v>
      </c>
      <c r="G35592" s="16">
        <v>0.74954192473397352</v>
      </c>
    </row>
    <row r="35593" spans="1:7" x14ac:dyDescent="0.3">
      <c r="A35593" s="13" t="s">
        <v>217</v>
      </c>
      <c r="B35593" s="14" t="s">
        <v>1</v>
      </c>
      <c r="C35593" s="14" t="s">
        <v>218</v>
      </c>
      <c r="D35593" s="14" t="s">
        <v>169</v>
      </c>
      <c r="E35593" s="15">
        <v>45564</v>
      </c>
      <c r="F35593" s="14" t="s">
        <v>25</v>
      </c>
      <c r="G35593" s="16">
        <v>0.74954192473397352</v>
      </c>
    </row>
    <row r="35594" spans="1:7" x14ac:dyDescent="0.3">
      <c r="A35594" s="13" t="s">
        <v>217</v>
      </c>
      <c r="B35594" s="14" t="s">
        <v>1</v>
      </c>
      <c r="C35594" s="14" t="s">
        <v>218</v>
      </c>
      <c r="D35594" s="14" t="s">
        <v>169</v>
      </c>
      <c r="E35594" s="15">
        <v>45565</v>
      </c>
      <c r="F35594" s="14" t="s">
        <v>25</v>
      </c>
      <c r="G35594" s="16">
        <v>0.75217401059742406</v>
      </c>
    </row>
    <row r="35595" spans="1:7" x14ac:dyDescent="0.3">
      <c r="A35595" s="13" t="s">
        <v>217</v>
      </c>
      <c r="B35595" s="14" t="s">
        <v>1</v>
      </c>
      <c r="C35595" s="14" t="s">
        <v>218</v>
      </c>
      <c r="D35595" s="14" t="s">
        <v>169</v>
      </c>
      <c r="E35595" s="15">
        <v>45566</v>
      </c>
      <c r="F35595" s="14" t="s">
        <v>25</v>
      </c>
      <c r="G35595" s="16">
        <v>0.7601394297942089</v>
      </c>
    </row>
    <row r="35596" spans="1:7" x14ac:dyDescent="0.3">
      <c r="A35596" s="13" t="s">
        <v>217</v>
      </c>
      <c r="B35596" s="14" t="s">
        <v>1</v>
      </c>
      <c r="C35596" s="14" t="s">
        <v>218</v>
      </c>
      <c r="D35596" s="14" t="s">
        <v>169</v>
      </c>
      <c r="E35596" s="15">
        <v>45567</v>
      </c>
      <c r="F35596" s="14" t="s">
        <v>25</v>
      </c>
      <c r="G35596" s="16">
        <v>0.76543818232432748</v>
      </c>
    </row>
    <row r="35597" spans="1:7" x14ac:dyDescent="0.3">
      <c r="A35597" s="13" t="s">
        <v>217</v>
      </c>
      <c r="B35597" s="14" t="s">
        <v>1</v>
      </c>
      <c r="C35597" s="14" t="s">
        <v>218</v>
      </c>
      <c r="D35597" s="14" t="s">
        <v>169</v>
      </c>
      <c r="E35597" s="15">
        <v>45568</v>
      </c>
      <c r="F35597" s="14" t="s">
        <v>25</v>
      </c>
      <c r="G35597" s="16">
        <v>0.76807026818777802</v>
      </c>
    </row>
    <row r="35598" spans="1:7" x14ac:dyDescent="0.3">
      <c r="A35598" s="13" t="s">
        <v>217</v>
      </c>
      <c r="B35598" s="14" t="s">
        <v>1</v>
      </c>
      <c r="C35598" s="14" t="s">
        <v>218</v>
      </c>
      <c r="D35598" s="14" t="s">
        <v>169</v>
      </c>
      <c r="E35598" s="15">
        <v>45569</v>
      </c>
      <c r="F35598" s="14" t="s">
        <v>25</v>
      </c>
      <c r="G35598" s="16">
        <v>0.77470235405122878</v>
      </c>
    </row>
    <row r="35599" spans="1:7" x14ac:dyDescent="0.3">
      <c r="A35599" s="13" t="s">
        <v>217</v>
      </c>
      <c r="B35599" s="14" t="s">
        <v>1</v>
      </c>
      <c r="C35599" s="14" t="s">
        <v>218</v>
      </c>
      <c r="D35599" s="14" t="s">
        <v>169</v>
      </c>
      <c r="E35599" s="15">
        <v>45570</v>
      </c>
      <c r="F35599" s="14" t="s">
        <v>25</v>
      </c>
      <c r="G35599" s="16">
        <v>0.77470235405122878</v>
      </c>
    </row>
    <row r="35600" spans="1:7" x14ac:dyDescent="0.3">
      <c r="A35600" s="13" t="s">
        <v>217</v>
      </c>
      <c r="B35600" s="14" t="s">
        <v>1</v>
      </c>
      <c r="C35600" s="14" t="s">
        <v>218</v>
      </c>
      <c r="D35600" s="14" t="s">
        <v>169</v>
      </c>
      <c r="E35600" s="15">
        <v>45571</v>
      </c>
      <c r="F35600" s="14" t="s">
        <v>25</v>
      </c>
      <c r="G35600" s="16">
        <v>0.77470235405122878</v>
      </c>
    </row>
    <row r="35601" spans="1:7" x14ac:dyDescent="0.3">
      <c r="A35601" s="13" t="s">
        <v>217</v>
      </c>
      <c r="B35601" s="14" t="s">
        <v>1</v>
      </c>
      <c r="C35601" s="14" t="s">
        <v>218</v>
      </c>
      <c r="D35601" s="14" t="s">
        <v>169</v>
      </c>
      <c r="E35601" s="15">
        <v>45572</v>
      </c>
      <c r="F35601" s="14" t="s">
        <v>25</v>
      </c>
      <c r="G35601" s="16">
        <v>0.77733443991467932</v>
      </c>
    </row>
    <row r="35602" spans="1:7" x14ac:dyDescent="0.3">
      <c r="A35602" s="13" t="s">
        <v>217</v>
      </c>
      <c r="B35602" s="14" t="s">
        <v>1</v>
      </c>
      <c r="C35602" s="14" t="s">
        <v>218</v>
      </c>
      <c r="D35602" s="14" t="s">
        <v>169</v>
      </c>
      <c r="E35602" s="15">
        <v>45573</v>
      </c>
      <c r="F35602" s="14" t="s">
        <v>25</v>
      </c>
      <c r="G35602" s="16">
        <v>0.78563319244479712</v>
      </c>
    </row>
    <row r="35603" spans="1:7" x14ac:dyDescent="0.3">
      <c r="A35603" s="13" t="s">
        <v>217</v>
      </c>
      <c r="B35603" s="14" t="s">
        <v>1</v>
      </c>
      <c r="C35603" s="14" t="s">
        <v>218</v>
      </c>
      <c r="D35603" s="14" t="s">
        <v>169</v>
      </c>
      <c r="E35603" s="15">
        <v>45574</v>
      </c>
      <c r="F35603" s="14" t="s">
        <v>25</v>
      </c>
      <c r="G35603" s="16">
        <v>0.78826527830824777</v>
      </c>
    </row>
    <row r="35604" spans="1:7" x14ac:dyDescent="0.3">
      <c r="A35604" s="13" t="s">
        <v>217</v>
      </c>
      <c r="B35604" s="14" t="s">
        <v>1</v>
      </c>
      <c r="C35604" s="14" t="s">
        <v>218</v>
      </c>
      <c r="D35604" s="14" t="s">
        <v>169</v>
      </c>
      <c r="E35604" s="15">
        <v>45575</v>
      </c>
      <c r="F35604" s="14" t="s">
        <v>25</v>
      </c>
      <c r="G35604" s="16">
        <v>0.79089736417169831</v>
      </c>
    </row>
    <row r="35605" spans="1:7" x14ac:dyDescent="0.3">
      <c r="A35605" s="13" t="s">
        <v>217</v>
      </c>
      <c r="B35605" s="14" t="s">
        <v>1</v>
      </c>
      <c r="C35605" s="14" t="s">
        <v>218</v>
      </c>
      <c r="D35605" s="14" t="s">
        <v>169</v>
      </c>
      <c r="E35605" s="15">
        <v>45576</v>
      </c>
      <c r="F35605" s="14" t="s">
        <v>25</v>
      </c>
      <c r="G35605" s="16">
        <v>0.79352945003514885</v>
      </c>
    </row>
    <row r="35606" spans="1:7" x14ac:dyDescent="0.3">
      <c r="A35606" s="13" t="s">
        <v>217</v>
      </c>
      <c r="B35606" s="14" t="s">
        <v>1</v>
      </c>
      <c r="C35606" s="14" t="s">
        <v>218</v>
      </c>
      <c r="D35606" s="14" t="s">
        <v>169</v>
      </c>
      <c r="E35606" s="15">
        <v>45577</v>
      </c>
      <c r="F35606" s="14" t="s">
        <v>25</v>
      </c>
      <c r="G35606" s="16">
        <v>0.79352945003514885</v>
      </c>
    </row>
    <row r="35607" spans="1:7" x14ac:dyDescent="0.3">
      <c r="A35607" s="13" t="s">
        <v>217</v>
      </c>
      <c r="B35607" s="14" t="s">
        <v>1</v>
      </c>
      <c r="C35607" s="14" t="s">
        <v>218</v>
      </c>
      <c r="D35607" s="14" t="s">
        <v>169</v>
      </c>
      <c r="E35607" s="15">
        <v>45578</v>
      </c>
      <c r="F35607" s="14" t="s">
        <v>25</v>
      </c>
      <c r="G35607" s="16">
        <v>0.79352945003514885</v>
      </c>
    </row>
    <row r="35608" spans="1:7" x14ac:dyDescent="0.3">
      <c r="A35608" s="13" t="s">
        <v>217</v>
      </c>
      <c r="B35608" s="14" t="s">
        <v>1</v>
      </c>
      <c r="C35608" s="14" t="s">
        <v>218</v>
      </c>
      <c r="D35608" s="14" t="s">
        <v>169</v>
      </c>
      <c r="E35608" s="15">
        <v>45579</v>
      </c>
      <c r="F35608" s="14" t="s">
        <v>25</v>
      </c>
      <c r="G35608" s="16">
        <v>0.7961615358985995</v>
      </c>
    </row>
    <row r="35609" spans="1:7" x14ac:dyDescent="0.3">
      <c r="A35609" s="13" t="s">
        <v>217</v>
      </c>
      <c r="B35609" s="14" t="s">
        <v>1</v>
      </c>
      <c r="C35609" s="14" t="s">
        <v>218</v>
      </c>
      <c r="D35609" s="14" t="s">
        <v>169</v>
      </c>
      <c r="E35609" s="15">
        <v>45580</v>
      </c>
      <c r="F35609" s="14" t="s">
        <v>25</v>
      </c>
      <c r="G35609" s="16">
        <v>0.80412695509538423</v>
      </c>
    </row>
    <row r="35610" spans="1:7" x14ac:dyDescent="0.3">
      <c r="A35610" s="13" t="s">
        <v>217</v>
      </c>
      <c r="B35610" s="14" t="s">
        <v>1</v>
      </c>
      <c r="C35610" s="14" t="s">
        <v>218</v>
      </c>
      <c r="D35610" s="14" t="s">
        <v>169</v>
      </c>
      <c r="E35610" s="15">
        <v>45581</v>
      </c>
      <c r="F35610" s="14" t="s">
        <v>25</v>
      </c>
      <c r="G35610" s="16">
        <v>0.80675904095883477</v>
      </c>
    </row>
    <row r="35611" spans="1:7" x14ac:dyDescent="0.3">
      <c r="A35611" s="13" t="s">
        <v>217</v>
      </c>
      <c r="B35611" s="14" t="s">
        <v>1</v>
      </c>
      <c r="C35611" s="14" t="s">
        <v>218</v>
      </c>
      <c r="D35611" s="14" t="s">
        <v>169</v>
      </c>
      <c r="E35611" s="15">
        <v>45582</v>
      </c>
      <c r="F35611" s="14" t="s">
        <v>25</v>
      </c>
      <c r="G35611" s="16">
        <v>0.80939112682228542</v>
      </c>
    </row>
    <row r="35612" spans="1:7" x14ac:dyDescent="0.3">
      <c r="A35612" s="13" t="s">
        <v>217</v>
      </c>
      <c r="B35612" s="14" t="s">
        <v>1</v>
      </c>
      <c r="C35612" s="14" t="s">
        <v>218</v>
      </c>
      <c r="D35612" s="14" t="s">
        <v>169</v>
      </c>
      <c r="E35612" s="15">
        <v>45583</v>
      </c>
      <c r="F35612" s="14" t="s">
        <v>25</v>
      </c>
      <c r="G35612" s="16">
        <v>0.81202321268573596</v>
      </c>
    </row>
    <row r="35613" spans="1:7" x14ac:dyDescent="0.3">
      <c r="A35613" s="13" t="s">
        <v>217</v>
      </c>
      <c r="B35613" s="14" t="s">
        <v>1</v>
      </c>
      <c r="C35613" s="14" t="s">
        <v>218</v>
      </c>
      <c r="D35613" s="14" t="s">
        <v>169</v>
      </c>
      <c r="E35613" s="15">
        <v>45584</v>
      </c>
      <c r="F35613" s="14" t="s">
        <v>25</v>
      </c>
      <c r="G35613" s="16">
        <v>0.81202321268573596</v>
      </c>
    </row>
    <row r="35614" spans="1:7" x14ac:dyDescent="0.3">
      <c r="A35614" s="13" t="s">
        <v>217</v>
      </c>
      <c r="B35614" s="14" t="s">
        <v>1</v>
      </c>
      <c r="C35614" s="14" t="s">
        <v>218</v>
      </c>
      <c r="D35614" s="14" t="s">
        <v>169</v>
      </c>
      <c r="E35614" s="15">
        <v>45585</v>
      </c>
      <c r="F35614" s="14" t="s">
        <v>25</v>
      </c>
      <c r="G35614" s="16">
        <v>0.81202321268573596</v>
      </c>
    </row>
    <row r="35615" spans="1:7" x14ac:dyDescent="0.3">
      <c r="A35615" s="13" t="s">
        <v>217</v>
      </c>
      <c r="B35615" s="14" t="s">
        <v>1</v>
      </c>
      <c r="C35615" s="14" t="s">
        <v>218</v>
      </c>
      <c r="D35615" s="14" t="s">
        <v>169</v>
      </c>
      <c r="E35615" s="15">
        <v>45586</v>
      </c>
      <c r="F35615" s="14" t="s">
        <v>25</v>
      </c>
      <c r="G35615" s="16">
        <v>0.8136552985491875</v>
      </c>
    </row>
    <row r="35616" spans="1:7" x14ac:dyDescent="0.3">
      <c r="A35616" s="13" t="s">
        <v>217</v>
      </c>
      <c r="B35616" s="14" t="s">
        <v>1</v>
      </c>
      <c r="C35616" s="14" t="s">
        <v>218</v>
      </c>
      <c r="D35616" s="14" t="s">
        <v>169</v>
      </c>
      <c r="E35616" s="15">
        <v>45587</v>
      </c>
      <c r="F35616" s="14" t="s">
        <v>25</v>
      </c>
      <c r="G35616" s="16">
        <v>0.82162071774597223</v>
      </c>
    </row>
    <row r="35617" spans="1:7" x14ac:dyDescent="0.3">
      <c r="A35617" s="13" t="s">
        <v>217</v>
      </c>
      <c r="B35617" s="14" t="s">
        <v>1</v>
      </c>
      <c r="C35617" s="14" t="s">
        <v>218</v>
      </c>
      <c r="D35617" s="14" t="s">
        <v>169</v>
      </c>
      <c r="E35617" s="15">
        <v>45588</v>
      </c>
      <c r="F35617" s="14" t="s">
        <v>25</v>
      </c>
      <c r="G35617" s="16">
        <v>0.82408613694275634</v>
      </c>
    </row>
    <row r="35618" spans="1:7" x14ac:dyDescent="0.3">
      <c r="A35618" s="13" t="s">
        <v>217</v>
      </c>
      <c r="B35618" s="14" t="s">
        <v>1</v>
      </c>
      <c r="C35618" s="14" t="s">
        <v>218</v>
      </c>
      <c r="D35618" s="14" t="s">
        <v>169</v>
      </c>
      <c r="E35618" s="15">
        <v>45589</v>
      </c>
      <c r="F35618" s="14" t="s">
        <v>25</v>
      </c>
      <c r="G35618" s="16">
        <v>0.82655155613954034</v>
      </c>
    </row>
    <row r="35619" spans="1:7" x14ac:dyDescent="0.3">
      <c r="A35619" s="13" t="s">
        <v>217</v>
      </c>
      <c r="B35619" s="14" t="s">
        <v>1</v>
      </c>
      <c r="C35619" s="14" t="s">
        <v>218</v>
      </c>
      <c r="D35619" s="14" t="s">
        <v>169</v>
      </c>
      <c r="E35619" s="15">
        <v>45590</v>
      </c>
      <c r="F35619" s="14" t="s">
        <v>25</v>
      </c>
      <c r="G35619" s="16">
        <v>0.82901697533632446</v>
      </c>
    </row>
    <row r="35620" spans="1:7" x14ac:dyDescent="0.3">
      <c r="A35620" s="13" t="s">
        <v>217</v>
      </c>
      <c r="B35620" s="14" t="s">
        <v>1</v>
      </c>
      <c r="C35620" s="14" t="s">
        <v>218</v>
      </c>
      <c r="D35620" s="14" t="s">
        <v>169</v>
      </c>
      <c r="E35620" s="15">
        <v>45591</v>
      </c>
      <c r="F35620" s="14" t="s">
        <v>25</v>
      </c>
      <c r="G35620" s="16">
        <v>0.82901697533632446</v>
      </c>
    </row>
    <row r="35621" spans="1:7" x14ac:dyDescent="0.3">
      <c r="A35621" s="13" t="s">
        <v>217</v>
      </c>
      <c r="B35621" s="14" t="s">
        <v>1</v>
      </c>
      <c r="C35621" s="14" t="s">
        <v>218</v>
      </c>
      <c r="D35621" s="14" t="s">
        <v>169</v>
      </c>
      <c r="E35621" s="15">
        <v>45592</v>
      </c>
      <c r="F35621" s="14" t="s">
        <v>25</v>
      </c>
      <c r="G35621" s="16">
        <v>0.82901697533632446</v>
      </c>
    </row>
    <row r="35622" spans="1:7" x14ac:dyDescent="0.3">
      <c r="A35622" s="13" t="s">
        <v>217</v>
      </c>
      <c r="B35622" s="14" t="s">
        <v>1</v>
      </c>
      <c r="C35622" s="14" t="s">
        <v>218</v>
      </c>
      <c r="D35622" s="14" t="s">
        <v>169</v>
      </c>
      <c r="E35622" s="15">
        <v>45593</v>
      </c>
      <c r="F35622" s="14" t="s">
        <v>25</v>
      </c>
      <c r="G35622" s="16">
        <v>0.82901697533632446</v>
      </c>
    </row>
    <row r="35623" spans="1:7" x14ac:dyDescent="0.3">
      <c r="A35623" s="13" t="s">
        <v>217</v>
      </c>
      <c r="B35623" s="14" t="s">
        <v>1</v>
      </c>
      <c r="C35623" s="14" t="s">
        <v>218</v>
      </c>
      <c r="D35623" s="14" t="s">
        <v>169</v>
      </c>
      <c r="E35623" s="15">
        <v>45594</v>
      </c>
      <c r="F35623" s="14" t="s">
        <v>25</v>
      </c>
      <c r="G35623" s="16">
        <v>0.83548239453310913</v>
      </c>
    </row>
    <row r="35624" spans="1:7" x14ac:dyDescent="0.3">
      <c r="A35624" s="13" t="s">
        <v>217</v>
      </c>
      <c r="B35624" s="14" t="s">
        <v>1</v>
      </c>
      <c r="C35624" s="14" t="s">
        <v>218</v>
      </c>
      <c r="D35624" s="14" t="s">
        <v>169</v>
      </c>
      <c r="E35624" s="15">
        <v>45595</v>
      </c>
      <c r="F35624" s="14" t="s">
        <v>25</v>
      </c>
      <c r="G35624" s="16">
        <v>0.84569781372989328</v>
      </c>
    </row>
    <row r="35625" spans="1:7" x14ac:dyDescent="0.3">
      <c r="A35625" s="13" t="s">
        <v>217</v>
      </c>
      <c r="B35625" s="14" t="s">
        <v>1</v>
      </c>
      <c r="C35625" s="14" t="s">
        <v>218</v>
      </c>
      <c r="D35625" s="14" t="s">
        <v>169</v>
      </c>
      <c r="E35625" s="15">
        <v>45596</v>
      </c>
      <c r="F35625" s="14" t="s">
        <v>25</v>
      </c>
      <c r="G35625" s="16">
        <v>0.84816323292667728</v>
      </c>
    </row>
    <row r="35626" spans="1:7" x14ac:dyDescent="0.3">
      <c r="A35626" s="13" t="s">
        <v>217</v>
      </c>
      <c r="B35626" s="14" t="s">
        <v>1</v>
      </c>
      <c r="C35626" s="14" t="s">
        <v>218</v>
      </c>
      <c r="D35626" s="14" t="s">
        <v>169</v>
      </c>
      <c r="E35626" s="15">
        <v>45597</v>
      </c>
      <c r="F35626" s="14" t="s">
        <v>25</v>
      </c>
      <c r="G35626" s="16">
        <v>0.85112865212346089</v>
      </c>
    </row>
    <row r="35627" spans="1:7" x14ac:dyDescent="0.3">
      <c r="A35627" s="13" t="s">
        <v>217</v>
      </c>
      <c r="B35627" s="14" t="s">
        <v>1</v>
      </c>
      <c r="C35627" s="14" t="s">
        <v>218</v>
      </c>
      <c r="D35627" s="14" t="s">
        <v>169</v>
      </c>
      <c r="E35627" s="15">
        <v>45598</v>
      </c>
      <c r="F35627" s="14" t="s">
        <v>25</v>
      </c>
      <c r="G35627" s="16">
        <v>0.85112865212346089</v>
      </c>
    </row>
    <row r="35628" spans="1:7" x14ac:dyDescent="0.3">
      <c r="A35628" s="13" t="s">
        <v>217</v>
      </c>
      <c r="B35628" s="14" t="s">
        <v>1</v>
      </c>
      <c r="C35628" s="14" t="s">
        <v>218</v>
      </c>
      <c r="D35628" s="14" t="s">
        <v>169</v>
      </c>
      <c r="E35628" s="15">
        <v>45599</v>
      </c>
      <c r="F35628" s="14" t="s">
        <v>25</v>
      </c>
      <c r="G35628" s="16">
        <v>0.85112865212346089</v>
      </c>
    </row>
    <row r="35629" spans="1:7" x14ac:dyDescent="0.3">
      <c r="A35629" s="13" t="s">
        <v>217</v>
      </c>
      <c r="B35629" s="14" t="s">
        <v>1</v>
      </c>
      <c r="C35629" s="14" t="s">
        <v>218</v>
      </c>
      <c r="D35629" s="14" t="s">
        <v>169</v>
      </c>
      <c r="E35629" s="15">
        <v>45600</v>
      </c>
      <c r="F35629" s="14" t="s">
        <v>25</v>
      </c>
      <c r="G35629" s="16">
        <v>0.85559407132024601</v>
      </c>
    </row>
    <row r="35630" spans="1:7" x14ac:dyDescent="0.3">
      <c r="A35630" s="13" t="s">
        <v>217</v>
      </c>
      <c r="B35630" s="14" t="s">
        <v>1</v>
      </c>
      <c r="C35630" s="14" t="s">
        <v>218</v>
      </c>
      <c r="D35630" s="14" t="s">
        <v>169</v>
      </c>
      <c r="E35630" s="15">
        <v>45601</v>
      </c>
      <c r="F35630" s="14" t="s">
        <v>25</v>
      </c>
      <c r="G35630" s="16">
        <v>0.86305949051703124</v>
      </c>
    </row>
    <row r="35631" spans="1:7" x14ac:dyDescent="0.3">
      <c r="A35631" s="13" t="s">
        <v>217</v>
      </c>
      <c r="B35631" s="14" t="s">
        <v>1</v>
      </c>
      <c r="C35631" s="14" t="s">
        <v>218</v>
      </c>
      <c r="D35631" s="14" t="s">
        <v>169</v>
      </c>
      <c r="E35631" s="15">
        <v>45602</v>
      </c>
      <c r="F35631" s="14" t="s">
        <v>25</v>
      </c>
      <c r="G35631" s="16">
        <v>0.86852490971381546</v>
      </c>
    </row>
    <row r="35632" spans="1:7" x14ac:dyDescent="0.3">
      <c r="A35632" s="13" t="s">
        <v>217</v>
      </c>
      <c r="B35632" s="14" t="s">
        <v>1</v>
      </c>
      <c r="C35632" s="14" t="s">
        <v>218</v>
      </c>
      <c r="D35632" s="14" t="s">
        <v>169</v>
      </c>
      <c r="E35632" s="15">
        <v>45603</v>
      </c>
      <c r="F35632" s="14" t="s">
        <v>25</v>
      </c>
      <c r="G35632" s="16">
        <v>0.87149032891059908</v>
      </c>
    </row>
    <row r="35633" spans="1:7" x14ac:dyDescent="0.3">
      <c r="A35633" s="13" t="s">
        <v>217</v>
      </c>
      <c r="B35633" s="14" t="s">
        <v>1</v>
      </c>
      <c r="C35633" s="14" t="s">
        <v>218</v>
      </c>
      <c r="D35633" s="14" t="s">
        <v>169</v>
      </c>
      <c r="E35633" s="15">
        <v>45604</v>
      </c>
      <c r="F35633" s="14" t="s">
        <v>25</v>
      </c>
      <c r="G35633" s="16">
        <v>0.87545574810738458</v>
      </c>
    </row>
    <row r="35634" spans="1:7" x14ac:dyDescent="0.3">
      <c r="A35634" s="13" t="s">
        <v>217</v>
      </c>
      <c r="B35634" s="14" t="s">
        <v>1</v>
      </c>
      <c r="C35634" s="14" t="s">
        <v>218</v>
      </c>
      <c r="D35634" s="14" t="s">
        <v>169</v>
      </c>
      <c r="E35634" s="15">
        <v>45605</v>
      </c>
      <c r="F35634" s="14" t="s">
        <v>25</v>
      </c>
      <c r="G35634" s="16">
        <v>0.87545574810738458</v>
      </c>
    </row>
    <row r="35635" spans="1:7" x14ac:dyDescent="0.3">
      <c r="A35635" s="13" t="s">
        <v>217</v>
      </c>
      <c r="B35635" s="14" t="s">
        <v>1</v>
      </c>
      <c r="C35635" s="14" t="s">
        <v>218</v>
      </c>
      <c r="D35635" s="14" t="s">
        <v>169</v>
      </c>
      <c r="E35635" s="15">
        <v>45606</v>
      </c>
      <c r="F35635" s="14" t="s">
        <v>25</v>
      </c>
      <c r="G35635" s="16">
        <v>0.87545574810738458</v>
      </c>
    </row>
    <row r="35636" spans="1:7" x14ac:dyDescent="0.3">
      <c r="A35636" s="13" t="s">
        <v>217</v>
      </c>
      <c r="B35636" s="14" t="s">
        <v>1</v>
      </c>
      <c r="C35636" s="14" t="s">
        <v>218</v>
      </c>
      <c r="D35636" s="14" t="s">
        <v>169</v>
      </c>
      <c r="E35636" s="15">
        <v>45607</v>
      </c>
      <c r="F35636" s="14" t="s">
        <v>25</v>
      </c>
      <c r="G35636" s="16">
        <v>0.87842116730416819</v>
      </c>
    </row>
    <row r="35637" spans="1:7" x14ac:dyDescent="0.3">
      <c r="A35637" s="13" t="s">
        <v>217</v>
      </c>
      <c r="B35637" s="14" t="s">
        <v>1</v>
      </c>
      <c r="C35637" s="14" t="s">
        <v>218</v>
      </c>
      <c r="D35637" s="14" t="s">
        <v>169</v>
      </c>
      <c r="E35637" s="15">
        <v>45608</v>
      </c>
      <c r="F35637" s="14" t="s">
        <v>25</v>
      </c>
      <c r="G35637" s="16">
        <v>0.88638658650095292</v>
      </c>
    </row>
    <row r="35638" spans="1:7" x14ac:dyDescent="0.3">
      <c r="A35638" s="13" t="s">
        <v>217</v>
      </c>
      <c r="B35638" s="14" t="s">
        <v>1</v>
      </c>
      <c r="C35638" s="14" t="s">
        <v>218</v>
      </c>
      <c r="D35638" s="14" t="s">
        <v>169</v>
      </c>
      <c r="E35638" s="15">
        <v>45609</v>
      </c>
      <c r="F35638" s="14" t="s">
        <v>25</v>
      </c>
      <c r="G35638" s="16">
        <v>0.88935200569773654</v>
      </c>
    </row>
    <row r="35639" spans="1:7" x14ac:dyDescent="0.3">
      <c r="A35639" s="13" t="s">
        <v>217</v>
      </c>
      <c r="B35639" s="14" t="s">
        <v>1</v>
      </c>
      <c r="C35639" s="14" t="s">
        <v>218</v>
      </c>
      <c r="D35639" s="14" t="s">
        <v>169</v>
      </c>
      <c r="E35639" s="15">
        <v>45610</v>
      </c>
      <c r="F35639" s="14" t="s">
        <v>25</v>
      </c>
      <c r="G35639" s="16">
        <v>0.92081742489451979</v>
      </c>
    </row>
    <row r="35640" spans="1:7" x14ac:dyDescent="0.3">
      <c r="A35640" s="13" t="s">
        <v>217</v>
      </c>
      <c r="B35640" s="14" t="s">
        <v>1</v>
      </c>
      <c r="C35640" s="14" t="s">
        <v>218</v>
      </c>
      <c r="D35640" s="14" t="s">
        <v>169</v>
      </c>
      <c r="E35640" s="15">
        <v>45611</v>
      </c>
      <c r="F35640" s="14" t="s">
        <v>25</v>
      </c>
      <c r="G35640" s="16">
        <v>0.94328284409130558</v>
      </c>
    </row>
    <row r="35641" spans="1:7" x14ac:dyDescent="0.3">
      <c r="A35641" s="13" t="s">
        <v>217</v>
      </c>
      <c r="B35641" s="14" t="s">
        <v>1</v>
      </c>
      <c r="C35641" s="14" t="s">
        <v>218</v>
      </c>
      <c r="D35641" s="14" t="s">
        <v>169</v>
      </c>
      <c r="E35641" s="15">
        <v>45612</v>
      </c>
      <c r="F35641" s="14" t="s">
        <v>25</v>
      </c>
      <c r="G35641" s="16">
        <v>0.94328284409130558</v>
      </c>
    </row>
    <row r="35642" spans="1:7" x14ac:dyDescent="0.3">
      <c r="A35642" s="13" t="s">
        <v>217</v>
      </c>
      <c r="B35642" s="14" t="s">
        <v>1</v>
      </c>
      <c r="C35642" s="14" t="s">
        <v>218</v>
      </c>
      <c r="D35642" s="14" t="s">
        <v>169</v>
      </c>
      <c r="E35642" s="15">
        <v>45613</v>
      </c>
      <c r="F35642" s="14" t="s">
        <v>25</v>
      </c>
      <c r="G35642" s="16">
        <v>0.94328284409130558</v>
      </c>
    </row>
    <row r="35643" spans="1:7" x14ac:dyDescent="0.3">
      <c r="A35643" s="13" t="s">
        <v>217</v>
      </c>
      <c r="B35643" s="14" t="s">
        <v>1</v>
      </c>
      <c r="C35643" s="14" t="s">
        <v>218</v>
      </c>
      <c r="D35643" s="14" t="s">
        <v>169</v>
      </c>
      <c r="E35643" s="15">
        <v>45614</v>
      </c>
      <c r="F35643" s="14" t="s">
        <v>25</v>
      </c>
      <c r="G35643" s="16">
        <v>0.9457482632880897</v>
      </c>
    </row>
    <row r="35644" spans="1:7" x14ac:dyDescent="0.3">
      <c r="A35644" s="13" t="s">
        <v>217</v>
      </c>
      <c r="B35644" s="14" t="s">
        <v>1</v>
      </c>
      <c r="C35644" s="14" t="s">
        <v>218</v>
      </c>
      <c r="D35644" s="14" t="s">
        <v>169</v>
      </c>
      <c r="E35644" s="15">
        <v>45615</v>
      </c>
      <c r="F35644" s="14" t="s">
        <v>25</v>
      </c>
      <c r="G35644" s="16">
        <v>0.95271368248487531</v>
      </c>
    </row>
    <row r="35645" spans="1:7" x14ac:dyDescent="0.3">
      <c r="A35645" s="13" t="s">
        <v>217</v>
      </c>
      <c r="B35645" s="14" t="s">
        <v>1</v>
      </c>
      <c r="C35645" s="14" t="s">
        <v>218</v>
      </c>
      <c r="D35645" s="14" t="s">
        <v>169</v>
      </c>
      <c r="E35645" s="15">
        <v>45616</v>
      </c>
      <c r="F35645" s="14" t="s">
        <v>25</v>
      </c>
      <c r="G35645" s="16">
        <v>0.95517910168165943</v>
      </c>
    </row>
    <row r="35646" spans="1:7" x14ac:dyDescent="0.3">
      <c r="A35646" s="13" t="s">
        <v>217</v>
      </c>
      <c r="B35646" s="14" t="s">
        <v>1</v>
      </c>
      <c r="C35646" s="14" t="s">
        <v>218</v>
      </c>
      <c r="D35646" s="14" t="s">
        <v>169</v>
      </c>
      <c r="E35646" s="15">
        <v>45617</v>
      </c>
      <c r="F35646" s="14" t="s">
        <v>25</v>
      </c>
      <c r="G35646" s="16">
        <v>0.95764452087844343</v>
      </c>
    </row>
    <row r="35647" spans="1:7" x14ac:dyDescent="0.3">
      <c r="A35647" s="13" t="s">
        <v>217</v>
      </c>
      <c r="B35647" s="14" t="s">
        <v>1</v>
      </c>
      <c r="C35647" s="14" t="s">
        <v>218</v>
      </c>
      <c r="D35647" s="14" t="s">
        <v>169</v>
      </c>
      <c r="E35647" s="15">
        <v>45618</v>
      </c>
      <c r="F35647" s="14" t="s">
        <v>25</v>
      </c>
      <c r="G35647" s="16">
        <v>0.96010994007522754</v>
      </c>
    </row>
    <row r="35648" spans="1:7" x14ac:dyDescent="0.3">
      <c r="A35648" s="13" t="s">
        <v>217</v>
      </c>
      <c r="B35648" s="14" t="s">
        <v>1</v>
      </c>
      <c r="C35648" s="14" t="s">
        <v>218</v>
      </c>
      <c r="D35648" s="14" t="s">
        <v>169</v>
      </c>
      <c r="E35648" s="15">
        <v>45619</v>
      </c>
      <c r="F35648" s="14" t="s">
        <v>25</v>
      </c>
      <c r="G35648" s="16">
        <v>0.96010994007522754</v>
      </c>
    </row>
    <row r="35649" spans="1:7" x14ac:dyDescent="0.3">
      <c r="A35649" s="13" t="s">
        <v>217</v>
      </c>
      <c r="B35649" s="14" t="s">
        <v>1</v>
      </c>
      <c r="C35649" s="14" t="s">
        <v>218</v>
      </c>
      <c r="D35649" s="14" t="s">
        <v>169</v>
      </c>
      <c r="E35649" s="15">
        <v>45620</v>
      </c>
      <c r="F35649" s="14" t="s">
        <v>25</v>
      </c>
      <c r="G35649" s="16">
        <v>0.96010994007522754</v>
      </c>
    </row>
    <row r="35650" spans="1:7" x14ac:dyDescent="0.3">
      <c r="A35650" s="13" t="s">
        <v>217</v>
      </c>
      <c r="B35650" s="14" t="s">
        <v>1</v>
      </c>
      <c r="C35650" s="14" t="s">
        <v>218</v>
      </c>
      <c r="D35650" s="14" t="s">
        <v>169</v>
      </c>
      <c r="E35650" s="15">
        <v>45621</v>
      </c>
      <c r="F35650" s="14" t="s">
        <v>25</v>
      </c>
      <c r="G35650" s="16">
        <v>0.96257535927201165</v>
      </c>
    </row>
    <row r="35651" spans="1:7" x14ac:dyDescent="0.3">
      <c r="A35651" s="13" t="s">
        <v>217</v>
      </c>
      <c r="B35651" s="14" t="s">
        <v>1</v>
      </c>
      <c r="C35651" s="14" t="s">
        <v>218</v>
      </c>
      <c r="D35651" s="14" t="s">
        <v>169</v>
      </c>
      <c r="E35651" s="15">
        <v>45622</v>
      </c>
      <c r="F35651" s="14" t="s">
        <v>25</v>
      </c>
      <c r="G35651" s="16">
        <v>0.97004077846879677</v>
      </c>
    </row>
    <row r="35652" spans="1:7" x14ac:dyDescent="0.3">
      <c r="A35652" s="13" t="s">
        <v>217</v>
      </c>
      <c r="B35652" s="14" t="s">
        <v>1</v>
      </c>
      <c r="C35652" s="14" t="s">
        <v>218</v>
      </c>
      <c r="D35652" s="14" t="s">
        <v>169</v>
      </c>
      <c r="E35652" s="15">
        <v>45623</v>
      </c>
      <c r="F35652" s="14" t="s">
        <v>25</v>
      </c>
      <c r="G35652" s="16">
        <v>0.97250619766558088</v>
      </c>
    </row>
    <row r="35653" spans="1:7" x14ac:dyDescent="0.3">
      <c r="A35653" s="13" t="s">
        <v>217</v>
      </c>
      <c r="B35653" s="14" t="s">
        <v>1</v>
      </c>
      <c r="C35653" s="14" t="s">
        <v>218</v>
      </c>
      <c r="D35653" s="14" t="s">
        <v>169</v>
      </c>
      <c r="E35653" s="15">
        <v>45624</v>
      </c>
      <c r="F35653" s="14" t="s">
        <v>25</v>
      </c>
      <c r="G35653" s="16">
        <v>0.97397161686236589</v>
      </c>
    </row>
    <row r="35654" spans="1:7" x14ac:dyDescent="0.3">
      <c r="A35654" s="13" t="s">
        <v>217</v>
      </c>
      <c r="B35654" s="14" t="s">
        <v>1</v>
      </c>
      <c r="C35654" s="14" t="s">
        <v>218</v>
      </c>
      <c r="D35654" s="14" t="s">
        <v>169</v>
      </c>
      <c r="E35654" s="15">
        <v>45625</v>
      </c>
      <c r="F35654" s="14" t="s">
        <v>25</v>
      </c>
      <c r="G35654" s="16">
        <v>0.97643703605914989</v>
      </c>
    </row>
    <row r="35655" spans="1:7" x14ac:dyDescent="0.3">
      <c r="A35655" s="13" t="s">
        <v>217</v>
      </c>
      <c r="B35655" s="14" t="s">
        <v>1</v>
      </c>
      <c r="C35655" s="14" t="s">
        <v>218</v>
      </c>
      <c r="D35655" s="14" t="s">
        <v>169</v>
      </c>
      <c r="E35655" s="15">
        <v>45626</v>
      </c>
      <c r="F35655" s="14" t="s">
        <v>25</v>
      </c>
      <c r="G35655" s="16">
        <v>0.97643703605914989</v>
      </c>
    </row>
    <row r="35656" spans="1:7" x14ac:dyDescent="0.3">
      <c r="A35656" s="13" t="s">
        <v>217</v>
      </c>
      <c r="B35656" s="14" t="s">
        <v>1</v>
      </c>
      <c r="C35656" s="14" t="s">
        <v>218</v>
      </c>
      <c r="D35656" s="14" t="s">
        <v>169</v>
      </c>
      <c r="E35656" s="15">
        <v>45627</v>
      </c>
      <c r="F35656" s="14" t="s">
        <v>25</v>
      </c>
      <c r="G35656" s="16">
        <v>0.97643703605914989</v>
      </c>
    </row>
    <row r="35657" spans="1:7" x14ac:dyDescent="0.3">
      <c r="A35657" s="13" t="s">
        <v>217</v>
      </c>
      <c r="B35657" s="14" t="s">
        <v>1</v>
      </c>
      <c r="C35657" s="14" t="s">
        <v>218</v>
      </c>
      <c r="D35657" s="14" t="s">
        <v>169</v>
      </c>
      <c r="E35657" s="15">
        <v>45628</v>
      </c>
      <c r="F35657" s="14" t="s">
        <v>25</v>
      </c>
      <c r="G35657" s="16">
        <v>0.98490245525593423</v>
      </c>
    </row>
    <row r="35658" spans="1:7" x14ac:dyDescent="0.3">
      <c r="A35658" s="13" t="s">
        <v>217</v>
      </c>
      <c r="B35658" s="14" t="s">
        <v>1</v>
      </c>
      <c r="C35658" s="14" t="s">
        <v>218</v>
      </c>
      <c r="D35658" s="14" t="s">
        <v>169</v>
      </c>
      <c r="E35658" s="15">
        <v>45629</v>
      </c>
      <c r="F35658" s="14" t="s">
        <v>25</v>
      </c>
      <c r="G35658" s="16">
        <v>0.99086787445271796</v>
      </c>
    </row>
    <row r="35659" spans="1:7" x14ac:dyDescent="0.3">
      <c r="A35659" s="13" t="s">
        <v>217</v>
      </c>
      <c r="B35659" s="14" t="s">
        <v>1</v>
      </c>
      <c r="C35659" s="14" t="s">
        <v>218</v>
      </c>
      <c r="D35659" s="14" t="s">
        <v>169</v>
      </c>
      <c r="E35659" s="15">
        <v>45630</v>
      </c>
      <c r="F35659" s="14" t="s">
        <v>25</v>
      </c>
      <c r="G35659" s="16">
        <v>0.99483329364950346</v>
      </c>
    </row>
    <row r="35660" spans="1:7" x14ac:dyDescent="0.3">
      <c r="A35660" s="13" t="s">
        <v>217</v>
      </c>
      <c r="B35660" s="14" t="s">
        <v>1</v>
      </c>
      <c r="C35660" s="14" t="s">
        <v>218</v>
      </c>
      <c r="D35660" s="14" t="s">
        <v>169</v>
      </c>
      <c r="E35660" s="15">
        <v>45631</v>
      </c>
      <c r="F35660" s="14" t="s">
        <v>25</v>
      </c>
      <c r="G35660" s="16">
        <v>1.0007987128462872</v>
      </c>
    </row>
    <row r="35661" spans="1:7" x14ac:dyDescent="0.3">
      <c r="A35661" s="13" t="s">
        <v>217</v>
      </c>
      <c r="B35661" s="14" t="s">
        <v>1</v>
      </c>
      <c r="C35661" s="14" t="s">
        <v>218</v>
      </c>
      <c r="D35661" s="14" t="s">
        <v>169</v>
      </c>
      <c r="E35661" s="15">
        <v>45632</v>
      </c>
      <c r="F35661" s="14" t="s">
        <v>25</v>
      </c>
      <c r="G35661" s="16">
        <v>1.0032641320430713</v>
      </c>
    </row>
    <row r="35662" spans="1:7" x14ac:dyDescent="0.3">
      <c r="A35662" s="13" t="s">
        <v>217</v>
      </c>
      <c r="B35662" s="14" t="s">
        <v>1</v>
      </c>
      <c r="C35662" s="14" t="s">
        <v>218</v>
      </c>
      <c r="D35662" s="14" t="s">
        <v>169</v>
      </c>
      <c r="E35662" s="15">
        <v>45633</v>
      </c>
      <c r="F35662" s="14" t="s">
        <v>25</v>
      </c>
      <c r="G35662" s="16">
        <v>1.0032641320430713</v>
      </c>
    </row>
    <row r="35663" spans="1:7" x14ac:dyDescent="0.3">
      <c r="A35663" s="13" t="s">
        <v>217</v>
      </c>
      <c r="B35663" s="14" t="s">
        <v>1</v>
      </c>
      <c r="C35663" s="14" t="s">
        <v>218</v>
      </c>
      <c r="D35663" s="14" t="s">
        <v>169</v>
      </c>
      <c r="E35663" s="15">
        <v>45634</v>
      </c>
      <c r="F35663" s="14" t="s">
        <v>25</v>
      </c>
      <c r="G35663" s="16">
        <v>1.0032641320430713</v>
      </c>
    </row>
    <row r="35664" spans="1:7" x14ac:dyDescent="0.3">
      <c r="A35664" s="13" t="s">
        <v>217</v>
      </c>
      <c r="B35664" s="14" t="s">
        <v>1</v>
      </c>
      <c r="C35664" s="14" t="s">
        <v>218</v>
      </c>
      <c r="D35664" s="14" t="s">
        <v>169</v>
      </c>
      <c r="E35664" s="15">
        <v>45635</v>
      </c>
      <c r="F35664" s="14" t="s">
        <v>25</v>
      </c>
      <c r="G35664" s="16">
        <v>1.0057295512398554</v>
      </c>
    </row>
    <row r="35665" spans="1:7" x14ac:dyDescent="0.3">
      <c r="A35665" s="13" t="s">
        <v>217</v>
      </c>
      <c r="B35665" s="14" t="s">
        <v>1</v>
      </c>
      <c r="C35665" s="14" t="s">
        <v>218</v>
      </c>
      <c r="D35665" s="14" t="s">
        <v>169</v>
      </c>
      <c r="E35665" s="15">
        <v>45636</v>
      </c>
      <c r="F35665" s="14" t="s">
        <v>25</v>
      </c>
      <c r="G35665" s="16">
        <v>1.012694970436641</v>
      </c>
    </row>
    <row r="35666" spans="1:7" x14ac:dyDescent="0.3">
      <c r="A35666" s="13" t="s">
        <v>217</v>
      </c>
      <c r="B35666" s="14" t="s">
        <v>1</v>
      </c>
      <c r="C35666" s="14" t="s">
        <v>218</v>
      </c>
      <c r="D35666" s="14" t="s">
        <v>169</v>
      </c>
      <c r="E35666" s="15">
        <v>45637</v>
      </c>
      <c r="F35666" s="14" t="s">
        <v>25</v>
      </c>
      <c r="G35666" s="16">
        <v>1.024660389633425</v>
      </c>
    </row>
    <row r="35667" spans="1:7" x14ac:dyDescent="0.3">
      <c r="A35667" s="13" t="s">
        <v>217</v>
      </c>
      <c r="B35667" s="14" t="s">
        <v>1</v>
      </c>
      <c r="C35667" s="14" t="s">
        <v>218</v>
      </c>
      <c r="D35667" s="14" t="s">
        <v>169</v>
      </c>
      <c r="E35667" s="15">
        <v>45638</v>
      </c>
      <c r="F35667" s="14" t="s">
        <v>25</v>
      </c>
      <c r="G35667" s="16">
        <v>1.0271258088302091</v>
      </c>
    </row>
    <row r="35668" spans="1:7" x14ac:dyDescent="0.3">
      <c r="A35668" s="13" t="s">
        <v>217</v>
      </c>
      <c r="B35668" s="14" t="s">
        <v>1</v>
      </c>
      <c r="C35668" s="14" t="s">
        <v>218</v>
      </c>
      <c r="D35668" s="14" t="s">
        <v>169</v>
      </c>
      <c r="E35668" s="15">
        <v>45639</v>
      </c>
      <c r="F35668" s="14" t="s">
        <v>25</v>
      </c>
      <c r="G35668" s="16">
        <v>1.0295912280269932</v>
      </c>
    </row>
    <row r="35669" spans="1:7" x14ac:dyDescent="0.3">
      <c r="A35669" s="13" t="s">
        <v>217</v>
      </c>
      <c r="B35669" s="14" t="s">
        <v>1</v>
      </c>
      <c r="C35669" s="14" t="s">
        <v>218</v>
      </c>
      <c r="D35669" s="14" t="s">
        <v>169</v>
      </c>
      <c r="E35669" s="15">
        <v>45640</v>
      </c>
      <c r="F35669" s="14" t="s">
        <v>25</v>
      </c>
      <c r="G35669" s="16">
        <v>1.0295912280269932</v>
      </c>
    </row>
    <row r="35670" spans="1:7" x14ac:dyDescent="0.3">
      <c r="A35670" s="13" t="s">
        <v>217</v>
      </c>
      <c r="B35670" s="14" t="s">
        <v>1</v>
      </c>
      <c r="C35670" s="14" t="s">
        <v>218</v>
      </c>
      <c r="D35670" s="14" t="s">
        <v>169</v>
      </c>
      <c r="E35670" s="15">
        <v>45641</v>
      </c>
      <c r="F35670" s="14" t="s">
        <v>25</v>
      </c>
      <c r="G35670" s="16">
        <v>1.0295912280269932</v>
      </c>
    </row>
    <row r="35671" spans="1:7" x14ac:dyDescent="0.3">
      <c r="A35671" s="13" t="s">
        <v>217</v>
      </c>
      <c r="B35671" s="14" t="s">
        <v>1</v>
      </c>
      <c r="C35671" s="14" t="s">
        <v>218</v>
      </c>
      <c r="D35671" s="14" t="s">
        <v>169</v>
      </c>
      <c r="E35671" s="15">
        <v>45642</v>
      </c>
      <c r="F35671" s="14" t="s">
        <v>25</v>
      </c>
      <c r="G35671" s="16">
        <v>1.0320566472237771</v>
      </c>
    </row>
    <row r="35672" spans="1:7" x14ac:dyDescent="0.3">
      <c r="A35672" s="13" t="s">
        <v>217</v>
      </c>
      <c r="B35672" s="14" t="s">
        <v>1</v>
      </c>
      <c r="C35672" s="14" t="s">
        <v>218</v>
      </c>
      <c r="D35672" s="14" t="s">
        <v>169</v>
      </c>
      <c r="E35672" s="15">
        <v>45643</v>
      </c>
      <c r="F35672" s="14" t="s">
        <v>25</v>
      </c>
      <c r="G35672" s="16">
        <v>1.0390220664205629</v>
      </c>
    </row>
    <row r="35673" spans="1:7" x14ac:dyDescent="0.3">
      <c r="A35673" s="13" t="s">
        <v>217</v>
      </c>
      <c r="B35673" s="14" t="s">
        <v>1</v>
      </c>
      <c r="C35673" s="14" t="s">
        <v>218</v>
      </c>
      <c r="D35673" s="14" t="s">
        <v>169</v>
      </c>
      <c r="E35673" s="15">
        <v>45644</v>
      </c>
      <c r="F35673" s="14" t="s">
        <v>25</v>
      </c>
      <c r="G35673" s="16">
        <v>1.0409874856173473</v>
      </c>
    </row>
    <row r="35674" spans="1:7" x14ac:dyDescent="0.3">
      <c r="A35674" s="13" t="s">
        <v>217</v>
      </c>
      <c r="B35674" s="14" t="s">
        <v>1</v>
      </c>
      <c r="C35674" s="14" t="s">
        <v>218</v>
      </c>
      <c r="D35674" s="14" t="s">
        <v>169</v>
      </c>
      <c r="E35674" s="15">
        <v>45645</v>
      </c>
      <c r="F35674" s="14" t="s">
        <v>25</v>
      </c>
      <c r="G35674" s="16">
        <v>1.0434529048141314</v>
      </c>
    </row>
    <row r="35675" spans="1:7" x14ac:dyDescent="0.3">
      <c r="A35675" s="13" t="s">
        <v>217</v>
      </c>
      <c r="B35675" s="14" t="s">
        <v>1</v>
      </c>
      <c r="C35675" s="14" t="s">
        <v>218</v>
      </c>
      <c r="D35675" s="14" t="s">
        <v>169</v>
      </c>
      <c r="E35675" s="15">
        <v>45646</v>
      </c>
      <c r="F35675" s="14" t="s">
        <v>25</v>
      </c>
      <c r="G35675" s="16">
        <v>1.0459183240109156</v>
      </c>
    </row>
    <row r="35676" spans="1:7" x14ac:dyDescent="0.3">
      <c r="A35676" s="13" t="s">
        <v>217</v>
      </c>
      <c r="B35676" s="14" t="s">
        <v>1</v>
      </c>
      <c r="C35676" s="14" t="s">
        <v>218</v>
      </c>
      <c r="D35676" s="14" t="s">
        <v>169</v>
      </c>
      <c r="E35676" s="15">
        <v>45647</v>
      </c>
      <c r="F35676" s="14" t="s">
        <v>25</v>
      </c>
      <c r="G35676" s="16">
        <v>1.0459183240109156</v>
      </c>
    </row>
    <row r="35677" spans="1:7" x14ac:dyDescent="0.3">
      <c r="A35677" s="13" t="s">
        <v>217</v>
      </c>
      <c r="B35677" s="14" t="s">
        <v>1</v>
      </c>
      <c r="C35677" s="14" t="s">
        <v>218</v>
      </c>
      <c r="D35677" s="14" t="s">
        <v>169</v>
      </c>
      <c r="E35677" s="15">
        <v>45648</v>
      </c>
      <c r="F35677" s="14" t="s">
        <v>25</v>
      </c>
      <c r="G35677" s="16">
        <v>1.0459183240109156</v>
      </c>
    </row>
    <row r="35678" spans="1:7" x14ac:dyDescent="0.3">
      <c r="A35678" s="13" t="s">
        <v>217</v>
      </c>
      <c r="B35678" s="14" t="s">
        <v>1</v>
      </c>
      <c r="C35678" s="14" t="s">
        <v>218</v>
      </c>
      <c r="D35678" s="14" t="s">
        <v>169</v>
      </c>
      <c r="E35678" s="15">
        <v>45649</v>
      </c>
      <c r="F35678" s="14" t="s">
        <v>25</v>
      </c>
      <c r="G35678" s="16">
        <v>1.0478837432076999</v>
      </c>
    </row>
    <row r="35679" spans="1:7" x14ac:dyDescent="0.3">
      <c r="A35679" s="13" t="s">
        <v>217</v>
      </c>
      <c r="B35679" s="14" t="s">
        <v>1</v>
      </c>
      <c r="C35679" s="14" t="s">
        <v>218</v>
      </c>
      <c r="D35679" s="14" t="s">
        <v>169</v>
      </c>
      <c r="E35679" s="15">
        <v>45650</v>
      </c>
      <c r="F35679" s="14" t="s">
        <v>25</v>
      </c>
      <c r="G35679" s="16">
        <v>1.0543491624044834</v>
      </c>
    </row>
    <row r="35680" spans="1:7" x14ac:dyDescent="0.3">
      <c r="A35680" s="13" t="s">
        <v>217</v>
      </c>
      <c r="B35680" s="14" t="s">
        <v>1</v>
      </c>
      <c r="C35680" s="14" t="s">
        <v>218</v>
      </c>
      <c r="D35680" s="14" t="s">
        <v>169</v>
      </c>
      <c r="E35680" s="15">
        <v>45651</v>
      </c>
      <c r="F35680" s="14" t="s">
        <v>25</v>
      </c>
      <c r="G35680" s="16">
        <v>1.0543491624044834</v>
      </c>
    </row>
    <row r="35681" spans="1:7" x14ac:dyDescent="0.3">
      <c r="A35681" s="13" t="s">
        <v>217</v>
      </c>
      <c r="B35681" s="14" t="s">
        <v>1</v>
      </c>
      <c r="C35681" s="14" t="s">
        <v>218</v>
      </c>
      <c r="D35681" s="14" t="s">
        <v>169</v>
      </c>
      <c r="E35681" s="15">
        <v>45652</v>
      </c>
      <c r="F35681" s="14" t="s">
        <v>25</v>
      </c>
      <c r="G35681" s="16">
        <v>1.0543491624044834</v>
      </c>
    </row>
    <row r="35682" spans="1:7" x14ac:dyDescent="0.3">
      <c r="A35682" s="13" t="s">
        <v>217</v>
      </c>
      <c r="B35682" s="14" t="s">
        <v>1</v>
      </c>
      <c r="C35682" s="14" t="s">
        <v>218</v>
      </c>
      <c r="D35682" s="14" t="s">
        <v>169</v>
      </c>
      <c r="E35682" s="15">
        <v>45653</v>
      </c>
      <c r="F35682" s="14" t="s">
        <v>25</v>
      </c>
      <c r="G35682" s="16">
        <v>1.0543491624044834</v>
      </c>
    </row>
    <row r="35683" spans="1:7" x14ac:dyDescent="0.3">
      <c r="A35683" s="13" t="s">
        <v>217</v>
      </c>
      <c r="B35683" s="14" t="s">
        <v>1</v>
      </c>
      <c r="C35683" s="14" t="s">
        <v>218</v>
      </c>
      <c r="D35683" s="14" t="s">
        <v>169</v>
      </c>
      <c r="E35683" s="15">
        <v>45654</v>
      </c>
      <c r="F35683" s="14" t="s">
        <v>25</v>
      </c>
      <c r="G35683" s="16">
        <v>1.0543491624044834</v>
      </c>
    </row>
    <row r="35684" spans="1:7" x14ac:dyDescent="0.3">
      <c r="A35684" s="13" t="s">
        <v>217</v>
      </c>
      <c r="B35684" s="14" t="s">
        <v>1</v>
      </c>
      <c r="C35684" s="14" t="s">
        <v>218</v>
      </c>
      <c r="D35684" s="14" t="s">
        <v>169</v>
      </c>
      <c r="E35684" s="15">
        <v>45655</v>
      </c>
      <c r="F35684" s="14" t="s">
        <v>25</v>
      </c>
      <c r="G35684" s="16">
        <v>1.0543491624044834</v>
      </c>
    </row>
    <row r="35685" spans="1:7" x14ac:dyDescent="0.3">
      <c r="A35685" s="13" t="s">
        <v>217</v>
      </c>
      <c r="B35685" s="14" t="s">
        <v>1</v>
      </c>
      <c r="C35685" s="14" t="s">
        <v>218</v>
      </c>
      <c r="D35685" s="14" t="s">
        <v>169</v>
      </c>
      <c r="E35685" s="15">
        <v>45656</v>
      </c>
      <c r="F35685" s="14" t="s">
        <v>25</v>
      </c>
      <c r="G35685" s="16">
        <v>1.0563145816012678</v>
      </c>
    </row>
    <row r="35686" spans="1:7" x14ac:dyDescent="0.3">
      <c r="A35686" s="13" t="s">
        <v>217</v>
      </c>
      <c r="B35686" s="14" t="s">
        <v>1</v>
      </c>
      <c r="C35686" s="14" t="s">
        <v>218</v>
      </c>
      <c r="D35686" s="14" t="s">
        <v>169</v>
      </c>
      <c r="E35686" s="15">
        <v>45657</v>
      </c>
      <c r="F35686" s="14" t="s">
        <v>25</v>
      </c>
      <c r="G35686" s="16">
        <v>1.0702800007980529</v>
      </c>
    </row>
    <row r="35687" spans="1:7" x14ac:dyDescent="0.3">
      <c r="A35687" s="13" t="s">
        <v>217</v>
      </c>
      <c r="B35687" s="14" t="s">
        <v>1</v>
      </c>
      <c r="C35687" s="14" t="s">
        <v>218</v>
      </c>
      <c r="D35687" s="14" t="s">
        <v>169</v>
      </c>
      <c r="E35687" s="15">
        <v>45658</v>
      </c>
      <c r="F35687" s="14" t="s">
        <v>25</v>
      </c>
      <c r="G35687" s="16">
        <v>1.0702800007980529</v>
      </c>
    </row>
    <row r="35688" spans="1:7" x14ac:dyDescent="0.3">
      <c r="A35688" s="13" t="s">
        <v>217</v>
      </c>
      <c r="B35688" s="14" t="s">
        <v>1</v>
      </c>
      <c r="C35688" s="14" t="s">
        <v>218</v>
      </c>
      <c r="D35688" s="14" t="s">
        <v>169</v>
      </c>
      <c r="E35688" s="15">
        <v>45659</v>
      </c>
      <c r="F35688" s="14" t="s">
        <v>25</v>
      </c>
      <c r="G35688" s="16">
        <v>1.0702800007980529</v>
      </c>
    </row>
    <row r="35689" spans="1:7" x14ac:dyDescent="0.3">
      <c r="A35689" s="13" t="s">
        <v>217</v>
      </c>
      <c r="B35689" s="14" t="s">
        <v>1</v>
      </c>
      <c r="C35689" s="14" t="s">
        <v>218</v>
      </c>
      <c r="D35689" s="14" t="s">
        <v>169</v>
      </c>
      <c r="E35689" s="15">
        <v>45660</v>
      </c>
      <c r="F35689" s="14" t="s">
        <v>25</v>
      </c>
      <c r="G35689" s="16">
        <v>1.0722454199948372</v>
      </c>
    </row>
    <row r="35690" spans="1:7" x14ac:dyDescent="0.3">
      <c r="A35690" s="13" t="s">
        <v>217</v>
      </c>
      <c r="B35690" s="14" t="s">
        <v>1</v>
      </c>
      <c r="C35690" s="14" t="s">
        <v>218</v>
      </c>
      <c r="D35690" s="14" t="s">
        <v>169</v>
      </c>
      <c r="E35690" s="15">
        <v>45661</v>
      </c>
      <c r="F35690" s="14" t="s">
        <v>25</v>
      </c>
      <c r="G35690" s="16">
        <v>1.0722454199948372</v>
      </c>
    </row>
    <row r="35691" spans="1:7" x14ac:dyDescent="0.3">
      <c r="A35691" s="13" t="s">
        <v>217</v>
      </c>
      <c r="B35691" s="14" t="s">
        <v>1</v>
      </c>
      <c r="C35691" s="14" t="s">
        <v>218</v>
      </c>
      <c r="D35691" s="14" t="s">
        <v>169</v>
      </c>
      <c r="E35691" s="15">
        <v>45662</v>
      </c>
      <c r="F35691" s="14" t="s">
        <v>25</v>
      </c>
      <c r="G35691" s="16">
        <v>1.0722454199948372</v>
      </c>
    </row>
    <row r="35692" spans="1:7" x14ac:dyDescent="0.3">
      <c r="A35692" s="13" t="s">
        <v>217</v>
      </c>
      <c r="B35692" s="14" t="s">
        <v>1</v>
      </c>
      <c r="C35692" s="14" t="s">
        <v>218</v>
      </c>
      <c r="D35692" s="14" t="s">
        <v>169</v>
      </c>
      <c r="E35692" s="15">
        <v>45663</v>
      </c>
      <c r="F35692" s="14" t="s">
        <v>25</v>
      </c>
      <c r="G35692" s="16">
        <v>1.078210839191621</v>
      </c>
    </row>
    <row r="35693" spans="1:7" x14ac:dyDescent="0.3">
      <c r="A35693" s="13" t="s">
        <v>217</v>
      </c>
      <c r="B35693" s="14" t="s">
        <v>1</v>
      </c>
      <c r="C35693" s="14" t="s">
        <v>218</v>
      </c>
      <c r="D35693" s="14" t="s">
        <v>169</v>
      </c>
      <c r="E35693" s="15">
        <v>45664</v>
      </c>
      <c r="F35693" s="14" t="s">
        <v>25</v>
      </c>
      <c r="G35693" s="16">
        <v>1.0911762583884042</v>
      </c>
    </row>
    <row r="35694" spans="1:7" x14ac:dyDescent="0.3">
      <c r="A35694" s="13" t="s">
        <v>217</v>
      </c>
      <c r="B35694" s="14" t="s">
        <v>1</v>
      </c>
      <c r="C35694" s="14" t="s">
        <v>218</v>
      </c>
      <c r="D35694" s="14" t="s">
        <v>169</v>
      </c>
      <c r="E35694" s="15">
        <v>45665</v>
      </c>
      <c r="F35694" s="14" t="s">
        <v>25</v>
      </c>
      <c r="G35694" s="16">
        <v>1.0931416775851885</v>
      </c>
    </row>
    <row r="35695" spans="1:7" x14ac:dyDescent="0.3">
      <c r="A35695" s="13" t="s">
        <v>217</v>
      </c>
      <c r="B35695" s="14" t="s">
        <v>1</v>
      </c>
      <c r="C35695" s="14" t="s">
        <v>218</v>
      </c>
      <c r="D35695" s="14" t="s">
        <v>169</v>
      </c>
      <c r="E35695" s="15">
        <v>45666</v>
      </c>
      <c r="F35695" s="14" t="s">
        <v>25</v>
      </c>
      <c r="G35695" s="16">
        <v>1.0951070967819732</v>
      </c>
    </row>
    <row r="35696" spans="1:7" x14ac:dyDescent="0.3">
      <c r="A35696" s="13" t="s">
        <v>217</v>
      </c>
      <c r="B35696" s="14" t="s">
        <v>1</v>
      </c>
      <c r="C35696" s="14" t="s">
        <v>218</v>
      </c>
      <c r="D35696" s="14" t="s">
        <v>169</v>
      </c>
      <c r="E35696" s="15">
        <v>45667</v>
      </c>
      <c r="F35696" s="14" t="s">
        <v>25</v>
      </c>
      <c r="G35696" s="16">
        <v>1.0970725159787578</v>
      </c>
    </row>
    <row r="35697" spans="1:7" x14ac:dyDescent="0.3">
      <c r="A35697" s="13" t="s">
        <v>217</v>
      </c>
      <c r="B35697" s="14" t="s">
        <v>1</v>
      </c>
      <c r="C35697" s="14" t="s">
        <v>218</v>
      </c>
      <c r="D35697" s="14" t="s">
        <v>169</v>
      </c>
      <c r="E35697" s="15">
        <v>45668</v>
      </c>
      <c r="F35697" s="14" t="s">
        <v>25</v>
      </c>
      <c r="G35697" s="16">
        <v>1.0970725159787578</v>
      </c>
    </row>
    <row r="35698" spans="1:7" x14ac:dyDescent="0.3">
      <c r="A35698" s="13" t="s">
        <v>217</v>
      </c>
      <c r="B35698" s="14" t="s">
        <v>1</v>
      </c>
      <c r="C35698" s="14" t="s">
        <v>218</v>
      </c>
      <c r="D35698" s="14" t="s">
        <v>169</v>
      </c>
      <c r="E35698" s="15">
        <v>45669</v>
      </c>
      <c r="F35698" s="14" t="s">
        <v>25</v>
      </c>
      <c r="G35698" s="16">
        <v>1.0970725159787578</v>
      </c>
    </row>
    <row r="35699" spans="1:7" x14ac:dyDescent="0.3">
      <c r="A35699" s="13" t="s">
        <v>217</v>
      </c>
      <c r="B35699" s="14" t="s">
        <v>1</v>
      </c>
      <c r="C35699" s="14" t="s">
        <v>218</v>
      </c>
      <c r="D35699" s="14" t="s">
        <v>169</v>
      </c>
      <c r="E35699" s="15">
        <v>45670</v>
      </c>
      <c r="F35699" s="14" t="s">
        <v>25</v>
      </c>
      <c r="G35699" s="16">
        <v>1.0990379351755422</v>
      </c>
    </row>
    <row r="35700" spans="1:7" x14ac:dyDescent="0.3">
      <c r="A35700" s="13" t="s">
        <v>217</v>
      </c>
      <c r="B35700" s="14" t="s">
        <v>1</v>
      </c>
      <c r="C35700" s="14" t="s">
        <v>218</v>
      </c>
      <c r="D35700" s="14" t="s">
        <v>169</v>
      </c>
      <c r="E35700" s="15">
        <v>45671</v>
      </c>
      <c r="F35700" s="14" t="s">
        <v>25</v>
      </c>
      <c r="G35700" s="16">
        <v>1.1060033543723278</v>
      </c>
    </row>
    <row r="35701" spans="1:7" x14ac:dyDescent="0.3">
      <c r="A35701" s="13" t="s">
        <v>217</v>
      </c>
      <c r="B35701" s="14" t="s">
        <v>1</v>
      </c>
      <c r="C35701" s="14" t="s">
        <v>218</v>
      </c>
      <c r="D35701" s="14" t="s">
        <v>169</v>
      </c>
      <c r="E35701" s="15">
        <v>45672</v>
      </c>
      <c r="F35701" s="14" t="s">
        <v>25</v>
      </c>
      <c r="G35701" s="16">
        <v>1.1079687735691124</v>
      </c>
    </row>
    <row r="35702" spans="1:7" x14ac:dyDescent="0.3">
      <c r="A35702" s="13" t="s">
        <v>217</v>
      </c>
      <c r="B35702" s="14" t="s">
        <v>1</v>
      </c>
      <c r="C35702" s="14" t="s">
        <v>218</v>
      </c>
      <c r="D35702" s="14" t="s">
        <v>169</v>
      </c>
      <c r="E35702" s="15">
        <v>45673</v>
      </c>
      <c r="F35702" s="14" t="s">
        <v>25</v>
      </c>
      <c r="G35702" s="16">
        <v>1.109934192765897</v>
      </c>
    </row>
    <row r="35703" spans="1:7" x14ac:dyDescent="0.3">
      <c r="A35703" s="13" t="s">
        <v>217</v>
      </c>
      <c r="B35703" s="14" t="s">
        <v>1</v>
      </c>
      <c r="C35703" s="14" t="s">
        <v>218</v>
      </c>
      <c r="D35703" s="14" t="s">
        <v>169</v>
      </c>
      <c r="E35703" s="15">
        <v>45674</v>
      </c>
      <c r="F35703" s="14" t="s">
        <v>25</v>
      </c>
      <c r="G35703" s="16">
        <v>1.1523996119626816</v>
      </c>
    </row>
    <row r="35704" spans="1:7" x14ac:dyDescent="0.3">
      <c r="A35704" s="13" t="s">
        <v>217</v>
      </c>
      <c r="B35704" s="14" t="s">
        <v>1</v>
      </c>
      <c r="C35704" s="14" t="s">
        <v>218</v>
      </c>
      <c r="D35704" s="14" t="s">
        <v>169</v>
      </c>
      <c r="E35704" s="15">
        <v>45675</v>
      </c>
      <c r="F35704" s="14" t="s">
        <v>25</v>
      </c>
      <c r="G35704" s="16">
        <v>1.1523996119626816</v>
      </c>
    </row>
    <row r="35705" spans="1:7" x14ac:dyDescent="0.3">
      <c r="A35705" s="13" t="s">
        <v>217</v>
      </c>
      <c r="B35705" s="14" t="s">
        <v>1</v>
      </c>
      <c r="C35705" s="14" t="s">
        <v>218</v>
      </c>
      <c r="D35705" s="14" t="s">
        <v>169</v>
      </c>
      <c r="E35705" s="15">
        <v>45676</v>
      </c>
      <c r="F35705" s="14" t="s">
        <v>25</v>
      </c>
      <c r="G35705" s="16">
        <v>1.1523996119626816</v>
      </c>
    </row>
    <row r="35706" spans="1:7" x14ac:dyDescent="0.3">
      <c r="A35706" s="13" t="s">
        <v>217</v>
      </c>
      <c r="B35706" s="14" t="s">
        <v>1</v>
      </c>
      <c r="C35706" s="14" t="s">
        <v>218</v>
      </c>
      <c r="D35706" s="14" t="s">
        <v>169</v>
      </c>
      <c r="E35706" s="15">
        <v>45677</v>
      </c>
      <c r="F35706" s="14" t="s">
        <v>25</v>
      </c>
      <c r="G35706" s="16">
        <v>1.1553650311594652</v>
      </c>
    </row>
    <row r="35707" spans="1:7" x14ac:dyDescent="0.3">
      <c r="A35707" s="13" t="s">
        <v>217</v>
      </c>
      <c r="B35707" s="14" t="s">
        <v>1</v>
      </c>
      <c r="C35707" s="14" t="s">
        <v>218</v>
      </c>
      <c r="D35707" s="14" t="s">
        <v>169</v>
      </c>
      <c r="E35707" s="15">
        <v>45678</v>
      </c>
      <c r="F35707" s="14" t="s">
        <v>25</v>
      </c>
      <c r="G35707" s="16">
        <v>1.1603304503562497</v>
      </c>
    </row>
    <row r="35708" spans="1:7" x14ac:dyDescent="0.3">
      <c r="A35708" s="13" t="s">
        <v>217</v>
      </c>
      <c r="B35708" s="14" t="s">
        <v>1</v>
      </c>
      <c r="C35708" s="14" t="s">
        <v>218</v>
      </c>
      <c r="D35708" s="14" t="s">
        <v>169</v>
      </c>
      <c r="E35708" s="15">
        <v>45679</v>
      </c>
      <c r="F35708" s="14" t="s">
        <v>25</v>
      </c>
      <c r="G35708" s="16">
        <v>1.1617958695530348</v>
      </c>
    </row>
    <row r="35709" spans="1:7" x14ac:dyDescent="0.3">
      <c r="A35709" s="13" t="s">
        <v>217</v>
      </c>
      <c r="B35709" s="14" t="s">
        <v>1</v>
      </c>
      <c r="C35709" s="14" t="s">
        <v>218</v>
      </c>
      <c r="D35709" s="14" t="s">
        <v>169</v>
      </c>
      <c r="E35709" s="15">
        <v>45680</v>
      </c>
      <c r="F35709" s="14" t="s">
        <v>25</v>
      </c>
      <c r="G35709" s="16">
        <v>1.1632612887498197</v>
      </c>
    </row>
    <row r="35710" spans="1:7" x14ac:dyDescent="0.3">
      <c r="A35710" s="13" t="s">
        <v>217</v>
      </c>
      <c r="B35710" s="14" t="s">
        <v>1</v>
      </c>
      <c r="C35710" s="14" t="s">
        <v>218</v>
      </c>
      <c r="D35710" s="14" t="s">
        <v>169</v>
      </c>
      <c r="E35710" s="15">
        <v>45681</v>
      </c>
      <c r="F35710" s="14" t="s">
        <v>25</v>
      </c>
      <c r="G35710" s="16">
        <v>1.1647267079466048</v>
      </c>
    </row>
    <row r="35711" spans="1:7" x14ac:dyDescent="0.3">
      <c r="A35711" s="13" t="s">
        <v>217</v>
      </c>
      <c r="B35711" s="14" t="s">
        <v>1</v>
      </c>
      <c r="C35711" s="14" t="s">
        <v>218</v>
      </c>
      <c r="D35711" s="14" t="s">
        <v>169</v>
      </c>
      <c r="E35711" s="15">
        <v>45682</v>
      </c>
      <c r="F35711" s="14" t="s">
        <v>25</v>
      </c>
      <c r="G35711" s="16">
        <v>1.1647267079466048</v>
      </c>
    </row>
    <row r="35712" spans="1:7" x14ac:dyDescent="0.3">
      <c r="A35712" s="13" t="s">
        <v>217</v>
      </c>
      <c r="B35712" s="14" t="s">
        <v>1</v>
      </c>
      <c r="C35712" s="14" t="s">
        <v>218</v>
      </c>
      <c r="D35712" s="14" t="s">
        <v>169</v>
      </c>
      <c r="E35712" s="15">
        <v>45683</v>
      </c>
      <c r="F35712" s="14" t="s">
        <v>25</v>
      </c>
      <c r="G35712" s="16">
        <v>1.1647267079466048</v>
      </c>
    </row>
    <row r="35713" spans="1:7" x14ac:dyDescent="0.3">
      <c r="A35713" s="13" t="s">
        <v>217</v>
      </c>
      <c r="B35713" s="14" t="s">
        <v>1</v>
      </c>
      <c r="C35713" s="14" t="s">
        <v>218</v>
      </c>
      <c r="D35713" s="14" t="s">
        <v>169</v>
      </c>
      <c r="E35713" s="15">
        <v>45684</v>
      </c>
      <c r="F35713" s="14" t="s">
        <v>25</v>
      </c>
      <c r="G35713" s="16">
        <v>1.1686921271433903</v>
      </c>
    </row>
    <row r="35714" spans="1:7" x14ac:dyDescent="0.3">
      <c r="A35714" s="13" t="s">
        <v>217</v>
      </c>
      <c r="B35714" s="14" t="s">
        <v>1</v>
      </c>
      <c r="C35714" s="14" t="s">
        <v>218</v>
      </c>
      <c r="D35714" s="14" t="s">
        <v>169</v>
      </c>
      <c r="E35714" s="15">
        <v>45685</v>
      </c>
      <c r="F35714" s="14" t="s">
        <v>25</v>
      </c>
      <c r="G35714" s="16">
        <v>1.1741575463401746</v>
      </c>
    </row>
    <row r="35715" spans="1:7" x14ac:dyDescent="0.3">
      <c r="A35715" s="13" t="s">
        <v>217</v>
      </c>
      <c r="B35715" s="14" t="s">
        <v>1</v>
      </c>
      <c r="C35715" s="14" t="s">
        <v>218</v>
      </c>
      <c r="D35715" s="14" t="s">
        <v>169</v>
      </c>
      <c r="E35715" s="15">
        <v>45686</v>
      </c>
      <c r="F35715" s="14" t="s">
        <v>25</v>
      </c>
      <c r="G35715" s="16">
        <v>1.1756229655369594</v>
      </c>
    </row>
    <row r="35716" spans="1:7" x14ac:dyDescent="0.3">
      <c r="A35716" s="13" t="s">
        <v>217</v>
      </c>
      <c r="B35716" s="14" t="s">
        <v>1</v>
      </c>
      <c r="C35716" s="14" t="s">
        <v>218</v>
      </c>
      <c r="D35716" s="14" t="s">
        <v>169</v>
      </c>
      <c r="E35716" s="15">
        <v>45687</v>
      </c>
      <c r="F35716" s="14" t="s">
        <v>25</v>
      </c>
      <c r="G35716" s="16">
        <v>1.1775883847337441</v>
      </c>
    </row>
    <row r="35717" spans="1:7" x14ac:dyDescent="0.3">
      <c r="A35717" s="13" t="s">
        <v>217</v>
      </c>
      <c r="B35717" s="14" t="s">
        <v>1</v>
      </c>
      <c r="C35717" s="14" t="s">
        <v>218</v>
      </c>
      <c r="D35717" s="14" t="s">
        <v>169</v>
      </c>
      <c r="E35717" s="15">
        <v>45688</v>
      </c>
      <c r="F35717" s="14" t="s">
        <v>25</v>
      </c>
      <c r="G35717" s="16">
        <v>1.1790538039305289</v>
      </c>
    </row>
    <row r="35718" spans="1:7" x14ac:dyDescent="0.3">
      <c r="A35718" s="13" t="s">
        <v>217</v>
      </c>
      <c r="B35718" s="14" t="s">
        <v>1</v>
      </c>
      <c r="C35718" s="14" t="s">
        <v>218</v>
      </c>
      <c r="D35718" s="14" t="s">
        <v>169</v>
      </c>
      <c r="E35718" s="15">
        <v>45689</v>
      </c>
      <c r="F35718" s="14" t="s">
        <v>25</v>
      </c>
      <c r="G35718" s="16">
        <v>1.1790538039305289</v>
      </c>
    </row>
    <row r="35719" spans="1:7" x14ac:dyDescent="0.3">
      <c r="A35719" s="13" t="s">
        <v>217</v>
      </c>
      <c r="B35719" s="14" t="s">
        <v>1</v>
      </c>
      <c r="C35719" s="14" t="s">
        <v>218</v>
      </c>
      <c r="D35719" s="14" t="s">
        <v>169</v>
      </c>
      <c r="E35719" s="15">
        <v>45690</v>
      </c>
      <c r="F35719" s="14" t="s">
        <v>25</v>
      </c>
      <c r="G35719" s="16">
        <v>1.1790538039305289</v>
      </c>
    </row>
    <row r="35720" spans="1:7" x14ac:dyDescent="0.3">
      <c r="A35720" s="13" t="s">
        <v>217</v>
      </c>
      <c r="B35720" s="14" t="s">
        <v>1</v>
      </c>
      <c r="C35720" s="14" t="s">
        <v>218</v>
      </c>
      <c r="D35720" s="14" t="s">
        <v>169</v>
      </c>
      <c r="E35720" s="15">
        <v>45691</v>
      </c>
      <c r="F35720" s="14" t="s">
        <v>25</v>
      </c>
      <c r="G35720" s="16">
        <v>1.1790538039305289</v>
      </c>
    </row>
    <row r="35721" spans="1:7" x14ac:dyDescent="0.3">
      <c r="A35721" s="13" t="s">
        <v>217</v>
      </c>
      <c r="B35721" s="14" t="s">
        <v>1</v>
      </c>
      <c r="C35721" s="14" t="s">
        <v>218</v>
      </c>
      <c r="D35721" s="14" t="s">
        <v>169</v>
      </c>
      <c r="E35721" s="15">
        <v>45692</v>
      </c>
      <c r="F35721" s="14" t="s">
        <v>25</v>
      </c>
      <c r="G35721" s="16">
        <v>1.194019223127313</v>
      </c>
    </row>
    <row r="35722" spans="1:7" x14ac:dyDescent="0.3">
      <c r="A35722" s="13" t="s">
        <v>217</v>
      </c>
      <c r="B35722" s="14" t="s">
        <v>1</v>
      </c>
      <c r="C35722" s="14" t="s">
        <v>218</v>
      </c>
      <c r="D35722" s="14" t="s">
        <v>169</v>
      </c>
      <c r="E35722" s="15">
        <v>45693</v>
      </c>
      <c r="F35722" s="14" t="s">
        <v>25</v>
      </c>
      <c r="G35722" s="16">
        <v>1.2019846423240979</v>
      </c>
    </row>
    <row r="35723" spans="1:7" x14ac:dyDescent="0.3">
      <c r="A35723" s="13" t="s">
        <v>217</v>
      </c>
      <c r="B35723" s="14" t="s">
        <v>1</v>
      </c>
      <c r="C35723" s="14" t="s">
        <v>218</v>
      </c>
      <c r="D35723" s="14" t="s">
        <v>169</v>
      </c>
      <c r="E35723" s="15">
        <v>45694</v>
      </c>
      <c r="F35723" s="14" t="s">
        <v>25</v>
      </c>
      <c r="G35723" s="16">
        <v>1.2039500615208822</v>
      </c>
    </row>
    <row r="35724" spans="1:7" x14ac:dyDescent="0.3">
      <c r="A35724" s="13" t="s">
        <v>217</v>
      </c>
      <c r="B35724" s="14" t="s">
        <v>1</v>
      </c>
      <c r="C35724" s="14" t="s">
        <v>218</v>
      </c>
      <c r="D35724" s="14" t="s">
        <v>169</v>
      </c>
      <c r="E35724" s="15">
        <v>45695</v>
      </c>
      <c r="F35724" s="14" t="s">
        <v>25</v>
      </c>
      <c r="G35724" s="16">
        <v>1.209915480717666</v>
      </c>
    </row>
    <row r="35725" spans="1:7" x14ac:dyDescent="0.3">
      <c r="A35725" s="13" t="s">
        <v>217</v>
      </c>
      <c r="B35725" s="14" t="s">
        <v>1</v>
      </c>
      <c r="C35725" s="14" t="s">
        <v>218</v>
      </c>
      <c r="D35725" s="14" t="s">
        <v>169</v>
      </c>
      <c r="E35725" s="15">
        <v>45696</v>
      </c>
      <c r="F35725" s="14" t="s">
        <v>25</v>
      </c>
      <c r="G35725" s="16">
        <v>1.209915480717666</v>
      </c>
    </row>
    <row r="35726" spans="1:7" x14ac:dyDescent="0.3">
      <c r="A35726" s="13" t="s">
        <v>217</v>
      </c>
      <c r="B35726" s="14" t="s">
        <v>1</v>
      </c>
      <c r="C35726" s="14" t="s">
        <v>218</v>
      </c>
      <c r="D35726" s="14" t="s">
        <v>169</v>
      </c>
      <c r="E35726" s="15">
        <v>45697</v>
      </c>
      <c r="F35726" s="14" t="s">
        <v>25</v>
      </c>
      <c r="G35726" s="16">
        <v>1.209915480717666</v>
      </c>
    </row>
    <row r="35727" spans="1:7" x14ac:dyDescent="0.3">
      <c r="A35727" s="13" t="s">
        <v>217</v>
      </c>
      <c r="B35727" s="14" t="s">
        <v>1</v>
      </c>
      <c r="C35727" s="14" t="s">
        <v>218</v>
      </c>
      <c r="D35727" s="14" t="s">
        <v>169</v>
      </c>
      <c r="E35727" s="15">
        <v>45698</v>
      </c>
      <c r="F35727" s="14" t="s">
        <v>25</v>
      </c>
      <c r="G35727" s="16">
        <v>1.2118808999144506</v>
      </c>
    </row>
    <row r="35728" spans="1:7" x14ac:dyDescent="0.3">
      <c r="A35728" s="13" t="s">
        <v>217</v>
      </c>
      <c r="B35728" s="14" t="s">
        <v>1</v>
      </c>
      <c r="C35728" s="14" t="s">
        <v>218</v>
      </c>
      <c r="D35728" s="14" t="s">
        <v>169</v>
      </c>
      <c r="E35728" s="15">
        <v>45699</v>
      </c>
      <c r="F35728" s="14" t="s">
        <v>25</v>
      </c>
      <c r="G35728" s="16">
        <v>1.2183463191112338</v>
      </c>
    </row>
    <row r="35729" spans="1:7" x14ac:dyDescent="0.3">
      <c r="A35729" s="13" t="s">
        <v>217</v>
      </c>
      <c r="B35729" s="14" t="s">
        <v>1</v>
      </c>
      <c r="C35729" s="14" t="s">
        <v>218</v>
      </c>
      <c r="D35729" s="14" t="s">
        <v>169</v>
      </c>
      <c r="E35729" s="15">
        <v>45700</v>
      </c>
      <c r="F35729" s="14" t="s">
        <v>25</v>
      </c>
      <c r="G35729" s="16">
        <v>1.2203117383080184</v>
      </c>
    </row>
    <row r="35730" spans="1:7" x14ac:dyDescent="0.3">
      <c r="A35730" s="13" t="s">
        <v>217</v>
      </c>
      <c r="B35730" s="14" t="s">
        <v>1</v>
      </c>
      <c r="C35730" s="14" t="s">
        <v>218</v>
      </c>
      <c r="D35730" s="14" t="s">
        <v>169</v>
      </c>
      <c r="E35730" s="15">
        <v>45701</v>
      </c>
      <c r="F35730" s="14" t="s">
        <v>25</v>
      </c>
      <c r="G35730" s="16">
        <v>1.2222771575048028</v>
      </c>
    </row>
    <row r="35731" spans="1:7" x14ac:dyDescent="0.3">
      <c r="A35731" s="13" t="s">
        <v>217</v>
      </c>
      <c r="B35731" s="14" t="s">
        <v>1</v>
      </c>
      <c r="C35731" s="14" t="s">
        <v>218</v>
      </c>
      <c r="D35731" s="14" t="s">
        <v>169</v>
      </c>
      <c r="E35731" s="15">
        <v>45702</v>
      </c>
      <c r="F35731" s="14" t="s">
        <v>25</v>
      </c>
      <c r="G35731" s="16">
        <v>1.2242425767015874</v>
      </c>
    </row>
    <row r="35732" spans="1:7" x14ac:dyDescent="0.3">
      <c r="A35732" s="13" t="s">
        <v>217</v>
      </c>
      <c r="B35732" s="14" t="s">
        <v>1</v>
      </c>
      <c r="C35732" s="14" t="s">
        <v>218</v>
      </c>
      <c r="D35732" s="14" t="s">
        <v>169</v>
      </c>
      <c r="E35732" s="15">
        <v>45703</v>
      </c>
      <c r="F35732" s="14" t="s">
        <v>25</v>
      </c>
      <c r="G35732" s="16">
        <v>1.2242425767015874</v>
      </c>
    </row>
    <row r="35733" spans="1:7" x14ac:dyDescent="0.3">
      <c r="A35733" s="13" t="s">
        <v>217</v>
      </c>
      <c r="B35733" s="14" t="s">
        <v>1</v>
      </c>
      <c r="C35733" s="14" t="s">
        <v>218</v>
      </c>
      <c r="D35733" s="14" t="s">
        <v>169</v>
      </c>
      <c r="E35733" s="15">
        <v>45704</v>
      </c>
      <c r="F35733" s="14" t="s">
        <v>25</v>
      </c>
      <c r="G35733" s="16">
        <v>1.2242425767015874</v>
      </c>
    </row>
    <row r="35734" spans="1:7" x14ac:dyDescent="0.3">
      <c r="A35734" s="13" t="s">
        <v>217</v>
      </c>
      <c r="B35734" s="14" t="s">
        <v>1</v>
      </c>
      <c r="C35734" s="14" t="s">
        <v>218</v>
      </c>
      <c r="D35734" s="14" t="s">
        <v>169</v>
      </c>
      <c r="E35734" s="15">
        <v>45705</v>
      </c>
      <c r="F35734" s="14" t="s">
        <v>25</v>
      </c>
      <c r="G35734" s="16">
        <v>1.2262079958983718</v>
      </c>
    </row>
    <row r="35735" spans="1:7" x14ac:dyDescent="0.3">
      <c r="A35735" s="13" t="s">
        <v>217</v>
      </c>
      <c r="B35735" s="14" t="s">
        <v>1</v>
      </c>
      <c r="C35735" s="14" t="s">
        <v>218</v>
      </c>
      <c r="D35735" s="14" t="s">
        <v>169</v>
      </c>
      <c r="E35735" s="15">
        <v>45706</v>
      </c>
      <c r="F35735" s="14" t="s">
        <v>25</v>
      </c>
      <c r="G35735" s="16">
        <v>1.2326734150951553</v>
      </c>
    </row>
    <row r="35736" spans="1:7" x14ac:dyDescent="0.3">
      <c r="A35736" s="13" t="s">
        <v>217</v>
      </c>
      <c r="B35736" s="14" t="s">
        <v>1</v>
      </c>
      <c r="C35736" s="14" t="s">
        <v>218</v>
      </c>
      <c r="D35736" s="14" t="s">
        <v>169</v>
      </c>
      <c r="E35736" s="15">
        <v>45707</v>
      </c>
      <c r="F35736" s="14" t="s">
        <v>25</v>
      </c>
      <c r="G35736" s="16">
        <v>1.2331388342919383</v>
      </c>
    </row>
    <row r="35737" spans="1:7" x14ac:dyDescent="0.3">
      <c r="A35737" s="13" t="s">
        <v>217</v>
      </c>
      <c r="B35737" s="14" t="s">
        <v>1</v>
      </c>
      <c r="C35737" s="14" t="s">
        <v>218</v>
      </c>
      <c r="D35737" s="14" t="s">
        <v>169</v>
      </c>
      <c r="E35737" s="15">
        <v>45708</v>
      </c>
      <c r="F35737" s="14" t="s">
        <v>25</v>
      </c>
      <c r="G35737" s="16">
        <v>1.2351042534887227</v>
      </c>
    </row>
    <row r="35738" spans="1:7" x14ac:dyDescent="0.3">
      <c r="A35738" s="13" t="s">
        <v>217</v>
      </c>
      <c r="B35738" s="14" t="s">
        <v>1</v>
      </c>
      <c r="C35738" s="14" t="s">
        <v>218</v>
      </c>
      <c r="D35738" s="14" t="s">
        <v>169</v>
      </c>
      <c r="E35738" s="15">
        <v>45709</v>
      </c>
      <c r="F35738" s="14" t="s">
        <v>25</v>
      </c>
      <c r="G35738" s="16">
        <v>1.2370696726855073</v>
      </c>
    </row>
    <row r="35739" spans="1:7" x14ac:dyDescent="0.3">
      <c r="A35739" s="13" t="s">
        <v>217</v>
      </c>
      <c r="B35739" s="14" t="s">
        <v>1</v>
      </c>
      <c r="C35739" s="14" t="s">
        <v>218</v>
      </c>
      <c r="D35739" s="14" t="s">
        <v>169</v>
      </c>
      <c r="E35739" s="15">
        <v>45710</v>
      </c>
      <c r="F35739" s="14" t="s">
        <v>25</v>
      </c>
      <c r="G35739" s="16">
        <v>1.2370696726855073</v>
      </c>
    </row>
    <row r="35740" spans="1:7" x14ac:dyDescent="0.3">
      <c r="A35740" s="13" t="s">
        <v>217</v>
      </c>
      <c r="B35740" s="14" t="s">
        <v>1</v>
      </c>
      <c r="C35740" s="14" t="s">
        <v>218</v>
      </c>
      <c r="D35740" s="14" t="s">
        <v>169</v>
      </c>
      <c r="E35740" s="15">
        <v>45711</v>
      </c>
      <c r="F35740" s="14" t="s">
        <v>25</v>
      </c>
      <c r="G35740" s="16">
        <v>1.2370696726855073</v>
      </c>
    </row>
    <row r="35741" spans="1:7" x14ac:dyDescent="0.3">
      <c r="A35741" s="13" t="s">
        <v>217</v>
      </c>
      <c r="B35741" s="14" t="s">
        <v>1</v>
      </c>
      <c r="C35741" s="14" t="s">
        <v>218</v>
      </c>
      <c r="D35741" s="14" t="s">
        <v>169</v>
      </c>
      <c r="E35741" s="15">
        <v>45712</v>
      </c>
      <c r="F35741" s="14" t="s">
        <v>25</v>
      </c>
      <c r="G35741" s="16">
        <v>1.2390350918822919</v>
      </c>
    </row>
    <row r="35742" spans="1:7" x14ac:dyDescent="0.3">
      <c r="A35742" s="13" t="s">
        <v>217</v>
      </c>
      <c r="B35742" s="14" t="s">
        <v>1</v>
      </c>
      <c r="C35742" s="14" t="s">
        <v>218</v>
      </c>
      <c r="D35742" s="14" t="s">
        <v>169</v>
      </c>
      <c r="E35742" s="15">
        <v>45713</v>
      </c>
      <c r="F35742" s="14" t="s">
        <v>25</v>
      </c>
      <c r="G35742" s="16">
        <v>1.2455005110790751</v>
      </c>
    </row>
    <row r="35743" spans="1:7" x14ac:dyDescent="0.3">
      <c r="A35743" s="13" t="s">
        <v>217</v>
      </c>
      <c r="B35743" s="14" t="s">
        <v>1</v>
      </c>
      <c r="C35743" s="14" t="s">
        <v>218</v>
      </c>
      <c r="D35743" s="14" t="s">
        <v>169</v>
      </c>
      <c r="E35743" s="15">
        <v>45714</v>
      </c>
      <c r="F35743" s="14" t="s">
        <v>25</v>
      </c>
      <c r="G35743" s="16">
        <v>1.2474659302758595</v>
      </c>
    </row>
    <row r="35744" spans="1:7" x14ac:dyDescent="0.3">
      <c r="A35744" s="13" t="s">
        <v>217</v>
      </c>
      <c r="B35744" s="14" t="s">
        <v>1</v>
      </c>
      <c r="C35744" s="14" t="s">
        <v>218</v>
      </c>
      <c r="D35744" s="14" t="s">
        <v>169</v>
      </c>
      <c r="E35744" s="15">
        <v>45715</v>
      </c>
      <c r="F35744" s="14" t="s">
        <v>25</v>
      </c>
      <c r="G35744" s="16">
        <v>1.2559313494726438</v>
      </c>
    </row>
    <row r="35745" spans="1:7" x14ac:dyDescent="0.3">
      <c r="A35745" s="13" t="s">
        <v>217</v>
      </c>
      <c r="B35745" s="14" t="s">
        <v>1</v>
      </c>
      <c r="C35745" s="14" t="s">
        <v>218</v>
      </c>
      <c r="D35745" s="14" t="s">
        <v>169</v>
      </c>
      <c r="E35745" s="15">
        <v>45716</v>
      </c>
      <c r="F35745" s="14" t="s">
        <v>25</v>
      </c>
      <c r="G35745" s="16">
        <v>1.2578967686694285</v>
      </c>
    </row>
    <row r="35746" spans="1:7" x14ac:dyDescent="0.3">
      <c r="A35746" s="13" t="s">
        <v>217</v>
      </c>
      <c r="B35746" s="14" t="s">
        <v>1</v>
      </c>
      <c r="C35746" s="14" t="s">
        <v>218</v>
      </c>
      <c r="D35746" s="14" t="s">
        <v>169</v>
      </c>
      <c r="E35746" s="15">
        <v>45717</v>
      </c>
      <c r="F35746" s="14" t="s">
        <v>25</v>
      </c>
      <c r="G35746" s="16">
        <v>1.2578967686694285</v>
      </c>
    </row>
    <row r="35747" spans="1:7" x14ac:dyDescent="0.3">
      <c r="A35747" s="13" t="s">
        <v>217</v>
      </c>
      <c r="B35747" s="14" t="s">
        <v>1</v>
      </c>
      <c r="C35747" s="14" t="s">
        <v>218</v>
      </c>
      <c r="D35747" s="14" t="s">
        <v>169</v>
      </c>
      <c r="E35747" s="15">
        <v>45718</v>
      </c>
      <c r="F35747" s="14" t="s">
        <v>25</v>
      </c>
      <c r="G35747" s="16">
        <v>1.2578967686694285</v>
      </c>
    </row>
    <row r="35748" spans="1:7" x14ac:dyDescent="0.3">
      <c r="A35748" s="13" t="s">
        <v>217</v>
      </c>
      <c r="B35748" s="14" t="s">
        <v>1</v>
      </c>
      <c r="C35748" s="14" t="s">
        <v>218</v>
      </c>
      <c r="D35748" s="14" t="s">
        <v>169</v>
      </c>
      <c r="E35748" s="15">
        <v>45719</v>
      </c>
      <c r="F35748" s="14" t="s">
        <v>25</v>
      </c>
      <c r="G35748" s="16">
        <v>1.2613621878662116</v>
      </c>
    </row>
    <row r="35749" spans="1:7" x14ac:dyDescent="0.3">
      <c r="A35749" s="13" t="s">
        <v>217</v>
      </c>
      <c r="B35749" s="14" t="s">
        <v>1</v>
      </c>
      <c r="C35749" s="14" t="s">
        <v>218</v>
      </c>
      <c r="D35749" s="14" t="s">
        <v>169</v>
      </c>
      <c r="E35749" s="15">
        <v>45720</v>
      </c>
      <c r="F35749" s="14" t="s">
        <v>25</v>
      </c>
      <c r="G35749" s="16">
        <v>1.2693276070629964</v>
      </c>
    </row>
    <row r="35750" spans="1:7" x14ac:dyDescent="0.3">
      <c r="A35750" s="13" t="s">
        <v>217</v>
      </c>
      <c r="B35750" s="14" t="s">
        <v>1</v>
      </c>
      <c r="C35750" s="14" t="s">
        <v>218</v>
      </c>
      <c r="D35750" s="14" t="s">
        <v>169</v>
      </c>
      <c r="E35750" s="15">
        <v>45721</v>
      </c>
      <c r="F35750" s="14" t="s">
        <v>25</v>
      </c>
      <c r="G35750" s="16">
        <v>1.2712930262597808</v>
      </c>
    </row>
    <row r="35751" spans="1:7" x14ac:dyDescent="0.3">
      <c r="A35751" s="13" t="s">
        <v>217</v>
      </c>
      <c r="B35751" s="14" t="s">
        <v>1</v>
      </c>
      <c r="C35751" s="14" t="s">
        <v>218</v>
      </c>
      <c r="D35751" s="14" t="s">
        <v>169</v>
      </c>
      <c r="E35751" s="15">
        <v>45722</v>
      </c>
      <c r="F35751" s="14" t="s">
        <v>25</v>
      </c>
      <c r="G35751" s="16">
        <v>1.276758445456565</v>
      </c>
    </row>
    <row r="35752" spans="1:7" x14ac:dyDescent="0.3">
      <c r="A35752" s="13" t="s">
        <v>217</v>
      </c>
      <c r="B35752" s="14" t="s">
        <v>1</v>
      </c>
      <c r="C35752" s="14" t="s">
        <v>218</v>
      </c>
      <c r="D35752" s="14" t="s">
        <v>169</v>
      </c>
      <c r="E35752" s="15">
        <v>45723</v>
      </c>
      <c r="F35752" s="14" t="s">
        <v>25</v>
      </c>
      <c r="G35752" s="16">
        <v>1.2787238646533496</v>
      </c>
    </row>
    <row r="35753" spans="1:7" x14ac:dyDescent="0.3">
      <c r="A35753" s="13" t="s">
        <v>217</v>
      </c>
      <c r="B35753" s="14" t="s">
        <v>1</v>
      </c>
      <c r="C35753" s="14" t="s">
        <v>218</v>
      </c>
      <c r="D35753" s="14" t="s">
        <v>169</v>
      </c>
      <c r="E35753" s="15">
        <v>45724</v>
      </c>
      <c r="F35753" s="14" t="s">
        <v>25</v>
      </c>
      <c r="G35753" s="16">
        <v>1.2787238646533496</v>
      </c>
    </row>
    <row r="35754" spans="1:7" x14ac:dyDescent="0.3">
      <c r="A35754" s="13" t="s">
        <v>217</v>
      </c>
      <c r="B35754" s="14" t="s">
        <v>1</v>
      </c>
      <c r="C35754" s="14" t="s">
        <v>218</v>
      </c>
      <c r="D35754" s="14" t="s">
        <v>169</v>
      </c>
      <c r="E35754" s="15">
        <v>45725</v>
      </c>
      <c r="F35754" s="14" t="s">
        <v>25</v>
      </c>
      <c r="G35754" s="16">
        <v>1.2787238646533496</v>
      </c>
    </row>
    <row r="35755" spans="1:7" x14ac:dyDescent="0.3">
      <c r="A35755" s="13" t="s">
        <v>217</v>
      </c>
      <c r="B35755" s="14" t="s">
        <v>1</v>
      </c>
      <c r="C35755" s="14" t="s">
        <v>218</v>
      </c>
      <c r="D35755" s="14" t="s">
        <v>169</v>
      </c>
      <c r="E35755" s="15">
        <v>45726</v>
      </c>
      <c r="F35755" s="14" t="s">
        <v>25</v>
      </c>
      <c r="G35755" s="16">
        <v>1.280689283850134</v>
      </c>
    </row>
    <row r="35756" spans="1:7" x14ac:dyDescent="0.3">
      <c r="A35756" s="13" t="s">
        <v>217</v>
      </c>
      <c r="B35756" s="14" t="s">
        <v>1</v>
      </c>
      <c r="C35756" s="14" t="s">
        <v>218</v>
      </c>
      <c r="D35756" s="14" t="s">
        <v>169</v>
      </c>
      <c r="E35756" s="15">
        <v>45727</v>
      </c>
      <c r="F35756" s="14" t="s">
        <v>25</v>
      </c>
      <c r="G35756" s="16">
        <v>1.2871547030469173</v>
      </c>
    </row>
    <row r="35757" spans="1:7" x14ac:dyDescent="0.3">
      <c r="A35757" s="13" t="s">
        <v>217</v>
      </c>
      <c r="B35757" s="14" t="s">
        <v>1</v>
      </c>
      <c r="C35757" s="14" t="s">
        <v>218</v>
      </c>
      <c r="D35757" s="14" t="s">
        <v>169</v>
      </c>
      <c r="E35757" s="15">
        <v>45728</v>
      </c>
      <c r="F35757" s="14" t="s">
        <v>25</v>
      </c>
      <c r="G35757" s="16">
        <v>1.2891201222437019</v>
      </c>
    </row>
    <row r="35758" spans="1:7" x14ac:dyDescent="0.3">
      <c r="A35758" s="13" t="s">
        <v>217</v>
      </c>
      <c r="B35758" s="14" t="s">
        <v>1</v>
      </c>
      <c r="C35758" s="14" t="s">
        <v>218</v>
      </c>
      <c r="D35758" s="14" t="s">
        <v>169</v>
      </c>
      <c r="E35758" s="15">
        <v>45729</v>
      </c>
      <c r="F35758" s="14" t="s">
        <v>25</v>
      </c>
      <c r="G35758" s="16">
        <v>1.2910855414404865</v>
      </c>
    </row>
    <row r="35759" spans="1:7" x14ac:dyDescent="0.3">
      <c r="A35759" s="13" t="s">
        <v>217</v>
      </c>
      <c r="B35759" s="14" t="s">
        <v>1</v>
      </c>
      <c r="C35759" s="14" t="s">
        <v>218</v>
      </c>
      <c r="D35759" s="14" t="s">
        <v>169</v>
      </c>
      <c r="E35759" s="15">
        <v>45730</v>
      </c>
      <c r="F35759" s="14" t="s">
        <v>25</v>
      </c>
      <c r="G35759" s="16">
        <v>1.2930509606372709</v>
      </c>
    </row>
    <row r="35760" spans="1:7" x14ac:dyDescent="0.3">
      <c r="A35760" s="13" t="s">
        <v>217</v>
      </c>
      <c r="B35760" s="14" t="s">
        <v>1</v>
      </c>
      <c r="C35760" s="14" t="s">
        <v>218</v>
      </c>
      <c r="D35760" s="14" t="s">
        <v>169</v>
      </c>
      <c r="E35760" s="15">
        <v>45731</v>
      </c>
      <c r="F35760" s="14" t="s">
        <v>25</v>
      </c>
      <c r="G35760" s="16">
        <v>1.2930509606372709</v>
      </c>
    </row>
    <row r="35761" spans="1:7" x14ac:dyDescent="0.3">
      <c r="A35761" s="13" t="s">
        <v>217</v>
      </c>
      <c r="B35761" s="14" t="s">
        <v>1</v>
      </c>
      <c r="C35761" s="14" t="s">
        <v>218</v>
      </c>
      <c r="D35761" s="14" t="s">
        <v>169</v>
      </c>
      <c r="E35761" s="15">
        <v>45732</v>
      </c>
      <c r="F35761" s="14" t="s">
        <v>25</v>
      </c>
      <c r="G35761" s="16">
        <v>1.2930509606372709</v>
      </c>
    </row>
    <row r="35762" spans="1:7" x14ac:dyDescent="0.3">
      <c r="A35762" s="13" t="s">
        <v>217</v>
      </c>
      <c r="B35762" s="14" t="s">
        <v>1</v>
      </c>
      <c r="C35762" s="14" t="s">
        <v>218</v>
      </c>
      <c r="D35762" s="14" t="s">
        <v>169</v>
      </c>
      <c r="E35762" s="15">
        <v>45733</v>
      </c>
      <c r="F35762" s="14" t="s">
        <v>25</v>
      </c>
      <c r="G35762" s="16">
        <v>1.2930509606372709</v>
      </c>
    </row>
    <row r="35763" spans="1:7" x14ac:dyDescent="0.3">
      <c r="A35763" s="13" t="s">
        <v>217</v>
      </c>
      <c r="B35763" s="14" t="s">
        <v>1</v>
      </c>
      <c r="C35763" s="14" t="s">
        <v>218</v>
      </c>
      <c r="D35763" s="14" t="s">
        <v>169</v>
      </c>
      <c r="E35763" s="15">
        <v>45734</v>
      </c>
      <c r="F35763" s="14" t="s">
        <v>25</v>
      </c>
      <c r="G35763" s="16">
        <v>1.2950163798340555</v>
      </c>
    </row>
    <row r="35764" spans="1:7" x14ac:dyDescent="0.3">
      <c r="A35764" s="13" t="s">
        <v>217</v>
      </c>
      <c r="B35764" s="14" t="s">
        <v>1</v>
      </c>
      <c r="C35764" s="14" t="s">
        <v>218</v>
      </c>
      <c r="D35764" s="14" t="s">
        <v>169</v>
      </c>
      <c r="E35764" s="15">
        <v>45735</v>
      </c>
      <c r="F35764" s="14" t="s">
        <v>25</v>
      </c>
      <c r="G35764" s="16">
        <v>1.3019817990308411</v>
      </c>
    </row>
    <row r="35765" spans="1:7" x14ac:dyDescent="0.3">
      <c r="A35765" s="13" t="s">
        <v>217</v>
      </c>
      <c r="B35765" s="14" t="s">
        <v>1</v>
      </c>
      <c r="C35765" s="14" t="s">
        <v>218</v>
      </c>
      <c r="D35765" s="14" t="s">
        <v>169</v>
      </c>
      <c r="E35765" s="15">
        <v>45736</v>
      </c>
      <c r="F35765" s="14" t="s">
        <v>25</v>
      </c>
      <c r="G35765" s="16">
        <v>1.3039472182276257</v>
      </c>
    </row>
    <row r="35766" spans="1:7" x14ac:dyDescent="0.3">
      <c r="A35766" s="13" t="s">
        <v>217</v>
      </c>
      <c r="B35766" s="14" t="s">
        <v>1</v>
      </c>
      <c r="C35766" s="14" t="s">
        <v>218</v>
      </c>
      <c r="D35766" s="14" t="s">
        <v>169</v>
      </c>
      <c r="E35766" s="15">
        <v>45737</v>
      </c>
      <c r="F35766" s="14" t="s">
        <v>25</v>
      </c>
      <c r="G35766" s="16">
        <v>1.3059126374244101</v>
      </c>
    </row>
    <row r="35767" spans="1:7" x14ac:dyDescent="0.3">
      <c r="A35767" s="13" t="s">
        <v>217</v>
      </c>
      <c r="B35767" s="14" t="s">
        <v>1</v>
      </c>
      <c r="C35767" s="14" t="s">
        <v>218</v>
      </c>
      <c r="D35767" s="14" t="s">
        <v>169</v>
      </c>
      <c r="E35767" s="15">
        <v>45738</v>
      </c>
      <c r="F35767" s="14" t="s">
        <v>25</v>
      </c>
      <c r="G35767" s="16">
        <v>1.3059126374244101</v>
      </c>
    </row>
    <row r="35768" spans="1:7" x14ac:dyDescent="0.3">
      <c r="A35768" s="13" t="s">
        <v>217</v>
      </c>
      <c r="B35768" s="14" t="s">
        <v>1</v>
      </c>
      <c r="C35768" s="14" t="s">
        <v>218</v>
      </c>
      <c r="D35768" s="14" t="s">
        <v>169</v>
      </c>
      <c r="E35768" s="15">
        <v>45739</v>
      </c>
      <c r="F35768" s="14" t="s">
        <v>25</v>
      </c>
      <c r="G35768" s="16">
        <v>1.3059126374244101</v>
      </c>
    </row>
    <row r="35769" spans="1:7" x14ac:dyDescent="0.3">
      <c r="A35769" s="13" t="s">
        <v>217</v>
      </c>
      <c r="B35769" s="14" t="s">
        <v>1</v>
      </c>
      <c r="C35769" s="14" t="s">
        <v>218</v>
      </c>
      <c r="D35769" s="14" t="s">
        <v>169</v>
      </c>
      <c r="E35769" s="15">
        <v>45740</v>
      </c>
      <c r="F35769" s="14" t="s">
        <v>25</v>
      </c>
      <c r="G35769" s="16">
        <v>1.3073780566211952</v>
      </c>
    </row>
    <row r="35770" spans="1:7" x14ac:dyDescent="0.3">
      <c r="A35770" s="13" t="s">
        <v>217</v>
      </c>
      <c r="B35770" s="14" t="s">
        <v>1</v>
      </c>
      <c r="C35770" s="14" t="s">
        <v>218</v>
      </c>
      <c r="D35770" s="14" t="s">
        <v>169</v>
      </c>
      <c r="E35770" s="15">
        <v>45741</v>
      </c>
      <c r="F35770" s="14" t="s">
        <v>25</v>
      </c>
      <c r="G35770" s="16">
        <v>1.3343434758179797</v>
      </c>
    </row>
    <row r="35771" spans="1:7" x14ac:dyDescent="0.3">
      <c r="A35771" s="13" t="s">
        <v>217</v>
      </c>
      <c r="B35771" s="14" t="s">
        <v>1</v>
      </c>
      <c r="C35771" s="14" t="s">
        <v>218</v>
      </c>
      <c r="D35771" s="14" t="s">
        <v>169</v>
      </c>
      <c r="E35771" s="15">
        <v>45742</v>
      </c>
      <c r="F35771" s="14" t="s">
        <v>25</v>
      </c>
      <c r="G35771" s="16">
        <v>1.3363088950147641</v>
      </c>
    </row>
    <row r="35772" spans="1:7" x14ac:dyDescent="0.3">
      <c r="A35772" s="13" t="s">
        <v>217</v>
      </c>
      <c r="B35772" s="14" t="s">
        <v>1</v>
      </c>
      <c r="C35772" s="14" t="s">
        <v>218</v>
      </c>
      <c r="D35772" s="14" t="s">
        <v>169</v>
      </c>
      <c r="E35772" s="15">
        <v>45743</v>
      </c>
      <c r="F35772" s="14" t="s">
        <v>25</v>
      </c>
      <c r="G35772" s="16">
        <v>1.3397743142115472</v>
      </c>
    </row>
    <row r="35773" spans="1:7" x14ac:dyDescent="0.3">
      <c r="A35773" s="13" t="s">
        <v>217</v>
      </c>
      <c r="B35773" s="14" t="s">
        <v>1</v>
      </c>
      <c r="C35773" s="14" t="s">
        <v>218</v>
      </c>
      <c r="D35773" s="14" t="s">
        <v>169</v>
      </c>
      <c r="E35773" s="15">
        <v>45744</v>
      </c>
      <c r="F35773" s="14" t="s">
        <v>25</v>
      </c>
      <c r="G35773" s="16">
        <v>1.3417397334083319</v>
      </c>
    </row>
    <row r="35774" spans="1:7" x14ac:dyDescent="0.3">
      <c r="A35774" s="13" t="s">
        <v>217</v>
      </c>
      <c r="B35774" s="14" t="s">
        <v>1</v>
      </c>
      <c r="C35774" s="14" t="s">
        <v>218</v>
      </c>
      <c r="D35774" s="14" t="s">
        <v>169</v>
      </c>
      <c r="E35774" s="15">
        <v>45745</v>
      </c>
      <c r="F35774" s="14" t="s">
        <v>25</v>
      </c>
      <c r="G35774" s="16">
        <v>1.3417397334083319</v>
      </c>
    </row>
    <row r="35775" spans="1:7" x14ac:dyDescent="0.3">
      <c r="A35775" s="13" t="s">
        <v>217</v>
      </c>
      <c r="B35775" s="14" t="s">
        <v>1</v>
      </c>
      <c r="C35775" s="14" t="s">
        <v>218</v>
      </c>
      <c r="D35775" s="14" t="s">
        <v>169</v>
      </c>
      <c r="E35775" s="15">
        <v>45746</v>
      </c>
      <c r="F35775" s="14" t="s">
        <v>25</v>
      </c>
      <c r="G35775" s="16">
        <v>1.3417397334083319</v>
      </c>
    </row>
    <row r="35776" spans="1:7" x14ac:dyDescent="0.3">
      <c r="A35776" s="13" t="s">
        <v>217</v>
      </c>
      <c r="B35776" s="14" t="s">
        <v>1</v>
      </c>
      <c r="C35776" s="14" t="s">
        <v>218</v>
      </c>
      <c r="D35776" s="14" t="s">
        <v>169</v>
      </c>
      <c r="E35776" s="15">
        <v>45747</v>
      </c>
      <c r="F35776" s="14" t="s">
        <v>25</v>
      </c>
      <c r="G35776" s="16">
        <v>1.3437051526051165</v>
      </c>
    </row>
    <row r="35777" spans="1:7" x14ac:dyDescent="0.3">
      <c r="A35777" s="13" t="s">
        <v>219</v>
      </c>
      <c r="B35777" s="14" t="s">
        <v>1</v>
      </c>
      <c r="C35777" s="14" t="s">
        <v>23</v>
      </c>
      <c r="D35777" s="14" t="s">
        <v>220</v>
      </c>
      <c r="E35777" s="15">
        <v>45383</v>
      </c>
      <c r="F35777" s="14" t="s">
        <v>15</v>
      </c>
      <c r="G35777" s="16">
        <v>0</v>
      </c>
    </row>
    <row r="35778" spans="1:7" x14ac:dyDescent="0.3">
      <c r="A35778" s="13" t="s">
        <v>219</v>
      </c>
      <c r="B35778" s="14" t="s">
        <v>1</v>
      </c>
      <c r="C35778" s="14" t="s">
        <v>23</v>
      </c>
      <c r="D35778" s="14" t="s">
        <v>220</v>
      </c>
      <c r="E35778" s="15">
        <v>45384</v>
      </c>
      <c r="F35778" s="14" t="s">
        <v>15</v>
      </c>
      <c r="G35778" s="16">
        <v>0</v>
      </c>
    </row>
    <row r="35779" spans="1:7" x14ac:dyDescent="0.3">
      <c r="A35779" s="13" t="s">
        <v>219</v>
      </c>
      <c r="B35779" s="14" t="s">
        <v>1</v>
      </c>
      <c r="C35779" s="14" t="s">
        <v>23</v>
      </c>
      <c r="D35779" s="14" t="s">
        <v>220</v>
      </c>
      <c r="E35779" s="15">
        <v>45385</v>
      </c>
      <c r="F35779" s="14" t="s">
        <v>15</v>
      </c>
      <c r="G35779" s="16">
        <v>7.2080034278481475E-2</v>
      </c>
    </row>
    <row r="35780" spans="1:7" x14ac:dyDescent="0.3">
      <c r="A35780" s="13" t="s">
        <v>219</v>
      </c>
      <c r="B35780" s="14" t="s">
        <v>1</v>
      </c>
      <c r="C35780" s="14" t="s">
        <v>23</v>
      </c>
      <c r="D35780" s="14" t="s">
        <v>220</v>
      </c>
      <c r="E35780" s="15">
        <v>45386</v>
      </c>
      <c r="F35780" s="14" t="s">
        <v>15</v>
      </c>
      <c r="G35780" s="16">
        <v>9.0160068556962958E-2</v>
      </c>
    </row>
    <row r="35781" spans="1:7" x14ac:dyDescent="0.3">
      <c r="A35781" s="13" t="s">
        <v>219</v>
      </c>
      <c r="B35781" s="14" t="s">
        <v>1</v>
      </c>
      <c r="C35781" s="14" t="s">
        <v>23</v>
      </c>
      <c r="D35781" s="14" t="s">
        <v>220</v>
      </c>
      <c r="E35781" s="15">
        <v>45387</v>
      </c>
      <c r="F35781" s="14" t="s">
        <v>15</v>
      </c>
      <c r="G35781" s="16">
        <v>0.11824010283544444</v>
      </c>
    </row>
    <row r="35782" spans="1:7" x14ac:dyDescent="0.3">
      <c r="A35782" s="13" t="s">
        <v>219</v>
      </c>
      <c r="B35782" s="14" t="s">
        <v>1</v>
      </c>
      <c r="C35782" s="14" t="s">
        <v>23</v>
      </c>
      <c r="D35782" s="14" t="s">
        <v>220</v>
      </c>
      <c r="E35782" s="15">
        <v>45388</v>
      </c>
      <c r="F35782" s="14" t="s">
        <v>15</v>
      </c>
      <c r="G35782" s="16">
        <v>0.11824010283544444</v>
      </c>
    </row>
    <row r="35783" spans="1:7" x14ac:dyDescent="0.3">
      <c r="A35783" s="13" t="s">
        <v>219</v>
      </c>
      <c r="B35783" s="14" t="s">
        <v>1</v>
      </c>
      <c r="C35783" s="14" t="s">
        <v>23</v>
      </c>
      <c r="D35783" s="14" t="s">
        <v>220</v>
      </c>
      <c r="E35783" s="15">
        <v>45389</v>
      </c>
      <c r="F35783" s="14" t="s">
        <v>15</v>
      </c>
      <c r="G35783" s="16">
        <v>0.11824010283544444</v>
      </c>
    </row>
    <row r="35784" spans="1:7" x14ac:dyDescent="0.3">
      <c r="A35784" s="13" t="s">
        <v>219</v>
      </c>
      <c r="B35784" s="14" t="s">
        <v>1</v>
      </c>
      <c r="C35784" s="14" t="s">
        <v>23</v>
      </c>
      <c r="D35784" s="14" t="s">
        <v>220</v>
      </c>
      <c r="E35784" s="15">
        <v>45390</v>
      </c>
      <c r="F35784" s="14" t="s">
        <v>15</v>
      </c>
      <c r="G35784" s="16">
        <v>0.13432013711392593</v>
      </c>
    </row>
    <row r="35785" spans="1:7" x14ac:dyDescent="0.3">
      <c r="A35785" s="13" t="s">
        <v>219</v>
      </c>
      <c r="B35785" s="14" t="s">
        <v>1</v>
      </c>
      <c r="C35785" s="14" t="s">
        <v>23</v>
      </c>
      <c r="D35785" s="14" t="s">
        <v>220</v>
      </c>
      <c r="E35785" s="15">
        <v>45391</v>
      </c>
      <c r="F35785" s="14" t="s">
        <v>15</v>
      </c>
      <c r="G35785" s="16">
        <v>0.18140017139240741</v>
      </c>
    </row>
    <row r="35786" spans="1:7" x14ac:dyDescent="0.3">
      <c r="A35786" s="13" t="s">
        <v>219</v>
      </c>
      <c r="B35786" s="14" t="s">
        <v>1</v>
      </c>
      <c r="C35786" s="14" t="s">
        <v>23</v>
      </c>
      <c r="D35786" s="14" t="s">
        <v>220</v>
      </c>
      <c r="E35786" s="15">
        <v>45392</v>
      </c>
      <c r="F35786" s="14" t="s">
        <v>15</v>
      </c>
      <c r="G35786" s="16">
        <v>0.20048020567088889</v>
      </c>
    </row>
    <row r="35787" spans="1:7" x14ac:dyDescent="0.3">
      <c r="A35787" s="13" t="s">
        <v>219</v>
      </c>
      <c r="B35787" s="14" t="s">
        <v>1</v>
      </c>
      <c r="C35787" s="14" t="s">
        <v>23</v>
      </c>
      <c r="D35787" s="14" t="s">
        <v>220</v>
      </c>
      <c r="E35787" s="15">
        <v>45393</v>
      </c>
      <c r="F35787" s="14" t="s">
        <v>15</v>
      </c>
      <c r="G35787" s="16">
        <v>0.21756023994937035</v>
      </c>
    </row>
    <row r="35788" spans="1:7" x14ac:dyDescent="0.3">
      <c r="A35788" s="13" t="s">
        <v>219</v>
      </c>
      <c r="B35788" s="14" t="s">
        <v>1</v>
      </c>
      <c r="C35788" s="14" t="s">
        <v>23</v>
      </c>
      <c r="D35788" s="14" t="s">
        <v>220</v>
      </c>
      <c r="E35788" s="15">
        <v>45394</v>
      </c>
      <c r="F35788" s="14" t="s">
        <v>15</v>
      </c>
      <c r="G35788" s="16">
        <v>0.23364027422785183</v>
      </c>
    </row>
    <row r="35789" spans="1:7" x14ac:dyDescent="0.3">
      <c r="A35789" s="13" t="s">
        <v>219</v>
      </c>
      <c r="B35789" s="14" t="s">
        <v>1</v>
      </c>
      <c r="C35789" s="14" t="s">
        <v>23</v>
      </c>
      <c r="D35789" s="14" t="s">
        <v>220</v>
      </c>
      <c r="E35789" s="15">
        <v>45395</v>
      </c>
      <c r="F35789" s="14" t="s">
        <v>15</v>
      </c>
      <c r="G35789" s="16">
        <v>0.23364027422785183</v>
      </c>
    </row>
    <row r="35790" spans="1:7" x14ac:dyDescent="0.3">
      <c r="A35790" s="13" t="s">
        <v>219</v>
      </c>
      <c r="B35790" s="14" t="s">
        <v>1</v>
      </c>
      <c r="C35790" s="14" t="s">
        <v>23</v>
      </c>
      <c r="D35790" s="14" t="s">
        <v>220</v>
      </c>
      <c r="E35790" s="15">
        <v>45396</v>
      </c>
      <c r="F35790" s="14" t="s">
        <v>15</v>
      </c>
      <c r="G35790" s="16">
        <v>0.23364027422785183</v>
      </c>
    </row>
    <row r="35791" spans="1:7" x14ac:dyDescent="0.3">
      <c r="A35791" s="13" t="s">
        <v>219</v>
      </c>
      <c r="B35791" s="14" t="s">
        <v>1</v>
      </c>
      <c r="C35791" s="14" t="s">
        <v>23</v>
      </c>
      <c r="D35791" s="14" t="s">
        <v>220</v>
      </c>
      <c r="E35791" s="15">
        <v>45397</v>
      </c>
      <c r="F35791" s="14" t="s">
        <v>15</v>
      </c>
      <c r="G35791" s="16">
        <v>0.25072030850633331</v>
      </c>
    </row>
    <row r="35792" spans="1:7" x14ac:dyDescent="0.3">
      <c r="A35792" s="13" t="s">
        <v>219</v>
      </c>
      <c r="B35792" s="14" t="s">
        <v>1</v>
      </c>
      <c r="C35792" s="14" t="s">
        <v>23</v>
      </c>
      <c r="D35792" s="14" t="s">
        <v>220</v>
      </c>
      <c r="E35792" s="15">
        <v>45398</v>
      </c>
      <c r="F35792" s="14" t="s">
        <v>15</v>
      </c>
      <c r="G35792" s="16">
        <v>0.29680034278481476</v>
      </c>
    </row>
    <row r="35793" spans="1:7" x14ac:dyDescent="0.3">
      <c r="A35793" s="13" t="s">
        <v>219</v>
      </c>
      <c r="B35793" s="14" t="s">
        <v>1</v>
      </c>
      <c r="C35793" s="14" t="s">
        <v>23</v>
      </c>
      <c r="D35793" s="14" t="s">
        <v>220</v>
      </c>
      <c r="E35793" s="15">
        <v>45399</v>
      </c>
      <c r="F35793" s="14" t="s">
        <v>15</v>
      </c>
      <c r="G35793" s="16">
        <v>0.31288037706329624</v>
      </c>
    </row>
    <row r="35794" spans="1:7" x14ac:dyDescent="0.3">
      <c r="A35794" s="13" t="s">
        <v>219</v>
      </c>
      <c r="B35794" s="14" t="s">
        <v>1</v>
      </c>
      <c r="C35794" s="14" t="s">
        <v>23</v>
      </c>
      <c r="D35794" s="14" t="s">
        <v>220</v>
      </c>
      <c r="E35794" s="15">
        <v>45400</v>
      </c>
      <c r="F35794" s="14" t="s">
        <v>15</v>
      </c>
      <c r="G35794" s="16">
        <v>0.32896041134177773</v>
      </c>
    </row>
    <row r="35795" spans="1:7" x14ac:dyDescent="0.3">
      <c r="A35795" s="13" t="s">
        <v>219</v>
      </c>
      <c r="B35795" s="14" t="s">
        <v>1</v>
      </c>
      <c r="C35795" s="14" t="s">
        <v>23</v>
      </c>
      <c r="D35795" s="14" t="s">
        <v>220</v>
      </c>
      <c r="E35795" s="15">
        <v>45401</v>
      </c>
      <c r="F35795" s="14" t="s">
        <v>15</v>
      </c>
      <c r="G35795" s="16">
        <v>0.34504044562025921</v>
      </c>
    </row>
    <row r="35796" spans="1:7" x14ac:dyDescent="0.3">
      <c r="A35796" s="13" t="s">
        <v>219</v>
      </c>
      <c r="B35796" s="14" t="s">
        <v>1</v>
      </c>
      <c r="C35796" s="14" t="s">
        <v>23</v>
      </c>
      <c r="D35796" s="14" t="s">
        <v>220</v>
      </c>
      <c r="E35796" s="15">
        <v>45402</v>
      </c>
      <c r="F35796" s="14" t="s">
        <v>15</v>
      </c>
      <c r="G35796" s="16">
        <v>0.34504044562025921</v>
      </c>
    </row>
    <row r="35797" spans="1:7" x14ac:dyDescent="0.3">
      <c r="A35797" s="13" t="s">
        <v>219</v>
      </c>
      <c r="B35797" s="14" t="s">
        <v>1</v>
      </c>
      <c r="C35797" s="14" t="s">
        <v>23</v>
      </c>
      <c r="D35797" s="14" t="s">
        <v>220</v>
      </c>
      <c r="E35797" s="15">
        <v>45403</v>
      </c>
      <c r="F35797" s="14" t="s">
        <v>15</v>
      </c>
      <c r="G35797" s="16">
        <v>0.34504044562025921</v>
      </c>
    </row>
    <row r="35798" spans="1:7" x14ac:dyDescent="0.3">
      <c r="A35798" s="13" t="s">
        <v>219</v>
      </c>
      <c r="B35798" s="14" t="s">
        <v>1</v>
      </c>
      <c r="C35798" s="14" t="s">
        <v>23</v>
      </c>
      <c r="D35798" s="14" t="s">
        <v>220</v>
      </c>
      <c r="E35798" s="15">
        <v>45404</v>
      </c>
      <c r="F35798" s="14" t="s">
        <v>15</v>
      </c>
      <c r="G35798" s="16">
        <v>0.36812047989874064</v>
      </c>
    </row>
    <row r="35799" spans="1:7" x14ac:dyDescent="0.3">
      <c r="A35799" s="13" t="s">
        <v>219</v>
      </c>
      <c r="B35799" s="14" t="s">
        <v>1</v>
      </c>
      <c r="C35799" s="14" t="s">
        <v>23</v>
      </c>
      <c r="D35799" s="14" t="s">
        <v>220</v>
      </c>
      <c r="E35799" s="15">
        <v>45405</v>
      </c>
      <c r="F35799" s="14" t="s">
        <v>15</v>
      </c>
      <c r="G35799" s="16">
        <v>0.40720051417722214</v>
      </c>
    </row>
    <row r="35800" spans="1:7" x14ac:dyDescent="0.3">
      <c r="A35800" s="13" t="s">
        <v>219</v>
      </c>
      <c r="B35800" s="14" t="s">
        <v>1</v>
      </c>
      <c r="C35800" s="14" t="s">
        <v>23</v>
      </c>
      <c r="D35800" s="14" t="s">
        <v>220</v>
      </c>
      <c r="E35800" s="15">
        <v>45406</v>
      </c>
      <c r="F35800" s="14" t="s">
        <v>15</v>
      </c>
      <c r="G35800" s="16">
        <v>0.42028054845570362</v>
      </c>
    </row>
    <row r="35801" spans="1:7" x14ac:dyDescent="0.3">
      <c r="A35801" s="13" t="s">
        <v>219</v>
      </c>
      <c r="B35801" s="14" t="s">
        <v>1</v>
      </c>
      <c r="C35801" s="14" t="s">
        <v>23</v>
      </c>
      <c r="D35801" s="14" t="s">
        <v>220</v>
      </c>
      <c r="E35801" s="15">
        <v>45407</v>
      </c>
      <c r="F35801" s="14" t="s">
        <v>15</v>
      </c>
      <c r="G35801" s="16">
        <v>0.38636058273418505</v>
      </c>
    </row>
    <row r="35802" spans="1:7" x14ac:dyDescent="0.3">
      <c r="A35802" s="13" t="s">
        <v>219</v>
      </c>
      <c r="B35802" s="14" t="s">
        <v>1</v>
      </c>
      <c r="C35802" s="14" t="s">
        <v>23</v>
      </c>
      <c r="D35802" s="14" t="s">
        <v>220</v>
      </c>
      <c r="E35802" s="15">
        <v>45408</v>
      </c>
      <c r="F35802" s="14" t="s">
        <v>15</v>
      </c>
      <c r="G35802" s="16">
        <v>0.40044061701266659</v>
      </c>
    </row>
    <row r="35803" spans="1:7" x14ac:dyDescent="0.3">
      <c r="A35803" s="13" t="s">
        <v>219</v>
      </c>
      <c r="B35803" s="14" t="s">
        <v>1</v>
      </c>
      <c r="C35803" s="14" t="s">
        <v>23</v>
      </c>
      <c r="D35803" s="14" t="s">
        <v>220</v>
      </c>
      <c r="E35803" s="15">
        <v>45409</v>
      </c>
      <c r="F35803" s="14" t="s">
        <v>15</v>
      </c>
      <c r="G35803" s="16">
        <v>0.40044061701266659</v>
      </c>
    </row>
    <row r="35804" spans="1:7" x14ac:dyDescent="0.3">
      <c r="A35804" s="13" t="s">
        <v>219</v>
      </c>
      <c r="B35804" s="14" t="s">
        <v>1</v>
      </c>
      <c r="C35804" s="14" t="s">
        <v>23</v>
      </c>
      <c r="D35804" s="14" t="s">
        <v>220</v>
      </c>
      <c r="E35804" s="15">
        <v>45410</v>
      </c>
      <c r="F35804" s="14" t="s">
        <v>15</v>
      </c>
      <c r="G35804" s="16">
        <v>0.40044061701266659</v>
      </c>
    </row>
    <row r="35805" spans="1:7" x14ac:dyDescent="0.3">
      <c r="A35805" s="13" t="s">
        <v>219</v>
      </c>
      <c r="B35805" s="14" t="s">
        <v>1</v>
      </c>
      <c r="C35805" s="14" t="s">
        <v>23</v>
      </c>
      <c r="D35805" s="14" t="s">
        <v>220</v>
      </c>
      <c r="E35805" s="15">
        <v>45411</v>
      </c>
      <c r="F35805" s="14" t="s">
        <v>15</v>
      </c>
      <c r="G35805" s="16">
        <v>0.41652065129114807</v>
      </c>
    </row>
    <row r="35806" spans="1:7" x14ac:dyDescent="0.3">
      <c r="A35806" s="13" t="s">
        <v>219</v>
      </c>
      <c r="B35806" s="14" t="s">
        <v>1</v>
      </c>
      <c r="C35806" s="14" t="s">
        <v>23</v>
      </c>
      <c r="D35806" s="14" t="s">
        <v>220</v>
      </c>
      <c r="E35806" s="15">
        <v>45412</v>
      </c>
      <c r="F35806" s="14" t="s">
        <v>15</v>
      </c>
      <c r="G35806" s="16">
        <v>0.46460068556962958</v>
      </c>
    </row>
    <row r="35807" spans="1:7" x14ac:dyDescent="0.3">
      <c r="A35807" s="13" t="s">
        <v>219</v>
      </c>
      <c r="B35807" s="14" t="s">
        <v>1</v>
      </c>
      <c r="C35807" s="14" t="s">
        <v>23</v>
      </c>
      <c r="D35807" s="14" t="s">
        <v>220</v>
      </c>
      <c r="E35807" s="15">
        <v>45413</v>
      </c>
      <c r="F35807" s="14" t="s">
        <v>15</v>
      </c>
      <c r="G35807" s="16">
        <v>0.48068071984811106</v>
      </c>
    </row>
    <row r="35808" spans="1:7" x14ac:dyDescent="0.3">
      <c r="A35808" s="13" t="s">
        <v>219</v>
      </c>
      <c r="B35808" s="14" t="s">
        <v>1</v>
      </c>
      <c r="C35808" s="14" t="s">
        <v>23</v>
      </c>
      <c r="D35808" s="14" t="s">
        <v>220</v>
      </c>
      <c r="E35808" s="15">
        <v>45414</v>
      </c>
      <c r="F35808" s="14" t="s">
        <v>15</v>
      </c>
      <c r="G35808" s="16">
        <v>0.49676075412659254</v>
      </c>
    </row>
    <row r="35809" spans="1:7" x14ac:dyDescent="0.3">
      <c r="A35809" s="13" t="s">
        <v>219</v>
      </c>
      <c r="B35809" s="14" t="s">
        <v>1</v>
      </c>
      <c r="C35809" s="14" t="s">
        <v>23</v>
      </c>
      <c r="D35809" s="14" t="s">
        <v>220</v>
      </c>
      <c r="E35809" s="15">
        <v>45415</v>
      </c>
      <c r="F35809" s="14" t="s">
        <v>15</v>
      </c>
      <c r="G35809" s="16">
        <v>0.51284078840507408</v>
      </c>
    </row>
    <row r="35810" spans="1:7" x14ac:dyDescent="0.3">
      <c r="A35810" s="13" t="s">
        <v>219</v>
      </c>
      <c r="B35810" s="14" t="s">
        <v>1</v>
      </c>
      <c r="C35810" s="14" t="s">
        <v>23</v>
      </c>
      <c r="D35810" s="14" t="s">
        <v>220</v>
      </c>
      <c r="E35810" s="15">
        <v>45416</v>
      </c>
      <c r="F35810" s="14" t="s">
        <v>15</v>
      </c>
      <c r="G35810" s="16">
        <v>0.51284078840507408</v>
      </c>
    </row>
    <row r="35811" spans="1:7" x14ac:dyDescent="0.3">
      <c r="A35811" s="13" t="s">
        <v>219</v>
      </c>
      <c r="B35811" s="14" t="s">
        <v>1</v>
      </c>
      <c r="C35811" s="14" t="s">
        <v>23</v>
      </c>
      <c r="D35811" s="14" t="s">
        <v>220</v>
      </c>
      <c r="E35811" s="15">
        <v>45417</v>
      </c>
      <c r="F35811" s="14" t="s">
        <v>15</v>
      </c>
      <c r="G35811" s="16">
        <v>0.51284078840507408</v>
      </c>
    </row>
    <row r="35812" spans="1:7" x14ac:dyDescent="0.3">
      <c r="A35812" s="13" t="s">
        <v>219</v>
      </c>
      <c r="B35812" s="14" t="s">
        <v>1</v>
      </c>
      <c r="C35812" s="14" t="s">
        <v>23</v>
      </c>
      <c r="D35812" s="14" t="s">
        <v>220</v>
      </c>
      <c r="E35812" s="15">
        <v>45418</v>
      </c>
      <c r="F35812" s="14" t="s">
        <v>15</v>
      </c>
      <c r="G35812" s="16">
        <v>0.51284078840507408</v>
      </c>
    </row>
    <row r="35813" spans="1:7" x14ac:dyDescent="0.3">
      <c r="A35813" s="13" t="s">
        <v>219</v>
      </c>
      <c r="B35813" s="14" t="s">
        <v>1</v>
      </c>
      <c r="C35813" s="14" t="s">
        <v>23</v>
      </c>
      <c r="D35813" s="14" t="s">
        <v>220</v>
      </c>
      <c r="E35813" s="15">
        <v>45419</v>
      </c>
      <c r="F35813" s="14" t="s">
        <v>15</v>
      </c>
      <c r="G35813" s="16">
        <v>0.52792082268355556</v>
      </c>
    </row>
    <row r="35814" spans="1:7" x14ac:dyDescent="0.3">
      <c r="A35814" s="13" t="s">
        <v>219</v>
      </c>
      <c r="B35814" s="14" t="s">
        <v>1</v>
      </c>
      <c r="C35814" s="14" t="s">
        <v>23</v>
      </c>
      <c r="D35814" s="14" t="s">
        <v>220</v>
      </c>
      <c r="E35814" s="15">
        <v>45420</v>
      </c>
      <c r="F35814" s="14" t="s">
        <v>15</v>
      </c>
      <c r="G35814" s="16">
        <v>0.60600085696203698</v>
      </c>
    </row>
    <row r="35815" spans="1:7" x14ac:dyDescent="0.3">
      <c r="A35815" s="13" t="s">
        <v>219</v>
      </c>
      <c r="B35815" s="14" t="s">
        <v>1</v>
      </c>
      <c r="C35815" s="14" t="s">
        <v>23</v>
      </c>
      <c r="D35815" s="14" t="s">
        <v>220</v>
      </c>
      <c r="E35815" s="15">
        <v>45421</v>
      </c>
      <c r="F35815" s="14" t="s">
        <v>15</v>
      </c>
      <c r="G35815" s="16">
        <v>0.62208089124051846</v>
      </c>
    </row>
    <row r="35816" spans="1:7" x14ac:dyDescent="0.3">
      <c r="A35816" s="13" t="s">
        <v>219</v>
      </c>
      <c r="B35816" s="14" t="s">
        <v>1</v>
      </c>
      <c r="C35816" s="14" t="s">
        <v>23</v>
      </c>
      <c r="D35816" s="14" t="s">
        <v>220</v>
      </c>
      <c r="E35816" s="15">
        <v>45422</v>
      </c>
      <c r="F35816" s="14" t="s">
        <v>15</v>
      </c>
      <c r="G35816" s="16">
        <v>0.63716092551900005</v>
      </c>
    </row>
    <row r="35817" spans="1:7" x14ac:dyDescent="0.3">
      <c r="A35817" s="13" t="s">
        <v>219</v>
      </c>
      <c r="B35817" s="14" t="s">
        <v>1</v>
      </c>
      <c r="C35817" s="14" t="s">
        <v>23</v>
      </c>
      <c r="D35817" s="14" t="s">
        <v>220</v>
      </c>
      <c r="E35817" s="15">
        <v>45423</v>
      </c>
      <c r="F35817" s="14" t="s">
        <v>15</v>
      </c>
      <c r="G35817" s="16">
        <v>0.63716092551900005</v>
      </c>
    </row>
    <row r="35818" spans="1:7" x14ac:dyDescent="0.3">
      <c r="A35818" s="13" t="s">
        <v>219</v>
      </c>
      <c r="B35818" s="14" t="s">
        <v>1</v>
      </c>
      <c r="C35818" s="14" t="s">
        <v>23</v>
      </c>
      <c r="D35818" s="14" t="s">
        <v>220</v>
      </c>
      <c r="E35818" s="15">
        <v>45424</v>
      </c>
      <c r="F35818" s="14" t="s">
        <v>15</v>
      </c>
      <c r="G35818" s="16">
        <v>0.63716092551900005</v>
      </c>
    </row>
    <row r="35819" spans="1:7" x14ac:dyDescent="0.3">
      <c r="A35819" s="13" t="s">
        <v>219</v>
      </c>
      <c r="B35819" s="14" t="s">
        <v>1</v>
      </c>
      <c r="C35819" s="14" t="s">
        <v>23</v>
      </c>
      <c r="D35819" s="14" t="s">
        <v>220</v>
      </c>
      <c r="E35819" s="15">
        <v>45425</v>
      </c>
      <c r="F35819" s="14" t="s">
        <v>15</v>
      </c>
      <c r="G35819" s="16">
        <v>0.65324095979748154</v>
      </c>
    </row>
    <row r="35820" spans="1:7" x14ac:dyDescent="0.3">
      <c r="A35820" s="13" t="s">
        <v>219</v>
      </c>
      <c r="B35820" s="14" t="s">
        <v>1</v>
      </c>
      <c r="C35820" s="14" t="s">
        <v>23</v>
      </c>
      <c r="D35820" s="14" t="s">
        <v>220</v>
      </c>
      <c r="E35820" s="15">
        <v>45426</v>
      </c>
      <c r="F35820" s="14" t="s">
        <v>15</v>
      </c>
      <c r="G35820" s="16">
        <v>0.70332099407596294</v>
      </c>
    </row>
    <row r="35821" spans="1:7" x14ac:dyDescent="0.3">
      <c r="A35821" s="13" t="s">
        <v>219</v>
      </c>
      <c r="B35821" s="14" t="s">
        <v>1</v>
      </c>
      <c r="C35821" s="14" t="s">
        <v>23</v>
      </c>
      <c r="D35821" s="14" t="s">
        <v>220</v>
      </c>
      <c r="E35821" s="15">
        <v>45427</v>
      </c>
      <c r="F35821" s="14" t="s">
        <v>15</v>
      </c>
      <c r="G35821" s="16">
        <v>0.71940102835444442</v>
      </c>
    </row>
    <row r="35822" spans="1:7" x14ac:dyDescent="0.3">
      <c r="A35822" s="13" t="s">
        <v>219</v>
      </c>
      <c r="B35822" s="14" t="s">
        <v>1</v>
      </c>
      <c r="C35822" s="14" t="s">
        <v>23</v>
      </c>
      <c r="D35822" s="14" t="s">
        <v>220</v>
      </c>
      <c r="E35822" s="15">
        <v>45428</v>
      </c>
      <c r="F35822" s="14" t="s">
        <v>15</v>
      </c>
      <c r="G35822" s="16">
        <v>0.7354810626329259</v>
      </c>
    </row>
    <row r="35823" spans="1:7" x14ac:dyDescent="0.3">
      <c r="A35823" s="13" t="s">
        <v>219</v>
      </c>
      <c r="B35823" s="14" t="s">
        <v>1</v>
      </c>
      <c r="C35823" s="14" t="s">
        <v>23</v>
      </c>
      <c r="D35823" s="14" t="s">
        <v>220</v>
      </c>
      <c r="E35823" s="15">
        <v>45429</v>
      </c>
      <c r="F35823" s="14" t="s">
        <v>15</v>
      </c>
      <c r="G35823" s="16">
        <v>0.75156109691140738</v>
      </c>
    </row>
    <row r="35824" spans="1:7" x14ac:dyDescent="0.3">
      <c r="A35824" s="13" t="s">
        <v>219</v>
      </c>
      <c r="B35824" s="14" t="s">
        <v>1</v>
      </c>
      <c r="C35824" s="14" t="s">
        <v>23</v>
      </c>
      <c r="D35824" s="14" t="s">
        <v>220</v>
      </c>
      <c r="E35824" s="15">
        <v>45430</v>
      </c>
      <c r="F35824" s="14" t="s">
        <v>15</v>
      </c>
      <c r="G35824" s="16">
        <v>0.75156109691140738</v>
      </c>
    </row>
    <row r="35825" spans="1:7" x14ac:dyDescent="0.3">
      <c r="A35825" s="13" t="s">
        <v>219</v>
      </c>
      <c r="B35825" s="14" t="s">
        <v>1</v>
      </c>
      <c r="C35825" s="14" t="s">
        <v>23</v>
      </c>
      <c r="D35825" s="14" t="s">
        <v>220</v>
      </c>
      <c r="E35825" s="15">
        <v>45431</v>
      </c>
      <c r="F35825" s="14" t="s">
        <v>15</v>
      </c>
      <c r="G35825" s="16">
        <v>0.75156109691140738</v>
      </c>
    </row>
    <row r="35826" spans="1:7" x14ac:dyDescent="0.3">
      <c r="A35826" s="13" t="s">
        <v>219</v>
      </c>
      <c r="B35826" s="14" t="s">
        <v>1</v>
      </c>
      <c r="C35826" s="14" t="s">
        <v>23</v>
      </c>
      <c r="D35826" s="14" t="s">
        <v>220</v>
      </c>
      <c r="E35826" s="15">
        <v>45432</v>
      </c>
      <c r="F35826" s="14" t="s">
        <v>15</v>
      </c>
      <c r="G35826" s="16">
        <v>0.76764113118988886</v>
      </c>
    </row>
    <row r="35827" spans="1:7" x14ac:dyDescent="0.3">
      <c r="A35827" s="13" t="s">
        <v>219</v>
      </c>
      <c r="B35827" s="14" t="s">
        <v>1</v>
      </c>
      <c r="C35827" s="14" t="s">
        <v>23</v>
      </c>
      <c r="D35827" s="14" t="s">
        <v>220</v>
      </c>
      <c r="E35827" s="15">
        <v>45433</v>
      </c>
      <c r="F35827" s="14" t="s">
        <v>15</v>
      </c>
      <c r="G35827" s="16">
        <v>0.81572116546837026</v>
      </c>
    </row>
    <row r="35828" spans="1:7" x14ac:dyDescent="0.3">
      <c r="A35828" s="13" t="s">
        <v>219</v>
      </c>
      <c r="B35828" s="14" t="s">
        <v>1</v>
      </c>
      <c r="C35828" s="14" t="s">
        <v>23</v>
      </c>
      <c r="D35828" s="14" t="s">
        <v>220</v>
      </c>
      <c r="E35828" s="15">
        <v>45434</v>
      </c>
      <c r="F35828" s="14" t="s">
        <v>15</v>
      </c>
      <c r="G35828" s="16">
        <v>0.83180119974685174</v>
      </c>
    </row>
    <row r="35829" spans="1:7" x14ac:dyDescent="0.3">
      <c r="A35829" s="13" t="s">
        <v>219</v>
      </c>
      <c r="B35829" s="14" t="s">
        <v>1</v>
      </c>
      <c r="C35829" s="14" t="s">
        <v>23</v>
      </c>
      <c r="D35829" s="14" t="s">
        <v>220</v>
      </c>
      <c r="E35829" s="15">
        <v>45435</v>
      </c>
      <c r="F35829" s="14" t="s">
        <v>15</v>
      </c>
      <c r="G35829" s="16">
        <v>0.84988123402533322</v>
      </c>
    </row>
    <row r="35830" spans="1:7" x14ac:dyDescent="0.3">
      <c r="A35830" s="13" t="s">
        <v>219</v>
      </c>
      <c r="B35830" s="14" t="s">
        <v>1</v>
      </c>
      <c r="C35830" s="14" t="s">
        <v>23</v>
      </c>
      <c r="D35830" s="14" t="s">
        <v>220</v>
      </c>
      <c r="E35830" s="15">
        <v>45436</v>
      </c>
      <c r="F35830" s="14" t="s">
        <v>15</v>
      </c>
      <c r="G35830" s="16">
        <v>0.86496126830381459</v>
      </c>
    </row>
    <row r="35831" spans="1:7" x14ac:dyDescent="0.3">
      <c r="A35831" s="13" t="s">
        <v>219</v>
      </c>
      <c r="B35831" s="14" t="s">
        <v>1</v>
      </c>
      <c r="C35831" s="14" t="s">
        <v>23</v>
      </c>
      <c r="D35831" s="14" t="s">
        <v>220</v>
      </c>
      <c r="E35831" s="15">
        <v>45437</v>
      </c>
      <c r="F35831" s="14" t="s">
        <v>15</v>
      </c>
      <c r="G35831" s="16">
        <v>0.86496126830381459</v>
      </c>
    </row>
    <row r="35832" spans="1:7" x14ac:dyDescent="0.3">
      <c r="A35832" s="13" t="s">
        <v>219</v>
      </c>
      <c r="B35832" s="14" t="s">
        <v>1</v>
      </c>
      <c r="C35832" s="14" t="s">
        <v>23</v>
      </c>
      <c r="D35832" s="14" t="s">
        <v>220</v>
      </c>
      <c r="E35832" s="15">
        <v>45438</v>
      </c>
      <c r="F35832" s="14" t="s">
        <v>15</v>
      </c>
      <c r="G35832" s="16">
        <v>0.86496126830381459</v>
      </c>
    </row>
    <row r="35833" spans="1:7" x14ac:dyDescent="0.3">
      <c r="A35833" s="13" t="s">
        <v>219</v>
      </c>
      <c r="B35833" s="14" t="s">
        <v>1</v>
      </c>
      <c r="C35833" s="14" t="s">
        <v>23</v>
      </c>
      <c r="D35833" s="14" t="s">
        <v>220</v>
      </c>
      <c r="E35833" s="15">
        <v>45439</v>
      </c>
      <c r="F35833" s="14" t="s">
        <v>15</v>
      </c>
      <c r="G35833" s="16">
        <v>0.86496126830381459</v>
      </c>
    </row>
    <row r="35834" spans="1:7" x14ac:dyDescent="0.3">
      <c r="A35834" s="13" t="s">
        <v>219</v>
      </c>
      <c r="B35834" s="14" t="s">
        <v>1</v>
      </c>
      <c r="C35834" s="14" t="s">
        <v>23</v>
      </c>
      <c r="D35834" s="14" t="s">
        <v>220</v>
      </c>
      <c r="E35834" s="15">
        <v>45440</v>
      </c>
      <c r="F35834" s="14" t="s">
        <v>15</v>
      </c>
      <c r="G35834" s="16">
        <v>0.88004130258229607</v>
      </c>
    </row>
    <row r="35835" spans="1:7" x14ac:dyDescent="0.3">
      <c r="A35835" s="13" t="s">
        <v>219</v>
      </c>
      <c r="B35835" s="14" t="s">
        <v>1</v>
      </c>
      <c r="C35835" s="14" t="s">
        <v>23</v>
      </c>
      <c r="D35835" s="14" t="s">
        <v>220</v>
      </c>
      <c r="E35835" s="15">
        <v>45441</v>
      </c>
      <c r="F35835" s="14" t="s">
        <v>15</v>
      </c>
      <c r="G35835" s="16">
        <v>0.93912133686077759</v>
      </c>
    </row>
    <row r="35836" spans="1:7" x14ac:dyDescent="0.3">
      <c r="A35836" s="13" t="s">
        <v>219</v>
      </c>
      <c r="B35836" s="14" t="s">
        <v>1</v>
      </c>
      <c r="C35836" s="14" t="s">
        <v>23</v>
      </c>
      <c r="D35836" s="14" t="s">
        <v>220</v>
      </c>
      <c r="E35836" s="15">
        <v>45442</v>
      </c>
      <c r="F35836" s="14" t="s">
        <v>15</v>
      </c>
      <c r="G35836" s="16">
        <v>0.95620137113925918</v>
      </c>
    </row>
    <row r="35837" spans="1:7" x14ac:dyDescent="0.3">
      <c r="A35837" s="13" t="s">
        <v>219</v>
      </c>
      <c r="B35837" s="14" t="s">
        <v>1</v>
      </c>
      <c r="C35837" s="14" t="s">
        <v>23</v>
      </c>
      <c r="D35837" s="14" t="s">
        <v>220</v>
      </c>
      <c r="E35837" s="15">
        <v>45443</v>
      </c>
      <c r="F35837" s="14" t="s">
        <v>15</v>
      </c>
      <c r="G35837" s="16">
        <v>0.96628140541774066</v>
      </c>
    </row>
    <row r="35838" spans="1:7" x14ac:dyDescent="0.3">
      <c r="A35838" s="13" t="s">
        <v>219</v>
      </c>
      <c r="B35838" s="14" t="s">
        <v>1</v>
      </c>
      <c r="C35838" s="14" t="s">
        <v>23</v>
      </c>
      <c r="D35838" s="14" t="s">
        <v>220</v>
      </c>
      <c r="E35838" s="15">
        <v>45444</v>
      </c>
      <c r="F35838" s="14" t="s">
        <v>15</v>
      </c>
      <c r="G35838" s="16">
        <v>0.96628140541774066</v>
      </c>
    </row>
    <row r="35839" spans="1:7" x14ac:dyDescent="0.3">
      <c r="A35839" s="13" t="s">
        <v>219</v>
      </c>
      <c r="B35839" s="14" t="s">
        <v>1</v>
      </c>
      <c r="C35839" s="14" t="s">
        <v>23</v>
      </c>
      <c r="D35839" s="14" t="s">
        <v>220</v>
      </c>
      <c r="E35839" s="15">
        <v>45445</v>
      </c>
      <c r="F35839" s="14" t="s">
        <v>15</v>
      </c>
      <c r="G35839" s="16">
        <v>0.96628140541774066</v>
      </c>
    </row>
    <row r="35840" spans="1:7" x14ac:dyDescent="0.3">
      <c r="A35840" s="13" t="s">
        <v>219</v>
      </c>
      <c r="B35840" s="14" t="s">
        <v>1</v>
      </c>
      <c r="C35840" s="14" t="s">
        <v>23</v>
      </c>
      <c r="D35840" s="14" t="s">
        <v>220</v>
      </c>
      <c r="E35840" s="15">
        <v>45446</v>
      </c>
      <c r="F35840" s="14" t="s">
        <v>15</v>
      </c>
      <c r="G35840" s="16">
        <v>0.96628140541774066</v>
      </c>
    </row>
    <row r="35841" spans="1:7" x14ac:dyDescent="0.3">
      <c r="A35841" s="13" t="s">
        <v>219</v>
      </c>
      <c r="B35841" s="14" t="s">
        <v>1</v>
      </c>
      <c r="C35841" s="14" t="s">
        <v>23</v>
      </c>
      <c r="D35841" s="14" t="s">
        <v>220</v>
      </c>
      <c r="E35841" s="15">
        <v>45447</v>
      </c>
      <c r="F35841" s="14" t="s">
        <v>15</v>
      </c>
      <c r="G35841" s="16">
        <v>0.98436143969622214</v>
      </c>
    </row>
    <row r="35842" spans="1:7" x14ac:dyDescent="0.3">
      <c r="A35842" s="13" t="s">
        <v>219</v>
      </c>
      <c r="B35842" s="14" t="s">
        <v>1</v>
      </c>
      <c r="C35842" s="14" t="s">
        <v>23</v>
      </c>
      <c r="D35842" s="14" t="s">
        <v>220</v>
      </c>
      <c r="E35842" s="15">
        <v>45448</v>
      </c>
      <c r="F35842" s="14" t="s">
        <v>15</v>
      </c>
      <c r="G35842" s="16">
        <v>1.0524414739747037</v>
      </c>
    </row>
    <row r="35843" spans="1:7" x14ac:dyDescent="0.3">
      <c r="A35843" s="13" t="s">
        <v>219</v>
      </c>
      <c r="B35843" s="14" t="s">
        <v>1</v>
      </c>
      <c r="C35843" s="14" t="s">
        <v>23</v>
      </c>
      <c r="D35843" s="14" t="s">
        <v>220</v>
      </c>
      <c r="E35843" s="15">
        <v>45449</v>
      </c>
      <c r="F35843" s="14" t="s">
        <v>15</v>
      </c>
      <c r="G35843" s="16">
        <v>1.067521508253185</v>
      </c>
    </row>
    <row r="35844" spans="1:7" x14ac:dyDescent="0.3">
      <c r="A35844" s="13" t="s">
        <v>219</v>
      </c>
      <c r="B35844" s="14" t="s">
        <v>1</v>
      </c>
      <c r="C35844" s="14" t="s">
        <v>23</v>
      </c>
      <c r="D35844" s="14" t="s">
        <v>220</v>
      </c>
      <c r="E35844" s="15">
        <v>45450</v>
      </c>
      <c r="F35844" s="14" t="s">
        <v>15</v>
      </c>
      <c r="G35844" s="16">
        <v>1.1026015425316666</v>
      </c>
    </row>
    <row r="35845" spans="1:7" x14ac:dyDescent="0.3">
      <c r="A35845" s="13" t="s">
        <v>219</v>
      </c>
      <c r="B35845" s="14" t="s">
        <v>1</v>
      </c>
      <c r="C35845" s="14" t="s">
        <v>23</v>
      </c>
      <c r="D35845" s="14" t="s">
        <v>220</v>
      </c>
      <c r="E35845" s="15">
        <v>45451</v>
      </c>
      <c r="F35845" s="14" t="s">
        <v>15</v>
      </c>
      <c r="G35845" s="16">
        <v>1.1026015425316666</v>
      </c>
    </row>
    <row r="35846" spans="1:7" x14ac:dyDescent="0.3">
      <c r="A35846" s="13" t="s">
        <v>219</v>
      </c>
      <c r="B35846" s="14" t="s">
        <v>1</v>
      </c>
      <c r="C35846" s="14" t="s">
        <v>23</v>
      </c>
      <c r="D35846" s="14" t="s">
        <v>220</v>
      </c>
      <c r="E35846" s="15">
        <v>45452</v>
      </c>
      <c r="F35846" s="14" t="s">
        <v>15</v>
      </c>
      <c r="G35846" s="16">
        <v>1.1026015425316666</v>
      </c>
    </row>
    <row r="35847" spans="1:7" x14ac:dyDescent="0.3">
      <c r="A35847" s="13" t="s">
        <v>219</v>
      </c>
      <c r="B35847" s="14" t="s">
        <v>1</v>
      </c>
      <c r="C35847" s="14" t="s">
        <v>23</v>
      </c>
      <c r="D35847" s="14" t="s">
        <v>220</v>
      </c>
      <c r="E35847" s="15">
        <v>45453</v>
      </c>
      <c r="F35847" s="14" t="s">
        <v>15</v>
      </c>
      <c r="G35847" s="16">
        <v>1.117681576810148</v>
      </c>
    </row>
    <row r="35848" spans="1:7" x14ac:dyDescent="0.3">
      <c r="A35848" s="13" t="s">
        <v>219</v>
      </c>
      <c r="B35848" s="14" t="s">
        <v>1</v>
      </c>
      <c r="C35848" s="14" t="s">
        <v>23</v>
      </c>
      <c r="D35848" s="14" t="s">
        <v>220</v>
      </c>
      <c r="E35848" s="15">
        <v>45454</v>
      </c>
      <c r="F35848" s="14" t="s">
        <v>15</v>
      </c>
      <c r="G35848" s="16">
        <v>1.1637616110886295</v>
      </c>
    </row>
    <row r="35849" spans="1:7" x14ac:dyDescent="0.3">
      <c r="A35849" s="13" t="s">
        <v>219</v>
      </c>
      <c r="B35849" s="14" t="s">
        <v>1</v>
      </c>
      <c r="C35849" s="14" t="s">
        <v>23</v>
      </c>
      <c r="D35849" s="14" t="s">
        <v>220</v>
      </c>
      <c r="E35849" s="15">
        <v>45455</v>
      </c>
      <c r="F35849" s="14" t="s">
        <v>15</v>
      </c>
      <c r="G35849" s="16">
        <v>1.1788416453671109</v>
      </c>
    </row>
    <row r="35850" spans="1:7" x14ac:dyDescent="0.3">
      <c r="A35850" s="13" t="s">
        <v>219</v>
      </c>
      <c r="B35850" s="14" t="s">
        <v>1</v>
      </c>
      <c r="C35850" s="14" t="s">
        <v>23</v>
      </c>
      <c r="D35850" s="14" t="s">
        <v>220</v>
      </c>
      <c r="E35850" s="15">
        <v>45456</v>
      </c>
      <c r="F35850" s="14" t="s">
        <v>15</v>
      </c>
      <c r="G35850" s="16">
        <v>1.1929216796455924</v>
      </c>
    </row>
    <row r="35851" spans="1:7" x14ac:dyDescent="0.3">
      <c r="A35851" s="13" t="s">
        <v>219</v>
      </c>
      <c r="B35851" s="14" t="s">
        <v>1</v>
      </c>
      <c r="C35851" s="14" t="s">
        <v>23</v>
      </c>
      <c r="D35851" s="14" t="s">
        <v>220</v>
      </c>
      <c r="E35851" s="15">
        <v>45457</v>
      </c>
      <c r="F35851" s="14" t="s">
        <v>15</v>
      </c>
      <c r="G35851" s="16">
        <v>1.2090017139240739</v>
      </c>
    </row>
    <row r="35852" spans="1:7" x14ac:dyDescent="0.3">
      <c r="A35852" s="13" t="s">
        <v>219</v>
      </c>
      <c r="B35852" s="14" t="s">
        <v>1</v>
      </c>
      <c r="C35852" s="14" t="s">
        <v>23</v>
      </c>
      <c r="D35852" s="14" t="s">
        <v>220</v>
      </c>
      <c r="E35852" s="15">
        <v>45458</v>
      </c>
      <c r="F35852" s="14" t="s">
        <v>15</v>
      </c>
      <c r="G35852" s="16">
        <v>1.2090017139240739</v>
      </c>
    </row>
    <row r="35853" spans="1:7" x14ac:dyDescent="0.3">
      <c r="A35853" s="13" t="s">
        <v>219</v>
      </c>
      <c r="B35853" s="14" t="s">
        <v>1</v>
      </c>
      <c r="C35853" s="14" t="s">
        <v>23</v>
      </c>
      <c r="D35853" s="14" t="s">
        <v>220</v>
      </c>
      <c r="E35853" s="15">
        <v>45459</v>
      </c>
      <c r="F35853" s="14" t="s">
        <v>15</v>
      </c>
      <c r="G35853" s="16">
        <v>1.2090017139240739</v>
      </c>
    </row>
    <row r="35854" spans="1:7" x14ac:dyDescent="0.3">
      <c r="A35854" s="13" t="s">
        <v>219</v>
      </c>
      <c r="B35854" s="14" t="s">
        <v>1</v>
      </c>
      <c r="C35854" s="14" t="s">
        <v>23</v>
      </c>
      <c r="D35854" s="14" t="s">
        <v>220</v>
      </c>
      <c r="E35854" s="15">
        <v>45460</v>
      </c>
      <c r="F35854" s="14" t="s">
        <v>15</v>
      </c>
      <c r="G35854" s="16">
        <v>1.2240817482025554</v>
      </c>
    </row>
    <row r="35855" spans="1:7" x14ac:dyDescent="0.3">
      <c r="A35855" s="13" t="s">
        <v>219</v>
      </c>
      <c r="B35855" s="14" t="s">
        <v>1</v>
      </c>
      <c r="C35855" s="14" t="s">
        <v>23</v>
      </c>
      <c r="D35855" s="14" t="s">
        <v>220</v>
      </c>
      <c r="E35855" s="15">
        <v>45461</v>
      </c>
      <c r="F35855" s="14" t="s">
        <v>15</v>
      </c>
      <c r="G35855" s="16">
        <v>1.2701617824810367</v>
      </c>
    </row>
    <row r="35856" spans="1:7" x14ac:dyDescent="0.3">
      <c r="A35856" s="13" t="s">
        <v>219</v>
      </c>
      <c r="B35856" s="14" t="s">
        <v>1</v>
      </c>
      <c r="C35856" s="14" t="s">
        <v>23</v>
      </c>
      <c r="D35856" s="14" t="s">
        <v>220</v>
      </c>
      <c r="E35856" s="15">
        <v>45462</v>
      </c>
      <c r="F35856" s="14" t="s">
        <v>15</v>
      </c>
      <c r="G35856" s="16">
        <v>1.2701617824810367</v>
      </c>
    </row>
    <row r="35857" spans="1:7" x14ac:dyDescent="0.3">
      <c r="A35857" s="13" t="s">
        <v>219</v>
      </c>
      <c r="B35857" s="14" t="s">
        <v>1</v>
      </c>
      <c r="C35857" s="14" t="s">
        <v>23</v>
      </c>
      <c r="D35857" s="14" t="s">
        <v>220</v>
      </c>
      <c r="E35857" s="15">
        <v>45463</v>
      </c>
      <c r="F35857" s="14" t="s">
        <v>15</v>
      </c>
      <c r="G35857" s="16">
        <v>1.2852418167595183</v>
      </c>
    </row>
    <row r="35858" spans="1:7" x14ac:dyDescent="0.3">
      <c r="A35858" s="13" t="s">
        <v>219</v>
      </c>
      <c r="B35858" s="14" t="s">
        <v>1</v>
      </c>
      <c r="C35858" s="14" t="s">
        <v>23</v>
      </c>
      <c r="D35858" s="14" t="s">
        <v>220</v>
      </c>
      <c r="E35858" s="15">
        <v>45464</v>
      </c>
      <c r="F35858" s="14" t="s">
        <v>15</v>
      </c>
      <c r="G35858" s="16">
        <v>1.3173218510379996</v>
      </c>
    </row>
    <row r="35859" spans="1:7" x14ac:dyDescent="0.3">
      <c r="A35859" s="13" t="s">
        <v>219</v>
      </c>
      <c r="B35859" s="14" t="s">
        <v>1</v>
      </c>
      <c r="C35859" s="14" t="s">
        <v>23</v>
      </c>
      <c r="D35859" s="14" t="s">
        <v>220</v>
      </c>
      <c r="E35859" s="15">
        <v>45465</v>
      </c>
      <c r="F35859" s="14" t="s">
        <v>15</v>
      </c>
      <c r="G35859" s="16">
        <v>1.3173218510379996</v>
      </c>
    </row>
    <row r="35860" spans="1:7" x14ac:dyDescent="0.3">
      <c r="A35860" s="13" t="s">
        <v>219</v>
      </c>
      <c r="B35860" s="14" t="s">
        <v>1</v>
      </c>
      <c r="C35860" s="14" t="s">
        <v>23</v>
      </c>
      <c r="D35860" s="14" t="s">
        <v>220</v>
      </c>
      <c r="E35860" s="15">
        <v>45466</v>
      </c>
      <c r="F35860" s="14" t="s">
        <v>15</v>
      </c>
      <c r="G35860" s="16">
        <v>1.3173218510379996</v>
      </c>
    </row>
    <row r="35861" spans="1:7" x14ac:dyDescent="0.3">
      <c r="A35861" s="13" t="s">
        <v>219</v>
      </c>
      <c r="B35861" s="14" t="s">
        <v>1</v>
      </c>
      <c r="C35861" s="14" t="s">
        <v>23</v>
      </c>
      <c r="D35861" s="14" t="s">
        <v>220</v>
      </c>
      <c r="E35861" s="15">
        <v>45467</v>
      </c>
      <c r="F35861" s="14" t="s">
        <v>15</v>
      </c>
      <c r="G35861" s="16">
        <v>1.332401885316481</v>
      </c>
    </row>
    <row r="35862" spans="1:7" x14ac:dyDescent="0.3">
      <c r="A35862" s="13" t="s">
        <v>219</v>
      </c>
      <c r="B35862" s="14" t="s">
        <v>1</v>
      </c>
      <c r="C35862" s="14" t="s">
        <v>23</v>
      </c>
      <c r="D35862" s="14" t="s">
        <v>220</v>
      </c>
      <c r="E35862" s="15">
        <v>45468</v>
      </c>
      <c r="F35862" s="14" t="s">
        <v>15</v>
      </c>
      <c r="G35862" s="16">
        <v>1.3804819195949625</v>
      </c>
    </row>
    <row r="35863" spans="1:7" x14ac:dyDescent="0.3">
      <c r="A35863" s="13" t="s">
        <v>219</v>
      </c>
      <c r="B35863" s="14" t="s">
        <v>1</v>
      </c>
      <c r="C35863" s="14" t="s">
        <v>23</v>
      </c>
      <c r="D35863" s="14" t="s">
        <v>220</v>
      </c>
      <c r="E35863" s="15">
        <v>45469</v>
      </c>
      <c r="F35863" s="14" t="s">
        <v>15</v>
      </c>
      <c r="G35863" s="16">
        <v>1.3945619538734439</v>
      </c>
    </row>
    <row r="35864" spans="1:7" x14ac:dyDescent="0.3">
      <c r="A35864" s="13" t="s">
        <v>219</v>
      </c>
      <c r="B35864" s="14" t="s">
        <v>1</v>
      </c>
      <c r="C35864" s="14" t="s">
        <v>23</v>
      </c>
      <c r="D35864" s="14" t="s">
        <v>220</v>
      </c>
      <c r="E35864" s="15">
        <v>45470</v>
      </c>
      <c r="F35864" s="14" t="s">
        <v>15</v>
      </c>
      <c r="G35864" s="16">
        <v>1.4096419881519253</v>
      </c>
    </row>
    <row r="35865" spans="1:7" x14ac:dyDescent="0.3">
      <c r="A35865" s="13" t="s">
        <v>219</v>
      </c>
      <c r="B35865" s="14" t="s">
        <v>1</v>
      </c>
      <c r="C35865" s="14" t="s">
        <v>23</v>
      </c>
      <c r="D35865" s="14" t="s">
        <v>220</v>
      </c>
      <c r="E35865" s="15">
        <v>45471</v>
      </c>
      <c r="F35865" s="14" t="s">
        <v>15</v>
      </c>
      <c r="G35865" s="16">
        <v>1.4247220224304067</v>
      </c>
    </row>
    <row r="35866" spans="1:7" x14ac:dyDescent="0.3">
      <c r="A35866" s="13" t="s">
        <v>219</v>
      </c>
      <c r="B35866" s="14" t="s">
        <v>1</v>
      </c>
      <c r="C35866" s="14" t="s">
        <v>23</v>
      </c>
      <c r="D35866" s="14" t="s">
        <v>220</v>
      </c>
      <c r="E35866" s="15">
        <v>45472</v>
      </c>
      <c r="F35866" s="14" t="s">
        <v>15</v>
      </c>
      <c r="G35866" s="16">
        <v>1.4247220224304067</v>
      </c>
    </row>
    <row r="35867" spans="1:7" x14ac:dyDescent="0.3">
      <c r="A35867" s="13" t="s">
        <v>219</v>
      </c>
      <c r="B35867" s="14" t="s">
        <v>1</v>
      </c>
      <c r="C35867" s="14" t="s">
        <v>23</v>
      </c>
      <c r="D35867" s="14" t="s">
        <v>220</v>
      </c>
      <c r="E35867" s="15">
        <v>45473</v>
      </c>
      <c r="F35867" s="14" t="s">
        <v>15</v>
      </c>
      <c r="G35867" s="16">
        <v>1.4247220224304067</v>
      </c>
    </row>
    <row r="35868" spans="1:7" x14ac:dyDescent="0.3">
      <c r="A35868" s="13" t="s">
        <v>219</v>
      </c>
      <c r="B35868" s="14" t="s">
        <v>1</v>
      </c>
      <c r="C35868" s="14" t="s">
        <v>23</v>
      </c>
      <c r="D35868" s="14" t="s">
        <v>220</v>
      </c>
      <c r="E35868" s="15">
        <v>45474</v>
      </c>
      <c r="F35868" s="14" t="s">
        <v>15</v>
      </c>
      <c r="G35868" s="16">
        <v>1.4398020567088881</v>
      </c>
    </row>
    <row r="35869" spans="1:7" x14ac:dyDescent="0.3">
      <c r="A35869" s="13" t="s">
        <v>219</v>
      </c>
      <c r="B35869" s="14" t="s">
        <v>1</v>
      </c>
      <c r="C35869" s="14" t="s">
        <v>23</v>
      </c>
      <c r="D35869" s="14" t="s">
        <v>220</v>
      </c>
      <c r="E35869" s="15">
        <v>45475</v>
      </c>
      <c r="F35869" s="14" t="s">
        <v>15</v>
      </c>
      <c r="G35869" s="16">
        <v>1.4868820909873697</v>
      </c>
    </row>
    <row r="35870" spans="1:7" x14ac:dyDescent="0.3">
      <c r="A35870" s="13" t="s">
        <v>219</v>
      </c>
      <c r="B35870" s="14" t="s">
        <v>1</v>
      </c>
      <c r="C35870" s="14" t="s">
        <v>23</v>
      </c>
      <c r="D35870" s="14" t="s">
        <v>220</v>
      </c>
      <c r="E35870" s="15">
        <v>45476</v>
      </c>
      <c r="F35870" s="14" t="s">
        <v>15</v>
      </c>
      <c r="G35870" s="16">
        <v>1.501962125265851</v>
      </c>
    </row>
    <row r="35871" spans="1:7" x14ac:dyDescent="0.3">
      <c r="A35871" s="13" t="s">
        <v>219</v>
      </c>
      <c r="B35871" s="14" t="s">
        <v>1</v>
      </c>
      <c r="C35871" s="14" t="s">
        <v>23</v>
      </c>
      <c r="D35871" s="14" t="s">
        <v>220</v>
      </c>
      <c r="E35871" s="15">
        <v>45477</v>
      </c>
      <c r="F35871" s="14" t="s">
        <v>15</v>
      </c>
      <c r="G35871" s="16">
        <v>1.501962125265851</v>
      </c>
    </row>
    <row r="35872" spans="1:7" x14ac:dyDescent="0.3">
      <c r="A35872" s="13" t="s">
        <v>219</v>
      </c>
      <c r="B35872" s="14" t="s">
        <v>1</v>
      </c>
      <c r="C35872" s="14" t="s">
        <v>23</v>
      </c>
      <c r="D35872" s="14" t="s">
        <v>220</v>
      </c>
      <c r="E35872" s="15">
        <v>45478</v>
      </c>
      <c r="F35872" s="14" t="s">
        <v>15</v>
      </c>
      <c r="G35872" s="16">
        <v>1.5170421595443324</v>
      </c>
    </row>
    <row r="35873" spans="1:7" x14ac:dyDescent="0.3">
      <c r="A35873" s="13" t="s">
        <v>219</v>
      </c>
      <c r="B35873" s="14" t="s">
        <v>1</v>
      </c>
      <c r="C35873" s="14" t="s">
        <v>23</v>
      </c>
      <c r="D35873" s="14" t="s">
        <v>220</v>
      </c>
      <c r="E35873" s="15">
        <v>45479</v>
      </c>
      <c r="F35873" s="14" t="s">
        <v>15</v>
      </c>
      <c r="G35873" s="16">
        <v>1.5170421595443324</v>
      </c>
    </row>
    <row r="35874" spans="1:7" x14ac:dyDescent="0.3">
      <c r="A35874" s="13" t="s">
        <v>219</v>
      </c>
      <c r="B35874" s="14" t="s">
        <v>1</v>
      </c>
      <c r="C35874" s="14" t="s">
        <v>23</v>
      </c>
      <c r="D35874" s="14" t="s">
        <v>220</v>
      </c>
      <c r="E35874" s="15">
        <v>45480</v>
      </c>
      <c r="F35874" s="14" t="s">
        <v>15</v>
      </c>
      <c r="G35874" s="16">
        <v>1.5170421595443324</v>
      </c>
    </row>
    <row r="35875" spans="1:7" x14ac:dyDescent="0.3">
      <c r="A35875" s="13" t="s">
        <v>219</v>
      </c>
      <c r="B35875" s="14" t="s">
        <v>1</v>
      </c>
      <c r="C35875" s="14" t="s">
        <v>23</v>
      </c>
      <c r="D35875" s="14" t="s">
        <v>220</v>
      </c>
      <c r="E35875" s="15">
        <v>45481</v>
      </c>
      <c r="F35875" s="14" t="s">
        <v>15</v>
      </c>
      <c r="G35875" s="16">
        <v>1.5741221938228138</v>
      </c>
    </row>
    <row r="35876" spans="1:7" x14ac:dyDescent="0.3">
      <c r="A35876" s="13" t="s">
        <v>219</v>
      </c>
      <c r="B35876" s="14" t="s">
        <v>1</v>
      </c>
      <c r="C35876" s="14" t="s">
        <v>23</v>
      </c>
      <c r="D35876" s="14" t="s">
        <v>220</v>
      </c>
      <c r="E35876" s="15">
        <v>45482</v>
      </c>
      <c r="F35876" s="14" t="s">
        <v>15</v>
      </c>
      <c r="G35876" s="16">
        <v>1.6212022281012952</v>
      </c>
    </row>
    <row r="35877" spans="1:7" x14ac:dyDescent="0.3">
      <c r="A35877" s="13" t="s">
        <v>219</v>
      </c>
      <c r="B35877" s="14" t="s">
        <v>1</v>
      </c>
      <c r="C35877" s="14" t="s">
        <v>23</v>
      </c>
      <c r="D35877" s="14" t="s">
        <v>220</v>
      </c>
      <c r="E35877" s="15">
        <v>45483</v>
      </c>
      <c r="F35877" s="14" t="s">
        <v>15</v>
      </c>
      <c r="G35877" s="16">
        <v>1.6382822623797768</v>
      </c>
    </row>
    <row r="35878" spans="1:7" x14ac:dyDescent="0.3">
      <c r="A35878" s="13" t="s">
        <v>219</v>
      </c>
      <c r="B35878" s="14" t="s">
        <v>1</v>
      </c>
      <c r="C35878" s="14" t="s">
        <v>23</v>
      </c>
      <c r="D35878" s="14" t="s">
        <v>220</v>
      </c>
      <c r="E35878" s="15">
        <v>45484</v>
      </c>
      <c r="F35878" s="14" t="s">
        <v>15</v>
      </c>
      <c r="G35878" s="16">
        <v>1.6543622966582583</v>
      </c>
    </row>
    <row r="35879" spans="1:7" x14ac:dyDescent="0.3">
      <c r="A35879" s="13" t="s">
        <v>219</v>
      </c>
      <c r="B35879" s="14" t="s">
        <v>1</v>
      </c>
      <c r="C35879" s="14" t="s">
        <v>23</v>
      </c>
      <c r="D35879" s="14" t="s">
        <v>220</v>
      </c>
      <c r="E35879" s="15">
        <v>45485</v>
      </c>
      <c r="F35879" s="14" t="s">
        <v>15</v>
      </c>
      <c r="G35879" s="16">
        <v>1.6704423309367396</v>
      </c>
    </row>
    <row r="35880" spans="1:7" x14ac:dyDescent="0.3">
      <c r="A35880" s="13" t="s">
        <v>219</v>
      </c>
      <c r="B35880" s="14" t="s">
        <v>1</v>
      </c>
      <c r="C35880" s="14" t="s">
        <v>23</v>
      </c>
      <c r="D35880" s="14" t="s">
        <v>220</v>
      </c>
      <c r="E35880" s="15">
        <v>45486</v>
      </c>
      <c r="F35880" s="14" t="s">
        <v>15</v>
      </c>
      <c r="G35880" s="16">
        <v>1.6704423309367396</v>
      </c>
    </row>
    <row r="35881" spans="1:7" x14ac:dyDescent="0.3">
      <c r="A35881" s="13" t="s">
        <v>219</v>
      </c>
      <c r="B35881" s="14" t="s">
        <v>1</v>
      </c>
      <c r="C35881" s="14" t="s">
        <v>23</v>
      </c>
      <c r="D35881" s="14" t="s">
        <v>220</v>
      </c>
      <c r="E35881" s="15">
        <v>45487</v>
      </c>
      <c r="F35881" s="14" t="s">
        <v>15</v>
      </c>
      <c r="G35881" s="16">
        <v>1.6704423309367396</v>
      </c>
    </row>
    <row r="35882" spans="1:7" x14ac:dyDescent="0.3">
      <c r="A35882" s="13" t="s">
        <v>219</v>
      </c>
      <c r="B35882" s="14" t="s">
        <v>1</v>
      </c>
      <c r="C35882" s="14" t="s">
        <v>23</v>
      </c>
      <c r="D35882" s="14" t="s">
        <v>220</v>
      </c>
      <c r="E35882" s="15">
        <v>45488</v>
      </c>
      <c r="F35882" s="14" t="s">
        <v>15</v>
      </c>
      <c r="G35882" s="16">
        <v>1.6855223652152211</v>
      </c>
    </row>
    <row r="35883" spans="1:7" x14ac:dyDescent="0.3">
      <c r="A35883" s="13" t="s">
        <v>219</v>
      </c>
      <c r="B35883" s="14" t="s">
        <v>1</v>
      </c>
      <c r="C35883" s="14" t="s">
        <v>23</v>
      </c>
      <c r="D35883" s="14" t="s">
        <v>220</v>
      </c>
      <c r="E35883" s="15">
        <v>45489</v>
      </c>
      <c r="F35883" s="14" t="s">
        <v>15</v>
      </c>
      <c r="G35883" s="16">
        <v>1.7316023994937026</v>
      </c>
    </row>
    <row r="35884" spans="1:7" x14ac:dyDescent="0.3">
      <c r="A35884" s="13" t="s">
        <v>219</v>
      </c>
      <c r="B35884" s="14" t="s">
        <v>1</v>
      </c>
      <c r="C35884" s="14" t="s">
        <v>23</v>
      </c>
      <c r="D35884" s="14" t="s">
        <v>220</v>
      </c>
      <c r="E35884" s="15">
        <v>45490</v>
      </c>
      <c r="F35884" s="14" t="s">
        <v>15</v>
      </c>
      <c r="G35884" s="16">
        <v>1.7466824337721842</v>
      </c>
    </row>
    <row r="35885" spans="1:7" x14ac:dyDescent="0.3">
      <c r="A35885" s="13" t="s">
        <v>219</v>
      </c>
      <c r="B35885" s="14" t="s">
        <v>1</v>
      </c>
      <c r="C35885" s="14" t="s">
        <v>23</v>
      </c>
      <c r="D35885" s="14" t="s">
        <v>220</v>
      </c>
      <c r="E35885" s="15">
        <v>45491</v>
      </c>
      <c r="F35885" s="14" t="s">
        <v>15</v>
      </c>
      <c r="G35885" s="16">
        <v>1.7617624680506658</v>
      </c>
    </row>
    <row r="35886" spans="1:7" x14ac:dyDescent="0.3">
      <c r="A35886" s="13" t="s">
        <v>219</v>
      </c>
      <c r="B35886" s="14" t="s">
        <v>1</v>
      </c>
      <c r="C35886" s="14" t="s">
        <v>23</v>
      </c>
      <c r="D35886" s="14" t="s">
        <v>220</v>
      </c>
      <c r="E35886" s="15">
        <v>45492</v>
      </c>
      <c r="F35886" s="14" t="s">
        <v>15</v>
      </c>
      <c r="G35886" s="16">
        <v>1.7768425023291474</v>
      </c>
    </row>
    <row r="35887" spans="1:7" x14ac:dyDescent="0.3">
      <c r="A35887" s="13" t="s">
        <v>219</v>
      </c>
      <c r="B35887" s="14" t="s">
        <v>1</v>
      </c>
      <c r="C35887" s="14" t="s">
        <v>23</v>
      </c>
      <c r="D35887" s="14" t="s">
        <v>220</v>
      </c>
      <c r="E35887" s="15">
        <v>45493</v>
      </c>
      <c r="F35887" s="14" t="s">
        <v>15</v>
      </c>
      <c r="G35887" s="16">
        <v>1.7768425023291474</v>
      </c>
    </row>
    <row r="35888" spans="1:7" x14ac:dyDescent="0.3">
      <c r="A35888" s="13" t="s">
        <v>219</v>
      </c>
      <c r="B35888" s="14" t="s">
        <v>1</v>
      </c>
      <c r="C35888" s="14" t="s">
        <v>23</v>
      </c>
      <c r="D35888" s="14" t="s">
        <v>220</v>
      </c>
      <c r="E35888" s="15">
        <v>45494</v>
      </c>
      <c r="F35888" s="14" t="s">
        <v>15</v>
      </c>
      <c r="G35888" s="16">
        <v>1.7768425023291474</v>
      </c>
    </row>
    <row r="35889" spans="1:7" x14ac:dyDescent="0.3">
      <c r="A35889" s="13" t="s">
        <v>219</v>
      </c>
      <c r="B35889" s="14" t="s">
        <v>1</v>
      </c>
      <c r="C35889" s="14" t="s">
        <v>23</v>
      </c>
      <c r="D35889" s="14" t="s">
        <v>220</v>
      </c>
      <c r="E35889" s="15">
        <v>45495</v>
      </c>
      <c r="F35889" s="14" t="s">
        <v>15</v>
      </c>
      <c r="G35889" s="16">
        <v>1.791922536607629</v>
      </c>
    </row>
    <row r="35890" spans="1:7" x14ac:dyDescent="0.3">
      <c r="A35890" s="13" t="s">
        <v>219</v>
      </c>
      <c r="B35890" s="14" t="s">
        <v>1</v>
      </c>
      <c r="C35890" s="14" t="s">
        <v>23</v>
      </c>
      <c r="D35890" s="14" t="s">
        <v>220</v>
      </c>
      <c r="E35890" s="15">
        <v>45496</v>
      </c>
      <c r="F35890" s="14" t="s">
        <v>15</v>
      </c>
      <c r="G35890" s="16">
        <v>1.8370025708861106</v>
      </c>
    </row>
    <row r="35891" spans="1:7" x14ac:dyDescent="0.3">
      <c r="A35891" s="13" t="s">
        <v>219</v>
      </c>
      <c r="B35891" s="14" t="s">
        <v>1</v>
      </c>
      <c r="C35891" s="14" t="s">
        <v>23</v>
      </c>
      <c r="D35891" s="14" t="s">
        <v>220</v>
      </c>
      <c r="E35891" s="15">
        <v>45497</v>
      </c>
      <c r="F35891" s="14" t="s">
        <v>15</v>
      </c>
      <c r="G35891" s="16">
        <v>1.8540826051645922</v>
      </c>
    </row>
    <row r="35892" spans="1:7" x14ac:dyDescent="0.3">
      <c r="A35892" s="13" t="s">
        <v>219</v>
      </c>
      <c r="B35892" s="14" t="s">
        <v>1</v>
      </c>
      <c r="C35892" s="14" t="s">
        <v>23</v>
      </c>
      <c r="D35892" s="14" t="s">
        <v>220</v>
      </c>
      <c r="E35892" s="15">
        <v>45498</v>
      </c>
      <c r="F35892" s="14" t="s">
        <v>15</v>
      </c>
      <c r="G35892" s="16">
        <v>1.8691626394430738</v>
      </c>
    </row>
    <row r="35893" spans="1:7" x14ac:dyDescent="0.3">
      <c r="A35893" s="13" t="s">
        <v>219</v>
      </c>
      <c r="B35893" s="14" t="s">
        <v>1</v>
      </c>
      <c r="C35893" s="14" t="s">
        <v>23</v>
      </c>
      <c r="D35893" s="14" t="s">
        <v>220</v>
      </c>
      <c r="E35893" s="15">
        <v>45499</v>
      </c>
      <c r="F35893" s="14" t="s">
        <v>15</v>
      </c>
      <c r="G35893" s="16">
        <v>1.8842426737215554</v>
      </c>
    </row>
    <row r="35894" spans="1:7" x14ac:dyDescent="0.3">
      <c r="A35894" s="13" t="s">
        <v>219</v>
      </c>
      <c r="B35894" s="14" t="s">
        <v>1</v>
      </c>
      <c r="C35894" s="14" t="s">
        <v>23</v>
      </c>
      <c r="D35894" s="14" t="s">
        <v>220</v>
      </c>
      <c r="E35894" s="15">
        <v>45500</v>
      </c>
      <c r="F35894" s="14" t="s">
        <v>15</v>
      </c>
      <c r="G35894" s="16">
        <v>1.8842426737215554</v>
      </c>
    </row>
    <row r="35895" spans="1:7" x14ac:dyDescent="0.3">
      <c r="A35895" s="13" t="s">
        <v>219</v>
      </c>
      <c r="B35895" s="14" t="s">
        <v>1</v>
      </c>
      <c r="C35895" s="14" t="s">
        <v>23</v>
      </c>
      <c r="D35895" s="14" t="s">
        <v>220</v>
      </c>
      <c r="E35895" s="15">
        <v>45501</v>
      </c>
      <c r="F35895" s="14" t="s">
        <v>15</v>
      </c>
      <c r="G35895" s="16">
        <v>1.8842426737215554</v>
      </c>
    </row>
    <row r="35896" spans="1:7" x14ac:dyDescent="0.3">
      <c r="A35896" s="13" t="s">
        <v>219</v>
      </c>
      <c r="B35896" s="14" t="s">
        <v>1</v>
      </c>
      <c r="C35896" s="14" t="s">
        <v>23</v>
      </c>
      <c r="D35896" s="14" t="s">
        <v>220</v>
      </c>
      <c r="E35896" s="15">
        <v>45502</v>
      </c>
      <c r="F35896" s="14" t="s">
        <v>15</v>
      </c>
      <c r="G35896" s="16">
        <v>1.899322708000037</v>
      </c>
    </row>
    <row r="35897" spans="1:7" x14ac:dyDescent="0.3">
      <c r="A35897" s="13" t="s">
        <v>219</v>
      </c>
      <c r="B35897" s="14" t="s">
        <v>1</v>
      </c>
      <c r="C35897" s="14" t="s">
        <v>23</v>
      </c>
      <c r="D35897" s="14" t="s">
        <v>220</v>
      </c>
      <c r="E35897" s="15">
        <v>45503</v>
      </c>
      <c r="F35897" s="14" t="s">
        <v>15</v>
      </c>
      <c r="G35897" s="16">
        <v>1.9424027422785184</v>
      </c>
    </row>
    <row r="35898" spans="1:7" x14ac:dyDescent="0.3">
      <c r="A35898" s="13" t="s">
        <v>219</v>
      </c>
      <c r="B35898" s="14" t="s">
        <v>1</v>
      </c>
      <c r="C35898" s="14" t="s">
        <v>23</v>
      </c>
      <c r="D35898" s="14" t="s">
        <v>220</v>
      </c>
      <c r="E35898" s="15">
        <v>45504</v>
      </c>
      <c r="F35898" s="14" t="s">
        <v>15</v>
      </c>
      <c r="G35898" s="16">
        <v>1.9584827765569996</v>
      </c>
    </row>
    <row r="35899" spans="1:7" x14ac:dyDescent="0.3">
      <c r="A35899" s="13" t="s">
        <v>219</v>
      </c>
      <c r="B35899" s="14" t="s">
        <v>1</v>
      </c>
      <c r="C35899" s="14" t="s">
        <v>23</v>
      </c>
      <c r="D35899" s="14" t="s">
        <v>220</v>
      </c>
      <c r="E35899" s="15">
        <v>45505</v>
      </c>
      <c r="F35899" s="14" t="s">
        <v>15</v>
      </c>
      <c r="G35899" s="16">
        <v>1.9645628108354813</v>
      </c>
    </row>
    <row r="35900" spans="1:7" x14ac:dyDescent="0.3">
      <c r="A35900" s="13" t="s">
        <v>219</v>
      </c>
      <c r="B35900" s="14" t="s">
        <v>1</v>
      </c>
      <c r="C35900" s="14" t="s">
        <v>23</v>
      </c>
      <c r="D35900" s="14" t="s">
        <v>220</v>
      </c>
      <c r="E35900" s="15">
        <v>45506</v>
      </c>
      <c r="F35900" s="14" t="s">
        <v>15</v>
      </c>
      <c r="G35900" s="16">
        <v>1.9716428451139627</v>
      </c>
    </row>
    <row r="35901" spans="1:7" x14ac:dyDescent="0.3">
      <c r="A35901" s="13" t="s">
        <v>219</v>
      </c>
      <c r="B35901" s="14" t="s">
        <v>1</v>
      </c>
      <c r="C35901" s="14" t="s">
        <v>23</v>
      </c>
      <c r="D35901" s="14" t="s">
        <v>220</v>
      </c>
      <c r="E35901" s="15">
        <v>45507</v>
      </c>
      <c r="F35901" s="14" t="s">
        <v>15</v>
      </c>
      <c r="G35901" s="16">
        <v>1.9716428451139627</v>
      </c>
    </row>
    <row r="35902" spans="1:7" x14ac:dyDescent="0.3">
      <c r="A35902" s="13" t="s">
        <v>219</v>
      </c>
      <c r="B35902" s="14" t="s">
        <v>1</v>
      </c>
      <c r="C35902" s="14" t="s">
        <v>23</v>
      </c>
      <c r="D35902" s="14" t="s">
        <v>220</v>
      </c>
      <c r="E35902" s="15">
        <v>45508</v>
      </c>
      <c r="F35902" s="14" t="s">
        <v>15</v>
      </c>
      <c r="G35902" s="16">
        <v>1.9716428451139627</v>
      </c>
    </row>
    <row r="35903" spans="1:7" x14ac:dyDescent="0.3">
      <c r="A35903" s="13" t="s">
        <v>219</v>
      </c>
      <c r="B35903" s="14" t="s">
        <v>1</v>
      </c>
      <c r="C35903" s="14" t="s">
        <v>23</v>
      </c>
      <c r="D35903" s="14" t="s">
        <v>220</v>
      </c>
      <c r="E35903" s="15">
        <v>45509</v>
      </c>
      <c r="F35903" s="14" t="s">
        <v>15</v>
      </c>
      <c r="G35903" s="16">
        <v>1.9716428451139627</v>
      </c>
    </row>
    <row r="35904" spans="1:7" x14ac:dyDescent="0.3">
      <c r="A35904" s="13" t="s">
        <v>219</v>
      </c>
      <c r="B35904" s="14" t="s">
        <v>1</v>
      </c>
      <c r="C35904" s="14" t="s">
        <v>23</v>
      </c>
      <c r="D35904" s="14" t="s">
        <v>220</v>
      </c>
      <c r="E35904" s="15">
        <v>45510</v>
      </c>
      <c r="F35904" s="14" t="s">
        <v>15</v>
      </c>
      <c r="G35904" s="16">
        <v>1.9857228793924442</v>
      </c>
    </row>
    <row r="35905" spans="1:7" x14ac:dyDescent="0.3">
      <c r="A35905" s="13" t="s">
        <v>219</v>
      </c>
      <c r="B35905" s="14" t="s">
        <v>1</v>
      </c>
      <c r="C35905" s="14" t="s">
        <v>23</v>
      </c>
      <c r="D35905" s="14" t="s">
        <v>220</v>
      </c>
      <c r="E35905" s="15">
        <v>45511</v>
      </c>
      <c r="F35905" s="14" t="s">
        <v>15</v>
      </c>
      <c r="G35905" s="16">
        <v>2.0598029136709259</v>
      </c>
    </row>
    <row r="35906" spans="1:7" x14ac:dyDescent="0.3">
      <c r="A35906" s="13" t="s">
        <v>219</v>
      </c>
      <c r="B35906" s="14" t="s">
        <v>1</v>
      </c>
      <c r="C35906" s="14" t="s">
        <v>23</v>
      </c>
      <c r="D35906" s="14" t="s">
        <v>220</v>
      </c>
      <c r="E35906" s="15">
        <v>45512</v>
      </c>
      <c r="F35906" s="14" t="s">
        <v>15</v>
      </c>
      <c r="G35906" s="16">
        <v>2.0688829479494073</v>
      </c>
    </row>
    <row r="35907" spans="1:7" x14ac:dyDescent="0.3">
      <c r="A35907" s="13" t="s">
        <v>219</v>
      </c>
      <c r="B35907" s="14" t="s">
        <v>1</v>
      </c>
      <c r="C35907" s="14" t="s">
        <v>23</v>
      </c>
      <c r="D35907" s="14" t="s">
        <v>220</v>
      </c>
      <c r="E35907" s="15">
        <v>45513</v>
      </c>
      <c r="F35907" s="14" t="s">
        <v>15</v>
      </c>
      <c r="G35907" s="16">
        <v>2.0829629822278886</v>
      </c>
    </row>
    <row r="35908" spans="1:7" x14ac:dyDescent="0.3">
      <c r="A35908" s="13" t="s">
        <v>219</v>
      </c>
      <c r="B35908" s="14" t="s">
        <v>1</v>
      </c>
      <c r="C35908" s="14" t="s">
        <v>23</v>
      </c>
      <c r="D35908" s="14" t="s">
        <v>220</v>
      </c>
      <c r="E35908" s="15">
        <v>45514</v>
      </c>
      <c r="F35908" s="14" t="s">
        <v>15</v>
      </c>
      <c r="G35908" s="16">
        <v>2.0829629822278886</v>
      </c>
    </row>
    <row r="35909" spans="1:7" x14ac:dyDescent="0.3">
      <c r="A35909" s="13" t="s">
        <v>219</v>
      </c>
      <c r="B35909" s="14" t="s">
        <v>1</v>
      </c>
      <c r="C35909" s="14" t="s">
        <v>23</v>
      </c>
      <c r="D35909" s="14" t="s">
        <v>220</v>
      </c>
      <c r="E35909" s="15">
        <v>45515</v>
      </c>
      <c r="F35909" s="14" t="s">
        <v>15</v>
      </c>
      <c r="G35909" s="16">
        <v>2.0829629822278886</v>
      </c>
    </row>
    <row r="35910" spans="1:7" x14ac:dyDescent="0.3">
      <c r="A35910" s="13" t="s">
        <v>219</v>
      </c>
      <c r="B35910" s="14" t="s">
        <v>1</v>
      </c>
      <c r="C35910" s="14" t="s">
        <v>23</v>
      </c>
      <c r="D35910" s="14" t="s">
        <v>220</v>
      </c>
      <c r="E35910" s="15">
        <v>45516</v>
      </c>
      <c r="F35910" s="14" t="s">
        <v>15</v>
      </c>
      <c r="G35910" s="16">
        <v>2.0970430165063698</v>
      </c>
    </row>
    <row r="35911" spans="1:7" x14ac:dyDescent="0.3">
      <c r="A35911" s="13" t="s">
        <v>219</v>
      </c>
      <c r="B35911" s="14" t="s">
        <v>1</v>
      </c>
      <c r="C35911" s="14" t="s">
        <v>23</v>
      </c>
      <c r="D35911" s="14" t="s">
        <v>220</v>
      </c>
      <c r="E35911" s="15">
        <v>45517</v>
      </c>
      <c r="F35911" s="14" t="s">
        <v>15</v>
      </c>
      <c r="G35911" s="16">
        <v>2.1401230507848514</v>
      </c>
    </row>
    <row r="35912" spans="1:7" x14ac:dyDescent="0.3">
      <c r="A35912" s="13" t="s">
        <v>219</v>
      </c>
      <c r="B35912" s="14" t="s">
        <v>1</v>
      </c>
      <c r="C35912" s="14" t="s">
        <v>23</v>
      </c>
      <c r="D35912" s="14" t="s">
        <v>220</v>
      </c>
      <c r="E35912" s="15">
        <v>45518</v>
      </c>
      <c r="F35912" s="14" t="s">
        <v>15</v>
      </c>
      <c r="G35912" s="16">
        <v>2.155203085063333</v>
      </c>
    </row>
    <row r="35913" spans="1:7" x14ac:dyDescent="0.3">
      <c r="A35913" s="13" t="s">
        <v>219</v>
      </c>
      <c r="B35913" s="14" t="s">
        <v>1</v>
      </c>
      <c r="C35913" s="14" t="s">
        <v>23</v>
      </c>
      <c r="D35913" s="14" t="s">
        <v>220</v>
      </c>
      <c r="E35913" s="15">
        <v>45519</v>
      </c>
      <c r="F35913" s="14" t="s">
        <v>15</v>
      </c>
      <c r="G35913" s="16">
        <v>2.1642831193418144</v>
      </c>
    </row>
    <row r="35914" spans="1:7" x14ac:dyDescent="0.3">
      <c r="A35914" s="13" t="s">
        <v>219</v>
      </c>
      <c r="B35914" s="14" t="s">
        <v>1</v>
      </c>
      <c r="C35914" s="14" t="s">
        <v>23</v>
      </c>
      <c r="D35914" s="14" t="s">
        <v>220</v>
      </c>
      <c r="E35914" s="15">
        <v>45520</v>
      </c>
      <c r="F35914" s="14" t="s">
        <v>15</v>
      </c>
      <c r="G35914" s="16">
        <v>2.179363153620296</v>
      </c>
    </row>
    <row r="35915" spans="1:7" x14ac:dyDescent="0.3">
      <c r="A35915" s="13" t="s">
        <v>219</v>
      </c>
      <c r="B35915" s="14" t="s">
        <v>1</v>
      </c>
      <c r="C35915" s="14" t="s">
        <v>23</v>
      </c>
      <c r="D35915" s="14" t="s">
        <v>220</v>
      </c>
      <c r="E35915" s="15">
        <v>45521</v>
      </c>
      <c r="F35915" s="14" t="s">
        <v>15</v>
      </c>
      <c r="G35915" s="16">
        <v>2.179363153620296</v>
      </c>
    </row>
    <row r="35916" spans="1:7" x14ac:dyDescent="0.3">
      <c r="A35916" s="13" t="s">
        <v>219</v>
      </c>
      <c r="B35916" s="14" t="s">
        <v>1</v>
      </c>
      <c r="C35916" s="14" t="s">
        <v>23</v>
      </c>
      <c r="D35916" s="14" t="s">
        <v>220</v>
      </c>
      <c r="E35916" s="15">
        <v>45522</v>
      </c>
      <c r="F35916" s="14" t="s">
        <v>15</v>
      </c>
      <c r="G35916" s="16">
        <v>2.179363153620296</v>
      </c>
    </row>
    <row r="35917" spans="1:7" x14ac:dyDescent="0.3">
      <c r="A35917" s="13" t="s">
        <v>219</v>
      </c>
      <c r="B35917" s="14" t="s">
        <v>1</v>
      </c>
      <c r="C35917" s="14" t="s">
        <v>23</v>
      </c>
      <c r="D35917" s="14" t="s">
        <v>220</v>
      </c>
      <c r="E35917" s="15">
        <v>45523</v>
      </c>
      <c r="F35917" s="14" t="s">
        <v>15</v>
      </c>
      <c r="G35917" s="16">
        <v>2.1944431878987776</v>
      </c>
    </row>
    <row r="35918" spans="1:7" x14ac:dyDescent="0.3">
      <c r="A35918" s="13" t="s">
        <v>219</v>
      </c>
      <c r="B35918" s="14" t="s">
        <v>1</v>
      </c>
      <c r="C35918" s="14" t="s">
        <v>23</v>
      </c>
      <c r="D35918" s="14" t="s">
        <v>220</v>
      </c>
      <c r="E35918" s="15">
        <v>45524</v>
      </c>
      <c r="F35918" s="14" t="s">
        <v>15</v>
      </c>
      <c r="G35918" s="16">
        <v>2.2385232221772591</v>
      </c>
    </row>
    <row r="35919" spans="1:7" x14ac:dyDescent="0.3">
      <c r="A35919" s="13" t="s">
        <v>219</v>
      </c>
      <c r="B35919" s="14" t="s">
        <v>1</v>
      </c>
      <c r="C35919" s="14" t="s">
        <v>23</v>
      </c>
      <c r="D35919" s="14" t="s">
        <v>220</v>
      </c>
      <c r="E35919" s="15">
        <v>45525</v>
      </c>
      <c r="F35919" s="14" t="s">
        <v>15</v>
      </c>
      <c r="G35919" s="16">
        <v>2.2496032564557402</v>
      </c>
    </row>
    <row r="35920" spans="1:7" x14ac:dyDescent="0.3">
      <c r="A35920" s="13" t="s">
        <v>219</v>
      </c>
      <c r="B35920" s="14" t="s">
        <v>1</v>
      </c>
      <c r="C35920" s="14" t="s">
        <v>23</v>
      </c>
      <c r="D35920" s="14" t="s">
        <v>220</v>
      </c>
      <c r="E35920" s="15">
        <v>45526</v>
      </c>
      <c r="F35920" s="14" t="s">
        <v>15</v>
      </c>
      <c r="G35920" s="16">
        <v>2.2646832907342218</v>
      </c>
    </row>
    <row r="35921" spans="1:7" x14ac:dyDescent="0.3">
      <c r="A35921" s="13" t="s">
        <v>219</v>
      </c>
      <c r="B35921" s="14" t="s">
        <v>1</v>
      </c>
      <c r="C35921" s="14" t="s">
        <v>23</v>
      </c>
      <c r="D35921" s="14" t="s">
        <v>220</v>
      </c>
      <c r="E35921" s="15">
        <v>45527</v>
      </c>
      <c r="F35921" s="14" t="s">
        <v>15</v>
      </c>
      <c r="G35921" s="16">
        <v>2.2797633250127034</v>
      </c>
    </row>
    <row r="35922" spans="1:7" x14ac:dyDescent="0.3">
      <c r="A35922" s="13" t="s">
        <v>219</v>
      </c>
      <c r="B35922" s="14" t="s">
        <v>1</v>
      </c>
      <c r="C35922" s="14" t="s">
        <v>23</v>
      </c>
      <c r="D35922" s="14" t="s">
        <v>220</v>
      </c>
      <c r="E35922" s="15">
        <v>45528</v>
      </c>
      <c r="F35922" s="14" t="s">
        <v>15</v>
      </c>
      <c r="G35922" s="16">
        <v>2.2797633250127034</v>
      </c>
    </row>
    <row r="35923" spans="1:7" x14ac:dyDescent="0.3">
      <c r="A35923" s="13" t="s">
        <v>219</v>
      </c>
      <c r="B35923" s="14" t="s">
        <v>1</v>
      </c>
      <c r="C35923" s="14" t="s">
        <v>23</v>
      </c>
      <c r="D35923" s="14" t="s">
        <v>220</v>
      </c>
      <c r="E35923" s="15">
        <v>45529</v>
      </c>
      <c r="F35923" s="14" t="s">
        <v>15</v>
      </c>
      <c r="G35923" s="16">
        <v>2.2797633250127034</v>
      </c>
    </row>
    <row r="35924" spans="1:7" x14ac:dyDescent="0.3">
      <c r="A35924" s="13" t="s">
        <v>219</v>
      </c>
      <c r="B35924" s="14" t="s">
        <v>1</v>
      </c>
      <c r="C35924" s="14" t="s">
        <v>23</v>
      </c>
      <c r="D35924" s="14" t="s">
        <v>220</v>
      </c>
      <c r="E35924" s="15">
        <v>45530</v>
      </c>
      <c r="F35924" s="14" t="s">
        <v>15</v>
      </c>
      <c r="G35924" s="16">
        <v>2.294843359291185</v>
      </c>
    </row>
    <row r="35925" spans="1:7" x14ac:dyDescent="0.3">
      <c r="A35925" s="13" t="s">
        <v>219</v>
      </c>
      <c r="B35925" s="14" t="s">
        <v>1</v>
      </c>
      <c r="C35925" s="14" t="s">
        <v>23</v>
      </c>
      <c r="D35925" s="14" t="s">
        <v>220</v>
      </c>
      <c r="E35925" s="15">
        <v>45531</v>
      </c>
      <c r="F35925" s="14" t="s">
        <v>15</v>
      </c>
      <c r="G35925" s="16">
        <v>2.3389233935696665</v>
      </c>
    </row>
    <row r="35926" spans="1:7" x14ac:dyDescent="0.3">
      <c r="A35926" s="13" t="s">
        <v>219</v>
      </c>
      <c r="B35926" s="14" t="s">
        <v>1</v>
      </c>
      <c r="C35926" s="14" t="s">
        <v>23</v>
      </c>
      <c r="D35926" s="14" t="s">
        <v>220</v>
      </c>
      <c r="E35926" s="15">
        <v>45532</v>
      </c>
      <c r="F35926" s="14" t="s">
        <v>15</v>
      </c>
      <c r="G35926" s="16">
        <v>2.355003427848148</v>
      </c>
    </row>
    <row r="35927" spans="1:7" x14ac:dyDescent="0.3">
      <c r="A35927" s="13" t="s">
        <v>219</v>
      </c>
      <c r="B35927" s="14" t="s">
        <v>1</v>
      </c>
      <c r="C35927" s="14" t="s">
        <v>23</v>
      </c>
      <c r="D35927" s="14" t="s">
        <v>220</v>
      </c>
      <c r="E35927" s="15">
        <v>45533</v>
      </c>
      <c r="F35927" s="14" t="s">
        <v>15</v>
      </c>
      <c r="G35927" s="16">
        <v>2.3690834621266292</v>
      </c>
    </row>
    <row r="35928" spans="1:7" x14ac:dyDescent="0.3">
      <c r="A35928" s="13" t="s">
        <v>219</v>
      </c>
      <c r="B35928" s="14" t="s">
        <v>1</v>
      </c>
      <c r="C35928" s="14" t="s">
        <v>23</v>
      </c>
      <c r="D35928" s="14" t="s">
        <v>220</v>
      </c>
      <c r="E35928" s="15">
        <v>45534</v>
      </c>
      <c r="F35928" s="14" t="s">
        <v>15</v>
      </c>
      <c r="G35928" s="16">
        <v>2.3841634964051108</v>
      </c>
    </row>
    <row r="35929" spans="1:7" x14ac:dyDescent="0.3">
      <c r="A35929" s="13" t="s">
        <v>219</v>
      </c>
      <c r="B35929" s="14" t="s">
        <v>1</v>
      </c>
      <c r="C35929" s="14" t="s">
        <v>23</v>
      </c>
      <c r="D35929" s="14" t="s">
        <v>220</v>
      </c>
      <c r="E35929" s="15">
        <v>45535</v>
      </c>
      <c r="F35929" s="14" t="s">
        <v>15</v>
      </c>
      <c r="G35929" s="16">
        <v>2.3841634964051108</v>
      </c>
    </row>
    <row r="35930" spans="1:7" x14ac:dyDescent="0.3">
      <c r="A35930" s="13" t="s">
        <v>219</v>
      </c>
      <c r="B35930" s="14" t="s">
        <v>1</v>
      </c>
      <c r="C35930" s="14" t="s">
        <v>23</v>
      </c>
      <c r="D35930" s="14" t="s">
        <v>220</v>
      </c>
      <c r="E35930" s="15">
        <v>45536</v>
      </c>
      <c r="F35930" s="14" t="s">
        <v>15</v>
      </c>
      <c r="G35930" s="16">
        <v>2.3841634964051108</v>
      </c>
    </row>
    <row r="35931" spans="1:7" x14ac:dyDescent="0.3">
      <c r="A35931" s="13" t="s">
        <v>219</v>
      </c>
      <c r="B35931" s="14" t="s">
        <v>1</v>
      </c>
      <c r="C35931" s="14" t="s">
        <v>23</v>
      </c>
      <c r="D35931" s="14" t="s">
        <v>220</v>
      </c>
      <c r="E35931" s="15">
        <v>45537</v>
      </c>
      <c r="F35931" s="14" t="s">
        <v>15</v>
      </c>
      <c r="G35931" s="16">
        <v>2.3841634964051108</v>
      </c>
    </row>
    <row r="35932" spans="1:7" x14ac:dyDescent="0.3">
      <c r="A35932" s="13" t="s">
        <v>219</v>
      </c>
      <c r="B35932" s="14" t="s">
        <v>1</v>
      </c>
      <c r="C35932" s="14" t="s">
        <v>23</v>
      </c>
      <c r="D35932" s="14" t="s">
        <v>220</v>
      </c>
      <c r="E35932" s="15">
        <v>45538</v>
      </c>
      <c r="F35932" s="14" t="s">
        <v>15</v>
      </c>
      <c r="G35932" s="16">
        <v>2.3992435306835924</v>
      </c>
    </row>
    <row r="35933" spans="1:7" x14ac:dyDescent="0.3">
      <c r="A35933" s="13" t="s">
        <v>219</v>
      </c>
      <c r="B35933" s="14" t="s">
        <v>1</v>
      </c>
      <c r="C35933" s="14" t="s">
        <v>23</v>
      </c>
      <c r="D35933" s="14" t="s">
        <v>220</v>
      </c>
      <c r="E35933" s="15">
        <v>45539</v>
      </c>
      <c r="F35933" s="14" t="s">
        <v>15</v>
      </c>
      <c r="G35933" s="16">
        <v>2.4493235649620742</v>
      </c>
    </row>
    <row r="35934" spans="1:7" x14ac:dyDescent="0.3">
      <c r="A35934" s="13" t="s">
        <v>219</v>
      </c>
      <c r="B35934" s="14" t="s">
        <v>1</v>
      </c>
      <c r="C35934" s="14" t="s">
        <v>23</v>
      </c>
      <c r="D35934" s="14" t="s">
        <v>220</v>
      </c>
      <c r="E35934" s="15">
        <v>45540</v>
      </c>
      <c r="F35934" s="14" t="s">
        <v>15</v>
      </c>
      <c r="G35934" s="16">
        <v>2.4644035992405557</v>
      </c>
    </row>
    <row r="35935" spans="1:7" x14ac:dyDescent="0.3">
      <c r="A35935" s="13" t="s">
        <v>219</v>
      </c>
      <c r="B35935" s="14" t="s">
        <v>1</v>
      </c>
      <c r="C35935" s="14" t="s">
        <v>23</v>
      </c>
      <c r="D35935" s="14" t="s">
        <v>220</v>
      </c>
      <c r="E35935" s="15">
        <v>45541</v>
      </c>
      <c r="F35935" s="14" t="s">
        <v>15</v>
      </c>
      <c r="G35935" s="16">
        <v>2.4804836335190368</v>
      </c>
    </row>
    <row r="35936" spans="1:7" x14ac:dyDescent="0.3">
      <c r="A35936" s="13" t="s">
        <v>219</v>
      </c>
      <c r="B35936" s="14" t="s">
        <v>1</v>
      </c>
      <c r="C35936" s="14" t="s">
        <v>23</v>
      </c>
      <c r="D35936" s="14" t="s">
        <v>220</v>
      </c>
      <c r="E35936" s="15">
        <v>45542</v>
      </c>
      <c r="F35936" s="14" t="s">
        <v>15</v>
      </c>
      <c r="G35936" s="16">
        <v>2.4804836335190368</v>
      </c>
    </row>
    <row r="35937" spans="1:7" x14ac:dyDescent="0.3">
      <c r="A35937" s="13" t="s">
        <v>219</v>
      </c>
      <c r="B35937" s="14" t="s">
        <v>1</v>
      </c>
      <c r="C35937" s="14" t="s">
        <v>23</v>
      </c>
      <c r="D35937" s="14" t="s">
        <v>220</v>
      </c>
      <c r="E35937" s="15">
        <v>45543</v>
      </c>
      <c r="F35937" s="14" t="s">
        <v>15</v>
      </c>
      <c r="G35937" s="16">
        <v>2.4804836335190368</v>
      </c>
    </row>
    <row r="35938" spans="1:7" x14ac:dyDescent="0.3">
      <c r="A35938" s="13" t="s">
        <v>219</v>
      </c>
      <c r="B35938" s="14" t="s">
        <v>1</v>
      </c>
      <c r="C35938" s="14" t="s">
        <v>23</v>
      </c>
      <c r="D35938" s="14" t="s">
        <v>220</v>
      </c>
      <c r="E35938" s="15">
        <v>45544</v>
      </c>
      <c r="F35938" s="14" t="s">
        <v>15</v>
      </c>
      <c r="G35938" s="16">
        <v>2.5235636677975184</v>
      </c>
    </row>
    <row r="35939" spans="1:7" x14ac:dyDescent="0.3">
      <c r="A35939" s="13" t="s">
        <v>219</v>
      </c>
      <c r="B35939" s="14" t="s">
        <v>1</v>
      </c>
      <c r="C35939" s="14" t="s">
        <v>23</v>
      </c>
      <c r="D35939" s="14" t="s">
        <v>220</v>
      </c>
      <c r="E35939" s="15">
        <v>45545</v>
      </c>
      <c r="F35939" s="14" t="s">
        <v>15</v>
      </c>
      <c r="G35939" s="16">
        <v>2.5646437020759998</v>
      </c>
    </row>
    <row r="35940" spans="1:7" x14ac:dyDescent="0.3">
      <c r="A35940" s="13" t="s">
        <v>219</v>
      </c>
      <c r="B35940" s="14" t="s">
        <v>1</v>
      </c>
      <c r="C35940" s="14" t="s">
        <v>23</v>
      </c>
      <c r="D35940" s="14" t="s">
        <v>220</v>
      </c>
      <c r="E35940" s="15">
        <v>45546</v>
      </c>
      <c r="F35940" s="14" t="s">
        <v>15</v>
      </c>
      <c r="G35940" s="16">
        <v>2.578723736354481</v>
      </c>
    </row>
    <row r="35941" spans="1:7" x14ac:dyDescent="0.3">
      <c r="A35941" s="13" t="s">
        <v>219</v>
      </c>
      <c r="B35941" s="14" t="s">
        <v>1</v>
      </c>
      <c r="C35941" s="14" t="s">
        <v>23</v>
      </c>
      <c r="D35941" s="14" t="s">
        <v>220</v>
      </c>
      <c r="E35941" s="15">
        <v>45547</v>
      </c>
      <c r="F35941" s="14" t="s">
        <v>15</v>
      </c>
      <c r="G35941" s="16">
        <v>2.5938037706329626</v>
      </c>
    </row>
    <row r="35942" spans="1:7" x14ac:dyDescent="0.3">
      <c r="A35942" s="13" t="s">
        <v>219</v>
      </c>
      <c r="B35942" s="14" t="s">
        <v>1</v>
      </c>
      <c r="C35942" s="14" t="s">
        <v>23</v>
      </c>
      <c r="D35942" s="14" t="s">
        <v>220</v>
      </c>
      <c r="E35942" s="15">
        <v>45548</v>
      </c>
      <c r="F35942" s="14" t="s">
        <v>15</v>
      </c>
      <c r="G35942" s="16">
        <v>2.6088838049114442</v>
      </c>
    </row>
    <row r="35943" spans="1:7" x14ac:dyDescent="0.3">
      <c r="A35943" s="13" t="s">
        <v>219</v>
      </c>
      <c r="B35943" s="14" t="s">
        <v>1</v>
      </c>
      <c r="C35943" s="14" t="s">
        <v>23</v>
      </c>
      <c r="D35943" s="14" t="s">
        <v>220</v>
      </c>
      <c r="E35943" s="15">
        <v>45549</v>
      </c>
      <c r="F35943" s="14" t="s">
        <v>15</v>
      </c>
      <c r="G35943" s="16">
        <v>2.6088838049114442</v>
      </c>
    </row>
    <row r="35944" spans="1:7" x14ac:dyDescent="0.3">
      <c r="A35944" s="13" t="s">
        <v>219</v>
      </c>
      <c r="B35944" s="14" t="s">
        <v>1</v>
      </c>
      <c r="C35944" s="14" t="s">
        <v>23</v>
      </c>
      <c r="D35944" s="14" t="s">
        <v>220</v>
      </c>
      <c r="E35944" s="15">
        <v>45550</v>
      </c>
      <c r="F35944" s="14" t="s">
        <v>15</v>
      </c>
      <c r="G35944" s="16">
        <v>2.6088838049114442</v>
      </c>
    </row>
    <row r="35945" spans="1:7" x14ac:dyDescent="0.3">
      <c r="A35945" s="13" t="s">
        <v>219</v>
      </c>
      <c r="B35945" s="14" t="s">
        <v>1</v>
      </c>
      <c r="C35945" s="14" t="s">
        <v>23</v>
      </c>
      <c r="D35945" s="14" t="s">
        <v>220</v>
      </c>
      <c r="E35945" s="15">
        <v>45551</v>
      </c>
      <c r="F35945" s="14" t="s">
        <v>15</v>
      </c>
      <c r="G35945" s="16">
        <v>2.6249638391899257</v>
      </c>
    </row>
    <row r="35946" spans="1:7" x14ac:dyDescent="0.3">
      <c r="A35946" s="13" t="s">
        <v>219</v>
      </c>
      <c r="B35946" s="14" t="s">
        <v>1</v>
      </c>
      <c r="C35946" s="14" t="s">
        <v>23</v>
      </c>
      <c r="D35946" s="14" t="s">
        <v>220</v>
      </c>
      <c r="E35946" s="15">
        <v>45552</v>
      </c>
      <c r="F35946" s="14" t="s">
        <v>15</v>
      </c>
      <c r="G35946" s="16">
        <v>2.671043873468407</v>
      </c>
    </row>
    <row r="35947" spans="1:7" x14ac:dyDescent="0.3">
      <c r="A35947" s="13" t="s">
        <v>219</v>
      </c>
      <c r="B35947" s="14" t="s">
        <v>1</v>
      </c>
      <c r="C35947" s="14" t="s">
        <v>23</v>
      </c>
      <c r="D35947" s="14" t="s">
        <v>220</v>
      </c>
      <c r="E35947" s="15">
        <v>45553</v>
      </c>
      <c r="F35947" s="14" t="s">
        <v>15</v>
      </c>
      <c r="G35947" s="16">
        <v>2.6871239077468885</v>
      </c>
    </row>
    <row r="35948" spans="1:7" x14ac:dyDescent="0.3">
      <c r="A35948" s="13" t="s">
        <v>219</v>
      </c>
      <c r="B35948" s="14" t="s">
        <v>1</v>
      </c>
      <c r="C35948" s="14" t="s">
        <v>23</v>
      </c>
      <c r="D35948" s="14" t="s">
        <v>220</v>
      </c>
      <c r="E35948" s="15">
        <v>45554</v>
      </c>
      <c r="F35948" s="14" t="s">
        <v>15</v>
      </c>
      <c r="G35948" s="16">
        <v>2.7022039420253701</v>
      </c>
    </row>
    <row r="35949" spans="1:7" x14ac:dyDescent="0.3">
      <c r="A35949" s="13" t="s">
        <v>219</v>
      </c>
      <c r="B35949" s="14" t="s">
        <v>1</v>
      </c>
      <c r="C35949" s="14" t="s">
        <v>23</v>
      </c>
      <c r="D35949" s="14" t="s">
        <v>220</v>
      </c>
      <c r="E35949" s="15">
        <v>45555</v>
      </c>
      <c r="F35949" s="14" t="s">
        <v>15</v>
      </c>
      <c r="G35949" s="16">
        <v>2.7182839763038515</v>
      </c>
    </row>
    <row r="35950" spans="1:7" x14ac:dyDescent="0.3">
      <c r="A35950" s="13" t="s">
        <v>219</v>
      </c>
      <c r="B35950" s="14" t="s">
        <v>1</v>
      </c>
      <c r="C35950" s="14" t="s">
        <v>23</v>
      </c>
      <c r="D35950" s="14" t="s">
        <v>220</v>
      </c>
      <c r="E35950" s="15">
        <v>45556</v>
      </c>
      <c r="F35950" s="14" t="s">
        <v>15</v>
      </c>
      <c r="G35950" s="16">
        <v>2.7182839763038515</v>
      </c>
    </row>
    <row r="35951" spans="1:7" x14ac:dyDescent="0.3">
      <c r="A35951" s="13" t="s">
        <v>219</v>
      </c>
      <c r="B35951" s="14" t="s">
        <v>1</v>
      </c>
      <c r="C35951" s="14" t="s">
        <v>23</v>
      </c>
      <c r="D35951" s="14" t="s">
        <v>220</v>
      </c>
      <c r="E35951" s="15">
        <v>45557</v>
      </c>
      <c r="F35951" s="14" t="s">
        <v>15</v>
      </c>
      <c r="G35951" s="16">
        <v>2.7182839763038515</v>
      </c>
    </row>
    <row r="35952" spans="1:7" x14ac:dyDescent="0.3">
      <c r="A35952" s="13" t="s">
        <v>219</v>
      </c>
      <c r="B35952" s="14" t="s">
        <v>1</v>
      </c>
      <c r="C35952" s="14" t="s">
        <v>23</v>
      </c>
      <c r="D35952" s="14" t="s">
        <v>220</v>
      </c>
      <c r="E35952" s="15">
        <v>45558</v>
      </c>
      <c r="F35952" s="14" t="s">
        <v>15</v>
      </c>
      <c r="G35952" s="16">
        <v>2.734364010582333</v>
      </c>
    </row>
    <row r="35953" spans="1:7" x14ac:dyDescent="0.3">
      <c r="A35953" s="13" t="s">
        <v>219</v>
      </c>
      <c r="B35953" s="14" t="s">
        <v>1</v>
      </c>
      <c r="C35953" s="14" t="s">
        <v>23</v>
      </c>
      <c r="D35953" s="14" t="s">
        <v>220</v>
      </c>
      <c r="E35953" s="15">
        <v>45559</v>
      </c>
      <c r="F35953" s="14" t="s">
        <v>15</v>
      </c>
      <c r="G35953" s="16">
        <v>2.7934440448608142</v>
      </c>
    </row>
    <row r="35954" spans="1:7" x14ac:dyDescent="0.3">
      <c r="A35954" s="13" t="s">
        <v>219</v>
      </c>
      <c r="B35954" s="14" t="s">
        <v>1</v>
      </c>
      <c r="C35954" s="14" t="s">
        <v>23</v>
      </c>
      <c r="D35954" s="14" t="s">
        <v>220</v>
      </c>
      <c r="E35954" s="15">
        <v>45560</v>
      </c>
      <c r="F35954" s="14" t="s">
        <v>15</v>
      </c>
      <c r="G35954" s="16">
        <v>2.8095240791392957</v>
      </c>
    </row>
    <row r="35955" spans="1:7" x14ac:dyDescent="0.3">
      <c r="A35955" s="13" t="s">
        <v>219</v>
      </c>
      <c r="B35955" s="14" t="s">
        <v>1</v>
      </c>
      <c r="C35955" s="14" t="s">
        <v>23</v>
      </c>
      <c r="D35955" s="14" t="s">
        <v>220</v>
      </c>
      <c r="E35955" s="15">
        <v>45561</v>
      </c>
      <c r="F35955" s="14" t="s">
        <v>15</v>
      </c>
      <c r="G35955" s="16">
        <v>2.8256041134177772</v>
      </c>
    </row>
    <row r="35956" spans="1:7" x14ac:dyDescent="0.3">
      <c r="A35956" s="13" t="s">
        <v>219</v>
      </c>
      <c r="B35956" s="14" t="s">
        <v>1</v>
      </c>
      <c r="C35956" s="14" t="s">
        <v>23</v>
      </c>
      <c r="D35956" s="14" t="s">
        <v>220</v>
      </c>
      <c r="E35956" s="15">
        <v>45562</v>
      </c>
      <c r="F35956" s="14" t="s">
        <v>15</v>
      </c>
      <c r="G35956" s="16">
        <v>2.8436841476962584</v>
      </c>
    </row>
    <row r="35957" spans="1:7" x14ac:dyDescent="0.3">
      <c r="A35957" s="13" t="s">
        <v>219</v>
      </c>
      <c r="B35957" s="14" t="s">
        <v>1</v>
      </c>
      <c r="C35957" s="14" t="s">
        <v>23</v>
      </c>
      <c r="D35957" s="14" t="s">
        <v>220</v>
      </c>
      <c r="E35957" s="15">
        <v>45563</v>
      </c>
      <c r="F35957" s="14" t="s">
        <v>15</v>
      </c>
      <c r="G35957" s="16">
        <v>2.8436841476962584</v>
      </c>
    </row>
    <row r="35958" spans="1:7" x14ac:dyDescent="0.3">
      <c r="A35958" s="13" t="s">
        <v>219</v>
      </c>
      <c r="B35958" s="14" t="s">
        <v>1</v>
      </c>
      <c r="C35958" s="14" t="s">
        <v>23</v>
      </c>
      <c r="D35958" s="14" t="s">
        <v>220</v>
      </c>
      <c r="E35958" s="15">
        <v>45564</v>
      </c>
      <c r="F35958" s="14" t="s">
        <v>15</v>
      </c>
      <c r="G35958" s="16">
        <v>2.8436841476962584</v>
      </c>
    </row>
    <row r="35959" spans="1:7" x14ac:dyDescent="0.3">
      <c r="A35959" s="13" t="s">
        <v>219</v>
      </c>
      <c r="B35959" s="14" t="s">
        <v>1</v>
      </c>
      <c r="C35959" s="14" t="s">
        <v>23</v>
      </c>
      <c r="D35959" s="14" t="s">
        <v>220</v>
      </c>
      <c r="E35959" s="15">
        <v>45565</v>
      </c>
      <c r="F35959" s="14" t="s">
        <v>15</v>
      </c>
      <c r="G35959" s="16">
        <v>2.8597641819747399</v>
      </c>
    </row>
    <row r="35960" spans="1:7" x14ac:dyDescent="0.3">
      <c r="A35960" s="13" t="s">
        <v>219</v>
      </c>
      <c r="B35960" s="14" t="s">
        <v>1</v>
      </c>
      <c r="C35960" s="14" t="s">
        <v>23</v>
      </c>
      <c r="D35960" s="14" t="s">
        <v>220</v>
      </c>
      <c r="E35960" s="15">
        <v>45566</v>
      </c>
      <c r="F35960" s="14" t="s">
        <v>15</v>
      </c>
      <c r="G35960" s="16">
        <v>2.9068442162532215</v>
      </c>
    </row>
    <row r="35961" spans="1:7" x14ac:dyDescent="0.3">
      <c r="A35961" s="13" t="s">
        <v>219</v>
      </c>
      <c r="B35961" s="14" t="s">
        <v>1</v>
      </c>
      <c r="C35961" s="14" t="s">
        <v>23</v>
      </c>
      <c r="D35961" s="14" t="s">
        <v>220</v>
      </c>
      <c r="E35961" s="15">
        <v>45567</v>
      </c>
      <c r="F35961" s="14" t="s">
        <v>15</v>
      </c>
      <c r="G35961" s="16">
        <v>2.9219242505317031</v>
      </c>
    </row>
    <row r="35962" spans="1:7" x14ac:dyDescent="0.3">
      <c r="A35962" s="13" t="s">
        <v>219</v>
      </c>
      <c r="B35962" s="14" t="s">
        <v>1</v>
      </c>
      <c r="C35962" s="14" t="s">
        <v>23</v>
      </c>
      <c r="D35962" s="14" t="s">
        <v>220</v>
      </c>
      <c r="E35962" s="15">
        <v>45568</v>
      </c>
      <c r="F35962" s="14" t="s">
        <v>15</v>
      </c>
      <c r="G35962" s="16">
        <v>2.9280042848101848</v>
      </c>
    </row>
    <row r="35963" spans="1:7" x14ac:dyDescent="0.3">
      <c r="A35963" s="13" t="s">
        <v>219</v>
      </c>
      <c r="B35963" s="14" t="s">
        <v>1</v>
      </c>
      <c r="C35963" s="14" t="s">
        <v>23</v>
      </c>
      <c r="D35963" s="14" t="s">
        <v>220</v>
      </c>
      <c r="E35963" s="15">
        <v>45569</v>
      </c>
      <c r="F35963" s="14" t="s">
        <v>15</v>
      </c>
      <c r="G35963" s="16">
        <v>2.9440843190886659</v>
      </c>
    </row>
    <row r="35964" spans="1:7" x14ac:dyDescent="0.3">
      <c r="A35964" s="13" t="s">
        <v>219</v>
      </c>
      <c r="B35964" s="14" t="s">
        <v>1</v>
      </c>
      <c r="C35964" s="14" t="s">
        <v>23</v>
      </c>
      <c r="D35964" s="14" t="s">
        <v>220</v>
      </c>
      <c r="E35964" s="15">
        <v>45570</v>
      </c>
      <c r="F35964" s="14" t="s">
        <v>15</v>
      </c>
      <c r="G35964" s="16">
        <v>2.9440843190886659</v>
      </c>
    </row>
    <row r="35965" spans="1:7" x14ac:dyDescent="0.3">
      <c r="A35965" s="13" t="s">
        <v>219</v>
      </c>
      <c r="B35965" s="14" t="s">
        <v>1</v>
      </c>
      <c r="C35965" s="14" t="s">
        <v>23</v>
      </c>
      <c r="D35965" s="14" t="s">
        <v>220</v>
      </c>
      <c r="E35965" s="15">
        <v>45571</v>
      </c>
      <c r="F35965" s="14" t="s">
        <v>15</v>
      </c>
      <c r="G35965" s="16">
        <v>2.9440843190886659</v>
      </c>
    </row>
    <row r="35966" spans="1:7" x14ac:dyDescent="0.3">
      <c r="A35966" s="13" t="s">
        <v>219</v>
      </c>
      <c r="B35966" s="14" t="s">
        <v>1</v>
      </c>
      <c r="C35966" s="14" t="s">
        <v>23</v>
      </c>
      <c r="D35966" s="14" t="s">
        <v>220</v>
      </c>
      <c r="E35966" s="15">
        <v>45572</v>
      </c>
      <c r="F35966" s="14" t="s">
        <v>15</v>
      </c>
      <c r="G35966" s="16">
        <v>2.9831643533671475</v>
      </c>
    </row>
    <row r="35967" spans="1:7" x14ac:dyDescent="0.3">
      <c r="A35967" s="13" t="s">
        <v>219</v>
      </c>
      <c r="B35967" s="14" t="s">
        <v>1</v>
      </c>
      <c r="C35967" s="14" t="s">
        <v>23</v>
      </c>
      <c r="D35967" s="14" t="s">
        <v>220</v>
      </c>
      <c r="E35967" s="15">
        <v>45573</v>
      </c>
      <c r="F35967" s="14" t="s">
        <v>15</v>
      </c>
      <c r="G35967" s="16">
        <v>3.0332443876456288</v>
      </c>
    </row>
    <row r="35968" spans="1:7" x14ac:dyDescent="0.3">
      <c r="A35968" s="13" t="s">
        <v>219</v>
      </c>
      <c r="B35968" s="14" t="s">
        <v>1</v>
      </c>
      <c r="C35968" s="14" t="s">
        <v>23</v>
      </c>
      <c r="D35968" s="14" t="s">
        <v>220</v>
      </c>
      <c r="E35968" s="15">
        <v>45574</v>
      </c>
      <c r="F35968" s="14" t="s">
        <v>15</v>
      </c>
      <c r="G35968" s="16">
        <v>3.0493244219241102</v>
      </c>
    </row>
    <row r="35969" spans="1:7" x14ac:dyDescent="0.3">
      <c r="A35969" s="13" t="s">
        <v>219</v>
      </c>
      <c r="B35969" s="14" t="s">
        <v>1</v>
      </c>
      <c r="C35969" s="14" t="s">
        <v>23</v>
      </c>
      <c r="D35969" s="14" t="s">
        <v>220</v>
      </c>
      <c r="E35969" s="15">
        <v>45575</v>
      </c>
      <c r="F35969" s="14" t="s">
        <v>15</v>
      </c>
      <c r="G35969" s="16">
        <v>3.0654044562025917</v>
      </c>
    </row>
    <row r="35970" spans="1:7" x14ac:dyDescent="0.3">
      <c r="A35970" s="13" t="s">
        <v>219</v>
      </c>
      <c r="B35970" s="14" t="s">
        <v>1</v>
      </c>
      <c r="C35970" s="14" t="s">
        <v>23</v>
      </c>
      <c r="D35970" s="14" t="s">
        <v>220</v>
      </c>
      <c r="E35970" s="15">
        <v>45576</v>
      </c>
      <c r="F35970" s="14" t="s">
        <v>15</v>
      </c>
      <c r="G35970" s="16">
        <v>3.0814844904810732</v>
      </c>
    </row>
    <row r="35971" spans="1:7" x14ac:dyDescent="0.3">
      <c r="A35971" s="13" t="s">
        <v>219</v>
      </c>
      <c r="B35971" s="14" t="s">
        <v>1</v>
      </c>
      <c r="C35971" s="14" t="s">
        <v>23</v>
      </c>
      <c r="D35971" s="14" t="s">
        <v>220</v>
      </c>
      <c r="E35971" s="15">
        <v>45577</v>
      </c>
      <c r="F35971" s="14" t="s">
        <v>15</v>
      </c>
      <c r="G35971" s="16">
        <v>3.0814844904810732</v>
      </c>
    </row>
    <row r="35972" spans="1:7" x14ac:dyDescent="0.3">
      <c r="A35972" s="13" t="s">
        <v>219</v>
      </c>
      <c r="B35972" s="14" t="s">
        <v>1</v>
      </c>
      <c r="C35972" s="14" t="s">
        <v>23</v>
      </c>
      <c r="D35972" s="14" t="s">
        <v>220</v>
      </c>
      <c r="E35972" s="15">
        <v>45578</v>
      </c>
      <c r="F35972" s="14" t="s">
        <v>15</v>
      </c>
      <c r="G35972" s="16">
        <v>3.0814844904810732</v>
      </c>
    </row>
    <row r="35973" spans="1:7" x14ac:dyDescent="0.3">
      <c r="A35973" s="13" t="s">
        <v>219</v>
      </c>
      <c r="B35973" s="14" t="s">
        <v>1</v>
      </c>
      <c r="C35973" s="14" t="s">
        <v>23</v>
      </c>
      <c r="D35973" s="14" t="s">
        <v>220</v>
      </c>
      <c r="E35973" s="15">
        <v>45579</v>
      </c>
      <c r="F35973" s="14" t="s">
        <v>15</v>
      </c>
      <c r="G35973" s="16">
        <v>3.0814844904810732</v>
      </c>
    </row>
    <row r="35974" spans="1:7" x14ac:dyDescent="0.3">
      <c r="A35974" s="13" t="s">
        <v>219</v>
      </c>
      <c r="B35974" s="14" t="s">
        <v>1</v>
      </c>
      <c r="C35974" s="14" t="s">
        <v>23</v>
      </c>
      <c r="D35974" s="14" t="s">
        <v>220</v>
      </c>
      <c r="E35974" s="15">
        <v>45580</v>
      </c>
      <c r="F35974" s="14" t="s">
        <v>15</v>
      </c>
      <c r="G35974" s="16">
        <v>3.0975645247595542</v>
      </c>
    </row>
    <row r="35975" spans="1:7" x14ac:dyDescent="0.3">
      <c r="A35975" s="13" t="s">
        <v>219</v>
      </c>
      <c r="B35975" s="14" t="s">
        <v>1</v>
      </c>
      <c r="C35975" s="14" t="s">
        <v>23</v>
      </c>
      <c r="D35975" s="14" t="s">
        <v>220</v>
      </c>
      <c r="E35975" s="15">
        <v>45581</v>
      </c>
      <c r="F35975" s="14" t="s">
        <v>15</v>
      </c>
      <c r="G35975" s="16">
        <v>3.1626445590380361</v>
      </c>
    </row>
    <row r="35976" spans="1:7" x14ac:dyDescent="0.3">
      <c r="A35976" s="13" t="s">
        <v>219</v>
      </c>
      <c r="B35976" s="14" t="s">
        <v>1</v>
      </c>
      <c r="C35976" s="14" t="s">
        <v>23</v>
      </c>
      <c r="D35976" s="14" t="s">
        <v>220</v>
      </c>
      <c r="E35976" s="15">
        <v>45582</v>
      </c>
      <c r="F35976" s="14" t="s">
        <v>15</v>
      </c>
      <c r="G35976" s="16">
        <v>3.1787245933165176</v>
      </c>
    </row>
    <row r="35977" spans="1:7" x14ac:dyDescent="0.3">
      <c r="A35977" s="13" t="s">
        <v>219</v>
      </c>
      <c r="B35977" s="14" t="s">
        <v>1</v>
      </c>
      <c r="C35977" s="14" t="s">
        <v>23</v>
      </c>
      <c r="D35977" s="14" t="s">
        <v>220</v>
      </c>
      <c r="E35977" s="15">
        <v>45583</v>
      </c>
      <c r="F35977" s="14" t="s">
        <v>15</v>
      </c>
      <c r="G35977" s="16">
        <v>3.1948046275949986</v>
      </c>
    </row>
    <row r="35978" spans="1:7" x14ac:dyDescent="0.3">
      <c r="A35978" s="13" t="s">
        <v>219</v>
      </c>
      <c r="B35978" s="14" t="s">
        <v>1</v>
      </c>
      <c r="C35978" s="14" t="s">
        <v>23</v>
      </c>
      <c r="D35978" s="14" t="s">
        <v>220</v>
      </c>
      <c r="E35978" s="15">
        <v>45584</v>
      </c>
      <c r="F35978" s="14" t="s">
        <v>15</v>
      </c>
      <c r="G35978" s="16">
        <v>3.1948046275949986</v>
      </c>
    </row>
    <row r="35979" spans="1:7" x14ac:dyDescent="0.3">
      <c r="A35979" s="13" t="s">
        <v>219</v>
      </c>
      <c r="B35979" s="14" t="s">
        <v>1</v>
      </c>
      <c r="C35979" s="14" t="s">
        <v>23</v>
      </c>
      <c r="D35979" s="14" t="s">
        <v>220</v>
      </c>
      <c r="E35979" s="15">
        <v>45585</v>
      </c>
      <c r="F35979" s="14" t="s">
        <v>15</v>
      </c>
      <c r="G35979" s="16">
        <v>3.1948046275949986</v>
      </c>
    </row>
    <row r="35980" spans="1:7" x14ac:dyDescent="0.3">
      <c r="A35980" s="13" t="s">
        <v>219</v>
      </c>
      <c r="B35980" s="14" t="s">
        <v>1</v>
      </c>
      <c r="C35980" s="14" t="s">
        <v>23</v>
      </c>
      <c r="D35980" s="14" t="s">
        <v>220</v>
      </c>
      <c r="E35980" s="15">
        <v>45586</v>
      </c>
      <c r="F35980" s="14" t="s">
        <v>15</v>
      </c>
      <c r="G35980" s="16">
        <v>3.2098846618734802</v>
      </c>
    </row>
    <row r="35981" spans="1:7" x14ac:dyDescent="0.3">
      <c r="A35981" s="13" t="s">
        <v>219</v>
      </c>
      <c r="B35981" s="14" t="s">
        <v>1</v>
      </c>
      <c r="C35981" s="14" t="s">
        <v>23</v>
      </c>
      <c r="D35981" s="14" t="s">
        <v>220</v>
      </c>
      <c r="E35981" s="15">
        <v>45587</v>
      </c>
      <c r="F35981" s="14" t="s">
        <v>15</v>
      </c>
      <c r="G35981" s="16">
        <v>3.2579646961519622</v>
      </c>
    </row>
    <row r="35982" spans="1:7" x14ac:dyDescent="0.3">
      <c r="A35982" s="13" t="s">
        <v>219</v>
      </c>
      <c r="B35982" s="14" t="s">
        <v>1</v>
      </c>
      <c r="C35982" s="14" t="s">
        <v>23</v>
      </c>
      <c r="D35982" s="14" t="s">
        <v>220</v>
      </c>
      <c r="E35982" s="15">
        <v>45588</v>
      </c>
      <c r="F35982" s="14" t="s">
        <v>15</v>
      </c>
      <c r="G35982" s="16">
        <v>3.2740447304304441</v>
      </c>
    </row>
    <row r="35983" spans="1:7" x14ac:dyDescent="0.3">
      <c r="A35983" s="13" t="s">
        <v>219</v>
      </c>
      <c r="B35983" s="14" t="s">
        <v>1</v>
      </c>
      <c r="C35983" s="14" t="s">
        <v>23</v>
      </c>
      <c r="D35983" s="14" t="s">
        <v>220</v>
      </c>
      <c r="E35983" s="15">
        <v>45589</v>
      </c>
      <c r="F35983" s="14" t="s">
        <v>15</v>
      </c>
      <c r="G35983" s="16">
        <v>3.2901247647089256</v>
      </c>
    </row>
    <row r="35984" spans="1:7" x14ac:dyDescent="0.3">
      <c r="A35984" s="13" t="s">
        <v>219</v>
      </c>
      <c r="B35984" s="14" t="s">
        <v>1</v>
      </c>
      <c r="C35984" s="14" t="s">
        <v>23</v>
      </c>
      <c r="D35984" s="14" t="s">
        <v>220</v>
      </c>
      <c r="E35984" s="15">
        <v>45590</v>
      </c>
      <c r="F35984" s="14" t="s">
        <v>15</v>
      </c>
      <c r="G35984" s="16">
        <v>3.3062047989874075</v>
      </c>
    </row>
    <row r="35985" spans="1:7" x14ac:dyDescent="0.3">
      <c r="A35985" s="13" t="s">
        <v>219</v>
      </c>
      <c r="B35985" s="14" t="s">
        <v>1</v>
      </c>
      <c r="C35985" s="14" t="s">
        <v>23</v>
      </c>
      <c r="D35985" s="14" t="s">
        <v>220</v>
      </c>
      <c r="E35985" s="15">
        <v>45591</v>
      </c>
      <c r="F35985" s="14" t="s">
        <v>15</v>
      </c>
      <c r="G35985" s="16">
        <v>3.3062047989874075</v>
      </c>
    </row>
    <row r="35986" spans="1:7" x14ac:dyDescent="0.3">
      <c r="A35986" s="13" t="s">
        <v>219</v>
      </c>
      <c r="B35986" s="14" t="s">
        <v>1</v>
      </c>
      <c r="C35986" s="14" t="s">
        <v>23</v>
      </c>
      <c r="D35986" s="14" t="s">
        <v>220</v>
      </c>
      <c r="E35986" s="15">
        <v>45592</v>
      </c>
      <c r="F35986" s="14" t="s">
        <v>15</v>
      </c>
      <c r="G35986" s="16">
        <v>3.3062047989874075</v>
      </c>
    </row>
    <row r="35987" spans="1:7" x14ac:dyDescent="0.3">
      <c r="A35987" s="13" t="s">
        <v>219</v>
      </c>
      <c r="B35987" s="14" t="s">
        <v>1</v>
      </c>
      <c r="C35987" s="14" t="s">
        <v>23</v>
      </c>
      <c r="D35987" s="14" t="s">
        <v>220</v>
      </c>
      <c r="E35987" s="15">
        <v>45593</v>
      </c>
      <c r="F35987" s="14" t="s">
        <v>15</v>
      </c>
      <c r="G35987" s="16">
        <v>3.3062047989874075</v>
      </c>
    </row>
    <row r="35988" spans="1:7" x14ac:dyDescent="0.3">
      <c r="A35988" s="13" t="s">
        <v>219</v>
      </c>
      <c r="B35988" s="14" t="s">
        <v>1</v>
      </c>
      <c r="C35988" s="14" t="s">
        <v>23</v>
      </c>
      <c r="D35988" s="14" t="s">
        <v>220</v>
      </c>
      <c r="E35988" s="15">
        <v>45594</v>
      </c>
      <c r="F35988" s="14" t="s">
        <v>15</v>
      </c>
      <c r="G35988" s="16">
        <v>3.3252848332658886</v>
      </c>
    </row>
    <row r="35989" spans="1:7" x14ac:dyDescent="0.3">
      <c r="A35989" s="13" t="s">
        <v>219</v>
      </c>
      <c r="B35989" s="14" t="s">
        <v>1</v>
      </c>
      <c r="C35989" s="14" t="s">
        <v>23</v>
      </c>
      <c r="D35989" s="14" t="s">
        <v>220</v>
      </c>
      <c r="E35989" s="15">
        <v>45595</v>
      </c>
      <c r="F35989" s="14" t="s">
        <v>15</v>
      </c>
      <c r="G35989" s="16">
        <v>3.3873648675443704</v>
      </c>
    </row>
    <row r="35990" spans="1:7" x14ac:dyDescent="0.3">
      <c r="A35990" s="13" t="s">
        <v>219</v>
      </c>
      <c r="B35990" s="14" t="s">
        <v>1</v>
      </c>
      <c r="C35990" s="14" t="s">
        <v>23</v>
      </c>
      <c r="D35990" s="14" t="s">
        <v>220</v>
      </c>
      <c r="E35990" s="15">
        <v>45596</v>
      </c>
      <c r="F35990" s="14" t="s">
        <v>15</v>
      </c>
      <c r="G35990" s="16">
        <v>3.3914449018228519</v>
      </c>
    </row>
    <row r="35991" spans="1:7" x14ac:dyDescent="0.3">
      <c r="A35991" s="13" t="s">
        <v>219</v>
      </c>
      <c r="B35991" s="14" t="s">
        <v>1</v>
      </c>
      <c r="C35991" s="14" t="s">
        <v>23</v>
      </c>
      <c r="D35991" s="14" t="s">
        <v>220</v>
      </c>
      <c r="E35991" s="15">
        <v>45597</v>
      </c>
      <c r="F35991" s="14" t="s">
        <v>15</v>
      </c>
      <c r="G35991" s="16">
        <v>3.406524936101333</v>
      </c>
    </row>
    <row r="35992" spans="1:7" x14ac:dyDescent="0.3">
      <c r="A35992" s="13" t="s">
        <v>219</v>
      </c>
      <c r="B35992" s="14" t="s">
        <v>1</v>
      </c>
      <c r="C35992" s="14" t="s">
        <v>23</v>
      </c>
      <c r="D35992" s="14" t="s">
        <v>220</v>
      </c>
      <c r="E35992" s="15">
        <v>45598</v>
      </c>
      <c r="F35992" s="14" t="s">
        <v>15</v>
      </c>
      <c r="G35992" s="16">
        <v>3.406524936101333</v>
      </c>
    </row>
    <row r="35993" spans="1:7" x14ac:dyDescent="0.3">
      <c r="A35993" s="13" t="s">
        <v>219</v>
      </c>
      <c r="B35993" s="14" t="s">
        <v>1</v>
      </c>
      <c r="C35993" s="14" t="s">
        <v>23</v>
      </c>
      <c r="D35993" s="14" t="s">
        <v>220</v>
      </c>
      <c r="E35993" s="15">
        <v>45599</v>
      </c>
      <c r="F35993" s="14" t="s">
        <v>15</v>
      </c>
      <c r="G35993" s="16">
        <v>3.406524936101333</v>
      </c>
    </row>
    <row r="35994" spans="1:7" x14ac:dyDescent="0.3">
      <c r="A35994" s="13" t="s">
        <v>219</v>
      </c>
      <c r="B35994" s="14" t="s">
        <v>1</v>
      </c>
      <c r="C35994" s="14" t="s">
        <v>23</v>
      </c>
      <c r="D35994" s="14" t="s">
        <v>220</v>
      </c>
      <c r="E35994" s="15">
        <v>45600</v>
      </c>
      <c r="F35994" s="14" t="s">
        <v>15</v>
      </c>
      <c r="G35994" s="16">
        <v>3.4136049703798141</v>
      </c>
    </row>
    <row r="35995" spans="1:7" x14ac:dyDescent="0.3">
      <c r="A35995" s="13" t="s">
        <v>219</v>
      </c>
      <c r="B35995" s="14" t="s">
        <v>1</v>
      </c>
      <c r="C35995" s="14" t="s">
        <v>23</v>
      </c>
      <c r="D35995" s="14" t="s">
        <v>220</v>
      </c>
      <c r="E35995" s="15">
        <v>45601</v>
      </c>
      <c r="F35995" s="14" t="s">
        <v>15</v>
      </c>
      <c r="G35995" s="16">
        <v>3.4616850046582961</v>
      </c>
    </row>
    <row r="35996" spans="1:7" x14ac:dyDescent="0.3">
      <c r="A35996" s="13" t="s">
        <v>219</v>
      </c>
      <c r="B35996" s="14" t="s">
        <v>1</v>
      </c>
      <c r="C35996" s="14" t="s">
        <v>23</v>
      </c>
      <c r="D35996" s="14" t="s">
        <v>220</v>
      </c>
      <c r="E35996" s="15">
        <v>45602</v>
      </c>
      <c r="F35996" s="14" t="s">
        <v>15</v>
      </c>
      <c r="G35996" s="16">
        <v>3.477765038936778</v>
      </c>
    </row>
    <row r="35997" spans="1:7" x14ac:dyDescent="0.3">
      <c r="A35997" s="13" t="s">
        <v>219</v>
      </c>
      <c r="B35997" s="14" t="s">
        <v>1</v>
      </c>
      <c r="C35997" s="14" t="s">
        <v>23</v>
      </c>
      <c r="D35997" s="14" t="s">
        <v>220</v>
      </c>
      <c r="E35997" s="15">
        <v>45603</v>
      </c>
      <c r="F35997" s="14" t="s">
        <v>15</v>
      </c>
      <c r="G35997" s="16">
        <v>3.4948450732152594</v>
      </c>
    </row>
    <row r="35998" spans="1:7" x14ac:dyDescent="0.3">
      <c r="A35998" s="13" t="s">
        <v>219</v>
      </c>
      <c r="B35998" s="14" t="s">
        <v>1</v>
      </c>
      <c r="C35998" s="14" t="s">
        <v>23</v>
      </c>
      <c r="D35998" s="14" t="s">
        <v>220</v>
      </c>
      <c r="E35998" s="15">
        <v>45604</v>
      </c>
      <c r="F35998" s="14" t="s">
        <v>15</v>
      </c>
      <c r="G35998" s="16">
        <v>3.5109251074937413</v>
      </c>
    </row>
    <row r="35999" spans="1:7" x14ac:dyDescent="0.3">
      <c r="A35999" s="13" t="s">
        <v>219</v>
      </c>
      <c r="B35999" s="14" t="s">
        <v>1</v>
      </c>
      <c r="C35999" s="14" t="s">
        <v>23</v>
      </c>
      <c r="D35999" s="14" t="s">
        <v>220</v>
      </c>
      <c r="E35999" s="15">
        <v>45605</v>
      </c>
      <c r="F35999" s="14" t="s">
        <v>15</v>
      </c>
      <c r="G35999" s="16">
        <v>3.5109251074937413</v>
      </c>
    </row>
    <row r="36000" spans="1:7" x14ac:dyDescent="0.3">
      <c r="A36000" s="13" t="s">
        <v>219</v>
      </c>
      <c r="B36000" s="14" t="s">
        <v>1</v>
      </c>
      <c r="C36000" s="14" t="s">
        <v>23</v>
      </c>
      <c r="D36000" s="14" t="s">
        <v>220</v>
      </c>
      <c r="E36000" s="15">
        <v>45606</v>
      </c>
      <c r="F36000" s="14" t="s">
        <v>15</v>
      </c>
      <c r="G36000" s="16">
        <v>3.5109251074937413</v>
      </c>
    </row>
    <row r="36001" spans="1:7" x14ac:dyDescent="0.3">
      <c r="A36001" s="13" t="s">
        <v>219</v>
      </c>
      <c r="B36001" s="14" t="s">
        <v>1</v>
      </c>
      <c r="C36001" s="14" t="s">
        <v>23</v>
      </c>
      <c r="D36001" s="14" t="s">
        <v>220</v>
      </c>
      <c r="E36001" s="15">
        <v>45607</v>
      </c>
      <c r="F36001" s="14" t="s">
        <v>15</v>
      </c>
      <c r="G36001" s="16">
        <v>3.5109251074937413</v>
      </c>
    </row>
    <row r="36002" spans="1:7" x14ac:dyDescent="0.3">
      <c r="A36002" s="13" t="s">
        <v>219</v>
      </c>
      <c r="B36002" s="14" t="s">
        <v>1</v>
      </c>
      <c r="C36002" s="14" t="s">
        <v>23</v>
      </c>
      <c r="D36002" s="14" t="s">
        <v>220</v>
      </c>
      <c r="E36002" s="15">
        <v>45608</v>
      </c>
      <c r="F36002" s="14" t="s">
        <v>15</v>
      </c>
      <c r="G36002" s="16">
        <v>3.5270051417722228</v>
      </c>
    </row>
    <row r="36003" spans="1:7" x14ac:dyDescent="0.3">
      <c r="A36003" s="13" t="s">
        <v>219</v>
      </c>
      <c r="B36003" s="14" t="s">
        <v>1</v>
      </c>
      <c r="C36003" s="14" t="s">
        <v>23</v>
      </c>
      <c r="D36003" s="14" t="s">
        <v>220</v>
      </c>
      <c r="E36003" s="15">
        <v>45609</v>
      </c>
      <c r="F36003" s="14" t="s">
        <v>15</v>
      </c>
      <c r="G36003" s="16">
        <v>3.6030851760507039</v>
      </c>
    </row>
    <row r="36004" spans="1:7" x14ac:dyDescent="0.3">
      <c r="A36004" s="13" t="s">
        <v>219</v>
      </c>
      <c r="B36004" s="14" t="s">
        <v>1</v>
      </c>
      <c r="C36004" s="14" t="s">
        <v>23</v>
      </c>
      <c r="D36004" s="14" t="s">
        <v>220</v>
      </c>
      <c r="E36004" s="15">
        <v>45610</v>
      </c>
      <c r="F36004" s="14" t="s">
        <v>15</v>
      </c>
      <c r="G36004" s="16">
        <v>3.6181652103291855</v>
      </c>
    </row>
    <row r="36005" spans="1:7" x14ac:dyDescent="0.3">
      <c r="A36005" s="13" t="s">
        <v>219</v>
      </c>
      <c r="B36005" s="14" t="s">
        <v>1</v>
      </c>
      <c r="C36005" s="14" t="s">
        <v>23</v>
      </c>
      <c r="D36005" s="14" t="s">
        <v>220</v>
      </c>
      <c r="E36005" s="15">
        <v>45611</v>
      </c>
      <c r="F36005" s="14" t="s">
        <v>15</v>
      </c>
      <c r="G36005" s="16">
        <v>3.6332452446076666</v>
      </c>
    </row>
    <row r="36006" spans="1:7" x14ac:dyDescent="0.3">
      <c r="A36006" s="13" t="s">
        <v>219</v>
      </c>
      <c r="B36006" s="14" t="s">
        <v>1</v>
      </c>
      <c r="C36006" s="14" t="s">
        <v>23</v>
      </c>
      <c r="D36006" s="14" t="s">
        <v>220</v>
      </c>
      <c r="E36006" s="15">
        <v>45612</v>
      </c>
      <c r="F36006" s="14" t="s">
        <v>15</v>
      </c>
      <c r="G36006" s="16">
        <v>3.6332452446076666</v>
      </c>
    </row>
    <row r="36007" spans="1:7" x14ac:dyDescent="0.3">
      <c r="A36007" s="13" t="s">
        <v>219</v>
      </c>
      <c r="B36007" s="14" t="s">
        <v>1</v>
      </c>
      <c r="C36007" s="14" t="s">
        <v>23</v>
      </c>
      <c r="D36007" s="14" t="s">
        <v>220</v>
      </c>
      <c r="E36007" s="15">
        <v>45613</v>
      </c>
      <c r="F36007" s="14" t="s">
        <v>15</v>
      </c>
      <c r="G36007" s="16">
        <v>3.6332452446076666</v>
      </c>
    </row>
    <row r="36008" spans="1:7" x14ac:dyDescent="0.3">
      <c r="A36008" s="13" t="s">
        <v>219</v>
      </c>
      <c r="B36008" s="14" t="s">
        <v>1</v>
      </c>
      <c r="C36008" s="14" t="s">
        <v>23</v>
      </c>
      <c r="D36008" s="14" t="s">
        <v>220</v>
      </c>
      <c r="E36008" s="15">
        <v>45614</v>
      </c>
      <c r="F36008" s="14" t="s">
        <v>15</v>
      </c>
      <c r="G36008" s="16">
        <v>3.6493252788861481</v>
      </c>
    </row>
    <row r="36009" spans="1:7" x14ac:dyDescent="0.3">
      <c r="A36009" s="13" t="s">
        <v>219</v>
      </c>
      <c r="B36009" s="14" t="s">
        <v>1</v>
      </c>
      <c r="C36009" s="14" t="s">
        <v>23</v>
      </c>
      <c r="D36009" s="14" t="s">
        <v>220</v>
      </c>
      <c r="E36009" s="15">
        <v>45615</v>
      </c>
      <c r="F36009" s="14" t="s">
        <v>15</v>
      </c>
      <c r="G36009" s="16">
        <v>3.6944053131646299</v>
      </c>
    </row>
    <row r="36010" spans="1:7" x14ac:dyDescent="0.3">
      <c r="A36010" s="13" t="s">
        <v>219</v>
      </c>
      <c r="B36010" s="14" t="s">
        <v>1</v>
      </c>
      <c r="C36010" s="14" t="s">
        <v>23</v>
      </c>
      <c r="D36010" s="14" t="s">
        <v>220</v>
      </c>
      <c r="E36010" s="15">
        <v>45616</v>
      </c>
      <c r="F36010" s="14" t="s">
        <v>15</v>
      </c>
      <c r="G36010" s="16">
        <v>3.7104853474431119</v>
      </c>
    </row>
    <row r="36011" spans="1:7" x14ac:dyDescent="0.3">
      <c r="A36011" s="13" t="s">
        <v>219</v>
      </c>
      <c r="B36011" s="14" t="s">
        <v>1</v>
      </c>
      <c r="C36011" s="14" t="s">
        <v>23</v>
      </c>
      <c r="D36011" s="14" t="s">
        <v>220</v>
      </c>
      <c r="E36011" s="15">
        <v>45617</v>
      </c>
      <c r="F36011" s="14" t="s">
        <v>15</v>
      </c>
      <c r="G36011" s="16">
        <v>3.7265653817215934</v>
      </c>
    </row>
    <row r="36012" spans="1:7" x14ac:dyDescent="0.3">
      <c r="A36012" s="13" t="s">
        <v>219</v>
      </c>
      <c r="B36012" s="14" t="s">
        <v>1</v>
      </c>
      <c r="C36012" s="14" t="s">
        <v>23</v>
      </c>
      <c r="D36012" s="14" t="s">
        <v>220</v>
      </c>
      <c r="E36012" s="15">
        <v>45618</v>
      </c>
      <c r="F36012" s="14" t="s">
        <v>15</v>
      </c>
      <c r="G36012" s="16">
        <v>3.7426454160000753</v>
      </c>
    </row>
    <row r="36013" spans="1:7" x14ac:dyDescent="0.3">
      <c r="A36013" s="13" t="s">
        <v>219</v>
      </c>
      <c r="B36013" s="14" t="s">
        <v>1</v>
      </c>
      <c r="C36013" s="14" t="s">
        <v>23</v>
      </c>
      <c r="D36013" s="14" t="s">
        <v>220</v>
      </c>
      <c r="E36013" s="15">
        <v>45619</v>
      </c>
      <c r="F36013" s="14" t="s">
        <v>15</v>
      </c>
      <c r="G36013" s="16">
        <v>3.7426454160000753</v>
      </c>
    </row>
    <row r="36014" spans="1:7" x14ac:dyDescent="0.3">
      <c r="A36014" s="13" t="s">
        <v>219</v>
      </c>
      <c r="B36014" s="14" t="s">
        <v>1</v>
      </c>
      <c r="C36014" s="14" t="s">
        <v>23</v>
      </c>
      <c r="D36014" s="14" t="s">
        <v>220</v>
      </c>
      <c r="E36014" s="15">
        <v>45620</v>
      </c>
      <c r="F36014" s="14" t="s">
        <v>15</v>
      </c>
      <c r="G36014" s="16">
        <v>3.7426454160000753</v>
      </c>
    </row>
    <row r="36015" spans="1:7" x14ac:dyDescent="0.3">
      <c r="A36015" s="13" t="s">
        <v>219</v>
      </c>
      <c r="B36015" s="14" t="s">
        <v>1</v>
      </c>
      <c r="C36015" s="14" t="s">
        <v>23</v>
      </c>
      <c r="D36015" s="14" t="s">
        <v>220</v>
      </c>
      <c r="E36015" s="15">
        <v>45621</v>
      </c>
      <c r="F36015" s="14" t="s">
        <v>15</v>
      </c>
      <c r="G36015" s="16">
        <v>3.7587254502785568</v>
      </c>
    </row>
    <row r="36016" spans="1:7" x14ac:dyDescent="0.3">
      <c r="A36016" s="13" t="s">
        <v>219</v>
      </c>
      <c r="B36016" s="14" t="s">
        <v>1</v>
      </c>
      <c r="C36016" s="14" t="s">
        <v>23</v>
      </c>
      <c r="D36016" s="14" t="s">
        <v>220</v>
      </c>
      <c r="E36016" s="15">
        <v>45622</v>
      </c>
      <c r="F36016" s="14" t="s">
        <v>15</v>
      </c>
      <c r="G36016" s="16">
        <v>3.8058054845570384</v>
      </c>
    </row>
    <row r="36017" spans="1:7" x14ac:dyDescent="0.3">
      <c r="A36017" s="13" t="s">
        <v>219</v>
      </c>
      <c r="B36017" s="14" t="s">
        <v>1</v>
      </c>
      <c r="C36017" s="14" t="s">
        <v>23</v>
      </c>
      <c r="D36017" s="14" t="s">
        <v>220</v>
      </c>
      <c r="E36017" s="15">
        <v>45623</v>
      </c>
      <c r="F36017" s="14" t="s">
        <v>15</v>
      </c>
      <c r="G36017" s="16">
        <v>3.8208855188355195</v>
      </c>
    </row>
    <row r="36018" spans="1:7" x14ac:dyDescent="0.3">
      <c r="A36018" s="13" t="s">
        <v>219</v>
      </c>
      <c r="B36018" s="14" t="s">
        <v>1</v>
      </c>
      <c r="C36018" s="14" t="s">
        <v>23</v>
      </c>
      <c r="D36018" s="14" t="s">
        <v>220</v>
      </c>
      <c r="E36018" s="15">
        <v>45624</v>
      </c>
      <c r="F36018" s="14" t="s">
        <v>15</v>
      </c>
      <c r="G36018" s="16">
        <v>3.8208855188355195</v>
      </c>
    </row>
    <row r="36019" spans="1:7" x14ac:dyDescent="0.3">
      <c r="A36019" s="13" t="s">
        <v>219</v>
      </c>
      <c r="B36019" s="14" t="s">
        <v>1</v>
      </c>
      <c r="C36019" s="14" t="s">
        <v>23</v>
      </c>
      <c r="D36019" s="14" t="s">
        <v>220</v>
      </c>
      <c r="E36019" s="15">
        <v>45625</v>
      </c>
      <c r="F36019" s="14" t="s">
        <v>15</v>
      </c>
      <c r="G36019" s="16">
        <v>3.8399655531140007</v>
      </c>
    </row>
    <row r="36020" spans="1:7" x14ac:dyDescent="0.3">
      <c r="A36020" s="13" t="s">
        <v>219</v>
      </c>
      <c r="B36020" s="14" t="s">
        <v>1</v>
      </c>
      <c r="C36020" s="14" t="s">
        <v>23</v>
      </c>
      <c r="D36020" s="14" t="s">
        <v>220</v>
      </c>
      <c r="E36020" s="15">
        <v>45626</v>
      </c>
      <c r="F36020" s="14" t="s">
        <v>15</v>
      </c>
      <c r="G36020" s="16">
        <v>3.8399655531140007</v>
      </c>
    </row>
    <row r="36021" spans="1:7" x14ac:dyDescent="0.3">
      <c r="A36021" s="13" t="s">
        <v>219</v>
      </c>
      <c r="B36021" s="14" t="s">
        <v>1</v>
      </c>
      <c r="C36021" s="14" t="s">
        <v>23</v>
      </c>
      <c r="D36021" s="14" t="s">
        <v>220</v>
      </c>
      <c r="E36021" s="15">
        <v>45627</v>
      </c>
      <c r="F36021" s="14" t="s">
        <v>15</v>
      </c>
      <c r="G36021" s="16">
        <v>3.8399655531140007</v>
      </c>
    </row>
    <row r="36022" spans="1:7" x14ac:dyDescent="0.3">
      <c r="A36022" s="13" t="s">
        <v>219</v>
      </c>
      <c r="B36022" s="14" t="s">
        <v>1</v>
      </c>
      <c r="C36022" s="14" t="s">
        <v>23</v>
      </c>
      <c r="D36022" s="14" t="s">
        <v>220</v>
      </c>
      <c r="E36022" s="15">
        <v>45628</v>
      </c>
      <c r="F36022" s="14" t="s">
        <v>15</v>
      </c>
      <c r="G36022" s="16">
        <v>3.8720455873924822</v>
      </c>
    </row>
    <row r="36023" spans="1:7" x14ac:dyDescent="0.3">
      <c r="A36023" s="13" t="s">
        <v>219</v>
      </c>
      <c r="B36023" s="14" t="s">
        <v>1</v>
      </c>
      <c r="C36023" s="14" t="s">
        <v>23</v>
      </c>
      <c r="D36023" s="14" t="s">
        <v>220</v>
      </c>
      <c r="E36023" s="15">
        <v>45629</v>
      </c>
      <c r="F36023" s="14" t="s">
        <v>15</v>
      </c>
      <c r="G36023" s="16">
        <v>3.9071256216709633</v>
      </c>
    </row>
    <row r="36024" spans="1:7" x14ac:dyDescent="0.3">
      <c r="A36024" s="13" t="s">
        <v>219</v>
      </c>
      <c r="B36024" s="14" t="s">
        <v>1</v>
      </c>
      <c r="C36024" s="14" t="s">
        <v>23</v>
      </c>
      <c r="D36024" s="14" t="s">
        <v>220</v>
      </c>
      <c r="E36024" s="15">
        <v>45630</v>
      </c>
      <c r="F36024" s="14" t="s">
        <v>15</v>
      </c>
      <c r="G36024" s="16">
        <v>3.921205655949445</v>
      </c>
    </row>
    <row r="36025" spans="1:7" x14ac:dyDescent="0.3">
      <c r="A36025" s="13" t="s">
        <v>219</v>
      </c>
      <c r="B36025" s="14" t="s">
        <v>1</v>
      </c>
      <c r="C36025" s="14" t="s">
        <v>23</v>
      </c>
      <c r="D36025" s="14" t="s">
        <v>220</v>
      </c>
      <c r="E36025" s="15">
        <v>45631</v>
      </c>
      <c r="F36025" s="14" t="s">
        <v>15</v>
      </c>
      <c r="G36025" s="16">
        <v>3.9372856902279265</v>
      </c>
    </row>
    <row r="36026" spans="1:7" x14ac:dyDescent="0.3">
      <c r="A36026" s="13" t="s">
        <v>219</v>
      </c>
      <c r="B36026" s="14" t="s">
        <v>1</v>
      </c>
      <c r="C36026" s="14" t="s">
        <v>23</v>
      </c>
      <c r="D36026" s="14" t="s">
        <v>220</v>
      </c>
      <c r="E36026" s="15">
        <v>45632</v>
      </c>
      <c r="F36026" s="14" t="s">
        <v>15</v>
      </c>
      <c r="G36026" s="16">
        <v>3.9533657245064084</v>
      </c>
    </row>
    <row r="36027" spans="1:7" x14ac:dyDescent="0.3">
      <c r="A36027" s="13" t="s">
        <v>219</v>
      </c>
      <c r="B36027" s="14" t="s">
        <v>1</v>
      </c>
      <c r="C36027" s="14" t="s">
        <v>23</v>
      </c>
      <c r="D36027" s="14" t="s">
        <v>220</v>
      </c>
      <c r="E36027" s="15">
        <v>45633</v>
      </c>
      <c r="F36027" s="14" t="s">
        <v>15</v>
      </c>
      <c r="G36027" s="16">
        <v>3.9533657245064084</v>
      </c>
    </row>
    <row r="36028" spans="1:7" x14ac:dyDescent="0.3">
      <c r="A36028" s="13" t="s">
        <v>219</v>
      </c>
      <c r="B36028" s="14" t="s">
        <v>1</v>
      </c>
      <c r="C36028" s="14" t="s">
        <v>23</v>
      </c>
      <c r="D36028" s="14" t="s">
        <v>220</v>
      </c>
      <c r="E36028" s="15">
        <v>45634</v>
      </c>
      <c r="F36028" s="14" t="s">
        <v>15</v>
      </c>
      <c r="G36028" s="16">
        <v>3.9533657245064084</v>
      </c>
    </row>
    <row r="36029" spans="1:7" x14ac:dyDescent="0.3">
      <c r="A36029" s="13" t="s">
        <v>219</v>
      </c>
      <c r="B36029" s="14" t="s">
        <v>1</v>
      </c>
      <c r="C36029" s="14" t="s">
        <v>23</v>
      </c>
      <c r="D36029" s="14" t="s">
        <v>220</v>
      </c>
      <c r="E36029" s="15">
        <v>45635</v>
      </c>
      <c r="F36029" s="14" t="s">
        <v>15</v>
      </c>
      <c r="G36029" s="16">
        <v>3.97644575878489</v>
      </c>
    </row>
    <row r="36030" spans="1:7" x14ac:dyDescent="0.3">
      <c r="A36030" s="13" t="s">
        <v>219</v>
      </c>
      <c r="B36030" s="14" t="s">
        <v>1</v>
      </c>
      <c r="C36030" s="14" t="s">
        <v>23</v>
      </c>
      <c r="D36030" s="14" t="s">
        <v>220</v>
      </c>
      <c r="E36030" s="15">
        <v>45636</v>
      </c>
      <c r="F36030" s="14" t="s">
        <v>15</v>
      </c>
      <c r="G36030" s="16">
        <v>4.0225257930633713</v>
      </c>
    </row>
    <row r="36031" spans="1:7" x14ac:dyDescent="0.3">
      <c r="A36031" s="13" t="s">
        <v>219</v>
      </c>
      <c r="B36031" s="14" t="s">
        <v>1</v>
      </c>
      <c r="C36031" s="14" t="s">
        <v>23</v>
      </c>
      <c r="D36031" s="14" t="s">
        <v>220</v>
      </c>
      <c r="E36031" s="15">
        <v>45637</v>
      </c>
      <c r="F36031" s="14" t="s">
        <v>15</v>
      </c>
      <c r="G36031" s="16">
        <v>4.0376058273418529</v>
      </c>
    </row>
    <row r="36032" spans="1:7" x14ac:dyDescent="0.3">
      <c r="A36032" s="13" t="s">
        <v>219</v>
      </c>
      <c r="B36032" s="14" t="s">
        <v>1</v>
      </c>
      <c r="C36032" s="14" t="s">
        <v>23</v>
      </c>
      <c r="D36032" s="14" t="s">
        <v>220</v>
      </c>
      <c r="E36032" s="15">
        <v>45638</v>
      </c>
      <c r="F36032" s="14" t="s">
        <v>15</v>
      </c>
      <c r="G36032" s="16">
        <v>4.0526858616203345</v>
      </c>
    </row>
    <row r="36033" spans="1:7" x14ac:dyDescent="0.3">
      <c r="A36033" s="13" t="s">
        <v>219</v>
      </c>
      <c r="B36033" s="14" t="s">
        <v>1</v>
      </c>
      <c r="C36033" s="14" t="s">
        <v>23</v>
      </c>
      <c r="D36033" s="14" t="s">
        <v>220</v>
      </c>
      <c r="E36033" s="15">
        <v>45639</v>
      </c>
      <c r="F36033" s="14" t="s">
        <v>15</v>
      </c>
      <c r="G36033" s="16">
        <v>4.0677658958988152</v>
      </c>
    </row>
    <row r="36034" spans="1:7" x14ac:dyDescent="0.3">
      <c r="A36034" s="13" t="s">
        <v>219</v>
      </c>
      <c r="B36034" s="14" t="s">
        <v>1</v>
      </c>
      <c r="C36034" s="14" t="s">
        <v>23</v>
      </c>
      <c r="D36034" s="14" t="s">
        <v>220</v>
      </c>
      <c r="E36034" s="15">
        <v>45640</v>
      </c>
      <c r="F36034" s="14" t="s">
        <v>15</v>
      </c>
      <c r="G36034" s="16">
        <v>4.0677658958988152</v>
      </c>
    </row>
    <row r="36035" spans="1:7" x14ac:dyDescent="0.3">
      <c r="A36035" s="13" t="s">
        <v>219</v>
      </c>
      <c r="B36035" s="14" t="s">
        <v>1</v>
      </c>
      <c r="C36035" s="14" t="s">
        <v>23</v>
      </c>
      <c r="D36035" s="14" t="s">
        <v>220</v>
      </c>
      <c r="E36035" s="15">
        <v>45641</v>
      </c>
      <c r="F36035" s="14" t="s">
        <v>15</v>
      </c>
      <c r="G36035" s="16">
        <v>4.0677658958988152</v>
      </c>
    </row>
    <row r="36036" spans="1:7" x14ac:dyDescent="0.3">
      <c r="A36036" s="13" t="s">
        <v>219</v>
      </c>
      <c r="B36036" s="14" t="s">
        <v>1</v>
      </c>
      <c r="C36036" s="14" t="s">
        <v>23</v>
      </c>
      <c r="D36036" s="14" t="s">
        <v>220</v>
      </c>
      <c r="E36036" s="15">
        <v>45642</v>
      </c>
      <c r="F36036" s="14" t="s">
        <v>15</v>
      </c>
      <c r="G36036" s="16">
        <v>4.0838459301772971</v>
      </c>
    </row>
    <row r="36037" spans="1:7" x14ac:dyDescent="0.3">
      <c r="A36037" s="13" t="s">
        <v>219</v>
      </c>
      <c r="B36037" s="14" t="s">
        <v>1</v>
      </c>
      <c r="C36037" s="14" t="s">
        <v>23</v>
      </c>
      <c r="D36037" s="14" t="s">
        <v>220</v>
      </c>
      <c r="E36037" s="15">
        <v>45643</v>
      </c>
      <c r="F36037" s="14" t="s">
        <v>15</v>
      </c>
      <c r="G36037" s="16">
        <v>4.1299259644557784</v>
      </c>
    </row>
    <row r="36038" spans="1:7" x14ac:dyDescent="0.3">
      <c r="A36038" s="13" t="s">
        <v>219</v>
      </c>
      <c r="B36038" s="14" t="s">
        <v>1</v>
      </c>
      <c r="C36038" s="14" t="s">
        <v>23</v>
      </c>
      <c r="D36038" s="14" t="s">
        <v>220</v>
      </c>
      <c r="E36038" s="15">
        <v>45644</v>
      </c>
      <c r="F36038" s="14" t="s">
        <v>15</v>
      </c>
      <c r="G36038" s="16">
        <v>4.1460059987342603</v>
      </c>
    </row>
    <row r="36039" spans="1:7" x14ac:dyDescent="0.3">
      <c r="A36039" s="13" t="s">
        <v>219</v>
      </c>
      <c r="B36039" s="14" t="s">
        <v>1</v>
      </c>
      <c r="C36039" s="14" t="s">
        <v>23</v>
      </c>
      <c r="D36039" s="14" t="s">
        <v>220</v>
      </c>
      <c r="E36039" s="15">
        <v>45645</v>
      </c>
      <c r="F36039" s="14" t="s">
        <v>15</v>
      </c>
      <c r="G36039" s="16">
        <v>4.1610860330127419</v>
      </c>
    </row>
    <row r="36040" spans="1:7" x14ac:dyDescent="0.3">
      <c r="A36040" s="13" t="s">
        <v>219</v>
      </c>
      <c r="B36040" s="14" t="s">
        <v>1</v>
      </c>
      <c r="C36040" s="14" t="s">
        <v>23</v>
      </c>
      <c r="D36040" s="14" t="s">
        <v>220</v>
      </c>
      <c r="E36040" s="15">
        <v>45646</v>
      </c>
      <c r="F36040" s="14" t="s">
        <v>15</v>
      </c>
      <c r="G36040" s="16">
        <v>4.1761660672912226</v>
      </c>
    </row>
    <row r="36041" spans="1:7" x14ac:dyDescent="0.3">
      <c r="A36041" s="13" t="s">
        <v>219</v>
      </c>
      <c r="B36041" s="14" t="s">
        <v>1</v>
      </c>
      <c r="C36041" s="14" t="s">
        <v>23</v>
      </c>
      <c r="D36041" s="14" t="s">
        <v>220</v>
      </c>
      <c r="E36041" s="15">
        <v>45647</v>
      </c>
      <c r="F36041" s="14" t="s">
        <v>15</v>
      </c>
      <c r="G36041" s="16">
        <v>4.1761660672912226</v>
      </c>
    </row>
    <row r="36042" spans="1:7" x14ac:dyDescent="0.3">
      <c r="A36042" s="13" t="s">
        <v>219</v>
      </c>
      <c r="B36042" s="14" t="s">
        <v>1</v>
      </c>
      <c r="C36042" s="14" t="s">
        <v>23</v>
      </c>
      <c r="D36042" s="14" t="s">
        <v>220</v>
      </c>
      <c r="E36042" s="15">
        <v>45648</v>
      </c>
      <c r="F36042" s="14" t="s">
        <v>15</v>
      </c>
      <c r="G36042" s="16">
        <v>4.1761660672912226</v>
      </c>
    </row>
    <row r="36043" spans="1:7" x14ac:dyDescent="0.3">
      <c r="A36043" s="13" t="s">
        <v>219</v>
      </c>
      <c r="B36043" s="14" t="s">
        <v>1</v>
      </c>
      <c r="C36043" s="14" t="s">
        <v>23</v>
      </c>
      <c r="D36043" s="14" t="s">
        <v>220</v>
      </c>
      <c r="E36043" s="15">
        <v>45649</v>
      </c>
      <c r="F36043" s="14" t="s">
        <v>15</v>
      </c>
      <c r="G36043" s="16">
        <v>4.1532461015697049</v>
      </c>
    </row>
    <row r="36044" spans="1:7" x14ac:dyDescent="0.3">
      <c r="A36044" s="13" t="s">
        <v>219</v>
      </c>
      <c r="B36044" s="14" t="s">
        <v>1</v>
      </c>
      <c r="C36044" s="14" t="s">
        <v>23</v>
      </c>
      <c r="D36044" s="14" t="s">
        <v>220</v>
      </c>
      <c r="E36044" s="15">
        <v>45650</v>
      </c>
      <c r="F36044" s="14" t="s">
        <v>15</v>
      </c>
      <c r="G36044" s="16">
        <v>4.1943261358481863</v>
      </c>
    </row>
    <row r="36045" spans="1:7" x14ac:dyDescent="0.3">
      <c r="A36045" s="13" t="s">
        <v>219</v>
      </c>
      <c r="B36045" s="14" t="s">
        <v>1</v>
      </c>
      <c r="C36045" s="14" t="s">
        <v>23</v>
      </c>
      <c r="D36045" s="14" t="s">
        <v>220</v>
      </c>
      <c r="E36045" s="15">
        <v>45651</v>
      </c>
      <c r="F36045" s="14" t="s">
        <v>15</v>
      </c>
      <c r="G36045" s="16">
        <v>4.1943261358481863</v>
      </c>
    </row>
    <row r="36046" spans="1:7" x14ac:dyDescent="0.3">
      <c r="A36046" s="13" t="s">
        <v>219</v>
      </c>
      <c r="B36046" s="14" t="s">
        <v>1</v>
      </c>
      <c r="C36046" s="14" t="s">
        <v>23</v>
      </c>
      <c r="D36046" s="14" t="s">
        <v>220</v>
      </c>
      <c r="E36046" s="15">
        <v>45652</v>
      </c>
      <c r="F36046" s="14" t="s">
        <v>15</v>
      </c>
      <c r="G36046" s="16">
        <v>4.1943261358481863</v>
      </c>
    </row>
    <row r="36047" spans="1:7" x14ac:dyDescent="0.3">
      <c r="A36047" s="13" t="s">
        <v>219</v>
      </c>
      <c r="B36047" s="14" t="s">
        <v>1</v>
      </c>
      <c r="C36047" s="14" t="s">
        <v>23</v>
      </c>
      <c r="D36047" s="14" t="s">
        <v>220</v>
      </c>
      <c r="E36047" s="15">
        <v>45653</v>
      </c>
      <c r="F36047" s="14" t="s">
        <v>15</v>
      </c>
      <c r="G36047" s="16">
        <v>4.1943261358481863</v>
      </c>
    </row>
    <row r="36048" spans="1:7" x14ac:dyDescent="0.3">
      <c r="A36048" s="13" t="s">
        <v>219</v>
      </c>
      <c r="B36048" s="14" t="s">
        <v>1</v>
      </c>
      <c r="C36048" s="14" t="s">
        <v>23</v>
      </c>
      <c r="D36048" s="14" t="s">
        <v>220</v>
      </c>
      <c r="E36048" s="15">
        <v>45654</v>
      </c>
      <c r="F36048" s="14" t="s">
        <v>15</v>
      </c>
      <c r="G36048" s="16">
        <v>4.1943261358481863</v>
      </c>
    </row>
    <row r="36049" spans="1:7" x14ac:dyDescent="0.3">
      <c r="A36049" s="13" t="s">
        <v>219</v>
      </c>
      <c r="B36049" s="14" t="s">
        <v>1</v>
      </c>
      <c r="C36049" s="14" t="s">
        <v>23</v>
      </c>
      <c r="D36049" s="14" t="s">
        <v>220</v>
      </c>
      <c r="E36049" s="15">
        <v>45655</v>
      </c>
      <c r="F36049" s="14" t="s">
        <v>15</v>
      </c>
      <c r="G36049" s="16">
        <v>4.1943261358481863</v>
      </c>
    </row>
    <row r="36050" spans="1:7" x14ac:dyDescent="0.3">
      <c r="A36050" s="13" t="s">
        <v>219</v>
      </c>
      <c r="B36050" s="14" t="s">
        <v>1</v>
      </c>
      <c r="C36050" s="14" t="s">
        <v>23</v>
      </c>
      <c r="D36050" s="14" t="s">
        <v>220</v>
      </c>
      <c r="E36050" s="15">
        <v>45656</v>
      </c>
      <c r="F36050" s="14" t="s">
        <v>15</v>
      </c>
      <c r="G36050" s="16">
        <v>4.2104061701266682</v>
      </c>
    </row>
    <row r="36051" spans="1:7" x14ac:dyDescent="0.3">
      <c r="A36051" s="13" t="s">
        <v>219</v>
      </c>
      <c r="B36051" s="14" t="s">
        <v>1</v>
      </c>
      <c r="C36051" s="14" t="s">
        <v>23</v>
      </c>
      <c r="D36051" s="14" t="s">
        <v>220</v>
      </c>
      <c r="E36051" s="15">
        <v>45657</v>
      </c>
      <c r="F36051" s="14" t="s">
        <v>15</v>
      </c>
      <c r="G36051" s="16">
        <v>4.3064862044051493</v>
      </c>
    </row>
    <row r="36052" spans="1:7" x14ac:dyDescent="0.3">
      <c r="A36052" s="13" t="s">
        <v>219</v>
      </c>
      <c r="B36052" s="14" t="s">
        <v>1</v>
      </c>
      <c r="C36052" s="14" t="s">
        <v>23</v>
      </c>
      <c r="D36052" s="14" t="s">
        <v>220</v>
      </c>
      <c r="E36052" s="15">
        <v>45658</v>
      </c>
      <c r="F36052" s="14" t="s">
        <v>15</v>
      </c>
      <c r="G36052" s="16">
        <v>4.3064862044051493</v>
      </c>
    </row>
    <row r="36053" spans="1:7" x14ac:dyDescent="0.3">
      <c r="A36053" s="13" t="s">
        <v>219</v>
      </c>
      <c r="B36053" s="14" t="s">
        <v>1</v>
      </c>
      <c r="C36053" s="14" t="s">
        <v>23</v>
      </c>
      <c r="D36053" s="14" t="s">
        <v>220</v>
      </c>
      <c r="E36053" s="15">
        <v>45659</v>
      </c>
      <c r="F36053" s="14" t="s">
        <v>15</v>
      </c>
      <c r="G36053" s="16">
        <v>4.3205662386836305</v>
      </c>
    </row>
    <row r="36054" spans="1:7" x14ac:dyDescent="0.3">
      <c r="A36054" s="13" t="s">
        <v>219</v>
      </c>
      <c r="B36054" s="14" t="s">
        <v>1</v>
      </c>
      <c r="C36054" s="14" t="s">
        <v>23</v>
      </c>
      <c r="D36054" s="14" t="s">
        <v>220</v>
      </c>
      <c r="E36054" s="15">
        <v>45660</v>
      </c>
      <c r="F36054" s="14" t="s">
        <v>15</v>
      </c>
      <c r="G36054" s="16">
        <v>4.3416462729621124</v>
      </c>
    </row>
    <row r="36055" spans="1:7" x14ac:dyDescent="0.3">
      <c r="A36055" s="13" t="s">
        <v>219</v>
      </c>
      <c r="B36055" s="14" t="s">
        <v>1</v>
      </c>
      <c r="C36055" s="14" t="s">
        <v>23</v>
      </c>
      <c r="D36055" s="14" t="s">
        <v>220</v>
      </c>
      <c r="E36055" s="15">
        <v>45661</v>
      </c>
      <c r="F36055" s="14" t="s">
        <v>15</v>
      </c>
      <c r="G36055" s="16">
        <v>4.3416462729621124</v>
      </c>
    </row>
    <row r="36056" spans="1:7" x14ac:dyDescent="0.3">
      <c r="A36056" s="13" t="s">
        <v>219</v>
      </c>
      <c r="B36056" s="14" t="s">
        <v>1</v>
      </c>
      <c r="C36056" s="14" t="s">
        <v>23</v>
      </c>
      <c r="D36056" s="14" t="s">
        <v>220</v>
      </c>
      <c r="E36056" s="15">
        <v>45662</v>
      </c>
      <c r="F36056" s="14" t="s">
        <v>15</v>
      </c>
      <c r="G36056" s="16">
        <v>4.3416462729621124</v>
      </c>
    </row>
    <row r="36057" spans="1:7" x14ac:dyDescent="0.3">
      <c r="A36057" s="13" t="s">
        <v>219</v>
      </c>
      <c r="B36057" s="14" t="s">
        <v>1</v>
      </c>
      <c r="C36057" s="14" t="s">
        <v>23</v>
      </c>
      <c r="D36057" s="14" t="s">
        <v>220</v>
      </c>
      <c r="E36057" s="15">
        <v>45663</v>
      </c>
      <c r="F36057" s="14" t="s">
        <v>15</v>
      </c>
      <c r="G36057" s="16">
        <v>4.3577263072405943</v>
      </c>
    </row>
    <row r="36058" spans="1:7" x14ac:dyDescent="0.3">
      <c r="A36058" s="13" t="s">
        <v>219</v>
      </c>
      <c r="B36058" s="14" t="s">
        <v>1</v>
      </c>
      <c r="C36058" s="14" t="s">
        <v>23</v>
      </c>
      <c r="D36058" s="14" t="s">
        <v>220</v>
      </c>
      <c r="E36058" s="15">
        <v>45664</v>
      </c>
      <c r="F36058" s="14" t="s">
        <v>15</v>
      </c>
      <c r="G36058" s="16">
        <v>4.4058063415190762</v>
      </c>
    </row>
    <row r="36059" spans="1:7" x14ac:dyDescent="0.3">
      <c r="A36059" s="13" t="s">
        <v>219</v>
      </c>
      <c r="B36059" s="14" t="s">
        <v>1</v>
      </c>
      <c r="C36059" s="14" t="s">
        <v>23</v>
      </c>
      <c r="D36059" s="14" t="s">
        <v>220</v>
      </c>
      <c r="E36059" s="15">
        <v>45665</v>
      </c>
      <c r="F36059" s="14" t="s">
        <v>15</v>
      </c>
      <c r="G36059" s="16">
        <v>4.4228863757975576</v>
      </c>
    </row>
    <row r="36060" spans="1:7" x14ac:dyDescent="0.3">
      <c r="A36060" s="13" t="s">
        <v>219</v>
      </c>
      <c r="B36060" s="14" t="s">
        <v>1</v>
      </c>
      <c r="C36060" s="14" t="s">
        <v>23</v>
      </c>
      <c r="D36060" s="14" t="s">
        <v>220</v>
      </c>
      <c r="E36060" s="15">
        <v>45666</v>
      </c>
      <c r="F36060" s="14" t="s">
        <v>15</v>
      </c>
      <c r="G36060" s="16">
        <v>4.4228863757975576</v>
      </c>
    </row>
    <row r="36061" spans="1:7" x14ac:dyDescent="0.3">
      <c r="A36061" s="13" t="s">
        <v>219</v>
      </c>
      <c r="B36061" s="14" t="s">
        <v>1</v>
      </c>
      <c r="C36061" s="14" t="s">
        <v>23</v>
      </c>
      <c r="D36061" s="14" t="s">
        <v>220</v>
      </c>
      <c r="E36061" s="15">
        <v>45667</v>
      </c>
      <c r="F36061" s="14" t="s">
        <v>15</v>
      </c>
      <c r="G36061" s="16">
        <v>4.4439664100760385</v>
      </c>
    </row>
    <row r="36062" spans="1:7" x14ac:dyDescent="0.3">
      <c r="A36062" s="13" t="s">
        <v>219</v>
      </c>
      <c r="B36062" s="14" t="s">
        <v>1</v>
      </c>
      <c r="C36062" s="14" t="s">
        <v>23</v>
      </c>
      <c r="D36062" s="14" t="s">
        <v>220</v>
      </c>
      <c r="E36062" s="15">
        <v>45668</v>
      </c>
      <c r="F36062" s="14" t="s">
        <v>15</v>
      </c>
      <c r="G36062" s="16">
        <v>4.4439664100760385</v>
      </c>
    </row>
    <row r="36063" spans="1:7" x14ac:dyDescent="0.3">
      <c r="A36063" s="13" t="s">
        <v>219</v>
      </c>
      <c r="B36063" s="14" t="s">
        <v>1</v>
      </c>
      <c r="C36063" s="14" t="s">
        <v>23</v>
      </c>
      <c r="D36063" s="14" t="s">
        <v>220</v>
      </c>
      <c r="E36063" s="15">
        <v>45669</v>
      </c>
      <c r="F36063" s="14" t="s">
        <v>15</v>
      </c>
      <c r="G36063" s="16">
        <v>4.4439664100760385</v>
      </c>
    </row>
    <row r="36064" spans="1:7" x14ac:dyDescent="0.3">
      <c r="A36064" s="13" t="s">
        <v>219</v>
      </c>
      <c r="B36064" s="14" t="s">
        <v>1</v>
      </c>
      <c r="C36064" s="14" t="s">
        <v>23</v>
      </c>
      <c r="D36064" s="14" t="s">
        <v>220</v>
      </c>
      <c r="E36064" s="15">
        <v>45670</v>
      </c>
      <c r="F36064" s="14" t="s">
        <v>15</v>
      </c>
      <c r="G36064" s="16">
        <v>4.4790464443545206</v>
      </c>
    </row>
    <row r="36065" spans="1:7" x14ac:dyDescent="0.3">
      <c r="A36065" s="13" t="s">
        <v>219</v>
      </c>
      <c r="B36065" s="14" t="s">
        <v>1</v>
      </c>
      <c r="C36065" s="14" t="s">
        <v>23</v>
      </c>
      <c r="D36065" s="14" t="s">
        <v>220</v>
      </c>
      <c r="E36065" s="15">
        <v>45671</v>
      </c>
      <c r="F36065" s="14" t="s">
        <v>15</v>
      </c>
      <c r="G36065" s="16">
        <v>4.5211264786330023</v>
      </c>
    </row>
    <row r="36066" spans="1:7" x14ac:dyDescent="0.3">
      <c r="A36066" s="13" t="s">
        <v>219</v>
      </c>
      <c r="B36066" s="14" t="s">
        <v>1</v>
      </c>
      <c r="C36066" s="14" t="s">
        <v>23</v>
      </c>
      <c r="D36066" s="14" t="s">
        <v>220</v>
      </c>
      <c r="E36066" s="15">
        <v>45672</v>
      </c>
      <c r="F36066" s="14" t="s">
        <v>15</v>
      </c>
      <c r="G36066" s="16">
        <v>4.5372065129114834</v>
      </c>
    </row>
    <row r="36067" spans="1:7" x14ac:dyDescent="0.3">
      <c r="A36067" s="13" t="s">
        <v>219</v>
      </c>
      <c r="B36067" s="14" t="s">
        <v>1</v>
      </c>
      <c r="C36067" s="14" t="s">
        <v>23</v>
      </c>
      <c r="D36067" s="14" t="s">
        <v>220</v>
      </c>
      <c r="E36067" s="15">
        <v>45673</v>
      </c>
      <c r="F36067" s="14" t="s">
        <v>15</v>
      </c>
      <c r="G36067" s="16">
        <v>4.5532865471899653</v>
      </c>
    </row>
    <row r="36068" spans="1:7" x14ac:dyDescent="0.3">
      <c r="A36068" s="13" t="s">
        <v>219</v>
      </c>
      <c r="B36068" s="14" t="s">
        <v>1</v>
      </c>
      <c r="C36068" s="14" t="s">
        <v>23</v>
      </c>
      <c r="D36068" s="14" t="s">
        <v>220</v>
      </c>
      <c r="E36068" s="15">
        <v>45674</v>
      </c>
      <c r="F36068" s="14" t="s">
        <v>15</v>
      </c>
      <c r="G36068" s="16">
        <v>4.5613665814684463</v>
      </c>
    </row>
    <row r="36069" spans="1:7" x14ac:dyDescent="0.3">
      <c r="A36069" s="13" t="s">
        <v>219</v>
      </c>
      <c r="B36069" s="14" t="s">
        <v>1</v>
      </c>
      <c r="C36069" s="14" t="s">
        <v>23</v>
      </c>
      <c r="D36069" s="14" t="s">
        <v>220</v>
      </c>
      <c r="E36069" s="15">
        <v>45675</v>
      </c>
      <c r="F36069" s="14" t="s">
        <v>15</v>
      </c>
      <c r="G36069" s="16">
        <v>4.5613665814684463</v>
      </c>
    </row>
    <row r="36070" spans="1:7" x14ac:dyDescent="0.3">
      <c r="A36070" s="13" t="s">
        <v>219</v>
      </c>
      <c r="B36070" s="14" t="s">
        <v>1</v>
      </c>
      <c r="C36070" s="14" t="s">
        <v>23</v>
      </c>
      <c r="D36070" s="14" t="s">
        <v>220</v>
      </c>
      <c r="E36070" s="15">
        <v>45676</v>
      </c>
      <c r="F36070" s="14" t="s">
        <v>15</v>
      </c>
      <c r="G36070" s="16">
        <v>4.5613665814684463</v>
      </c>
    </row>
    <row r="36071" spans="1:7" x14ac:dyDescent="0.3">
      <c r="A36071" s="13" t="s">
        <v>219</v>
      </c>
      <c r="B36071" s="14" t="s">
        <v>1</v>
      </c>
      <c r="C36071" s="14" t="s">
        <v>23</v>
      </c>
      <c r="D36071" s="14" t="s">
        <v>220</v>
      </c>
      <c r="E36071" s="15">
        <v>45677</v>
      </c>
      <c r="F36071" s="14" t="s">
        <v>15</v>
      </c>
      <c r="G36071" s="16">
        <v>4.5613665814684463</v>
      </c>
    </row>
    <row r="36072" spans="1:7" x14ac:dyDescent="0.3">
      <c r="A36072" s="13" t="s">
        <v>219</v>
      </c>
      <c r="B36072" s="14" t="s">
        <v>1</v>
      </c>
      <c r="C36072" s="14" t="s">
        <v>23</v>
      </c>
      <c r="D36072" s="14" t="s">
        <v>220</v>
      </c>
      <c r="E36072" s="15">
        <v>45678</v>
      </c>
      <c r="F36072" s="14" t="s">
        <v>15</v>
      </c>
      <c r="G36072" s="16">
        <v>4.5784466157469286</v>
      </c>
    </row>
    <row r="36073" spans="1:7" x14ac:dyDescent="0.3">
      <c r="A36073" s="13" t="s">
        <v>219</v>
      </c>
      <c r="B36073" s="14" t="s">
        <v>1</v>
      </c>
      <c r="C36073" s="14" t="s">
        <v>23</v>
      </c>
      <c r="D36073" s="14" t="s">
        <v>220</v>
      </c>
      <c r="E36073" s="15">
        <v>45679</v>
      </c>
      <c r="F36073" s="14" t="s">
        <v>15</v>
      </c>
      <c r="G36073" s="16">
        <v>4.6365266500254094</v>
      </c>
    </row>
    <row r="36074" spans="1:7" x14ac:dyDescent="0.3">
      <c r="A36074" s="13" t="s">
        <v>219</v>
      </c>
      <c r="B36074" s="14" t="s">
        <v>1</v>
      </c>
      <c r="C36074" s="14" t="s">
        <v>23</v>
      </c>
      <c r="D36074" s="14" t="s">
        <v>220</v>
      </c>
      <c r="E36074" s="15">
        <v>45680</v>
      </c>
      <c r="F36074" s="14" t="s">
        <v>15</v>
      </c>
      <c r="G36074" s="16">
        <v>4.651606684303891</v>
      </c>
    </row>
    <row r="36075" spans="1:7" x14ac:dyDescent="0.3">
      <c r="A36075" s="13" t="s">
        <v>219</v>
      </c>
      <c r="B36075" s="14" t="s">
        <v>1</v>
      </c>
      <c r="C36075" s="14" t="s">
        <v>23</v>
      </c>
      <c r="D36075" s="14" t="s">
        <v>220</v>
      </c>
      <c r="E36075" s="15">
        <v>45681</v>
      </c>
      <c r="F36075" s="14" t="s">
        <v>15</v>
      </c>
      <c r="G36075" s="16">
        <v>4.6666867185823717</v>
      </c>
    </row>
    <row r="36076" spans="1:7" x14ac:dyDescent="0.3">
      <c r="A36076" s="13" t="s">
        <v>219</v>
      </c>
      <c r="B36076" s="14" t="s">
        <v>1</v>
      </c>
      <c r="C36076" s="14" t="s">
        <v>23</v>
      </c>
      <c r="D36076" s="14" t="s">
        <v>220</v>
      </c>
      <c r="E36076" s="15">
        <v>45682</v>
      </c>
      <c r="F36076" s="14" t="s">
        <v>15</v>
      </c>
      <c r="G36076" s="16">
        <v>4.6666867185823717</v>
      </c>
    </row>
    <row r="36077" spans="1:7" x14ac:dyDescent="0.3">
      <c r="A36077" s="13" t="s">
        <v>219</v>
      </c>
      <c r="B36077" s="14" t="s">
        <v>1</v>
      </c>
      <c r="C36077" s="14" t="s">
        <v>23</v>
      </c>
      <c r="D36077" s="14" t="s">
        <v>220</v>
      </c>
      <c r="E36077" s="15">
        <v>45683</v>
      </c>
      <c r="F36077" s="14" t="s">
        <v>15</v>
      </c>
      <c r="G36077" s="16">
        <v>4.6666867185823717</v>
      </c>
    </row>
    <row r="36078" spans="1:7" x14ac:dyDescent="0.3">
      <c r="A36078" s="13" t="s">
        <v>219</v>
      </c>
      <c r="B36078" s="14" t="s">
        <v>1</v>
      </c>
      <c r="C36078" s="14" t="s">
        <v>23</v>
      </c>
      <c r="D36078" s="14" t="s">
        <v>220</v>
      </c>
      <c r="E36078" s="15">
        <v>45684</v>
      </c>
      <c r="F36078" s="14" t="s">
        <v>15</v>
      </c>
      <c r="G36078" s="16">
        <v>4.6827667528608536</v>
      </c>
    </row>
    <row r="36079" spans="1:7" x14ac:dyDescent="0.3">
      <c r="A36079" s="13" t="s">
        <v>219</v>
      </c>
      <c r="B36079" s="14" t="s">
        <v>1</v>
      </c>
      <c r="C36079" s="14" t="s">
        <v>23</v>
      </c>
      <c r="D36079" s="14" t="s">
        <v>220</v>
      </c>
      <c r="E36079" s="15">
        <v>45685</v>
      </c>
      <c r="F36079" s="14" t="s">
        <v>15</v>
      </c>
      <c r="G36079" s="16">
        <v>4.7268467871393351</v>
      </c>
    </row>
    <row r="36080" spans="1:7" x14ac:dyDescent="0.3">
      <c r="A36080" s="13" t="s">
        <v>219</v>
      </c>
      <c r="B36080" s="14" t="s">
        <v>1</v>
      </c>
      <c r="C36080" s="14" t="s">
        <v>23</v>
      </c>
      <c r="D36080" s="14" t="s">
        <v>220</v>
      </c>
      <c r="E36080" s="15">
        <v>45686</v>
      </c>
      <c r="F36080" s="14" t="s">
        <v>15</v>
      </c>
      <c r="G36080" s="16">
        <v>4.7419268214178159</v>
      </c>
    </row>
    <row r="36081" spans="1:7" x14ac:dyDescent="0.3">
      <c r="A36081" s="13" t="s">
        <v>219</v>
      </c>
      <c r="B36081" s="14" t="s">
        <v>1</v>
      </c>
      <c r="C36081" s="14" t="s">
        <v>23</v>
      </c>
      <c r="D36081" s="14" t="s">
        <v>220</v>
      </c>
      <c r="E36081" s="15">
        <v>45687</v>
      </c>
      <c r="F36081" s="14" t="s">
        <v>15</v>
      </c>
      <c r="G36081" s="16">
        <v>4.7580068556962978</v>
      </c>
    </row>
    <row r="36082" spans="1:7" x14ac:dyDescent="0.3">
      <c r="A36082" s="13" t="s">
        <v>219</v>
      </c>
      <c r="B36082" s="14" t="s">
        <v>1</v>
      </c>
      <c r="C36082" s="14" t="s">
        <v>23</v>
      </c>
      <c r="D36082" s="14" t="s">
        <v>220</v>
      </c>
      <c r="E36082" s="15">
        <v>45688</v>
      </c>
      <c r="F36082" s="14" t="s">
        <v>15</v>
      </c>
      <c r="G36082" s="16">
        <v>4.7730868899747794</v>
      </c>
    </row>
    <row r="36083" spans="1:7" x14ac:dyDescent="0.3">
      <c r="A36083" s="13" t="s">
        <v>219</v>
      </c>
      <c r="B36083" s="14" t="s">
        <v>1</v>
      </c>
      <c r="C36083" s="14" t="s">
        <v>23</v>
      </c>
      <c r="D36083" s="14" t="s">
        <v>220</v>
      </c>
      <c r="E36083" s="15">
        <v>45689</v>
      </c>
      <c r="F36083" s="14" t="s">
        <v>15</v>
      </c>
      <c r="G36083" s="16">
        <v>4.7730868899747794</v>
      </c>
    </row>
    <row r="36084" spans="1:7" x14ac:dyDescent="0.3">
      <c r="A36084" s="13" t="s">
        <v>219</v>
      </c>
      <c r="B36084" s="14" t="s">
        <v>1</v>
      </c>
      <c r="C36084" s="14" t="s">
        <v>23</v>
      </c>
      <c r="D36084" s="14" t="s">
        <v>220</v>
      </c>
      <c r="E36084" s="15">
        <v>45690</v>
      </c>
      <c r="F36084" s="14" t="s">
        <v>15</v>
      </c>
      <c r="G36084" s="16">
        <v>4.7730868899747794</v>
      </c>
    </row>
    <row r="36085" spans="1:7" x14ac:dyDescent="0.3">
      <c r="A36085" s="13" t="s">
        <v>219</v>
      </c>
      <c r="B36085" s="14" t="s">
        <v>1</v>
      </c>
      <c r="C36085" s="14" t="s">
        <v>23</v>
      </c>
      <c r="D36085" s="14" t="s">
        <v>220</v>
      </c>
      <c r="E36085" s="15">
        <v>45691</v>
      </c>
      <c r="F36085" s="14" t="s">
        <v>15</v>
      </c>
      <c r="G36085" s="16">
        <v>4.7730868899747794</v>
      </c>
    </row>
    <row r="36086" spans="1:7" x14ac:dyDescent="0.3">
      <c r="A36086" s="13" t="s">
        <v>219</v>
      </c>
      <c r="B36086" s="14" t="s">
        <v>1</v>
      </c>
      <c r="C36086" s="14" t="s">
        <v>23</v>
      </c>
      <c r="D36086" s="14" t="s">
        <v>220</v>
      </c>
      <c r="E36086" s="15">
        <v>45692</v>
      </c>
      <c r="F36086" s="14" t="s">
        <v>15</v>
      </c>
      <c r="G36086" s="16">
        <v>4.7871669242532606</v>
      </c>
    </row>
    <row r="36087" spans="1:7" x14ac:dyDescent="0.3">
      <c r="A36087" s="13" t="s">
        <v>219</v>
      </c>
      <c r="B36087" s="14" t="s">
        <v>1</v>
      </c>
      <c r="C36087" s="14" t="s">
        <v>23</v>
      </c>
      <c r="D36087" s="14" t="s">
        <v>220</v>
      </c>
      <c r="E36087" s="15">
        <v>45693</v>
      </c>
      <c r="F36087" s="14" t="s">
        <v>15</v>
      </c>
      <c r="G36087" s="16">
        <v>4.836246958531742</v>
      </c>
    </row>
    <row r="36088" spans="1:7" x14ac:dyDescent="0.3">
      <c r="A36088" s="13" t="s">
        <v>219</v>
      </c>
      <c r="B36088" s="14" t="s">
        <v>1</v>
      </c>
      <c r="C36088" s="14" t="s">
        <v>23</v>
      </c>
      <c r="D36088" s="14" t="s">
        <v>220</v>
      </c>
      <c r="E36088" s="15">
        <v>45694</v>
      </c>
      <c r="F36088" s="14" t="s">
        <v>15</v>
      </c>
      <c r="G36088" s="16">
        <v>4.8513269928102236</v>
      </c>
    </row>
    <row r="36089" spans="1:7" x14ac:dyDescent="0.3">
      <c r="A36089" s="13" t="s">
        <v>219</v>
      </c>
      <c r="B36089" s="14" t="s">
        <v>1</v>
      </c>
      <c r="C36089" s="14" t="s">
        <v>23</v>
      </c>
      <c r="D36089" s="14" t="s">
        <v>220</v>
      </c>
      <c r="E36089" s="15">
        <v>45695</v>
      </c>
      <c r="F36089" s="14" t="s">
        <v>15</v>
      </c>
      <c r="G36089" s="16">
        <v>4.8664070270887043</v>
      </c>
    </row>
    <row r="36090" spans="1:7" x14ac:dyDescent="0.3">
      <c r="A36090" s="13" t="s">
        <v>219</v>
      </c>
      <c r="B36090" s="14" t="s">
        <v>1</v>
      </c>
      <c r="C36090" s="14" t="s">
        <v>23</v>
      </c>
      <c r="D36090" s="14" t="s">
        <v>220</v>
      </c>
      <c r="E36090" s="15">
        <v>45696</v>
      </c>
      <c r="F36090" s="14" t="s">
        <v>15</v>
      </c>
      <c r="G36090" s="16">
        <v>4.8664070270887043</v>
      </c>
    </row>
    <row r="36091" spans="1:7" x14ac:dyDescent="0.3">
      <c r="A36091" s="13" t="s">
        <v>219</v>
      </c>
      <c r="B36091" s="14" t="s">
        <v>1</v>
      </c>
      <c r="C36091" s="14" t="s">
        <v>23</v>
      </c>
      <c r="D36091" s="14" t="s">
        <v>220</v>
      </c>
      <c r="E36091" s="15">
        <v>45697</v>
      </c>
      <c r="F36091" s="14" t="s">
        <v>15</v>
      </c>
      <c r="G36091" s="16">
        <v>4.8664070270887043</v>
      </c>
    </row>
    <row r="36092" spans="1:7" x14ac:dyDescent="0.3">
      <c r="A36092" s="13" t="s">
        <v>219</v>
      </c>
      <c r="B36092" s="14" t="s">
        <v>1</v>
      </c>
      <c r="C36092" s="14" t="s">
        <v>23</v>
      </c>
      <c r="D36092" s="14" t="s">
        <v>220</v>
      </c>
      <c r="E36092" s="15">
        <v>45698</v>
      </c>
      <c r="F36092" s="14" t="s">
        <v>15</v>
      </c>
      <c r="G36092" s="16">
        <v>4.8904870613671863</v>
      </c>
    </row>
    <row r="36093" spans="1:7" x14ac:dyDescent="0.3">
      <c r="A36093" s="13" t="s">
        <v>219</v>
      </c>
      <c r="B36093" s="14" t="s">
        <v>1</v>
      </c>
      <c r="C36093" s="14" t="s">
        <v>23</v>
      </c>
      <c r="D36093" s="14" t="s">
        <v>220</v>
      </c>
      <c r="E36093" s="15">
        <v>45699</v>
      </c>
      <c r="F36093" s="14" t="s">
        <v>15</v>
      </c>
      <c r="G36093" s="16">
        <v>4.9355670956456681</v>
      </c>
    </row>
    <row r="36094" spans="1:7" x14ac:dyDescent="0.3">
      <c r="A36094" s="13" t="s">
        <v>219</v>
      </c>
      <c r="B36094" s="14" t="s">
        <v>1</v>
      </c>
      <c r="C36094" s="14" t="s">
        <v>23</v>
      </c>
      <c r="D36094" s="14" t="s">
        <v>220</v>
      </c>
      <c r="E36094" s="15">
        <v>45700</v>
      </c>
      <c r="F36094" s="14" t="s">
        <v>15</v>
      </c>
      <c r="G36094" s="16">
        <v>4.9506471299241488</v>
      </c>
    </row>
    <row r="36095" spans="1:7" x14ac:dyDescent="0.3">
      <c r="A36095" s="13" t="s">
        <v>219</v>
      </c>
      <c r="B36095" s="14" t="s">
        <v>1</v>
      </c>
      <c r="C36095" s="14" t="s">
        <v>23</v>
      </c>
      <c r="D36095" s="14" t="s">
        <v>220</v>
      </c>
      <c r="E36095" s="15">
        <v>45701</v>
      </c>
      <c r="F36095" s="14" t="s">
        <v>15</v>
      </c>
      <c r="G36095" s="16">
        <v>4.9677271642026302</v>
      </c>
    </row>
    <row r="36096" spans="1:7" x14ac:dyDescent="0.3">
      <c r="A36096" s="13" t="s">
        <v>219</v>
      </c>
      <c r="B36096" s="14" t="s">
        <v>1</v>
      </c>
      <c r="C36096" s="14" t="s">
        <v>23</v>
      </c>
      <c r="D36096" s="14" t="s">
        <v>220</v>
      </c>
      <c r="E36096" s="15">
        <v>45702</v>
      </c>
      <c r="F36096" s="14" t="s">
        <v>15</v>
      </c>
      <c r="G36096" s="16">
        <v>4.9828071984811118</v>
      </c>
    </row>
    <row r="36097" spans="1:7" x14ac:dyDescent="0.3">
      <c r="A36097" s="13" t="s">
        <v>219</v>
      </c>
      <c r="B36097" s="14" t="s">
        <v>1</v>
      </c>
      <c r="C36097" s="14" t="s">
        <v>23</v>
      </c>
      <c r="D36097" s="14" t="s">
        <v>220</v>
      </c>
      <c r="E36097" s="15">
        <v>45703</v>
      </c>
      <c r="F36097" s="14" t="s">
        <v>15</v>
      </c>
      <c r="G36097" s="16">
        <v>4.9828071984811118</v>
      </c>
    </row>
    <row r="36098" spans="1:7" x14ac:dyDescent="0.3">
      <c r="A36098" s="13" t="s">
        <v>219</v>
      </c>
      <c r="B36098" s="14" t="s">
        <v>1</v>
      </c>
      <c r="C36098" s="14" t="s">
        <v>23</v>
      </c>
      <c r="D36098" s="14" t="s">
        <v>220</v>
      </c>
      <c r="E36098" s="15">
        <v>45704</v>
      </c>
      <c r="F36098" s="14" t="s">
        <v>15</v>
      </c>
      <c r="G36098" s="16">
        <v>4.9828071984811118</v>
      </c>
    </row>
    <row r="36099" spans="1:7" x14ac:dyDescent="0.3">
      <c r="A36099" s="13" t="s">
        <v>219</v>
      </c>
      <c r="B36099" s="14" t="s">
        <v>1</v>
      </c>
      <c r="C36099" s="14" t="s">
        <v>23</v>
      </c>
      <c r="D36099" s="14" t="s">
        <v>220</v>
      </c>
      <c r="E36099" s="15">
        <v>45705</v>
      </c>
      <c r="F36099" s="14" t="s">
        <v>15</v>
      </c>
      <c r="G36099" s="16">
        <v>4.9828071984811118</v>
      </c>
    </row>
    <row r="36100" spans="1:7" x14ac:dyDescent="0.3">
      <c r="A36100" s="13" t="s">
        <v>219</v>
      </c>
      <c r="B36100" s="14" t="s">
        <v>1</v>
      </c>
      <c r="C36100" s="14" t="s">
        <v>23</v>
      </c>
      <c r="D36100" s="14" t="s">
        <v>220</v>
      </c>
      <c r="E36100" s="15">
        <v>45706</v>
      </c>
      <c r="F36100" s="14" t="s">
        <v>15</v>
      </c>
      <c r="G36100" s="16">
        <v>4.9988872327595937</v>
      </c>
    </row>
    <row r="36101" spans="1:7" x14ac:dyDescent="0.3">
      <c r="A36101" s="13" t="s">
        <v>219</v>
      </c>
      <c r="B36101" s="14" t="s">
        <v>1</v>
      </c>
      <c r="C36101" s="14" t="s">
        <v>23</v>
      </c>
      <c r="D36101" s="14" t="s">
        <v>220</v>
      </c>
      <c r="E36101" s="15">
        <v>45707</v>
      </c>
      <c r="F36101" s="14" t="s">
        <v>15</v>
      </c>
      <c r="G36101" s="16">
        <v>5.0569672670380745</v>
      </c>
    </row>
    <row r="36102" spans="1:7" x14ac:dyDescent="0.3">
      <c r="A36102" s="13" t="s">
        <v>219</v>
      </c>
      <c r="B36102" s="14" t="s">
        <v>1</v>
      </c>
      <c r="C36102" s="14" t="s">
        <v>23</v>
      </c>
      <c r="D36102" s="14" t="s">
        <v>220</v>
      </c>
      <c r="E36102" s="15">
        <v>45708</v>
      </c>
      <c r="F36102" s="14" t="s">
        <v>15</v>
      </c>
      <c r="G36102" s="16">
        <v>5.0730473013165565</v>
      </c>
    </row>
    <row r="36103" spans="1:7" x14ac:dyDescent="0.3">
      <c r="A36103" s="13" t="s">
        <v>219</v>
      </c>
      <c r="B36103" s="14" t="s">
        <v>1</v>
      </c>
      <c r="C36103" s="14" t="s">
        <v>23</v>
      </c>
      <c r="D36103" s="14" t="s">
        <v>220</v>
      </c>
      <c r="E36103" s="15">
        <v>45709</v>
      </c>
      <c r="F36103" s="14" t="s">
        <v>15</v>
      </c>
      <c r="G36103" s="16">
        <v>5.0831273355950382</v>
      </c>
    </row>
    <row r="36104" spans="1:7" x14ac:dyDescent="0.3">
      <c r="A36104" s="13" t="s">
        <v>219</v>
      </c>
      <c r="B36104" s="14" t="s">
        <v>1</v>
      </c>
      <c r="C36104" s="14" t="s">
        <v>23</v>
      </c>
      <c r="D36104" s="14" t="s">
        <v>220</v>
      </c>
      <c r="E36104" s="15">
        <v>45710</v>
      </c>
      <c r="F36104" s="14" t="s">
        <v>15</v>
      </c>
      <c r="G36104" s="16">
        <v>5.0831273355950382</v>
      </c>
    </row>
    <row r="36105" spans="1:7" x14ac:dyDescent="0.3">
      <c r="A36105" s="13" t="s">
        <v>219</v>
      </c>
      <c r="B36105" s="14" t="s">
        <v>1</v>
      </c>
      <c r="C36105" s="14" t="s">
        <v>23</v>
      </c>
      <c r="D36105" s="14" t="s">
        <v>220</v>
      </c>
      <c r="E36105" s="15">
        <v>45711</v>
      </c>
      <c r="F36105" s="14" t="s">
        <v>15</v>
      </c>
      <c r="G36105" s="16">
        <v>5.0831273355950382</v>
      </c>
    </row>
    <row r="36106" spans="1:7" x14ac:dyDescent="0.3">
      <c r="A36106" s="13" t="s">
        <v>219</v>
      </c>
      <c r="B36106" s="14" t="s">
        <v>1</v>
      </c>
      <c r="C36106" s="14" t="s">
        <v>23</v>
      </c>
      <c r="D36106" s="14" t="s">
        <v>220</v>
      </c>
      <c r="E36106" s="15">
        <v>45712</v>
      </c>
      <c r="F36106" s="14" t="s">
        <v>15</v>
      </c>
      <c r="G36106" s="16">
        <v>5.09620736987352</v>
      </c>
    </row>
    <row r="36107" spans="1:7" x14ac:dyDescent="0.3">
      <c r="A36107" s="13" t="s">
        <v>219</v>
      </c>
      <c r="B36107" s="14" t="s">
        <v>1</v>
      </c>
      <c r="C36107" s="14" t="s">
        <v>23</v>
      </c>
      <c r="D36107" s="14" t="s">
        <v>220</v>
      </c>
      <c r="E36107" s="15">
        <v>45713</v>
      </c>
      <c r="F36107" s="14" t="s">
        <v>15</v>
      </c>
      <c r="G36107" s="16">
        <v>5.1412874041520009</v>
      </c>
    </row>
    <row r="36108" spans="1:7" x14ac:dyDescent="0.3">
      <c r="A36108" s="13" t="s">
        <v>219</v>
      </c>
      <c r="B36108" s="14" t="s">
        <v>1</v>
      </c>
      <c r="C36108" s="14" t="s">
        <v>23</v>
      </c>
      <c r="D36108" s="14" t="s">
        <v>220</v>
      </c>
      <c r="E36108" s="15">
        <v>45714</v>
      </c>
      <c r="F36108" s="14" t="s">
        <v>15</v>
      </c>
      <c r="G36108" s="16">
        <v>5.1543674384304827</v>
      </c>
    </row>
    <row r="36109" spans="1:7" x14ac:dyDescent="0.3">
      <c r="A36109" s="13" t="s">
        <v>219</v>
      </c>
      <c r="B36109" s="14" t="s">
        <v>1</v>
      </c>
      <c r="C36109" s="14" t="s">
        <v>23</v>
      </c>
      <c r="D36109" s="14" t="s">
        <v>220</v>
      </c>
      <c r="E36109" s="15">
        <v>45715</v>
      </c>
      <c r="F36109" s="14" t="s">
        <v>15</v>
      </c>
      <c r="G36109" s="16">
        <v>5.1704474727089647</v>
      </c>
    </row>
    <row r="36110" spans="1:7" x14ac:dyDescent="0.3">
      <c r="A36110" s="13" t="s">
        <v>219</v>
      </c>
      <c r="B36110" s="14" t="s">
        <v>1</v>
      </c>
      <c r="C36110" s="14" t="s">
        <v>23</v>
      </c>
      <c r="D36110" s="14" t="s">
        <v>220</v>
      </c>
      <c r="E36110" s="15">
        <v>45716</v>
      </c>
      <c r="F36110" s="14" t="s">
        <v>15</v>
      </c>
      <c r="G36110" s="16">
        <v>5.1865275069874466</v>
      </c>
    </row>
    <row r="36111" spans="1:7" x14ac:dyDescent="0.3">
      <c r="A36111" s="13" t="s">
        <v>219</v>
      </c>
      <c r="B36111" s="14" t="s">
        <v>1</v>
      </c>
      <c r="C36111" s="14" t="s">
        <v>23</v>
      </c>
      <c r="D36111" s="14" t="s">
        <v>220</v>
      </c>
      <c r="E36111" s="15">
        <v>45717</v>
      </c>
      <c r="F36111" s="14" t="s">
        <v>15</v>
      </c>
      <c r="G36111" s="16">
        <v>0</v>
      </c>
    </row>
    <row r="36112" spans="1:7" x14ac:dyDescent="0.3">
      <c r="A36112" s="13" t="s">
        <v>219</v>
      </c>
      <c r="B36112" s="14" t="s">
        <v>1</v>
      </c>
      <c r="C36112" s="14" t="s">
        <v>23</v>
      </c>
      <c r="D36112" s="14" t="s">
        <v>220</v>
      </c>
      <c r="E36112" s="15">
        <v>45718</v>
      </c>
      <c r="F36112" s="14" t="s">
        <v>15</v>
      </c>
      <c r="G36112" s="16">
        <v>0</v>
      </c>
    </row>
    <row r="36113" spans="1:7" x14ac:dyDescent="0.3">
      <c r="A36113" s="13" t="s">
        <v>219</v>
      </c>
      <c r="B36113" s="14" t="s">
        <v>1</v>
      </c>
      <c r="C36113" s="14" t="s">
        <v>23</v>
      </c>
      <c r="D36113" s="14" t="s">
        <v>220</v>
      </c>
      <c r="E36113" s="15">
        <v>45719</v>
      </c>
      <c r="F36113" s="14" t="s">
        <v>15</v>
      </c>
      <c r="G36113" s="16">
        <v>0</v>
      </c>
    </row>
    <row r="36114" spans="1:7" x14ac:dyDescent="0.3">
      <c r="A36114" s="13" t="s">
        <v>219</v>
      </c>
      <c r="B36114" s="14" t="s">
        <v>1</v>
      </c>
      <c r="C36114" s="14" t="s">
        <v>23</v>
      </c>
      <c r="D36114" s="14" t="s">
        <v>220</v>
      </c>
      <c r="E36114" s="15">
        <v>45720</v>
      </c>
      <c r="F36114" s="14" t="s">
        <v>15</v>
      </c>
      <c r="G36114" s="16">
        <v>0</v>
      </c>
    </row>
    <row r="36115" spans="1:7" x14ac:dyDescent="0.3">
      <c r="A36115" s="13" t="s">
        <v>219</v>
      </c>
      <c r="B36115" s="14" t="s">
        <v>1</v>
      </c>
      <c r="C36115" s="14" t="s">
        <v>23</v>
      </c>
      <c r="D36115" s="14" t="s">
        <v>220</v>
      </c>
      <c r="E36115" s="15">
        <v>45721</v>
      </c>
      <c r="F36115" s="14" t="s">
        <v>15</v>
      </c>
      <c r="G36115" s="16">
        <v>0</v>
      </c>
    </row>
    <row r="36116" spans="1:7" x14ac:dyDescent="0.3">
      <c r="A36116" s="13" t="s">
        <v>219</v>
      </c>
      <c r="B36116" s="14" t="s">
        <v>1</v>
      </c>
      <c r="C36116" s="14" t="s">
        <v>23</v>
      </c>
      <c r="D36116" s="14" t="s">
        <v>220</v>
      </c>
      <c r="E36116" s="15">
        <v>45722</v>
      </c>
      <c r="F36116" s="14" t="s">
        <v>15</v>
      </c>
      <c r="G36116" s="16">
        <v>0</v>
      </c>
    </row>
    <row r="36117" spans="1:7" x14ac:dyDescent="0.3">
      <c r="A36117" s="13" t="s">
        <v>219</v>
      </c>
      <c r="B36117" s="14" t="s">
        <v>1</v>
      </c>
      <c r="C36117" s="14" t="s">
        <v>23</v>
      </c>
      <c r="D36117" s="14" t="s">
        <v>220</v>
      </c>
      <c r="E36117" s="15">
        <v>45723</v>
      </c>
      <c r="F36117" s="14" t="s">
        <v>15</v>
      </c>
      <c r="G36117" s="16">
        <v>0</v>
      </c>
    </row>
    <row r="36118" spans="1:7" x14ac:dyDescent="0.3">
      <c r="A36118" s="13" t="s">
        <v>219</v>
      </c>
      <c r="B36118" s="14" t="s">
        <v>1</v>
      </c>
      <c r="C36118" s="14" t="s">
        <v>23</v>
      </c>
      <c r="D36118" s="14" t="s">
        <v>220</v>
      </c>
      <c r="E36118" s="15">
        <v>45724</v>
      </c>
      <c r="F36118" s="14" t="s">
        <v>15</v>
      </c>
      <c r="G36118" s="16">
        <v>0</v>
      </c>
    </row>
    <row r="36119" spans="1:7" x14ac:dyDescent="0.3">
      <c r="A36119" s="13" t="s">
        <v>219</v>
      </c>
      <c r="B36119" s="14" t="s">
        <v>1</v>
      </c>
      <c r="C36119" s="14" t="s">
        <v>23</v>
      </c>
      <c r="D36119" s="14" t="s">
        <v>220</v>
      </c>
      <c r="E36119" s="15">
        <v>45725</v>
      </c>
      <c r="F36119" s="14" t="s">
        <v>15</v>
      </c>
      <c r="G36119" s="16">
        <v>0</v>
      </c>
    </row>
    <row r="36120" spans="1:7" x14ac:dyDescent="0.3">
      <c r="A36120" s="13" t="s">
        <v>219</v>
      </c>
      <c r="B36120" s="14" t="s">
        <v>1</v>
      </c>
      <c r="C36120" s="14" t="s">
        <v>23</v>
      </c>
      <c r="D36120" s="14" t="s">
        <v>220</v>
      </c>
      <c r="E36120" s="15">
        <v>45726</v>
      </c>
      <c r="F36120" s="14" t="s">
        <v>15</v>
      </c>
      <c r="G36120" s="16">
        <v>0</v>
      </c>
    </row>
    <row r="36121" spans="1:7" x14ac:dyDescent="0.3">
      <c r="A36121" s="13" t="s">
        <v>219</v>
      </c>
      <c r="B36121" s="14" t="s">
        <v>1</v>
      </c>
      <c r="C36121" s="14" t="s">
        <v>23</v>
      </c>
      <c r="D36121" s="14" t="s">
        <v>220</v>
      </c>
      <c r="E36121" s="15">
        <v>45727</v>
      </c>
      <c r="F36121" s="14" t="s">
        <v>15</v>
      </c>
      <c r="G36121" s="16">
        <v>0</v>
      </c>
    </row>
    <row r="36122" spans="1:7" x14ac:dyDescent="0.3">
      <c r="A36122" s="13" t="s">
        <v>219</v>
      </c>
      <c r="B36122" s="14" t="s">
        <v>1</v>
      </c>
      <c r="C36122" s="14" t="s">
        <v>23</v>
      </c>
      <c r="D36122" s="14" t="s">
        <v>220</v>
      </c>
      <c r="E36122" s="15">
        <v>45728</v>
      </c>
      <c r="F36122" s="14" t="s">
        <v>15</v>
      </c>
      <c r="G36122" s="16">
        <v>0</v>
      </c>
    </row>
    <row r="36123" spans="1:7" x14ac:dyDescent="0.3">
      <c r="A36123" s="13" t="s">
        <v>219</v>
      </c>
      <c r="B36123" s="14" t="s">
        <v>1</v>
      </c>
      <c r="C36123" s="14" t="s">
        <v>23</v>
      </c>
      <c r="D36123" s="14" t="s">
        <v>220</v>
      </c>
      <c r="E36123" s="15">
        <v>45729</v>
      </c>
      <c r="F36123" s="14" t="s">
        <v>15</v>
      </c>
      <c r="G36123" s="16">
        <v>0</v>
      </c>
    </row>
    <row r="36124" spans="1:7" x14ac:dyDescent="0.3">
      <c r="A36124" s="13" t="s">
        <v>219</v>
      </c>
      <c r="B36124" s="14" t="s">
        <v>1</v>
      </c>
      <c r="C36124" s="14" t="s">
        <v>23</v>
      </c>
      <c r="D36124" s="14" t="s">
        <v>220</v>
      </c>
      <c r="E36124" s="15">
        <v>45730</v>
      </c>
      <c r="F36124" s="14" t="s">
        <v>15</v>
      </c>
      <c r="G36124" s="16">
        <v>0</v>
      </c>
    </row>
    <row r="36125" spans="1:7" x14ac:dyDescent="0.3">
      <c r="A36125" s="13" t="s">
        <v>219</v>
      </c>
      <c r="B36125" s="14" t="s">
        <v>1</v>
      </c>
      <c r="C36125" s="14" t="s">
        <v>23</v>
      </c>
      <c r="D36125" s="14" t="s">
        <v>220</v>
      </c>
      <c r="E36125" s="15">
        <v>45731</v>
      </c>
      <c r="F36125" s="14" t="s">
        <v>15</v>
      </c>
      <c r="G36125" s="16">
        <v>0</v>
      </c>
    </row>
    <row r="36126" spans="1:7" x14ac:dyDescent="0.3">
      <c r="A36126" s="13" t="s">
        <v>219</v>
      </c>
      <c r="B36126" s="14" t="s">
        <v>1</v>
      </c>
      <c r="C36126" s="14" t="s">
        <v>23</v>
      </c>
      <c r="D36126" s="14" t="s">
        <v>220</v>
      </c>
      <c r="E36126" s="15">
        <v>45732</v>
      </c>
      <c r="F36126" s="14" t="s">
        <v>15</v>
      </c>
      <c r="G36126" s="16">
        <v>0</v>
      </c>
    </row>
    <row r="36127" spans="1:7" x14ac:dyDescent="0.3">
      <c r="A36127" s="13" t="s">
        <v>219</v>
      </c>
      <c r="B36127" s="14" t="s">
        <v>1</v>
      </c>
      <c r="C36127" s="14" t="s">
        <v>23</v>
      </c>
      <c r="D36127" s="14" t="s">
        <v>220</v>
      </c>
      <c r="E36127" s="15">
        <v>45733</v>
      </c>
      <c r="F36127" s="14" t="s">
        <v>15</v>
      </c>
      <c r="G36127" s="16">
        <v>0</v>
      </c>
    </row>
    <row r="36128" spans="1:7" x14ac:dyDescent="0.3">
      <c r="A36128" s="13" t="s">
        <v>219</v>
      </c>
      <c r="B36128" s="14" t="s">
        <v>1</v>
      </c>
      <c r="C36128" s="14" t="s">
        <v>23</v>
      </c>
      <c r="D36128" s="14" t="s">
        <v>220</v>
      </c>
      <c r="E36128" s="15">
        <v>45734</v>
      </c>
      <c r="F36128" s="14" t="s">
        <v>15</v>
      </c>
      <c r="G36128" s="16">
        <v>0</v>
      </c>
    </row>
    <row r="36129" spans="1:7" x14ac:dyDescent="0.3">
      <c r="A36129" s="13" t="s">
        <v>219</v>
      </c>
      <c r="B36129" s="14" t="s">
        <v>1</v>
      </c>
      <c r="C36129" s="14" t="s">
        <v>23</v>
      </c>
      <c r="D36129" s="14" t="s">
        <v>220</v>
      </c>
      <c r="E36129" s="15">
        <v>45735</v>
      </c>
      <c r="F36129" s="14" t="s">
        <v>15</v>
      </c>
      <c r="G36129" s="16">
        <v>0</v>
      </c>
    </row>
    <row r="36130" spans="1:7" x14ac:dyDescent="0.3">
      <c r="A36130" s="13" t="s">
        <v>219</v>
      </c>
      <c r="B36130" s="14" t="s">
        <v>1</v>
      </c>
      <c r="C36130" s="14" t="s">
        <v>23</v>
      </c>
      <c r="D36130" s="14" t="s">
        <v>220</v>
      </c>
      <c r="E36130" s="15">
        <v>45736</v>
      </c>
      <c r="F36130" s="14" t="s">
        <v>15</v>
      </c>
      <c r="G36130" s="16">
        <v>0</v>
      </c>
    </row>
    <row r="36131" spans="1:7" x14ac:dyDescent="0.3">
      <c r="A36131" s="13" t="s">
        <v>219</v>
      </c>
      <c r="B36131" s="14" t="s">
        <v>1</v>
      </c>
      <c r="C36131" s="14" t="s">
        <v>23</v>
      </c>
      <c r="D36131" s="14" t="s">
        <v>220</v>
      </c>
      <c r="E36131" s="15">
        <v>45737</v>
      </c>
      <c r="F36131" s="14" t="s">
        <v>15</v>
      </c>
      <c r="G36131" s="16">
        <v>0</v>
      </c>
    </row>
    <row r="36132" spans="1:7" x14ac:dyDescent="0.3">
      <c r="A36132" s="13" t="s">
        <v>219</v>
      </c>
      <c r="B36132" s="14" t="s">
        <v>1</v>
      </c>
      <c r="C36132" s="14" t="s">
        <v>23</v>
      </c>
      <c r="D36132" s="14" t="s">
        <v>220</v>
      </c>
      <c r="E36132" s="15">
        <v>45738</v>
      </c>
      <c r="F36132" s="14" t="s">
        <v>15</v>
      </c>
      <c r="G36132" s="16">
        <v>0</v>
      </c>
    </row>
    <row r="36133" spans="1:7" x14ac:dyDescent="0.3">
      <c r="A36133" s="13" t="s">
        <v>219</v>
      </c>
      <c r="B36133" s="14" t="s">
        <v>1</v>
      </c>
      <c r="C36133" s="14" t="s">
        <v>23</v>
      </c>
      <c r="D36133" s="14" t="s">
        <v>220</v>
      </c>
      <c r="E36133" s="15">
        <v>45739</v>
      </c>
      <c r="F36133" s="14" t="s">
        <v>15</v>
      </c>
      <c r="G36133" s="16">
        <v>0</v>
      </c>
    </row>
    <row r="36134" spans="1:7" x14ac:dyDescent="0.3">
      <c r="A36134" s="13" t="s">
        <v>219</v>
      </c>
      <c r="B36134" s="14" t="s">
        <v>1</v>
      </c>
      <c r="C36134" s="14" t="s">
        <v>23</v>
      </c>
      <c r="D36134" s="14" t="s">
        <v>220</v>
      </c>
      <c r="E36134" s="15">
        <v>45740</v>
      </c>
      <c r="F36134" s="14" t="s">
        <v>15</v>
      </c>
      <c r="G36134" s="16">
        <v>0</v>
      </c>
    </row>
    <row r="36135" spans="1:7" x14ac:dyDescent="0.3">
      <c r="A36135" s="13" t="s">
        <v>219</v>
      </c>
      <c r="B36135" s="14" t="s">
        <v>1</v>
      </c>
      <c r="C36135" s="14" t="s">
        <v>23</v>
      </c>
      <c r="D36135" s="14" t="s">
        <v>220</v>
      </c>
      <c r="E36135" s="15">
        <v>45741</v>
      </c>
      <c r="F36135" s="14" t="s">
        <v>15</v>
      </c>
      <c r="G36135" s="16">
        <v>0</v>
      </c>
    </row>
    <row r="36136" spans="1:7" x14ac:dyDescent="0.3">
      <c r="A36136" s="13" t="s">
        <v>219</v>
      </c>
      <c r="B36136" s="14" t="s">
        <v>1</v>
      </c>
      <c r="C36136" s="14" t="s">
        <v>23</v>
      </c>
      <c r="D36136" s="14" t="s">
        <v>220</v>
      </c>
      <c r="E36136" s="15">
        <v>45742</v>
      </c>
      <c r="F36136" s="14" t="s">
        <v>15</v>
      </c>
      <c r="G36136" s="16">
        <v>0</v>
      </c>
    </row>
    <row r="36137" spans="1:7" x14ac:dyDescent="0.3">
      <c r="A36137" s="13" t="s">
        <v>219</v>
      </c>
      <c r="B36137" s="14" t="s">
        <v>1</v>
      </c>
      <c r="C36137" s="14" t="s">
        <v>23</v>
      </c>
      <c r="D36137" s="14" t="s">
        <v>220</v>
      </c>
      <c r="E36137" s="15">
        <v>45743</v>
      </c>
      <c r="F36137" s="14" t="s">
        <v>15</v>
      </c>
      <c r="G36137" s="16">
        <v>0</v>
      </c>
    </row>
    <row r="36138" spans="1:7" x14ac:dyDescent="0.3">
      <c r="A36138" s="13" t="s">
        <v>219</v>
      </c>
      <c r="B36138" s="14" t="s">
        <v>1</v>
      </c>
      <c r="C36138" s="14" t="s">
        <v>23</v>
      </c>
      <c r="D36138" s="14" t="s">
        <v>220</v>
      </c>
      <c r="E36138" s="15">
        <v>45744</v>
      </c>
      <c r="F36138" s="14" t="s">
        <v>15</v>
      </c>
      <c r="G36138" s="16">
        <v>0</v>
      </c>
    </row>
    <row r="36139" spans="1:7" x14ac:dyDescent="0.3">
      <c r="A36139" s="13" t="s">
        <v>219</v>
      </c>
      <c r="B36139" s="14" t="s">
        <v>1</v>
      </c>
      <c r="C36139" s="14" t="s">
        <v>23</v>
      </c>
      <c r="D36139" s="14" t="s">
        <v>220</v>
      </c>
      <c r="E36139" s="15">
        <v>45745</v>
      </c>
      <c r="F36139" s="14" t="s">
        <v>15</v>
      </c>
      <c r="G36139" s="16">
        <v>0</v>
      </c>
    </row>
    <row r="36140" spans="1:7" x14ac:dyDescent="0.3">
      <c r="A36140" s="13" t="s">
        <v>219</v>
      </c>
      <c r="B36140" s="14" t="s">
        <v>1</v>
      </c>
      <c r="C36140" s="14" t="s">
        <v>23</v>
      </c>
      <c r="D36140" s="14" t="s">
        <v>220</v>
      </c>
      <c r="E36140" s="15">
        <v>45746</v>
      </c>
      <c r="F36140" s="14" t="s">
        <v>15</v>
      </c>
      <c r="G36140" s="16">
        <v>0</v>
      </c>
    </row>
    <row r="36141" spans="1:7" x14ac:dyDescent="0.3">
      <c r="A36141" s="13" t="s">
        <v>219</v>
      </c>
      <c r="B36141" s="14" t="s">
        <v>1</v>
      </c>
      <c r="C36141" s="14" t="s">
        <v>23</v>
      </c>
      <c r="D36141" s="14" t="s">
        <v>220</v>
      </c>
      <c r="E36141" s="15">
        <v>45747</v>
      </c>
      <c r="F36141" s="14" t="s">
        <v>15</v>
      </c>
      <c r="G36141" s="16">
        <v>0</v>
      </c>
    </row>
    <row r="36142" spans="1:7" x14ac:dyDescent="0.3">
      <c r="A36142" s="13" t="s">
        <v>221</v>
      </c>
      <c r="B36142" s="14" t="s">
        <v>1</v>
      </c>
      <c r="C36142" s="14" t="s">
        <v>101</v>
      </c>
      <c r="D36142" s="14" t="s">
        <v>14</v>
      </c>
      <c r="E36142" s="15">
        <v>45383</v>
      </c>
      <c r="F36142" s="14" t="s">
        <v>15</v>
      </c>
      <c r="G36142" s="16">
        <v>0</v>
      </c>
    </row>
    <row r="36143" spans="1:7" x14ac:dyDescent="0.3">
      <c r="A36143" s="13" t="s">
        <v>221</v>
      </c>
      <c r="B36143" s="14" t="s">
        <v>1</v>
      </c>
      <c r="C36143" s="14" t="s">
        <v>101</v>
      </c>
      <c r="D36143" s="14" t="s">
        <v>14</v>
      </c>
      <c r="E36143" s="15">
        <v>45384</v>
      </c>
      <c r="F36143" s="14" t="s">
        <v>15</v>
      </c>
      <c r="G36143" s="16">
        <v>0</v>
      </c>
    </row>
    <row r="36144" spans="1:7" x14ac:dyDescent="0.3">
      <c r="A36144" s="13" t="s">
        <v>221</v>
      </c>
      <c r="B36144" s="14" t="s">
        <v>1</v>
      </c>
      <c r="C36144" s="14" t="s">
        <v>101</v>
      </c>
      <c r="D36144" s="14" t="s">
        <v>14</v>
      </c>
      <c r="E36144" s="15">
        <v>45385</v>
      </c>
      <c r="F36144" s="14" t="s">
        <v>15</v>
      </c>
      <c r="G36144" s="16">
        <v>0</v>
      </c>
    </row>
    <row r="36145" spans="1:7" x14ac:dyDescent="0.3">
      <c r="A36145" s="13" t="s">
        <v>221</v>
      </c>
      <c r="B36145" s="14" t="s">
        <v>1</v>
      </c>
      <c r="C36145" s="14" t="s">
        <v>101</v>
      </c>
      <c r="D36145" s="14" t="s">
        <v>14</v>
      </c>
      <c r="E36145" s="15">
        <v>45386</v>
      </c>
      <c r="F36145" s="14" t="s">
        <v>15</v>
      </c>
      <c r="G36145" s="16">
        <v>0</v>
      </c>
    </row>
    <row r="36146" spans="1:7" x14ac:dyDescent="0.3">
      <c r="A36146" s="13" t="s">
        <v>221</v>
      </c>
      <c r="B36146" s="14" t="s">
        <v>1</v>
      </c>
      <c r="C36146" s="14" t="s">
        <v>101</v>
      </c>
      <c r="D36146" s="14" t="s">
        <v>14</v>
      </c>
      <c r="E36146" s="15">
        <v>45387</v>
      </c>
      <c r="F36146" s="14" t="s">
        <v>15</v>
      </c>
      <c r="G36146" s="16">
        <v>0</v>
      </c>
    </row>
    <row r="36147" spans="1:7" x14ac:dyDescent="0.3">
      <c r="A36147" s="13" t="s">
        <v>221</v>
      </c>
      <c r="B36147" s="14" t="s">
        <v>1</v>
      </c>
      <c r="C36147" s="14" t="s">
        <v>101</v>
      </c>
      <c r="D36147" s="14" t="s">
        <v>14</v>
      </c>
      <c r="E36147" s="15">
        <v>45388</v>
      </c>
      <c r="F36147" s="14" t="s">
        <v>15</v>
      </c>
      <c r="G36147" s="16">
        <v>0</v>
      </c>
    </row>
    <row r="36148" spans="1:7" x14ac:dyDescent="0.3">
      <c r="A36148" s="13" t="s">
        <v>221</v>
      </c>
      <c r="B36148" s="14" t="s">
        <v>1</v>
      </c>
      <c r="C36148" s="14" t="s">
        <v>101</v>
      </c>
      <c r="D36148" s="14" t="s">
        <v>14</v>
      </c>
      <c r="E36148" s="15">
        <v>45389</v>
      </c>
      <c r="F36148" s="14" t="s">
        <v>15</v>
      </c>
      <c r="G36148" s="16">
        <v>0</v>
      </c>
    </row>
    <row r="36149" spans="1:7" x14ac:dyDescent="0.3">
      <c r="A36149" s="13" t="s">
        <v>221</v>
      </c>
      <c r="B36149" s="14" t="s">
        <v>1</v>
      </c>
      <c r="C36149" s="14" t="s">
        <v>101</v>
      </c>
      <c r="D36149" s="14" t="s">
        <v>14</v>
      </c>
      <c r="E36149" s="15">
        <v>45390</v>
      </c>
      <c r="F36149" s="14" t="s">
        <v>15</v>
      </c>
      <c r="G36149" s="16">
        <v>0</v>
      </c>
    </row>
    <row r="36150" spans="1:7" x14ac:dyDescent="0.3">
      <c r="A36150" s="13" t="s">
        <v>221</v>
      </c>
      <c r="B36150" s="14" t="s">
        <v>1</v>
      </c>
      <c r="C36150" s="14" t="s">
        <v>101</v>
      </c>
      <c r="D36150" s="14" t="s">
        <v>14</v>
      </c>
      <c r="E36150" s="15">
        <v>45391</v>
      </c>
      <c r="F36150" s="14" t="s">
        <v>15</v>
      </c>
      <c r="G36150" s="16">
        <v>0</v>
      </c>
    </row>
    <row r="36151" spans="1:7" x14ac:dyDescent="0.3">
      <c r="A36151" s="13" t="s">
        <v>221</v>
      </c>
      <c r="B36151" s="14" t="s">
        <v>1</v>
      </c>
      <c r="C36151" s="14" t="s">
        <v>101</v>
      </c>
      <c r="D36151" s="14" t="s">
        <v>14</v>
      </c>
      <c r="E36151" s="15">
        <v>45392</v>
      </c>
      <c r="F36151" s="14" t="s">
        <v>15</v>
      </c>
      <c r="G36151" s="16">
        <v>0</v>
      </c>
    </row>
    <row r="36152" spans="1:7" x14ac:dyDescent="0.3">
      <c r="A36152" s="13" t="s">
        <v>221</v>
      </c>
      <c r="B36152" s="14" t="s">
        <v>1</v>
      </c>
      <c r="C36152" s="14" t="s">
        <v>101</v>
      </c>
      <c r="D36152" s="14" t="s">
        <v>14</v>
      </c>
      <c r="E36152" s="15">
        <v>45393</v>
      </c>
      <c r="F36152" s="14" t="s">
        <v>15</v>
      </c>
      <c r="G36152" s="16">
        <v>0</v>
      </c>
    </row>
    <row r="36153" spans="1:7" x14ac:dyDescent="0.3">
      <c r="A36153" s="13" t="s">
        <v>221</v>
      </c>
      <c r="B36153" s="14" t="s">
        <v>1</v>
      </c>
      <c r="C36153" s="14" t="s">
        <v>101</v>
      </c>
      <c r="D36153" s="14" t="s">
        <v>14</v>
      </c>
      <c r="E36153" s="15">
        <v>45394</v>
      </c>
      <c r="F36153" s="14" t="s">
        <v>15</v>
      </c>
      <c r="G36153" s="16">
        <v>2.5455773294318623E-2</v>
      </c>
    </row>
    <row r="36154" spans="1:7" x14ac:dyDescent="0.3">
      <c r="A36154" s="13" t="s">
        <v>221</v>
      </c>
      <c r="B36154" s="14" t="s">
        <v>1</v>
      </c>
      <c r="C36154" s="14" t="s">
        <v>101</v>
      </c>
      <c r="D36154" s="14" t="s">
        <v>14</v>
      </c>
      <c r="E36154" s="15">
        <v>45395</v>
      </c>
      <c r="F36154" s="14" t="s">
        <v>15</v>
      </c>
      <c r="G36154" s="16">
        <v>2.5455773294318623E-2</v>
      </c>
    </row>
    <row r="36155" spans="1:7" x14ac:dyDescent="0.3">
      <c r="A36155" s="13" t="s">
        <v>221</v>
      </c>
      <c r="B36155" s="14" t="s">
        <v>1</v>
      </c>
      <c r="C36155" s="14" t="s">
        <v>101</v>
      </c>
      <c r="D36155" s="14" t="s">
        <v>14</v>
      </c>
      <c r="E36155" s="15">
        <v>45396</v>
      </c>
      <c r="F36155" s="14" t="s">
        <v>15</v>
      </c>
      <c r="G36155" s="16">
        <v>2.5455773294318623E-2</v>
      </c>
    </row>
    <row r="36156" spans="1:7" x14ac:dyDescent="0.3">
      <c r="A36156" s="13" t="s">
        <v>221</v>
      </c>
      <c r="B36156" s="14" t="s">
        <v>1</v>
      </c>
      <c r="C36156" s="14" t="s">
        <v>101</v>
      </c>
      <c r="D36156" s="14" t="s">
        <v>14</v>
      </c>
      <c r="E36156" s="15">
        <v>45397</v>
      </c>
      <c r="F36156" s="14" t="s">
        <v>15</v>
      </c>
      <c r="G36156" s="16">
        <v>2.0276857953000368E-2</v>
      </c>
    </row>
    <row r="36157" spans="1:7" x14ac:dyDescent="0.3">
      <c r="A36157" s="13" t="s">
        <v>221</v>
      </c>
      <c r="B36157" s="14" t="s">
        <v>1</v>
      </c>
      <c r="C36157" s="14" t="s">
        <v>101</v>
      </c>
      <c r="D36157" s="14" t="s">
        <v>14</v>
      </c>
      <c r="E36157" s="15">
        <v>45398</v>
      </c>
      <c r="F36157" s="14" t="s">
        <v>15</v>
      </c>
      <c r="G36157" s="16">
        <v>5.51060029823332E-3</v>
      </c>
    </row>
    <row r="36158" spans="1:7" x14ac:dyDescent="0.3">
      <c r="A36158" s="13" t="s">
        <v>221</v>
      </c>
      <c r="B36158" s="14" t="s">
        <v>1</v>
      </c>
      <c r="C36158" s="14" t="s">
        <v>101</v>
      </c>
      <c r="D36158" s="14" t="s">
        <v>14</v>
      </c>
      <c r="E36158" s="15">
        <v>45399</v>
      </c>
      <c r="F36158" s="14" t="s">
        <v>15</v>
      </c>
      <c r="G36158" s="16">
        <v>1.4983872589605343E-3</v>
      </c>
    </row>
    <row r="36159" spans="1:7" x14ac:dyDescent="0.3">
      <c r="A36159" s="13" t="s">
        <v>221</v>
      </c>
      <c r="B36159" s="14" t="s">
        <v>1</v>
      </c>
      <c r="C36159" s="14" t="s">
        <v>101</v>
      </c>
      <c r="D36159" s="14" t="s">
        <v>14</v>
      </c>
      <c r="E36159" s="15">
        <v>45400</v>
      </c>
      <c r="F36159" s="14" t="s">
        <v>15</v>
      </c>
      <c r="G36159" s="16">
        <v>0</v>
      </c>
    </row>
    <row r="36160" spans="1:7" x14ac:dyDescent="0.3">
      <c r="A36160" s="13" t="s">
        <v>221</v>
      </c>
      <c r="B36160" s="14" t="s">
        <v>1</v>
      </c>
      <c r="C36160" s="14" t="s">
        <v>101</v>
      </c>
      <c r="D36160" s="14" t="s">
        <v>14</v>
      </c>
      <c r="E36160" s="15">
        <v>45401</v>
      </c>
      <c r="F36160" s="14" t="s">
        <v>15</v>
      </c>
      <c r="G36160" s="16">
        <v>0</v>
      </c>
    </row>
    <row r="36161" spans="1:7" x14ac:dyDescent="0.3">
      <c r="A36161" s="13" t="s">
        <v>221</v>
      </c>
      <c r="B36161" s="14" t="s">
        <v>1</v>
      </c>
      <c r="C36161" s="14" t="s">
        <v>101</v>
      </c>
      <c r="D36161" s="14" t="s">
        <v>14</v>
      </c>
      <c r="E36161" s="15">
        <v>45402</v>
      </c>
      <c r="F36161" s="14" t="s">
        <v>15</v>
      </c>
      <c r="G36161" s="16">
        <v>0</v>
      </c>
    </row>
    <row r="36162" spans="1:7" x14ac:dyDescent="0.3">
      <c r="A36162" s="13" t="s">
        <v>221</v>
      </c>
      <c r="B36162" s="14" t="s">
        <v>1</v>
      </c>
      <c r="C36162" s="14" t="s">
        <v>101</v>
      </c>
      <c r="D36162" s="14" t="s">
        <v>14</v>
      </c>
      <c r="E36162" s="15">
        <v>45403</v>
      </c>
      <c r="F36162" s="14" t="s">
        <v>15</v>
      </c>
      <c r="G36162" s="16">
        <v>0</v>
      </c>
    </row>
    <row r="36163" spans="1:7" x14ac:dyDescent="0.3">
      <c r="A36163" s="13" t="s">
        <v>221</v>
      </c>
      <c r="B36163" s="14" t="s">
        <v>1</v>
      </c>
      <c r="C36163" s="14" t="s">
        <v>101</v>
      </c>
      <c r="D36163" s="14" t="s">
        <v>14</v>
      </c>
      <c r="E36163" s="15">
        <v>45404</v>
      </c>
      <c r="F36163" s="14" t="s">
        <v>15</v>
      </c>
      <c r="G36163" s="16">
        <v>0</v>
      </c>
    </row>
    <row r="36164" spans="1:7" x14ac:dyDescent="0.3">
      <c r="A36164" s="13" t="s">
        <v>221</v>
      </c>
      <c r="B36164" s="14" t="s">
        <v>1</v>
      </c>
      <c r="C36164" s="14" t="s">
        <v>101</v>
      </c>
      <c r="D36164" s="14" t="s">
        <v>14</v>
      </c>
      <c r="E36164" s="15">
        <v>45405</v>
      </c>
      <c r="F36164" s="14" t="s">
        <v>15</v>
      </c>
      <c r="G36164" s="16">
        <v>5.2501776567196165E-2</v>
      </c>
    </row>
    <row r="36165" spans="1:7" x14ac:dyDescent="0.3">
      <c r="A36165" s="13" t="s">
        <v>221</v>
      </c>
      <c r="B36165" s="14" t="s">
        <v>1</v>
      </c>
      <c r="C36165" s="14" t="s">
        <v>101</v>
      </c>
      <c r="D36165" s="14" t="s">
        <v>14</v>
      </c>
      <c r="E36165" s="15">
        <v>45406</v>
      </c>
      <c r="F36165" s="14" t="s">
        <v>15</v>
      </c>
      <c r="G36165" s="16">
        <v>5.1693184082409874E-2</v>
      </c>
    </row>
    <row r="36166" spans="1:7" x14ac:dyDescent="0.3">
      <c r="A36166" s="13" t="s">
        <v>221</v>
      </c>
      <c r="B36166" s="14" t="s">
        <v>1</v>
      </c>
      <c r="C36166" s="14" t="s">
        <v>101</v>
      </c>
      <c r="D36166" s="14" t="s">
        <v>14</v>
      </c>
      <c r="E36166" s="15">
        <v>45407</v>
      </c>
      <c r="F36166" s="14" t="s">
        <v>15</v>
      </c>
      <c r="G36166" s="16">
        <v>4.2366310648297087E-2</v>
      </c>
    </row>
    <row r="36167" spans="1:7" x14ac:dyDescent="0.3">
      <c r="A36167" s="13" t="s">
        <v>221</v>
      </c>
      <c r="B36167" s="14" t="s">
        <v>1</v>
      </c>
      <c r="C36167" s="14" t="s">
        <v>101</v>
      </c>
      <c r="D36167" s="14" t="s">
        <v>14</v>
      </c>
      <c r="E36167" s="15">
        <v>45408</v>
      </c>
      <c r="F36167" s="14" t="s">
        <v>15</v>
      </c>
      <c r="G36167" s="16">
        <v>3.8888628291085456E-2</v>
      </c>
    </row>
    <row r="36168" spans="1:7" x14ac:dyDescent="0.3">
      <c r="A36168" s="13" t="s">
        <v>221</v>
      </c>
      <c r="B36168" s="14" t="s">
        <v>1</v>
      </c>
      <c r="C36168" s="14" t="s">
        <v>101</v>
      </c>
      <c r="D36168" s="14" t="s">
        <v>14</v>
      </c>
      <c r="E36168" s="15">
        <v>45409</v>
      </c>
      <c r="F36168" s="14" t="s">
        <v>15</v>
      </c>
      <c r="G36168" s="16">
        <v>3.8888628291085456E-2</v>
      </c>
    </row>
    <row r="36169" spans="1:7" x14ac:dyDescent="0.3">
      <c r="A36169" s="13" t="s">
        <v>221</v>
      </c>
      <c r="B36169" s="14" t="s">
        <v>1</v>
      </c>
      <c r="C36169" s="14" t="s">
        <v>101</v>
      </c>
      <c r="D36169" s="14" t="s">
        <v>14</v>
      </c>
      <c r="E36169" s="15">
        <v>45410</v>
      </c>
      <c r="F36169" s="14" t="s">
        <v>15</v>
      </c>
      <c r="G36169" s="16">
        <v>3.8888628291085456E-2</v>
      </c>
    </row>
    <row r="36170" spans="1:7" x14ac:dyDescent="0.3">
      <c r="A36170" s="13" t="s">
        <v>221</v>
      </c>
      <c r="B36170" s="14" t="s">
        <v>1</v>
      </c>
      <c r="C36170" s="14" t="s">
        <v>101</v>
      </c>
      <c r="D36170" s="14" t="s">
        <v>14</v>
      </c>
      <c r="E36170" s="15">
        <v>45411</v>
      </c>
      <c r="F36170" s="14" t="s">
        <v>15</v>
      </c>
      <c r="G36170" s="16">
        <v>3.3770839515031223E-2</v>
      </c>
    </row>
    <row r="36171" spans="1:7" x14ac:dyDescent="0.3">
      <c r="A36171" s="13" t="s">
        <v>221</v>
      </c>
      <c r="B36171" s="14" t="s">
        <v>1</v>
      </c>
      <c r="C36171" s="14" t="s">
        <v>101</v>
      </c>
      <c r="D36171" s="14" t="s">
        <v>14</v>
      </c>
      <c r="E36171" s="15">
        <v>45412</v>
      </c>
      <c r="F36171" s="14" t="s">
        <v>15</v>
      </c>
      <c r="G36171" s="16">
        <v>2.5581637830563862E-2</v>
      </c>
    </row>
    <row r="36172" spans="1:7" x14ac:dyDescent="0.3">
      <c r="A36172" s="13" t="s">
        <v>221</v>
      </c>
      <c r="B36172" s="14" t="s">
        <v>1</v>
      </c>
      <c r="C36172" s="14" t="s">
        <v>101</v>
      </c>
      <c r="D36172" s="14" t="s">
        <v>14</v>
      </c>
      <c r="E36172" s="15">
        <v>45413</v>
      </c>
      <c r="F36172" s="14" t="s">
        <v>15</v>
      </c>
      <c r="G36172" s="16">
        <v>0.16884847006174597</v>
      </c>
    </row>
    <row r="36173" spans="1:7" x14ac:dyDescent="0.3">
      <c r="A36173" s="13" t="s">
        <v>221</v>
      </c>
      <c r="B36173" s="14" t="s">
        <v>1</v>
      </c>
      <c r="C36173" s="14" t="s">
        <v>101</v>
      </c>
      <c r="D36173" s="14" t="s">
        <v>14</v>
      </c>
      <c r="E36173" s="15">
        <v>45414</v>
      </c>
      <c r="F36173" s="14" t="s">
        <v>15</v>
      </c>
      <c r="G36173" s="16">
        <v>0.16272271403183602</v>
      </c>
    </row>
    <row r="36174" spans="1:7" x14ac:dyDescent="0.3">
      <c r="A36174" s="13" t="s">
        <v>221</v>
      </c>
      <c r="B36174" s="14" t="s">
        <v>1</v>
      </c>
      <c r="C36174" s="14" t="s">
        <v>101</v>
      </c>
      <c r="D36174" s="14" t="s">
        <v>14</v>
      </c>
      <c r="E36174" s="15">
        <v>45415</v>
      </c>
      <c r="F36174" s="14" t="s">
        <v>15</v>
      </c>
      <c r="G36174" s="16">
        <v>0.15755960693109791</v>
      </c>
    </row>
    <row r="36175" spans="1:7" x14ac:dyDescent="0.3">
      <c r="A36175" s="13" t="s">
        <v>221</v>
      </c>
      <c r="B36175" s="14" t="s">
        <v>1</v>
      </c>
      <c r="C36175" s="14" t="s">
        <v>101</v>
      </c>
      <c r="D36175" s="14" t="s">
        <v>14</v>
      </c>
      <c r="E36175" s="15">
        <v>45416</v>
      </c>
      <c r="F36175" s="14" t="s">
        <v>15</v>
      </c>
      <c r="G36175" s="16">
        <v>0.15755960693109791</v>
      </c>
    </row>
    <row r="36176" spans="1:7" x14ac:dyDescent="0.3">
      <c r="A36176" s="13" t="s">
        <v>221</v>
      </c>
      <c r="B36176" s="14" t="s">
        <v>1</v>
      </c>
      <c r="C36176" s="14" t="s">
        <v>101</v>
      </c>
      <c r="D36176" s="14" t="s">
        <v>14</v>
      </c>
      <c r="E36176" s="15">
        <v>45417</v>
      </c>
      <c r="F36176" s="14" t="s">
        <v>15</v>
      </c>
      <c r="G36176" s="16">
        <v>0.15755960693109791</v>
      </c>
    </row>
    <row r="36177" spans="1:7" x14ac:dyDescent="0.3">
      <c r="A36177" s="13" t="s">
        <v>221</v>
      </c>
      <c r="B36177" s="14" t="s">
        <v>1</v>
      </c>
      <c r="C36177" s="14" t="s">
        <v>101</v>
      </c>
      <c r="D36177" s="14" t="s">
        <v>14</v>
      </c>
      <c r="E36177" s="15">
        <v>45418</v>
      </c>
      <c r="F36177" s="14" t="s">
        <v>15</v>
      </c>
      <c r="G36177" s="16">
        <v>0.15755960693109791</v>
      </c>
    </row>
    <row r="36178" spans="1:7" x14ac:dyDescent="0.3">
      <c r="A36178" s="13" t="s">
        <v>221</v>
      </c>
      <c r="B36178" s="14" t="s">
        <v>1</v>
      </c>
      <c r="C36178" s="14" t="s">
        <v>101</v>
      </c>
      <c r="D36178" s="14" t="s">
        <v>14</v>
      </c>
      <c r="E36178" s="15">
        <v>45419</v>
      </c>
      <c r="F36178" s="14" t="s">
        <v>15</v>
      </c>
      <c r="G36178" s="16">
        <v>0.16886605614934233</v>
      </c>
    </row>
    <row r="36179" spans="1:7" x14ac:dyDescent="0.3">
      <c r="A36179" s="13" t="s">
        <v>221</v>
      </c>
      <c r="B36179" s="14" t="s">
        <v>1</v>
      </c>
      <c r="C36179" s="14" t="s">
        <v>101</v>
      </c>
      <c r="D36179" s="14" t="s">
        <v>14</v>
      </c>
      <c r="E36179" s="15">
        <v>45420</v>
      </c>
      <c r="F36179" s="14" t="s">
        <v>15</v>
      </c>
      <c r="G36179" s="16">
        <v>0.20906439923499412</v>
      </c>
    </row>
    <row r="36180" spans="1:7" x14ac:dyDescent="0.3">
      <c r="A36180" s="13" t="s">
        <v>221</v>
      </c>
      <c r="B36180" s="14" t="s">
        <v>1</v>
      </c>
      <c r="C36180" s="14" t="s">
        <v>101</v>
      </c>
      <c r="D36180" s="14" t="s">
        <v>14</v>
      </c>
      <c r="E36180" s="15">
        <v>45421</v>
      </c>
      <c r="F36180" s="14" t="s">
        <v>15</v>
      </c>
      <c r="G36180" s="16">
        <v>0.26327706875877177</v>
      </c>
    </row>
    <row r="36181" spans="1:7" x14ac:dyDescent="0.3">
      <c r="A36181" s="13" t="s">
        <v>221</v>
      </c>
      <c r="B36181" s="14" t="s">
        <v>1</v>
      </c>
      <c r="C36181" s="14" t="s">
        <v>101</v>
      </c>
      <c r="D36181" s="14" t="s">
        <v>14</v>
      </c>
      <c r="E36181" s="15">
        <v>45422</v>
      </c>
      <c r="F36181" s="14" t="s">
        <v>15</v>
      </c>
      <c r="G36181" s="16">
        <v>0.27476771503863451</v>
      </c>
    </row>
    <row r="36182" spans="1:7" x14ac:dyDescent="0.3">
      <c r="A36182" s="13" t="s">
        <v>221</v>
      </c>
      <c r="B36182" s="14" t="s">
        <v>1</v>
      </c>
      <c r="C36182" s="14" t="s">
        <v>101</v>
      </c>
      <c r="D36182" s="14" t="s">
        <v>14</v>
      </c>
      <c r="E36182" s="15">
        <v>45423</v>
      </c>
      <c r="F36182" s="14" t="s">
        <v>15</v>
      </c>
      <c r="G36182" s="16">
        <v>0.27476771503863451</v>
      </c>
    </row>
    <row r="36183" spans="1:7" x14ac:dyDescent="0.3">
      <c r="A36183" s="13" t="s">
        <v>221</v>
      </c>
      <c r="B36183" s="14" t="s">
        <v>1</v>
      </c>
      <c r="C36183" s="14" t="s">
        <v>101</v>
      </c>
      <c r="D36183" s="14" t="s">
        <v>14</v>
      </c>
      <c r="E36183" s="15">
        <v>45424</v>
      </c>
      <c r="F36183" s="14" t="s">
        <v>15</v>
      </c>
      <c r="G36183" s="16">
        <v>0.27476771503863451</v>
      </c>
    </row>
    <row r="36184" spans="1:7" x14ac:dyDescent="0.3">
      <c r="A36184" s="13" t="s">
        <v>221</v>
      </c>
      <c r="B36184" s="14" t="s">
        <v>1</v>
      </c>
      <c r="C36184" s="14" t="s">
        <v>101</v>
      </c>
      <c r="D36184" s="14" t="s">
        <v>14</v>
      </c>
      <c r="E36184" s="15">
        <v>45425</v>
      </c>
      <c r="F36184" s="14" t="s">
        <v>15</v>
      </c>
      <c r="G36184" s="16">
        <v>0.27260782093538216</v>
      </c>
    </row>
    <row r="36185" spans="1:7" x14ac:dyDescent="0.3">
      <c r="A36185" s="13" t="s">
        <v>221</v>
      </c>
      <c r="B36185" s="14" t="s">
        <v>1</v>
      </c>
      <c r="C36185" s="14" t="s">
        <v>101</v>
      </c>
      <c r="D36185" s="14" t="s">
        <v>14</v>
      </c>
      <c r="E36185" s="15">
        <v>45426</v>
      </c>
      <c r="F36185" s="14" t="s">
        <v>15</v>
      </c>
      <c r="G36185" s="16">
        <v>0.25037237607344776</v>
      </c>
    </row>
    <row r="36186" spans="1:7" x14ac:dyDescent="0.3">
      <c r="A36186" s="13" t="s">
        <v>221</v>
      </c>
      <c r="B36186" s="14" t="s">
        <v>1</v>
      </c>
      <c r="C36186" s="14" t="s">
        <v>101</v>
      </c>
      <c r="D36186" s="14" t="s">
        <v>14</v>
      </c>
      <c r="E36186" s="15">
        <v>45427</v>
      </c>
      <c r="F36186" s="14" t="s">
        <v>15</v>
      </c>
      <c r="G36186" s="16">
        <v>0.24505014307107784</v>
      </c>
    </row>
    <row r="36187" spans="1:7" x14ac:dyDescent="0.3">
      <c r="A36187" s="13" t="s">
        <v>221</v>
      </c>
      <c r="B36187" s="14" t="s">
        <v>1</v>
      </c>
      <c r="C36187" s="14" t="s">
        <v>101</v>
      </c>
      <c r="D36187" s="14" t="s">
        <v>14</v>
      </c>
      <c r="E36187" s="15">
        <v>45428</v>
      </c>
      <c r="F36187" s="14" t="s">
        <v>15</v>
      </c>
      <c r="G36187" s="16">
        <v>0.28143510326279081</v>
      </c>
    </row>
    <row r="36188" spans="1:7" x14ac:dyDescent="0.3">
      <c r="A36188" s="13" t="s">
        <v>221</v>
      </c>
      <c r="B36188" s="14" t="s">
        <v>1</v>
      </c>
      <c r="C36188" s="14" t="s">
        <v>101</v>
      </c>
      <c r="D36188" s="14" t="s">
        <v>14</v>
      </c>
      <c r="E36188" s="15">
        <v>45429</v>
      </c>
      <c r="F36188" s="14" t="s">
        <v>15</v>
      </c>
      <c r="G36188" s="16">
        <v>0.31172330769296486</v>
      </c>
    </row>
    <row r="36189" spans="1:7" x14ac:dyDescent="0.3">
      <c r="A36189" s="13" t="s">
        <v>221</v>
      </c>
      <c r="B36189" s="14" t="s">
        <v>1</v>
      </c>
      <c r="C36189" s="14" t="s">
        <v>101</v>
      </c>
      <c r="D36189" s="14" t="s">
        <v>14</v>
      </c>
      <c r="E36189" s="15">
        <v>45430</v>
      </c>
      <c r="F36189" s="14" t="s">
        <v>15</v>
      </c>
      <c r="G36189" s="16">
        <v>0.31172330769296486</v>
      </c>
    </row>
    <row r="36190" spans="1:7" x14ac:dyDescent="0.3">
      <c r="A36190" s="13" t="s">
        <v>221</v>
      </c>
      <c r="B36190" s="14" t="s">
        <v>1</v>
      </c>
      <c r="C36190" s="14" t="s">
        <v>101</v>
      </c>
      <c r="D36190" s="14" t="s">
        <v>14</v>
      </c>
      <c r="E36190" s="15">
        <v>45431</v>
      </c>
      <c r="F36190" s="14" t="s">
        <v>15</v>
      </c>
      <c r="G36190" s="16">
        <v>0.31172330769296486</v>
      </c>
    </row>
    <row r="36191" spans="1:7" x14ac:dyDescent="0.3">
      <c r="A36191" s="13" t="s">
        <v>221</v>
      </c>
      <c r="B36191" s="14" t="s">
        <v>1</v>
      </c>
      <c r="C36191" s="14" t="s">
        <v>101</v>
      </c>
      <c r="D36191" s="14" t="s">
        <v>14</v>
      </c>
      <c r="E36191" s="15">
        <v>45432</v>
      </c>
      <c r="F36191" s="14" t="s">
        <v>15</v>
      </c>
      <c r="G36191" s="16">
        <v>0.30634901450394014</v>
      </c>
    </row>
    <row r="36192" spans="1:7" x14ac:dyDescent="0.3">
      <c r="A36192" s="13" t="s">
        <v>221</v>
      </c>
      <c r="B36192" s="14" t="s">
        <v>1</v>
      </c>
      <c r="C36192" s="14" t="s">
        <v>101</v>
      </c>
      <c r="D36192" s="14" t="s">
        <v>14</v>
      </c>
      <c r="E36192" s="15">
        <v>45433</v>
      </c>
      <c r="F36192" s="14" t="s">
        <v>15</v>
      </c>
      <c r="G36192" s="16">
        <v>0.29085155453185402</v>
      </c>
    </row>
    <row r="36193" spans="1:7" x14ac:dyDescent="0.3">
      <c r="A36193" s="13" t="s">
        <v>221</v>
      </c>
      <c r="B36193" s="14" t="s">
        <v>1</v>
      </c>
      <c r="C36193" s="14" t="s">
        <v>101</v>
      </c>
      <c r="D36193" s="14" t="s">
        <v>14</v>
      </c>
      <c r="E36193" s="15">
        <v>45434</v>
      </c>
      <c r="F36193" s="14" t="s">
        <v>15</v>
      </c>
      <c r="G36193" s="16">
        <v>0.28548170550510471</v>
      </c>
    </row>
    <row r="36194" spans="1:7" x14ac:dyDescent="0.3">
      <c r="A36194" s="13" t="s">
        <v>221</v>
      </c>
      <c r="B36194" s="14" t="s">
        <v>1</v>
      </c>
      <c r="C36194" s="14" t="s">
        <v>101</v>
      </c>
      <c r="D36194" s="14" t="s">
        <v>14</v>
      </c>
      <c r="E36194" s="15">
        <v>45435</v>
      </c>
      <c r="F36194" s="14" t="s">
        <v>15</v>
      </c>
      <c r="G36194" s="16">
        <v>0.28011503087998069</v>
      </c>
    </row>
    <row r="36195" spans="1:7" x14ac:dyDescent="0.3">
      <c r="A36195" s="13" t="s">
        <v>221</v>
      </c>
      <c r="B36195" s="14" t="s">
        <v>1</v>
      </c>
      <c r="C36195" s="14" t="s">
        <v>101</v>
      </c>
      <c r="D36195" s="14" t="s">
        <v>14</v>
      </c>
      <c r="E36195" s="15">
        <v>45436</v>
      </c>
      <c r="F36195" s="14" t="s">
        <v>15</v>
      </c>
      <c r="G36195" s="16">
        <v>0.2840315763678653</v>
      </c>
    </row>
    <row r="36196" spans="1:7" x14ac:dyDescent="0.3">
      <c r="A36196" s="13" t="s">
        <v>221</v>
      </c>
      <c r="B36196" s="14" t="s">
        <v>1</v>
      </c>
      <c r="C36196" s="14" t="s">
        <v>101</v>
      </c>
      <c r="D36196" s="14" t="s">
        <v>14</v>
      </c>
      <c r="E36196" s="15">
        <v>45437</v>
      </c>
      <c r="F36196" s="14" t="s">
        <v>15</v>
      </c>
      <c r="G36196" s="16">
        <v>0.2840315763678653</v>
      </c>
    </row>
    <row r="36197" spans="1:7" x14ac:dyDescent="0.3">
      <c r="A36197" s="13" t="s">
        <v>221</v>
      </c>
      <c r="B36197" s="14" t="s">
        <v>1</v>
      </c>
      <c r="C36197" s="14" t="s">
        <v>101</v>
      </c>
      <c r="D36197" s="14" t="s">
        <v>14</v>
      </c>
      <c r="E36197" s="15">
        <v>45438</v>
      </c>
      <c r="F36197" s="14" t="s">
        <v>15</v>
      </c>
      <c r="G36197" s="16">
        <v>0.2840315763678653</v>
      </c>
    </row>
    <row r="36198" spans="1:7" x14ac:dyDescent="0.3">
      <c r="A36198" s="13" t="s">
        <v>221</v>
      </c>
      <c r="B36198" s="14" t="s">
        <v>1</v>
      </c>
      <c r="C36198" s="14" t="s">
        <v>101</v>
      </c>
      <c r="D36198" s="14" t="s">
        <v>14</v>
      </c>
      <c r="E36198" s="15">
        <v>45439</v>
      </c>
      <c r="F36198" s="14" t="s">
        <v>15</v>
      </c>
      <c r="G36198" s="16">
        <v>0.27871632704907107</v>
      </c>
    </row>
    <row r="36199" spans="1:7" x14ac:dyDescent="0.3">
      <c r="A36199" s="13" t="s">
        <v>221</v>
      </c>
      <c r="B36199" s="14" t="s">
        <v>1</v>
      </c>
      <c r="C36199" s="14" t="s">
        <v>101</v>
      </c>
      <c r="D36199" s="14" t="s">
        <v>14</v>
      </c>
      <c r="E36199" s="15">
        <v>45440</v>
      </c>
      <c r="F36199" s="14" t="s">
        <v>15</v>
      </c>
      <c r="G36199" s="16">
        <v>0.26332743161257</v>
      </c>
    </row>
    <row r="36200" spans="1:7" x14ac:dyDescent="0.3">
      <c r="A36200" s="13" t="s">
        <v>221</v>
      </c>
      <c r="B36200" s="14" t="s">
        <v>1</v>
      </c>
      <c r="C36200" s="14" t="s">
        <v>101</v>
      </c>
      <c r="D36200" s="14" t="s">
        <v>14</v>
      </c>
      <c r="E36200" s="15">
        <v>45441</v>
      </c>
      <c r="F36200" s="14" t="s">
        <v>15</v>
      </c>
      <c r="G36200" s="16">
        <v>0.29099865934285202</v>
      </c>
    </row>
    <row r="36201" spans="1:7" x14ac:dyDescent="0.3">
      <c r="A36201" s="13" t="s">
        <v>221</v>
      </c>
      <c r="B36201" s="14" t="s">
        <v>1</v>
      </c>
      <c r="C36201" s="14" t="s">
        <v>101</v>
      </c>
      <c r="D36201" s="14" t="s">
        <v>14</v>
      </c>
      <c r="E36201" s="15">
        <v>45442</v>
      </c>
      <c r="F36201" s="14" t="s">
        <v>15</v>
      </c>
      <c r="G36201" s="16">
        <v>0.28568531466503289</v>
      </c>
    </row>
    <row r="36202" spans="1:7" x14ac:dyDescent="0.3">
      <c r="A36202" s="13" t="s">
        <v>221</v>
      </c>
      <c r="B36202" s="14" t="s">
        <v>1</v>
      </c>
      <c r="C36202" s="14" t="s">
        <v>101</v>
      </c>
      <c r="D36202" s="14" t="s">
        <v>14</v>
      </c>
      <c r="E36202" s="15">
        <v>45443</v>
      </c>
      <c r="F36202" s="14" t="s">
        <v>15</v>
      </c>
      <c r="G36202" s="16">
        <v>0.28520912318383623</v>
      </c>
    </row>
    <row r="36203" spans="1:7" x14ac:dyDescent="0.3">
      <c r="A36203" s="13" t="s">
        <v>221</v>
      </c>
      <c r="B36203" s="14" t="s">
        <v>1</v>
      </c>
      <c r="C36203" s="14" t="s">
        <v>101</v>
      </c>
      <c r="D36203" s="14" t="s">
        <v>14</v>
      </c>
      <c r="E36203" s="15">
        <v>45444</v>
      </c>
      <c r="F36203" s="14" t="s">
        <v>15</v>
      </c>
      <c r="G36203" s="16">
        <v>0.28520912318383623</v>
      </c>
    </row>
    <row r="36204" spans="1:7" x14ac:dyDescent="0.3">
      <c r="A36204" s="13" t="s">
        <v>221</v>
      </c>
      <c r="B36204" s="14" t="s">
        <v>1</v>
      </c>
      <c r="C36204" s="14" t="s">
        <v>101</v>
      </c>
      <c r="D36204" s="14" t="s">
        <v>14</v>
      </c>
      <c r="E36204" s="15">
        <v>45445</v>
      </c>
      <c r="F36204" s="14" t="s">
        <v>15</v>
      </c>
      <c r="G36204" s="16">
        <v>0.28520912318383623</v>
      </c>
    </row>
    <row r="36205" spans="1:7" x14ac:dyDescent="0.3">
      <c r="A36205" s="13" t="s">
        <v>221</v>
      </c>
      <c r="B36205" s="14" t="s">
        <v>1</v>
      </c>
      <c r="C36205" s="14" t="s">
        <v>101</v>
      </c>
      <c r="D36205" s="14" t="s">
        <v>14</v>
      </c>
      <c r="E36205" s="15">
        <v>45446</v>
      </c>
      <c r="F36205" s="14" t="s">
        <v>15</v>
      </c>
      <c r="G36205" s="16">
        <v>0.28520912318383623</v>
      </c>
    </row>
    <row r="36206" spans="1:7" x14ac:dyDescent="0.3">
      <c r="A36206" s="13" t="s">
        <v>221</v>
      </c>
      <c r="B36206" s="14" t="s">
        <v>1</v>
      </c>
      <c r="C36206" s="14" t="s">
        <v>101</v>
      </c>
      <c r="D36206" s="14" t="s">
        <v>14</v>
      </c>
      <c r="E36206" s="15">
        <v>45447</v>
      </c>
      <c r="F36206" s="14" t="s">
        <v>15</v>
      </c>
      <c r="G36206" s="16">
        <v>0.31340412718229166</v>
      </c>
    </row>
    <row r="36207" spans="1:7" x14ac:dyDescent="0.3">
      <c r="A36207" s="13" t="s">
        <v>221</v>
      </c>
      <c r="B36207" s="14" t="s">
        <v>1</v>
      </c>
      <c r="C36207" s="14" t="s">
        <v>101</v>
      </c>
      <c r="D36207" s="14" t="s">
        <v>14</v>
      </c>
      <c r="E36207" s="15">
        <v>45448</v>
      </c>
      <c r="F36207" s="14" t="s">
        <v>15</v>
      </c>
      <c r="G36207" s="16">
        <v>0.30886343186006904</v>
      </c>
    </row>
    <row r="36208" spans="1:7" x14ac:dyDescent="0.3">
      <c r="A36208" s="13" t="s">
        <v>221</v>
      </c>
      <c r="B36208" s="14" t="s">
        <v>1</v>
      </c>
      <c r="C36208" s="14" t="s">
        <v>101</v>
      </c>
      <c r="D36208" s="14" t="s">
        <v>14</v>
      </c>
      <c r="E36208" s="15">
        <v>45449</v>
      </c>
      <c r="F36208" s="14" t="s">
        <v>15</v>
      </c>
      <c r="G36208" s="16">
        <v>0.31443130107343148</v>
      </c>
    </row>
    <row r="36209" spans="1:7" x14ac:dyDescent="0.3">
      <c r="A36209" s="13" t="s">
        <v>221</v>
      </c>
      <c r="B36209" s="14" t="s">
        <v>1</v>
      </c>
      <c r="C36209" s="14" t="s">
        <v>101</v>
      </c>
      <c r="D36209" s="14" t="s">
        <v>14</v>
      </c>
      <c r="E36209" s="15">
        <v>45450</v>
      </c>
      <c r="F36209" s="14" t="s">
        <v>15</v>
      </c>
      <c r="G36209" s="16">
        <v>0.31383448233047362</v>
      </c>
    </row>
    <row r="36210" spans="1:7" x14ac:dyDescent="0.3">
      <c r="A36210" s="13" t="s">
        <v>221</v>
      </c>
      <c r="B36210" s="14" t="s">
        <v>1</v>
      </c>
      <c r="C36210" s="14" t="s">
        <v>101</v>
      </c>
      <c r="D36210" s="14" t="s">
        <v>14</v>
      </c>
      <c r="E36210" s="15">
        <v>45451</v>
      </c>
      <c r="F36210" s="14" t="s">
        <v>15</v>
      </c>
      <c r="G36210" s="16">
        <v>0.31383448233047362</v>
      </c>
    </row>
    <row r="36211" spans="1:7" x14ac:dyDescent="0.3">
      <c r="A36211" s="13" t="s">
        <v>221</v>
      </c>
      <c r="B36211" s="14" t="s">
        <v>1</v>
      </c>
      <c r="C36211" s="14" t="s">
        <v>101</v>
      </c>
      <c r="D36211" s="14" t="s">
        <v>14</v>
      </c>
      <c r="E36211" s="15">
        <v>45452</v>
      </c>
      <c r="F36211" s="14" t="s">
        <v>15</v>
      </c>
      <c r="G36211" s="16">
        <v>0.31383448233047362</v>
      </c>
    </row>
    <row r="36212" spans="1:7" x14ac:dyDescent="0.3">
      <c r="A36212" s="13" t="s">
        <v>221</v>
      </c>
      <c r="B36212" s="14" t="s">
        <v>1</v>
      </c>
      <c r="C36212" s="14" t="s">
        <v>101</v>
      </c>
      <c r="D36212" s="14" t="s">
        <v>14</v>
      </c>
      <c r="E36212" s="15">
        <v>45453</v>
      </c>
      <c r="F36212" s="14" t="s">
        <v>15</v>
      </c>
      <c r="G36212" s="16">
        <v>0.31598161635241961</v>
      </c>
    </row>
    <row r="36213" spans="1:7" x14ac:dyDescent="0.3">
      <c r="A36213" s="13" t="s">
        <v>221</v>
      </c>
      <c r="B36213" s="14" t="s">
        <v>1</v>
      </c>
      <c r="C36213" s="14" t="s">
        <v>101</v>
      </c>
      <c r="D36213" s="14" t="s">
        <v>14</v>
      </c>
      <c r="E36213" s="15">
        <v>45454</v>
      </c>
      <c r="F36213" s="14" t="s">
        <v>15</v>
      </c>
      <c r="G36213" s="16">
        <v>0.36631451788969527</v>
      </c>
    </row>
    <row r="36214" spans="1:7" x14ac:dyDescent="0.3">
      <c r="A36214" s="13" t="s">
        <v>221</v>
      </c>
      <c r="B36214" s="14" t="s">
        <v>1</v>
      </c>
      <c r="C36214" s="14" t="s">
        <v>101</v>
      </c>
      <c r="D36214" s="14" t="s">
        <v>14</v>
      </c>
      <c r="E36214" s="15">
        <v>45455</v>
      </c>
      <c r="F36214" s="14" t="s">
        <v>15</v>
      </c>
      <c r="G36214" s="16">
        <v>0.36105728994422398</v>
      </c>
    </row>
    <row r="36215" spans="1:7" x14ac:dyDescent="0.3">
      <c r="A36215" s="13" t="s">
        <v>221</v>
      </c>
      <c r="B36215" s="14" t="s">
        <v>1</v>
      </c>
      <c r="C36215" s="14" t="s">
        <v>101</v>
      </c>
      <c r="D36215" s="14" t="s">
        <v>14</v>
      </c>
      <c r="E36215" s="15">
        <v>45456</v>
      </c>
      <c r="F36215" s="14" t="s">
        <v>15</v>
      </c>
      <c r="G36215" s="16">
        <v>0.35582717880439296</v>
      </c>
    </row>
    <row r="36216" spans="1:7" x14ac:dyDescent="0.3">
      <c r="A36216" s="13" t="s">
        <v>221</v>
      </c>
      <c r="B36216" s="14" t="s">
        <v>1</v>
      </c>
      <c r="C36216" s="14" t="s">
        <v>101</v>
      </c>
      <c r="D36216" s="14" t="s">
        <v>14</v>
      </c>
      <c r="E36216" s="15">
        <v>45457</v>
      </c>
      <c r="F36216" s="14" t="s">
        <v>15</v>
      </c>
      <c r="G36216" s="16">
        <v>0.355829933232998</v>
      </c>
    </row>
    <row r="36217" spans="1:7" x14ac:dyDescent="0.3">
      <c r="A36217" s="13" t="s">
        <v>221</v>
      </c>
      <c r="B36217" s="14" t="s">
        <v>1</v>
      </c>
      <c r="C36217" s="14" t="s">
        <v>101</v>
      </c>
      <c r="D36217" s="14" t="s">
        <v>14</v>
      </c>
      <c r="E36217" s="15">
        <v>45458</v>
      </c>
      <c r="F36217" s="14" t="s">
        <v>15</v>
      </c>
      <c r="G36217" s="16">
        <v>0.355829933232998</v>
      </c>
    </row>
    <row r="36218" spans="1:7" x14ac:dyDescent="0.3">
      <c r="A36218" s="13" t="s">
        <v>221</v>
      </c>
      <c r="B36218" s="14" t="s">
        <v>1</v>
      </c>
      <c r="C36218" s="14" t="s">
        <v>101</v>
      </c>
      <c r="D36218" s="14" t="s">
        <v>14</v>
      </c>
      <c r="E36218" s="15">
        <v>45459</v>
      </c>
      <c r="F36218" s="14" t="s">
        <v>15</v>
      </c>
      <c r="G36218" s="16">
        <v>0.355829933232998</v>
      </c>
    </row>
    <row r="36219" spans="1:7" x14ac:dyDescent="0.3">
      <c r="A36219" s="13" t="s">
        <v>221</v>
      </c>
      <c r="B36219" s="14" t="s">
        <v>1</v>
      </c>
      <c r="C36219" s="14" t="s">
        <v>101</v>
      </c>
      <c r="D36219" s="14" t="s">
        <v>14</v>
      </c>
      <c r="E36219" s="15">
        <v>45460</v>
      </c>
      <c r="F36219" s="14" t="s">
        <v>15</v>
      </c>
      <c r="G36219" s="16">
        <v>0.35268239276634172</v>
      </c>
    </row>
    <row r="36220" spans="1:7" x14ac:dyDescent="0.3">
      <c r="A36220" s="13" t="s">
        <v>221</v>
      </c>
      <c r="B36220" s="14" t="s">
        <v>1</v>
      </c>
      <c r="C36220" s="14" t="s">
        <v>101</v>
      </c>
      <c r="D36220" s="14" t="s">
        <v>14</v>
      </c>
      <c r="E36220" s="15">
        <v>45461</v>
      </c>
      <c r="F36220" s="14" t="s">
        <v>15</v>
      </c>
      <c r="G36220" s="16">
        <v>0.35950095629263501</v>
      </c>
    </row>
    <row r="36221" spans="1:7" x14ac:dyDescent="0.3">
      <c r="A36221" s="13" t="s">
        <v>221</v>
      </c>
      <c r="B36221" s="14" t="s">
        <v>1</v>
      </c>
      <c r="C36221" s="14" t="s">
        <v>101</v>
      </c>
      <c r="D36221" s="14" t="s">
        <v>14</v>
      </c>
      <c r="E36221" s="15">
        <v>45462</v>
      </c>
      <c r="F36221" s="14" t="s">
        <v>15</v>
      </c>
      <c r="G36221" s="16">
        <v>0.36079989403084617</v>
      </c>
    </row>
    <row r="36222" spans="1:7" x14ac:dyDescent="0.3">
      <c r="A36222" s="13" t="s">
        <v>221</v>
      </c>
      <c r="B36222" s="14" t="s">
        <v>1</v>
      </c>
      <c r="C36222" s="14" t="s">
        <v>101</v>
      </c>
      <c r="D36222" s="14" t="s">
        <v>14</v>
      </c>
      <c r="E36222" s="15">
        <v>45463</v>
      </c>
      <c r="F36222" s="14" t="s">
        <v>15</v>
      </c>
      <c r="G36222" s="16">
        <v>0.35552368432142667</v>
      </c>
    </row>
    <row r="36223" spans="1:7" x14ac:dyDescent="0.3">
      <c r="A36223" s="13" t="s">
        <v>221</v>
      </c>
      <c r="B36223" s="14" t="s">
        <v>1</v>
      </c>
      <c r="C36223" s="14" t="s">
        <v>101</v>
      </c>
      <c r="D36223" s="14" t="s">
        <v>14</v>
      </c>
      <c r="E36223" s="15">
        <v>45464</v>
      </c>
      <c r="F36223" s="14" t="s">
        <v>15</v>
      </c>
      <c r="G36223" s="16">
        <v>0.35492580150509917</v>
      </c>
    </row>
    <row r="36224" spans="1:7" x14ac:dyDescent="0.3">
      <c r="A36224" s="13" t="s">
        <v>221</v>
      </c>
      <c r="B36224" s="14" t="s">
        <v>1</v>
      </c>
      <c r="C36224" s="14" t="s">
        <v>101</v>
      </c>
      <c r="D36224" s="14" t="s">
        <v>14</v>
      </c>
      <c r="E36224" s="15">
        <v>45465</v>
      </c>
      <c r="F36224" s="14" t="s">
        <v>15</v>
      </c>
      <c r="G36224" s="16">
        <v>0.35492580150509917</v>
      </c>
    </row>
    <row r="36225" spans="1:7" x14ac:dyDescent="0.3">
      <c r="A36225" s="13" t="s">
        <v>221</v>
      </c>
      <c r="B36225" s="14" t="s">
        <v>1</v>
      </c>
      <c r="C36225" s="14" t="s">
        <v>101</v>
      </c>
      <c r="D36225" s="14" t="s">
        <v>14</v>
      </c>
      <c r="E36225" s="15">
        <v>45466</v>
      </c>
      <c r="F36225" s="14" t="s">
        <v>15</v>
      </c>
      <c r="G36225" s="16">
        <v>0.35492580150509917</v>
      </c>
    </row>
    <row r="36226" spans="1:7" x14ac:dyDescent="0.3">
      <c r="A36226" s="13" t="s">
        <v>221</v>
      </c>
      <c r="B36226" s="14" t="s">
        <v>1</v>
      </c>
      <c r="C36226" s="14" t="s">
        <v>101</v>
      </c>
      <c r="D36226" s="14" t="s">
        <v>14</v>
      </c>
      <c r="E36226" s="15">
        <v>45467</v>
      </c>
      <c r="F36226" s="14" t="s">
        <v>15</v>
      </c>
      <c r="G36226" s="16">
        <v>0.34964484635469262</v>
      </c>
    </row>
    <row r="36227" spans="1:7" x14ac:dyDescent="0.3">
      <c r="A36227" s="13" t="s">
        <v>221</v>
      </c>
      <c r="B36227" s="14" t="s">
        <v>1</v>
      </c>
      <c r="C36227" s="14" t="s">
        <v>101</v>
      </c>
      <c r="D36227" s="14" t="s">
        <v>14</v>
      </c>
      <c r="E36227" s="15">
        <v>45468</v>
      </c>
      <c r="F36227" s="14" t="s">
        <v>15</v>
      </c>
      <c r="G36227" s="16">
        <v>0.33445744418374507</v>
      </c>
    </row>
    <row r="36228" spans="1:7" x14ac:dyDescent="0.3">
      <c r="A36228" s="13" t="s">
        <v>221</v>
      </c>
      <c r="B36228" s="14" t="s">
        <v>1</v>
      </c>
      <c r="C36228" s="14" t="s">
        <v>101</v>
      </c>
      <c r="D36228" s="14" t="s">
        <v>14</v>
      </c>
      <c r="E36228" s="15">
        <v>45469</v>
      </c>
      <c r="F36228" s="14" t="s">
        <v>15</v>
      </c>
      <c r="G36228" s="16">
        <v>0.32916903191178742</v>
      </c>
    </row>
    <row r="36229" spans="1:7" x14ac:dyDescent="0.3">
      <c r="A36229" s="13" t="s">
        <v>221</v>
      </c>
      <c r="B36229" s="14" t="s">
        <v>1</v>
      </c>
      <c r="C36229" s="14" t="s">
        <v>101</v>
      </c>
      <c r="D36229" s="14" t="s">
        <v>14</v>
      </c>
      <c r="E36229" s="15">
        <v>45470</v>
      </c>
      <c r="F36229" s="14" t="s">
        <v>15</v>
      </c>
      <c r="G36229" s="16">
        <v>0.32391112604617511</v>
      </c>
    </row>
    <row r="36230" spans="1:7" x14ac:dyDescent="0.3">
      <c r="A36230" s="13" t="s">
        <v>221</v>
      </c>
      <c r="B36230" s="14" t="s">
        <v>1</v>
      </c>
      <c r="C36230" s="14" t="s">
        <v>101</v>
      </c>
      <c r="D36230" s="14" t="s">
        <v>14</v>
      </c>
      <c r="E36230" s="15">
        <v>45471</v>
      </c>
      <c r="F36230" s="14" t="s">
        <v>15</v>
      </c>
      <c r="G36230" s="16">
        <v>0.332428557445833</v>
      </c>
    </row>
    <row r="36231" spans="1:7" x14ac:dyDescent="0.3">
      <c r="A36231" s="13" t="s">
        <v>221</v>
      </c>
      <c r="B36231" s="14" t="s">
        <v>1</v>
      </c>
      <c r="C36231" s="14" t="s">
        <v>101</v>
      </c>
      <c r="D36231" s="14" t="s">
        <v>14</v>
      </c>
      <c r="E36231" s="15">
        <v>45472</v>
      </c>
      <c r="F36231" s="14" t="s">
        <v>15</v>
      </c>
      <c r="G36231" s="16">
        <v>0.332428557445833</v>
      </c>
    </row>
    <row r="36232" spans="1:7" x14ac:dyDescent="0.3">
      <c r="A36232" s="13" t="s">
        <v>221</v>
      </c>
      <c r="B36232" s="14" t="s">
        <v>1</v>
      </c>
      <c r="C36232" s="14" t="s">
        <v>101</v>
      </c>
      <c r="D36232" s="14" t="s">
        <v>14</v>
      </c>
      <c r="E36232" s="15">
        <v>45473</v>
      </c>
      <c r="F36232" s="14" t="s">
        <v>15</v>
      </c>
      <c r="G36232" s="16">
        <v>0.332428557445833</v>
      </c>
    </row>
    <row r="36233" spans="1:7" x14ac:dyDescent="0.3">
      <c r="A36233" s="13" t="s">
        <v>221</v>
      </c>
      <c r="B36233" s="14" t="s">
        <v>1</v>
      </c>
      <c r="C36233" s="14" t="s">
        <v>101</v>
      </c>
      <c r="D36233" s="14" t="s">
        <v>14</v>
      </c>
      <c r="E36233" s="15">
        <v>45474</v>
      </c>
      <c r="F36233" s="14" t="s">
        <v>15</v>
      </c>
      <c r="G36233" s="16">
        <v>0.33304543922911323</v>
      </c>
    </row>
    <row r="36234" spans="1:7" x14ac:dyDescent="0.3">
      <c r="A36234" s="13" t="s">
        <v>221</v>
      </c>
      <c r="B36234" s="14" t="s">
        <v>1</v>
      </c>
      <c r="C36234" s="14" t="s">
        <v>101</v>
      </c>
      <c r="D36234" s="14" t="s">
        <v>14</v>
      </c>
      <c r="E36234" s="15">
        <v>45475</v>
      </c>
      <c r="F36234" s="14" t="s">
        <v>15</v>
      </c>
      <c r="G36234" s="16">
        <v>0.31811801952503155</v>
      </c>
    </row>
    <row r="36235" spans="1:7" x14ac:dyDescent="0.3">
      <c r="A36235" s="13" t="s">
        <v>221</v>
      </c>
      <c r="B36235" s="14" t="s">
        <v>1</v>
      </c>
      <c r="C36235" s="14" t="s">
        <v>101</v>
      </c>
      <c r="D36235" s="14" t="s">
        <v>14</v>
      </c>
      <c r="E36235" s="15">
        <v>45476</v>
      </c>
      <c r="F36235" s="14" t="s">
        <v>15</v>
      </c>
      <c r="G36235" s="16">
        <v>0.31281100314242083</v>
      </c>
    </row>
    <row r="36236" spans="1:7" x14ac:dyDescent="0.3">
      <c r="A36236" s="13" t="s">
        <v>221</v>
      </c>
      <c r="B36236" s="14" t="s">
        <v>1</v>
      </c>
      <c r="C36236" s="14" t="s">
        <v>101</v>
      </c>
      <c r="D36236" s="14" t="s">
        <v>14</v>
      </c>
      <c r="E36236" s="15">
        <v>45477</v>
      </c>
      <c r="F36236" s="14" t="s">
        <v>15</v>
      </c>
      <c r="G36236" s="16">
        <v>0.31187391102297279</v>
      </c>
    </row>
    <row r="36237" spans="1:7" x14ac:dyDescent="0.3">
      <c r="A36237" s="13" t="s">
        <v>221</v>
      </c>
      <c r="B36237" s="14" t="s">
        <v>1</v>
      </c>
      <c r="C36237" s="14" t="s">
        <v>101</v>
      </c>
      <c r="D36237" s="14" t="s">
        <v>14</v>
      </c>
      <c r="E36237" s="15">
        <v>45478</v>
      </c>
      <c r="F36237" s="14" t="s">
        <v>15</v>
      </c>
      <c r="G36237" s="16">
        <v>0.30648020789887104</v>
      </c>
    </row>
    <row r="36238" spans="1:7" x14ac:dyDescent="0.3">
      <c r="A36238" s="13" t="s">
        <v>221</v>
      </c>
      <c r="B36238" s="14" t="s">
        <v>1</v>
      </c>
      <c r="C36238" s="14" t="s">
        <v>101</v>
      </c>
      <c r="D36238" s="14" t="s">
        <v>14</v>
      </c>
      <c r="E36238" s="15">
        <v>45479</v>
      </c>
      <c r="F36238" s="14" t="s">
        <v>15</v>
      </c>
      <c r="G36238" s="16">
        <v>0.30648020789887104</v>
      </c>
    </row>
    <row r="36239" spans="1:7" x14ac:dyDescent="0.3">
      <c r="A36239" s="13" t="s">
        <v>221</v>
      </c>
      <c r="B36239" s="14" t="s">
        <v>1</v>
      </c>
      <c r="C36239" s="14" t="s">
        <v>101</v>
      </c>
      <c r="D36239" s="14" t="s">
        <v>14</v>
      </c>
      <c r="E36239" s="15">
        <v>45480</v>
      </c>
      <c r="F36239" s="14" t="s">
        <v>15</v>
      </c>
      <c r="G36239" s="16">
        <v>0.30648020789887104</v>
      </c>
    </row>
    <row r="36240" spans="1:7" x14ac:dyDescent="0.3">
      <c r="A36240" s="13" t="s">
        <v>221</v>
      </c>
      <c r="B36240" s="14" t="s">
        <v>1</v>
      </c>
      <c r="C36240" s="14" t="s">
        <v>101</v>
      </c>
      <c r="D36240" s="14" t="s">
        <v>14</v>
      </c>
      <c r="E36240" s="15">
        <v>45481</v>
      </c>
      <c r="F36240" s="14" t="s">
        <v>15</v>
      </c>
      <c r="G36240" s="16">
        <v>0.30219518257383854</v>
      </c>
    </row>
    <row r="36241" spans="1:7" x14ac:dyDescent="0.3">
      <c r="A36241" s="13" t="s">
        <v>221</v>
      </c>
      <c r="B36241" s="14" t="s">
        <v>1</v>
      </c>
      <c r="C36241" s="14" t="s">
        <v>101</v>
      </c>
      <c r="D36241" s="14" t="s">
        <v>14</v>
      </c>
      <c r="E36241" s="15">
        <v>45482</v>
      </c>
      <c r="F36241" s="14" t="s">
        <v>15</v>
      </c>
      <c r="G36241" s="16">
        <v>0.28657335644581305</v>
      </c>
    </row>
    <row r="36242" spans="1:7" x14ac:dyDescent="0.3">
      <c r="A36242" s="13" t="s">
        <v>221</v>
      </c>
      <c r="B36242" s="14" t="s">
        <v>1</v>
      </c>
      <c r="C36242" s="14" t="s">
        <v>101</v>
      </c>
      <c r="D36242" s="14" t="s">
        <v>14</v>
      </c>
      <c r="E36242" s="15">
        <v>45483</v>
      </c>
      <c r="F36242" s="14" t="s">
        <v>15</v>
      </c>
      <c r="G36242" s="16">
        <v>0.28115410354527182</v>
      </c>
    </row>
    <row r="36243" spans="1:7" x14ac:dyDescent="0.3">
      <c r="A36243" s="13" t="s">
        <v>221</v>
      </c>
      <c r="B36243" s="14" t="s">
        <v>1</v>
      </c>
      <c r="C36243" s="14" t="s">
        <v>101</v>
      </c>
      <c r="D36243" s="14" t="s">
        <v>14</v>
      </c>
      <c r="E36243" s="15">
        <v>45484</v>
      </c>
      <c r="F36243" s="14" t="s">
        <v>15</v>
      </c>
      <c r="G36243" s="16">
        <v>0.27574945051698174</v>
      </c>
    </row>
    <row r="36244" spans="1:7" x14ac:dyDescent="0.3">
      <c r="A36244" s="13" t="s">
        <v>221</v>
      </c>
      <c r="B36244" s="14" t="s">
        <v>1</v>
      </c>
      <c r="C36244" s="14" t="s">
        <v>101</v>
      </c>
      <c r="D36244" s="14" t="s">
        <v>14</v>
      </c>
      <c r="E36244" s="15">
        <v>45485</v>
      </c>
      <c r="F36244" s="14" t="s">
        <v>15</v>
      </c>
      <c r="G36244" s="16">
        <v>0.27857000051816511</v>
      </c>
    </row>
    <row r="36245" spans="1:7" x14ac:dyDescent="0.3">
      <c r="A36245" s="13" t="s">
        <v>221</v>
      </c>
      <c r="B36245" s="14" t="s">
        <v>1</v>
      </c>
      <c r="C36245" s="14" t="s">
        <v>101</v>
      </c>
      <c r="D36245" s="14" t="s">
        <v>14</v>
      </c>
      <c r="E36245" s="15">
        <v>45486</v>
      </c>
      <c r="F36245" s="14" t="s">
        <v>15</v>
      </c>
      <c r="G36245" s="16">
        <v>0.27857000051816511</v>
      </c>
    </row>
    <row r="36246" spans="1:7" x14ac:dyDescent="0.3">
      <c r="A36246" s="13" t="s">
        <v>221</v>
      </c>
      <c r="B36246" s="14" t="s">
        <v>1</v>
      </c>
      <c r="C36246" s="14" t="s">
        <v>101</v>
      </c>
      <c r="D36246" s="14" t="s">
        <v>14</v>
      </c>
      <c r="E36246" s="15">
        <v>45487</v>
      </c>
      <c r="F36246" s="14" t="s">
        <v>15</v>
      </c>
      <c r="G36246" s="16">
        <v>0.27857000051816511</v>
      </c>
    </row>
    <row r="36247" spans="1:7" x14ac:dyDescent="0.3">
      <c r="A36247" s="13" t="s">
        <v>221</v>
      </c>
      <c r="B36247" s="14" t="s">
        <v>1</v>
      </c>
      <c r="C36247" s="14" t="s">
        <v>101</v>
      </c>
      <c r="D36247" s="14" t="s">
        <v>14</v>
      </c>
      <c r="E36247" s="15">
        <v>45488</v>
      </c>
      <c r="F36247" s="14" t="s">
        <v>15</v>
      </c>
      <c r="G36247" s="16">
        <v>0.27791486843156676</v>
      </c>
    </row>
    <row r="36248" spans="1:7" x14ac:dyDescent="0.3">
      <c r="A36248" s="13" t="s">
        <v>221</v>
      </c>
      <c r="B36248" s="14" t="s">
        <v>1</v>
      </c>
      <c r="C36248" s="14" t="s">
        <v>101</v>
      </c>
      <c r="D36248" s="14" t="s">
        <v>14</v>
      </c>
      <c r="E36248" s="15">
        <v>45489</v>
      </c>
      <c r="F36248" s="14" t="s">
        <v>15</v>
      </c>
      <c r="G36248" s="16">
        <v>0.26188150840446289</v>
      </c>
    </row>
    <row r="36249" spans="1:7" x14ac:dyDescent="0.3">
      <c r="A36249" s="13" t="s">
        <v>221</v>
      </c>
      <c r="B36249" s="14" t="s">
        <v>1</v>
      </c>
      <c r="C36249" s="14" t="s">
        <v>101</v>
      </c>
      <c r="D36249" s="14" t="s">
        <v>14</v>
      </c>
      <c r="E36249" s="15">
        <v>45490</v>
      </c>
      <c r="F36249" s="14" t="s">
        <v>15</v>
      </c>
      <c r="G36249" s="16">
        <v>0.25635093147800692</v>
      </c>
    </row>
    <row r="36250" spans="1:7" x14ac:dyDescent="0.3">
      <c r="A36250" s="13" t="s">
        <v>221</v>
      </c>
      <c r="B36250" s="14" t="s">
        <v>1</v>
      </c>
      <c r="C36250" s="14" t="s">
        <v>101</v>
      </c>
      <c r="D36250" s="14" t="s">
        <v>14</v>
      </c>
      <c r="E36250" s="15">
        <v>45491</v>
      </c>
      <c r="F36250" s="14" t="s">
        <v>15</v>
      </c>
      <c r="G36250" s="16">
        <v>0.25075465512642087</v>
      </c>
    </row>
    <row r="36251" spans="1:7" x14ac:dyDescent="0.3">
      <c r="A36251" s="13" t="s">
        <v>221</v>
      </c>
      <c r="B36251" s="14" t="s">
        <v>1</v>
      </c>
      <c r="C36251" s="14" t="s">
        <v>101</v>
      </c>
      <c r="D36251" s="14" t="s">
        <v>14</v>
      </c>
      <c r="E36251" s="15">
        <v>45492</v>
      </c>
      <c r="F36251" s="14" t="s">
        <v>15</v>
      </c>
      <c r="G36251" s="16">
        <v>0.25279776193023218</v>
      </c>
    </row>
    <row r="36252" spans="1:7" x14ac:dyDescent="0.3">
      <c r="A36252" s="13" t="s">
        <v>221</v>
      </c>
      <c r="B36252" s="14" t="s">
        <v>1</v>
      </c>
      <c r="C36252" s="14" t="s">
        <v>101</v>
      </c>
      <c r="D36252" s="14" t="s">
        <v>14</v>
      </c>
      <c r="E36252" s="15">
        <v>45493</v>
      </c>
      <c r="F36252" s="14" t="s">
        <v>15</v>
      </c>
      <c r="G36252" s="16">
        <v>0.25279776193023218</v>
      </c>
    </row>
    <row r="36253" spans="1:7" x14ac:dyDescent="0.3">
      <c r="A36253" s="13" t="s">
        <v>221</v>
      </c>
      <c r="B36253" s="14" t="s">
        <v>1</v>
      </c>
      <c r="C36253" s="14" t="s">
        <v>101</v>
      </c>
      <c r="D36253" s="14" t="s">
        <v>14</v>
      </c>
      <c r="E36253" s="15">
        <v>45494</v>
      </c>
      <c r="F36253" s="14" t="s">
        <v>15</v>
      </c>
      <c r="G36253" s="16">
        <v>0.25279776193023218</v>
      </c>
    </row>
    <row r="36254" spans="1:7" x14ac:dyDescent="0.3">
      <c r="A36254" s="13" t="s">
        <v>221</v>
      </c>
      <c r="B36254" s="14" t="s">
        <v>1</v>
      </c>
      <c r="C36254" s="14" t="s">
        <v>101</v>
      </c>
      <c r="D36254" s="14" t="s">
        <v>14</v>
      </c>
      <c r="E36254" s="15">
        <v>45495</v>
      </c>
      <c r="F36254" s="14" t="s">
        <v>15</v>
      </c>
      <c r="G36254" s="16">
        <v>0.24724984765547797</v>
      </c>
    </row>
    <row r="36255" spans="1:7" x14ac:dyDescent="0.3">
      <c r="A36255" s="13" t="s">
        <v>221</v>
      </c>
      <c r="B36255" s="14" t="s">
        <v>1</v>
      </c>
      <c r="C36255" s="14" t="s">
        <v>101</v>
      </c>
      <c r="D36255" s="14" t="s">
        <v>14</v>
      </c>
      <c r="E36255" s="15">
        <v>45496</v>
      </c>
      <c r="F36255" s="14" t="s">
        <v>15</v>
      </c>
      <c r="G36255" s="16">
        <v>0.23135336143072835</v>
      </c>
    </row>
    <row r="36256" spans="1:7" x14ac:dyDescent="0.3">
      <c r="A36256" s="13" t="s">
        <v>221</v>
      </c>
      <c r="B36256" s="14" t="s">
        <v>1</v>
      </c>
      <c r="C36256" s="14" t="s">
        <v>101</v>
      </c>
      <c r="D36256" s="14" t="s">
        <v>14</v>
      </c>
      <c r="E36256" s="15">
        <v>45497</v>
      </c>
      <c r="F36256" s="14" t="s">
        <v>15</v>
      </c>
      <c r="G36256" s="16">
        <v>0.22580088469589571</v>
      </c>
    </row>
    <row r="36257" spans="1:7" x14ac:dyDescent="0.3">
      <c r="A36257" s="13" t="s">
        <v>221</v>
      </c>
      <c r="B36257" s="14" t="s">
        <v>1</v>
      </c>
      <c r="C36257" s="14" t="s">
        <v>101</v>
      </c>
      <c r="D36257" s="14" t="s">
        <v>14</v>
      </c>
      <c r="E36257" s="15">
        <v>45498</v>
      </c>
      <c r="F36257" s="14" t="s">
        <v>15</v>
      </c>
      <c r="G36257" s="16">
        <v>0.22026574530936127</v>
      </c>
    </row>
    <row r="36258" spans="1:7" x14ac:dyDescent="0.3">
      <c r="A36258" s="13" t="s">
        <v>221</v>
      </c>
      <c r="B36258" s="14" t="s">
        <v>1</v>
      </c>
      <c r="C36258" s="14" t="s">
        <v>101</v>
      </c>
      <c r="D36258" s="14" t="s">
        <v>14</v>
      </c>
      <c r="E36258" s="15">
        <v>45499</v>
      </c>
      <c r="F36258" s="14" t="s">
        <v>15</v>
      </c>
      <c r="G36258" s="16">
        <v>0.27752191899883732</v>
      </c>
    </row>
    <row r="36259" spans="1:7" x14ac:dyDescent="0.3">
      <c r="A36259" s="13" t="s">
        <v>221</v>
      </c>
      <c r="B36259" s="14" t="s">
        <v>1</v>
      </c>
      <c r="C36259" s="14" t="s">
        <v>101</v>
      </c>
      <c r="D36259" s="14" t="s">
        <v>14</v>
      </c>
      <c r="E36259" s="15">
        <v>45500</v>
      </c>
      <c r="F36259" s="14" t="s">
        <v>15</v>
      </c>
      <c r="G36259" s="16">
        <v>0.27752191899883732</v>
      </c>
    </row>
    <row r="36260" spans="1:7" x14ac:dyDescent="0.3">
      <c r="A36260" s="13" t="s">
        <v>221</v>
      </c>
      <c r="B36260" s="14" t="s">
        <v>1</v>
      </c>
      <c r="C36260" s="14" t="s">
        <v>101</v>
      </c>
      <c r="D36260" s="14" t="s">
        <v>14</v>
      </c>
      <c r="E36260" s="15">
        <v>45501</v>
      </c>
      <c r="F36260" s="14" t="s">
        <v>15</v>
      </c>
      <c r="G36260" s="16">
        <v>0.27752191899883732</v>
      </c>
    </row>
    <row r="36261" spans="1:7" x14ac:dyDescent="0.3">
      <c r="A36261" s="13" t="s">
        <v>221</v>
      </c>
      <c r="B36261" s="14" t="s">
        <v>1</v>
      </c>
      <c r="C36261" s="14" t="s">
        <v>101</v>
      </c>
      <c r="D36261" s="14" t="s">
        <v>14</v>
      </c>
      <c r="E36261" s="15">
        <v>45502</v>
      </c>
      <c r="F36261" s="14" t="s">
        <v>15</v>
      </c>
      <c r="G36261" s="16">
        <v>0.27947925155317332</v>
      </c>
    </row>
    <row r="36262" spans="1:7" x14ac:dyDescent="0.3">
      <c r="A36262" s="13" t="s">
        <v>221</v>
      </c>
      <c r="B36262" s="14" t="s">
        <v>1</v>
      </c>
      <c r="C36262" s="14" t="s">
        <v>101</v>
      </c>
      <c r="D36262" s="14" t="s">
        <v>14</v>
      </c>
      <c r="E36262" s="15">
        <v>45503</v>
      </c>
      <c r="F36262" s="14" t="s">
        <v>15</v>
      </c>
      <c r="G36262" s="16">
        <v>0.26485295421427096</v>
      </c>
    </row>
    <row r="36263" spans="1:7" x14ac:dyDescent="0.3">
      <c r="A36263" s="13" t="s">
        <v>221</v>
      </c>
      <c r="B36263" s="14" t="s">
        <v>1</v>
      </c>
      <c r="C36263" s="14" t="s">
        <v>101</v>
      </c>
      <c r="D36263" s="14" t="s">
        <v>14</v>
      </c>
      <c r="E36263" s="15">
        <v>45504</v>
      </c>
      <c r="F36263" s="14" t="s">
        <v>15</v>
      </c>
      <c r="G36263" s="16">
        <v>0.25932511476386205</v>
      </c>
    </row>
    <row r="36264" spans="1:7" x14ac:dyDescent="0.3">
      <c r="A36264" s="13" t="s">
        <v>221</v>
      </c>
      <c r="B36264" s="14" t="s">
        <v>1</v>
      </c>
      <c r="C36264" s="14" t="s">
        <v>101</v>
      </c>
      <c r="D36264" s="14" t="s">
        <v>14</v>
      </c>
      <c r="E36264" s="15">
        <v>45505</v>
      </c>
      <c r="F36264" s="14" t="s">
        <v>15</v>
      </c>
      <c r="G36264" s="16">
        <v>0.26371987452012186</v>
      </c>
    </row>
    <row r="36265" spans="1:7" x14ac:dyDescent="0.3">
      <c r="A36265" s="13" t="s">
        <v>221</v>
      </c>
      <c r="B36265" s="14" t="s">
        <v>1</v>
      </c>
      <c r="C36265" s="14" t="s">
        <v>101</v>
      </c>
      <c r="D36265" s="14" t="s">
        <v>14</v>
      </c>
      <c r="E36265" s="15">
        <v>45506</v>
      </c>
      <c r="F36265" s="14" t="s">
        <v>15</v>
      </c>
      <c r="G36265" s="16">
        <v>0.25858841230433927</v>
      </c>
    </row>
    <row r="36266" spans="1:7" x14ac:dyDescent="0.3">
      <c r="A36266" s="13" t="s">
        <v>221</v>
      </c>
      <c r="B36266" s="14" t="s">
        <v>1</v>
      </c>
      <c r="C36266" s="14" t="s">
        <v>101</v>
      </c>
      <c r="D36266" s="14" t="s">
        <v>14</v>
      </c>
      <c r="E36266" s="15">
        <v>45507</v>
      </c>
      <c r="F36266" s="14" t="s">
        <v>15</v>
      </c>
      <c r="G36266" s="16">
        <v>0.25858841230433927</v>
      </c>
    </row>
    <row r="36267" spans="1:7" x14ac:dyDescent="0.3">
      <c r="A36267" s="13" t="s">
        <v>221</v>
      </c>
      <c r="B36267" s="14" t="s">
        <v>1</v>
      </c>
      <c r="C36267" s="14" t="s">
        <v>101</v>
      </c>
      <c r="D36267" s="14" t="s">
        <v>14</v>
      </c>
      <c r="E36267" s="15">
        <v>45508</v>
      </c>
      <c r="F36267" s="14" t="s">
        <v>15</v>
      </c>
      <c r="G36267" s="16">
        <v>0.25858841230433927</v>
      </c>
    </row>
    <row r="36268" spans="1:7" x14ac:dyDescent="0.3">
      <c r="A36268" s="13" t="s">
        <v>221</v>
      </c>
      <c r="B36268" s="14" t="s">
        <v>1</v>
      </c>
      <c r="C36268" s="14" t="s">
        <v>101</v>
      </c>
      <c r="D36268" s="14" t="s">
        <v>14</v>
      </c>
      <c r="E36268" s="15">
        <v>45509</v>
      </c>
      <c r="F36268" s="14" t="s">
        <v>15</v>
      </c>
      <c r="G36268" s="16">
        <v>0.25858841230433927</v>
      </c>
    </row>
    <row r="36269" spans="1:7" x14ac:dyDescent="0.3">
      <c r="A36269" s="13" t="s">
        <v>221</v>
      </c>
      <c r="B36269" s="14" t="s">
        <v>1</v>
      </c>
      <c r="C36269" s="14" t="s">
        <v>101</v>
      </c>
      <c r="D36269" s="14" t="s">
        <v>14</v>
      </c>
      <c r="E36269" s="15">
        <v>45510</v>
      </c>
      <c r="F36269" s="14" t="s">
        <v>15</v>
      </c>
      <c r="G36269" s="16">
        <v>0.25310138202401022</v>
      </c>
    </row>
    <row r="36270" spans="1:7" x14ac:dyDescent="0.3">
      <c r="A36270" s="13" t="s">
        <v>221</v>
      </c>
      <c r="B36270" s="14" t="s">
        <v>1</v>
      </c>
      <c r="C36270" s="14" t="s">
        <v>101</v>
      </c>
      <c r="D36270" s="14" t="s">
        <v>14</v>
      </c>
      <c r="E36270" s="15">
        <v>45511</v>
      </c>
      <c r="F36270" s="14" t="s">
        <v>15</v>
      </c>
      <c r="G36270" s="16">
        <v>0.23294412001462603</v>
      </c>
    </row>
    <row r="36271" spans="1:7" x14ac:dyDescent="0.3">
      <c r="A36271" s="13" t="s">
        <v>221</v>
      </c>
      <c r="B36271" s="14" t="s">
        <v>1</v>
      </c>
      <c r="C36271" s="14" t="s">
        <v>101</v>
      </c>
      <c r="D36271" s="14" t="s">
        <v>14</v>
      </c>
      <c r="E36271" s="15">
        <v>45512</v>
      </c>
      <c r="F36271" s="14" t="s">
        <v>15</v>
      </c>
      <c r="G36271" s="16">
        <v>0.22758937231239998</v>
      </c>
    </row>
    <row r="36272" spans="1:7" x14ac:dyDescent="0.3">
      <c r="A36272" s="13" t="s">
        <v>221</v>
      </c>
      <c r="B36272" s="14" t="s">
        <v>1</v>
      </c>
      <c r="C36272" s="14" t="s">
        <v>101</v>
      </c>
      <c r="D36272" s="14" t="s">
        <v>14</v>
      </c>
      <c r="E36272" s="15">
        <v>45513</v>
      </c>
      <c r="F36272" s="14" t="s">
        <v>15</v>
      </c>
      <c r="G36272" s="16">
        <v>0.22222336651842059</v>
      </c>
    </row>
    <row r="36273" spans="1:7" x14ac:dyDescent="0.3">
      <c r="A36273" s="13" t="s">
        <v>221</v>
      </c>
      <c r="B36273" s="14" t="s">
        <v>1</v>
      </c>
      <c r="C36273" s="14" t="s">
        <v>101</v>
      </c>
      <c r="D36273" s="14" t="s">
        <v>14</v>
      </c>
      <c r="E36273" s="15">
        <v>45514</v>
      </c>
      <c r="F36273" s="14" t="s">
        <v>15</v>
      </c>
      <c r="G36273" s="16">
        <v>0.22222336651842059</v>
      </c>
    </row>
    <row r="36274" spans="1:7" x14ac:dyDescent="0.3">
      <c r="A36274" s="13" t="s">
        <v>221</v>
      </c>
      <c r="B36274" s="14" t="s">
        <v>1</v>
      </c>
      <c r="C36274" s="14" t="s">
        <v>101</v>
      </c>
      <c r="D36274" s="14" t="s">
        <v>14</v>
      </c>
      <c r="E36274" s="15">
        <v>45515</v>
      </c>
      <c r="F36274" s="14" t="s">
        <v>15</v>
      </c>
      <c r="G36274" s="16">
        <v>0.22222336651842059</v>
      </c>
    </row>
    <row r="36275" spans="1:7" x14ac:dyDescent="0.3">
      <c r="A36275" s="13" t="s">
        <v>221</v>
      </c>
      <c r="B36275" s="14" t="s">
        <v>1</v>
      </c>
      <c r="C36275" s="14" t="s">
        <v>101</v>
      </c>
      <c r="D36275" s="14" t="s">
        <v>14</v>
      </c>
      <c r="E36275" s="15">
        <v>45516</v>
      </c>
      <c r="F36275" s="14" t="s">
        <v>15</v>
      </c>
      <c r="G36275" s="16">
        <v>0.2168065129992752</v>
      </c>
    </row>
    <row r="36276" spans="1:7" x14ac:dyDescent="0.3">
      <c r="A36276" s="13" t="s">
        <v>221</v>
      </c>
      <c r="B36276" s="14" t="s">
        <v>1</v>
      </c>
      <c r="C36276" s="14" t="s">
        <v>101</v>
      </c>
      <c r="D36276" s="14" t="s">
        <v>14</v>
      </c>
      <c r="E36276" s="15">
        <v>45517</v>
      </c>
      <c r="F36276" s="14" t="s">
        <v>15</v>
      </c>
      <c r="G36276" s="16">
        <v>0.20117308986116975</v>
      </c>
    </row>
    <row r="36277" spans="1:7" x14ac:dyDescent="0.3">
      <c r="A36277" s="13" t="s">
        <v>221</v>
      </c>
      <c r="B36277" s="14" t="s">
        <v>1</v>
      </c>
      <c r="C36277" s="14" t="s">
        <v>101</v>
      </c>
      <c r="D36277" s="14" t="s">
        <v>14</v>
      </c>
      <c r="E36277" s="15">
        <v>45518</v>
      </c>
      <c r="F36277" s="14" t="s">
        <v>15</v>
      </c>
      <c r="G36277" s="16">
        <v>0.2066756356677982</v>
      </c>
    </row>
    <row r="36278" spans="1:7" x14ac:dyDescent="0.3">
      <c r="A36278" s="13" t="s">
        <v>221</v>
      </c>
      <c r="B36278" s="14" t="s">
        <v>1</v>
      </c>
      <c r="C36278" s="14" t="s">
        <v>101</v>
      </c>
      <c r="D36278" s="14" t="s">
        <v>14</v>
      </c>
      <c r="E36278" s="15">
        <v>45519</v>
      </c>
      <c r="F36278" s="14" t="s">
        <v>15</v>
      </c>
      <c r="G36278" s="16">
        <v>0.20119953196988075</v>
      </c>
    </row>
    <row r="36279" spans="1:7" x14ac:dyDescent="0.3">
      <c r="A36279" s="13" t="s">
        <v>221</v>
      </c>
      <c r="B36279" s="14" t="s">
        <v>1</v>
      </c>
      <c r="C36279" s="14" t="s">
        <v>101</v>
      </c>
      <c r="D36279" s="14" t="s">
        <v>14</v>
      </c>
      <c r="E36279" s="15">
        <v>45520</v>
      </c>
      <c r="F36279" s="14" t="s">
        <v>15</v>
      </c>
      <c r="G36279" s="16">
        <v>0.21349541723917137</v>
      </c>
    </row>
    <row r="36280" spans="1:7" x14ac:dyDescent="0.3">
      <c r="A36280" s="13" t="s">
        <v>221</v>
      </c>
      <c r="B36280" s="14" t="s">
        <v>1</v>
      </c>
      <c r="C36280" s="14" t="s">
        <v>101</v>
      </c>
      <c r="D36280" s="14" t="s">
        <v>14</v>
      </c>
      <c r="E36280" s="15">
        <v>45521</v>
      </c>
      <c r="F36280" s="14" t="s">
        <v>15</v>
      </c>
      <c r="G36280" s="16">
        <v>0.21349541723917137</v>
      </c>
    </row>
    <row r="36281" spans="1:7" x14ac:dyDescent="0.3">
      <c r="A36281" s="13" t="s">
        <v>221</v>
      </c>
      <c r="B36281" s="14" t="s">
        <v>1</v>
      </c>
      <c r="C36281" s="14" t="s">
        <v>101</v>
      </c>
      <c r="D36281" s="14" t="s">
        <v>14</v>
      </c>
      <c r="E36281" s="15">
        <v>45522</v>
      </c>
      <c r="F36281" s="14" t="s">
        <v>15</v>
      </c>
      <c r="G36281" s="16">
        <v>0.21349541723917137</v>
      </c>
    </row>
    <row r="36282" spans="1:7" x14ac:dyDescent="0.3">
      <c r="A36282" s="13" t="s">
        <v>221</v>
      </c>
      <c r="B36282" s="14" t="s">
        <v>1</v>
      </c>
      <c r="C36282" s="14" t="s">
        <v>101</v>
      </c>
      <c r="D36282" s="14" t="s">
        <v>14</v>
      </c>
      <c r="E36282" s="15">
        <v>45523</v>
      </c>
      <c r="F36282" s="14" t="s">
        <v>15</v>
      </c>
      <c r="G36282" s="16">
        <v>0.21475544593475682</v>
      </c>
    </row>
    <row r="36283" spans="1:7" x14ac:dyDescent="0.3">
      <c r="A36283" s="13" t="s">
        <v>221</v>
      </c>
      <c r="B36283" s="14" t="s">
        <v>1</v>
      </c>
      <c r="C36283" s="14" t="s">
        <v>101</v>
      </c>
      <c r="D36283" s="14" t="s">
        <v>14</v>
      </c>
      <c r="E36283" s="15">
        <v>45524</v>
      </c>
      <c r="F36283" s="14" t="s">
        <v>15</v>
      </c>
      <c r="G36283" s="16">
        <v>0.19870624999044034</v>
      </c>
    </row>
    <row r="36284" spans="1:7" x14ac:dyDescent="0.3">
      <c r="A36284" s="13" t="s">
        <v>221</v>
      </c>
      <c r="B36284" s="14" t="s">
        <v>1</v>
      </c>
      <c r="C36284" s="14" t="s">
        <v>101</v>
      </c>
      <c r="D36284" s="14" t="s">
        <v>14</v>
      </c>
      <c r="E36284" s="15">
        <v>45525</v>
      </c>
      <c r="F36284" s="14" t="s">
        <v>15</v>
      </c>
      <c r="G36284" s="16">
        <v>0.1926723773682201</v>
      </c>
    </row>
    <row r="36285" spans="1:7" x14ac:dyDescent="0.3">
      <c r="A36285" s="13" t="s">
        <v>221</v>
      </c>
      <c r="B36285" s="14" t="s">
        <v>1</v>
      </c>
      <c r="C36285" s="14" t="s">
        <v>101</v>
      </c>
      <c r="D36285" s="14" t="s">
        <v>14</v>
      </c>
      <c r="E36285" s="15">
        <v>45526</v>
      </c>
      <c r="F36285" s="14" t="s">
        <v>15</v>
      </c>
      <c r="G36285" s="16">
        <v>0.24395896648877238</v>
      </c>
    </row>
    <row r="36286" spans="1:7" x14ac:dyDescent="0.3">
      <c r="A36286" s="13" t="s">
        <v>221</v>
      </c>
      <c r="B36286" s="14" t="s">
        <v>1</v>
      </c>
      <c r="C36286" s="14" t="s">
        <v>101</v>
      </c>
      <c r="D36286" s="14" t="s">
        <v>14</v>
      </c>
      <c r="E36286" s="15">
        <v>45527</v>
      </c>
      <c r="F36286" s="14" t="s">
        <v>15</v>
      </c>
      <c r="G36286" s="16">
        <v>0.23830797667742135</v>
      </c>
    </row>
    <row r="36287" spans="1:7" x14ac:dyDescent="0.3">
      <c r="A36287" s="13" t="s">
        <v>221</v>
      </c>
      <c r="B36287" s="14" t="s">
        <v>1</v>
      </c>
      <c r="C36287" s="14" t="s">
        <v>101</v>
      </c>
      <c r="D36287" s="14" t="s">
        <v>14</v>
      </c>
      <c r="E36287" s="15">
        <v>45528</v>
      </c>
      <c r="F36287" s="14" t="s">
        <v>15</v>
      </c>
      <c r="G36287" s="16">
        <v>0.23830797667742135</v>
      </c>
    </row>
    <row r="36288" spans="1:7" x14ac:dyDescent="0.3">
      <c r="A36288" s="13" t="s">
        <v>221</v>
      </c>
      <c r="B36288" s="14" t="s">
        <v>1</v>
      </c>
      <c r="C36288" s="14" t="s">
        <v>101</v>
      </c>
      <c r="D36288" s="14" t="s">
        <v>14</v>
      </c>
      <c r="E36288" s="15">
        <v>45529</v>
      </c>
      <c r="F36288" s="14" t="s">
        <v>15</v>
      </c>
      <c r="G36288" s="16">
        <v>0.23830797667742135</v>
      </c>
    </row>
    <row r="36289" spans="1:7" x14ac:dyDescent="0.3">
      <c r="A36289" s="13" t="s">
        <v>221</v>
      </c>
      <c r="B36289" s="14" t="s">
        <v>1</v>
      </c>
      <c r="C36289" s="14" t="s">
        <v>101</v>
      </c>
      <c r="D36289" s="14" t="s">
        <v>14</v>
      </c>
      <c r="E36289" s="15">
        <v>45530</v>
      </c>
      <c r="F36289" s="14" t="s">
        <v>15</v>
      </c>
      <c r="G36289" s="16">
        <v>0.24157995029741189</v>
      </c>
    </row>
    <row r="36290" spans="1:7" x14ac:dyDescent="0.3">
      <c r="A36290" s="13" t="s">
        <v>221</v>
      </c>
      <c r="B36290" s="14" t="s">
        <v>1</v>
      </c>
      <c r="C36290" s="14" t="s">
        <v>101</v>
      </c>
      <c r="D36290" s="14" t="s">
        <v>14</v>
      </c>
      <c r="E36290" s="15">
        <v>45531</v>
      </c>
      <c r="F36290" s="14" t="s">
        <v>15</v>
      </c>
      <c r="G36290" s="16">
        <v>0.22513224850376562</v>
      </c>
    </row>
    <row r="36291" spans="1:7" x14ac:dyDescent="0.3">
      <c r="A36291" s="13" t="s">
        <v>221</v>
      </c>
      <c r="B36291" s="14" t="s">
        <v>1</v>
      </c>
      <c r="C36291" s="14" t="s">
        <v>101</v>
      </c>
      <c r="D36291" s="14" t="s">
        <v>14</v>
      </c>
      <c r="E36291" s="15">
        <v>45532</v>
      </c>
      <c r="F36291" s="14" t="s">
        <v>15</v>
      </c>
      <c r="G36291" s="16">
        <v>0.21944121232293415</v>
      </c>
    </row>
    <row r="36292" spans="1:7" x14ac:dyDescent="0.3">
      <c r="A36292" s="13" t="s">
        <v>221</v>
      </c>
      <c r="B36292" s="14" t="s">
        <v>1</v>
      </c>
      <c r="C36292" s="14" t="s">
        <v>101</v>
      </c>
      <c r="D36292" s="14" t="s">
        <v>14</v>
      </c>
      <c r="E36292" s="15">
        <v>45533</v>
      </c>
      <c r="F36292" s="14" t="s">
        <v>15</v>
      </c>
      <c r="G36292" s="16">
        <v>0.21374806843844585</v>
      </c>
    </row>
    <row r="36293" spans="1:7" x14ac:dyDescent="0.3">
      <c r="A36293" s="13" t="s">
        <v>221</v>
      </c>
      <c r="B36293" s="14" t="s">
        <v>1</v>
      </c>
      <c r="C36293" s="14" t="s">
        <v>101</v>
      </c>
      <c r="D36293" s="14" t="s">
        <v>14</v>
      </c>
      <c r="E36293" s="15">
        <v>45534</v>
      </c>
      <c r="F36293" s="14" t="s">
        <v>15</v>
      </c>
      <c r="G36293" s="16">
        <v>0.21420731152834893</v>
      </c>
    </row>
    <row r="36294" spans="1:7" x14ac:dyDescent="0.3">
      <c r="A36294" s="13" t="s">
        <v>221</v>
      </c>
      <c r="B36294" s="14" t="s">
        <v>1</v>
      </c>
      <c r="C36294" s="14" t="s">
        <v>101</v>
      </c>
      <c r="D36294" s="14" t="s">
        <v>14</v>
      </c>
      <c r="E36294" s="15">
        <v>45535</v>
      </c>
      <c r="F36294" s="14" t="s">
        <v>15</v>
      </c>
      <c r="G36294" s="16">
        <v>0.21420731152834893</v>
      </c>
    </row>
    <row r="36295" spans="1:7" x14ac:dyDescent="0.3">
      <c r="A36295" s="13" t="s">
        <v>221</v>
      </c>
      <c r="B36295" s="14" t="s">
        <v>1</v>
      </c>
      <c r="C36295" s="14" t="s">
        <v>101</v>
      </c>
      <c r="D36295" s="14" t="s">
        <v>14</v>
      </c>
      <c r="E36295" s="15">
        <v>45536</v>
      </c>
      <c r="F36295" s="14" t="s">
        <v>15</v>
      </c>
      <c r="G36295" s="16">
        <v>0.21420731152834893</v>
      </c>
    </row>
    <row r="36296" spans="1:7" x14ac:dyDescent="0.3">
      <c r="A36296" s="13" t="s">
        <v>221</v>
      </c>
      <c r="B36296" s="14" t="s">
        <v>1</v>
      </c>
      <c r="C36296" s="14" t="s">
        <v>101</v>
      </c>
      <c r="D36296" s="14" t="s">
        <v>14</v>
      </c>
      <c r="E36296" s="15">
        <v>45537</v>
      </c>
      <c r="F36296" s="14" t="s">
        <v>15</v>
      </c>
      <c r="G36296" s="16">
        <v>0.27088954966514844</v>
      </c>
    </row>
    <row r="36297" spans="1:7" x14ac:dyDescent="0.3">
      <c r="A36297" s="13" t="s">
        <v>221</v>
      </c>
      <c r="B36297" s="14" t="s">
        <v>1</v>
      </c>
      <c r="C36297" s="14" t="s">
        <v>101</v>
      </c>
      <c r="D36297" s="14" t="s">
        <v>14</v>
      </c>
      <c r="E36297" s="15">
        <v>45538</v>
      </c>
      <c r="F36297" s="14" t="s">
        <v>15</v>
      </c>
      <c r="G36297" s="16">
        <v>0.25491608119429698</v>
      </c>
    </row>
    <row r="36298" spans="1:7" x14ac:dyDescent="0.3">
      <c r="A36298" s="13" t="s">
        <v>221</v>
      </c>
      <c r="B36298" s="14" t="s">
        <v>1</v>
      </c>
      <c r="C36298" s="14" t="s">
        <v>101</v>
      </c>
      <c r="D36298" s="14" t="s">
        <v>14</v>
      </c>
      <c r="E36298" s="15">
        <v>45539</v>
      </c>
      <c r="F36298" s="14" t="s">
        <v>15</v>
      </c>
      <c r="G36298" s="16">
        <v>0.24918078323667134</v>
      </c>
    </row>
    <row r="36299" spans="1:7" x14ac:dyDescent="0.3">
      <c r="A36299" s="13" t="s">
        <v>221</v>
      </c>
      <c r="B36299" s="14" t="s">
        <v>1</v>
      </c>
      <c r="C36299" s="14" t="s">
        <v>101</v>
      </c>
      <c r="D36299" s="14" t="s">
        <v>14</v>
      </c>
      <c r="E36299" s="15">
        <v>45540</v>
      </c>
      <c r="F36299" s="14" t="s">
        <v>15</v>
      </c>
      <c r="G36299" s="16">
        <v>0.25774520073905205</v>
      </c>
    </row>
    <row r="36300" spans="1:7" x14ac:dyDescent="0.3">
      <c r="A36300" s="13" t="s">
        <v>221</v>
      </c>
      <c r="B36300" s="14" t="s">
        <v>1</v>
      </c>
      <c r="C36300" s="14" t="s">
        <v>101</v>
      </c>
      <c r="D36300" s="14" t="s">
        <v>14</v>
      </c>
      <c r="E36300" s="15">
        <v>45541</v>
      </c>
      <c r="F36300" s="14" t="s">
        <v>15</v>
      </c>
      <c r="G36300" s="16">
        <v>0.25203602605683179</v>
      </c>
    </row>
    <row r="36301" spans="1:7" x14ac:dyDescent="0.3">
      <c r="A36301" s="13" t="s">
        <v>221</v>
      </c>
      <c r="B36301" s="14" t="s">
        <v>1</v>
      </c>
      <c r="C36301" s="14" t="s">
        <v>101</v>
      </c>
      <c r="D36301" s="14" t="s">
        <v>14</v>
      </c>
      <c r="E36301" s="15">
        <v>45542</v>
      </c>
      <c r="F36301" s="14" t="s">
        <v>15</v>
      </c>
      <c r="G36301" s="16">
        <v>0.25203602605683179</v>
      </c>
    </row>
    <row r="36302" spans="1:7" x14ac:dyDescent="0.3">
      <c r="A36302" s="13" t="s">
        <v>221</v>
      </c>
      <c r="B36302" s="14" t="s">
        <v>1</v>
      </c>
      <c r="C36302" s="14" t="s">
        <v>101</v>
      </c>
      <c r="D36302" s="14" t="s">
        <v>14</v>
      </c>
      <c r="E36302" s="15">
        <v>45543</v>
      </c>
      <c r="F36302" s="14" t="s">
        <v>15</v>
      </c>
      <c r="G36302" s="16">
        <v>0.25203602605683179</v>
      </c>
    </row>
    <row r="36303" spans="1:7" x14ac:dyDescent="0.3">
      <c r="A36303" s="13" t="s">
        <v>221</v>
      </c>
      <c r="B36303" s="14" t="s">
        <v>1</v>
      </c>
      <c r="C36303" s="14" t="s">
        <v>101</v>
      </c>
      <c r="D36303" s="14" t="s">
        <v>14</v>
      </c>
      <c r="E36303" s="15">
        <v>45544</v>
      </c>
      <c r="F36303" s="14" t="s">
        <v>15</v>
      </c>
      <c r="G36303" s="16">
        <v>0.25268403960243291</v>
      </c>
    </row>
    <row r="36304" spans="1:7" x14ac:dyDescent="0.3">
      <c r="A36304" s="13" t="s">
        <v>221</v>
      </c>
      <c r="B36304" s="14" t="s">
        <v>1</v>
      </c>
      <c r="C36304" s="14" t="s">
        <v>101</v>
      </c>
      <c r="D36304" s="14" t="s">
        <v>14</v>
      </c>
      <c r="E36304" s="15">
        <v>45545</v>
      </c>
      <c r="F36304" s="14" t="s">
        <v>15</v>
      </c>
      <c r="G36304" s="16">
        <v>0.23638413868688635</v>
      </c>
    </row>
    <row r="36305" spans="1:7" x14ac:dyDescent="0.3">
      <c r="A36305" s="13" t="s">
        <v>221</v>
      </c>
      <c r="B36305" s="14" t="s">
        <v>1</v>
      </c>
      <c r="C36305" s="14" t="s">
        <v>101</v>
      </c>
      <c r="D36305" s="14" t="s">
        <v>14</v>
      </c>
      <c r="E36305" s="15">
        <v>45546</v>
      </c>
      <c r="F36305" s="14" t="s">
        <v>15</v>
      </c>
      <c r="G36305" s="16">
        <v>0.23071201672539446</v>
      </c>
    </row>
    <row r="36306" spans="1:7" x14ac:dyDescent="0.3">
      <c r="A36306" s="13" t="s">
        <v>221</v>
      </c>
      <c r="B36306" s="14" t="s">
        <v>1</v>
      </c>
      <c r="C36306" s="14" t="s">
        <v>101</v>
      </c>
      <c r="D36306" s="14" t="s">
        <v>14</v>
      </c>
      <c r="E36306" s="15">
        <v>45547</v>
      </c>
      <c r="F36306" s="14" t="s">
        <v>15</v>
      </c>
      <c r="G36306" s="16">
        <v>0.25239538915306209</v>
      </c>
    </row>
    <row r="36307" spans="1:7" x14ac:dyDescent="0.3">
      <c r="A36307" s="13" t="s">
        <v>221</v>
      </c>
      <c r="B36307" s="14" t="s">
        <v>1</v>
      </c>
      <c r="C36307" s="14" t="s">
        <v>101</v>
      </c>
      <c r="D36307" s="14" t="s">
        <v>14</v>
      </c>
      <c r="E36307" s="15">
        <v>45548</v>
      </c>
      <c r="F36307" s="14" t="s">
        <v>15</v>
      </c>
      <c r="G36307" s="16">
        <v>0.24406923373825654</v>
      </c>
    </row>
    <row r="36308" spans="1:7" x14ac:dyDescent="0.3">
      <c r="A36308" s="13" t="s">
        <v>221</v>
      </c>
      <c r="B36308" s="14" t="s">
        <v>1</v>
      </c>
      <c r="C36308" s="14" t="s">
        <v>101</v>
      </c>
      <c r="D36308" s="14" t="s">
        <v>14</v>
      </c>
      <c r="E36308" s="15">
        <v>45549</v>
      </c>
      <c r="F36308" s="14" t="s">
        <v>15</v>
      </c>
      <c r="G36308" s="16">
        <v>0.24406923373825654</v>
      </c>
    </row>
    <row r="36309" spans="1:7" x14ac:dyDescent="0.3">
      <c r="A36309" s="13" t="s">
        <v>221</v>
      </c>
      <c r="B36309" s="14" t="s">
        <v>1</v>
      </c>
      <c r="C36309" s="14" t="s">
        <v>101</v>
      </c>
      <c r="D36309" s="14" t="s">
        <v>14</v>
      </c>
      <c r="E36309" s="15">
        <v>45550</v>
      </c>
      <c r="F36309" s="14" t="s">
        <v>15</v>
      </c>
      <c r="G36309" s="16">
        <v>0.24406923373825654</v>
      </c>
    </row>
    <row r="36310" spans="1:7" x14ac:dyDescent="0.3">
      <c r="A36310" s="13" t="s">
        <v>221</v>
      </c>
      <c r="B36310" s="14" t="s">
        <v>1</v>
      </c>
      <c r="C36310" s="14" t="s">
        <v>101</v>
      </c>
      <c r="D36310" s="14" t="s">
        <v>14</v>
      </c>
      <c r="E36310" s="15">
        <v>45551</v>
      </c>
      <c r="F36310" s="14" t="s">
        <v>15</v>
      </c>
      <c r="G36310" s="16">
        <v>0.24796835886547944</v>
      </c>
    </row>
    <row r="36311" spans="1:7" x14ac:dyDescent="0.3">
      <c r="A36311" s="13" t="s">
        <v>221</v>
      </c>
      <c r="B36311" s="14" t="s">
        <v>1</v>
      </c>
      <c r="C36311" s="14" t="s">
        <v>101</v>
      </c>
      <c r="D36311" s="14" t="s">
        <v>14</v>
      </c>
      <c r="E36311" s="15">
        <v>45552</v>
      </c>
      <c r="F36311" s="14" t="s">
        <v>15</v>
      </c>
      <c r="G36311" s="16">
        <v>0.23126617126773943</v>
      </c>
    </row>
    <row r="36312" spans="1:7" x14ac:dyDescent="0.3">
      <c r="A36312" s="13" t="s">
        <v>221</v>
      </c>
      <c r="B36312" s="14" t="s">
        <v>1</v>
      </c>
      <c r="C36312" s="14" t="s">
        <v>101</v>
      </c>
      <c r="D36312" s="14" t="s">
        <v>14</v>
      </c>
      <c r="E36312" s="15">
        <v>45553</v>
      </c>
      <c r="F36312" s="14" t="s">
        <v>15</v>
      </c>
      <c r="G36312" s="16">
        <v>0.23456080772250837</v>
      </c>
    </row>
    <row r="36313" spans="1:7" x14ac:dyDescent="0.3">
      <c r="A36313" s="13" t="s">
        <v>221</v>
      </c>
      <c r="B36313" s="14" t="s">
        <v>1</v>
      </c>
      <c r="C36313" s="14" t="s">
        <v>101</v>
      </c>
      <c r="D36313" s="14" t="s">
        <v>14</v>
      </c>
      <c r="E36313" s="15">
        <v>45554</v>
      </c>
      <c r="F36313" s="14" t="s">
        <v>15</v>
      </c>
      <c r="G36313" s="16">
        <v>0.22875317866806713</v>
      </c>
    </row>
    <row r="36314" spans="1:7" x14ac:dyDescent="0.3">
      <c r="A36314" s="13" t="s">
        <v>221</v>
      </c>
      <c r="B36314" s="14" t="s">
        <v>1</v>
      </c>
      <c r="C36314" s="14" t="s">
        <v>101</v>
      </c>
      <c r="D36314" s="14" t="s">
        <v>14</v>
      </c>
      <c r="E36314" s="15">
        <v>45555</v>
      </c>
      <c r="F36314" s="14" t="s">
        <v>15</v>
      </c>
      <c r="G36314" s="16">
        <v>0.22950388118254389</v>
      </c>
    </row>
    <row r="36315" spans="1:7" x14ac:dyDescent="0.3">
      <c r="A36315" s="13" t="s">
        <v>221</v>
      </c>
      <c r="B36315" s="14" t="s">
        <v>1</v>
      </c>
      <c r="C36315" s="14" t="s">
        <v>101</v>
      </c>
      <c r="D36315" s="14" t="s">
        <v>14</v>
      </c>
      <c r="E36315" s="15">
        <v>45556</v>
      </c>
      <c r="F36315" s="14" t="s">
        <v>15</v>
      </c>
      <c r="G36315" s="16">
        <v>0.22950388118254389</v>
      </c>
    </row>
    <row r="36316" spans="1:7" x14ac:dyDescent="0.3">
      <c r="A36316" s="13" t="s">
        <v>221</v>
      </c>
      <c r="B36316" s="14" t="s">
        <v>1</v>
      </c>
      <c r="C36316" s="14" t="s">
        <v>101</v>
      </c>
      <c r="D36316" s="14" t="s">
        <v>14</v>
      </c>
      <c r="E36316" s="15">
        <v>45557</v>
      </c>
      <c r="F36316" s="14" t="s">
        <v>15</v>
      </c>
      <c r="G36316" s="16">
        <v>0.22950388118254389</v>
      </c>
    </row>
    <row r="36317" spans="1:7" x14ac:dyDescent="0.3">
      <c r="A36317" s="13" t="s">
        <v>221</v>
      </c>
      <c r="B36317" s="14" t="s">
        <v>1</v>
      </c>
      <c r="C36317" s="14" t="s">
        <v>101</v>
      </c>
      <c r="D36317" s="14" t="s">
        <v>14</v>
      </c>
      <c r="E36317" s="15">
        <v>45558</v>
      </c>
      <c r="F36317" s="14" t="s">
        <v>15</v>
      </c>
      <c r="G36317" s="16">
        <v>0.22363167452911897</v>
      </c>
    </row>
    <row r="36318" spans="1:7" x14ac:dyDescent="0.3">
      <c r="A36318" s="13" t="s">
        <v>221</v>
      </c>
      <c r="B36318" s="14" t="s">
        <v>1</v>
      </c>
      <c r="C36318" s="14" t="s">
        <v>101</v>
      </c>
      <c r="D36318" s="14" t="s">
        <v>14</v>
      </c>
      <c r="E36318" s="15">
        <v>45559</v>
      </c>
      <c r="F36318" s="14" t="s">
        <v>15</v>
      </c>
      <c r="G36318" s="16">
        <v>0.20665953139464383</v>
      </c>
    </row>
    <row r="36319" spans="1:7" x14ac:dyDescent="0.3">
      <c r="A36319" s="13" t="s">
        <v>221</v>
      </c>
      <c r="B36319" s="14" t="s">
        <v>1</v>
      </c>
      <c r="C36319" s="14" t="s">
        <v>101</v>
      </c>
      <c r="D36319" s="14" t="s">
        <v>14</v>
      </c>
      <c r="E36319" s="15">
        <v>45560</v>
      </c>
      <c r="F36319" s="14" t="s">
        <v>15</v>
      </c>
      <c r="G36319" s="16">
        <v>0.21461562222538949</v>
      </c>
    </row>
    <row r="36320" spans="1:7" x14ac:dyDescent="0.3">
      <c r="A36320" s="13" t="s">
        <v>221</v>
      </c>
      <c r="B36320" s="14" t="s">
        <v>1</v>
      </c>
      <c r="C36320" s="14" t="s">
        <v>101</v>
      </c>
      <c r="D36320" s="14" t="s">
        <v>14</v>
      </c>
      <c r="E36320" s="15">
        <v>45561</v>
      </c>
      <c r="F36320" s="14" t="s">
        <v>15</v>
      </c>
      <c r="G36320" s="16">
        <v>0.20870083760315022</v>
      </c>
    </row>
    <row r="36321" spans="1:7" x14ac:dyDescent="0.3">
      <c r="A36321" s="13" t="s">
        <v>221</v>
      </c>
      <c r="B36321" s="14" t="s">
        <v>1</v>
      </c>
      <c r="C36321" s="14" t="s">
        <v>101</v>
      </c>
      <c r="D36321" s="14" t="s">
        <v>14</v>
      </c>
      <c r="E36321" s="15">
        <v>45562</v>
      </c>
      <c r="F36321" s="14" t="s">
        <v>15</v>
      </c>
      <c r="G36321" s="16">
        <v>0.20279940411575742</v>
      </c>
    </row>
    <row r="36322" spans="1:7" x14ac:dyDescent="0.3">
      <c r="A36322" s="13" t="s">
        <v>221</v>
      </c>
      <c r="B36322" s="14" t="s">
        <v>1</v>
      </c>
      <c r="C36322" s="14" t="s">
        <v>101</v>
      </c>
      <c r="D36322" s="14" t="s">
        <v>14</v>
      </c>
      <c r="E36322" s="15">
        <v>45563</v>
      </c>
      <c r="F36322" s="14" t="s">
        <v>15</v>
      </c>
      <c r="G36322" s="16">
        <v>0.20279940411575742</v>
      </c>
    </row>
    <row r="36323" spans="1:7" x14ac:dyDescent="0.3">
      <c r="A36323" s="13" t="s">
        <v>221</v>
      </c>
      <c r="B36323" s="14" t="s">
        <v>1</v>
      </c>
      <c r="C36323" s="14" t="s">
        <v>101</v>
      </c>
      <c r="D36323" s="14" t="s">
        <v>14</v>
      </c>
      <c r="E36323" s="15">
        <v>45564</v>
      </c>
      <c r="F36323" s="14" t="s">
        <v>15</v>
      </c>
      <c r="G36323" s="16">
        <v>0.20279940411575742</v>
      </c>
    </row>
    <row r="36324" spans="1:7" x14ac:dyDescent="0.3">
      <c r="A36324" s="13" t="s">
        <v>221</v>
      </c>
      <c r="B36324" s="14" t="s">
        <v>1</v>
      </c>
      <c r="C36324" s="14" t="s">
        <v>101</v>
      </c>
      <c r="D36324" s="14" t="s">
        <v>14</v>
      </c>
      <c r="E36324" s="15">
        <v>45565</v>
      </c>
      <c r="F36324" s="14" t="s">
        <v>15</v>
      </c>
      <c r="G36324" s="16">
        <v>0.29898360862187978</v>
      </c>
    </row>
    <row r="36325" spans="1:7" x14ac:dyDescent="0.3">
      <c r="A36325" s="13" t="s">
        <v>221</v>
      </c>
      <c r="B36325" s="14" t="s">
        <v>1</v>
      </c>
      <c r="C36325" s="14" t="s">
        <v>101</v>
      </c>
      <c r="D36325" s="14" t="s">
        <v>14</v>
      </c>
      <c r="E36325" s="15">
        <v>45566</v>
      </c>
      <c r="F36325" s="14" t="s">
        <v>15</v>
      </c>
      <c r="G36325" s="16">
        <v>0.28585348926761683</v>
      </c>
    </row>
    <row r="36326" spans="1:7" x14ac:dyDescent="0.3">
      <c r="A36326" s="13" t="s">
        <v>221</v>
      </c>
      <c r="B36326" s="14" t="s">
        <v>1</v>
      </c>
      <c r="C36326" s="14" t="s">
        <v>101</v>
      </c>
      <c r="D36326" s="14" t="s">
        <v>14</v>
      </c>
      <c r="E36326" s="15">
        <v>45567</v>
      </c>
      <c r="F36326" s="14" t="s">
        <v>15</v>
      </c>
      <c r="G36326" s="16">
        <v>0.27927686981798866</v>
      </c>
    </row>
    <row r="36327" spans="1:7" x14ac:dyDescent="0.3">
      <c r="A36327" s="13" t="s">
        <v>221</v>
      </c>
      <c r="B36327" s="14" t="s">
        <v>1</v>
      </c>
      <c r="C36327" s="14" t="s">
        <v>101</v>
      </c>
      <c r="D36327" s="14" t="s">
        <v>14</v>
      </c>
      <c r="E36327" s="15">
        <v>45568</v>
      </c>
      <c r="F36327" s="14" t="s">
        <v>15</v>
      </c>
      <c r="G36327" s="16">
        <v>0.2708587474120378</v>
      </c>
    </row>
    <row r="36328" spans="1:7" x14ac:dyDescent="0.3">
      <c r="A36328" s="13" t="s">
        <v>221</v>
      </c>
      <c r="B36328" s="14" t="s">
        <v>1</v>
      </c>
      <c r="C36328" s="14" t="s">
        <v>101</v>
      </c>
      <c r="D36328" s="14" t="s">
        <v>14</v>
      </c>
      <c r="E36328" s="15">
        <v>45569</v>
      </c>
      <c r="F36328" s="14" t="s">
        <v>15</v>
      </c>
      <c r="G36328" s="16">
        <v>0.26495540661966693</v>
      </c>
    </row>
    <row r="36329" spans="1:7" x14ac:dyDescent="0.3">
      <c r="A36329" s="13" t="s">
        <v>221</v>
      </c>
      <c r="B36329" s="14" t="s">
        <v>1</v>
      </c>
      <c r="C36329" s="14" t="s">
        <v>101</v>
      </c>
      <c r="D36329" s="14" t="s">
        <v>14</v>
      </c>
      <c r="E36329" s="15">
        <v>45570</v>
      </c>
      <c r="F36329" s="14" t="s">
        <v>15</v>
      </c>
      <c r="G36329" s="16">
        <v>0.26495540661966693</v>
      </c>
    </row>
    <row r="36330" spans="1:7" x14ac:dyDescent="0.3">
      <c r="A36330" s="13" t="s">
        <v>221</v>
      </c>
      <c r="B36330" s="14" t="s">
        <v>1</v>
      </c>
      <c r="C36330" s="14" t="s">
        <v>101</v>
      </c>
      <c r="D36330" s="14" t="s">
        <v>14</v>
      </c>
      <c r="E36330" s="15">
        <v>45571</v>
      </c>
      <c r="F36330" s="14" t="s">
        <v>15</v>
      </c>
      <c r="G36330" s="16">
        <v>0.26495540661966693</v>
      </c>
    </row>
    <row r="36331" spans="1:7" x14ac:dyDescent="0.3">
      <c r="A36331" s="13" t="s">
        <v>221</v>
      </c>
      <c r="B36331" s="14" t="s">
        <v>1</v>
      </c>
      <c r="C36331" s="14" t="s">
        <v>101</v>
      </c>
      <c r="D36331" s="14" t="s">
        <v>14</v>
      </c>
      <c r="E36331" s="15">
        <v>45572</v>
      </c>
      <c r="F36331" s="14" t="s">
        <v>15</v>
      </c>
      <c r="G36331" s="16">
        <v>0.26354949096557567</v>
      </c>
    </row>
    <row r="36332" spans="1:7" x14ac:dyDescent="0.3">
      <c r="A36332" s="13" t="s">
        <v>221</v>
      </c>
      <c r="B36332" s="14" t="s">
        <v>1</v>
      </c>
      <c r="C36332" s="14" t="s">
        <v>101</v>
      </c>
      <c r="D36332" s="14" t="s">
        <v>14</v>
      </c>
      <c r="E36332" s="15">
        <v>45573</v>
      </c>
      <c r="F36332" s="14" t="s">
        <v>15</v>
      </c>
      <c r="G36332" s="16">
        <v>0.24658759591037818</v>
      </c>
    </row>
    <row r="36333" spans="1:7" x14ac:dyDescent="0.3">
      <c r="A36333" s="13" t="s">
        <v>221</v>
      </c>
      <c r="B36333" s="14" t="s">
        <v>1</v>
      </c>
      <c r="C36333" s="14" t="s">
        <v>101</v>
      </c>
      <c r="D36333" s="14" t="s">
        <v>14</v>
      </c>
      <c r="E36333" s="15">
        <v>45574</v>
      </c>
      <c r="F36333" s="14" t="s">
        <v>15</v>
      </c>
      <c r="G36333" s="16">
        <v>0.24075864001215186</v>
      </c>
    </row>
    <row r="36334" spans="1:7" x14ac:dyDescent="0.3">
      <c r="A36334" s="13" t="s">
        <v>221</v>
      </c>
      <c r="B36334" s="14" t="s">
        <v>1</v>
      </c>
      <c r="C36334" s="14" t="s">
        <v>101</v>
      </c>
      <c r="D36334" s="14" t="s">
        <v>14</v>
      </c>
      <c r="E36334" s="15">
        <v>45575</v>
      </c>
      <c r="F36334" s="14" t="s">
        <v>15</v>
      </c>
      <c r="G36334" s="16">
        <v>0.23492682315645846</v>
      </c>
    </row>
    <row r="36335" spans="1:7" x14ac:dyDescent="0.3">
      <c r="A36335" s="13" t="s">
        <v>221</v>
      </c>
      <c r="B36335" s="14" t="s">
        <v>1</v>
      </c>
      <c r="C36335" s="14" t="s">
        <v>101</v>
      </c>
      <c r="D36335" s="14" t="s">
        <v>14</v>
      </c>
      <c r="E36335" s="15">
        <v>45576</v>
      </c>
      <c r="F36335" s="14" t="s">
        <v>15</v>
      </c>
      <c r="G36335" s="16">
        <v>0.23899964105186181</v>
      </c>
    </row>
    <row r="36336" spans="1:7" x14ac:dyDescent="0.3">
      <c r="A36336" s="13" t="s">
        <v>221</v>
      </c>
      <c r="B36336" s="14" t="s">
        <v>1</v>
      </c>
      <c r="C36336" s="14" t="s">
        <v>101</v>
      </c>
      <c r="D36336" s="14" t="s">
        <v>14</v>
      </c>
      <c r="E36336" s="15">
        <v>45577</v>
      </c>
      <c r="F36336" s="14" t="s">
        <v>15</v>
      </c>
      <c r="G36336" s="16">
        <v>0.23899964105186181</v>
      </c>
    </row>
    <row r="36337" spans="1:7" x14ac:dyDescent="0.3">
      <c r="A36337" s="13" t="s">
        <v>221</v>
      </c>
      <c r="B36337" s="14" t="s">
        <v>1</v>
      </c>
      <c r="C36337" s="14" t="s">
        <v>101</v>
      </c>
      <c r="D36337" s="14" t="s">
        <v>14</v>
      </c>
      <c r="E36337" s="15">
        <v>45578</v>
      </c>
      <c r="F36337" s="14" t="s">
        <v>15</v>
      </c>
      <c r="G36337" s="16">
        <v>0.23899964105186181</v>
      </c>
    </row>
    <row r="36338" spans="1:7" x14ac:dyDescent="0.3">
      <c r="A36338" s="13" t="s">
        <v>221</v>
      </c>
      <c r="B36338" s="14" t="s">
        <v>1</v>
      </c>
      <c r="C36338" s="14" t="s">
        <v>101</v>
      </c>
      <c r="D36338" s="14" t="s">
        <v>14</v>
      </c>
      <c r="E36338" s="15">
        <v>45579</v>
      </c>
      <c r="F36338" s="14" t="s">
        <v>15</v>
      </c>
      <c r="G36338" s="16">
        <v>0.23809916121695804</v>
      </c>
    </row>
    <row r="36339" spans="1:7" x14ac:dyDescent="0.3">
      <c r="A36339" s="13" t="s">
        <v>221</v>
      </c>
      <c r="B36339" s="14" t="s">
        <v>1</v>
      </c>
      <c r="C36339" s="14" t="s">
        <v>101</v>
      </c>
      <c r="D36339" s="14" t="s">
        <v>14</v>
      </c>
      <c r="E36339" s="15">
        <v>45580</v>
      </c>
      <c r="F36339" s="14" t="s">
        <v>15</v>
      </c>
      <c r="G36339" s="16">
        <v>0.2211944853111025</v>
      </c>
    </row>
    <row r="36340" spans="1:7" x14ac:dyDescent="0.3">
      <c r="A36340" s="13" t="s">
        <v>221</v>
      </c>
      <c r="B36340" s="14" t="s">
        <v>1</v>
      </c>
      <c r="C36340" s="14" t="s">
        <v>101</v>
      </c>
      <c r="D36340" s="14" t="s">
        <v>14</v>
      </c>
      <c r="E36340" s="15">
        <v>45581</v>
      </c>
      <c r="F36340" s="14" t="s">
        <v>15</v>
      </c>
      <c r="G36340" s="16">
        <v>0.21533596618571618</v>
      </c>
    </row>
    <row r="36341" spans="1:7" x14ac:dyDescent="0.3">
      <c r="A36341" s="13" t="s">
        <v>221</v>
      </c>
      <c r="B36341" s="14" t="s">
        <v>1</v>
      </c>
      <c r="C36341" s="14" t="s">
        <v>101</v>
      </c>
      <c r="D36341" s="14" t="s">
        <v>14</v>
      </c>
      <c r="E36341" s="15">
        <v>45582</v>
      </c>
      <c r="F36341" s="14" t="s">
        <v>15</v>
      </c>
      <c r="G36341" s="16">
        <v>0.20949461280513246</v>
      </c>
    </row>
    <row r="36342" spans="1:7" x14ac:dyDescent="0.3">
      <c r="A36342" s="13" t="s">
        <v>221</v>
      </c>
      <c r="B36342" s="14" t="s">
        <v>1</v>
      </c>
      <c r="C36342" s="14" t="s">
        <v>101</v>
      </c>
      <c r="D36342" s="14" t="s">
        <v>14</v>
      </c>
      <c r="E36342" s="15">
        <v>45583</v>
      </c>
      <c r="F36342" s="14" t="s">
        <v>15</v>
      </c>
      <c r="G36342" s="16">
        <v>0.2036523057720597</v>
      </c>
    </row>
    <row r="36343" spans="1:7" x14ac:dyDescent="0.3">
      <c r="A36343" s="13" t="s">
        <v>221</v>
      </c>
      <c r="B36343" s="14" t="s">
        <v>1</v>
      </c>
      <c r="C36343" s="14" t="s">
        <v>101</v>
      </c>
      <c r="D36343" s="14" t="s">
        <v>14</v>
      </c>
      <c r="E36343" s="15">
        <v>45584</v>
      </c>
      <c r="F36343" s="14" t="s">
        <v>15</v>
      </c>
      <c r="G36343" s="16">
        <v>0.2036523057720597</v>
      </c>
    </row>
    <row r="36344" spans="1:7" x14ac:dyDescent="0.3">
      <c r="A36344" s="13" t="s">
        <v>221</v>
      </c>
      <c r="B36344" s="14" t="s">
        <v>1</v>
      </c>
      <c r="C36344" s="14" t="s">
        <v>101</v>
      </c>
      <c r="D36344" s="14" t="s">
        <v>14</v>
      </c>
      <c r="E36344" s="15">
        <v>45585</v>
      </c>
      <c r="F36344" s="14" t="s">
        <v>15</v>
      </c>
      <c r="G36344" s="16">
        <v>0.2036523057720597</v>
      </c>
    </row>
    <row r="36345" spans="1:7" x14ac:dyDescent="0.3">
      <c r="A36345" s="13" t="s">
        <v>221</v>
      </c>
      <c r="B36345" s="14" t="s">
        <v>1</v>
      </c>
      <c r="C36345" s="14" t="s">
        <v>101</v>
      </c>
      <c r="D36345" s="14" t="s">
        <v>14</v>
      </c>
      <c r="E36345" s="15">
        <v>45586</v>
      </c>
      <c r="F36345" s="14" t="s">
        <v>15</v>
      </c>
      <c r="G36345" s="16">
        <v>0.19894293789595813</v>
      </c>
    </row>
    <row r="36346" spans="1:7" x14ac:dyDescent="0.3">
      <c r="A36346" s="13" t="s">
        <v>221</v>
      </c>
      <c r="B36346" s="14" t="s">
        <v>1</v>
      </c>
      <c r="C36346" s="14" t="s">
        <v>101</v>
      </c>
      <c r="D36346" s="14" t="s">
        <v>14</v>
      </c>
      <c r="E36346" s="15">
        <v>45587</v>
      </c>
      <c r="F36346" s="14" t="s">
        <v>15</v>
      </c>
      <c r="G36346" s="16">
        <v>0.1819982085855632</v>
      </c>
    </row>
    <row r="36347" spans="1:7" x14ac:dyDescent="0.3">
      <c r="A36347" s="13" t="s">
        <v>221</v>
      </c>
      <c r="B36347" s="14" t="s">
        <v>1</v>
      </c>
      <c r="C36347" s="14" t="s">
        <v>101</v>
      </c>
      <c r="D36347" s="14" t="s">
        <v>14</v>
      </c>
      <c r="E36347" s="15">
        <v>45588</v>
      </c>
      <c r="F36347" s="14" t="s">
        <v>15</v>
      </c>
      <c r="G36347" s="16">
        <v>0.17617020633982594</v>
      </c>
    </row>
    <row r="36348" spans="1:7" x14ac:dyDescent="0.3">
      <c r="A36348" s="13" t="s">
        <v>221</v>
      </c>
      <c r="B36348" s="14" t="s">
        <v>1</v>
      </c>
      <c r="C36348" s="14" t="s">
        <v>101</v>
      </c>
      <c r="D36348" s="14" t="s">
        <v>14</v>
      </c>
      <c r="E36348" s="15">
        <v>45589</v>
      </c>
      <c r="F36348" s="14" t="s">
        <v>15</v>
      </c>
      <c r="G36348" s="16">
        <v>0.17060445852857276</v>
      </c>
    </row>
    <row r="36349" spans="1:7" x14ac:dyDescent="0.3">
      <c r="A36349" s="13" t="s">
        <v>221</v>
      </c>
      <c r="B36349" s="14" t="s">
        <v>1</v>
      </c>
      <c r="C36349" s="14" t="s">
        <v>101</v>
      </c>
      <c r="D36349" s="14" t="s">
        <v>14</v>
      </c>
      <c r="E36349" s="15">
        <v>45590</v>
      </c>
      <c r="F36349" s="14" t="s">
        <v>15</v>
      </c>
      <c r="G36349" s="16">
        <v>0.16484988752449103</v>
      </c>
    </row>
    <row r="36350" spans="1:7" x14ac:dyDescent="0.3">
      <c r="A36350" s="13" t="s">
        <v>221</v>
      </c>
      <c r="B36350" s="14" t="s">
        <v>1</v>
      </c>
      <c r="C36350" s="14" t="s">
        <v>101</v>
      </c>
      <c r="D36350" s="14" t="s">
        <v>14</v>
      </c>
      <c r="E36350" s="15">
        <v>45591</v>
      </c>
      <c r="F36350" s="14" t="s">
        <v>15</v>
      </c>
      <c r="G36350" s="16">
        <v>0.16484988752449103</v>
      </c>
    </row>
    <row r="36351" spans="1:7" x14ac:dyDescent="0.3">
      <c r="A36351" s="13" t="s">
        <v>221</v>
      </c>
      <c r="B36351" s="14" t="s">
        <v>1</v>
      </c>
      <c r="C36351" s="14" t="s">
        <v>101</v>
      </c>
      <c r="D36351" s="14" t="s">
        <v>14</v>
      </c>
      <c r="E36351" s="15">
        <v>45592</v>
      </c>
      <c r="F36351" s="14" t="s">
        <v>15</v>
      </c>
      <c r="G36351" s="16">
        <v>0.16484988752449103</v>
      </c>
    </row>
    <row r="36352" spans="1:7" x14ac:dyDescent="0.3">
      <c r="A36352" s="13" t="s">
        <v>221</v>
      </c>
      <c r="B36352" s="14" t="s">
        <v>1</v>
      </c>
      <c r="C36352" s="14" t="s">
        <v>101</v>
      </c>
      <c r="D36352" s="14" t="s">
        <v>14</v>
      </c>
      <c r="E36352" s="15">
        <v>45593</v>
      </c>
      <c r="F36352" s="14" t="s">
        <v>15</v>
      </c>
      <c r="G36352" s="16">
        <v>0.16484988752449103</v>
      </c>
    </row>
    <row r="36353" spans="1:7" x14ac:dyDescent="0.3">
      <c r="A36353" s="13" t="s">
        <v>221</v>
      </c>
      <c r="B36353" s="14" t="s">
        <v>1</v>
      </c>
      <c r="C36353" s="14" t="s">
        <v>101</v>
      </c>
      <c r="D36353" s="14" t="s">
        <v>14</v>
      </c>
      <c r="E36353" s="15">
        <v>45594</v>
      </c>
      <c r="F36353" s="14" t="s">
        <v>15</v>
      </c>
      <c r="G36353" s="16">
        <v>0.16016340730812625</v>
      </c>
    </row>
    <row r="36354" spans="1:7" x14ac:dyDescent="0.3">
      <c r="A36354" s="13" t="s">
        <v>221</v>
      </c>
      <c r="B36354" s="14" t="s">
        <v>1</v>
      </c>
      <c r="C36354" s="14" t="s">
        <v>101</v>
      </c>
      <c r="D36354" s="14" t="s">
        <v>14</v>
      </c>
      <c r="E36354" s="15">
        <v>45595</v>
      </c>
      <c r="F36354" s="14" t="s">
        <v>15</v>
      </c>
      <c r="G36354" s="16">
        <v>0.1379650064356486</v>
      </c>
    </row>
    <row r="36355" spans="1:7" x14ac:dyDescent="0.3">
      <c r="A36355" s="13" t="s">
        <v>221</v>
      </c>
      <c r="B36355" s="14" t="s">
        <v>1</v>
      </c>
      <c r="C36355" s="14" t="s">
        <v>101</v>
      </c>
      <c r="D36355" s="14" t="s">
        <v>14</v>
      </c>
      <c r="E36355" s="15">
        <v>45596</v>
      </c>
      <c r="F36355" s="14" t="s">
        <v>15</v>
      </c>
      <c r="G36355" s="16">
        <v>0.13218087220440686</v>
      </c>
    </row>
    <row r="36356" spans="1:7" x14ac:dyDescent="0.3">
      <c r="A36356" s="13" t="s">
        <v>221</v>
      </c>
      <c r="B36356" s="14" t="s">
        <v>1</v>
      </c>
      <c r="C36356" s="14" t="s">
        <v>101</v>
      </c>
      <c r="D36356" s="14" t="s">
        <v>14</v>
      </c>
      <c r="E36356" s="15">
        <v>45597</v>
      </c>
      <c r="F36356" s="14" t="s">
        <v>15</v>
      </c>
      <c r="G36356" s="16">
        <v>0.14055084821539285</v>
      </c>
    </row>
    <row r="36357" spans="1:7" x14ac:dyDescent="0.3">
      <c r="A36357" s="13" t="s">
        <v>221</v>
      </c>
      <c r="B36357" s="14" t="s">
        <v>1</v>
      </c>
      <c r="C36357" s="14" t="s">
        <v>101</v>
      </c>
      <c r="D36357" s="14" t="s">
        <v>14</v>
      </c>
      <c r="E36357" s="15">
        <v>45598</v>
      </c>
      <c r="F36357" s="14" t="s">
        <v>15</v>
      </c>
      <c r="G36357" s="16">
        <v>0.14055084821539285</v>
      </c>
    </row>
    <row r="36358" spans="1:7" x14ac:dyDescent="0.3">
      <c r="A36358" s="13" t="s">
        <v>221</v>
      </c>
      <c r="B36358" s="14" t="s">
        <v>1</v>
      </c>
      <c r="C36358" s="14" t="s">
        <v>101</v>
      </c>
      <c r="D36358" s="14" t="s">
        <v>14</v>
      </c>
      <c r="E36358" s="15">
        <v>45599</v>
      </c>
      <c r="F36358" s="14" t="s">
        <v>15</v>
      </c>
      <c r="G36358" s="16">
        <v>0.14055084821539285</v>
      </c>
    </row>
    <row r="36359" spans="1:7" x14ac:dyDescent="0.3">
      <c r="A36359" s="13" t="s">
        <v>221</v>
      </c>
      <c r="B36359" s="14" t="s">
        <v>1</v>
      </c>
      <c r="C36359" s="14" t="s">
        <v>101</v>
      </c>
      <c r="D36359" s="14" t="s">
        <v>14</v>
      </c>
      <c r="E36359" s="15">
        <v>45600</v>
      </c>
      <c r="F36359" s="14" t="s">
        <v>15</v>
      </c>
      <c r="G36359" s="16">
        <v>0.13544094629389744</v>
      </c>
    </row>
    <row r="36360" spans="1:7" x14ac:dyDescent="0.3">
      <c r="A36360" s="13" t="s">
        <v>221</v>
      </c>
      <c r="B36360" s="14" t="s">
        <v>1</v>
      </c>
      <c r="C36360" s="14" t="s">
        <v>101</v>
      </c>
      <c r="D36360" s="14" t="s">
        <v>14</v>
      </c>
      <c r="E36360" s="15">
        <v>45601</v>
      </c>
      <c r="F36360" s="14" t="s">
        <v>15</v>
      </c>
      <c r="G36360" s="16">
        <v>0.1189291752135235</v>
      </c>
    </row>
    <row r="36361" spans="1:7" x14ac:dyDescent="0.3">
      <c r="A36361" s="13" t="s">
        <v>221</v>
      </c>
      <c r="B36361" s="14" t="s">
        <v>1</v>
      </c>
      <c r="C36361" s="14" t="s">
        <v>101</v>
      </c>
      <c r="D36361" s="14" t="s">
        <v>14</v>
      </c>
      <c r="E36361" s="15">
        <v>45602</v>
      </c>
      <c r="F36361" s="14" t="s">
        <v>15</v>
      </c>
      <c r="G36361" s="16">
        <v>0.11320988935153599</v>
      </c>
    </row>
    <row r="36362" spans="1:7" x14ac:dyDescent="0.3">
      <c r="A36362" s="13" t="s">
        <v>221</v>
      </c>
      <c r="B36362" s="14" t="s">
        <v>1</v>
      </c>
      <c r="C36362" s="14" t="s">
        <v>101</v>
      </c>
      <c r="D36362" s="14" t="s">
        <v>14</v>
      </c>
      <c r="E36362" s="15">
        <v>45603</v>
      </c>
      <c r="F36362" s="14" t="s">
        <v>15</v>
      </c>
      <c r="G36362" s="16">
        <v>0.1074248014678052</v>
      </c>
    </row>
    <row r="36363" spans="1:7" x14ac:dyDescent="0.3">
      <c r="A36363" s="13" t="s">
        <v>221</v>
      </c>
      <c r="B36363" s="14" t="s">
        <v>1</v>
      </c>
      <c r="C36363" s="14" t="s">
        <v>101</v>
      </c>
      <c r="D36363" s="14" t="s">
        <v>14</v>
      </c>
      <c r="E36363" s="15">
        <v>45604</v>
      </c>
      <c r="F36363" s="14" t="s">
        <v>15</v>
      </c>
      <c r="G36363" s="16">
        <v>0.10158630904468856</v>
      </c>
    </row>
    <row r="36364" spans="1:7" x14ac:dyDescent="0.3">
      <c r="A36364" s="13" t="s">
        <v>221</v>
      </c>
      <c r="B36364" s="14" t="s">
        <v>1</v>
      </c>
      <c r="C36364" s="14" t="s">
        <v>101</v>
      </c>
      <c r="D36364" s="14" t="s">
        <v>14</v>
      </c>
      <c r="E36364" s="15">
        <v>45605</v>
      </c>
      <c r="F36364" s="14" t="s">
        <v>15</v>
      </c>
      <c r="G36364" s="16">
        <v>0.10158630904468856</v>
      </c>
    </row>
    <row r="36365" spans="1:7" x14ac:dyDescent="0.3">
      <c r="A36365" s="13" t="s">
        <v>221</v>
      </c>
      <c r="B36365" s="14" t="s">
        <v>1</v>
      </c>
      <c r="C36365" s="14" t="s">
        <v>101</v>
      </c>
      <c r="D36365" s="14" t="s">
        <v>14</v>
      </c>
      <c r="E36365" s="15">
        <v>45606</v>
      </c>
      <c r="F36365" s="14" t="s">
        <v>15</v>
      </c>
      <c r="G36365" s="16">
        <v>0.10158630904468856</v>
      </c>
    </row>
    <row r="36366" spans="1:7" x14ac:dyDescent="0.3">
      <c r="A36366" s="13" t="s">
        <v>221</v>
      </c>
      <c r="B36366" s="14" t="s">
        <v>1</v>
      </c>
      <c r="C36366" s="14" t="s">
        <v>101</v>
      </c>
      <c r="D36366" s="14" t="s">
        <v>14</v>
      </c>
      <c r="E36366" s="15">
        <v>45607</v>
      </c>
      <c r="F36366" s="14" t="s">
        <v>15</v>
      </c>
      <c r="G36366" s="16">
        <v>9.5723021656857088E-2</v>
      </c>
    </row>
    <row r="36367" spans="1:7" x14ac:dyDescent="0.3">
      <c r="A36367" s="13" t="s">
        <v>221</v>
      </c>
      <c r="B36367" s="14" t="s">
        <v>1</v>
      </c>
      <c r="C36367" s="14" t="s">
        <v>101</v>
      </c>
      <c r="D36367" s="14" t="s">
        <v>14</v>
      </c>
      <c r="E36367" s="15">
        <v>45608</v>
      </c>
      <c r="F36367" s="14" t="s">
        <v>15</v>
      </c>
      <c r="G36367" s="16">
        <v>7.8773524084017027E-2</v>
      </c>
    </row>
    <row r="36368" spans="1:7" x14ac:dyDescent="0.3">
      <c r="A36368" s="13" t="s">
        <v>221</v>
      </c>
      <c r="B36368" s="14" t="s">
        <v>1</v>
      </c>
      <c r="C36368" s="14" t="s">
        <v>101</v>
      </c>
      <c r="D36368" s="14" t="s">
        <v>14</v>
      </c>
      <c r="E36368" s="15">
        <v>45609</v>
      </c>
      <c r="F36368" s="14" t="s">
        <v>15</v>
      </c>
      <c r="G36368" s="16">
        <v>9.1438750905607644E-2</v>
      </c>
    </row>
    <row r="36369" spans="1:7" x14ac:dyDescent="0.3">
      <c r="A36369" s="13" t="s">
        <v>221</v>
      </c>
      <c r="B36369" s="14" t="s">
        <v>1</v>
      </c>
      <c r="C36369" s="14" t="s">
        <v>101</v>
      </c>
      <c r="D36369" s="14" t="s">
        <v>14</v>
      </c>
      <c r="E36369" s="15">
        <v>45610</v>
      </c>
      <c r="F36369" s="14" t="s">
        <v>15</v>
      </c>
      <c r="G36369" s="16">
        <v>8.9014334393229144E-2</v>
      </c>
    </row>
    <row r="36370" spans="1:7" x14ac:dyDescent="0.3">
      <c r="A36370" s="13" t="s">
        <v>221</v>
      </c>
      <c r="B36370" s="14" t="s">
        <v>1</v>
      </c>
      <c r="C36370" s="14" t="s">
        <v>101</v>
      </c>
      <c r="D36370" s="14" t="s">
        <v>14</v>
      </c>
      <c r="E36370" s="15">
        <v>45611</v>
      </c>
      <c r="F36370" s="14" t="s">
        <v>15</v>
      </c>
      <c r="G36370" s="16">
        <v>8.3216849027140924E-2</v>
      </c>
    </row>
    <row r="36371" spans="1:7" x14ac:dyDescent="0.3">
      <c r="A36371" s="13" t="s">
        <v>221</v>
      </c>
      <c r="B36371" s="14" t="s">
        <v>1</v>
      </c>
      <c r="C36371" s="14" t="s">
        <v>101</v>
      </c>
      <c r="D36371" s="14" t="s">
        <v>14</v>
      </c>
      <c r="E36371" s="15">
        <v>45612</v>
      </c>
      <c r="F36371" s="14" t="s">
        <v>15</v>
      </c>
      <c r="G36371" s="16">
        <v>8.3216849027140924E-2</v>
      </c>
    </row>
    <row r="36372" spans="1:7" x14ac:dyDescent="0.3">
      <c r="A36372" s="13" t="s">
        <v>221</v>
      </c>
      <c r="B36372" s="14" t="s">
        <v>1</v>
      </c>
      <c r="C36372" s="14" t="s">
        <v>101</v>
      </c>
      <c r="D36372" s="14" t="s">
        <v>14</v>
      </c>
      <c r="E36372" s="15">
        <v>45613</v>
      </c>
      <c r="F36372" s="14" t="s">
        <v>15</v>
      </c>
      <c r="G36372" s="16">
        <v>8.3216849027140924E-2</v>
      </c>
    </row>
    <row r="36373" spans="1:7" x14ac:dyDescent="0.3">
      <c r="A36373" s="13" t="s">
        <v>221</v>
      </c>
      <c r="B36373" s="14" t="s">
        <v>1</v>
      </c>
      <c r="C36373" s="14" t="s">
        <v>101</v>
      </c>
      <c r="D36373" s="14" t="s">
        <v>14</v>
      </c>
      <c r="E36373" s="15">
        <v>45614</v>
      </c>
      <c r="F36373" s="14" t="s">
        <v>15</v>
      </c>
      <c r="G36373" s="16">
        <v>0.12038319488629773</v>
      </c>
    </row>
    <row r="36374" spans="1:7" x14ac:dyDescent="0.3">
      <c r="A36374" s="13" t="s">
        <v>221</v>
      </c>
      <c r="B36374" s="14" t="s">
        <v>1</v>
      </c>
      <c r="C36374" s="14" t="s">
        <v>101</v>
      </c>
      <c r="D36374" s="14" t="s">
        <v>14</v>
      </c>
      <c r="E36374" s="15">
        <v>45615</v>
      </c>
      <c r="F36374" s="14" t="s">
        <v>15</v>
      </c>
      <c r="G36374" s="16">
        <v>0.10380329600281482</v>
      </c>
    </row>
    <row r="36375" spans="1:7" x14ac:dyDescent="0.3">
      <c r="A36375" s="13" t="s">
        <v>221</v>
      </c>
      <c r="B36375" s="14" t="s">
        <v>1</v>
      </c>
      <c r="C36375" s="14" t="s">
        <v>101</v>
      </c>
      <c r="D36375" s="14" t="s">
        <v>14</v>
      </c>
      <c r="E36375" s="15">
        <v>45616</v>
      </c>
      <c r="F36375" s="14" t="s">
        <v>15</v>
      </c>
      <c r="G36375" s="16">
        <v>9.8043545326822398E-2</v>
      </c>
    </row>
    <row r="36376" spans="1:7" x14ac:dyDescent="0.3">
      <c r="A36376" s="13" t="s">
        <v>221</v>
      </c>
      <c r="B36376" s="14" t="s">
        <v>1</v>
      </c>
      <c r="C36376" s="14" t="s">
        <v>101</v>
      </c>
      <c r="D36376" s="14" t="s">
        <v>14</v>
      </c>
      <c r="E36376" s="15">
        <v>45617</v>
      </c>
      <c r="F36376" s="14" t="s">
        <v>15</v>
      </c>
      <c r="G36376" s="16">
        <v>9.2278787641016241E-2</v>
      </c>
    </row>
    <row r="36377" spans="1:7" x14ac:dyDescent="0.3">
      <c r="A36377" s="13" t="s">
        <v>221</v>
      </c>
      <c r="B36377" s="14" t="s">
        <v>1</v>
      </c>
      <c r="C36377" s="14" t="s">
        <v>101</v>
      </c>
      <c r="D36377" s="14" t="s">
        <v>14</v>
      </c>
      <c r="E36377" s="15">
        <v>45618</v>
      </c>
      <c r="F36377" s="14" t="s">
        <v>15</v>
      </c>
      <c r="G36377" s="16">
        <v>8.6532055190539553E-2</v>
      </c>
    </row>
    <row r="36378" spans="1:7" x14ac:dyDescent="0.3">
      <c r="A36378" s="13" t="s">
        <v>221</v>
      </c>
      <c r="B36378" s="14" t="s">
        <v>1</v>
      </c>
      <c r="C36378" s="14" t="s">
        <v>101</v>
      </c>
      <c r="D36378" s="14" t="s">
        <v>14</v>
      </c>
      <c r="E36378" s="15">
        <v>45619</v>
      </c>
      <c r="F36378" s="14" t="s">
        <v>15</v>
      </c>
      <c r="G36378" s="16">
        <v>8.6532055190539553E-2</v>
      </c>
    </row>
    <row r="36379" spans="1:7" x14ac:dyDescent="0.3">
      <c r="A36379" s="13" t="s">
        <v>221</v>
      </c>
      <c r="B36379" s="14" t="s">
        <v>1</v>
      </c>
      <c r="C36379" s="14" t="s">
        <v>101</v>
      </c>
      <c r="D36379" s="14" t="s">
        <v>14</v>
      </c>
      <c r="E36379" s="15">
        <v>45620</v>
      </c>
      <c r="F36379" s="14" t="s">
        <v>15</v>
      </c>
      <c r="G36379" s="16">
        <v>8.6532055190539553E-2</v>
      </c>
    </row>
    <row r="36380" spans="1:7" x14ac:dyDescent="0.3">
      <c r="A36380" s="13" t="s">
        <v>221</v>
      </c>
      <c r="B36380" s="14" t="s">
        <v>1</v>
      </c>
      <c r="C36380" s="14" t="s">
        <v>101</v>
      </c>
      <c r="D36380" s="14" t="s">
        <v>14</v>
      </c>
      <c r="E36380" s="15">
        <v>45621</v>
      </c>
      <c r="F36380" s="14" t="s">
        <v>15</v>
      </c>
      <c r="G36380" s="16">
        <v>9.1876850879458002E-2</v>
      </c>
    </row>
    <row r="36381" spans="1:7" x14ac:dyDescent="0.3">
      <c r="A36381" s="13" t="s">
        <v>221</v>
      </c>
      <c r="B36381" s="14" t="s">
        <v>1</v>
      </c>
      <c r="C36381" s="14" t="s">
        <v>101</v>
      </c>
      <c r="D36381" s="14" t="s">
        <v>14</v>
      </c>
      <c r="E36381" s="15">
        <v>45622</v>
      </c>
      <c r="F36381" s="14" t="s">
        <v>15</v>
      </c>
      <c r="G36381" s="16">
        <v>7.4921426259944648E-2</v>
      </c>
    </row>
    <row r="36382" spans="1:7" x14ac:dyDescent="0.3">
      <c r="A36382" s="13" t="s">
        <v>221</v>
      </c>
      <c r="B36382" s="14" t="s">
        <v>1</v>
      </c>
      <c r="C36382" s="14" t="s">
        <v>101</v>
      </c>
      <c r="D36382" s="14" t="s">
        <v>14</v>
      </c>
      <c r="E36382" s="15">
        <v>45623</v>
      </c>
      <c r="F36382" s="14" t="s">
        <v>15</v>
      </c>
      <c r="G36382" s="16">
        <v>7.5400409811871322E-2</v>
      </c>
    </row>
    <row r="36383" spans="1:7" x14ac:dyDescent="0.3">
      <c r="A36383" s="13" t="s">
        <v>221</v>
      </c>
      <c r="B36383" s="14" t="s">
        <v>1</v>
      </c>
      <c r="C36383" s="14" t="s">
        <v>101</v>
      </c>
      <c r="D36383" s="14" t="s">
        <v>14</v>
      </c>
      <c r="E36383" s="15">
        <v>45624</v>
      </c>
      <c r="F36383" s="14" t="s">
        <v>15</v>
      </c>
      <c r="G36383" s="16">
        <v>6.7446587435498376E-2</v>
      </c>
    </row>
    <row r="36384" spans="1:7" x14ac:dyDescent="0.3">
      <c r="A36384" s="13" t="s">
        <v>221</v>
      </c>
      <c r="B36384" s="14" t="s">
        <v>1</v>
      </c>
      <c r="C36384" s="14" t="s">
        <v>101</v>
      </c>
      <c r="D36384" s="14" t="s">
        <v>14</v>
      </c>
      <c r="E36384" s="15">
        <v>45625</v>
      </c>
      <c r="F36384" s="14" t="s">
        <v>15</v>
      </c>
      <c r="G36384" s="16">
        <v>6.1597711984821391E-2</v>
      </c>
    </row>
    <row r="36385" spans="1:7" x14ac:dyDescent="0.3">
      <c r="A36385" s="13" t="s">
        <v>221</v>
      </c>
      <c r="B36385" s="14" t="s">
        <v>1</v>
      </c>
      <c r="C36385" s="14" t="s">
        <v>101</v>
      </c>
      <c r="D36385" s="14" t="s">
        <v>14</v>
      </c>
      <c r="E36385" s="15">
        <v>45626</v>
      </c>
      <c r="F36385" s="14" t="s">
        <v>15</v>
      </c>
      <c r="G36385" s="16">
        <v>6.1597711984821391E-2</v>
      </c>
    </row>
    <row r="36386" spans="1:7" x14ac:dyDescent="0.3">
      <c r="A36386" s="13" t="s">
        <v>221</v>
      </c>
      <c r="B36386" s="14" t="s">
        <v>1</v>
      </c>
      <c r="C36386" s="14" t="s">
        <v>101</v>
      </c>
      <c r="D36386" s="14" t="s">
        <v>14</v>
      </c>
      <c r="E36386" s="15">
        <v>45627</v>
      </c>
      <c r="F36386" s="14" t="s">
        <v>15</v>
      </c>
      <c r="G36386" s="16">
        <v>6.1597711984821391E-2</v>
      </c>
    </row>
    <row r="36387" spans="1:7" x14ac:dyDescent="0.3">
      <c r="A36387" s="13" t="s">
        <v>221</v>
      </c>
      <c r="B36387" s="14" t="s">
        <v>1</v>
      </c>
      <c r="C36387" s="14" t="s">
        <v>101</v>
      </c>
      <c r="D36387" s="14" t="s">
        <v>14</v>
      </c>
      <c r="E36387" s="15">
        <v>45628</v>
      </c>
      <c r="F36387" s="14" t="s">
        <v>15</v>
      </c>
      <c r="G36387" s="16">
        <v>9.738713014519991E-2</v>
      </c>
    </row>
    <row r="36388" spans="1:7" x14ac:dyDescent="0.3">
      <c r="A36388" s="13" t="s">
        <v>221</v>
      </c>
      <c r="B36388" s="14" t="s">
        <v>1</v>
      </c>
      <c r="C36388" s="14" t="s">
        <v>101</v>
      </c>
      <c r="D36388" s="14" t="s">
        <v>14</v>
      </c>
      <c r="E36388" s="15">
        <v>45629</v>
      </c>
      <c r="F36388" s="14" t="s">
        <v>15</v>
      </c>
      <c r="G36388" s="16">
        <v>8.2281294950881823E-2</v>
      </c>
    </row>
    <row r="36389" spans="1:7" x14ac:dyDescent="0.3">
      <c r="A36389" s="13" t="s">
        <v>221</v>
      </c>
      <c r="B36389" s="14" t="s">
        <v>1</v>
      </c>
      <c r="C36389" s="14" t="s">
        <v>101</v>
      </c>
      <c r="D36389" s="14" t="s">
        <v>14</v>
      </c>
      <c r="E36389" s="15">
        <v>45630</v>
      </c>
      <c r="F36389" s="14" t="s">
        <v>15</v>
      </c>
      <c r="G36389" s="16">
        <v>9.1362321362812512E-2</v>
      </c>
    </row>
    <row r="36390" spans="1:7" x14ac:dyDescent="0.3">
      <c r="A36390" s="13" t="s">
        <v>221</v>
      </c>
      <c r="B36390" s="14" t="s">
        <v>1</v>
      </c>
      <c r="C36390" s="14" t="s">
        <v>101</v>
      </c>
      <c r="D36390" s="14" t="s">
        <v>14</v>
      </c>
      <c r="E36390" s="15">
        <v>45631</v>
      </c>
      <c r="F36390" s="14" t="s">
        <v>15</v>
      </c>
      <c r="G36390" s="16">
        <v>8.5473389833625638E-2</v>
      </c>
    </row>
    <row r="36391" spans="1:7" x14ac:dyDescent="0.3">
      <c r="A36391" s="13" t="s">
        <v>221</v>
      </c>
      <c r="B36391" s="14" t="s">
        <v>1</v>
      </c>
      <c r="C36391" s="14" t="s">
        <v>101</v>
      </c>
      <c r="D36391" s="14" t="s">
        <v>14</v>
      </c>
      <c r="E36391" s="15">
        <v>45632</v>
      </c>
      <c r="F36391" s="14" t="s">
        <v>15</v>
      </c>
      <c r="G36391" s="16">
        <v>7.9577448490699504E-2</v>
      </c>
    </row>
    <row r="36392" spans="1:7" x14ac:dyDescent="0.3">
      <c r="A36392" s="13" t="s">
        <v>221</v>
      </c>
      <c r="B36392" s="14" t="s">
        <v>1</v>
      </c>
      <c r="C36392" s="14" t="s">
        <v>101</v>
      </c>
      <c r="D36392" s="14" t="s">
        <v>14</v>
      </c>
      <c r="E36392" s="15">
        <v>45633</v>
      </c>
      <c r="F36392" s="14" t="s">
        <v>15</v>
      </c>
      <c r="G36392" s="16">
        <v>7.9577448490699504E-2</v>
      </c>
    </row>
    <row r="36393" spans="1:7" x14ac:dyDescent="0.3">
      <c r="A36393" s="13" t="s">
        <v>221</v>
      </c>
      <c r="B36393" s="14" t="s">
        <v>1</v>
      </c>
      <c r="C36393" s="14" t="s">
        <v>101</v>
      </c>
      <c r="D36393" s="14" t="s">
        <v>14</v>
      </c>
      <c r="E36393" s="15">
        <v>45634</v>
      </c>
      <c r="F36393" s="14" t="s">
        <v>15</v>
      </c>
      <c r="G36393" s="16">
        <v>7.9577448490699504E-2</v>
      </c>
    </row>
    <row r="36394" spans="1:7" x14ac:dyDescent="0.3">
      <c r="A36394" s="13" t="s">
        <v>221</v>
      </c>
      <c r="B36394" s="14" t="s">
        <v>1</v>
      </c>
      <c r="C36394" s="14" t="s">
        <v>101</v>
      </c>
      <c r="D36394" s="14" t="s">
        <v>14</v>
      </c>
      <c r="E36394" s="15">
        <v>45635</v>
      </c>
      <c r="F36394" s="14" t="s">
        <v>15</v>
      </c>
      <c r="G36394" s="16">
        <v>8.6700734065458154E-2</v>
      </c>
    </row>
    <row r="36395" spans="1:7" x14ac:dyDescent="0.3">
      <c r="A36395" s="13" t="s">
        <v>221</v>
      </c>
      <c r="B36395" s="14" t="s">
        <v>1</v>
      </c>
      <c r="C36395" s="14" t="s">
        <v>101</v>
      </c>
      <c r="D36395" s="14" t="s">
        <v>14</v>
      </c>
      <c r="E36395" s="15">
        <v>45636</v>
      </c>
      <c r="F36395" s="14" t="s">
        <v>15</v>
      </c>
      <c r="G36395" s="16">
        <v>6.9687228132105428E-2</v>
      </c>
    </row>
    <row r="36396" spans="1:7" x14ac:dyDescent="0.3">
      <c r="A36396" s="13" t="s">
        <v>221</v>
      </c>
      <c r="B36396" s="14" t="s">
        <v>1</v>
      </c>
      <c r="C36396" s="14" t="s">
        <v>101</v>
      </c>
      <c r="D36396" s="14" t="s">
        <v>14</v>
      </c>
      <c r="E36396" s="15">
        <v>45637</v>
      </c>
      <c r="F36396" s="14" t="s">
        <v>15</v>
      </c>
      <c r="G36396" s="16">
        <v>6.3816321838247994E-2</v>
      </c>
    </row>
    <row r="36397" spans="1:7" x14ac:dyDescent="0.3">
      <c r="A36397" s="13" t="s">
        <v>221</v>
      </c>
      <c r="B36397" s="14" t="s">
        <v>1</v>
      </c>
      <c r="C36397" s="14" t="s">
        <v>101</v>
      </c>
      <c r="D36397" s="14" t="s">
        <v>14</v>
      </c>
      <c r="E36397" s="15">
        <v>45638</v>
      </c>
      <c r="F36397" s="14" t="s">
        <v>15</v>
      </c>
      <c r="G36397" s="16">
        <v>6.1626569159451638E-2</v>
      </c>
    </row>
    <row r="36398" spans="1:7" x14ac:dyDescent="0.3">
      <c r="A36398" s="13" t="s">
        <v>221</v>
      </c>
      <c r="B36398" s="14" t="s">
        <v>1</v>
      </c>
      <c r="C36398" s="14" t="s">
        <v>101</v>
      </c>
      <c r="D36398" s="14" t="s">
        <v>14</v>
      </c>
      <c r="E36398" s="15">
        <v>45639</v>
      </c>
      <c r="F36398" s="14" t="s">
        <v>15</v>
      </c>
      <c r="G36398" s="16">
        <v>5.5770683895035429E-2</v>
      </c>
    </row>
    <row r="36399" spans="1:7" x14ac:dyDescent="0.3">
      <c r="A36399" s="13" t="s">
        <v>221</v>
      </c>
      <c r="B36399" s="14" t="s">
        <v>1</v>
      </c>
      <c r="C36399" s="14" t="s">
        <v>101</v>
      </c>
      <c r="D36399" s="14" t="s">
        <v>14</v>
      </c>
      <c r="E36399" s="15">
        <v>45640</v>
      </c>
      <c r="F36399" s="14" t="s">
        <v>15</v>
      </c>
      <c r="G36399" s="16">
        <v>5.5770683895035429E-2</v>
      </c>
    </row>
    <row r="36400" spans="1:7" x14ac:dyDescent="0.3">
      <c r="A36400" s="13" t="s">
        <v>221</v>
      </c>
      <c r="B36400" s="14" t="s">
        <v>1</v>
      </c>
      <c r="C36400" s="14" t="s">
        <v>101</v>
      </c>
      <c r="D36400" s="14" t="s">
        <v>14</v>
      </c>
      <c r="E36400" s="15">
        <v>45641</v>
      </c>
      <c r="F36400" s="14" t="s">
        <v>15</v>
      </c>
      <c r="G36400" s="16">
        <v>5.5770683895035429E-2</v>
      </c>
    </row>
    <row r="36401" spans="1:7" x14ac:dyDescent="0.3">
      <c r="A36401" s="13" t="s">
        <v>221</v>
      </c>
      <c r="B36401" s="14" t="s">
        <v>1</v>
      </c>
      <c r="C36401" s="14" t="s">
        <v>101</v>
      </c>
      <c r="D36401" s="14" t="s">
        <v>14</v>
      </c>
      <c r="E36401" s="15">
        <v>45642</v>
      </c>
      <c r="F36401" s="14" t="s">
        <v>15</v>
      </c>
      <c r="G36401" s="16">
        <v>5.1895571712934463E-2</v>
      </c>
    </row>
    <row r="36402" spans="1:7" x14ac:dyDescent="0.3">
      <c r="A36402" s="13" t="s">
        <v>221</v>
      </c>
      <c r="B36402" s="14" t="s">
        <v>1</v>
      </c>
      <c r="C36402" s="14" t="s">
        <v>101</v>
      </c>
      <c r="D36402" s="14" t="s">
        <v>14</v>
      </c>
      <c r="E36402" s="15">
        <v>45643</v>
      </c>
      <c r="F36402" s="14" t="s">
        <v>15</v>
      </c>
      <c r="G36402" s="16">
        <v>3.506931325511041E-2</v>
      </c>
    </row>
    <row r="36403" spans="1:7" x14ac:dyDescent="0.3">
      <c r="A36403" s="13" t="s">
        <v>221</v>
      </c>
      <c r="B36403" s="14" t="s">
        <v>1</v>
      </c>
      <c r="C36403" s="14" t="s">
        <v>101</v>
      </c>
      <c r="D36403" s="14" t="s">
        <v>14</v>
      </c>
      <c r="E36403" s="15">
        <v>45644</v>
      </c>
      <c r="F36403" s="14" t="s">
        <v>15</v>
      </c>
      <c r="G36403" s="16">
        <v>3.7489877816193257E-2</v>
      </c>
    </row>
    <row r="36404" spans="1:7" x14ac:dyDescent="0.3">
      <c r="A36404" s="13" t="s">
        <v>221</v>
      </c>
      <c r="B36404" s="14" t="s">
        <v>1</v>
      </c>
      <c r="C36404" s="14" t="s">
        <v>101</v>
      </c>
      <c r="D36404" s="14" t="s">
        <v>14</v>
      </c>
      <c r="E36404" s="15">
        <v>45645</v>
      </c>
      <c r="F36404" s="14" t="s">
        <v>15</v>
      </c>
      <c r="G36404" s="16">
        <v>3.1689551789405461E-2</v>
      </c>
    </row>
    <row r="36405" spans="1:7" x14ac:dyDescent="0.3">
      <c r="A36405" s="13" t="s">
        <v>221</v>
      </c>
      <c r="B36405" s="14" t="s">
        <v>1</v>
      </c>
      <c r="C36405" s="14" t="s">
        <v>101</v>
      </c>
      <c r="D36405" s="14" t="s">
        <v>14</v>
      </c>
      <c r="E36405" s="15">
        <v>45646</v>
      </c>
      <c r="F36405" s="14" t="s">
        <v>15</v>
      </c>
      <c r="G36405" s="16">
        <v>3.4701086492031852E-2</v>
      </c>
    </row>
    <row r="36406" spans="1:7" x14ac:dyDescent="0.3">
      <c r="A36406" s="13" t="s">
        <v>221</v>
      </c>
      <c r="B36406" s="14" t="s">
        <v>1</v>
      </c>
      <c r="C36406" s="14" t="s">
        <v>101</v>
      </c>
      <c r="D36406" s="14" t="s">
        <v>14</v>
      </c>
      <c r="E36406" s="15">
        <v>45647</v>
      </c>
      <c r="F36406" s="14" t="s">
        <v>15</v>
      </c>
      <c r="G36406" s="16">
        <v>3.4701086492031852E-2</v>
      </c>
    </row>
    <row r="36407" spans="1:7" x14ac:dyDescent="0.3">
      <c r="A36407" s="13" t="s">
        <v>221</v>
      </c>
      <c r="B36407" s="14" t="s">
        <v>1</v>
      </c>
      <c r="C36407" s="14" t="s">
        <v>101</v>
      </c>
      <c r="D36407" s="14" t="s">
        <v>14</v>
      </c>
      <c r="E36407" s="15">
        <v>45648</v>
      </c>
      <c r="F36407" s="14" t="s">
        <v>15</v>
      </c>
      <c r="G36407" s="16">
        <v>3.4701086492031852E-2</v>
      </c>
    </row>
    <row r="36408" spans="1:7" x14ac:dyDescent="0.3">
      <c r="A36408" s="13" t="s">
        <v>221</v>
      </c>
      <c r="B36408" s="14" t="s">
        <v>1</v>
      </c>
      <c r="C36408" s="14" t="s">
        <v>101</v>
      </c>
      <c r="D36408" s="14" t="s">
        <v>14</v>
      </c>
      <c r="E36408" s="15">
        <v>45649</v>
      </c>
      <c r="F36408" s="14" t="s">
        <v>15</v>
      </c>
      <c r="G36408" s="16">
        <v>3.3080944368539859E-2</v>
      </c>
    </row>
    <row r="36409" spans="1:7" x14ac:dyDescent="0.3">
      <c r="A36409" s="13" t="s">
        <v>221</v>
      </c>
      <c r="B36409" s="14" t="s">
        <v>1</v>
      </c>
      <c r="C36409" s="14" t="s">
        <v>101</v>
      </c>
      <c r="D36409" s="14" t="s">
        <v>14</v>
      </c>
      <c r="E36409" s="15">
        <v>45650</v>
      </c>
      <c r="F36409" s="14" t="s">
        <v>15</v>
      </c>
      <c r="G36409" s="16">
        <v>2.2936161269740497E-2</v>
      </c>
    </row>
    <row r="36410" spans="1:7" x14ac:dyDescent="0.3">
      <c r="A36410" s="13" t="s">
        <v>221</v>
      </c>
      <c r="B36410" s="14" t="s">
        <v>1</v>
      </c>
      <c r="C36410" s="14" t="s">
        <v>101</v>
      </c>
      <c r="D36410" s="14" t="s">
        <v>14</v>
      </c>
      <c r="E36410" s="15">
        <v>45651</v>
      </c>
      <c r="F36410" s="14" t="s">
        <v>15</v>
      </c>
      <c r="G36410" s="16">
        <v>2.2936161269740497E-2</v>
      </c>
    </row>
    <row r="36411" spans="1:7" x14ac:dyDescent="0.3">
      <c r="A36411" s="13" t="s">
        <v>221</v>
      </c>
      <c r="B36411" s="14" t="s">
        <v>1</v>
      </c>
      <c r="C36411" s="14" t="s">
        <v>101</v>
      </c>
      <c r="D36411" s="14" t="s">
        <v>14</v>
      </c>
      <c r="E36411" s="15">
        <v>45652</v>
      </c>
      <c r="F36411" s="14" t="s">
        <v>15</v>
      </c>
      <c r="G36411" s="16">
        <v>2.2936161269740497E-2</v>
      </c>
    </row>
    <row r="36412" spans="1:7" x14ac:dyDescent="0.3">
      <c r="A36412" s="13" t="s">
        <v>221</v>
      </c>
      <c r="B36412" s="14" t="s">
        <v>1</v>
      </c>
      <c r="C36412" s="14" t="s">
        <v>101</v>
      </c>
      <c r="D36412" s="14" t="s">
        <v>14</v>
      </c>
      <c r="E36412" s="15">
        <v>45653</v>
      </c>
      <c r="F36412" s="14" t="s">
        <v>15</v>
      </c>
      <c r="G36412" s="16">
        <v>2.2936161269740497E-2</v>
      </c>
    </row>
    <row r="36413" spans="1:7" x14ac:dyDescent="0.3">
      <c r="A36413" s="13" t="s">
        <v>221</v>
      </c>
      <c r="B36413" s="14" t="s">
        <v>1</v>
      </c>
      <c r="C36413" s="14" t="s">
        <v>101</v>
      </c>
      <c r="D36413" s="14" t="s">
        <v>14</v>
      </c>
      <c r="E36413" s="15">
        <v>45654</v>
      </c>
      <c r="F36413" s="14" t="s">
        <v>15</v>
      </c>
      <c r="G36413" s="16">
        <v>2.2936161269740497E-2</v>
      </c>
    </row>
    <row r="36414" spans="1:7" x14ac:dyDescent="0.3">
      <c r="A36414" s="13" t="s">
        <v>221</v>
      </c>
      <c r="B36414" s="14" t="s">
        <v>1</v>
      </c>
      <c r="C36414" s="14" t="s">
        <v>101</v>
      </c>
      <c r="D36414" s="14" t="s">
        <v>14</v>
      </c>
      <c r="E36414" s="15">
        <v>45655</v>
      </c>
      <c r="F36414" s="14" t="s">
        <v>15</v>
      </c>
      <c r="G36414" s="16">
        <v>2.2936161269740497E-2</v>
      </c>
    </row>
    <row r="36415" spans="1:7" x14ac:dyDescent="0.3">
      <c r="A36415" s="13" t="s">
        <v>221</v>
      </c>
      <c r="B36415" s="14" t="s">
        <v>1</v>
      </c>
      <c r="C36415" s="14" t="s">
        <v>101</v>
      </c>
      <c r="D36415" s="14" t="s">
        <v>14</v>
      </c>
      <c r="E36415" s="15">
        <v>45656</v>
      </c>
      <c r="F36415" s="14" t="s">
        <v>15</v>
      </c>
      <c r="G36415" s="16">
        <v>1.7274279297090515E-2</v>
      </c>
    </row>
    <row r="36416" spans="1:7" x14ac:dyDescent="0.3">
      <c r="A36416" s="13" t="s">
        <v>221</v>
      </c>
      <c r="B36416" s="14" t="s">
        <v>1</v>
      </c>
      <c r="C36416" s="14" t="s">
        <v>101</v>
      </c>
      <c r="D36416" s="14" t="s">
        <v>14</v>
      </c>
      <c r="E36416" s="15">
        <v>45657</v>
      </c>
      <c r="F36416" s="14" t="s">
        <v>15</v>
      </c>
      <c r="G36416" s="16">
        <v>1.0854833870503227E-3</v>
      </c>
    </row>
    <row r="36417" spans="1:7" x14ac:dyDescent="0.3">
      <c r="A36417" s="13" t="s">
        <v>221</v>
      </c>
      <c r="B36417" s="14" t="s">
        <v>1</v>
      </c>
      <c r="C36417" s="14" t="s">
        <v>101</v>
      </c>
      <c r="D36417" s="14" t="s">
        <v>14</v>
      </c>
      <c r="E36417" s="15">
        <v>45658</v>
      </c>
      <c r="F36417" s="14" t="s">
        <v>15</v>
      </c>
      <c r="G36417" s="16">
        <v>1.0854833870503227E-3</v>
      </c>
    </row>
    <row r="36418" spans="1:7" x14ac:dyDescent="0.3">
      <c r="A36418" s="13" t="s">
        <v>221</v>
      </c>
      <c r="B36418" s="14" t="s">
        <v>1</v>
      </c>
      <c r="C36418" s="14" t="s">
        <v>101</v>
      </c>
      <c r="D36418" s="14" t="s">
        <v>14</v>
      </c>
      <c r="E36418" s="15">
        <v>45659</v>
      </c>
      <c r="F36418" s="14" t="s">
        <v>15</v>
      </c>
      <c r="G36418" s="16">
        <v>2.2457330048907625E-3</v>
      </c>
    </row>
    <row r="36419" spans="1:7" x14ac:dyDescent="0.3">
      <c r="A36419" s="13" t="s">
        <v>221</v>
      </c>
      <c r="B36419" s="14" t="s">
        <v>1</v>
      </c>
      <c r="C36419" s="14" t="s">
        <v>101</v>
      </c>
      <c r="D36419" s="14" t="s">
        <v>14</v>
      </c>
      <c r="E36419" s="15">
        <v>45660</v>
      </c>
      <c r="F36419" s="14" t="s">
        <v>15</v>
      </c>
      <c r="G36419" s="16">
        <v>0</v>
      </c>
    </row>
    <row r="36420" spans="1:7" x14ac:dyDescent="0.3">
      <c r="A36420" s="13" t="s">
        <v>221</v>
      </c>
      <c r="B36420" s="14" t="s">
        <v>1</v>
      </c>
      <c r="C36420" s="14" t="s">
        <v>101</v>
      </c>
      <c r="D36420" s="14" t="s">
        <v>14</v>
      </c>
      <c r="E36420" s="15">
        <v>45661</v>
      </c>
      <c r="F36420" s="14" t="s">
        <v>15</v>
      </c>
      <c r="G36420" s="16">
        <v>0</v>
      </c>
    </row>
    <row r="36421" spans="1:7" x14ac:dyDescent="0.3">
      <c r="A36421" s="13" t="s">
        <v>221</v>
      </c>
      <c r="B36421" s="14" t="s">
        <v>1</v>
      </c>
      <c r="C36421" s="14" t="s">
        <v>101</v>
      </c>
      <c r="D36421" s="14" t="s">
        <v>14</v>
      </c>
      <c r="E36421" s="15">
        <v>45662</v>
      </c>
      <c r="F36421" s="14" t="s">
        <v>15</v>
      </c>
      <c r="G36421" s="16">
        <v>0</v>
      </c>
    </row>
    <row r="36422" spans="1:7" x14ac:dyDescent="0.3">
      <c r="A36422" s="13" t="s">
        <v>221</v>
      </c>
      <c r="B36422" s="14" t="s">
        <v>1</v>
      </c>
      <c r="C36422" s="14" t="s">
        <v>101</v>
      </c>
      <c r="D36422" s="14" t="s">
        <v>14</v>
      </c>
      <c r="E36422" s="15">
        <v>45663</v>
      </c>
      <c r="F36422" s="14" t="s">
        <v>15</v>
      </c>
      <c r="G36422" s="16">
        <v>0</v>
      </c>
    </row>
    <row r="36423" spans="1:7" x14ac:dyDescent="0.3">
      <c r="A36423" s="13" t="s">
        <v>221</v>
      </c>
      <c r="B36423" s="14" t="s">
        <v>1</v>
      </c>
      <c r="C36423" s="14" t="s">
        <v>101</v>
      </c>
      <c r="D36423" s="14" t="s">
        <v>14</v>
      </c>
      <c r="E36423" s="15">
        <v>45664</v>
      </c>
      <c r="F36423" s="14" t="s">
        <v>15</v>
      </c>
      <c r="G36423" s="16">
        <v>0</v>
      </c>
    </row>
    <row r="36424" spans="1:7" x14ac:dyDescent="0.3">
      <c r="A36424" s="13" t="s">
        <v>221</v>
      </c>
      <c r="B36424" s="14" t="s">
        <v>1</v>
      </c>
      <c r="C36424" s="14" t="s">
        <v>101</v>
      </c>
      <c r="D36424" s="14" t="s">
        <v>14</v>
      </c>
      <c r="E36424" s="15">
        <v>45665</v>
      </c>
      <c r="F36424" s="14" t="s">
        <v>15</v>
      </c>
      <c r="G36424" s="16">
        <v>0</v>
      </c>
    </row>
    <row r="36425" spans="1:7" x14ac:dyDescent="0.3">
      <c r="A36425" s="13" t="s">
        <v>221</v>
      </c>
      <c r="B36425" s="14" t="s">
        <v>1</v>
      </c>
      <c r="C36425" s="14" t="s">
        <v>101</v>
      </c>
      <c r="D36425" s="14" t="s">
        <v>14</v>
      </c>
      <c r="E36425" s="15">
        <v>45666</v>
      </c>
      <c r="F36425" s="14" t="s">
        <v>15</v>
      </c>
      <c r="G36425" s="16">
        <v>0</v>
      </c>
    </row>
    <row r="36426" spans="1:7" x14ac:dyDescent="0.3">
      <c r="A36426" s="13" t="s">
        <v>221</v>
      </c>
      <c r="B36426" s="14" t="s">
        <v>1</v>
      </c>
      <c r="C36426" s="14" t="s">
        <v>101</v>
      </c>
      <c r="D36426" s="14" t="s">
        <v>14</v>
      </c>
      <c r="E36426" s="15">
        <v>45667</v>
      </c>
      <c r="F36426" s="14" t="s">
        <v>15</v>
      </c>
      <c r="G36426" s="16">
        <v>0</v>
      </c>
    </row>
    <row r="36427" spans="1:7" x14ac:dyDescent="0.3">
      <c r="A36427" s="13" t="s">
        <v>221</v>
      </c>
      <c r="B36427" s="14" t="s">
        <v>1</v>
      </c>
      <c r="C36427" s="14" t="s">
        <v>101</v>
      </c>
      <c r="D36427" s="14" t="s">
        <v>14</v>
      </c>
      <c r="E36427" s="15">
        <v>45668</v>
      </c>
      <c r="F36427" s="14" t="s">
        <v>15</v>
      </c>
      <c r="G36427" s="16">
        <v>0</v>
      </c>
    </row>
    <row r="36428" spans="1:7" x14ac:dyDescent="0.3">
      <c r="A36428" s="13" t="s">
        <v>221</v>
      </c>
      <c r="B36428" s="14" t="s">
        <v>1</v>
      </c>
      <c r="C36428" s="14" t="s">
        <v>101</v>
      </c>
      <c r="D36428" s="14" t="s">
        <v>14</v>
      </c>
      <c r="E36428" s="15">
        <v>45669</v>
      </c>
      <c r="F36428" s="14" t="s">
        <v>15</v>
      </c>
      <c r="G36428" s="16">
        <v>0</v>
      </c>
    </row>
    <row r="36429" spans="1:7" x14ac:dyDescent="0.3">
      <c r="A36429" s="13" t="s">
        <v>221</v>
      </c>
      <c r="B36429" s="14" t="s">
        <v>1</v>
      </c>
      <c r="C36429" s="14" t="s">
        <v>101</v>
      </c>
      <c r="D36429" s="14" t="s">
        <v>14</v>
      </c>
      <c r="E36429" s="15">
        <v>45670</v>
      </c>
      <c r="F36429" s="14" t="s">
        <v>15</v>
      </c>
      <c r="G36429" s="16">
        <v>0</v>
      </c>
    </row>
    <row r="36430" spans="1:7" x14ac:dyDescent="0.3">
      <c r="A36430" s="13" t="s">
        <v>221</v>
      </c>
      <c r="B36430" s="14" t="s">
        <v>1</v>
      </c>
      <c r="C36430" s="14" t="s">
        <v>101</v>
      </c>
      <c r="D36430" s="14" t="s">
        <v>14</v>
      </c>
      <c r="E36430" s="15">
        <v>45671</v>
      </c>
      <c r="F36430" s="14" t="s">
        <v>15</v>
      </c>
      <c r="G36430" s="16">
        <v>0</v>
      </c>
    </row>
    <row r="36431" spans="1:7" x14ac:dyDescent="0.3">
      <c r="A36431" s="13" t="s">
        <v>221</v>
      </c>
      <c r="B36431" s="14" t="s">
        <v>1</v>
      </c>
      <c r="C36431" s="14" t="s">
        <v>101</v>
      </c>
      <c r="D36431" s="14" t="s">
        <v>14</v>
      </c>
      <c r="E36431" s="15">
        <v>45672</v>
      </c>
      <c r="F36431" s="14" t="s">
        <v>15</v>
      </c>
      <c r="G36431" s="16">
        <v>0</v>
      </c>
    </row>
    <row r="36432" spans="1:7" x14ac:dyDescent="0.3">
      <c r="A36432" s="13" t="s">
        <v>221</v>
      </c>
      <c r="B36432" s="14" t="s">
        <v>1</v>
      </c>
      <c r="C36432" s="14" t="s">
        <v>101</v>
      </c>
      <c r="D36432" s="14" t="s">
        <v>14</v>
      </c>
      <c r="E36432" s="15">
        <v>45673</v>
      </c>
      <c r="F36432" s="14" t="s">
        <v>15</v>
      </c>
      <c r="G36432" s="16">
        <v>0</v>
      </c>
    </row>
    <row r="36433" spans="1:7" x14ac:dyDescent="0.3">
      <c r="A36433" s="13" t="s">
        <v>221</v>
      </c>
      <c r="B36433" s="14" t="s">
        <v>1</v>
      </c>
      <c r="C36433" s="14" t="s">
        <v>101</v>
      </c>
      <c r="D36433" s="14" t="s">
        <v>14</v>
      </c>
      <c r="E36433" s="15">
        <v>45674</v>
      </c>
      <c r="F36433" s="14" t="s">
        <v>15</v>
      </c>
      <c r="G36433" s="16">
        <v>0</v>
      </c>
    </row>
    <row r="36434" spans="1:7" x14ac:dyDescent="0.3">
      <c r="A36434" s="13" t="s">
        <v>221</v>
      </c>
      <c r="B36434" s="14" t="s">
        <v>1</v>
      </c>
      <c r="C36434" s="14" t="s">
        <v>101</v>
      </c>
      <c r="D36434" s="14" t="s">
        <v>14</v>
      </c>
      <c r="E36434" s="15">
        <v>45675</v>
      </c>
      <c r="F36434" s="14" t="s">
        <v>15</v>
      </c>
      <c r="G36434" s="16">
        <v>0</v>
      </c>
    </row>
    <row r="36435" spans="1:7" x14ac:dyDescent="0.3">
      <c r="A36435" s="13" t="s">
        <v>221</v>
      </c>
      <c r="B36435" s="14" t="s">
        <v>1</v>
      </c>
      <c r="C36435" s="14" t="s">
        <v>101</v>
      </c>
      <c r="D36435" s="14" t="s">
        <v>14</v>
      </c>
      <c r="E36435" s="15">
        <v>45676</v>
      </c>
      <c r="F36435" s="14" t="s">
        <v>15</v>
      </c>
      <c r="G36435" s="16">
        <v>0</v>
      </c>
    </row>
    <row r="36436" spans="1:7" x14ac:dyDescent="0.3">
      <c r="A36436" s="13" t="s">
        <v>221</v>
      </c>
      <c r="B36436" s="14" t="s">
        <v>1</v>
      </c>
      <c r="C36436" s="14" t="s">
        <v>101</v>
      </c>
      <c r="D36436" s="14" t="s">
        <v>14</v>
      </c>
      <c r="E36436" s="15">
        <v>45677</v>
      </c>
      <c r="F36436" s="14" t="s">
        <v>15</v>
      </c>
      <c r="G36436" s="16">
        <v>0</v>
      </c>
    </row>
    <row r="36437" spans="1:7" x14ac:dyDescent="0.3">
      <c r="A36437" s="13" t="s">
        <v>221</v>
      </c>
      <c r="B36437" s="14" t="s">
        <v>1</v>
      </c>
      <c r="C36437" s="14" t="s">
        <v>101</v>
      </c>
      <c r="D36437" s="14" t="s">
        <v>14</v>
      </c>
      <c r="E36437" s="15">
        <v>45678</v>
      </c>
      <c r="F36437" s="14" t="s">
        <v>15</v>
      </c>
      <c r="G36437" s="16">
        <v>0</v>
      </c>
    </row>
    <row r="36438" spans="1:7" x14ac:dyDescent="0.3">
      <c r="A36438" s="13" t="s">
        <v>221</v>
      </c>
      <c r="B36438" s="14" t="s">
        <v>1</v>
      </c>
      <c r="C36438" s="14" t="s">
        <v>101</v>
      </c>
      <c r="D36438" s="14" t="s">
        <v>14</v>
      </c>
      <c r="E36438" s="15">
        <v>45679</v>
      </c>
      <c r="F36438" s="14" t="s">
        <v>15</v>
      </c>
      <c r="G36438" s="16">
        <v>0</v>
      </c>
    </row>
    <row r="36439" spans="1:7" x14ac:dyDescent="0.3">
      <c r="A36439" s="13" t="s">
        <v>221</v>
      </c>
      <c r="B36439" s="14" t="s">
        <v>1</v>
      </c>
      <c r="C36439" s="14" t="s">
        <v>101</v>
      </c>
      <c r="D36439" s="14" t="s">
        <v>14</v>
      </c>
      <c r="E36439" s="15">
        <v>45680</v>
      </c>
      <c r="F36439" s="14" t="s">
        <v>15</v>
      </c>
      <c r="G36439" s="16">
        <v>0</v>
      </c>
    </row>
    <row r="36440" spans="1:7" x14ac:dyDescent="0.3">
      <c r="A36440" s="13" t="s">
        <v>221</v>
      </c>
      <c r="B36440" s="14" t="s">
        <v>1</v>
      </c>
      <c r="C36440" s="14" t="s">
        <v>101</v>
      </c>
      <c r="D36440" s="14" t="s">
        <v>14</v>
      </c>
      <c r="E36440" s="15">
        <v>45681</v>
      </c>
      <c r="F36440" s="14" t="s">
        <v>15</v>
      </c>
      <c r="G36440" s="16">
        <v>0</v>
      </c>
    </row>
    <row r="36441" spans="1:7" x14ac:dyDescent="0.3">
      <c r="A36441" s="13" t="s">
        <v>221</v>
      </c>
      <c r="B36441" s="14" t="s">
        <v>1</v>
      </c>
      <c r="C36441" s="14" t="s">
        <v>101</v>
      </c>
      <c r="D36441" s="14" t="s">
        <v>14</v>
      </c>
      <c r="E36441" s="15">
        <v>45682</v>
      </c>
      <c r="F36441" s="14" t="s">
        <v>15</v>
      </c>
      <c r="G36441" s="16">
        <v>0</v>
      </c>
    </row>
    <row r="36442" spans="1:7" x14ac:dyDescent="0.3">
      <c r="A36442" s="13" t="s">
        <v>221</v>
      </c>
      <c r="B36442" s="14" t="s">
        <v>1</v>
      </c>
      <c r="C36442" s="14" t="s">
        <v>101</v>
      </c>
      <c r="D36442" s="14" t="s">
        <v>14</v>
      </c>
      <c r="E36442" s="15">
        <v>45683</v>
      </c>
      <c r="F36442" s="14" t="s">
        <v>15</v>
      </c>
      <c r="G36442" s="16">
        <v>0</v>
      </c>
    </row>
    <row r="36443" spans="1:7" x14ac:dyDescent="0.3">
      <c r="A36443" s="13" t="s">
        <v>221</v>
      </c>
      <c r="B36443" s="14" t="s">
        <v>1</v>
      </c>
      <c r="C36443" s="14" t="s">
        <v>101</v>
      </c>
      <c r="D36443" s="14" t="s">
        <v>14</v>
      </c>
      <c r="E36443" s="15">
        <v>45684</v>
      </c>
      <c r="F36443" s="14" t="s">
        <v>15</v>
      </c>
      <c r="G36443" s="16">
        <v>0</v>
      </c>
    </row>
    <row r="36444" spans="1:7" x14ac:dyDescent="0.3">
      <c r="A36444" s="13" t="s">
        <v>221</v>
      </c>
      <c r="B36444" s="14" t="s">
        <v>1</v>
      </c>
      <c r="C36444" s="14" t="s">
        <v>101</v>
      </c>
      <c r="D36444" s="14" t="s">
        <v>14</v>
      </c>
      <c r="E36444" s="15">
        <v>45685</v>
      </c>
      <c r="F36444" s="14" t="s">
        <v>15</v>
      </c>
      <c r="G36444" s="16">
        <v>0</v>
      </c>
    </row>
    <row r="36445" spans="1:7" x14ac:dyDescent="0.3">
      <c r="A36445" s="13" t="s">
        <v>221</v>
      </c>
      <c r="B36445" s="14" t="s">
        <v>1</v>
      </c>
      <c r="C36445" s="14" t="s">
        <v>101</v>
      </c>
      <c r="D36445" s="14" t="s">
        <v>14</v>
      </c>
      <c r="E36445" s="15">
        <v>45686</v>
      </c>
      <c r="F36445" s="14" t="s">
        <v>15</v>
      </c>
      <c r="G36445" s="16">
        <v>0</v>
      </c>
    </row>
    <row r="36446" spans="1:7" x14ac:dyDescent="0.3">
      <c r="A36446" s="13" t="s">
        <v>221</v>
      </c>
      <c r="B36446" s="14" t="s">
        <v>1</v>
      </c>
      <c r="C36446" s="14" t="s">
        <v>101</v>
      </c>
      <c r="D36446" s="14" t="s">
        <v>14</v>
      </c>
      <c r="E36446" s="15">
        <v>45687</v>
      </c>
      <c r="F36446" s="14" t="s">
        <v>15</v>
      </c>
      <c r="G36446" s="16">
        <v>0</v>
      </c>
    </row>
    <row r="36447" spans="1:7" x14ac:dyDescent="0.3">
      <c r="A36447" s="13" t="s">
        <v>221</v>
      </c>
      <c r="B36447" s="14" t="s">
        <v>1</v>
      </c>
      <c r="C36447" s="14" t="s">
        <v>101</v>
      </c>
      <c r="D36447" s="14" t="s">
        <v>14</v>
      </c>
      <c r="E36447" s="15">
        <v>45688</v>
      </c>
      <c r="F36447" s="14" t="s">
        <v>15</v>
      </c>
      <c r="G36447" s="16">
        <v>0</v>
      </c>
    </row>
    <row r="36448" spans="1:7" x14ac:dyDescent="0.3">
      <c r="A36448" s="13" t="s">
        <v>221</v>
      </c>
      <c r="B36448" s="14" t="s">
        <v>1</v>
      </c>
      <c r="C36448" s="14" t="s">
        <v>101</v>
      </c>
      <c r="D36448" s="14" t="s">
        <v>14</v>
      </c>
      <c r="E36448" s="15">
        <v>45689</v>
      </c>
      <c r="F36448" s="14" t="s">
        <v>15</v>
      </c>
      <c r="G36448" s="16">
        <v>0</v>
      </c>
    </row>
    <row r="36449" spans="1:7" x14ac:dyDescent="0.3">
      <c r="A36449" s="13" t="s">
        <v>221</v>
      </c>
      <c r="B36449" s="14" t="s">
        <v>1</v>
      </c>
      <c r="C36449" s="14" t="s">
        <v>101</v>
      </c>
      <c r="D36449" s="14" t="s">
        <v>14</v>
      </c>
      <c r="E36449" s="15">
        <v>45690</v>
      </c>
      <c r="F36449" s="14" t="s">
        <v>15</v>
      </c>
      <c r="G36449" s="16">
        <v>0</v>
      </c>
    </row>
    <row r="36450" spans="1:7" x14ac:dyDescent="0.3">
      <c r="A36450" s="13" t="s">
        <v>221</v>
      </c>
      <c r="B36450" s="14" t="s">
        <v>1</v>
      </c>
      <c r="C36450" s="14" t="s">
        <v>101</v>
      </c>
      <c r="D36450" s="14" t="s">
        <v>14</v>
      </c>
      <c r="E36450" s="15">
        <v>45691</v>
      </c>
      <c r="F36450" s="14" t="s">
        <v>15</v>
      </c>
      <c r="G36450" s="16">
        <v>0</v>
      </c>
    </row>
    <row r="36451" spans="1:7" x14ac:dyDescent="0.3">
      <c r="A36451" s="13" t="s">
        <v>221</v>
      </c>
      <c r="B36451" s="14" t="s">
        <v>1</v>
      </c>
      <c r="C36451" s="14" t="s">
        <v>101</v>
      </c>
      <c r="D36451" s="14" t="s">
        <v>14</v>
      </c>
      <c r="E36451" s="15">
        <v>45692</v>
      </c>
      <c r="F36451" s="14" t="s">
        <v>15</v>
      </c>
      <c r="G36451" s="16">
        <v>0</v>
      </c>
    </row>
    <row r="36452" spans="1:7" x14ac:dyDescent="0.3">
      <c r="A36452" s="13" t="s">
        <v>221</v>
      </c>
      <c r="B36452" s="14" t="s">
        <v>1</v>
      </c>
      <c r="C36452" s="14" t="s">
        <v>101</v>
      </c>
      <c r="D36452" s="14" t="s">
        <v>14</v>
      </c>
      <c r="E36452" s="15">
        <v>45693</v>
      </c>
      <c r="F36452" s="14" t="s">
        <v>15</v>
      </c>
      <c r="G36452" s="16">
        <v>0</v>
      </c>
    </row>
    <row r="36453" spans="1:7" x14ac:dyDescent="0.3">
      <c r="A36453" s="13" t="s">
        <v>221</v>
      </c>
      <c r="B36453" s="14" t="s">
        <v>1</v>
      </c>
      <c r="C36453" s="14" t="s">
        <v>101</v>
      </c>
      <c r="D36453" s="14" t="s">
        <v>14</v>
      </c>
      <c r="E36453" s="15">
        <v>45694</v>
      </c>
      <c r="F36453" s="14" t="s">
        <v>15</v>
      </c>
      <c r="G36453" s="16">
        <v>0</v>
      </c>
    </row>
    <row r="36454" spans="1:7" x14ac:dyDescent="0.3">
      <c r="A36454" s="13" t="s">
        <v>221</v>
      </c>
      <c r="B36454" s="14" t="s">
        <v>1</v>
      </c>
      <c r="C36454" s="14" t="s">
        <v>101</v>
      </c>
      <c r="D36454" s="14" t="s">
        <v>14</v>
      </c>
      <c r="E36454" s="15">
        <v>45695</v>
      </c>
      <c r="F36454" s="14" t="s">
        <v>15</v>
      </c>
      <c r="G36454" s="16">
        <v>0</v>
      </c>
    </row>
    <row r="36455" spans="1:7" x14ac:dyDescent="0.3">
      <c r="A36455" s="13" t="s">
        <v>221</v>
      </c>
      <c r="B36455" s="14" t="s">
        <v>1</v>
      </c>
      <c r="C36455" s="14" t="s">
        <v>101</v>
      </c>
      <c r="D36455" s="14" t="s">
        <v>14</v>
      </c>
      <c r="E36455" s="15">
        <v>45696</v>
      </c>
      <c r="F36455" s="14" t="s">
        <v>15</v>
      </c>
      <c r="G36455" s="16">
        <v>0</v>
      </c>
    </row>
    <row r="36456" spans="1:7" x14ac:dyDescent="0.3">
      <c r="A36456" s="13" t="s">
        <v>221</v>
      </c>
      <c r="B36456" s="14" t="s">
        <v>1</v>
      </c>
      <c r="C36456" s="14" t="s">
        <v>101</v>
      </c>
      <c r="D36456" s="14" t="s">
        <v>14</v>
      </c>
      <c r="E36456" s="15">
        <v>45697</v>
      </c>
      <c r="F36456" s="14" t="s">
        <v>15</v>
      </c>
      <c r="G36456" s="16">
        <v>0</v>
      </c>
    </row>
    <row r="36457" spans="1:7" x14ac:dyDescent="0.3">
      <c r="A36457" s="13" t="s">
        <v>221</v>
      </c>
      <c r="B36457" s="14" t="s">
        <v>1</v>
      </c>
      <c r="C36457" s="14" t="s">
        <v>101</v>
      </c>
      <c r="D36457" s="14" t="s">
        <v>14</v>
      </c>
      <c r="E36457" s="15">
        <v>45698</v>
      </c>
      <c r="F36457" s="14" t="s">
        <v>15</v>
      </c>
      <c r="G36457" s="16">
        <v>0</v>
      </c>
    </row>
    <row r="36458" spans="1:7" x14ac:dyDescent="0.3">
      <c r="A36458" s="13" t="s">
        <v>221</v>
      </c>
      <c r="B36458" s="14" t="s">
        <v>1</v>
      </c>
      <c r="C36458" s="14" t="s">
        <v>101</v>
      </c>
      <c r="D36458" s="14" t="s">
        <v>14</v>
      </c>
      <c r="E36458" s="15">
        <v>45699</v>
      </c>
      <c r="F36458" s="14" t="s">
        <v>15</v>
      </c>
      <c r="G36458" s="16">
        <v>0</v>
      </c>
    </row>
    <row r="36459" spans="1:7" x14ac:dyDescent="0.3">
      <c r="A36459" s="13" t="s">
        <v>221</v>
      </c>
      <c r="B36459" s="14" t="s">
        <v>1</v>
      </c>
      <c r="C36459" s="14" t="s">
        <v>101</v>
      </c>
      <c r="D36459" s="14" t="s">
        <v>14</v>
      </c>
      <c r="E36459" s="15">
        <v>45700</v>
      </c>
      <c r="F36459" s="14" t="s">
        <v>15</v>
      </c>
      <c r="G36459" s="16">
        <v>0</v>
      </c>
    </row>
    <row r="36460" spans="1:7" x14ac:dyDescent="0.3">
      <c r="A36460" s="13" t="s">
        <v>221</v>
      </c>
      <c r="B36460" s="14" t="s">
        <v>1</v>
      </c>
      <c r="C36460" s="14" t="s">
        <v>101</v>
      </c>
      <c r="D36460" s="14" t="s">
        <v>14</v>
      </c>
      <c r="E36460" s="15">
        <v>45701</v>
      </c>
      <c r="F36460" s="14" t="s">
        <v>15</v>
      </c>
      <c r="G36460" s="16">
        <v>0</v>
      </c>
    </row>
    <row r="36461" spans="1:7" x14ac:dyDescent="0.3">
      <c r="A36461" s="13" t="s">
        <v>221</v>
      </c>
      <c r="B36461" s="14" t="s">
        <v>1</v>
      </c>
      <c r="C36461" s="14" t="s">
        <v>101</v>
      </c>
      <c r="D36461" s="14" t="s">
        <v>14</v>
      </c>
      <c r="E36461" s="15">
        <v>45702</v>
      </c>
      <c r="F36461" s="14" t="s">
        <v>15</v>
      </c>
      <c r="G36461" s="16">
        <v>0</v>
      </c>
    </row>
    <row r="36462" spans="1:7" x14ac:dyDescent="0.3">
      <c r="A36462" s="13" t="s">
        <v>221</v>
      </c>
      <c r="B36462" s="14" t="s">
        <v>1</v>
      </c>
      <c r="C36462" s="14" t="s">
        <v>101</v>
      </c>
      <c r="D36462" s="14" t="s">
        <v>14</v>
      </c>
      <c r="E36462" s="15">
        <v>45703</v>
      </c>
      <c r="F36462" s="14" t="s">
        <v>15</v>
      </c>
      <c r="G36462" s="16">
        <v>0</v>
      </c>
    </row>
    <row r="36463" spans="1:7" x14ac:dyDescent="0.3">
      <c r="A36463" s="13" t="s">
        <v>221</v>
      </c>
      <c r="B36463" s="14" t="s">
        <v>1</v>
      </c>
      <c r="C36463" s="14" t="s">
        <v>101</v>
      </c>
      <c r="D36463" s="14" t="s">
        <v>14</v>
      </c>
      <c r="E36463" s="15">
        <v>45704</v>
      </c>
      <c r="F36463" s="14" t="s">
        <v>15</v>
      </c>
      <c r="G36463" s="16">
        <v>0</v>
      </c>
    </row>
    <row r="36464" spans="1:7" x14ac:dyDescent="0.3">
      <c r="A36464" s="13" t="s">
        <v>221</v>
      </c>
      <c r="B36464" s="14" t="s">
        <v>1</v>
      </c>
      <c r="C36464" s="14" t="s">
        <v>101</v>
      </c>
      <c r="D36464" s="14" t="s">
        <v>14</v>
      </c>
      <c r="E36464" s="15">
        <v>45705</v>
      </c>
      <c r="F36464" s="14" t="s">
        <v>15</v>
      </c>
      <c r="G36464" s="16">
        <v>0</v>
      </c>
    </row>
    <row r="36465" spans="1:7" x14ac:dyDescent="0.3">
      <c r="A36465" s="13" t="s">
        <v>221</v>
      </c>
      <c r="B36465" s="14" t="s">
        <v>1</v>
      </c>
      <c r="C36465" s="14" t="s">
        <v>101</v>
      </c>
      <c r="D36465" s="14" t="s">
        <v>14</v>
      </c>
      <c r="E36465" s="15">
        <v>45706</v>
      </c>
      <c r="F36465" s="14" t="s">
        <v>15</v>
      </c>
      <c r="G36465" s="16">
        <v>0</v>
      </c>
    </row>
    <row r="36466" spans="1:7" x14ac:dyDescent="0.3">
      <c r="A36466" s="13" t="s">
        <v>221</v>
      </c>
      <c r="B36466" s="14" t="s">
        <v>1</v>
      </c>
      <c r="C36466" s="14" t="s">
        <v>101</v>
      </c>
      <c r="D36466" s="14" t="s">
        <v>14</v>
      </c>
      <c r="E36466" s="15">
        <v>45707</v>
      </c>
      <c r="F36466" s="14" t="s">
        <v>15</v>
      </c>
      <c r="G36466" s="16">
        <v>0</v>
      </c>
    </row>
    <row r="36467" spans="1:7" x14ac:dyDescent="0.3">
      <c r="A36467" s="13" t="s">
        <v>221</v>
      </c>
      <c r="B36467" s="14" t="s">
        <v>1</v>
      </c>
      <c r="C36467" s="14" t="s">
        <v>101</v>
      </c>
      <c r="D36467" s="14" t="s">
        <v>14</v>
      </c>
      <c r="E36467" s="15">
        <v>45708</v>
      </c>
      <c r="F36467" s="14" t="s">
        <v>15</v>
      </c>
      <c r="G36467" s="16">
        <v>0</v>
      </c>
    </row>
    <row r="36468" spans="1:7" x14ac:dyDescent="0.3">
      <c r="A36468" s="13" t="s">
        <v>221</v>
      </c>
      <c r="B36468" s="14" t="s">
        <v>1</v>
      </c>
      <c r="C36468" s="14" t="s">
        <v>101</v>
      </c>
      <c r="D36468" s="14" t="s">
        <v>14</v>
      </c>
      <c r="E36468" s="15">
        <v>45709</v>
      </c>
      <c r="F36468" s="14" t="s">
        <v>15</v>
      </c>
      <c r="G36468" s="16">
        <v>0</v>
      </c>
    </row>
    <row r="36469" spans="1:7" x14ac:dyDescent="0.3">
      <c r="A36469" s="13" t="s">
        <v>221</v>
      </c>
      <c r="B36469" s="14" t="s">
        <v>1</v>
      </c>
      <c r="C36469" s="14" t="s">
        <v>101</v>
      </c>
      <c r="D36469" s="14" t="s">
        <v>14</v>
      </c>
      <c r="E36469" s="15">
        <v>45710</v>
      </c>
      <c r="F36469" s="14" t="s">
        <v>15</v>
      </c>
      <c r="G36469" s="16">
        <v>0</v>
      </c>
    </row>
    <row r="36470" spans="1:7" x14ac:dyDescent="0.3">
      <c r="A36470" s="13" t="s">
        <v>221</v>
      </c>
      <c r="B36470" s="14" t="s">
        <v>1</v>
      </c>
      <c r="C36470" s="14" t="s">
        <v>101</v>
      </c>
      <c r="D36470" s="14" t="s">
        <v>14</v>
      </c>
      <c r="E36470" s="15">
        <v>45711</v>
      </c>
      <c r="F36470" s="14" t="s">
        <v>15</v>
      </c>
      <c r="G36470" s="16">
        <v>0</v>
      </c>
    </row>
    <row r="36471" spans="1:7" x14ac:dyDescent="0.3">
      <c r="A36471" s="13" t="s">
        <v>221</v>
      </c>
      <c r="B36471" s="14" t="s">
        <v>1</v>
      </c>
      <c r="C36471" s="14" t="s">
        <v>101</v>
      </c>
      <c r="D36471" s="14" t="s">
        <v>14</v>
      </c>
      <c r="E36471" s="15">
        <v>45712</v>
      </c>
      <c r="F36471" s="14" t="s">
        <v>15</v>
      </c>
      <c r="G36471" s="16">
        <v>0</v>
      </c>
    </row>
    <row r="36472" spans="1:7" x14ac:dyDescent="0.3">
      <c r="A36472" s="13" t="s">
        <v>221</v>
      </c>
      <c r="B36472" s="14" t="s">
        <v>1</v>
      </c>
      <c r="C36472" s="14" t="s">
        <v>101</v>
      </c>
      <c r="D36472" s="14" t="s">
        <v>14</v>
      </c>
      <c r="E36472" s="15">
        <v>45713</v>
      </c>
      <c r="F36472" s="14" t="s">
        <v>15</v>
      </c>
      <c r="G36472" s="16">
        <v>0</v>
      </c>
    </row>
    <row r="36473" spans="1:7" x14ac:dyDescent="0.3">
      <c r="A36473" s="13" t="s">
        <v>221</v>
      </c>
      <c r="B36473" s="14" t="s">
        <v>1</v>
      </c>
      <c r="C36473" s="14" t="s">
        <v>101</v>
      </c>
      <c r="D36473" s="14" t="s">
        <v>14</v>
      </c>
      <c r="E36473" s="15">
        <v>45714</v>
      </c>
      <c r="F36473" s="14" t="s">
        <v>15</v>
      </c>
      <c r="G36473" s="16">
        <v>0</v>
      </c>
    </row>
    <row r="36474" spans="1:7" x14ac:dyDescent="0.3">
      <c r="A36474" s="13" t="s">
        <v>221</v>
      </c>
      <c r="B36474" s="14" t="s">
        <v>1</v>
      </c>
      <c r="C36474" s="14" t="s">
        <v>101</v>
      </c>
      <c r="D36474" s="14" t="s">
        <v>14</v>
      </c>
      <c r="E36474" s="15">
        <v>45715</v>
      </c>
      <c r="F36474" s="14" t="s">
        <v>15</v>
      </c>
      <c r="G36474" s="16">
        <v>0</v>
      </c>
    </row>
    <row r="36475" spans="1:7" x14ac:dyDescent="0.3">
      <c r="A36475" s="13" t="s">
        <v>221</v>
      </c>
      <c r="B36475" s="14" t="s">
        <v>1</v>
      </c>
      <c r="C36475" s="14" t="s">
        <v>101</v>
      </c>
      <c r="D36475" s="14" t="s">
        <v>14</v>
      </c>
      <c r="E36475" s="15">
        <v>45716</v>
      </c>
      <c r="F36475" s="14" t="s">
        <v>15</v>
      </c>
      <c r="G36475" s="16">
        <v>0</v>
      </c>
    </row>
    <row r="36476" spans="1:7" x14ac:dyDescent="0.3">
      <c r="A36476" s="13" t="s">
        <v>221</v>
      </c>
      <c r="B36476" s="14" t="s">
        <v>1</v>
      </c>
      <c r="C36476" s="14" t="s">
        <v>101</v>
      </c>
      <c r="D36476" s="14" t="s">
        <v>14</v>
      </c>
      <c r="E36476" s="15">
        <v>45717</v>
      </c>
      <c r="F36476" s="14" t="s">
        <v>15</v>
      </c>
      <c r="G36476" s="16">
        <v>0</v>
      </c>
    </row>
    <row r="36477" spans="1:7" x14ac:dyDescent="0.3">
      <c r="A36477" s="13" t="s">
        <v>221</v>
      </c>
      <c r="B36477" s="14" t="s">
        <v>1</v>
      </c>
      <c r="C36477" s="14" t="s">
        <v>101</v>
      </c>
      <c r="D36477" s="14" t="s">
        <v>14</v>
      </c>
      <c r="E36477" s="15">
        <v>45718</v>
      </c>
      <c r="F36477" s="14" t="s">
        <v>15</v>
      </c>
      <c r="G36477" s="16">
        <v>0</v>
      </c>
    </row>
    <row r="36478" spans="1:7" x14ac:dyDescent="0.3">
      <c r="A36478" s="13" t="s">
        <v>221</v>
      </c>
      <c r="B36478" s="14" t="s">
        <v>1</v>
      </c>
      <c r="C36478" s="14" t="s">
        <v>101</v>
      </c>
      <c r="D36478" s="14" t="s">
        <v>14</v>
      </c>
      <c r="E36478" s="15">
        <v>45719</v>
      </c>
      <c r="F36478" s="14" t="s">
        <v>15</v>
      </c>
      <c r="G36478" s="16">
        <v>0</v>
      </c>
    </row>
    <row r="36479" spans="1:7" x14ac:dyDescent="0.3">
      <c r="A36479" s="13" t="s">
        <v>221</v>
      </c>
      <c r="B36479" s="14" t="s">
        <v>1</v>
      </c>
      <c r="C36479" s="14" t="s">
        <v>101</v>
      </c>
      <c r="D36479" s="14" t="s">
        <v>14</v>
      </c>
      <c r="E36479" s="15">
        <v>45720</v>
      </c>
      <c r="F36479" s="14" t="s">
        <v>15</v>
      </c>
      <c r="G36479" s="16">
        <v>0</v>
      </c>
    </row>
    <row r="36480" spans="1:7" x14ac:dyDescent="0.3">
      <c r="A36480" s="13" t="s">
        <v>221</v>
      </c>
      <c r="B36480" s="14" t="s">
        <v>1</v>
      </c>
      <c r="C36480" s="14" t="s">
        <v>101</v>
      </c>
      <c r="D36480" s="14" t="s">
        <v>14</v>
      </c>
      <c r="E36480" s="15">
        <v>45721</v>
      </c>
      <c r="F36480" s="14" t="s">
        <v>15</v>
      </c>
      <c r="G36480" s="16">
        <v>0</v>
      </c>
    </row>
    <row r="36481" spans="1:7" x14ac:dyDescent="0.3">
      <c r="A36481" s="13" t="s">
        <v>221</v>
      </c>
      <c r="B36481" s="14" t="s">
        <v>1</v>
      </c>
      <c r="C36481" s="14" t="s">
        <v>101</v>
      </c>
      <c r="D36481" s="14" t="s">
        <v>14</v>
      </c>
      <c r="E36481" s="15">
        <v>45722</v>
      </c>
      <c r="F36481" s="14" t="s">
        <v>15</v>
      </c>
      <c r="G36481" s="16">
        <v>0</v>
      </c>
    </row>
    <row r="36482" spans="1:7" x14ac:dyDescent="0.3">
      <c r="A36482" s="13" t="s">
        <v>221</v>
      </c>
      <c r="B36482" s="14" t="s">
        <v>1</v>
      </c>
      <c r="C36482" s="14" t="s">
        <v>101</v>
      </c>
      <c r="D36482" s="14" t="s">
        <v>14</v>
      </c>
      <c r="E36482" s="15">
        <v>45723</v>
      </c>
      <c r="F36482" s="14" t="s">
        <v>15</v>
      </c>
      <c r="G36482" s="16">
        <v>0</v>
      </c>
    </row>
    <row r="36483" spans="1:7" x14ac:dyDescent="0.3">
      <c r="A36483" s="13" t="s">
        <v>221</v>
      </c>
      <c r="B36483" s="14" t="s">
        <v>1</v>
      </c>
      <c r="C36483" s="14" t="s">
        <v>101</v>
      </c>
      <c r="D36483" s="14" t="s">
        <v>14</v>
      </c>
      <c r="E36483" s="15">
        <v>45724</v>
      </c>
      <c r="F36483" s="14" t="s">
        <v>15</v>
      </c>
      <c r="G36483" s="16">
        <v>0</v>
      </c>
    </row>
    <row r="36484" spans="1:7" x14ac:dyDescent="0.3">
      <c r="A36484" s="13" t="s">
        <v>221</v>
      </c>
      <c r="B36484" s="14" t="s">
        <v>1</v>
      </c>
      <c r="C36484" s="14" t="s">
        <v>101</v>
      </c>
      <c r="D36484" s="14" t="s">
        <v>14</v>
      </c>
      <c r="E36484" s="15">
        <v>45725</v>
      </c>
      <c r="F36484" s="14" t="s">
        <v>15</v>
      </c>
      <c r="G36484" s="16">
        <v>0</v>
      </c>
    </row>
    <row r="36485" spans="1:7" x14ac:dyDescent="0.3">
      <c r="A36485" s="13" t="s">
        <v>221</v>
      </c>
      <c r="B36485" s="14" t="s">
        <v>1</v>
      </c>
      <c r="C36485" s="14" t="s">
        <v>101</v>
      </c>
      <c r="D36485" s="14" t="s">
        <v>14</v>
      </c>
      <c r="E36485" s="15">
        <v>45726</v>
      </c>
      <c r="F36485" s="14" t="s">
        <v>15</v>
      </c>
      <c r="G36485" s="16">
        <v>0</v>
      </c>
    </row>
    <row r="36486" spans="1:7" x14ac:dyDescent="0.3">
      <c r="A36486" s="13" t="s">
        <v>221</v>
      </c>
      <c r="B36486" s="14" t="s">
        <v>1</v>
      </c>
      <c r="C36486" s="14" t="s">
        <v>101</v>
      </c>
      <c r="D36486" s="14" t="s">
        <v>14</v>
      </c>
      <c r="E36486" s="15">
        <v>45727</v>
      </c>
      <c r="F36486" s="14" t="s">
        <v>15</v>
      </c>
      <c r="G36486" s="16">
        <v>0</v>
      </c>
    </row>
    <row r="36487" spans="1:7" x14ac:dyDescent="0.3">
      <c r="A36487" s="13" t="s">
        <v>221</v>
      </c>
      <c r="B36487" s="14" t="s">
        <v>1</v>
      </c>
      <c r="C36487" s="14" t="s">
        <v>101</v>
      </c>
      <c r="D36487" s="14" t="s">
        <v>14</v>
      </c>
      <c r="E36487" s="15">
        <v>45728</v>
      </c>
      <c r="F36487" s="14" t="s">
        <v>15</v>
      </c>
      <c r="G36487" s="16">
        <v>0</v>
      </c>
    </row>
    <row r="36488" spans="1:7" x14ac:dyDescent="0.3">
      <c r="A36488" s="13" t="s">
        <v>221</v>
      </c>
      <c r="B36488" s="14" t="s">
        <v>1</v>
      </c>
      <c r="C36488" s="14" t="s">
        <v>101</v>
      </c>
      <c r="D36488" s="14" t="s">
        <v>14</v>
      </c>
      <c r="E36488" s="15">
        <v>45729</v>
      </c>
      <c r="F36488" s="14" t="s">
        <v>15</v>
      </c>
      <c r="G36488" s="16">
        <v>0</v>
      </c>
    </row>
    <row r="36489" spans="1:7" x14ac:dyDescent="0.3">
      <c r="A36489" s="13" t="s">
        <v>221</v>
      </c>
      <c r="B36489" s="14" t="s">
        <v>1</v>
      </c>
      <c r="C36489" s="14" t="s">
        <v>101</v>
      </c>
      <c r="D36489" s="14" t="s">
        <v>14</v>
      </c>
      <c r="E36489" s="15">
        <v>45730</v>
      </c>
      <c r="F36489" s="14" t="s">
        <v>15</v>
      </c>
      <c r="G36489" s="16">
        <v>0</v>
      </c>
    </row>
    <row r="36490" spans="1:7" x14ac:dyDescent="0.3">
      <c r="A36490" s="13" t="s">
        <v>221</v>
      </c>
      <c r="B36490" s="14" t="s">
        <v>1</v>
      </c>
      <c r="C36490" s="14" t="s">
        <v>101</v>
      </c>
      <c r="D36490" s="14" t="s">
        <v>14</v>
      </c>
      <c r="E36490" s="15">
        <v>45731</v>
      </c>
      <c r="F36490" s="14" t="s">
        <v>15</v>
      </c>
      <c r="G36490" s="16">
        <v>0</v>
      </c>
    </row>
    <row r="36491" spans="1:7" x14ac:dyDescent="0.3">
      <c r="A36491" s="13" t="s">
        <v>221</v>
      </c>
      <c r="B36491" s="14" t="s">
        <v>1</v>
      </c>
      <c r="C36491" s="14" t="s">
        <v>101</v>
      </c>
      <c r="D36491" s="14" t="s">
        <v>14</v>
      </c>
      <c r="E36491" s="15">
        <v>45732</v>
      </c>
      <c r="F36491" s="14" t="s">
        <v>15</v>
      </c>
      <c r="G36491" s="16">
        <v>0</v>
      </c>
    </row>
    <row r="36492" spans="1:7" x14ac:dyDescent="0.3">
      <c r="A36492" s="13" t="s">
        <v>221</v>
      </c>
      <c r="B36492" s="14" t="s">
        <v>1</v>
      </c>
      <c r="C36492" s="14" t="s">
        <v>101</v>
      </c>
      <c r="D36492" s="14" t="s">
        <v>14</v>
      </c>
      <c r="E36492" s="15">
        <v>45733</v>
      </c>
      <c r="F36492" s="14" t="s">
        <v>15</v>
      </c>
      <c r="G36492" s="16">
        <v>0</v>
      </c>
    </row>
    <row r="36493" spans="1:7" x14ac:dyDescent="0.3">
      <c r="A36493" s="13" t="s">
        <v>221</v>
      </c>
      <c r="B36493" s="14" t="s">
        <v>1</v>
      </c>
      <c r="C36493" s="14" t="s">
        <v>101</v>
      </c>
      <c r="D36493" s="14" t="s">
        <v>14</v>
      </c>
      <c r="E36493" s="15">
        <v>45734</v>
      </c>
      <c r="F36493" s="14" t="s">
        <v>15</v>
      </c>
      <c r="G36493" s="16">
        <v>0</v>
      </c>
    </row>
    <row r="36494" spans="1:7" x14ac:dyDescent="0.3">
      <c r="A36494" s="13" t="s">
        <v>221</v>
      </c>
      <c r="B36494" s="14" t="s">
        <v>1</v>
      </c>
      <c r="C36494" s="14" t="s">
        <v>101</v>
      </c>
      <c r="D36494" s="14" t="s">
        <v>14</v>
      </c>
      <c r="E36494" s="15">
        <v>45735</v>
      </c>
      <c r="F36494" s="14" t="s">
        <v>15</v>
      </c>
      <c r="G36494" s="16">
        <v>0</v>
      </c>
    </row>
    <row r="36495" spans="1:7" x14ac:dyDescent="0.3">
      <c r="A36495" s="13" t="s">
        <v>221</v>
      </c>
      <c r="B36495" s="14" t="s">
        <v>1</v>
      </c>
      <c r="C36495" s="14" t="s">
        <v>101</v>
      </c>
      <c r="D36495" s="14" t="s">
        <v>14</v>
      </c>
      <c r="E36495" s="15">
        <v>45736</v>
      </c>
      <c r="F36495" s="14" t="s">
        <v>15</v>
      </c>
      <c r="G36495" s="16">
        <v>0</v>
      </c>
    </row>
    <row r="36496" spans="1:7" x14ac:dyDescent="0.3">
      <c r="A36496" s="13" t="s">
        <v>221</v>
      </c>
      <c r="B36496" s="14" t="s">
        <v>1</v>
      </c>
      <c r="C36496" s="14" t="s">
        <v>101</v>
      </c>
      <c r="D36496" s="14" t="s">
        <v>14</v>
      </c>
      <c r="E36496" s="15">
        <v>45737</v>
      </c>
      <c r="F36496" s="14" t="s">
        <v>15</v>
      </c>
      <c r="G36496" s="16">
        <v>0</v>
      </c>
    </row>
    <row r="36497" spans="1:7" x14ac:dyDescent="0.3">
      <c r="A36497" s="13" t="s">
        <v>221</v>
      </c>
      <c r="B36497" s="14" t="s">
        <v>1</v>
      </c>
      <c r="C36497" s="14" t="s">
        <v>101</v>
      </c>
      <c r="D36497" s="14" t="s">
        <v>14</v>
      </c>
      <c r="E36497" s="15">
        <v>45738</v>
      </c>
      <c r="F36497" s="14" t="s">
        <v>15</v>
      </c>
      <c r="G36497" s="16">
        <v>0</v>
      </c>
    </row>
    <row r="36498" spans="1:7" x14ac:dyDescent="0.3">
      <c r="A36498" s="13" t="s">
        <v>221</v>
      </c>
      <c r="B36498" s="14" t="s">
        <v>1</v>
      </c>
      <c r="C36498" s="14" t="s">
        <v>101</v>
      </c>
      <c r="D36498" s="14" t="s">
        <v>14</v>
      </c>
      <c r="E36498" s="15">
        <v>45739</v>
      </c>
      <c r="F36498" s="14" t="s">
        <v>15</v>
      </c>
      <c r="G36498" s="16">
        <v>0</v>
      </c>
    </row>
    <row r="36499" spans="1:7" x14ac:dyDescent="0.3">
      <c r="A36499" s="13" t="s">
        <v>221</v>
      </c>
      <c r="B36499" s="14" t="s">
        <v>1</v>
      </c>
      <c r="C36499" s="14" t="s">
        <v>101</v>
      </c>
      <c r="D36499" s="14" t="s">
        <v>14</v>
      </c>
      <c r="E36499" s="15">
        <v>45740</v>
      </c>
      <c r="F36499" s="14" t="s">
        <v>15</v>
      </c>
      <c r="G36499" s="16">
        <v>0</v>
      </c>
    </row>
    <row r="36500" spans="1:7" x14ac:dyDescent="0.3">
      <c r="A36500" s="13" t="s">
        <v>221</v>
      </c>
      <c r="B36500" s="14" t="s">
        <v>1</v>
      </c>
      <c r="C36500" s="14" t="s">
        <v>101</v>
      </c>
      <c r="D36500" s="14" t="s">
        <v>14</v>
      </c>
      <c r="E36500" s="15">
        <v>45741</v>
      </c>
      <c r="F36500" s="14" t="s">
        <v>15</v>
      </c>
      <c r="G36500" s="16">
        <v>0</v>
      </c>
    </row>
    <row r="36501" spans="1:7" x14ac:dyDescent="0.3">
      <c r="A36501" s="13" t="s">
        <v>221</v>
      </c>
      <c r="B36501" s="14" t="s">
        <v>1</v>
      </c>
      <c r="C36501" s="14" t="s">
        <v>101</v>
      </c>
      <c r="D36501" s="14" t="s">
        <v>14</v>
      </c>
      <c r="E36501" s="15">
        <v>45742</v>
      </c>
      <c r="F36501" s="14" t="s">
        <v>15</v>
      </c>
      <c r="G36501" s="16">
        <v>0</v>
      </c>
    </row>
    <row r="36502" spans="1:7" x14ac:dyDescent="0.3">
      <c r="A36502" s="13" t="s">
        <v>221</v>
      </c>
      <c r="B36502" s="14" t="s">
        <v>1</v>
      </c>
      <c r="C36502" s="14" t="s">
        <v>101</v>
      </c>
      <c r="D36502" s="14" t="s">
        <v>14</v>
      </c>
      <c r="E36502" s="15">
        <v>45743</v>
      </c>
      <c r="F36502" s="14" t="s">
        <v>15</v>
      </c>
      <c r="G36502" s="16">
        <v>0</v>
      </c>
    </row>
    <row r="36503" spans="1:7" x14ac:dyDescent="0.3">
      <c r="A36503" s="13" t="s">
        <v>221</v>
      </c>
      <c r="B36503" s="14" t="s">
        <v>1</v>
      </c>
      <c r="C36503" s="14" t="s">
        <v>101</v>
      </c>
      <c r="D36503" s="14" t="s">
        <v>14</v>
      </c>
      <c r="E36503" s="15">
        <v>45744</v>
      </c>
      <c r="F36503" s="14" t="s">
        <v>15</v>
      </c>
      <c r="G36503" s="16">
        <v>0</v>
      </c>
    </row>
    <row r="36504" spans="1:7" x14ac:dyDescent="0.3">
      <c r="A36504" s="13" t="s">
        <v>221</v>
      </c>
      <c r="B36504" s="14" t="s">
        <v>1</v>
      </c>
      <c r="C36504" s="14" t="s">
        <v>101</v>
      </c>
      <c r="D36504" s="14" t="s">
        <v>14</v>
      </c>
      <c r="E36504" s="15">
        <v>45745</v>
      </c>
      <c r="F36504" s="14" t="s">
        <v>15</v>
      </c>
      <c r="G36504" s="16">
        <v>0</v>
      </c>
    </row>
    <row r="36505" spans="1:7" x14ac:dyDescent="0.3">
      <c r="A36505" s="13" t="s">
        <v>221</v>
      </c>
      <c r="B36505" s="14" t="s">
        <v>1</v>
      </c>
      <c r="C36505" s="14" t="s">
        <v>101</v>
      </c>
      <c r="D36505" s="14" t="s">
        <v>14</v>
      </c>
      <c r="E36505" s="15">
        <v>45746</v>
      </c>
      <c r="F36505" s="14" t="s">
        <v>15</v>
      </c>
      <c r="G36505" s="16">
        <v>0</v>
      </c>
    </row>
    <row r="36506" spans="1:7" x14ac:dyDescent="0.3">
      <c r="A36506" s="13" t="s">
        <v>221</v>
      </c>
      <c r="B36506" s="14" t="s">
        <v>1</v>
      </c>
      <c r="C36506" s="14" t="s">
        <v>101</v>
      </c>
      <c r="D36506" s="14" t="s">
        <v>14</v>
      </c>
      <c r="E36506" s="15">
        <v>45747</v>
      </c>
      <c r="F36506" s="14" t="s">
        <v>15</v>
      </c>
      <c r="G36506" s="16">
        <v>0</v>
      </c>
    </row>
    <row r="36507" spans="1:7" x14ac:dyDescent="0.3">
      <c r="A36507" s="13" t="s">
        <v>222</v>
      </c>
      <c r="B36507" s="14" t="s">
        <v>1</v>
      </c>
      <c r="C36507" s="14" t="s">
        <v>35</v>
      </c>
      <c r="D36507" s="14" t="s">
        <v>169</v>
      </c>
      <c r="E36507" s="15">
        <v>45383</v>
      </c>
      <c r="F36507" s="14" t="s">
        <v>25</v>
      </c>
      <c r="G36507" s="16">
        <v>0</v>
      </c>
    </row>
    <row r="36508" spans="1:7" x14ac:dyDescent="0.3">
      <c r="A36508" s="13" t="s">
        <v>222</v>
      </c>
      <c r="B36508" s="14" t="s">
        <v>1</v>
      </c>
      <c r="C36508" s="14" t="s">
        <v>35</v>
      </c>
      <c r="D36508" s="14" t="s">
        <v>169</v>
      </c>
      <c r="E36508" s="15">
        <v>45384</v>
      </c>
      <c r="F36508" s="14" t="s">
        <v>25</v>
      </c>
      <c r="G36508" s="16">
        <v>0</v>
      </c>
    </row>
    <row r="36509" spans="1:7" x14ac:dyDescent="0.3">
      <c r="A36509" s="13" t="s">
        <v>222</v>
      </c>
      <c r="B36509" s="14" t="s">
        <v>1</v>
      </c>
      <c r="C36509" s="14" t="s">
        <v>35</v>
      </c>
      <c r="D36509" s="14" t="s">
        <v>169</v>
      </c>
      <c r="E36509" s="15">
        <v>45385</v>
      </c>
      <c r="F36509" s="14" t="s">
        <v>25</v>
      </c>
      <c r="G36509" s="16">
        <v>0</v>
      </c>
    </row>
    <row r="36510" spans="1:7" x14ac:dyDescent="0.3">
      <c r="A36510" s="13" t="s">
        <v>222</v>
      </c>
      <c r="B36510" s="14" t="s">
        <v>1</v>
      </c>
      <c r="C36510" s="14" t="s">
        <v>35</v>
      </c>
      <c r="D36510" s="14" t="s">
        <v>169</v>
      </c>
      <c r="E36510" s="15">
        <v>45386</v>
      </c>
      <c r="F36510" s="14" t="s">
        <v>25</v>
      </c>
      <c r="G36510" s="16">
        <v>0</v>
      </c>
    </row>
    <row r="36511" spans="1:7" x14ac:dyDescent="0.3">
      <c r="A36511" s="13" t="s">
        <v>222</v>
      </c>
      <c r="B36511" s="14" t="s">
        <v>1</v>
      </c>
      <c r="C36511" s="14" t="s">
        <v>35</v>
      </c>
      <c r="D36511" s="14" t="s">
        <v>169</v>
      </c>
      <c r="E36511" s="15">
        <v>45387</v>
      </c>
      <c r="F36511" s="14" t="s">
        <v>25</v>
      </c>
      <c r="G36511" s="16">
        <v>0</v>
      </c>
    </row>
    <row r="36512" spans="1:7" x14ac:dyDescent="0.3">
      <c r="A36512" s="13" t="s">
        <v>222</v>
      </c>
      <c r="B36512" s="14" t="s">
        <v>1</v>
      </c>
      <c r="C36512" s="14" t="s">
        <v>35</v>
      </c>
      <c r="D36512" s="14" t="s">
        <v>169</v>
      </c>
      <c r="E36512" s="15">
        <v>45388</v>
      </c>
      <c r="F36512" s="14" t="s">
        <v>25</v>
      </c>
      <c r="G36512" s="16">
        <v>0</v>
      </c>
    </row>
    <row r="36513" spans="1:7" x14ac:dyDescent="0.3">
      <c r="A36513" s="13" t="s">
        <v>222</v>
      </c>
      <c r="B36513" s="14" t="s">
        <v>1</v>
      </c>
      <c r="C36513" s="14" t="s">
        <v>35</v>
      </c>
      <c r="D36513" s="14" t="s">
        <v>169</v>
      </c>
      <c r="E36513" s="15">
        <v>45389</v>
      </c>
      <c r="F36513" s="14" t="s">
        <v>25</v>
      </c>
      <c r="G36513" s="16">
        <v>0</v>
      </c>
    </row>
    <row r="36514" spans="1:7" x14ac:dyDescent="0.3">
      <c r="A36514" s="13" t="s">
        <v>222</v>
      </c>
      <c r="B36514" s="14" t="s">
        <v>1</v>
      </c>
      <c r="C36514" s="14" t="s">
        <v>35</v>
      </c>
      <c r="D36514" s="14" t="s">
        <v>169</v>
      </c>
      <c r="E36514" s="15">
        <v>45390</v>
      </c>
      <c r="F36514" s="14" t="s">
        <v>25</v>
      </c>
      <c r="G36514" s="16">
        <v>0</v>
      </c>
    </row>
    <row r="36515" spans="1:7" x14ac:dyDescent="0.3">
      <c r="A36515" s="13" t="s">
        <v>222</v>
      </c>
      <c r="B36515" s="14" t="s">
        <v>1</v>
      </c>
      <c r="C36515" s="14" t="s">
        <v>35</v>
      </c>
      <c r="D36515" s="14" t="s">
        <v>169</v>
      </c>
      <c r="E36515" s="15">
        <v>45391</v>
      </c>
      <c r="F36515" s="14" t="s">
        <v>25</v>
      </c>
      <c r="G36515" s="16">
        <v>0</v>
      </c>
    </row>
    <row r="36516" spans="1:7" x14ac:dyDescent="0.3">
      <c r="A36516" s="13" t="s">
        <v>222</v>
      </c>
      <c r="B36516" s="14" t="s">
        <v>1</v>
      </c>
      <c r="C36516" s="14" t="s">
        <v>35</v>
      </c>
      <c r="D36516" s="14" t="s">
        <v>169</v>
      </c>
      <c r="E36516" s="15">
        <v>45392</v>
      </c>
      <c r="F36516" s="14" t="s">
        <v>25</v>
      </c>
      <c r="G36516" s="16">
        <v>0</v>
      </c>
    </row>
    <row r="36517" spans="1:7" x14ac:dyDescent="0.3">
      <c r="A36517" s="13" t="s">
        <v>222</v>
      </c>
      <c r="B36517" s="14" t="s">
        <v>1</v>
      </c>
      <c r="C36517" s="14" t="s">
        <v>35</v>
      </c>
      <c r="D36517" s="14" t="s">
        <v>169</v>
      </c>
      <c r="E36517" s="15">
        <v>45393</v>
      </c>
      <c r="F36517" s="14" t="s">
        <v>25</v>
      </c>
      <c r="G36517" s="16">
        <v>0</v>
      </c>
    </row>
    <row r="36518" spans="1:7" x14ac:dyDescent="0.3">
      <c r="A36518" s="13" t="s">
        <v>222</v>
      </c>
      <c r="B36518" s="14" t="s">
        <v>1</v>
      </c>
      <c r="C36518" s="14" t="s">
        <v>35</v>
      </c>
      <c r="D36518" s="14" t="s">
        <v>169</v>
      </c>
      <c r="E36518" s="15">
        <v>45394</v>
      </c>
      <c r="F36518" s="14" t="s">
        <v>25</v>
      </c>
      <c r="G36518" s="16">
        <v>0</v>
      </c>
    </row>
    <row r="36519" spans="1:7" x14ac:dyDescent="0.3">
      <c r="A36519" s="13" t="s">
        <v>222</v>
      </c>
      <c r="B36519" s="14" t="s">
        <v>1</v>
      </c>
      <c r="C36519" s="14" t="s">
        <v>35</v>
      </c>
      <c r="D36519" s="14" t="s">
        <v>169</v>
      </c>
      <c r="E36519" s="15">
        <v>45395</v>
      </c>
      <c r="F36519" s="14" t="s">
        <v>25</v>
      </c>
      <c r="G36519" s="16">
        <v>0</v>
      </c>
    </row>
    <row r="36520" spans="1:7" x14ac:dyDescent="0.3">
      <c r="A36520" s="13" t="s">
        <v>222</v>
      </c>
      <c r="B36520" s="14" t="s">
        <v>1</v>
      </c>
      <c r="C36520" s="14" t="s">
        <v>35</v>
      </c>
      <c r="D36520" s="14" t="s">
        <v>169</v>
      </c>
      <c r="E36520" s="15">
        <v>45396</v>
      </c>
      <c r="F36520" s="14" t="s">
        <v>25</v>
      </c>
      <c r="G36520" s="16">
        <v>0</v>
      </c>
    </row>
    <row r="36521" spans="1:7" x14ac:dyDescent="0.3">
      <c r="A36521" s="13" t="s">
        <v>222</v>
      </c>
      <c r="B36521" s="14" t="s">
        <v>1</v>
      </c>
      <c r="C36521" s="14" t="s">
        <v>35</v>
      </c>
      <c r="D36521" s="14" t="s">
        <v>169</v>
      </c>
      <c r="E36521" s="15">
        <v>45397</v>
      </c>
      <c r="F36521" s="14" t="s">
        <v>25</v>
      </c>
      <c r="G36521" s="16">
        <v>0</v>
      </c>
    </row>
    <row r="36522" spans="1:7" x14ac:dyDescent="0.3">
      <c r="A36522" s="13" t="s">
        <v>222</v>
      </c>
      <c r="B36522" s="14" t="s">
        <v>1</v>
      </c>
      <c r="C36522" s="14" t="s">
        <v>35</v>
      </c>
      <c r="D36522" s="14" t="s">
        <v>169</v>
      </c>
      <c r="E36522" s="15">
        <v>45398</v>
      </c>
      <c r="F36522" s="14" t="s">
        <v>25</v>
      </c>
      <c r="G36522" s="16">
        <v>0</v>
      </c>
    </row>
    <row r="36523" spans="1:7" x14ac:dyDescent="0.3">
      <c r="A36523" s="13" t="s">
        <v>222</v>
      </c>
      <c r="B36523" s="14" t="s">
        <v>1</v>
      </c>
      <c r="C36523" s="14" t="s">
        <v>35</v>
      </c>
      <c r="D36523" s="14" t="s">
        <v>169</v>
      </c>
      <c r="E36523" s="15">
        <v>45399</v>
      </c>
      <c r="F36523" s="14" t="s">
        <v>25</v>
      </c>
      <c r="G36523" s="16">
        <v>0</v>
      </c>
    </row>
    <row r="36524" spans="1:7" x14ac:dyDescent="0.3">
      <c r="A36524" s="13" t="s">
        <v>222</v>
      </c>
      <c r="B36524" s="14" t="s">
        <v>1</v>
      </c>
      <c r="C36524" s="14" t="s">
        <v>35</v>
      </c>
      <c r="D36524" s="14" t="s">
        <v>169</v>
      </c>
      <c r="E36524" s="15">
        <v>45400</v>
      </c>
      <c r="F36524" s="14" t="s">
        <v>25</v>
      </c>
      <c r="G36524" s="16">
        <v>0</v>
      </c>
    </row>
    <row r="36525" spans="1:7" x14ac:dyDescent="0.3">
      <c r="A36525" s="13" t="s">
        <v>222</v>
      </c>
      <c r="B36525" s="14" t="s">
        <v>1</v>
      </c>
      <c r="C36525" s="14" t="s">
        <v>35</v>
      </c>
      <c r="D36525" s="14" t="s">
        <v>169</v>
      </c>
      <c r="E36525" s="15">
        <v>45401</v>
      </c>
      <c r="F36525" s="14" t="s">
        <v>25</v>
      </c>
      <c r="G36525" s="16">
        <v>0</v>
      </c>
    </row>
    <row r="36526" spans="1:7" x14ac:dyDescent="0.3">
      <c r="A36526" s="13" t="s">
        <v>222</v>
      </c>
      <c r="B36526" s="14" t="s">
        <v>1</v>
      </c>
      <c r="C36526" s="14" t="s">
        <v>35</v>
      </c>
      <c r="D36526" s="14" t="s">
        <v>169</v>
      </c>
      <c r="E36526" s="15">
        <v>45402</v>
      </c>
      <c r="F36526" s="14" t="s">
        <v>25</v>
      </c>
      <c r="G36526" s="16">
        <v>0</v>
      </c>
    </row>
    <row r="36527" spans="1:7" x14ac:dyDescent="0.3">
      <c r="A36527" s="13" t="s">
        <v>222</v>
      </c>
      <c r="B36527" s="14" t="s">
        <v>1</v>
      </c>
      <c r="C36527" s="14" t="s">
        <v>35</v>
      </c>
      <c r="D36527" s="14" t="s">
        <v>169</v>
      </c>
      <c r="E36527" s="15">
        <v>45403</v>
      </c>
      <c r="F36527" s="14" t="s">
        <v>25</v>
      </c>
      <c r="G36527" s="16">
        <v>0</v>
      </c>
    </row>
    <row r="36528" spans="1:7" x14ac:dyDescent="0.3">
      <c r="A36528" s="13" t="s">
        <v>222</v>
      </c>
      <c r="B36528" s="14" t="s">
        <v>1</v>
      </c>
      <c r="C36528" s="14" t="s">
        <v>35</v>
      </c>
      <c r="D36528" s="14" t="s">
        <v>169</v>
      </c>
      <c r="E36528" s="15">
        <v>45404</v>
      </c>
      <c r="F36528" s="14" t="s">
        <v>25</v>
      </c>
      <c r="G36528" s="16">
        <v>0</v>
      </c>
    </row>
    <row r="36529" spans="1:7" x14ac:dyDescent="0.3">
      <c r="A36529" s="13" t="s">
        <v>222</v>
      </c>
      <c r="B36529" s="14" t="s">
        <v>1</v>
      </c>
      <c r="C36529" s="14" t="s">
        <v>35</v>
      </c>
      <c r="D36529" s="14" t="s">
        <v>169</v>
      </c>
      <c r="E36529" s="15">
        <v>45405</v>
      </c>
      <c r="F36529" s="14" t="s">
        <v>25</v>
      </c>
      <c r="G36529" s="16">
        <v>0</v>
      </c>
    </row>
    <row r="36530" spans="1:7" x14ac:dyDescent="0.3">
      <c r="A36530" s="13" t="s">
        <v>222</v>
      </c>
      <c r="B36530" s="14" t="s">
        <v>1</v>
      </c>
      <c r="C36530" s="14" t="s">
        <v>35</v>
      </c>
      <c r="D36530" s="14" t="s">
        <v>169</v>
      </c>
      <c r="E36530" s="15">
        <v>45406</v>
      </c>
      <c r="F36530" s="14" t="s">
        <v>25</v>
      </c>
      <c r="G36530" s="16">
        <v>0</v>
      </c>
    </row>
    <row r="36531" spans="1:7" x14ac:dyDescent="0.3">
      <c r="A36531" s="13" t="s">
        <v>222</v>
      </c>
      <c r="B36531" s="14" t="s">
        <v>1</v>
      </c>
      <c r="C36531" s="14" t="s">
        <v>35</v>
      </c>
      <c r="D36531" s="14" t="s">
        <v>169</v>
      </c>
      <c r="E36531" s="15">
        <v>45407</v>
      </c>
      <c r="F36531" s="14" t="s">
        <v>25</v>
      </c>
      <c r="G36531" s="16">
        <v>0</v>
      </c>
    </row>
    <row r="36532" spans="1:7" x14ac:dyDescent="0.3">
      <c r="A36532" s="13" t="s">
        <v>222</v>
      </c>
      <c r="B36532" s="14" t="s">
        <v>1</v>
      </c>
      <c r="C36532" s="14" t="s">
        <v>35</v>
      </c>
      <c r="D36532" s="14" t="s">
        <v>169</v>
      </c>
      <c r="E36532" s="15">
        <v>45408</v>
      </c>
      <c r="F36532" s="14" t="s">
        <v>25</v>
      </c>
      <c r="G36532" s="16">
        <v>0</v>
      </c>
    </row>
    <row r="36533" spans="1:7" x14ac:dyDescent="0.3">
      <c r="A36533" s="13" t="s">
        <v>222</v>
      </c>
      <c r="B36533" s="14" t="s">
        <v>1</v>
      </c>
      <c r="C36533" s="14" t="s">
        <v>35</v>
      </c>
      <c r="D36533" s="14" t="s">
        <v>169</v>
      </c>
      <c r="E36533" s="15">
        <v>45409</v>
      </c>
      <c r="F36533" s="14" t="s">
        <v>25</v>
      </c>
      <c r="G36533" s="16">
        <v>0</v>
      </c>
    </row>
    <row r="36534" spans="1:7" x14ac:dyDescent="0.3">
      <c r="A36534" s="13" t="s">
        <v>222</v>
      </c>
      <c r="B36534" s="14" t="s">
        <v>1</v>
      </c>
      <c r="C36534" s="14" t="s">
        <v>35</v>
      </c>
      <c r="D36534" s="14" t="s">
        <v>169</v>
      </c>
      <c r="E36534" s="15">
        <v>45410</v>
      </c>
      <c r="F36534" s="14" t="s">
        <v>25</v>
      </c>
      <c r="G36534" s="16">
        <v>0</v>
      </c>
    </row>
    <row r="36535" spans="1:7" x14ac:dyDescent="0.3">
      <c r="A36535" s="13" t="s">
        <v>222</v>
      </c>
      <c r="B36535" s="14" t="s">
        <v>1</v>
      </c>
      <c r="C36535" s="14" t="s">
        <v>35</v>
      </c>
      <c r="D36535" s="14" t="s">
        <v>169</v>
      </c>
      <c r="E36535" s="15">
        <v>45411</v>
      </c>
      <c r="F36535" s="14" t="s">
        <v>25</v>
      </c>
      <c r="G36535" s="16">
        <v>0</v>
      </c>
    </row>
    <row r="36536" spans="1:7" x14ac:dyDescent="0.3">
      <c r="A36536" s="13" t="s">
        <v>222</v>
      </c>
      <c r="B36536" s="14" t="s">
        <v>1</v>
      </c>
      <c r="C36536" s="14" t="s">
        <v>35</v>
      </c>
      <c r="D36536" s="14" t="s">
        <v>169</v>
      </c>
      <c r="E36536" s="15">
        <v>45412</v>
      </c>
      <c r="F36536" s="14" t="s">
        <v>25</v>
      </c>
      <c r="G36536" s="16">
        <v>0</v>
      </c>
    </row>
    <row r="36537" spans="1:7" x14ac:dyDescent="0.3">
      <c r="A36537" s="13" t="s">
        <v>222</v>
      </c>
      <c r="B36537" s="14" t="s">
        <v>1</v>
      </c>
      <c r="C36537" s="14" t="s">
        <v>35</v>
      </c>
      <c r="D36537" s="14" t="s">
        <v>169</v>
      </c>
      <c r="E36537" s="15">
        <v>45413</v>
      </c>
      <c r="F36537" s="14" t="s">
        <v>25</v>
      </c>
      <c r="G36537" s="16">
        <v>0</v>
      </c>
    </row>
    <row r="36538" spans="1:7" x14ac:dyDescent="0.3">
      <c r="A36538" s="13" t="s">
        <v>222</v>
      </c>
      <c r="B36538" s="14" t="s">
        <v>1</v>
      </c>
      <c r="C36538" s="14" t="s">
        <v>35</v>
      </c>
      <c r="D36538" s="14" t="s">
        <v>169</v>
      </c>
      <c r="E36538" s="15">
        <v>45414</v>
      </c>
      <c r="F36538" s="14" t="s">
        <v>25</v>
      </c>
      <c r="G36538" s="16">
        <v>0</v>
      </c>
    </row>
    <row r="36539" spans="1:7" x14ac:dyDescent="0.3">
      <c r="A36539" s="13" t="s">
        <v>222</v>
      </c>
      <c r="B36539" s="14" t="s">
        <v>1</v>
      </c>
      <c r="C36539" s="14" t="s">
        <v>35</v>
      </c>
      <c r="D36539" s="14" t="s">
        <v>169</v>
      </c>
      <c r="E36539" s="15">
        <v>45415</v>
      </c>
      <c r="F36539" s="14" t="s">
        <v>25</v>
      </c>
      <c r="G36539" s="16">
        <v>0</v>
      </c>
    </row>
    <row r="36540" spans="1:7" x14ac:dyDescent="0.3">
      <c r="A36540" s="13" t="s">
        <v>222</v>
      </c>
      <c r="B36540" s="14" t="s">
        <v>1</v>
      </c>
      <c r="C36540" s="14" t="s">
        <v>35</v>
      </c>
      <c r="D36540" s="14" t="s">
        <v>169</v>
      </c>
      <c r="E36540" s="15">
        <v>45416</v>
      </c>
      <c r="F36540" s="14" t="s">
        <v>25</v>
      </c>
      <c r="G36540" s="16">
        <v>0</v>
      </c>
    </row>
    <row r="36541" spans="1:7" x14ac:dyDescent="0.3">
      <c r="A36541" s="13" t="s">
        <v>222</v>
      </c>
      <c r="B36541" s="14" t="s">
        <v>1</v>
      </c>
      <c r="C36541" s="14" t="s">
        <v>35</v>
      </c>
      <c r="D36541" s="14" t="s">
        <v>169</v>
      </c>
      <c r="E36541" s="15">
        <v>45417</v>
      </c>
      <c r="F36541" s="14" t="s">
        <v>25</v>
      </c>
      <c r="G36541" s="16">
        <v>0</v>
      </c>
    </row>
    <row r="36542" spans="1:7" x14ac:dyDescent="0.3">
      <c r="A36542" s="13" t="s">
        <v>222</v>
      </c>
      <c r="B36542" s="14" t="s">
        <v>1</v>
      </c>
      <c r="C36542" s="14" t="s">
        <v>35</v>
      </c>
      <c r="D36542" s="14" t="s">
        <v>169</v>
      </c>
      <c r="E36542" s="15">
        <v>45418</v>
      </c>
      <c r="F36542" s="14" t="s">
        <v>25</v>
      </c>
      <c r="G36542" s="16">
        <v>0</v>
      </c>
    </row>
    <row r="36543" spans="1:7" x14ac:dyDescent="0.3">
      <c r="A36543" s="13" t="s">
        <v>222</v>
      </c>
      <c r="B36543" s="14" t="s">
        <v>1</v>
      </c>
      <c r="C36543" s="14" t="s">
        <v>35</v>
      </c>
      <c r="D36543" s="14" t="s">
        <v>169</v>
      </c>
      <c r="E36543" s="15">
        <v>45419</v>
      </c>
      <c r="F36543" s="14" t="s">
        <v>25</v>
      </c>
      <c r="G36543" s="16">
        <v>0</v>
      </c>
    </row>
    <row r="36544" spans="1:7" x14ac:dyDescent="0.3">
      <c r="A36544" s="13" t="s">
        <v>222</v>
      </c>
      <c r="B36544" s="14" t="s">
        <v>1</v>
      </c>
      <c r="C36544" s="14" t="s">
        <v>35</v>
      </c>
      <c r="D36544" s="14" t="s">
        <v>169</v>
      </c>
      <c r="E36544" s="15">
        <v>45420</v>
      </c>
      <c r="F36544" s="14" t="s">
        <v>25</v>
      </c>
      <c r="G36544" s="16">
        <v>0</v>
      </c>
    </row>
    <row r="36545" spans="1:7" x14ac:dyDescent="0.3">
      <c r="A36545" s="13" t="s">
        <v>222</v>
      </c>
      <c r="B36545" s="14" t="s">
        <v>1</v>
      </c>
      <c r="C36545" s="14" t="s">
        <v>35</v>
      </c>
      <c r="D36545" s="14" t="s">
        <v>169</v>
      </c>
      <c r="E36545" s="15">
        <v>45421</v>
      </c>
      <c r="F36545" s="14" t="s">
        <v>25</v>
      </c>
      <c r="G36545" s="16">
        <v>0</v>
      </c>
    </row>
    <row r="36546" spans="1:7" x14ac:dyDescent="0.3">
      <c r="A36546" s="13" t="s">
        <v>222</v>
      </c>
      <c r="B36546" s="14" t="s">
        <v>1</v>
      </c>
      <c r="C36546" s="14" t="s">
        <v>35</v>
      </c>
      <c r="D36546" s="14" t="s">
        <v>169</v>
      </c>
      <c r="E36546" s="15">
        <v>45422</v>
      </c>
      <c r="F36546" s="14" t="s">
        <v>25</v>
      </c>
      <c r="G36546" s="16">
        <v>0</v>
      </c>
    </row>
    <row r="36547" spans="1:7" x14ac:dyDescent="0.3">
      <c r="A36547" s="13" t="s">
        <v>222</v>
      </c>
      <c r="B36547" s="14" t="s">
        <v>1</v>
      </c>
      <c r="C36547" s="14" t="s">
        <v>35</v>
      </c>
      <c r="D36547" s="14" t="s">
        <v>169</v>
      </c>
      <c r="E36547" s="15">
        <v>45423</v>
      </c>
      <c r="F36547" s="14" t="s">
        <v>25</v>
      </c>
      <c r="G36547" s="16">
        <v>0</v>
      </c>
    </row>
    <row r="36548" spans="1:7" x14ac:dyDescent="0.3">
      <c r="A36548" s="13" t="s">
        <v>222</v>
      </c>
      <c r="B36548" s="14" t="s">
        <v>1</v>
      </c>
      <c r="C36548" s="14" t="s">
        <v>35</v>
      </c>
      <c r="D36548" s="14" t="s">
        <v>169</v>
      </c>
      <c r="E36548" s="15">
        <v>45424</v>
      </c>
      <c r="F36548" s="14" t="s">
        <v>25</v>
      </c>
      <c r="G36548" s="16">
        <v>0</v>
      </c>
    </row>
    <row r="36549" spans="1:7" x14ac:dyDescent="0.3">
      <c r="A36549" s="13" t="s">
        <v>222</v>
      </c>
      <c r="B36549" s="14" t="s">
        <v>1</v>
      </c>
      <c r="C36549" s="14" t="s">
        <v>35</v>
      </c>
      <c r="D36549" s="14" t="s">
        <v>169</v>
      </c>
      <c r="E36549" s="15">
        <v>45425</v>
      </c>
      <c r="F36549" s="14" t="s">
        <v>25</v>
      </c>
      <c r="G36549" s="16">
        <v>0</v>
      </c>
    </row>
    <row r="36550" spans="1:7" x14ac:dyDescent="0.3">
      <c r="A36550" s="13" t="s">
        <v>222</v>
      </c>
      <c r="B36550" s="14" t="s">
        <v>1</v>
      </c>
      <c r="C36550" s="14" t="s">
        <v>35</v>
      </c>
      <c r="D36550" s="14" t="s">
        <v>169</v>
      </c>
      <c r="E36550" s="15">
        <v>45426</v>
      </c>
      <c r="F36550" s="14" t="s">
        <v>25</v>
      </c>
      <c r="G36550" s="16">
        <v>0</v>
      </c>
    </row>
    <row r="36551" spans="1:7" x14ac:dyDescent="0.3">
      <c r="A36551" s="13" t="s">
        <v>222</v>
      </c>
      <c r="B36551" s="14" t="s">
        <v>1</v>
      </c>
      <c r="C36551" s="14" t="s">
        <v>35</v>
      </c>
      <c r="D36551" s="14" t="s">
        <v>169</v>
      </c>
      <c r="E36551" s="15">
        <v>45427</v>
      </c>
      <c r="F36551" s="14" t="s">
        <v>25</v>
      </c>
      <c r="G36551" s="16">
        <v>0</v>
      </c>
    </row>
    <row r="36552" spans="1:7" x14ac:dyDescent="0.3">
      <c r="A36552" s="13" t="s">
        <v>222</v>
      </c>
      <c r="B36552" s="14" t="s">
        <v>1</v>
      </c>
      <c r="C36552" s="14" t="s">
        <v>35</v>
      </c>
      <c r="D36552" s="14" t="s">
        <v>169</v>
      </c>
      <c r="E36552" s="15">
        <v>45428</v>
      </c>
      <c r="F36552" s="14" t="s">
        <v>25</v>
      </c>
      <c r="G36552" s="16">
        <v>0</v>
      </c>
    </row>
    <row r="36553" spans="1:7" x14ac:dyDescent="0.3">
      <c r="A36553" s="13" t="s">
        <v>222</v>
      </c>
      <c r="B36553" s="14" t="s">
        <v>1</v>
      </c>
      <c r="C36553" s="14" t="s">
        <v>35</v>
      </c>
      <c r="D36553" s="14" t="s">
        <v>169</v>
      </c>
      <c r="E36553" s="15">
        <v>45429</v>
      </c>
      <c r="F36553" s="14" t="s">
        <v>25</v>
      </c>
      <c r="G36553" s="16">
        <v>0</v>
      </c>
    </row>
    <row r="36554" spans="1:7" x14ac:dyDescent="0.3">
      <c r="A36554" s="13" t="s">
        <v>222</v>
      </c>
      <c r="B36554" s="14" t="s">
        <v>1</v>
      </c>
      <c r="C36554" s="14" t="s">
        <v>35</v>
      </c>
      <c r="D36554" s="14" t="s">
        <v>169</v>
      </c>
      <c r="E36554" s="15">
        <v>45430</v>
      </c>
      <c r="F36554" s="14" t="s">
        <v>25</v>
      </c>
      <c r="G36554" s="16">
        <v>0</v>
      </c>
    </row>
    <row r="36555" spans="1:7" x14ac:dyDescent="0.3">
      <c r="A36555" s="13" t="s">
        <v>222</v>
      </c>
      <c r="B36555" s="14" t="s">
        <v>1</v>
      </c>
      <c r="C36555" s="14" t="s">
        <v>35</v>
      </c>
      <c r="D36555" s="14" t="s">
        <v>169</v>
      </c>
      <c r="E36555" s="15">
        <v>45431</v>
      </c>
      <c r="F36555" s="14" t="s">
        <v>25</v>
      </c>
      <c r="G36555" s="16">
        <v>0</v>
      </c>
    </row>
    <row r="36556" spans="1:7" x14ac:dyDescent="0.3">
      <c r="A36556" s="13" t="s">
        <v>222</v>
      </c>
      <c r="B36556" s="14" t="s">
        <v>1</v>
      </c>
      <c r="C36556" s="14" t="s">
        <v>35</v>
      </c>
      <c r="D36556" s="14" t="s">
        <v>169</v>
      </c>
      <c r="E36556" s="15">
        <v>45432</v>
      </c>
      <c r="F36556" s="14" t="s">
        <v>25</v>
      </c>
      <c r="G36556" s="16">
        <v>0</v>
      </c>
    </row>
    <row r="36557" spans="1:7" x14ac:dyDescent="0.3">
      <c r="A36557" s="13" t="s">
        <v>222</v>
      </c>
      <c r="B36557" s="14" t="s">
        <v>1</v>
      </c>
      <c r="C36557" s="14" t="s">
        <v>35</v>
      </c>
      <c r="D36557" s="14" t="s">
        <v>169</v>
      </c>
      <c r="E36557" s="15">
        <v>45433</v>
      </c>
      <c r="F36557" s="14" t="s">
        <v>25</v>
      </c>
      <c r="G36557" s="16">
        <v>0</v>
      </c>
    </row>
    <row r="36558" spans="1:7" x14ac:dyDescent="0.3">
      <c r="A36558" s="13" t="s">
        <v>222</v>
      </c>
      <c r="B36558" s="14" t="s">
        <v>1</v>
      </c>
      <c r="C36558" s="14" t="s">
        <v>35</v>
      </c>
      <c r="D36558" s="14" t="s">
        <v>169</v>
      </c>
      <c r="E36558" s="15">
        <v>45434</v>
      </c>
      <c r="F36558" s="14" t="s">
        <v>25</v>
      </c>
      <c r="G36558" s="16">
        <v>0</v>
      </c>
    </row>
    <row r="36559" spans="1:7" x14ac:dyDescent="0.3">
      <c r="A36559" s="13" t="s">
        <v>222</v>
      </c>
      <c r="B36559" s="14" t="s">
        <v>1</v>
      </c>
      <c r="C36559" s="14" t="s">
        <v>35</v>
      </c>
      <c r="D36559" s="14" t="s">
        <v>169</v>
      </c>
      <c r="E36559" s="15">
        <v>45435</v>
      </c>
      <c r="F36559" s="14" t="s">
        <v>25</v>
      </c>
      <c r="G36559" s="16">
        <v>0</v>
      </c>
    </row>
    <row r="36560" spans="1:7" x14ac:dyDescent="0.3">
      <c r="A36560" s="13" t="s">
        <v>222</v>
      </c>
      <c r="B36560" s="14" t="s">
        <v>1</v>
      </c>
      <c r="C36560" s="14" t="s">
        <v>35</v>
      </c>
      <c r="D36560" s="14" t="s">
        <v>169</v>
      </c>
      <c r="E36560" s="15">
        <v>45436</v>
      </c>
      <c r="F36560" s="14" t="s">
        <v>25</v>
      </c>
      <c r="G36560" s="16">
        <v>0</v>
      </c>
    </row>
    <row r="36561" spans="1:7" x14ac:dyDescent="0.3">
      <c r="A36561" s="13" t="s">
        <v>222</v>
      </c>
      <c r="B36561" s="14" t="s">
        <v>1</v>
      </c>
      <c r="C36561" s="14" t="s">
        <v>35</v>
      </c>
      <c r="D36561" s="14" t="s">
        <v>169</v>
      </c>
      <c r="E36561" s="15">
        <v>45437</v>
      </c>
      <c r="F36561" s="14" t="s">
        <v>25</v>
      </c>
      <c r="G36561" s="16">
        <v>0</v>
      </c>
    </row>
    <row r="36562" spans="1:7" x14ac:dyDescent="0.3">
      <c r="A36562" s="13" t="s">
        <v>222</v>
      </c>
      <c r="B36562" s="14" t="s">
        <v>1</v>
      </c>
      <c r="C36562" s="14" t="s">
        <v>35</v>
      </c>
      <c r="D36562" s="14" t="s">
        <v>169</v>
      </c>
      <c r="E36562" s="15">
        <v>45438</v>
      </c>
      <c r="F36562" s="14" t="s">
        <v>25</v>
      </c>
      <c r="G36562" s="16">
        <v>0</v>
      </c>
    </row>
    <row r="36563" spans="1:7" x14ac:dyDescent="0.3">
      <c r="A36563" s="13" t="s">
        <v>222</v>
      </c>
      <c r="B36563" s="14" t="s">
        <v>1</v>
      </c>
      <c r="C36563" s="14" t="s">
        <v>35</v>
      </c>
      <c r="D36563" s="14" t="s">
        <v>169</v>
      </c>
      <c r="E36563" s="15">
        <v>45439</v>
      </c>
      <c r="F36563" s="14" t="s">
        <v>25</v>
      </c>
      <c r="G36563" s="16">
        <v>0</v>
      </c>
    </row>
    <row r="36564" spans="1:7" x14ac:dyDescent="0.3">
      <c r="A36564" s="13" t="s">
        <v>222</v>
      </c>
      <c r="B36564" s="14" t="s">
        <v>1</v>
      </c>
      <c r="C36564" s="14" t="s">
        <v>35</v>
      </c>
      <c r="D36564" s="14" t="s">
        <v>169</v>
      </c>
      <c r="E36564" s="15">
        <v>45440</v>
      </c>
      <c r="F36564" s="14" t="s">
        <v>25</v>
      </c>
      <c r="G36564" s="16">
        <v>0</v>
      </c>
    </row>
    <row r="36565" spans="1:7" x14ac:dyDescent="0.3">
      <c r="A36565" s="13" t="s">
        <v>222</v>
      </c>
      <c r="B36565" s="14" t="s">
        <v>1</v>
      </c>
      <c r="C36565" s="14" t="s">
        <v>35</v>
      </c>
      <c r="D36565" s="14" t="s">
        <v>169</v>
      </c>
      <c r="E36565" s="15">
        <v>45441</v>
      </c>
      <c r="F36565" s="14" t="s">
        <v>25</v>
      </c>
      <c r="G36565" s="16">
        <v>0</v>
      </c>
    </row>
    <row r="36566" spans="1:7" x14ac:dyDescent="0.3">
      <c r="A36566" s="13" t="s">
        <v>222</v>
      </c>
      <c r="B36566" s="14" t="s">
        <v>1</v>
      </c>
      <c r="C36566" s="14" t="s">
        <v>35</v>
      </c>
      <c r="D36566" s="14" t="s">
        <v>169</v>
      </c>
      <c r="E36566" s="15">
        <v>45442</v>
      </c>
      <c r="F36566" s="14" t="s">
        <v>25</v>
      </c>
      <c r="G36566" s="16">
        <v>0</v>
      </c>
    </row>
    <row r="36567" spans="1:7" x14ac:dyDescent="0.3">
      <c r="A36567" s="13" t="s">
        <v>222</v>
      </c>
      <c r="B36567" s="14" t="s">
        <v>1</v>
      </c>
      <c r="C36567" s="14" t="s">
        <v>35</v>
      </c>
      <c r="D36567" s="14" t="s">
        <v>169</v>
      </c>
      <c r="E36567" s="15">
        <v>45443</v>
      </c>
      <c r="F36567" s="14" t="s">
        <v>25</v>
      </c>
      <c r="G36567" s="16">
        <v>0</v>
      </c>
    </row>
    <row r="36568" spans="1:7" x14ac:dyDescent="0.3">
      <c r="A36568" s="13" t="s">
        <v>222</v>
      </c>
      <c r="B36568" s="14" t="s">
        <v>1</v>
      </c>
      <c r="C36568" s="14" t="s">
        <v>35</v>
      </c>
      <c r="D36568" s="14" t="s">
        <v>169</v>
      </c>
      <c r="E36568" s="15">
        <v>45444</v>
      </c>
      <c r="F36568" s="14" t="s">
        <v>25</v>
      </c>
      <c r="G36568" s="16">
        <v>0</v>
      </c>
    </row>
    <row r="36569" spans="1:7" x14ac:dyDescent="0.3">
      <c r="A36569" s="13" t="s">
        <v>222</v>
      </c>
      <c r="B36569" s="14" t="s">
        <v>1</v>
      </c>
      <c r="C36569" s="14" t="s">
        <v>35</v>
      </c>
      <c r="D36569" s="14" t="s">
        <v>169</v>
      </c>
      <c r="E36569" s="15">
        <v>45445</v>
      </c>
      <c r="F36569" s="14" t="s">
        <v>25</v>
      </c>
      <c r="G36569" s="16">
        <v>0</v>
      </c>
    </row>
    <row r="36570" spans="1:7" x14ac:dyDescent="0.3">
      <c r="A36570" s="13" t="s">
        <v>222</v>
      </c>
      <c r="B36570" s="14" t="s">
        <v>1</v>
      </c>
      <c r="C36570" s="14" t="s">
        <v>35</v>
      </c>
      <c r="D36570" s="14" t="s">
        <v>169</v>
      </c>
      <c r="E36570" s="15">
        <v>45446</v>
      </c>
      <c r="F36570" s="14" t="s">
        <v>25</v>
      </c>
      <c r="G36570" s="16">
        <v>0</v>
      </c>
    </row>
    <row r="36571" spans="1:7" x14ac:dyDescent="0.3">
      <c r="A36571" s="13" t="s">
        <v>222</v>
      </c>
      <c r="B36571" s="14" t="s">
        <v>1</v>
      </c>
      <c r="C36571" s="14" t="s">
        <v>35</v>
      </c>
      <c r="D36571" s="14" t="s">
        <v>169</v>
      </c>
      <c r="E36571" s="15">
        <v>45447</v>
      </c>
      <c r="F36571" s="14" t="s">
        <v>25</v>
      </c>
      <c r="G36571" s="16">
        <v>0</v>
      </c>
    </row>
    <row r="36572" spans="1:7" x14ac:dyDescent="0.3">
      <c r="A36572" s="13" t="s">
        <v>222</v>
      </c>
      <c r="B36572" s="14" t="s">
        <v>1</v>
      </c>
      <c r="C36572" s="14" t="s">
        <v>35</v>
      </c>
      <c r="D36572" s="14" t="s">
        <v>169</v>
      </c>
      <c r="E36572" s="15">
        <v>45448</v>
      </c>
      <c r="F36572" s="14" t="s">
        <v>25</v>
      </c>
      <c r="G36572" s="16">
        <v>0</v>
      </c>
    </row>
    <row r="36573" spans="1:7" x14ac:dyDescent="0.3">
      <c r="A36573" s="13" t="s">
        <v>222</v>
      </c>
      <c r="B36573" s="14" t="s">
        <v>1</v>
      </c>
      <c r="C36573" s="14" t="s">
        <v>35</v>
      </c>
      <c r="D36573" s="14" t="s">
        <v>169</v>
      </c>
      <c r="E36573" s="15">
        <v>45449</v>
      </c>
      <c r="F36573" s="14" t="s">
        <v>25</v>
      </c>
      <c r="G36573" s="16">
        <v>0</v>
      </c>
    </row>
    <row r="36574" spans="1:7" x14ac:dyDescent="0.3">
      <c r="A36574" s="13" t="s">
        <v>222</v>
      </c>
      <c r="B36574" s="14" t="s">
        <v>1</v>
      </c>
      <c r="C36574" s="14" t="s">
        <v>35</v>
      </c>
      <c r="D36574" s="14" t="s">
        <v>169</v>
      </c>
      <c r="E36574" s="15">
        <v>45450</v>
      </c>
      <c r="F36574" s="14" t="s">
        <v>25</v>
      </c>
      <c r="G36574" s="16">
        <v>0</v>
      </c>
    </row>
    <row r="36575" spans="1:7" x14ac:dyDescent="0.3">
      <c r="A36575" s="13" t="s">
        <v>222</v>
      </c>
      <c r="B36575" s="14" t="s">
        <v>1</v>
      </c>
      <c r="C36575" s="14" t="s">
        <v>35</v>
      </c>
      <c r="D36575" s="14" t="s">
        <v>169</v>
      </c>
      <c r="E36575" s="15">
        <v>45451</v>
      </c>
      <c r="F36575" s="14" t="s">
        <v>25</v>
      </c>
      <c r="G36575" s="16">
        <v>0</v>
      </c>
    </row>
    <row r="36576" spans="1:7" x14ac:dyDescent="0.3">
      <c r="A36576" s="13" t="s">
        <v>222</v>
      </c>
      <c r="B36576" s="14" t="s">
        <v>1</v>
      </c>
      <c r="C36576" s="14" t="s">
        <v>35</v>
      </c>
      <c r="D36576" s="14" t="s">
        <v>169</v>
      </c>
      <c r="E36576" s="15">
        <v>45452</v>
      </c>
      <c r="F36576" s="14" t="s">
        <v>25</v>
      </c>
      <c r="G36576" s="16">
        <v>0</v>
      </c>
    </row>
    <row r="36577" spans="1:7" x14ac:dyDescent="0.3">
      <c r="A36577" s="13" t="s">
        <v>222</v>
      </c>
      <c r="B36577" s="14" t="s">
        <v>1</v>
      </c>
      <c r="C36577" s="14" t="s">
        <v>35</v>
      </c>
      <c r="D36577" s="14" t="s">
        <v>169</v>
      </c>
      <c r="E36577" s="15">
        <v>45453</v>
      </c>
      <c r="F36577" s="14" t="s">
        <v>25</v>
      </c>
      <c r="G36577" s="16">
        <v>0</v>
      </c>
    </row>
    <row r="36578" spans="1:7" x14ac:dyDescent="0.3">
      <c r="A36578" s="13" t="s">
        <v>222</v>
      </c>
      <c r="B36578" s="14" t="s">
        <v>1</v>
      </c>
      <c r="C36578" s="14" t="s">
        <v>35</v>
      </c>
      <c r="D36578" s="14" t="s">
        <v>169</v>
      </c>
      <c r="E36578" s="15">
        <v>45454</v>
      </c>
      <c r="F36578" s="14" t="s">
        <v>25</v>
      </c>
      <c r="G36578" s="16">
        <v>0</v>
      </c>
    </row>
    <row r="36579" spans="1:7" x14ac:dyDescent="0.3">
      <c r="A36579" s="13" t="s">
        <v>222</v>
      </c>
      <c r="B36579" s="14" t="s">
        <v>1</v>
      </c>
      <c r="C36579" s="14" t="s">
        <v>35</v>
      </c>
      <c r="D36579" s="14" t="s">
        <v>169</v>
      </c>
      <c r="E36579" s="15">
        <v>45455</v>
      </c>
      <c r="F36579" s="14" t="s">
        <v>25</v>
      </c>
      <c r="G36579" s="16">
        <v>0</v>
      </c>
    </row>
    <row r="36580" spans="1:7" x14ac:dyDescent="0.3">
      <c r="A36580" s="13" t="s">
        <v>222</v>
      </c>
      <c r="B36580" s="14" t="s">
        <v>1</v>
      </c>
      <c r="C36580" s="14" t="s">
        <v>35</v>
      </c>
      <c r="D36580" s="14" t="s">
        <v>169</v>
      </c>
      <c r="E36580" s="15">
        <v>45456</v>
      </c>
      <c r="F36580" s="14" t="s">
        <v>25</v>
      </c>
      <c r="G36580" s="16">
        <v>0</v>
      </c>
    </row>
    <row r="36581" spans="1:7" x14ac:dyDescent="0.3">
      <c r="A36581" s="13" t="s">
        <v>222</v>
      </c>
      <c r="B36581" s="14" t="s">
        <v>1</v>
      </c>
      <c r="C36581" s="14" t="s">
        <v>35</v>
      </c>
      <c r="D36581" s="14" t="s">
        <v>169</v>
      </c>
      <c r="E36581" s="15">
        <v>45457</v>
      </c>
      <c r="F36581" s="14" t="s">
        <v>25</v>
      </c>
      <c r="G36581" s="16">
        <v>1.5643965480413698E-2</v>
      </c>
    </row>
    <row r="36582" spans="1:7" x14ac:dyDescent="0.3">
      <c r="A36582" s="13" t="s">
        <v>222</v>
      </c>
      <c r="B36582" s="14" t="s">
        <v>1</v>
      </c>
      <c r="C36582" s="14" t="s">
        <v>35</v>
      </c>
      <c r="D36582" s="14" t="s">
        <v>169</v>
      </c>
      <c r="E36582" s="15">
        <v>45458</v>
      </c>
      <c r="F36582" s="14" t="s">
        <v>25</v>
      </c>
      <c r="G36582" s="16">
        <v>1.5643965480413698E-2</v>
      </c>
    </row>
    <row r="36583" spans="1:7" x14ac:dyDescent="0.3">
      <c r="A36583" s="13" t="s">
        <v>222</v>
      </c>
      <c r="B36583" s="14" t="s">
        <v>1</v>
      </c>
      <c r="C36583" s="14" t="s">
        <v>35</v>
      </c>
      <c r="D36583" s="14" t="s">
        <v>169</v>
      </c>
      <c r="E36583" s="15">
        <v>45459</v>
      </c>
      <c r="F36583" s="14" t="s">
        <v>25</v>
      </c>
      <c r="G36583" s="16">
        <v>1.5643965480413698E-2</v>
      </c>
    </row>
    <row r="36584" spans="1:7" x14ac:dyDescent="0.3">
      <c r="A36584" s="13" t="s">
        <v>222</v>
      </c>
      <c r="B36584" s="14" t="s">
        <v>1</v>
      </c>
      <c r="C36584" s="14" t="s">
        <v>35</v>
      </c>
      <c r="D36584" s="14" t="s">
        <v>169</v>
      </c>
      <c r="E36584" s="15">
        <v>45460</v>
      </c>
      <c r="F36584" s="14" t="s">
        <v>25</v>
      </c>
      <c r="G36584" s="16">
        <v>1.398025203671149E-2</v>
      </c>
    </row>
    <row r="36585" spans="1:7" x14ac:dyDescent="0.3">
      <c r="A36585" s="13" t="s">
        <v>222</v>
      </c>
      <c r="B36585" s="14" t="s">
        <v>1</v>
      </c>
      <c r="C36585" s="14" t="s">
        <v>35</v>
      </c>
      <c r="D36585" s="14" t="s">
        <v>169</v>
      </c>
      <c r="E36585" s="15">
        <v>45461</v>
      </c>
      <c r="F36585" s="14" t="s">
        <v>25</v>
      </c>
      <c r="G36585" s="16">
        <v>8.310180736515186E-3</v>
      </c>
    </row>
    <row r="36586" spans="1:7" x14ac:dyDescent="0.3">
      <c r="A36586" s="13" t="s">
        <v>222</v>
      </c>
      <c r="B36586" s="14" t="s">
        <v>1</v>
      </c>
      <c r="C36586" s="14" t="s">
        <v>35</v>
      </c>
      <c r="D36586" s="14" t="s">
        <v>169</v>
      </c>
      <c r="E36586" s="15">
        <v>45462</v>
      </c>
      <c r="F36586" s="14" t="s">
        <v>25</v>
      </c>
      <c r="G36586" s="16">
        <v>6.6673328671088281E-3</v>
      </c>
    </row>
    <row r="36587" spans="1:7" x14ac:dyDescent="0.3">
      <c r="A36587" s="13" t="s">
        <v>222</v>
      </c>
      <c r="B36587" s="14" t="s">
        <v>1</v>
      </c>
      <c r="C36587" s="14" t="s">
        <v>35</v>
      </c>
      <c r="D36587" s="14" t="s">
        <v>169</v>
      </c>
      <c r="E36587" s="15">
        <v>45463</v>
      </c>
      <c r="F36587" s="14" t="s">
        <v>25</v>
      </c>
      <c r="G36587" s="16">
        <v>5.0199845476574644E-3</v>
      </c>
    </row>
    <row r="36588" spans="1:7" x14ac:dyDescent="0.3">
      <c r="A36588" s="13" t="s">
        <v>222</v>
      </c>
      <c r="B36588" s="14" t="s">
        <v>1</v>
      </c>
      <c r="C36588" s="14" t="s">
        <v>35</v>
      </c>
      <c r="D36588" s="14" t="s">
        <v>169</v>
      </c>
      <c r="E36588" s="15">
        <v>45464</v>
      </c>
      <c r="F36588" s="14" t="s">
        <v>25</v>
      </c>
      <c r="G36588" s="16">
        <v>3.3726362282061016E-3</v>
      </c>
    </row>
    <row r="36589" spans="1:7" x14ac:dyDescent="0.3">
      <c r="A36589" s="13" t="s">
        <v>222</v>
      </c>
      <c r="B36589" s="14" t="s">
        <v>1</v>
      </c>
      <c r="C36589" s="14" t="s">
        <v>35</v>
      </c>
      <c r="D36589" s="14" t="s">
        <v>169</v>
      </c>
      <c r="E36589" s="15">
        <v>45465</v>
      </c>
      <c r="F36589" s="14" t="s">
        <v>25</v>
      </c>
      <c r="G36589" s="16">
        <v>3.3726362282061016E-3</v>
      </c>
    </row>
    <row r="36590" spans="1:7" x14ac:dyDescent="0.3">
      <c r="A36590" s="13" t="s">
        <v>222</v>
      </c>
      <c r="B36590" s="14" t="s">
        <v>1</v>
      </c>
      <c r="C36590" s="14" t="s">
        <v>35</v>
      </c>
      <c r="D36590" s="14" t="s">
        <v>169</v>
      </c>
      <c r="E36590" s="15">
        <v>45466</v>
      </c>
      <c r="F36590" s="14" t="s">
        <v>25</v>
      </c>
      <c r="G36590" s="16">
        <v>3.3726362282061016E-3</v>
      </c>
    </row>
    <row r="36591" spans="1:7" x14ac:dyDescent="0.3">
      <c r="A36591" s="13" t="s">
        <v>222</v>
      </c>
      <c r="B36591" s="14" t="s">
        <v>1</v>
      </c>
      <c r="C36591" s="14" t="s">
        <v>35</v>
      </c>
      <c r="D36591" s="14" t="s">
        <v>169</v>
      </c>
      <c r="E36591" s="15">
        <v>45467</v>
      </c>
      <c r="F36591" s="14" t="s">
        <v>25</v>
      </c>
      <c r="G36591" s="16">
        <v>1.712686648628726E-3</v>
      </c>
    </row>
    <row r="36592" spans="1:7" x14ac:dyDescent="0.3">
      <c r="A36592" s="13" t="s">
        <v>222</v>
      </c>
      <c r="B36592" s="14" t="s">
        <v>1</v>
      </c>
      <c r="C36592" s="14" t="s">
        <v>35</v>
      </c>
      <c r="D36592" s="14" t="s">
        <v>169</v>
      </c>
      <c r="E36592" s="15">
        <v>45468</v>
      </c>
      <c r="F36592" s="14" t="s">
        <v>25</v>
      </c>
      <c r="G36592" s="16">
        <v>0</v>
      </c>
    </row>
    <row r="36593" spans="1:7" x14ac:dyDescent="0.3">
      <c r="A36593" s="13" t="s">
        <v>222</v>
      </c>
      <c r="B36593" s="14" t="s">
        <v>1</v>
      </c>
      <c r="C36593" s="14" t="s">
        <v>35</v>
      </c>
      <c r="D36593" s="14" t="s">
        <v>169</v>
      </c>
      <c r="E36593" s="15">
        <v>45469</v>
      </c>
      <c r="F36593" s="14" t="s">
        <v>25</v>
      </c>
      <c r="G36593" s="16">
        <v>0</v>
      </c>
    </row>
    <row r="36594" spans="1:7" x14ac:dyDescent="0.3">
      <c r="A36594" s="13" t="s">
        <v>222</v>
      </c>
      <c r="B36594" s="14" t="s">
        <v>1</v>
      </c>
      <c r="C36594" s="14" t="s">
        <v>35</v>
      </c>
      <c r="D36594" s="14" t="s">
        <v>169</v>
      </c>
      <c r="E36594" s="15">
        <v>45470</v>
      </c>
      <c r="F36594" s="14" t="s">
        <v>25</v>
      </c>
      <c r="G36594" s="16">
        <v>0</v>
      </c>
    </row>
    <row r="36595" spans="1:7" x14ac:dyDescent="0.3">
      <c r="A36595" s="13" t="s">
        <v>222</v>
      </c>
      <c r="B36595" s="14" t="s">
        <v>1</v>
      </c>
      <c r="C36595" s="14" t="s">
        <v>35</v>
      </c>
      <c r="D36595" s="14" t="s">
        <v>169</v>
      </c>
      <c r="E36595" s="15">
        <v>45471</v>
      </c>
      <c r="F36595" s="14" t="s">
        <v>25</v>
      </c>
      <c r="G36595" s="16">
        <v>0</v>
      </c>
    </row>
    <row r="36596" spans="1:7" x14ac:dyDescent="0.3">
      <c r="A36596" s="13" t="s">
        <v>222</v>
      </c>
      <c r="B36596" s="14" t="s">
        <v>1</v>
      </c>
      <c r="C36596" s="14" t="s">
        <v>35</v>
      </c>
      <c r="D36596" s="14" t="s">
        <v>169</v>
      </c>
      <c r="E36596" s="15">
        <v>45472</v>
      </c>
      <c r="F36596" s="14" t="s">
        <v>25</v>
      </c>
      <c r="G36596" s="16">
        <v>0</v>
      </c>
    </row>
    <row r="36597" spans="1:7" x14ac:dyDescent="0.3">
      <c r="A36597" s="13" t="s">
        <v>222</v>
      </c>
      <c r="B36597" s="14" t="s">
        <v>1</v>
      </c>
      <c r="C36597" s="14" t="s">
        <v>35</v>
      </c>
      <c r="D36597" s="14" t="s">
        <v>169</v>
      </c>
      <c r="E36597" s="15">
        <v>45473</v>
      </c>
      <c r="F36597" s="14" t="s">
        <v>25</v>
      </c>
      <c r="G36597" s="16">
        <v>0</v>
      </c>
    </row>
    <row r="36598" spans="1:7" x14ac:dyDescent="0.3">
      <c r="A36598" s="13" t="s">
        <v>222</v>
      </c>
      <c r="B36598" s="14" t="s">
        <v>1</v>
      </c>
      <c r="C36598" s="14" t="s">
        <v>35</v>
      </c>
      <c r="D36598" s="14" t="s">
        <v>169</v>
      </c>
      <c r="E36598" s="15">
        <v>45474</v>
      </c>
      <c r="F36598" s="14" t="s">
        <v>25</v>
      </c>
      <c r="G36598" s="16">
        <v>0</v>
      </c>
    </row>
    <row r="36599" spans="1:7" x14ac:dyDescent="0.3">
      <c r="A36599" s="13" t="s">
        <v>222</v>
      </c>
      <c r="B36599" s="14" t="s">
        <v>1</v>
      </c>
      <c r="C36599" s="14" t="s">
        <v>35</v>
      </c>
      <c r="D36599" s="14" t="s">
        <v>169</v>
      </c>
      <c r="E36599" s="15">
        <v>45475</v>
      </c>
      <c r="F36599" s="14" t="s">
        <v>25</v>
      </c>
      <c r="G36599" s="16">
        <v>0</v>
      </c>
    </row>
    <row r="36600" spans="1:7" x14ac:dyDescent="0.3">
      <c r="A36600" s="13" t="s">
        <v>222</v>
      </c>
      <c r="B36600" s="14" t="s">
        <v>1</v>
      </c>
      <c r="C36600" s="14" t="s">
        <v>35</v>
      </c>
      <c r="D36600" s="14" t="s">
        <v>169</v>
      </c>
      <c r="E36600" s="15">
        <v>45476</v>
      </c>
      <c r="F36600" s="14" t="s">
        <v>25</v>
      </c>
      <c r="G36600" s="16">
        <v>0</v>
      </c>
    </row>
    <row r="36601" spans="1:7" x14ac:dyDescent="0.3">
      <c r="A36601" s="13" t="s">
        <v>222</v>
      </c>
      <c r="B36601" s="14" t="s">
        <v>1</v>
      </c>
      <c r="C36601" s="14" t="s">
        <v>35</v>
      </c>
      <c r="D36601" s="14" t="s">
        <v>169</v>
      </c>
      <c r="E36601" s="15">
        <v>45477</v>
      </c>
      <c r="F36601" s="14" t="s">
        <v>25</v>
      </c>
      <c r="G36601" s="16">
        <v>0</v>
      </c>
    </row>
    <row r="36602" spans="1:7" x14ac:dyDescent="0.3">
      <c r="A36602" s="13" t="s">
        <v>222</v>
      </c>
      <c r="B36602" s="14" t="s">
        <v>1</v>
      </c>
      <c r="C36602" s="14" t="s">
        <v>35</v>
      </c>
      <c r="D36602" s="14" t="s">
        <v>169</v>
      </c>
      <c r="E36602" s="15">
        <v>45478</v>
      </c>
      <c r="F36602" s="14" t="s">
        <v>25</v>
      </c>
      <c r="G36602" s="16">
        <v>0</v>
      </c>
    </row>
    <row r="36603" spans="1:7" x14ac:dyDescent="0.3">
      <c r="A36603" s="13" t="s">
        <v>222</v>
      </c>
      <c r="B36603" s="14" t="s">
        <v>1</v>
      </c>
      <c r="C36603" s="14" t="s">
        <v>35</v>
      </c>
      <c r="D36603" s="14" t="s">
        <v>169</v>
      </c>
      <c r="E36603" s="15">
        <v>45479</v>
      </c>
      <c r="F36603" s="14" t="s">
        <v>25</v>
      </c>
      <c r="G36603" s="16">
        <v>0</v>
      </c>
    </row>
    <row r="36604" spans="1:7" x14ac:dyDescent="0.3">
      <c r="A36604" s="13" t="s">
        <v>222</v>
      </c>
      <c r="B36604" s="14" t="s">
        <v>1</v>
      </c>
      <c r="C36604" s="14" t="s">
        <v>35</v>
      </c>
      <c r="D36604" s="14" t="s">
        <v>169</v>
      </c>
      <c r="E36604" s="15">
        <v>45480</v>
      </c>
      <c r="F36604" s="14" t="s">
        <v>25</v>
      </c>
      <c r="G36604" s="16">
        <v>0</v>
      </c>
    </row>
    <row r="36605" spans="1:7" x14ac:dyDescent="0.3">
      <c r="A36605" s="13" t="s">
        <v>222</v>
      </c>
      <c r="B36605" s="14" t="s">
        <v>1</v>
      </c>
      <c r="C36605" s="14" t="s">
        <v>35</v>
      </c>
      <c r="D36605" s="14" t="s">
        <v>169</v>
      </c>
      <c r="E36605" s="15">
        <v>45481</v>
      </c>
      <c r="F36605" s="14" t="s">
        <v>25</v>
      </c>
      <c r="G36605" s="16">
        <v>0</v>
      </c>
    </row>
    <row r="36606" spans="1:7" x14ac:dyDescent="0.3">
      <c r="A36606" s="13" t="s">
        <v>222</v>
      </c>
      <c r="B36606" s="14" t="s">
        <v>1</v>
      </c>
      <c r="C36606" s="14" t="s">
        <v>35</v>
      </c>
      <c r="D36606" s="14" t="s">
        <v>169</v>
      </c>
      <c r="E36606" s="15">
        <v>45482</v>
      </c>
      <c r="F36606" s="14" t="s">
        <v>25</v>
      </c>
      <c r="G36606" s="16">
        <v>0</v>
      </c>
    </row>
    <row r="36607" spans="1:7" x14ac:dyDescent="0.3">
      <c r="A36607" s="13" t="s">
        <v>222</v>
      </c>
      <c r="B36607" s="14" t="s">
        <v>1</v>
      </c>
      <c r="C36607" s="14" t="s">
        <v>35</v>
      </c>
      <c r="D36607" s="14" t="s">
        <v>169</v>
      </c>
      <c r="E36607" s="15">
        <v>45483</v>
      </c>
      <c r="F36607" s="14" t="s">
        <v>25</v>
      </c>
      <c r="G36607" s="16">
        <v>0</v>
      </c>
    </row>
    <row r="36608" spans="1:7" x14ac:dyDescent="0.3">
      <c r="A36608" s="13" t="s">
        <v>222</v>
      </c>
      <c r="B36608" s="14" t="s">
        <v>1</v>
      </c>
      <c r="C36608" s="14" t="s">
        <v>35</v>
      </c>
      <c r="D36608" s="14" t="s">
        <v>169</v>
      </c>
      <c r="E36608" s="15">
        <v>45484</v>
      </c>
      <c r="F36608" s="14" t="s">
        <v>25</v>
      </c>
      <c r="G36608" s="16">
        <v>0</v>
      </c>
    </row>
    <row r="36609" spans="1:7" x14ac:dyDescent="0.3">
      <c r="A36609" s="13" t="s">
        <v>222</v>
      </c>
      <c r="B36609" s="14" t="s">
        <v>1</v>
      </c>
      <c r="C36609" s="14" t="s">
        <v>35</v>
      </c>
      <c r="D36609" s="14" t="s">
        <v>169</v>
      </c>
      <c r="E36609" s="15">
        <v>45485</v>
      </c>
      <c r="F36609" s="14" t="s">
        <v>25</v>
      </c>
      <c r="G36609" s="16">
        <v>0</v>
      </c>
    </row>
    <row r="36610" spans="1:7" x14ac:dyDescent="0.3">
      <c r="A36610" s="13" t="s">
        <v>222</v>
      </c>
      <c r="B36610" s="14" t="s">
        <v>1</v>
      </c>
      <c r="C36610" s="14" t="s">
        <v>35</v>
      </c>
      <c r="D36610" s="14" t="s">
        <v>169</v>
      </c>
      <c r="E36610" s="15">
        <v>45486</v>
      </c>
      <c r="F36610" s="14" t="s">
        <v>25</v>
      </c>
      <c r="G36610" s="16">
        <v>0</v>
      </c>
    </row>
    <row r="36611" spans="1:7" x14ac:dyDescent="0.3">
      <c r="A36611" s="13" t="s">
        <v>222</v>
      </c>
      <c r="B36611" s="14" t="s">
        <v>1</v>
      </c>
      <c r="C36611" s="14" t="s">
        <v>35</v>
      </c>
      <c r="D36611" s="14" t="s">
        <v>169</v>
      </c>
      <c r="E36611" s="15">
        <v>45487</v>
      </c>
      <c r="F36611" s="14" t="s">
        <v>25</v>
      </c>
      <c r="G36611" s="16">
        <v>0</v>
      </c>
    </row>
    <row r="36612" spans="1:7" x14ac:dyDescent="0.3">
      <c r="A36612" s="13" t="s">
        <v>222</v>
      </c>
      <c r="B36612" s="14" t="s">
        <v>1</v>
      </c>
      <c r="C36612" s="14" t="s">
        <v>35</v>
      </c>
      <c r="D36612" s="14" t="s">
        <v>169</v>
      </c>
      <c r="E36612" s="15">
        <v>45488</v>
      </c>
      <c r="F36612" s="14" t="s">
        <v>25</v>
      </c>
      <c r="G36612" s="16">
        <v>0</v>
      </c>
    </row>
    <row r="36613" spans="1:7" x14ac:dyDescent="0.3">
      <c r="A36613" s="13" t="s">
        <v>222</v>
      </c>
      <c r="B36613" s="14" t="s">
        <v>1</v>
      </c>
      <c r="C36613" s="14" t="s">
        <v>35</v>
      </c>
      <c r="D36613" s="14" t="s">
        <v>169</v>
      </c>
      <c r="E36613" s="15">
        <v>45489</v>
      </c>
      <c r="F36613" s="14" t="s">
        <v>25</v>
      </c>
      <c r="G36613" s="16">
        <v>0</v>
      </c>
    </row>
    <row r="36614" spans="1:7" x14ac:dyDescent="0.3">
      <c r="A36614" s="13" t="s">
        <v>222</v>
      </c>
      <c r="B36614" s="14" t="s">
        <v>1</v>
      </c>
      <c r="C36614" s="14" t="s">
        <v>35</v>
      </c>
      <c r="D36614" s="14" t="s">
        <v>169</v>
      </c>
      <c r="E36614" s="15">
        <v>45490</v>
      </c>
      <c r="F36614" s="14" t="s">
        <v>25</v>
      </c>
      <c r="G36614" s="16">
        <v>0</v>
      </c>
    </row>
    <row r="36615" spans="1:7" x14ac:dyDescent="0.3">
      <c r="A36615" s="13" t="s">
        <v>222</v>
      </c>
      <c r="B36615" s="14" t="s">
        <v>1</v>
      </c>
      <c r="C36615" s="14" t="s">
        <v>35</v>
      </c>
      <c r="D36615" s="14" t="s">
        <v>169</v>
      </c>
      <c r="E36615" s="15">
        <v>45491</v>
      </c>
      <c r="F36615" s="14" t="s">
        <v>25</v>
      </c>
      <c r="G36615" s="16">
        <v>0</v>
      </c>
    </row>
    <row r="36616" spans="1:7" x14ac:dyDescent="0.3">
      <c r="A36616" s="13" t="s">
        <v>222</v>
      </c>
      <c r="B36616" s="14" t="s">
        <v>1</v>
      </c>
      <c r="C36616" s="14" t="s">
        <v>35</v>
      </c>
      <c r="D36616" s="14" t="s">
        <v>169</v>
      </c>
      <c r="E36616" s="15">
        <v>45492</v>
      </c>
      <c r="F36616" s="14" t="s">
        <v>25</v>
      </c>
      <c r="G36616" s="16">
        <v>0</v>
      </c>
    </row>
    <row r="36617" spans="1:7" x14ac:dyDescent="0.3">
      <c r="A36617" s="13" t="s">
        <v>222</v>
      </c>
      <c r="B36617" s="14" t="s">
        <v>1</v>
      </c>
      <c r="C36617" s="14" t="s">
        <v>35</v>
      </c>
      <c r="D36617" s="14" t="s">
        <v>169</v>
      </c>
      <c r="E36617" s="15">
        <v>45493</v>
      </c>
      <c r="F36617" s="14" t="s">
        <v>25</v>
      </c>
      <c r="G36617" s="16">
        <v>0</v>
      </c>
    </row>
    <row r="36618" spans="1:7" x14ac:dyDescent="0.3">
      <c r="A36618" s="13" t="s">
        <v>222</v>
      </c>
      <c r="B36618" s="14" t="s">
        <v>1</v>
      </c>
      <c r="C36618" s="14" t="s">
        <v>35</v>
      </c>
      <c r="D36618" s="14" t="s">
        <v>169</v>
      </c>
      <c r="E36618" s="15">
        <v>45494</v>
      </c>
      <c r="F36618" s="14" t="s">
        <v>25</v>
      </c>
      <c r="G36618" s="16">
        <v>0</v>
      </c>
    </row>
    <row r="36619" spans="1:7" x14ac:dyDescent="0.3">
      <c r="A36619" s="13" t="s">
        <v>222</v>
      </c>
      <c r="B36619" s="14" t="s">
        <v>1</v>
      </c>
      <c r="C36619" s="14" t="s">
        <v>35</v>
      </c>
      <c r="D36619" s="14" t="s">
        <v>169</v>
      </c>
      <c r="E36619" s="15">
        <v>45495</v>
      </c>
      <c r="F36619" s="14" t="s">
        <v>25</v>
      </c>
      <c r="G36619" s="16">
        <v>0</v>
      </c>
    </row>
    <row r="36620" spans="1:7" x14ac:dyDescent="0.3">
      <c r="A36620" s="13" t="s">
        <v>222</v>
      </c>
      <c r="B36620" s="14" t="s">
        <v>1</v>
      </c>
      <c r="C36620" s="14" t="s">
        <v>35</v>
      </c>
      <c r="D36620" s="14" t="s">
        <v>169</v>
      </c>
      <c r="E36620" s="15">
        <v>45496</v>
      </c>
      <c r="F36620" s="14" t="s">
        <v>25</v>
      </c>
      <c r="G36620" s="16">
        <v>0</v>
      </c>
    </row>
    <row r="36621" spans="1:7" x14ac:dyDescent="0.3">
      <c r="A36621" s="13" t="s">
        <v>222</v>
      </c>
      <c r="B36621" s="14" t="s">
        <v>1</v>
      </c>
      <c r="C36621" s="14" t="s">
        <v>35</v>
      </c>
      <c r="D36621" s="14" t="s">
        <v>169</v>
      </c>
      <c r="E36621" s="15">
        <v>45497</v>
      </c>
      <c r="F36621" s="14" t="s">
        <v>25</v>
      </c>
      <c r="G36621" s="16">
        <v>0</v>
      </c>
    </row>
    <row r="36622" spans="1:7" x14ac:dyDescent="0.3">
      <c r="A36622" s="13" t="s">
        <v>222</v>
      </c>
      <c r="B36622" s="14" t="s">
        <v>1</v>
      </c>
      <c r="C36622" s="14" t="s">
        <v>35</v>
      </c>
      <c r="D36622" s="14" t="s">
        <v>169</v>
      </c>
      <c r="E36622" s="15">
        <v>45498</v>
      </c>
      <c r="F36622" s="14" t="s">
        <v>25</v>
      </c>
      <c r="G36622" s="16">
        <v>0</v>
      </c>
    </row>
    <row r="36623" spans="1:7" x14ac:dyDescent="0.3">
      <c r="A36623" s="13" t="s">
        <v>222</v>
      </c>
      <c r="B36623" s="14" t="s">
        <v>1</v>
      </c>
      <c r="C36623" s="14" t="s">
        <v>35</v>
      </c>
      <c r="D36623" s="14" t="s">
        <v>169</v>
      </c>
      <c r="E36623" s="15">
        <v>45499</v>
      </c>
      <c r="F36623" s="14" t="s">
        <v>25</v>
      </c>
      <c r="G36623" s="16">
        <v>0</v>
      </c>
    </row>
    <row r="36624" spans="1:7" x14ac:dyDescent="0.3">
      <c r="A36624" s="13" t="s">
        <v>222</v>
      </c>
      <c r="B36624" s="14" t="s">
        <v>1</v>
      </c>
      <c r="C36624" s="14" t="s">
        <v>35</v>
      </c>
      <c r="D36624" s="14" t="s">
        <v>169</v>
      </c>
      <c r="E36624" s="15">
        <v>45500</v>
      </c>
      <c r="F36624" s="14" t="s">
        <v>25</v>
      </c>
      <c r="G36624" s="16">
        <v>0</v>
      </c>
    </row>
    <row r="36625" spans="1:7" x14ac:dyDescent="0.3">
      <c r="A36625" s="13" t="s">
        <v>222</v>
      </c>
      <c r="B36625" s="14" t="s">
        <v>1</v>
      </c>
      <c r="C36625" s="14" t="s">
        <v>35</v>
      </c>
      <c r="D36625" s="14" t="s">
        <v>169</v>
      </c>
      <c r="E36625" s="15">
        <v>45501</v>
      </c>
      <c r="F36625" s="14" t="s">
        <v>25</v>
      </c>
      <c r="G36625" s="16">
        <v>0</v>
      </c>
    </row>
    <row r="36626" spans="1:7" x14ac:dyDescent="0.3">
      <c r="A36626" s="13" t="s">
        <v>222</v>
      </c>
      <c r="B36626" s="14" t="s">
        <v>1</v>
      </c>
      <c r="C36626" s="14" t="s">
        <v>35</v>
      </c>
      <c r="D36626" s="14" t="s">
        <v>169</v>
      </c>
      <c r="E36626" s="15">
        <v>45502</v>
      </c>
      <c r="F36626" s="14" t="s">
        <v>25</v>
      </c>
      <c r="G36626" s="16">
        <v>0</v>
      </c>
    </row>
    <row r="36627" spans="1:7" x14ac:dyDescent="0.3">
      <c r="A36627" s="13" t="s">
        <v>222</v>
      </c>
      <c r="B36627" s="14" t="s">
        <v>1</v>
      </c>
      <c r="C36627" s="14" t="s">
        <v>35</v>
      </c>
      <c r="D36627" s="14" t="s">
        <v>169</v>
      </c>
      <c r="E36627" s="15">
        <v>45503</v>
      </c>
      <c r="F36627" s="14" t="s">
        <v>25</v>
      </c>
      <c r="G36627" s="16">
        <v>0</v>
      </c>
    </row>
    <row r="36628" spans="1:7" x14ac:dyDescent="0.3">
      <c r="A36628" s="13" t="s">
        <v>222</v>
      </c>
      <c r="B36628" s="14" t="s">
        <v>1</v>
      </c>
      <c r="C36628" s="14" t="s">
        <v>35</v>
      </c>
      <c r="D36628" s="14" t="s">
        <v>169</v>
      </c>
      <c r="E36628" s="15">
        <v>45504</v>
      </c>
      <c r="F36628" s="14" t="s">
        <v>25</v>
      </c>
      <c r="G36628" s="16">
        <v>0</v>
      </c>
    </row>
    <row r="36629" spans="1:7" x14ac:dyDescent="0.3">
      <c r="A36629" s="13" t="s">
        <v>222</v>
      </c>
      <c r="B36629" s="14" t="s">
        <v>1</v>
      </c>
      <c r="C36629" s="14" t="s">
        <v>35</v>
      </c>
      <c r="D36629" s="14" t="s">
        <v>169</v>
      </c>
      <c r="E36629" s="15">
        <v>45505</v>
      </c>
      <c r="F36629" s="14" t="s">
        <v>25</v>
      </c>
      <c r="G36629" s="16">
        <v>0</v>
      </c>
    </row>
    <row r="36630" spans="1:7" x14ac:dyDescent="0.3">
      <c r="A36630" s="13" t="s">
        <v>222</v>
      </c>
      <c r="B36630" s="14" t="s">
        <v>1</v>
      </c>
      <c r="C36630" s="14" t="s">
        <v>35</v>
      </c>
      <c r="D36630" s="14" t="s">
        <v>169</v>
      </c>
      <c r="E36630" s="15">
        <v>45506</v>
      </c>
      <c r="F36630" s="14" t="s">
        <v>25</v>
      </c>
      <c r="G36630" s="16">
        <v>0</v>
      </c>
    </row>
    <row r="36631" spans="1:7" x14ac:dyDescent="0.3">
      <c r="A36631" s="13" t="s">
        <v>222</v>
      </c>
      <c r="B36631" s="14" t="s">
        <v>1</v>
      </c>
      <c r="C36631" s="14" t="s">
        <v>35</v>
      </c>
      <c r="D36631" s="14" t="s">
        <v>169</v>
      </c>
      <c r="E36631" s="15">
        <v>45507</v>
      </c>
      <c r="F36631" s="14" t="s">
        <v>25</v>
      </c>
      <c r="G36631" s="16">
        <v>0</v>
      </c>
    </row>
    <row r="36632" spans="1:7" x14ac:dyDescent="0.3">
      <c r="A36632" s="13" t="s">
        <v>222</v>
      </c>
      <c r="B36632" s="14" t="s">
        <v>1</v>
      </c>
      <c r="C36632" s="14" t="s">
        <v>35</v>
      </c>
      <c r="D36632" s="14" t="s">
        <v>169</v>
      </c>
      <c r="E36632" s="15">
        <v>45508</v>
      </c>
      <c r="F36632" s="14" t="s">
        <v>25</v>
      </c>
      <c r="G36632" s="16">
        <v>0</v>
      </c>
    </row>
    <row r="36633" spans="1:7" x14ac:dyDescent="0.3">
      <c r="A36633" s="13" t="s">
        <v>222</v>
      </c>
      <c r="B36633" s="14" t="s">
        <v>1</v>
      </c>
      <c r="C36633" s="14" t="s">
        <v>35</v>
      </c>
      <c r="D36633" s="14" t="s">
        <v>169</v>
      </c>
      <c r="E36633" s="15">
        <v>45509</v>
      </c>
      <c r="F36633" s="14" t="s">
        <v>25</v>
      </c>
      <c r="G36633" s="16">
        <v>0</v>
      </c>
    </row>
    <row r="36634" spans="1:7" x14ac:dyDescent="0.3">
      <c r="A36634" s="13" t="s">
        <v>222</v>
      </c>
      <c r="B36634" s="14" t="s">
        <v>1</v>
      </c>
      <c r="C36634" s="14" t="s">
        <v>35</v>
      </c>
      <c r="D36634" s="14" t="s">
        <v>169</v>
      </c>
      <c r="E36634" s="15">
        <v>45510</v>
      </c>
      <c r="F36634" s="14" t="s">
        <v>25</v>
      </c>
      <c r="G36634" s="16">
        <v>0</v>
      </c>
    </row>
    <row r="36635" spans="1:7" x14ac:dyDescent="0.3">
      <c r="A36635" s="13" t="s">
        <v>222</v>
      </c>
      <c r="B36635" s="14" t="s">
        <v>1</v>
      </c>
      <c r="C36635" s="14" t="s">
        <v>35</v>
      </c>
      <c r="D36635" s="14" t="s">
        <v>169</v>
      </c>
      <c r="E36635" s="15">
        <v>45511</v>
      </c>
      <c r="F36635" s="14" t="s">
        <v>25</v>
      </c>
      <c r="G36635" s="16">
        <v>0</v>
      </c>
    </row>
    <row r="36636" spans="1:7" x14ac:dyDescent="0.3">
      <c r="A36636" s="13" t="s">
        <v>222</v>
      </c>
      <c r="B36636" s="14" t="s">
        <v>1</v>
      </c>
      <c r="C36636" s="14" t="s">
        <v>35</v>
      </c>
      <c r="D36636" s="14" t="s">
        <v>169</v>
      </c>
      <c r="E36636" s="15">
        <v>45512</v>
      </c>
      <c r="F36636" s="14" t="s">
        <v>25</v>
      </c>
      <c r="G36636" s="16">
        <v>0</v>
      </c>
    </row>
    <row r="36637" spans="1:7" x14ac:dyDescent="0.3">
      <c r="A36637" s="13" t="s">
        <v>222</v>
      </c>
      <c r="B36637" s="14" t="s">
        <v>1</v>
      </c>
      <c r="C36637" s="14" t="s">
        <v>35</v>
      </c>
      <c r="D36637" s="14" t="s">
        <v>169</v>
      </c>
      <c r="E36637" s="15">
        <v>45513</v>
      </c>
      <c r="F36637" s="14" t="s">
        <v>25</v>
      </c>
      <c r="G36637" s="16">
        <v>0</v>
      </c>
    </row>
    <row r="36638" spans="1:7" x14ac:dyDescent="0.3">
      <c r="A36638" s="13" t="s">
        <v>222</v>
      </c>
      <c r="B36638" s="14" t="s">
        <v>1</v>
      </c>
      <c r="C36638" s="14" t="s">
        <v>35</v>
      </c>
      <c r="D36638" s="14" t="s">
        <v>169</v>
      </c>
      <c r="E36638" s="15">
        <v>45514</v>
      </c>
      <c r="F36638" s="14" t="s">
        <v>25</v>
      </c>
      <c r="G36638" s="16">
        <v>0</v>
      </c>
    </row>
    <row r="36639" spans="1:7" x14ac:dyDescent="0.3">
      <c r="A36639" s="13" t="s">
        <v>222</v>
      </c>
      <c r="B36639" s="14" t="s">
        <v>1</v>
      </c>
      <c r="C36639" s="14" t="s">
        <v>35</v>
      </c>
      <c r="D36639" s="14" t="s">
        <v>169</v>
      </c>
      <c r="E36639" s="15">
        <v>45515</v>
      </c>
      <c r="F36639" s="14" t="s">
        <v>25</v>
      </c>
      <c r="G36639" s="16">
        <v>0</v>
      </c>
    </row>
    <row r="36640" spans="1:7" x14ac:dyDescent="0.3">
      <c r="A36640" s="13" t="s">
        <v>222</v>
      </c>
      <c r="B36640" s="14" t="s">
        <v>1</v>
      </c>
      <c r="C36640" s="14" t="s">
        <v>35</v>
      </c>
      <c r="D36640" s="14" t="s">
        <v>169</v>
      </c>
      <c r="E36640" s="15">
        <v>45516</v>
      </c>
      <c r="F36640" s="14" t="s">
        <v>25</v>
      </c>
      <c r="G36640" s="16">
        <v>0</v>
      </c>
    </row>
    <row r="36641" spans="1:7" x14ac:dyDescent="0.3">
      <c r="A36641" s="13" t="s">
        <v>222</v>
      </c>
      <c r="B36641" s="14" t="s">
        <v>1</v>
      </c>
      <c r="C36641" s="14" t="s">
        <v>35</v>
      </c>
      <c r="D36641" s="14" t="s">
        <v>169</v>
      </c>
      <c r="E36641" s="15">
        <v>45517</v>
      </c>
      <c r="F36641" s="14" t="s">
        <v>25</v>
      </c>
      <c r="G36641" s="16">
        <v>0</v>
      </c>
    </row>
    <row r="36642" spans="1:7" x14ac:dyDescent="0.3">
      <c r="A36642" s="13" t="s">
        <v>222</v>
      </c>
      <c r="B36642" s="14" t="s">
        <v>1</v>
      </c>
      <c r="C36642" s="14" t="s">
        <v>35</v>
      </c>
      <c r="D36642" s="14" t="s">
        <v>169</v>
      </c>
      <c r="E36642" s="15">
        <v>45518</v>
      </c>
      <c r="F36642" s="14" t="s">
        <v>25</v>
      </c>
      <c r="G36642" s="16">
        <v>0</v>
      </c>
    </row>
    <row r="36643" spans="1:7" x14ac:dyDescent="0.3">
      <c r="A36643" s="13" t="s">
        <v>222</v>
      </c>
      <c r="B36643" s="14" t="s">
        <v>1</v>
      </c>
      <c r="C36643" s="14" t="s">
        <v>35</v>
      </c>
      <c r="D36643" s="14" t="s">
        <v>169</v>
      </c>
      <c r="E36643" s="15">
        <v>45519</v>
      </c>
      <c r="F36643" s="14" t="s">
        <v>25</v>
      </c>
      <c r="G36643" s="16">
        <v>0</v>
      </c>
    </row>
    <row r="36644" spans="1:7" x14ac:dyDescent="0.3">
      <c r="A36644" s="13" t="s">
        <v>222</v>
      </c>
      <c r="B36644" s="14" t="s">
        <v>1</v>
      </c>
      <c r="C36644" s="14" t="s">
        <v>35</v>
      </c>
      <c r="D36644" s="14" t="s">
        <v>169</v>
      </c>
      <c r="E36644" s="15">
        <v>45520</v>
      </c>
      <c r="F36644" s="14" t="s">
        <v>25</v>
      </c>
      <c r="G36644" s="16">
        <v>0</v>
      </c>
    </row>
    <row r="36645" spans="1:7" x14ac:dyDescent="0.3">
      <c r="A36645" s="13" t="s">
        <v>222</v>
      </c>
      <c r="B36645" s="14" t="s">
        <v>1</v>
      </c>
      <c r="C36645" s="14" t="s">
        <v>35</v>
      </c>
      <c r="D36645" s="14" t="s">
        <v>169</v>
      </c>
      <c r="E36645" s="15">
        <v>45521</v>
      </c>
      <c r="F36645" s="14" t="s">
        <v>25</v>
      </c>
      <c r="G36645" s="16">
        <v>0</v>
      </c>
    </row>
    <row r="36646" spans="1:7" x14ac:dyDescent="0.3">
      <c r="A36646" s="13" t="s">
        <v>222</v>
      </c>
      <c r="B36646" s="14" t="s">
        <v>1</v>
      </c>
      <c r="C36646" s="14" t="s">
        <v>35</v>
      </c>
      <c r="D36646" s="14" t="s">
        <v>169</v>
      </c>
      <c r="E36646" s="15">
        <v>45522</v>
      </c>
      <c r="F36646" s="14" t="s">
        <v>25</v>
      </c>
      <c r="G36646" s="16">
        <v>0</v>
      </c>
    </row>
    <row r="36647" spans="1:7" x14ac:dyDescent="0.3">
      <c r="A36647" s="13" t="s">
        <v>222</v>
      </c>
      <c r="B36647" s="14" t="s">
        <v>1</v>
      </c>
      <c r="C36647" s="14" t="s">
        <v>35</v>
      </c>
      <c r="D36647" s="14" t="s">
        <v>169</v>
      </c>
      <c r="E36647" s="15">
        <v>45523</v>
      </c>
      <c r="F36647" s="14" t="s">
        <v>25</v>
      </c>
      <c r="G36647" s="16">
        <v>0</v>
      </c>
    </row>
    <row r="36648" spans="1:7" x14ac:dyDescent="0.3">
      <c r="A36648" s="13" t="s">
        <v>222</v>
      </c>
      <c r="B36648" s="14" t="s">
        <v>1</v>
      </c>
      <c r="C36648" s="14" t="s">
        <v>35</v>
      </c>
      <c r="D36648" s="14" t="s">
        <v>169</v>
      </c>
      <c r="E36648" s="15">
        <v>45524</v>
      </c>
      <c r="F36648" s="14" t="s">
        <v>25</v>
      </c>
      <c r="G36648" s="16">
        <v>0</v>
      </c>
    </row>
    <row r="36649" spans="1:7" x14ac:dyDescent="0.3">
      <c r="A36649" s="13" t="s">
        <v>222</v>
      </c>
      <c r="B36649" s="14" t="s">
        <v>1</v>
      </c>
      <c r="C36649" s="14" t="s">
        <v>35</v>
      </c>
      <c r="D36649" s="14" t="s">
        <v>169</v>
      </c>
      <c r="E36649" s="15">
        <v>45525</v>
      </c>
      <c r="F36649" s="14" t="s">
        <v>25</v>
      </c>
      <c r="G36649" s="16">
        <v>0</v>
      </c>
    </row>
    <row r="36650" spans="1:7" x14ac:dyDescent="0.3">
      <c r="A36650" s="13" t="s">
        <v>222</v>
      </c>
      <c r="B36650" s="14" t="s">
        <v>1</v>
      </c>
      <c r="C36650" s="14" t="s">
        <v>35</v>
      </c>
      <c r="D36650" s="14" t="s">
        <v>169</v>
      </c>
      <c r="E36650" s="15">
        <v>45526</v>
      </c>
      <c r="F36650" s="14" t="s">
        <v>25</v>
      </c>
      <c r="G36650" s="16">
        <v>0</v>
      </c>
    </row>
    <row r="36651" spans="1:7" x14ac:dyDescent="0.3">
      <c r="A36651" s="13" t="s">
        <v>222</v>
      </c>
      <c r="B36651" s="14" t="s">
        <v>1</v>
      </c>
      <c r="C36651" s="14" t="s">
        <v>35</v>
      </c>
      <c r="D36651" s="14" t="s">
        <v>169</v>
      </c>
      <c r="E36651" s="15">
        <v>45527</v>
      </c>
      <c r="F36651" s="14" t="s">
        <v>25</v>
      </c>
      <c r="G36651" s="16">
        <v>0</v>
      </c>
    </row>
    <row r="36652" spans="1:7" x14ac:dyDescent="0.3">
      <c r="A36652" s="13" t="s">
        <v>222</v>
      </c>
      <c r="B36652" s="14" t="s">
        <v>1</v>
      </c>
      <c r="C36652" s="14" t="s">
        <v>35</v>
      </c>
      <c r="D36652" s="14" t="s">
        <v>169</v>
      </c>
      <c r="E36652" s="15">
        <v>45528</v>
      </c>
      <c r="F36652" s="14" t="s">
        <v>25</v>
      </c>
      <c r="G36652" s="16">
        <v>0</v>
      </c>
    </row>
    <row r="36653" spans="1:7" x14ac:dyDescent="0.3">
      <c r="A36653" s="13" t="s">
        <v>222</v>
      </c>
      <c r="B36653" s="14" t="s">
        <v>1</v>
      </c>
      <c r="C36653" s="14" t="s">
        <v>35</v>
      </c>
      <c r="D36653" s="14" t="s">
        <v>169</v>
      </c>
      <c r="E36653" s="15">
        <v>45529</v>
      </c>
      <c r="F36653" s="14" t="s">
        <v>25</v>
      </c>
      <c r="G36653" s="16">
        <v>0</v>
      </c>
    </row>
    <row r="36654" spans="1:7" x14ac:dyDescent="0.3">
      <c r="A36654" s="13" t="s">
        <v>222</v>
      </c>
      <c r="B36654" s="14" t="s">
        <v>1</v>
      </c>
      <c r="C36654" s="14" t="s">
        <v>35</v>
      </c>
      <c r="D36654" s="14" t="s">
        <v>169</v>
      </c>
      <c r="E36654" s="15">
        <v>45530</v>
      </c>
      <c r="F36654" s="14" t="s">
        <v>25</v>
      </c>
      <c r="G36654" s="16">
        <v>0</v>
      </c>
    </row>
    <row r="36655" spans="1:7" x14ac:dyDescent="0.3">
      <c r="A36655" s="13" t="s">
        <v>222</v>
      </c>
      <c r="B36655" s="14" t="s">
        <v>1</v>
      </c>
      <c r="C36655" s="14" t="s">
        <v>35</v>
      </c>
      <c r="D36655" s="14" t="s">
        <v>169</v>
      </c>
      <c r="E36655" s="15">
        <v>45531</v>
      </c>
      <c r="F36655" s="14" t="s">
        <v>25</v>
      </c>
      <c r="G36655" s="16">
        <v>0</v>
      </c>
    </row>
    <row r="36656" spans="1:7" x14ac:dyDescent="0.3">
      <c r="A36656" s="13" t="s">
        <v>222</v>
      </c>
      <c r="B36656" s="14" t="s">
        <v>1</v>
      </c>
      <c r="C36656" s="14" t="s">
        <v>35</v>
      </c>
      <c r="D36656" s="14" t="s">
        <v>169</v>
      </c>
      <c r="E36656" s="15">
        <v>45532</v>
      </c>
      <c r="F36656" s="14" t="s">
        <v>25</v>
      </c>
      <c r="G36656" s="16">
        <v>0</v>
      </c>
    </row>
    <row r="36657" spans="1:7" x14ac:dyDescent="0.3">
      <c r="A36657" s="13" t="s">
        <v>222</v>
      </c>
      <c r="B36657" s="14" t="s">
        <v>1</v>
      </c>
      <c r="C36657" s="14" t="s">
        <v>35</v>
      </c>
      <c r="D36657" s="14" t="s">
        <v>169</v>
      </c>
      <c r="E36657" s="15">
        <v>45533</v>
      </c>
      <c r="F36657" s="14" t="s">
        <v>25</v>
      </c>
      <c r="G36657" s="16">
        <v>0</v>
      </c>
    </row>
    <row r="36658" spans="1:7" x14ac:dyDescent="0.3">
      <c r="A36658" s="13" t="s">
        <v>222</v>
      </c>
      <c r="B36658" s="14" t="s">
        <v>1</v>
      </c>
      <c r="C36658" s="14" t="s">
        <v>35</v>
      </c>
      <c r="D36658" s="14" t="s">
        <v>169</v>
      </c>
      <c r="E36658" s="15">
        <v>45534</v>
      </c>
      <c r="F36658" s="14" t="s">
        <v>25</v>
      </c>
      <c r="G36658" s="16">
        <v>0</v>
      </c>
    </row>
    <row r="36659" spans="1:7" x14ac:dyDescent="0.3">
      <c r="A36659" s="13" t="s">
        <v>222</v>
      </c>
      <c r="B36659" s="14" t="s">
        <v>1</v>
      </c>
      <c r="C36659" s="14" t="s">
        <v>35</v>
      </c>
      <c r="D36659" s="14" t="s">
        <v>169</v>
      </c>
      <c r="E36659" s="15">
        <v>45535</v>
      </c>
      <c r="F36659" s="14" t="s">
        <v>25</v>
      </c>
      <c r="G36659" s="16">
        <v>0</v>
      </c>
    </row>
    <row r="36660" spans="1:7" x14ac:dyDescent="0.3">
      <c r="A36660" s="13" t="s">
        <v>222</v>
      </c>
      <c r="B36660" s="14" t="s">
        <v>1</v>
      </c>
      <c r="C36660" s="14" t="s">
        <v>35</v>
      </c>
      <c r="D36660" s="14" t="s">
        <v>169</v>
      </c>
      <c r="E36660" s="15">
        <v>45536</v>
      </c>
      <c r="F36660" s="14" t="s">
        <v>25</v>
      </c>
      <c r="G36660" s="16">
        <v>0</v>
      </c>
    </row>
    <row r="36661" spans="1:7" x14ac:dyDescent="0.3">
      <c r="A36661" s="13" t="s">
        <v>222</v>
      </c>
      <c r="B36661" s="14" t="s">
        <v>1</v>
      </c>
      <c r="C36661" s="14" t="s">
        <v>35</v>
      </c>
      <c r="D36661" s="14" t="s">
        <v>169</v>
      </c>
      <c r="E36661" s="15">
        <v>45537</v>
      </c>
      <c r="F36661" s="14" t="s">
        <v>25</v>
      </c>
      <c r="G36661" s="16">
        <v>0</v>
      </c>
    </row>
    <row r="36662" spans="1:7" x14ac:dyDescent="0.3">
      <c r="A36662" s="13" t="s">
        <v>222</v>
      </c>
      <c r="B36662" s="14" t="s">
        <v>1</v>
      </c>
      <c r="C36662" s="14" t="s">
        <v>35</v>
      </c>
      <c r="D36662" s="14" t="s">
        <v>169</v>
      </c>
      <c r="E36662" s="15">
        <v>45538</v>
      </c>
      <c r="F36662" s="14" t="s">
        <v>25</v>
      </c>
      <c r="G36662" s="16">
        <v>0</v>
      </c>
    </row>
    <row r="36663" spans="1:7" x14ac:dyDescent="0.3">
      <c r="A36663" s="13" t="s">
        <v>222</v>
      </c>
      <c r="B36663" s="14" t="s">
        <v>1</v>
      </c>
      <c r="C36663" s="14" t="s">
        <v>35</v>
      </c>
      <c r="D36663" s="14" t="s">
        <v>169</v>
      </c>
      <c r="E36663" s="15">
        <v>45539</v>
      </c>
      <c r="F36663" s="14" t="s">
        <v>25</v>
      </c>
      <c r="G36663" s="16">
        <v>0</v>
      </c>
    </row>
    <row r="36664" spans="1:7" x14ac:dyDescent="0.3">
      <c r="A36664" s="13" t="s">
        <v>222</v>
      </c>
      <c r="B36664" s="14" t="s">
        <v>1</v>
      </c>
      <c r="C36664" s="14" t="s">
        <v>35</v>
      </c>
      <c r="D36664" s="14" t="s">
        <v>169</v>
      </c>
      <c r="E36664" s="15">
        <v>45540</v>
      </c>
      <c r="F36664" s="14" t="s">
        <v>25</v>
      </c>
      <c r="G36664" s="16">
        <v>0</v>
      </c>
    </row>
    <row r="36665" spans="1:7" x14ac:dyDescent="0.3">
      <c r="A36665" s="13" t="s">
        <v>222</v>
      </c>
      <c r="B36665" s="14" t="s">
        <v>1</v>
      </c>
      <c r="C36665" s="14" t="s">
        <v>35</v>
      </c>
      <c r="D36665" s="14" t="s">
        <v>169</v>
      </c>
      <c r="E36665" s="15">
        <v>45541</v>
      </c>
      <c r="F36665" s="14" t="s">
        <v>25</v>
      </c>
      <c r="G36665" s="16">
        <v>0</v>
      </c>
    </row>
    <row r="36666" spans="1:7" x14ac:dyDescent="0.3">
      <c r="A36666" s="13" t="s">
        <v>222</v>
      </c>
      <c r="B36666" s="14" t="s">
        <v>1</v>
      </c>
      <c r="C36666" s="14" t="s">
        <v>35</v>
      </c>
      <c r="D36666" s="14" t="s">
        <v>169</v>
      </c>
      <c r="E36666" s="15">
        <v>45542</v>
      </c>
      <c r="F36666" s="14" t="s">
        <v>25</v>
      </c>
      <c r="G36666" s="16">
        <v>0</v>
      </c>
    </row>
    <row r="36667" spans="1:7" x14ac:dyDescent="0.3">
      <c r="A36667" s="13" t="s">
        <v>222</v>
      </c>
      <c r="B36667" s="14" t="s">
        <v>1</v>
      </c>
      <c r="C36667" s="14" t="s">
        <v>35</v>
      </c>
      <c r="D36667" s="14" t="s">
        <v>169</v>
      </c>
      <c r="E36667" s="15">
        <v>45543</v>
      </c>
      <c r="F36667" s="14" t="s">
        <v>25</v>
      </c>
      <c r="G36667" s="16">
        <v>0</v>
      </c>
    </row>
    <row r="36668" spans="1:7" x14ac:dyDescent="0.3">
      <c r="A36668" s="13" t="s">
        <v>222</v>
      </c>
      <c r="B36668" s="14" t="s">
        <v>1</v>
      </c>
      <c r="C36668" s="14" t="s">
        <v>35</v>
      </c>
      <c r="D36668" s="14" t="s">
        <v>169</v>
      </c>
      <c r="E36668" s="15">
        <v>45544</v>
      </c>
      <c r="F36668" s="14" t="s">
        <v>25</v>
      </c>
      <c r="G36668" s="16">
        <v>0</v>
      </c>
    </row>
    <row r="36669" spans="1:7" x14ac:dyDescent="0.3">
      <c r="A36669" s="13" t="s">
        <v>222</v>
      </c>
      <c r="B36669" s="14" t="s">
        <v>1</v>
      </c>
      <c r="C36669" s="14" t="s">
        <v>35</v>
      </c>
      <c r="D36669" s="14" t="s">
        <v>169</v>
      </c>
      <c r="E36669" s="15">
        <v>45545</v>
      </c>
      <c r="F36669" s="14" t="s">
        <v>25</v>
      </c>
      <c r="G36669" s="16">
        <v>0</v>
      </c>
    </row>
    <row r="36670" spans="1:7" x14ac:dyDescent="0.3">
      <c r="A36670" s="13" t="s">
        <v>222</v>
      </c>
      <c r="B36670" s="14" t="s">
        <v>1</v>
      </c>
      <c r="C36670" s="14" t="s">
        <v>35</v>
      </c>
      <c r="D36670" s="14" t="s">
        <v>169</v>
      </c>
      <c r="E36670" s="15">
        <v>45546</v>
      </c>
      <c r="F36670" s="14" t="s">
        <v>25</v>
      </c>
      <c r="G36670" s="16">
        <v>0</v>
      </c>
    </row>
    <row r="36671" spans="1:7" x14ac:dyDescent="0.3">
      <c r="A36671" s="13" t="s">
        <v>222</v>
      </c>
      <c r="B36671" s="14" t="s">
        <v>1</v>
      </c>
      <c r="C36671" s="14" t="s">
        <v>35</v>
      </c>
      <c r="D36671" s="14" t="s">
        <v>169</v>
      </c>
      <c r="E36671" s="15">
        <v>45547</v>
      </c>
      <c r="F36671" s="14" t="s">
        <v>25</v>
      </c>
      <c r="G36671" s="16">
        <v>0</v>
      </c>
    </row>
    <row r="36672" spans="1:7" x14ac:dyDescent="0.3">
      <c r="A36672" s="13" t="s">
        <v>222</v>
      </c>
      <c r="B36672" s="14" t="s">
        <v>1</v>
      </c>
      <c r="C36672" s="14" t="s">
        <v>35</v>
      </c>
      <c r="D36672" s="14" t="s">
        <v>169</v>
      </c>
      <c r="E36672" s="15">
        <v>45548</v>
      </c>
      <c r="F36672" s="14" t="s">
        <v>25</v>
      </c>
      <c r="G36672" s="16">
        <v>0</v>
      </c>
    </row>
    <row r="36673" spans="1:7" x14ac:dyDescent="0.3">
      <c r="A36673" s="13" t="s">
        <v>222</v>
      </c>
      <c r="B36673" s="14" t="s">
        <v>1</v>
      </c>
      <c r="C36673" s="14" t="s">
        <v>35</v>
      </c>
      <c r="D36673" s="14" t="s">
        <v>169</v>
      </c>
      <c r="E36673" s="15">
        <v>45549</v>
      </c>
      <c r="F36673" s="14" t="s">
        <v>25</v>
      </c>
      <c r="G36673" s="16">
        <v>0</v>
      </c>
    </row>
    <row r="36674" spans="1:7" x14ac:dyDescent="0.3">
      <c r="A36674" s="13" t="s">
        <v>222</v>
      </c>
      <c r="B36674" s="14" t="s">
        <v>1</v>
      </c>
      <c r="C36674" s="14" t="s">
        <v>35</v>
      </c>
      <c r="D36674" s="14" t="s">
        <v>169</v>
      </c>
      <c r="E36674" s="15">
        <v>45550</v>
      </c>
      <c r="F36674" s="14" t="s">
        <v>25</v>
      </c>
      <c r="G36674" s="16">
        <v>0</v>
      </c>
    </row>
    <row r="36675" spans="1:7" x14ac:dyDescent="0.3">
      <c r="A36675" s="13" t="s">
        <v>222</v>
      </c>
      <c r="B36675" s="14" t="s">
        <v>1</v>
      </c>
      <c r="C36675" s="14" t="s">
        <v>35</v>
      </c>
      <c r="D36675" s="14" t="s">
        <v>169</v>
      </c>
      <c r="E36675" s="15">
        <v>45551</v>
      </c>
      <c r="F36675" s="14" t="s">
        <v>25</v>
      </c>
      <c r="G36675" s="16">
        <v>0</v>
      </c>
    </row>
    <row r="36676" spans="1:7" x14ac:dyDescent="0.3">
      <c r="A36676" s="13" t="s">
        <v>222</v>
      </c>
      <c r="B36676" s="14" t="s">
        <v>1</v>
      </c>
      <c r="C36676" s="14" t="s">
        <v>35</v>
      </c>
      <c r="D36676" s="14" t="s">
        <v>169</v>
      </c>
      <c r="E36676" s="15">
        <v>45552</v>
      </c>
      <c r="F36676" s="14" t="s">
        <v>25</v>
      </c>
      <c r="G36676" s="16">
        <v>0</v>
      </c>
    </row>
    <row r="36677" spans="1:7" x14ac:dyDescent="0.3">
      <c r="A36677" s="13" t="s">
        <v>222</v>
      </c>
      <c r="B36677" s="14" t="s">
        <v>1</v>
      </c>
      <c r="C36677" s="14" t="s">
        <v>35</v>
      </c>
      <c r="D36677" s="14" t="s">
        <v>169</v>
      </c>
      <c r="E36677" s="15">
        <v>45553</v>
      </c>
      <c r="F36677" s="14" t="s">
        <v>25</v>
      </c>
      <c r="G36677" s="16">
        <v>0</v>
      </c>
    </row>
    <row r="36678" spans="1:7" x14ac:dyDescent="0.3">
      <c r="A36678" s="13" t="s">
        <v>222</v>
      </c>
      <c r="B36678" s="14" t="s">
        <v>1</v>
      </c>
      <c r="C36678" s="14" t="s">
        <v>35</v>
      </c>
      <c r="D36678" s="14" t="s">
        <v>169</v>
      </c>
      <c r="E36678" s="15">
        <v>45554</v>
      </c>
      <c r="F36678" s="14" t="s">
        <v>25</v>
      </c>
      <c r="G36678" s="16">
        <v>0</v>
      </c>
    </row>
    <row r="36679" spans="1:7" x14ac:dyDescent="0.3">
      <c r="A36679" s="13" t="s">
        <v>222</v>
      </c>
      <c r="B36679" s="14" t="s">
        <v>1</v>
      </c>
      <c r="C36679" s="14" t="s">
        <v>35</v>
      </c>
      <c r="D36679" s="14" t="s">
        <v>169</v>
      </c>
      <c r="E36679" s="15">
        <v>45555</v>
      </c>
      <c r="F36679" s="14" t="s">
        <v>25</v>
      </c>
      <c r="G36679" s="16">
        <v>0</v>
      </c>
    </row>
    <row r="36680" spans="1:7" x14ac:dyDescent="0.3">
      <c r="A36680" s="13" t="s">
        <v>222</v>
      </c>
      <c r="B36680" s="14" t="s">
        <v>1</v>
      </c>
      <c r="C36680" s="14" t="s">
        <v>35</v>
      </c>
      <c r="D36680" s="14" t="s">
        <v>169</v>
      </c>
      <c r="E36680" s="15">
        <v>45556</v>
      </c>
      <c r="F36680" s="14" t="s">
        <v>25</v>
      </c>
      <c r="G36680" s="16">
        <v>0</v>
      </c>
    </row>
    <row r="36681" spans="1:7" x14ac:dyDescent="0.3">
      <c r="A36681" s="13" t="s">
        <v>222</v>
      </c>
      <c r="B36681" s="14" t="s">
        <v>1</v>
      </c>
      <c r="C36681" s="14" t="s">
        <v>35</v>
      </c>
      <c r="D36681" s="14" t="s">
        <v>169</v>
      </c>
      <c r="E36681" s="15">
        <v>45557</v>
      </c>
      <c r="F36681" s="14" t="s">
        <v>25</v>
      </c>
      <c r="G36681" s="16">
        <v>0</v>
      </c>
    </row>
    <row r="36682" spans="1:7" x14ac:dyDescent="0.3">
      <c r="A36682" s="13" t="s">
        <v>222</v>
      </c>
      <c r="B36682" s="14" t="s">
        <v>1</v>
      </c>
      <c r="C36682" s="14" t="s">
        <v>35</v>
      </c>
      <c r="D36682" s="14" t="s">
        <v>169</v>
      </c>
      <c r="E36682" s="15">
        <v>45558</v>
      </c>
      <c r="F36682" s="14" t="s">
        <v>25</v>
      </c>
      <c r="G36682" s="16">
        <v>0</v>
      </c>
    </row>
    <row r="36683" spans="1:7" x14ac:dyDescent="0.3">
      <c r="A36683" s="13" t="s">
        <v>222</v>
      </c>
      <c r="B36683" s="14" t="s">
        <v>1</v>
      </c>
      <c r="C36683" s="14" t="s">
        <v>35</v>
      </c>
      <c r="D36683" s="14" t="s">
        <v>169</v>
      </c>
      <c r="E36683" s="15">
        <v>45559</v>
      </c>
      <c r="F36683" s="14" t="s">
        <v>25</v>
      </c>
      <c r="G36683" s="16">
        <v>0</v>
      </c>
    </row>
    <row r="36684" spans="1:7" x14ac:dyDescent="0.3">
      <c r="A36684" s="13" t="s">
        <v>222</v>
      </c>
      <c r="B36684" s="14" t="s">
        <v>1</v>
      </c>
      <c r="C36684" s="14" t="s">
        <v>35</v>
      </c>
      <c r="D36684" s="14" t="s">
        <v>169</v>
      </c>
      <c r="E36684" s="15">
        <v>45560</v>
      </c>
      <c r="F36684" s="14" t="s">
        <v>25</v>
      </c>
      <c r="G36684" s="16">
        <v>0</v>
      </c>
    </row>
    <row r="36685" spans="1:7" x14ac:dyDescent="0.3">
      <c r="A36685" s="13" t="s">
        <v>222</v>
      </c>
      <c r="B36685" s="14" t="s">
        <v>1</v>
      </c>
      <c r="C36685" s="14" t="s">
        <v>35</v>
      </c>
      <c r="D36685" s="14" t="s">
        <v>169</v>
      </c>
      <c r="E36685" s="15">
        <v>45561</v>
      </c>
      <c r="F36685" s="14" t="s">
        <v>25</v>
      </c>
      <c r="G36685" s="16">
        <v>0</v>
      </c>
    </row>
    <row r="36686" spans="1:7" x14ac:dyDescent="0.3">
      <c r="A36686" s="13" t="s">
        <v>222</v>
      </c>
      <c r="B36686" s="14" t="s">
        <v>1</v>
      </c>
      <c r="C36686" s="14" t="s">
        <v>35</v>
      </c>
      <c r="D36686" s="14" t="s">
        <v>169</v>
      </c>
      <c r="E36686" s="15">
        <v>45562</v>
      </c>
      <c r="F36686" s="14" t="s">
        <v>25</v>
      </c>
      <c r="G36686" s="16">
        <v>0</v>
      </c>
    </row>
    <row r="36687" spans="1:7" x14ac:dyDescent="0.3">
      <c r="A36687" s="13" t="s">
        <v>222</v>
      </c>
      <c r="B36687" s="14" t="s">
        <v>1</v>
      </c>
      <c r="C36687" s="14" t="s">
        <v>35</v>
      </c>
      <c r="D36687" s="14" t="s">
        <v>169</v>
      </c>
      <c r="E36687" s="15">
        <v>45563</v>
      </c>
      <c r="F36687" s="14" t="s">
        <v>25</v>
      </c>
      <c r="G36687" s="16">
        <v>0</v>
      </c>
    </row>
    <row r="36688" spans="1:7" x14ac:dyDescent="0.3">
      <c r="A36688" s="13" t="s">
        <v>222</v>
      </c>
      <c r="B36688" s="14" t="s">
        <v>1</v>
      </c>
      <c r="C36688" s="14" t="s">
        <v>35</v>
      </c>
      <c r="D36688" s="14" t="s">
        <v>169</v>
      </c>
      <c r="E36688" s="15">
        <v>45564</v>
      </c>
      <c r="F36688" s="14" t="s">
        <v>25</v>
      </c>
      <c r="G36688" s="16">
        <v>0</v>
      </c>
    </row>
    <row r="36689" spans="1:7" x14ac:dyDescent="0.3">
      <c r="A36689" s="13" t="s">
        <v>222</v>
      </c>
      <c r="B36689" s="14" t="s">
        <v>1</v>
      </c>
      <c r="C36689" s="14" t="s">
        <v>35</v>
      </c>
      <c r="D36689" s="14" t="s">
        <v>169</v>
      </c>
      <c r="E36689" s="15">
        <v>45565</v>
      </c>
      <c r="F36689" s="14" t="s">
        <v>25</v>
      </c>
      <c r="G36689" s="16">
        <v>0</v>
      </c>
    </row>
    <row r="36690" spans="1:7" x14ac:dyDescent="0.3">
      <c r="A36690" s="13" t="s">
        <v>222</v>
      </c>
      <c r="B36690" s="14" t="s">
        <v>1</v>
      </c>
      <c r="C36690" s="14" t="s">
        <v>35</v>
      </c>
      <c r="D36690" s="14" t="s">
        <v>169</v>
      </c>
      <c r="E36690" s="15">
        <v>45566</v>
      </c>
      <c r="F36690" s="14" t="s">
        <v>25</v>
      </c>
      <c r="G36690" s="16">
        <v>0</v>
      </c>
    </row>
    <row r="36691" spans="1:7" x14ac:dyDescent="0.3">
      <c r="A36691" s="13" t="s">
        <v>222</v>
      </c>
      <c r="B36691" s="14" t="s">
        <v>1</v>
      </c>
      <c r="C36691" s="14" t="s">
        <v>35</v>
      </c>
      <c r="D36691" s="14" t="s">
        <v>169</v>
      </c>
      <c r="E36691" s="15">
        <v>45567</v>
      </c>
      <c r="F36691" s="14" t="s">
        <v>25</v>
      </c>
      <c r="G36691" s="16">
        <v>0</v>
      </c>
    </row>
    <row r="36692" spans="1:7" x14ac:dyDescent="0.3">
      <c r="A36692" s="13" t="s">
        <v>222</v>
      </c>
      <c r="B36692" s="14" t="s">
        <v>1</v>
      </c>
      <c r="C36692" s="14" t="s">
        <v>35</v>
      </c>
      <c r="D36692" s="14" t="s">
        <v>169</v>
      </c>
      <c r="E36692" s="15">
        <v>45568</v>
      </c>
      <c r="F36692" s="14" t="s">
        <v>25</v>
      </c>
      <c r="G36692" s="16">
        <v>0</v>
      </c>
    </row>
    <row r="36693" spans="1:7" x14ac:dyDescent="0.3">
      <c r="A36693" s="13" t="s">
        <v>222</v>
      </c>
      <c r="B36693" s="14" t="s">
        <v>1</v>
      </c>
      <c r="C36693" s="14" t="s">
        <v>35</v>
      </c>
      <c r="D36693" s="14" t="s">
        <v>169</v>
      </c>
      <c r="E36693" s="15">
        <v>45569</v>
      </c>
      <c r="F36693" s="14" t="s">
        <v>25</v>
      </c>
      <c r="G36693" s="16">
        <v>0</v>
      </c>
    </row>
    <row r="36694" spans="1:7" x14ac:dyDescent="0.3">
      <c r="A36694" s="13" t="s">
        <v>222</v>
      </c>
      <c r="B36694" s="14" t="s">
        <v>1</v>
      </c>
      <c r="C36694" s="14" t="s">
        <v>35</v>
      </c>
      <c r="D36694" s="14" t="s">
        <v>169</v>
      </c>
      <c r="E36694" s="15">
        <v>45570</v>
      </c>
      <c r="F36694" s="14" t="s">
        <v>25</v>
      </c>
      <c r="G36694" s="16">
        <v>0</v>
      </c>
    </row>
    <row r="36695" spans="1:7" x14ac:dyDescent="0.3">
      <c r="A36695" s="13" t="s">
        <v>222</v>
      </c>
      <c r="B36695" s="14" t="s">
        <v>1</v>
      </c>
      <c r="C36695" s="14" t="s">
        <v>35</v>
      </c>
      <c r="D36695" s="14" t="s">
        <v>169</v>
      </c>
      <c r="E36695" s="15">
        <v>45571</v>
      </c>
      <c r="F36695" s="14" t="s">
        <v>25</v>
      </c>
      <c r="G36695" s="16">
        <v>0</v>
      </c>
    </row>
    <row r="36696" spans="1:7" x14ac:dyDescent="0.3">
      <c r="A36696" s="13" t="s">
        <v>222</v>
      </c>
      <c r="B36696" s="14" t="s">
        <v>1</v>
      </c>
      <c r="C36696" s="14" t="s">
        <v>35</v>
      </c>
      <c r="D36696" s="14" t="s">
        <v>169</v>
      </c>
      <c r="E36696" s="15">
        <v>45572</v>
      </c>
      <c r="F36696" s="14" t="s">
        <v>25</v>
      </c>
      <c r="G36696" s="16">
        <v>0</v>
      </c>
    </row>
    <row r="36697" spans="1:7" x14ac:dyDescent="0.3">
      <c r="A36697" s="13" t="s">
        <v>222</v>
      </c>
      <c r="B36697" s="14" t="s">
        <v>1</v>
      </c>
      <c r="C36697" s="14" t="s">
        <v>35</v>
      </c>
      <c r="D36697" s="14" t="s">
        <v>169</v>
      </c>
      <c r="E36697" s="15">
        <v>45573</v>
      </c>
      <c r="F36697" s="14" t="s">
        <v>25</v>
      </c>
      <c r="G36697" s="16">
        <v>0</v>
      </c>
    </row>
    <row r="36698" spans="1:7" x14ac:dyDescent="0.3">
      <c r="A36698" s="13" t="s">
        <v>222</v>
      </c>
      <c r="B36698" s="14" t="s">
        <v>1</v>
      </c>
      <c r="C36698" s="14" t="s">
        <v>35</v>
      </c>
      <c r="D36698" s="14" t="s">
        <v>169</v>
      </c>
      <c r="E36698" s="15">
        <v>45574</v>
      </c>
      <c r="F36698" s="14" t="s">
        <v>25</v>
      </c>
      <c r="G36698" s="16">
        <v>0</v>
      </c>
    </row>
    <row r="36699" spans="1:7" x14ac:dyDescent="0.3">
      <c r="A36699" s="13" t="s">
        <v>222</v>
      </c>
      <c r="B36699" s="14" t="s">
        <v>1</v>
      </c>
      <c r="C36699" s="14" t="s">
        <v>35</v>
      </c>
      <c r="D36699" s="14" t="s">
        <v>169</v>
      </c>
      <c r="E36699" s="15">
        <v>45575</v>
      </c>
      <c r="F36699" s="14" t="s">
        <v>25</v>
      </c>
      <c r="G36699" s="16">
        <v>0</v>
      </c>
    </row>
    <row r="36700" spans="1:7" x14ac:dyDescent="0.3">
      <c r="A36700" s="13" t="s">
        <v>222</v>
      </c>
      <c r="B36700" s="14" t="s">
        <v>1</v>
      </c>
      <c r="C36700" s="14" t="s">
        <v>35</v>
      </c>
      <c r="D36700" s="14" t="s">
        <v>169</v>
      </c>
      <c r="E36700" s="15">
        <v>45576</v>
      </c>
      <c r="F36700" s="14" t="s">
        <v>25</v>
      </c>
      <c r="G36700" s="16">
        <v>0</v>
      </c>
    </row>
    <row r="36701" spans="1:7" x14ac:dyDescent="0.3">
      <c r="A36701" s="13" t="s">
        <v>222</v>
      </c>
      <c r="B36701" s="14" t="s">
        <v>1</v>
      </c>
      <c r="C36701" s="14" t="s">
        <v>35</v>
      </c>
      <c r="D36701" s="14" t="s">
        <v>169</v>
      </c>
      <c r="E36701" s="15">
        <v>45577</v>
      </c>
      <c r="F36701" s="14" t="s">
        <v>25</v>
      </c>
      <c r="G36701" s="16">
        <v>0</v>
      </c>
    </row>
    <row r="36702" spans="1:7" x14ac:dyDescent="0.3">
      <c r="A36702" s="13" t="s">
        <v>222</v>
      </c>
      <c r="B36702" s="14" t="s">
        <v>1</v>
      </c>
      <c r="C36702" s="14" t="s">
        <v>35</v>
      </c>
      <c r="D36702" s="14" t="s">
        <v>169</v>
      </c>
      <c r="E36702" s="15">
        <v>45578</v>
      </c>
      <c r="F36702" s="14" t="s">
        <v>25</v>
      </c>
      <c r="G36702" s="16">
        <v>0</v>
      </c>
    </row>
    <row r="36703" spans="1:7" x14ac:dyDescent="0.3">
      <c r="A36703" s="13" t="s">
        <v>222</v>
      </c>
      <c r="B36703" s="14" t="s">
        <v>1</v>
      </c>
      <c r="C36703" s="14" t="s">
        <v>35</v>
      </c>
      <c r="D36703" s="14" t="s">
        <v>169</v>
      </c>
      <c r="E36703" s="15">
        <v>45579</v>
      </c>
      <c r="F36703" s="14" t="s">
        <v>25</v>
      </c>
      <c r="G36703" s="16">
        <v>0</v>
      </c>
    </row>
    <row r="36704" spans="1:7" x14ac:dyDescent="0.3">
      <c r="A36704" s="13" t="s">
        <v>222</v>
      </c>
      <c r="B36704" s="14" t="s">
        <v>1</v>
      </c>
      <c r="C36704" s="14" t="s">
        <v>35</v>
      </c>
      <c r="D36704" s="14" t="s">
        <v>169</v>
      </c>
      <c r="E36704" s="15">
        <v>45580</v>
      </c>
      <c r="F36704" s="14" t="s">
        <v>25</v>
      </c>
      <c r="G36704" s="16">
        <v>0</v>
      </c>
    </row>
    <row r="36705" spans="1:7" x14ac:dyDescent="0.3">
      <c r="A36705" s="13" t="s">
        <v>222</v>
      </c>
      <c r="B36705" s="14" t="s">
        <v>1</v>
      </c>
      <c r="C36705" s="14" t="s">
        <v>35</v>
      </c>
      <c r="D36705" s="14" t="s">
        <v>169</v>
      </c>
      <c r="E36705" s="15">
        <v>45581</v>
      </c>
      <c r="F36705" s="14" t="s">
        <v>25</v>
      </c>
      <c r="G36705" s="16">
        <v>0</v>
      </c>
    </row>
    <row r="36706" spans="1:7" x14ac:dyDescent="0.3">
      <c r="A36706" s="13" t="s">
        <v>222</v>
      </c>
      <c r="B36706" s="14" t="s">
        <v>1</v>
      </c>
      <c r="C36706" s="14" t="s">
        <v>35</v>
      </c>
      <c r="D36706" s="14" t="s">
        <v>169</v>
      </c>
      <c r="E36706" s="15">
        <v>45582</v>
      </c>
      <c r="F36706" s="14" t="s">
        <v>25</v>
      </c>
      <c r="G36706" s="16">
        <v>0</v>
      </c>
    </row>
    <row r="36707" spans="1:7" x14ac:dyDescent="0.3">
      <c r="A36707" s="13" t="s">
        <v>222</v>
      </c>
      <c r="B36707" s="14" t="s">
        <v>1</v>
      </c>
      <c r="C36707" s="14" t="s">
        <v>35</v>
      </c>
      <c r="D36707" s="14" t="s">
        <v>169</v>
      </c>
      <c r="E36707" s="15">
        <v>45583</v>
      </c>
      <c r="F36707" s="14" t="s">
        <v>25</v>
      </c>
      <c r="G36707" s="16">
        <v>0</v>
      </c>
    </row>
    <row r="36708" spans="1:7" x14ac:dyDescent="0.3">
      <c r="A36708" s="13" t="s">
        <v>222</v>
      </c>
      <c r="B36708" s="14" t="s">
        <v>1</v>
      </c>
      <c r="C36708" s="14" t="s">
        <v>35</v>
      </c>
      <c r="D36708" s="14" t="s">
        <v>169</v>
      </c>
      <c r="E36708" s="15">
        <v>45584</v>
      </c>
      <c r="F36708" s="14" t="s">
        <v>25</v>
      </c>
      <c r="G36708" s="16">
        <v>0</v>
      </c>
    </row>
    <row r="36709" spans="1:7" x14ac:dyDescent="0.3">
      <c r="A36709" s="13" t="s">
        <v>222</v>
      </c>
      <c r="B36709" s="14" t="s">
        <v>1</v>
      </c>
      <c r="C36709" s="14" t="s">
        <v>35</v>
      </c>
      <c r="D36709" s="14" t="s">
        <v>169</v>
      </c>
      <c r="E36709" s="15">
        <v>45585</v>
      </c>
      <c r="F36709" s="14" t="s">
        <v>25</v>
      </c>
      <c r="G36709" s="16">
        <v>0</v>
      </c>
    </row>
    <row r="36710" spans="1:7" x14ac:dyDescent="0.3">
      <c r="A36710" s="13" t="s">
        <v>222</v>
      </c>
      <c r="B36710" s="14" t="s">
        <v>1</v>
      </c>
      <c r="C36710" s="14" t="s">
        <v>35</v>
      </c>
      <c r="D36710" s="14" t="s">
        <v>169</v>
      </c>
      <c r="E36710" s="15">
        <v>45586</v>
      </c>
      <c r="F36710" s="14" t="s">
        <v>25</v>
      </c>
      <c r="G36710" s="16">
        <v>0</v>
      </c>
    </row>
    <row r="36711" spans="1:7" x14ac:dyDescent="0.3">
      <c r="A36711" s="13" t="s">
        <v>222</v>
      </c>
      <c r="B36711" s="14" t="s">
        <v>1</v>
      </c>
      <c r="C36711" s="14" t="s">
        <v>35</v>
      </c>
      <c r="D36711" s="14" t="s">
        <v>169</v>
      </c>
      <c r="E36711" s="15">
        <v>45587</v>
      </c>
      <c r="F36711" s="14" t="s">
        <v>25</v>
      </c>
      <c r="G36711" s="16">
        <v>0</v>
      </c>
    </row>
    <row r="36712" spans="1:7" x14ac:dyDescent="0.3">
      <c r="A36712" s="13" t="s">
        <v>222</v>
      </c>
      <c r="B36712" s="14" t="s">
        <v>1</v>
      </c>
      <c r="C36712" s="14" t="s">
        <v>35</v>
      </c>
      <c r="D36712" s="14" t="s">
        <v>169</v>
      </c>
      <c r="E36712" s="15">
        <v>45588</v>
      </c>
      <c r="F36712" s="14" t="s">
        <v>25</v>
      </c>
      <c r="G36712" s="16">
        <v>0</v>
      </c>
    </row>
    <row r="36713" spans="1:7" x14ac:dyDescent="0.3">
      <c r="A36713" s="13" t="s">
        <v>222</v>
      </c>
      <c r="B36713" s="14" t="s">
        <v>1</v>
      </c>
      <c r="C36713" s="14" t="s">
        <v>35</v>
      </c>
      <c r="D36713" s="14" t="s">
        <v>169</v>
      </c>
      <c r="E36713" s="15">
        <v>45589</v>
      </c>
      <c r="F36713" s="14" t="s">
        <v>25</v>
      </c>
      <c r="G36713" s="16">
        <v>0</v>
      </c>
    </row>
    <row r="36714" spans="1:7" x14ac:dyDescent="0.3">
      <c r="A36714" s="13" t="s">
        <v>222</v>
      </c>
      <c r="B36714" s="14" t="s">
        <v>1</v>
      </c>
      <c r="C36714" s="14" t="s">
        <v>35</v>
      </c>
      <c r="D36714" s="14" t="s">
        <v>169</v>
      </c>
      <c r="E36714" s="15">
        <v>45590</v>
      </c>
      <c r="F36714" s="14" t="s">
        <v>25</v>
      </c>
      <c r="G36714" s="16">
        <v>0</v>
      </c>
    </row>
    <row r="36715" spans="1:7" x14ac:dyDescent="0.3">
      <c r="A36715" s="13" t="s">
        <v>222</v>
      </c>
      <c r="B36715" s="14" t="s">
        <v>1</v>
      </c>
      <c r="C36715" s="14" t="s">
        <v>35</v>
      </c>
      <c r="D36715" s="14" t="s">
        <v>169</v>
      </c>
      <c r="E36715" s="15">
        <v>45591</v>
      </c>
      <c r="F36715" s="14" t="s">
        <v>25</v>
      </c>
      <c r="G36715" s="16">
        <v>0</v>
      </c>
    </row>
    <row r="36716" spans="1:7" x14ac:dyDescent="0.3">
      <c r="A36716" s="13" t="s">
        <v>222</v>
      </c>
      <c r="B36716" s="14" t="s">
        <v>1</v>
      </c>
      <c r="C36716" s="14" t="s">
        <v>35</v>
      </c>
      <c r="D36716" s="14" t="s">
        <v>169</v>
      </c>
      <c r="E36716" s="15">
        <v>45592</v>
      </c>
      <c r="F36716" s="14" t="s">
        <v>25</v>
      </c>
      <c r="G36716" s="16">
        <v>0</v>
      </c>
    </row>
    <row r="36717" spans="1:7" x14ac:dyDescent="0.3">
      <c r="A36717" s="13" t="s">
        <v>222</v>
      </c>
      <c r="B36717" s="14" t="s">
        <v>1</v>
      </c>
      <c r="C36717" s="14" t="s">
        <v>35</v>
      </c>
      <c r="D36717" s="14" t="s">
        <v>169</v>
      </c>
      <c r="E36717" s="15">
        <v>45593</v>
      </c>
      <c r="F36717" s="14" t="s">
        <v>25</v>
      </c>
      <c r="G36717" s="16">
        <v>0</v>
      </c>
    </row>
    <row r="36718" spans="1:7" x14ac:dyDescent="0.3">
      <c r="A36718" s="13" t="s">
        <v>222</v>
      </c>
      <c r="B36718" s="14" t="s">
        <v>1</v>
      </c>
      <c r="C36718" s="14" t="s">
        <v>35</v>
      </c>
      <c r="D36718" s="14" t="s">
        <v>169</v>
      </c>
      <c r="E36718" s="15">
        <v>45594</v>
      </c>
      <c r="F36718" s="14" t="s">
        <v>25</v>
      </c>
      <c r="G36718" s="16">
        <v>0</v>
      </c>
    </row>
    <row r="36719" spans="1:7" x14ac:dyDescent="0.3">
      <c r="A36719" s="13" t="s">
        <v>222</v>
      </c>
      <c r="B36719" s="14" t="s">
        <v>1</v>
      </c>
      <c r="C36719" s="14" t="s">
        <v>35</v>
      </c>
      <c r="D36719" s="14" t="s">
        <v>169</v>
      </c>
      <c r="E36719" s="15">
        <v>45595</v>
      </c>
      <c r="F36719" s="14" t="s">
        <v>25</v>
      </c>
      <c r="G36719" s="16">
        <v>0</v>
      </c>
    </row>
    <row r="36720" spans="1:7" x14ac:dyDescent="0.3">
      <c r="A36720" s="13" t="s">
        <v>222</v>
      </c>
      <c r="B36720" s="14" t="s">
        <v>1</v>
      </c>
      <c r="C36720" s="14" t="s">
        <v>35</v>
      </c>
      <c r="D36720" s="14" t="s">
        <v>169</v>
      </c>
      <c r="E36720" s="15">
        <v>45596</v>
      </c>
      <c r="F36720" s="14" t="s">
        <v>25</v>
      </c>
      <c r="G36720" s="16">
        <v>0</v>
      </c>
    </row>
    <row r="36721" spans="1:7" x14ac:dyDescent="0.3">
      <c r="A36721" s="13" t="s">
        <v>222</v>
      </c>
      <c r="B36721" s="14" t="s">
        <v>1</v>
      </c>
      <c r="C36721" s="14" t="s">
        <v>35</v>
      </c>
      <c r="D36721" s="14" t="s">
        <v>169</v>
      </c>
      <c r="E36721" s="15">
        <v>45597</v>
      </c>
      <c r="F36721" s="14" t="s">
        <v>25</v>
      </c>
      <c r="G36721" s="16">
        <v>0</v>
      </c>
    </row>
    <row r="36722" spans="1:7" x14ac:dyDescent="0.3">
      <c r="A36722" s="13" t="s">
        <v>222</v>
      </c>
      <c r="B36722" s="14" t="s">
        <v>1</v>
      </c>
      <c r="C36722" s="14" t="s">
        <v>35</v>
      </c>
      <c r="D36722" s="14" t="s">
        <v>169</v>
      </c>
      <c r="E36722" s="15">
        <v>45598</v>
      </c>
      <c r="F36722" s="14" t="s">
        <v>25</v>
      </c>
      <c r="G36722" s="16">
        <v>0</v>
      </c>
    </row>
    <row r="36723" spans="1:7" x14ac:dyDescent="0.3">
      <c r="A36723" s="13" t="s">
        <v>222</v>
      </c>
      <c r="B36723" s="14" t="s">
        <v>1</v>
      </c>
      <c r="C36723" s="14" t="s">
        <v>35</v>
      </c>
      <c r="D36723" s="14" t="s">
        <v>169</v>
      </c>
      <c r="E36723" s="15">
        <v>45599</v>
      </c>
      <c r="F36723" s="14" t="s">
        <v>25</v>
      </c>
      <c r="G36723" s="16">
        <v>0</v>
      </c>
    </row>
    <row r="36724" spans="1:7" x14ac:dyDescent="0.3">
      <c r="A36724" s="13" t="s">
        <v>222</v>
      </c>
      <c r="B36724" s="14" t="s">
        <v>1</v>
      </c>
      <c r="C36724" s="14" t="s">
        <v>35</v>
      </c>
      <c r="D36724" s="14" t="s">
        <v>169</v>
      </c>
      <c r="E36724" s="15">
        <v>45600</v>
      </c>
      <c r="F36724" s="14" t="s">
        <v>25</v>
      </c>
      <c r="G36724" s="16">
        <v>0</v>
      </c>
    </row>
    <row r="36725" spans="1:7" x14ac:dyDescent="0.3">
      <c r="A36725" s="13" t="s">
        <v>222</v>
      </c>
      <c r="B36725" s="14" t="s">
        <v>1</v>
      </c>
      <c r="C36725" s="14" t="s">
        <v>35</v>
      </c>
      <c r="D36725" s="14" t="s">
        <v>169</v>
      </c>
      <c r="E36725" s="15">
        <v>45601</v>
      </c>
      <c r="F36725" s="14" t="s">
        <v>25</v>
      </c>
      <c r="G36725" s="16">
        <v>0</v>
      </c>
    </row>
    <row r="36726" spans="1:7" x14ac:dyDescent="0.3">
      <c r="A36726" s="13" t="s">
        <v>222</v>
      </c>
      <c r="B36726" s="14" t="s">
        <v>1</v>
      </c>
      <c r="C36726" s="14" t="s">
        <v>35</v>
      </c>
      <c r="D36726" s="14" t="s">
        <v>169</v>
      </c>
      <c r="E36726" s="15">
        <v>45602</v>
      </c>
      <c r="F36726" s="14" t="s">
        <v>25</v>
      </c>
      <c r="G36726" s="16">
        <v>0</v>
      </c>
    </row>
    <row r="36727" spans="1:7" x14ac:dyDescent="0.3">
      <c r="A36727" s="13" t="s">
        <v>222</v>
      </c>
      <c r="B36727" s="14" t="s">
        <v>1</v>
      </c>
      <c r="C36727" s="14" t="s">
        <v>35</v>
      </c>
      <c r="D36727" s="14" t="s">
        <v>169</v>
      </c>
      <c r="E36727" s="15">
        <v>45603</v>
      </c>
      <c r="F36727" s="14" t="s">
        <v>25</v>
      </c>
      <c r="G36727" s="16">
        <v>0</v>
      </c>
    </row>
    <row r="36728" spans="1:7" x14ac:dyDescent="0.3">
      <c r="A36728" s="13" t="s">
        <v>222</v>
      </c>
      <c r="B36728" s="14" t="s">
        <v>1</v>
      </c>
      <c r="C36728" s="14" t="s">
        <v>35</v>
      </c>
      <c r="D36728" s="14" t="s">
        <v>169</v>
      </c>
      <c r="E36728" s="15">
        <v>45604</v>
      </c>
      <c r="F36728" s="14" t="s">
        <v>25</v>
      </c>
      <c r="G36728" s="16">
        <v>0</v>
      </c>
    </row>
    <row r="36729" spans="1:7" x14ac:dyDescent="0.3">
      <c r="A36729" s="13" t="s">
        <v>222</v>
      </c>
      <c r="B36729" s="14" t="s">
        <v>1</v>
      </c>
      <c r="C36729" s="14" t="s">
        <v>35</v>
      </c>
      <c r="D36729" s="14" t="s">
        <v>169</v>
      </c>
      <c r="E36729" s="15">
        <v>45605</v>
      </c>
      <c r="F36729" s="14" t="s">
        <v>25</v>
      </c>
      <c r="G36729" s="16">
        <v>0</v>
      </c>
    </row>
    <row r="36730" spans="1:7" x14ac:dyDescent="0.3">
      <c r="A36730" s="13" t="s">
        <v>222</v>
      </c>
      <c r="B36730" s="14" t="s">
        <v>1</v>
      </c>
      <c r="C36730" s="14" t="s">
        <v>35</v>
      </c>
      <c r="D36730" s="14" t="s">
        <v>169</v>
      </c>
      <c r="E36730" s="15">
        <v>45606</v>
      </c>
      <c r="F36730" s="14" t="s">
        <v>25</v>
      </c>
      <c r="G36730" s="16">
        <v>0</v>
      </c>
    </row>
    <row r="36731" spans="1:7" x14ac:dyDescent="0.3">
      <c r="A36731" s="13" t="s">
        <v>222</v>
      </c>
      <c r="B36731" s="14" t="s">
        <v>1</v>
      </c>
      <c r="C36731" s="14" t="s">
        <v>35</v>
      </c>
      <c r="D36731" s="14" t="s">
        <v>169</v>
      </c>
      <c r="E36731" s="15">
        <v>45607</v>
      </c>
      <c r="F36731" s="14" t="s">
        <v>25</v>
      </c>
      <c r="G36731" s="16">
        <v>0</v>
      </c>
    </row>
    <row r="36732" spans="1:7" x14ac:dyDescent="0.3">
      <c r="A36732" s="13" t="s">
        <v>222</v>
      </c>
      <c r="B36732" s="14" t="s">
        <v>1</v>
      </c>
      <c r="C36732" s="14" t="s">
        <v>35</v>
      </c>
      <c r="D36732" s="14" t="s">
        <v>169</v>
      </c>
      <c r="E36732" s="15">
        <v>45608</v>
      </c>
      <c r="F36732" s="14" t="s">
        <v>25</v>
      </c>
      <c r="G36732" s="16">
        <v>0</v>
      </c>
    </row>
    <row r="36733" spans="1:7" x14ac:dyDescent="0.3">
      <c r="A36733" s="13" t="s">
        <v>222</v>
      </c>
      <c r="B36733" s="14" t="s">
        <v>1</v>
      </c>
      <c r="C36733" s="14" t="s">
        <v>35</v>
      </c>
      <c r="D36733" s="14" t="s">
        <v>169</v>
      </c>
      <c r="E36733" s="15">
        <v>45609</v>
      </c>
      <c r="F36733" s="14" t="s">
        <v>25</v>
      </c>
      <c r="G36733" s="16">
        <v>0</v>
      </c>
    </row>
    <row r="36734" spans="1:7" x14ac:dyDescent="0.3">
      <c r="A36734" s="13" t="s">
        <v>222</v>
      </c>
      <c r="B36734" s="14" t="s">
        <v>1</v>
      </c>
      <c r="C36734" s="14" t="s">
        <v>35</v>
      </c>
      <c r="D36734" s="14" t="s">
        <v>169</v>
      </c>
      <c r="E36734" s="15">
        <v>45610</v>
      </c>
      <c r="F36734" s="14" t="s">
        <v>25</v>
      </c>
      <c r="G36734" s="16">
        <v>0</v>
      </c>
    </row>
    <row r="36735" spans="1:7" x14ac:dyDescent="0.3">
      <c r="A36735" s="13" t="s">
        <v>222</v>
      </c>
      <c r="B36735" s="14" t="s">
        <v>1</v>
      </c>
      <c r="C36735" s="14" t="s">
        <v>35</v>
      </c>
      <c r="D36735" s="14" t="s">
        <v>169</v>
      </c>
      <c r="E36735" s="15">
        <v>45611</v>
      </c>
      <c r="F36735" s="14" t="s">
        <v>25</v>
      </c>
      <c r="G36735" s="16">
        <v>0</v>
      </c>
    </row>
    <row r="36736" spans="1:7" x14ac:dyDescent="0.3">
      <c r="A36736" s="13" t="s">
        <v>222</v>
      </c>
      <c r="B36736" s="14" t="s">
        <v>1</v>
      </c>
      <c r="C36736" s="14" t="s">
        <v>35</v>
      </c>
      <c r="D36736" s="14" t="s">
        <v>169</v>
      </c>
      <c r="E36736" s="15">
        <v>45612</v>
      </c>
      <c r="F36736" s="14" t="s">
        <v>25</v>
      </c>
      <c r="G36736" s="16">
        <v>0</v>
      </c>
    </row>
    <row r="36737" spans="1:7" x14ac:dyDescent="0.3">
      <c r="A36737" s="13" t="s">
        <v>222</v>
      </c>
      <c r="B36737" s="14" t="s">
        <v>1</v>
      </c>
      <c r="C36737" s="14" t="s">
        <v>35</v>
      </c>
      <c r="D36737" s="14" t="s">
        <v>169</v>
      </c>
      <c r="E36737" s="15">
        <v>45613</v>
      </c>
      <c r="F36737" s="14" t="s">
        <v>25</v>
      </c>
      <c r="G36737" s="16">
        <v>0</v>
      </c>
    </row>
    <row r="36738" spans="1:7" x14ac:dyDescent="0.3">
      <c r="A36738" s="13" t="s">
        <v>222</v>
      </c>
      <c r="B36738" s="14" t="s">
        <v>1</v>
      </c>
      <c r="C36738" s="14" t="s">
        <v>35</v>
      </c>
      <c r="D36738" s="14" t="s">
        <v>169</v>
      </c>
      <c r="E36738" s="15">
        <v>45614</v>
      </c>
      <c r="F36738" s="14" t="s">
        <v>25</v>
      </c>
      <c r="G36738" s="16">
        <v>0</v>
      </c>
    </row>
    <row r="36739" spans="1:7" x14ac:dyDescent="0.3">
      <c r="A36739" s="13" t="s">
        <v>222</v>
      </c>
      <c r="B36739" s="14" t="s">
        <v>1</v>
      </c>
      <c r="C36739" s="14" t="s">
        <v>35</v>
      </c>
      <c r="D36739" s="14" t="s">
        <v>169</v>
      </c>
      <c r="E36739" s="15">
        <v>45615</v>
      </c>
      <c r="F36739" s="14" t="s">
        <v>25</v>
      </c>
      <c r="G36739" s="16">
        <v>0</v>
      </c>
    </row>
    <row r="36740" spans="1:7" x14ac:dyDescent="0.3">
      <c r="A36740" s="13" t="s">
        <v>222</v>
      </c>
      <c r="B36740" s="14" t="s">
        <v>1</v>
      </c>
      <c r="C36740" s="14" t="s">
        <v>35</v>
      </c>
      <c r="D36740" s="14" t="s">
        <v>169</v>
      </c>
      <c r="E36740" s="15">
        <v>45616</v>
      </c>
      <c r="F36740" s="14" t="s">
        <v>25</v>
      </c>
      <c r="G36740" s="16">
        <v>0</v>
      </c>
    </row>
    <row r="36741" spans="1:7" x14ac:dyDescent="0.3">
      <c r="A36741" s="13" t="s">
        <v>222</v>
      </c>
      <c r="B36741" s="14" t="s">
        <v>1</v>
      </c>
      <c r="C36741" s="14" t="s">
        <v>35</v>
      </c>
      <c r="D36741" s="14" t="s">
        <v>169</v>
      </c>
      <c r="E36741" s="15">
        <v>45617</v>
      </c>
      <c r="F36741" s="14" t="s">
        <v>25</v>
      </c>
      <c r="G36741" s="16">
        <v>0</v>
      </c>
    </row>
    <row r="36742" spans="1:7" x14ac:dyDescent="0.3">
      <c r="A36742" s="13" t="s">
        <v>222</v>
      </c>
      <c r="B36742" s="14" t="s">
        <v>1</v>
      </c>
      <c r="C36742" s="14" t="s">
        <v>35</v>
      </c>
      <c r="D36742" s="14" t="s">
        <v>169</v>
      </c>
      <c r="E36742" s="15">
        <v>45618</v>
      </c>
      <c r="F36742" s="14" t="s">
        <v>25</v>
      </c>
      <c r="G36742" s="16">
        <v>0</v>
      </c>
    </row>
    <row r="36743" spans="1:7" x14ac:dyDescent="0.3">
      <c r="A36743" s="13" t="s">
        <v>222</v>
      </c>
      <c r="B36743" s="14" t="s">
        <v>1</v>
      </c>
      <c r="C36743" s="14" t="s">
        <v>35</v>
      </c>
      <c r="D36743" s="14" t="s">
        <v>169</v>
      </c>
      <c r="E36743" s="15">
        <v>45619</v>
      </c>
      <c r="F36743" s="14" t="s">
        <v>25</v>
      </c>
      <c r="G36743" s="16">
        <v>0</v>
      </c>
    </row>
    <row r="36744" spans="1:7" x14ac:dyDescent="0.3">
      <c r="A36744" s="13" t="s">
        <v>222</v>
      </c>
      <c r="B36744" s="14" t="s">
        <v>1</v>
      </c>
      <c r="C36744" s="14" t="s">
        <v>35</v>
      </c>
      <c r="D36744" s="14" t="s">
        <v>169</v>
      </c>
      <c r="E36744" s="15">
        <v>45620</v>
      </c>
      <c r="F36744" s="14" t="s">
        <v>25</v>
      </c>
      <c r="G36744" s="16">
        <v>0</v>
      </c>
    </row>
    <row r="36745" spans="1:7" x14ac:dyDescent="0.3">
      <c r="A36745" s="13" t="s">
        <v>222</v>
      </c>
      <c r="B36745" s="14" t="s">
        <v>1</v>
      </c>
      <c r="C36745" s="14" t="s">
        <v>35</v>
      </c>
      <c r="D36745" s="14" t="s">
        <v>169</v>
      </c>
      <c r="E36745" s="15">
        <v>45621</v>
      </c>
      <c r="F36745" s="14" t="s">
        <v>25</v>
      </c>
      <c r="G36745" s="16">
        <v>0</v>
      </c>
    </row>
    <row r="36746" spans="1:7" x14ac:dyDescent="0.3">
      <c r="A36746" s="13" t="s">
        <v>222</v>
      </c>
      <c r="B36746" s="14" t="s">
        <v>1</v>
      </c>
      <c r="C36746" s="14" t="s">
        <v>35</v>
      </c>
      <c r="D36746" s="14" t="s">
        <v>169</v>
      </c>
      <c r="E36746" s="15">
        <v>45622</v>
      </c>
      <c r="F36746" s="14" t="s">
        <v>25</v>
      </c>
      <c r="G36746" s="16">
        <v>0</v>
      </c>
    </row>
    <row r="36747" spans="1:7" x14ac:dyDescent="0.3">
      <c r="A36747" s="13" t="s">
        <v>222</v>
      </c>
      <c r="B36747" s="14" t="s">
        <v>1</v>
      </c>
      <c r="C36747" s="14" t="s">
        <v>35</v>
      </c>
      <c r="D36747" s="14" t="s">
        <v>169</v>
      </c>
      <c r="E36747" s="15">
        <v>45623</v>
      </c>
      <c r="F36747" s="14" t="s">
        <v>25</v>
      </c>
      <c r="G36747" s="16">
        <v>0</v>
      </c>
    </row>
    <row r="36748" spans="1:7" x14ac:dyDescent="0.3">
      <c r="A36748" s="13" t="s">
        <v>222</v>
      </c>
      <c r="B36748" s="14" t="s">
        <v>1</v>
      </c>
      <c r="C36748" s="14" t="s">
        <v>35</v>
      </c>
      <c r="D36748" s="14" t="s">
        <v>169</v>
      </c>
      <c r="E36748" s="15">
        <v>45624</v>
      </c>
      <c r="F36748" s="14" t="s">
        <v>25</v>
      </c>
      <c r="G36748" s="16">
        <v>0</v>
      </c>
    </row>
    <row r="36749" spans="1:7" x14ac:dyDescent="0.3">
      <c r="A36749" s="13" t="s">
        <v>222</v>
      </c>
      <c r="B36749" s="14" t="s">
        <v>1</v>
      </c>
      <c r="C36749" s="14" t="s">
        <v>35</v>
      </c>
      <c r="D36749" s="14" t="s">
        <v>169</v>
      </c>
      <c r="E36749" s="15">
        <v>45625</v>
      </c>
      <c r="F36749" s="14" t="s">
        <v>25</v>
      </c>
      <c r="G36749" s="16">
        <v>0</v>
      </c>
    </row>
    <row r="36750" spans="1:7" x14ac:dyDescent="0.3">
      <c r="A36750" s="13" t="s">
        <v>222</v>
      </c>
      <c r="B36750" s="14" t="s">
        <v>1</v>
      </c>
      <c r="C36750" s="14" t="s">
        <v>35</v>
      </c>
      <c r="D36750" s="14" t="s">
        <v>169</v>
      </c>
      <c r="E36750" s="15">
        <v>45626</v>
      </c>
      <c r="F36750" s="14" t="s">
        <v>25</v>
      </c>
      <c r="G36750" s="16">
        <v>0</v>
      </c>
    </row>
    <row r="36751" spans="1:7" x14ac:dyDescent="0.3">
      <c r="A36751" s="13" t="s">
        <v>222</v>
      </c>
      <c r="B36751" s="14" t="s">
        <v>1</v>
      </c>
      <c r="C36751" s="14" t="s">
        <v>35</v>
      </c>
      <c r="D36751" s="14" t="s">
        <v>169</v>
      </c>
      <c r="E36751" s="15">
        <v>45627</v>
      </c>
      <c r="F36751" s="14" t="s">
        <v>25</v>
      </c>
      <c r="G36751" s="16">
        <v>0</v>
      </c>
    </row>
    <row r="36752" spans="1:7" x14ac:dyDescent="0.3">
      <c r="A36752" s="13" t="s">
        <v>222</v>
      </c>
      <c r="B36752" s="14" t="s">
        <v>1</v>
      </c>
      <c r="C36752" s="14" t="s">
        <v>35</v>
      </c>
      <c r="D36752" s="14" t="s">
        <v>169</v>
      </c>
      <c r="E36752" s="15">
        <v>45628</v>
      </c>
      <c r="F36752" s="14" t="s">
        <v>25</v>
      </c>
      <c r="G36752" s="16">
        <v>0</v>
      </c>
    </row>
    <row r="36753" spans="1:7" x14ac:dyDescent="0.3">
      <c r="A36753" s="13" t="s">
        <v>222</v>
      </c>
      <c r="B36753" s="14" t="s">
        <v>1</v>
      </c>
      <c r="C36753" s="14" t="s">
        <v>35</v>
      </c>
      <c r="D36753" s="14" t="s">
        <v>169</v>
      </c>
      <c r="E36753" s="15">
        <v>45629</v>
      </c>
      <c r="F36753" s="14" t="s">
        <v>25</v>
      </c>
      <c r="G36753" s="16">
        <v>0</v>
      </c>
    </row>
    <row r="36754" spans="1:7" x14ac:dyDescent="0.3">
      <c r="A36754" s="13" t="s">
        <v>222</v>
      </c>
      <c r="B36754" s="14" t="s">
        <v>1</v>
      </c>
      <c r="C36754" s="14" t="s">
        <v>35</v>
      </c>
      <c r="D36754" s="14" t="s">
        <v>169</v>
      </c>
      <c r="E36754" s="15">
        <v>45630</v>
      </c>
      <c r="F36754" s="14" t="s">
        <v>25</v>
      </c>
      <c r="G36754" s="16">
        <v>0</v>
      </c>
    </row>
    <row r="36755" spans="1:7" x14ac:dyDescent="0.3">
      <c r="A36755" s="13" t="s">
        <v>222</v>
      </c>
      <c r="B36755" s="14" t="s">
        <v>1</v>
      </c>
      <c r="C36755" s="14" t="s">
        <v>35</v>
      </c>
      <c r="D36755" s="14" t="s">
        <v>169</v>
      </c>
      <c r="E36755" s="15">
        <v>45631</v>
      </c>
      <c r="F36755" s="14" t="s">
        <v>25</v>
      </c>
      <c r="G36755" s="16">
        <v>0</v>
      </c>
    </row>
    <row r="36756" spans="1:7" x14ac:dyDescent="0.3">
      <c r="A36756" s="13" t="s">
        <v>222</v>
      </c>
      <c r="B36756" s="14" t="s">
        <v>1</v>
      </c>
      <c r="C36756" s="14" t="s">
        <v>35</v>
      </c>
      <c r="D36756" s="14" t="s">
        <v>169</v>
      </c>
      <c r="E36756" s="15">
        <v>45632</v>
      </c>
      <c r="F36756" s="14" t="s">
        <v>25</v>
      </c>
      <c r="G36756" s="16">
        <v>0</v>
      </c>
    </row>
    <row r="36757" spans="1:7" x14ac:dyDescent="0.3">
      <c r="A36757" s="13" t="s">
        <v>222</v>
      </c>
      <c r="B36757" s="14" t="s">
        <v>1</v>
      </c>
      <c r="C36757" s="14" t="s">
        <v>35</v>
      </c>
      <c r="D36757" s="14" t="s">
        <v>169</v>
      </c>
      <c r="E36757" s="15">
        <v>45633</v>
      </c>
      <c r="F36757" s="14" t="s">
        <v>25</v>
      </c>
      <c r="G36757" s="16">
        <v>0</v>
      </c>
    </row>
    <row r="36758" spans="1:7" x14ac:dyDescent="0.3">
      <c r="A36758" s="13" t="s">
        <v>222</v>
      </c>
      <c r="B36758" s="14" t="s">
        <v>1</v>
      </c>
      <c r="C36758" s="14" t="s">
        <v>35</v>
      </c>
      <c r="D36758" s="14" t="s">
        <v>169</v>
      </c>
      <c r="E36758" s="15">
        <v>45634</v>
      </c>
      <c r="F36758" s="14" t="s">
        <v>25</v>
      </c>
      <c r="G36758" s="16">
        <v>0</v>
      </c>
    </row>
    <row r="36759" spans="1:7" x14ac:dyDescent="0.3">
      <c r="A36759" s="13" t="s">
        <v>222</v>
      </c>
      <c r="B36759" s="14" t="s">
        <v>1</v>
      </c>
      <c r="C36759" s="14" t="s">
        <v>35</v>
      </c>
      <c r="D36759" s="14" t="s">
        <v>169</v>
      </c>
      <c r="E36759" s="15">
        <v>45635</v>
      </c>
      <c r="F36759" s="14" t="s">
        <v>25</v>
      </c>
      <c r="G36759" s="16">
        <v>0</v>
      </c>
    </row>
    <row r="36760" spans="1:7" x14ac:dyDescent="0.3">
      <c r="A36760" s="13" t="s">
        <v>222</v>
      </c>
      <c r="B36760" s="14" t="s">
        <v>1</v>
      </c>
      <c r="C36760" s="14" t="s">
        <v>35</v>
      </c>
      <c r="D36760" s="14" t="s">
        <v>169</v>
      </c>
      <c r="E36760" s="15">
        <v>45636</v>
      </c>
      <c r="F36760" s="14" t="s">
        <v>25</v>
      </c>
      <c r="G36760" s="16">
        <v>0</v>
      </c>
    </row>
    <row r="36761" spans="1:7" x14ac:dyDescent="0.3">
      <c r="A36761" s="13" t="s">
        <v>222</v>
      </c>
      <c r="B36761" s="14" t="s">
        <v>1</v>
      </c>
      <c r="C36761" s="14" t="s">
        <v>35</v>
      </c>
      <c r="D36761" s="14" t="s">
        <v>169</v>
      </c>
      <c r="E36761" s="15">
        <v>45637</v>
      </c>
      <c r="F36761" s="14" t="s">
        <v>25</v>
      </c>
      <c r="G36761" s="16">
        <v>0</v>
      </c>
    </row>
    <row r="36762" spans="1:7" x14ac:dyDescent="0.3">
      <c r="A36762" s="13" t="s">
        <v>222</v>
      </c>
      <c r="B36762" s="14" t="s">
        <v>1</v>
      </c>
      <c r="C36762" s="14" t="s">
        <v>35</v>
      </c>
      <c r="D36762" s="14" t="s">
        <v>169</v>
      </c>
      <c r="E36762" s="15">
        <v>45638</v>
      </c>
      <c r="F36762" s="14" t="s">
        <v>25</v>
      </c>
      <c r="G36762" s="16">
        <v>0</v>
      </c>
    </row>
    <row r="36763" spans="1:7" x14ac:dyDescent="0.3">
      <c r="A36763" s="13" t="s">
        <v>222</v>
      </c>
      <c r="B36763" s="14" t="s">
        <v>1</v>
      </c>
      <c r="C36763" s="14" t="s">
        <v>35</v>
      </c>
      <c r="D36763" s="14" t="s">
        <v>169</v>
      </c>
      <c r="E36763" s="15">
        <v>45639</v>
      </c>
      <c r="F36763" s="14" t="s">
        <v>25</v>
      </c>
      <c r="G36763" s="16">
        <v>0</v>
      </c>
    </row>
    <row r="36764" spans="1:7" x14ac:dyDescent="0.3">
      <c r="A36764" s="13" t="s">
        <v>222</v>
      </c>
      <c r="B36764" s="14" t="s">
        <v>1</v>
      </c>
      <c r="C36764" s="14" t="s">
        <v>35</v>
      </c>
      <c r="D36764" s="14" t="s">
        <v>169</v>
      </c>
      <c r="E36764" s="15">
        <v>45640</v>
      </c>
      <c r="F36764" s="14" t="s">
        <v>25</v>
      </c>
      <c r="G36764" s="16">
        <v>0</v>
      </c>
    </row>
    <row r="36765" spans="1:7" x14ac:dyDescent="0.3">
      <c r="A36765" s="13" t="s">
        <v>222</v>
      </c>
      <c r="B36765" s="14" t="s">
        <v>1</v>
      </c>
      <c r="C36765" s="14" t="s">
        <v>35</v>
      </c>
      <c r="D36765" s="14" t="s">
        <v>169</v>
      </c>
      <c r="E36765" s="15">
        <v>45641</v>
      </c>
      <c r="F36765" s="14" t="s">
        <v>25</v>
      </c>
      <c r="G36765" s="16">
        <v>0</v>
      </c>
    </row>
    <row r="36766" spans="1:7" x14ac:dyDescent="0.3">
      <c r="A36766" s="13" t="s">
        <v>222</v>
      </c>
      <c r="B36766" s="14" t="s">
        <v>1</v>
      </c>
      <c r="C36766" s="14" t="s">
        <v>35</v>
      </c>
      <c r="D36766" s="14" t="s">
        <v>169</v>
      </c>
      <c r="E36766" s="15">
        <v>45642</v>
      </c>
      <c r="F36766" s="14" t="s">
        <v>25</v>
      </c>
      <c r="G36766" s="16">
        <v>0</v>
      </c>
    </row>
    <row r="36767" spans="1:7" x14ac:dyDescent="0.3">
      <c r="A36767" s="13" t="s">
        <v>222</v>
      </c>
      <c r="B36767" s="14" t="s">
        <v>1</v>
      </c>
      <c r="C36767" s="14" t="s">
        <v>35</v>
      </c>
      <c r="D36767" s="14" t="s">
        <v>169</v>
      </c>
      <c r="E36767" s="15">
        <v>45643</v>
      </c>
      <c r="F36767" s="14" t="s">
        <v>25</v>
      </c>
      <c r="G36767" s="16">
        <v>0</v>
      </c>
    </row>
    <row r="36768" spans="1:7" x14ac:dyDescent="0.3">
      <c r="A36768" s="13" t="s">
        <v>222</v>
      </c>
      <c r="B36768" s="14" t="s">
        <v>1</v>
      </c>
      <c r="C36768" s="14" t="s">
        <v>35</v>
      </c>
      <c r="D36768" s="14" t="s">
        <v>169</v>
      </c>
      <c r="E36768" s="15">
        <v>45644</v>
      </c>
      <c r="F36768" s="14" t="s">
        <v>25</v>
      </c>
      <c r="G36768" s="16">
        <v>0</v>
      </c>
    </row>
    <row r="36769" spans="1:7" x14ac:dyDescent="0.3">
      <c r="A36769" s="13" t="s">
        <v>222</v>
      </c>
      <c r="B36769" s="14" t="s">
        <v>1</v>
      </c>
      <c r="C36769" s="14" t="s">
        <v>35</v>
      </c>
      <c r="D36769" s="14" t="s">
        <v>169</v>
      </c>
      <c r="E36769" s="15">
        <v>45645</v>
      </c>
      <c r="F36769" s="14" t="s">
        <v>25</v>
      </c>
      <c r="G36769" s="16">
        <v>0</v>
      </c>
    </row>
    <row r="36770" spans="1:7" x14ac:dyDescent="0.3">
      <c r="A36770" s="13" t="s">
        <v>222</v>
      </c>
      <c r="B36770" s="14" t="s">
        <v>1</v>
      </c>
      <c r="C36770" s="14" t="s">
        <v>35</v>
      </c>
      <c r="D36770" s="14" t="s">
        <v>169</v>
      </c>
      <c r="E36770" s="15">
        <v>45646</v>
      </c>
      <c r="F36770" s="14" t="s">
        <v>25</v>
      </c>
      <c r="G36770" s="16">
        <v>0</v>
      </c>
    </row>
    <row r="36771" spans="1:7" x14ac:dyDescent="0.3">
      <c r="A36771" s="13" t="s">
        <v>222</v>
      </c>
      <c r="B36771" s="14" t="s">
        <v>1</v>
      </c>
      <c r="C36771" s="14" t="s">
        <v>35</v>
      </c>
      <c r="D36771" s="14" t="s">
        <v>169</v>
      </c>
      <c r="E36771" s="15">
        <v>45647</v>
      </c>
      <c r="F36771" s="14" t="s">
        <v>25</v>
      </c>
      <c r="G36771" s="16">
        <v>0</v>
      </c>
    </row>
    <row r="36772" spans="1:7" x14ac:dyDescent="0.3">
      <c r="A36772" s="13" t="s">
        <v>222</v>
      </c>
      <c r="B36772" s="14" t="s">
        <v>1</v>
      </c>
      <c r="C36772" s="14" t="s">
        <v>35</v>
      </c>
      <c r="D36772" s="14" t="s">
        <v>169</v>
      </c>
      <c r="E36772" s="15">
        <v>45648</v>
      </c>
      <c r="F36772" s="14" t="s">
        <v>25</v>
      </c>
      <c r="G36772" s="16">
        <v>0</v>
      </c>
    </row>
    <row r="36773" spans="1:7" x14ac:dyDescent="0.3">
      <c r="A36773" s="13" t="s">
        <v>222</v>
      </c>
      <c r="B36773" s="14" t="s">
        <v>1</v>
      </c>
      <c r="C36773" s="14" t="s">
        <v>35</v>
      </c>
      <c r="D36773" s="14" t="s">
        <v>169</v>
      </c>
      <c r="E36773" s="15">
        <v>45649</v>
      </c>
      <c r="F36773" s="14" t="s">
        <v>25</v>
      </c>
      <c r="G36773" s="16">
        <v>0</v>
      </c>
    </row>
    <row r="36774" spans="1:7" x14ac:dyDescent="0.3">
      <c r="A36774" s="13" t="s">
        <v>222</v>
      </c>
      <c r="B36774" s="14" t="s">
        <v>1</v>
      </c>
      <c r="C36774" s="14" t="s">
        <v>35</v>
      </c>
      <c r="D36774" s="14" t="s">
        <v>169</v>
      </c>
      <c r="E36774" s="15">
        <v>45650</v>
      </c>
      <c r="F36774" s="14" t="s">
        <v>25</v>
      </c>
      <c r="G36774" s="16">
        <v>0</v>
      </c>
    </row>
    <row r="36775" spans="1:7" x14ac:dyDescent="0.3">
      <c r="A36775" s="13" t="s">
        <v>222</v>
      </c>
      <c r="B36775" s="14" t="s">
        <v>1</v>
      </c>
      <c r="C36775" s="14" t="s">
        <v>35</v>
      </c>
      <c r="D36775" s="14" t="s">
        <v>169</v>
      </c>
      <c r="E36775" s="15">
        <v>45651</v>
      </c>
      <c r="F36775" s="14" t="s">
        <v>25</v>
      </c>
      <c r="G36775" s="16">
        <v>0</v>
      </c>
    </row>
    <row r="36776" spans="1:7" x14ac:dyDescent="0.3">
      <c r="A36776" s="13" t="s">
        <v>222</v>
      </c>
      <c r="B36776" s="14" t="s">
        <v>1</v>
      </c>
      <c r="C36776" s="14" t="s">
        <v>35</v>
      </c>
      <c r="D36776" s="14" t="s">
        <v>169</v>
      </c>
      <c r="E36776" s="15">
        <v>45652</v>
      </c>
      <c r="F36776" s="14" t="s">
        <v>25</v>
      </c>
      <c r="G36776" s="16">
        <v>0</v>
      </c>
    </row>
    <row r="36777" spans="1:7" x14ac:dyDescent="0.3">
      <c r="A36777" s="13" t="s">
        <v>222</v>
      </c>
      <c r="B36777" s="14" t="s">
        <v>1</v>
      </c>
      <c r="C36777" s="14" t="s">
        <v>35</v>
      </c>
      <c r="D36777" s="14" t="s">
        <v>169</v>
      </c>
      <c r="E36777" s="15">
        <v>45653</v>
      </c>
      <c r="F36777" s="14" t="s">
        <v>25</v>
      </c>
      <c r="G36777" s="16">
        <v>0</v>
      </c>
    </row>
    <row r="36778" spans="1:7" x14ac:dyDescent="0.3">
      <c r="A36778" s="13" t="s">
        <v>222</v>
      </c>
      <c r="B36778" s="14" t="s">
        <v>1</v>
      </c>
      <c r="C36778" s="14" t="s">
        <v>35</v>
      </c>
      <c r="D36778" s="14" t="s">
        <v>169</v>
      </c>
      <c r="E36778" s="15">
        <v>45654</v>
      </c>
      <c r="F36778" s="14" t="s">
        <v>25</v>
      </c>
      <c r="G36778" s="16">
        <v>0</v>
      </c>
    </row>
    <row r="36779" spans="1:7" x14ac:dyDescent="0.3">
      <c r="A36779" s="13" t="s">
        <v>222</v>
      </c>
      <c r="B36779" s="14" t="s">
        <v>1</v>
      </c>
      <c r="C36779" s="14" t="s">
        <v>35</v>
      </c>
      <c r="D36779" s="14" t="s">
        <v>169</v>
      </c>
      <c r="E36779" s="15">
        <v>45655</v>
      </c>
      <c r="F36779" s="14" t="s">
        <v>25</v>
      </c>
      <c r="G36779" s="16">
        <v>0</v>
      </c>
    </row>
    <row r="36780" spans="1:7" x14ac:dyDescent="0.3">
      <c r="A36780" s="13" t="s">
        <v>222</v>
      </c>
      <c r="B36780" s="14" t="s">
        <v>1</v>
      </c>
      <c r="C36780" s="14" t="s">
        <v>35</v>
      </c>
      <c r="D36780" s="14" t="s">
        <v>169</v>
      </c>
      <c r="E36780" s="15">
        <v>45656</v>
      </c>
      <c r="F36780" s="14" t="s">
        <v>25</v>
      </c>
      <c r="G36780" s="16">
        <v>0</v>
      </c>
    </row>
    <row r="36781" spans="1:7" x14ac:dyDescent="0.3">
      <c r="A36781" s="13" t="s">
        <v>222</v>
      </c>
      <c r="B36781" s="14" t="s">
        <v>1</v>
      </c>
      <c r="C36781" s="14" t="s">
        <v>35</v>
      </c>
      <c r="D36781" s="14" t="s">
        <v>169</v>
      </c>
      <c r="E36781" s="15">
        <v>45657</v>
      </c>
      <c r="F36781" s="14" t="s">
        <v>25</v>
      </c>
      <c r="G36781" s="16">
        <v>0</v>
      </c>
    </row>
    <row r="36782" spans="1:7" x14ac:dyDescent="0.3">
      <c r="A36782" s="13" t="s">
        <v>222</v>
      </c>
      <c r="B36782" s="14" t="s">
        <v>1</v>
      </c>
      <c r="C36782" s="14" t="s">
        <v>35</v>
      </c>
      <c r="D36782" s="14" t="s">
        <v>169</v>
      </c>
      <c r="E36782" s="15">
        <v>45658</v>
      </c>
      <c r="F36782" s="14" t="s">
        <v>25</v>
      </c>
      <c r="G36782" s="16">
        <v>0</v>
      </c>
    </row>
    <row r="36783" spans="1:7" x14ac:dyDescent="0.3">
      <c r="A36783" s="13" t="s">
        <v>222</v>
      </c>
      <c r="B36783" s="14" t="s">
        <v>1</v>
      </c>
      <c r="C36783" s="14" t="s">
        <v>35</v>
      </c>
      <c r="D36783" s="14" t="s">
        <v>169</v>
      </c>
      <c r="E36783" s="15">
        <v>45659</v>
      </c>
      <c r="F36783" s="14" t="s">
        <v>25</v>
      </c>
      <c r="G36783" s="16">
        <v>0</v>
      </c>
    </row>
    <row r="36784" spans="1:7" x14ac:dyDescent="0.3">
      <c r="A36784" s="13" t="s">
        <v>222</v>
      </c>
      <c r="B36784" s="14" t="s">
        <v>1</v>
      </c>
      <c r="C36784" s="14" t="s">
        <v>35</v>
      </c>
      <c r="D36784" s="14" t="s">
        <v>169</v>
      </c>
      <c r="E36784" s="15">
        <v>45660</v>
      </c>
      <c r="F36784" s="14" t="s">
        <v>25</v>
      </c>
      <c r="G36784" s="16">
        <v>0</v>
      </c>
    </row>
    <row r="36785" spans="1:7" x14ac:dyDescent="0.3">
      <c r="A36785" s="13" t="s">
        <v>222</v>
      </c>
      <c r="B36785" s="14" t="s">
        <v>1</v>
      </c>
      <c r="C36785" s="14" t="s">
        <v>35</v>
      </c>
      <c r="D36785" s="14" t="s">
        <v>169</v>
      </c>
      <c r="E36785" s="15">
        <v>45661</v>
      </c>
      <c r="F36785" s="14" t="s">
        <v>25</v>
      </c>
      <c r="G36785" s="16">
        <v>0</v>
      </c>
    </row>
    <row r="36786" spans="1:7" x14ac:dyDescent="0.3">
      <c r="A36786" s="13" t="s">
        <v>222</v>
      </c>
      <c r="B36786" s="14" t="s">
        <v>1</v>
      </c>
      <c r="C36786" s="14" t="s">
        <v>35</v>
      </c>
      <c r="D36786" s="14" t="s">
        <v>169</v>
      </c>
      <c r="E36786" s="15">
        <v>45662</v>
      </c>
      <c r="F36786" s="14" t="s">
        <v>25</v>
      </c>
      <c r="G36786" s="16">
        <v>0</v>
      </c>
    </row>
    <row r="36787" spans="1:7" x14ac:dyDescent="0.3">
      <c r="A36787" s="13" t="s">
        <v>222</v>
      </c>
      <c r="B36787" s="14" t="s">
        <v>1</v>
      </c>
      <c r="C36787" s="14" t="s">
        <v>35</v>
      </c>
      <c r="D36787" s="14" t="s">
        <v>169</v>
      </c>
      <c r="E36787" s="15">
        <v>45663</v>
      </c>
      <c r="F36787" s="14" t="s">
        <v>25</v>
      </c>
      <c r="G36787" s="16">
        <v>0</v>
      </c>
    </row>
    <row r="36788" spans="1:7" x14ac:dyDescent="0.3">
      <c r="A36788" s="13" t="s">
        <v>222</v>
      </c>
      <c r="B36788" s="14" t="s">
        <v>1</v>
      </c>
      <c r="C36788" s="14" t="s">
        <v>35</v>
      </c>
      <c r="D36788" s="14" t="s">
        <v>169</v>
      </c>
      <c r="E36788" s="15">
        <v>45664</v>
      </c>
      <c r="F36788" s="14" t="s">
        <v>25</v>
      </c>
      <c r="G36788" s="16">
        <v>0</v>
      </c>
    </row>
    <row r="36789" spans="1:7" x14ac:dyDescent="0.3">
      <c r="A36789" s="13" t="s">
        <v>222</v>
      </c>
      <c r="B36789" s="14" t="s">
        <v>1</v>
      </c>
      <c r="C36789" s="14" t="s">
        <v>35</v>
      </c>
      <c r="D36789" s="14" t="s">
        <v>169</v>
      </c>
      <c r="E36789" s="15">
        <v>45665</v>
      </c>
      <c r="F36789" s="14" t="s">
        <v>25</v>
      </c>
      <c r="G36789" s="16">
        <v>0</v>
      </c>
    </row>
    <row r="36790" spans="1:7" x14ac:dyDescent="0.3">
      <c r="A36790" s="13" t="s">
        <v>222</v>
      </c>
      <c r="B36790" s="14" t="s">
        <v>1</v>
      </c>
      <c r="C36790" s="14" t="s">
        <v>35</v>
      </c>
      <c r="D36790" s="14" t="s">
        <v>169</v>
      </c>
      <c r="E36790" s="15">
        <v>45666</v>
      </c>
      <c r="F36790" s="14" t="s">
        <v>25</v>
      </c>
      <c r="G36790" s="16">
        <v>0</v>
      </c>
    </row>
    <row r="36791" spans="1:7" x14ac:dyDescent="0.3">
      <c r="A36791" s="13" t="s">
        <v>222</v>
      </c>
      <c r="B36791" s="14" t="s">
        <v>1</v>
      </c>
      <c r="C36791" s="14" t="s">
        <v>35</v>
      </c>
      <c r="D36791" s="14" t="s">
        <v>169</v>
      </c>
      <c r="E36791" s="15">
        <v>45667</v>
      </c>
      <c r="F36791" s="14" t="s">
        <v>25</v>
      </c>
      <c r="G36791" s="16">
        <v>0</v>
      </c>
    </row>
    <row r="36792" spans="1:7" x14ac:dyDescent="0.3">
      <c r="A36792" s="13" t="s">
        <v>222</v>
      </c>
      <c r="B36792" s="14" t="s">
        <v>1</v>
      </c>
      <c r="C36792" s="14" t="s">
        <v>35</v>
      </c>
      <c r="D36792" s="14" t="s">
        <v>169</v>
      </c>
      <c r="E36792" s="15">
        <v>45668</v>
      </c>
      <c r="F36792" s="14" t="s">
        <v>25</v>
      </c>
      <c r="G36792" s="16">
        <v>0</v>
      </c>
    </row>
    <row r="36793" spans="1:7" x14ac:dyDescent="0.3">
      <c r="A36793" s="13" t="s">
        <v>222</v>
      </c>
      <c r="B36793" s="14" t="s">
        <v>1</v>
      </c>
      <c r="C36793" s="14" t="s">
        <v>35</v>
      </c>
      <c r="D36793" s="14" t="s">
        <v>169</v>
      </c>
      <c r="E36793" s="15">
        <v>45669</v>
      </c>
      <c r="F36793" s="14" t="s">
        <v>25</v>
      </c>
      <c r="G36793" s="16">
        <v>0</v>
      </c>
    </row>
    <row r="36794" spans="1:7" x14ac:dyDescent="0.3">
      <c r="A36794" s="13" t="s">
        <v>222</v>
      </c>
      <c r="B36794" s="14" t="s">
        <v>1</v>
      </c>
      <c r="C36794" s="14" t="s">
        <v>35</v>
      </c>
      <c r="D36794" s="14" t="s">
        <v>169</v>
      </c>
      <c r="E36794" s="15">
        <v>45670</v>
      </c>
      <c r="F36794" s="14" t="s">
        <v>25</v>
      </c>
      <c r="G36794" s="16">
        <v>0</v>
      </c>
    </row>
    <row r="36795" spans="1:7" x14ac:dyDescent="0.3">
      <c r="A36795" s="13" t="s">
        <v>222</v>
      </c>
      <c r="B36795" s="14" t="s">
        <v>1</v>
      </c>
      <c r="C36795" s="14" t="s">
        <v>35</v>
      </c>
      <c r="D36795" s="14" t="s">
        <v>169</v>
      </c>
      <c r="E36795" s="15">
        <v>45671</v>
      </c>
      <c r="F36795" s="14" t="s">
        <v>25</v>
      </c>
      <c r="G36795" s="16">
        <v>0</v>
      </c>
    </row>
    <row r="36796" spans="1:7" x14ac:dyDescent="0.3">
      <c r="A36796" s="13" t="s">
        <v>222</v>
      </c>
      <c r="B36796" s="14" t="s">
        <v>1</v>
      </c>
      <c r="C36796" s="14" t="s">
        <v>35</v>
      </c>
      <c r="D36796" s="14" t="s">
        <v>169</v>
      </c>
      <c r="E36796" s="15">
        <v>45672</v>
      </c>
      <c r="F36796" s="14" t="s">
        <v>25</v>
      </c>
      <c r="G36796" s="16">
        <v>0</v>
      </c>
    </row>
    <row r="36797" spans="1:7" x14ac:dyDescent="0.3">
      <c r="A36797" s="13" t="s">
        <v>222</v>
      </c>
      <c r="B36797" s="14" t="s">
        <v>1</v>
      </c>
      <c r="C36797" s="14" t="s">
        <v>35</v>
      </c>
      <c r="D36797" s="14" t="s">
        <v>169</v>
      </c>
      <c r="E36797" s="15">
        <v>45673</v>
      </c>
      <c r="F36797" s="14" t="s">
        <v>25</v>
      </c>
      <c r="G36797" s="16">
        <v>0</v>
      </c>
    </row>
    <row r="36798" spans="1:7" x14ac:dyDescent="0.3">
      <c r="A36798" s="13" t="s">
        <v>222</v>
      </c>
      <c r="B36798" s="14" t="s">
        <v>1</v>
      </c>
      <c r="C36798" s="14" t="s">
        <v>35</v>
      </c>
      <c r="D36798" s="14" t="s">
        <v>169</v>
      </c>
      <c r="E36798" s="15">
        <v>45674</v>
      </c>
      <c r="F36798" s="14" t="s">
        <v>25</v>
      </c>
      <c r="G36798" s="16">
        <v>0</v>
      </c>
    </row>
    <row r="36799" spans="1:7" x14ac:dyDescent="0.3">
      <c r="A36799" s="13" t="s">
        <v>222</v>
      </c>
      <c r="B36799" s="14" t="s">
        <v>1</v>
      </c>
      <c r="C36799" s="14" t="s">
        <v>35</v>
      </c>
      <c r="D36799" s="14" t="s">
        <v>169</v>
      </c>
      <c r="E36799" s="15">
        <v>45675</v>
      </c>
      <c r="F36799" s="14" t="s">
        <v>25</v>
      </c>
      <c r="G36799" s="16">
        <v>0</v>
      </c>
    </row>
    <row r="36800" spans="1:7" x14ac:dyDescent="0.3">
      <c r="A36800" s="13" t="s">
        <v>222</v>
      </c>
      <c r="B36800" s="14" t="s">
        <v>1</v>
      </c>
      <c r="C36800" s="14" t="s">
        <v>35</v>
      </c>
      <c r="D36800" s="14" t="s">
        <v>169</v>
      </c>
      <c r="E36800" s="15">
        <v>45676</v>
      </c>
      <c r="F36800" s="14" t="s">
        <v>25</v>
      </c>
      <c r="G36800" s="16">
        <v>0</v>
      </c>
    </row>
    <row r="36801" spans="1:7" x14ac:dyDescent="0.3">
      <c r="A36801" s="13" t="s">
        <v>222</v>
      </c>
      <c r="B36801" s="14" t="s">
        <v>1</v>
      </c>
      <c r="C36801" s="14" t="s">
        <v>35</v>
      </c>
      <c r="D36801" s="14" t="s">
        <v>169</v>
      </c>
      <c r="E36801" s="15">
        <v>45677</v>
      </c>
      <c r="F36801" s="14" t="s">
        <v>25</v>
      </c>
      <c r="G36801" s="16">
        <v>0</v>
      </c>
    </row>
    <row r="36802" spans="1:7" x14ac:dyDescent="0.3">
      <c r="A36802" s="13" t="s">
        <v>222</v>
      </c>
      <c r="B36802" s="14" t="s">
        <v>1</v>
      </c>
      <c r="C36802" s="14" t="s">
        <v>35</v>
      </c>
      <c r="D36802" s="14" t="s">
        <v>169</v>
      </c>
      <c r="E36802" s="15">
        <v>45678</v>
      </c>
      <c r="F36802" s="14" t="s">
        <v>25</v>
      </c>
      <c r="G36802" s="16">
        <v>0</v>
      </c>
    </row>
    <row r="36803" spans="1:7" x14ac:dyDescent="0.3">
      <c r="A36803" s="13" t="s">
        <v>222</v>
      </c>
      <c r="B36803" s="14" t="s">
        <v>1</v>
      </c>
      <c r="C36803" s="14" t="s">
        <v>35</v>
      </c>
      <c r="D36803" s="14" t="s">
        <v>169</v>
      </c>
      <c r="E36803" s="15">
        <v>45679</v>
      </c>
      <c r="F36803" s="14" t="s">
        <v>25</v>
      </c>
      <c r="G36803" s="16">
        <v>0</v>
      </c>
    </row>
    <row r="36804" spans="1:7" x14ac:dyDescent="0.3">
      <c r="A36804" s="13" t="s">
        <v>222</v>
      </c>
      <c r="B36804" s="14" t="s">
        <v>1</v>
      </c>
      <c r="C36804" s="14" t="s">
        <v>35</v>
      </c>
      <c r="D36804" s="14" t="s">
        <v>169</v>
      </c>
      <c r="E36804" s="15">
        <v>45680</v>
      </c>
      <c r="F36804" s="14" t="s">
        <v>25</v>
      </c>
      <c r="G36804" s="16">
        <v>0</v>
      </c>
    </row>
    <row r="36805" spans="1:7" x14ac:dyDescent="0.3">
      <c r="A36805" s="13" t="s">
        <v>222</v>
      </c>
      <c r="B36805" s="14" t="s">
        <v>1</v>
      </c>
      <c r="C36805" s="14" t="s">
        <v>35</v>
      </c>
      <c r="D36805" s="14" t="s">
        <v>169</v>
      </c>
      <c r="E36805" s="15">
        <v>45681</v>
      </c>
      <c r="F36805" s="14" t="s">
        <v>25</v>
      </c>
      <c r="G36805" s="16">
        <v>0</v>
      </c>
    </row>
    <row r="36806" spans="1:7" x14ac:dyDescent="0.3">
      <c r="A36806" s="13" t="s">
        <v>222</v>
      </c>
      <c r="B36806" s="14" t="s">
        <v>1</v>
      </c>
      <c r="C36806" s="14" t="s">
        <v>35</v>
      </c>
      <c r="D36806" s="14" t="s">
        <v>169</v>
      </c>
      <c r="E36806" s="15">
        <v>45682</v>
      </c>
      <c r="F36806" s="14" t="s">
        <v>25</v>
      </c>
      <c r="G36806" s="16">
        <v>0</v>
      </c>
    </row>
    <row r="36807" spans="1:7" x14ac:dyDescent="0.3">
      <c r="A36807" s="13" t="s">
        <v>222</v>
      </c>
      <c r="B36807" s="14" t="s">
        <v>1</v>
      </c>
      <c r="C36807" s="14" t="s">
        <v>35</v>
      </c>
      <c r="D36807" s="14" t="s">
        <v>169</v>
      </c>
      <c r="E36807" s="15">
        <v>45683</v>
      </c>
      <c r="F36807" s="14" t="s">
        <v>25</v>
      </c>
      <c r="G36807" s="16">
        <v>0</v>
      </c>
    </row>
    <row r="36808" spans="1:7" x14ac:dyDescent="0.3">
      <c r="A36808" s="13" t="s">
        <v>222</v>
      </c>
      <c r="B36808" s="14" t="s">
        <v>1</v>
      </c>
      <c r="C36808" s="14" t="s">
        <v>35</v>
      </c>
      <c r="D36808" s="14" t="s">
        <v>169</v>
      </c>
      <c r="E36808" s="15">
        <v>45684</v>
      </c>
      <c r="F36808" s="14" t="s">
        <v>25</v>
      </c>
      <c r="G36808" s="16">
        <v>0</v>
      </c>
    </row>
    <row r="36809" spans="1:7" x14ac:dyDescent="0.3">
      <c r="A36809" s="13" t="s">
        <v>222</v>
      </c>
      <c r="B36809" s="14" t="s">
        <v>1</v>
      </c>
      <c r="C36809" s="14" t="s">
        <v>35</v>
      </c>
      <c r="D36809" s="14" t="s">
        <v>169</v>
      </c>
      <c r="E36809" s="15">
        <v>45685</v>
      </c>
      <c r="F36809" s="14" t="s">
        <v>25</v>
      </c>
      <c r="G36809" s="16">
        <v>0</v>
      </c>
    </row>
    <row r="36810" spans="1:7" x14ac:dyDescent="0.3">
      <c r="A36810" s="13" t="s">
        <v>222</v>
      </c>
      <c r="B36810" s="14" t="s">
        <v>1</v>
      </c>
      <c r="C36810" s="14" t="s">
        <v>35</v>
      </c>
      <c r="D36810" s="14" t="s">
        <v>169</v>
      </c>
      <c r="E36810" s="15">
        <v>45686</v>
      </c>
      <c r="F36810" s="14" t="s">
        <v>25</v>
      </c>
      <c r="G36810" s="16">
        <v>0</v>
      </c>
    </row>
    <row r="36811" spans="1:7" x14ac:dyDescent="0.3">
      <c r="A36811" s="13" t="s">
        <v>222</v>
      </c>
      <c r="B36811" s="14" t="s">
        <v>1</v>
      </c>
      <c r="C36811" s="14" t="s">
        <v>35</v>
      </c>
      <c r="D36811" s="14" t="s">
        <v>169</v>
      </c>
      <c r="E36811" s="15">
        <v>45687</v>
      </c>
      <c r="F36811" s="14" t="s">
        <v>25</v>
      </c>
      <c r="G36811" s="16">
        <v>0</v>
      </c>
    </row>
    <row r="36812" spans="1:7" x14ac:dyDescent="0.3">
      <c r="A36812" s="13" t="s">
        <v>222</v>
      </c>
      <c r="B36812" s="14" t="s">
        <v>1</v>
      </c>
      <c r="C36812" s="14" t="s">
        <v>35</v>
      </c>
      <c r="D36812" s="14" t="s">
        <v>169</v>
      </c>
      <c r="E36812" s="15">
        <v>45688</v>
      </c>
      <c r="F36812" s="14" t="s">
        <v>25</v>
      </c>
      <c r="G36812" s="16">
        <v>0</v>
      </c>
    </row>
    <row r="36813" spans="1:7" x14ac:dyDescent="0.3">
      <c r="A36813" s="13" t="s">
        <v>222</v>
      </c>
      <c r="B36813" s="14" t="s">
        <v>1</v>
      </c>
      <c r="C36813" s="14" t="s">
        <v>35</v>
      </c>
      <c r="D36813" s="14" t="s">
        <v>169</v>
      </c>
      <c r="E36813" s="15">
        <v>45689</v>
      </c>
      <c r="F36813" s="14" t="s">
        <v>25</v>
      </c>
      <c r="G36813" s="16">
        <v>0</v>
      </c>
    </row>
    <row r="36814" spans="1:7" x14ac:dyDescent="0.3">
      <c r="A36814" s="13" t="s">
        <v>222</v>
      </c>
      <c r="B36814" s="14" t="s">
        <v>1</v>
      </c>
      <c r="C36814" s="14" t="s">
        <v>35</v>
      </c>
      <c r="D36814" s="14" t="s">
        <v>169</v>
      </c>
      <c r="E36814" s="15">
        <v>45690</v>
      </c>
      <c r="F36814" s="14" t="s">
        <v>25</v>
      </c>
      <c r="G36814" s="16">
        <v>0</v>
      </c>
    </row>
    <row r="36815" spans="1:7" x14ac:dyDescent="0.3">
      <c r="A36815" s="13" t="s">
        <v>222</v>
      </c>
      <c r="B36815" s="14" t="s">
        <v>1</v>
      </c>
      <c r="C36815" s="14" t="s">
        <v>35</v>
      </c>
      <c r="D36815" s="14" t="s">
        <v>169</v>
      </c>
      <c r="E36815" s="15">
        <v>45691</v>
      </c>
      <c r="F36815" s="14" t="s">
        <v>25</v>
      </c>
      <c r="G36815" s="16">
        <v>0</v>
      </c>
    </row>
    <row r="36816" spans="1:7" x14ac:dyDescent="0.3">
      <c r="A36816" s="13" t="s">
        <v>222</v>
      </c>
      <c r="B36816" s="14" t="s">
        <v>1</v>
      </c>
      <c r="C36816" s="14" t="s">
        <v>35</v>
      </c>
      <c r="D36816" s="14" t="s">
        <v>169</v>
      </c>
      <c r="E36816" s="15">
        <v>45692</v>
      </c>
      <c r="F36816" s="14" t="s">
        <v>25</v>
      </c>
      <c r="G36816" s="16">
        <v>0</v>
      </c>
    </row>
    <row r="36817" spans="1:7" x14ac:dyDescent="0.3">
      <c r="A36817" s="13" t="s">
        <v>222</v>
      </c>
      <c r="B36817" s="14" t="s">
        <v>1</v>
      </c>
      <c r="C36817" s="14" t="s">
        <v>35</v>
      </c>
      <c r="D36817" s="14" t="s">
        <v>169</v>
      </c>
      <c r="E36817" s="15">
        <v>45693</v>
      </c>
      <c r="F36817" s="14" t="s">
        <v>25</v>
      </c>
      <c r="G36817" s="16">
        <v>0</v>
      </c>
    </row>
    <row r="36818" spans="1:7" x14ac:dyDescent="0.3">
      <c r="A36818" s="13" t="s">
        <v>222</v>
      </c>
      <c r="B36818" s="14" t="s">
        <v>1</v>
      </c>
      <c r="C36818" s="14" t="s">
        <v>35</v>
      </c>
      <c r="D36818" s="14" t="s">
        <v>169</v>
      </c>
      <c r="E36818" s="15">
        <v>45694</v>
      </c>
      <c r="F36818" s="14" t="s">
        <v>25</v>
      </c>
      <c r="G36818" s="16">
        <v>0</v>
      </c>
    </row>
    <row r="36819" spans="1:7" x14ac:dyDescent="0.3">
      <c r="A36819" s="13" t="s">
        <v>222</v>
      </c>
      <c r="B36819" s="14" t="s">
        <v>1</v>
      </c>
      <c r="C36819" s="14" t="s">
        <v>35</v>
      </c>
      <c r="D36819" s="14" t="s">
        <v>169</v>
      </c>
      <c r="E36819" s="15">
        <v>45695</v>
      </c>
      <c r="F36819" s="14" t="s">
        <v>25</v>
      </c>
      <c r="G36819" s="16">
        <v>0</v>
      </c>
    </row>
    <row r="36820" spans="1:7" x14ac:dyDescent="0.3">
      <c r="A36820" s="13" t="s">
        <v>222</v>
      </c>
      <c r="B36820" s="14" t="s">
        <v>1</v>
      </c>
      <c r="C36820" s="14" t="s">
        <v>35</v>
      </c>
      <c r="D36820" s="14" t="s">
        <v>169</v>
      </c>
      <c r="E36820" s="15">
        <v>45696</v>
      </c>
      <c r="F36820" s="14" t="s">
        <v>25</v>
      </c>
      <c r="G36820" s="16">
        <v>0</v>
      </c>
    </row>
    <row r="36821" spans="1:7" x14ac:dyDescent="0.3">
      <c r="A36821" s="13" t="s">
        <v>222</v>
      </c>
      <c r="B36821" s="14" t="s">
        <v>1</v>
      </c>
      <c r="C36821" s="14" t="s">
        <v>35</v>
      </c>
      <c r="D36821" s="14" t="s">
        <v>169</v>
      </c>
      <c r="E36821" s="15">
        <v>45697</v>
      </c>
      <c r="F36821" s="14" t="s">
        <v>25</v>
      </c>
      <c r="G36821" s="16">
        <v>0</v>
      </c>
    </row>
    <row r="36822" spans="1:7" x14ac:dyDescent="0.3">
      <c r="A36822" s="13" t="s">
        <v>222</v>
      </c>
      <c r="B36822" s="14" t="s">
        <v>1</v>
      </c>
      <c r="C36822" s="14" t="s">
        <v>35</v>
      </c>
      <c r="D36822" s="14" t="s">
        <v>169</v>
      </c>
      <c r="E36822" s="15">
        <v>45698</v>
      </c>
      <c r="F36822" s="14" t="s">
        <v>25</v>
      </c>
      <c r="G36822" s="16">
        <v>0</v>
      </c>
    </row>
    <row r="36823" spans="1:7" x14ac:dyDescent="0.3">
      <c r="A36823" s="13" t="s">
        <v>222</v>
      </c>
      <c r="B36823" s="14" t="s">
        <v>1</v>
      </c>
      <c r="C36823" s="14" t="s">
        <v>35</v>
      </c>
      <c r="D36823" s="14" t="s">
        <v>169</v>
      </c>
      <c r="E36823" s="15">
        <v>45699</v>
      </c>
      <c r="F36823" s="14" t="s">
        <v>25</v>
      </c>
      <c r="G36823" s="16">
        <v>0</v>
      </c>
    </row>
    <row r="36824" spans="1:7" x14ac:dyDescent="0.3">
      <c r="A36824" s="13" t="s">
        <v>222</v>
      </c>
      <c r="B36824" s="14" t="s">
        <v>1</v>
      </c>
      <c r="C36824" s="14" t="s">
        <v>35</v>
      </c>
      <c r="D36824" s="14" t="s">
        <v>169</v>
      </c>
      <c r="E36824" s="15">
        <v>45700</v>
      </c>
      <c r="F36824" s="14" t="s">
        <v>25</v>
      </c>
      <c r="G36824" s="16">
        <v>0</v>
      </c>
    </row>
    <row r="36825" spans="1:7" x14ac:dyDescent="0.3">
      <c r="A36825" s="13" t="s">
        <v>222</v>
      </c>
      <c r="B36825" s="14" t="s">
        <v>1</v>
      </c>
      <c r="C36825" s="14" t="s">
        <v>35</v>
      </c>
      <c r="D36825" s="14" t="s">
        <v>169</v>
      </c>
      <c r="E36825" s="15">
        <v>45701</v>
      </c>
      <c r="F36825" s="14" t="s">
        <v>25</v>
      </c>
      <c r="G36825" s="16">
        <v>0</v>
      </c>
    </row>
    <row r="36826" spans="1:7" x14ac:dyDescent="0.3">
      <c r="A36826" s="13" t="s">
        <v>222</v>
      </c>
      <c r="B36826" s="14" t="s">
        <v>1</v>
      </c>
      <c r="C36826" s="14" t="s">
        <v>35</v>
      </c>
      <c r="D36826" s="14" t="s">
        <v>169</v>
      </c>
      <c r="E36826" s="15">
        <v>45702</v>
      </c>
      <c r="F36826" s="14" t="s">
        <v>25</v>
      </c>
      <c r="G36826" s="16">
        <v>0</v>
      </c>
    </row>
    <row r="36827" spans="1:7" x14ac:dyDescent="0.3">
      <c r="A36827" s="13" t="s">
        <v>222</v>
      </c>
      <c r="B36827" s="14" t="s">
        <v>1</v>
      </c>
      <c r="C36827" s="14" t="s">
        <v>35</v>
      </c>
      <c r="D36827" s="14" t="s">
        <v>169</v>
      </c>
      <c r="E36827" s="15">
        <v>45703</v>
      </c>
      <c r="F36827" s="14" t="s">
        <v>25</v>
      </c>
      <c r="G36827" s="16">
        <v>0</v>
      </c>
    </row>
    <row r="36828" spans="1:7" x14ac:dyDescent="0.3">
      <c r="A36828" s="13" t="s">
        <v>222</v>
      </c>
      <c r="B36828" s="14" t="s">
        <v>1</v>
      </c>
      <c r="C36828" s="14" t="s">
        <v>35</v>
      </c>
      <c r="D36828" s="14" t="s">
        <v>169</v>
      </c>
      <c r="E36828" s="15">
        <v>45704</v>
      </c>
      <c r="F36828" s="14" t="s">
        <v>25</v>
      </c>
      <c r="G36828" s="16">
        <v>0</v>
      </c>
    </row>
    <row r="36829" spans="1:7" x14ac:dyDescent="0.3">
      <c r="A36829" s="13" t="s">
        <v>222</v>
      </c>
      <c r="B36829" s="14" t="s">
        <v>1</v>
      </c>
      <c r="C36829" s="14" t="s">
        <v>35</v>
      </c>
      <c r="D36829" s="14" t="s">
        <v>169</v>
      </c>
      <c r="E36829" s="15">
        <v>45705</v>
      </c>
      <c r="F36829" s="14" t="s">
        <v>25</v>
      </c>
      <c r="G36829" s="16">
        <v>0</v>
      </c>
    </row>
    <row r="36830" spans="1:7" x14ac:dyDescent="0.3">
      <c r="A36830" s="13" t="s">
        <v>222</v>
      </c>
      <c r="B36830" s="14" t="s">
        <v>1</v>
      </c>
      <c r="C36830" s="14" t="s">
        <v>35</v>
      </c>
      <c r="D36830" s="14" t="s">
        <v>169</v>
      </c>
      <c r="E36830" s="15">
        <v>45706</v>
      </c>
      <c r="F36830" s="14" t="s">
        <v>25</v>
      </c>
      <c r="G36830" s="16">
        <v>0</v>
      </c>
    </row>
    <row r="36831" spans="1:7" x14ac:dyDescent="0.3">
      <c r="A36831" s="13" t="s">
        <v>222</v>
      </c>
      <c r="B36831" s="14" t="s">
        <v>1</v>
      </c>
      <c r="C36831" s="14" t="s">
        <v>35</v>
      </c>
      <c r="D36831" s="14" t="s">
        <v>169</v>
      </c>
      <c r="E36831" s="15">
        <v>45707</v>
      </c>
      <c r="F36831" s="14" t="s">
        <v>25</v>
      </c>
      <c r="G36831" s="16">
        <v>0</v>
      </c>
    </row>
    <row r="36832" spans="1:7" x14ac:dyDescent="0.3">
      <c r="A36832" s="13" t="s">
        <v>222</v>
      </c>
      <c r="B36832" s="14" t="s">
        <v>1</v>
      </c>
      <c r="C36832" s="14" t="s">
        <v>35</v>
      </c>
      <c r="D36832" s="14" t="s">
        <v>169</v>
      </c>
      <c r="E36832" s="15">
        <v>45708</v>
      </c>
      <c r="F36832" s="14" t="s">
        <v>25</v>
      </c>
      <c r="G36832" s="16">
        <v>0</v>
      </c>
    </row>
    <row r="36833" spans="1:7" x14ac:dyDescent="0.3">
      <c r="A36833" s="13" t="s">
        <v>222</v>
      </c>
      <c r="B36833" s="14" t="s">
        <v>1</v>
      </c>
      <c r="C36833" s="14" t="s">
        <v>35</v>
      </c>
      <c r="D36833" s="14" t="s">
        <v>169</v>
      </c>
      <c r="E36833" s="15">
        <v>45709</v>
      </c>
      <c r="F36833" s="14" t="s">
        <v>25</v>
      </c>
      <c r="G36833" s="16">
        <v>0</v>
      </c>
    </row>
    <row r="36834" spans="1:7" x14ac:dyDescent="0.3">
      <c r="A36834" s="13" t="s">
        <v>222</v>
      </c>
      <c r="B36834" s="14" t="s">
        <v>1</v>
      </c>
      <c r="C36834" s="14" t="s">
        <v>35</v>
      </c>
      <c r="D36834" s="14" t="s">
        <v>169</v>
      </c>
      <c r="E36834" s="15">
        <v>45710</v>
      </c>
      <c r="F36834" s="14" t="s">
        <v>25</v>
      </c>
      <c r="G36834" s="16">
        <v>0</v>
      </c>
    </row>
    <row r="36835" spans="1:7" x14ac:dyDescent="0.3">
      <c r="A36835" s="13" t="s">
        <v>222</v>
      </c>
      <c r="B36835" s="14" t="s">
        <v>1</v>
      </c>
      <c r="C36835" s="14" t="s">
        <v>35</v>
      </c>
      <c r="D36835" s="14" t="s">
        <v>169</v>
      </c>
      <c r="E36835" s="15">
        <v>45711</v>
      </c>
      <c r="F36835" s="14" t="s">
        <v>25</v>
      </c>
      <c r="G36835" s="16">
        <v>0</v>
      </c>
    </row>
    <row r="36836" spans="1:7" x14ac:dyDescent="0.3">
      <c r="A36836" s="13" t="s">
        <v>222</v>
      </c>
      <c r="B36836" s="14" t="s">
        <v>1</v>
      </c>
      <c r="C36836" s="14" t="s">
        <v>35</v>
      </c>
      <c r="D36836" s="14" t="s">
        <v>169</v>
      </c>
      <c r="E36836" s="15">
        <v>45712</v>
      </c>
      <c r="F36836" s="14" t="s">
        <v>25</v>
      </c>
      <c r="G36836" s="16">
        <v>0</v>
      </c>
    </row>
    <row r="36837" spans="1:7" x14ac:dyDescent="0.3">
      <c r="A36837" s="13" t="s">
        <v>222</v>
      </c>
      <c r="B36837" s="14" t="s">
        <v>1</v>
      </c>
      <c r="C36837" s="14" t="s">
        <v>35</v>
      </c>
      <c r="D36837" s="14" t="s">
        <v>169</v>
      </c>
      <c r="E36837" s="15">
        <v>45713</v>
      </c>
      <c r="F36837" s="14" t="s">
        <v>25</v>
      </c>
      <c r="G36837" s="16">
        <v>0</v>
      </c>
    </row>
    <row r="36838" spans="1:7" x14ac:dyDescent="0.3">
      <c r="A36838" s="13" t="s">
        <v>222</v>
      </c>
      <c r="B36838" s="14" t="s">
        <v>1</v>
      </c>
      <c r="C36838" s="14" t="s">
        <v>35</v>
      </c>
      <c r="D36838" s="14" t="s">
        <v>169</v>
      </c>
      <c r="E36838" s="15">
        <v>45714</v>
      </c>
      <c r="F36838" s="14" t="s">
        <v>25</v>
      </c>
      <c r="G36838" s="16">
        <v>0</v>
      </c>
    </row>
    <row r="36839" spans="1:7" x14ac:dyDescent="0.3">
      <c r="A36839" s="13" t="s">
        <v>222</v>
      </c>
      <c r="B36839" s="14" t="s">
        <v>1</v>
      </c>
      <c r="C36839" s="14" t="s">
        <v>35</v>
      </c>
      <c r="D36839" s="14" t="s">
        <v>169</v>
      </c>
      <c r="E36839" s="15">
        <v>45715</v>
      </c>
      <c r="F36839" s="14" t="s">
        <v>25</v>
      </c>
      <c r="G36839" s="16">
        <v>0</v>
      </c>
    </row>
    <row r="36840" spans="1:7" x14ac:dyDescent="0.3">
      <c r="A36840" s="13" t="s">
        <v>222</v>
      </c>
      <c r="B36840" s="14" t="s">
        <v>1</v>
      </c>
      <c r="C36840" s="14" t="s">
        <v>35</v>
      </c>
      <c r="D36840" s="14" t="s">
        <v>169</v>
      </c>
      <c r="E36840" s="15">
        <v>45716</v>
      </c>
      <c r="F36840" s="14" t="s">
        <v>25</v>
      </c>
      <c r="G36840" s="16">
        <v>0</v>
      </c>
    </row>
    <row r="36841" spans="1:7" x14ac:dyDescent="0.3">
      <c r="A36841" s="13" t="s">
        <v>222</v>
      </c>
      <c r="B36841" s="14" t="s">
        <v>1</v>
      </c>
      <c r="C36841" s="14" t="s">
        <v>35</v>
      </c>
      <c r="D36841" s="14" t="s">
        <v>169</v>
      </c>
      <c r="E36841" s="15">
        <v>45717</v>
      </c>
      <c r="F36841" s="14" t="s">
        <v>25</v>
      </c>
      <c r="G36841" s="16">
        <v>0</v>
      </c>
    </row>
    <row r="36842" spans="1:7" x14ac:dyDescent="0.3">
      <c r="A36842" s="13" t="s">
        <v>222</v>
      </c>
      <c r="B36842" s="14" t="s">
        <v>1</v>
      </c>
      <c r="C36842" s="14" t="s">
        <v>35</v>
      </c>
      <c r="D36842" s="14" t="s">
        <v>169</v>
      </c>
      <c r="E36842" s="15">
        <v>45718</v>
      </c>
      <c r="F36842" s="14" t="s">
        <v>25</v>
      </c>
      <c r="G36842" s="16">
        <v>0</v>
      </c>
    </row>
    <row r="36843" spans="1:7" x14ac:dyDescent="0.3">
      <c r="A36843" s="13" t="s">
        <v>222</v>
      </c>
      <c r="B36843" s="14" t="s">
        <v>1</v>
      </c>
      <c r="C36843" s="14" t="s">
        <v>35</v>
      </c>
      <c r="D36843" s="14" t="s">
        <v>169</v>
      </c>
      <c r="E36843" s="15">
        <v>45719</v>
      </c>
      <c r="F36843" s="14" t="s">
        <v>25</v>
      </c>
      <c r="G36843" s="16">
        <v>0</v>
      </c>
    </row>
    <row r="36844" spans="1:7" x14ac:dyDescent="0.3">
      <c r="A36844" s="13" t="s">
        <v>222</v>
      </c>
      <c r="B36844" s="14" t="s">
        <v>1</v>
      </c>
      <c r="C36844" s="14" t="s">
        <v>35</v>
      </c>
      <c r="D36844" s="14" t="s">
        <v>169</v>
      </c>
      <c r="E36844" s="15">
        <v>45720</v>
      </c>
      <c r="F36844" s="14" t="s">
        <v>25</v>
      </c>
      <c r="G36844" s="16">
        <v>0</v>
      </c>
    </row>
    <row r="36845" spans="1:7" x14ac:dyDescent="0.3">
      <c r="A36845" s="13" t="s">
        <v>222</v>
      </c>
      <c r="B36845" s="14" t="s">
        <v>1</v>
      </c>
      <c r="C36845" s="14" t="s">
        <v>35</v>
      </c>
      <c r="D36845" s="14" t="s">
        <v>169</v>
      </c>
      <c r="E36845" s="15">
        <v>45721</v>
      </c>
      <c r="F36845" s="14" t="s">
        <v>25</v>
      </c>
      <c r="G36845" s="16">
        <v>0</v>
      </c>
    </row>
    <row r="36846" spans="1:7" x14ac:dyDescent="0.3">
      <c r="A36846" s="13" t="s">
        <v>222</v>
      </c>
      <c r="B36846" s="14" t="s">
        <v>1</v>
      </c>
      <c r="C36846" s="14" t="s">
        <v>35</v>
      </c>
      <c r="D36846" s="14" t="s">
        <v>169</v>
      </c>
      <c r="E36846" s="15">
        <v>45722</v>
      </c>
      <c r="F36846" s="14" t="s">
        <v>25</v>
      </c>
      <c r="G36846" s="16">
        <v>0</v>
      </c>
    </row>
    <row r="36847" spans="1:7" x14ac:dyDescent="0.3">
      <c r="A36847" s="13" t="s">
        <v>222</v>
      </c>
      <c r="B36847" s="14" t="s">
        <v>1</v>
      </c>
      <c r="C36847" s="14" t="s">
        <v>35</v>
      </c>
      <c r="D36847" s="14" t="s">
        <v>169</v>
      </c>
      <c r="E36847" s="15">
        <v>45723</v>
      </c>
      <c r="F36847" s="14" t="s">
        <v>25</v>
      </c>
      <c r="G36847" s="16">
        <v>0</v>
      </c>
    </row>
    <row r="36848" spans="1:7" x14ac:dyDescent="0.3">
      <c r="A36848" s="13" t="s">
        <v>222</v>
      </c>
      <c r="B36848" s="14" t="s">
        <v>1</v>
      </c>
      <c r="C36848" s="14" t="s">
        <v>35</v>
      </c>
      <c r="D36848" s="14" t="s">
        <v>169</v>
      </c>
      <c r="E36848" s="15">
        <v>45724</v>
      </c>
      <c r="F36848" s="14" t="s">
        <v>25</v>
      </c>
      <c r="G36848" s="16">
        <v>0</v>
      </c>
    </row>
    <row r="36849" spans="1:7" x14ac:dyDescent="0.3">
      <c r="A36849" s="13" t="s">
        <v>222</v>
      </c>
      <c r="B36849" s="14" t="s">
        <v>1</v>
      </c>
      <c r="C36849" s="14" t="s">
        <v>35</v>
      </c>
      <c r="D36849" s="14" t="s">
        <v>169</v>
      </c>
      <c r="E36849" s="15">
        <v>45725</v>
      </c>
      <c r="F36849" s="14" t="s">
        <v>25</v>
      </c>
      <c r="G36849" s="16">
        <v>0</v>
      </c>
    </row>
    <row r="36850" spans="1:7" x14ac:dyDescent="0.3">
      <c r="A36850" s="13" t="s">
        <v>222</v>
      </c>
      <c r="B36850" s="14" t="s">
        <v>1</v>
      </c>
      <c r="C36850" s="14" t="s">
        <v>35</v>
      </c>
      <c r="D36850" s="14" t="s">
        <v>169</v>
      </c>
      <c r="E36850" s="15">
        <v>45726</v>
      </c>
      <c r="F36850" s="14" t="s">
        <v>25</v>
      </c>
      <c r="G36850" s="16">
        <v>0</v>
      </c>
    </row>
    <row r="36851" spans="1:7" x14ac:dyDescent="0.3">
      <c r="A36851" s="13" t="s">
        <v>222</v>
      </c>
      <c r="B36851" s="14" t="s">
        <v>1</v>
      </c>
      <c r="C36851" s="14" t="s">
        <v>35</v>
      </c>
      <c r="D36851" s="14" t="s">
        <v>169</v>
      </c>
      <c r="E36851" s="15">
        <v>45727</v>
      </c>
      <c r="F36851" s="14" t="s">
        <v>25</v>
      </c>
      <c r="G36851" s="16">
        <v>0</v>
      </c>
    </row>
    <row r="36852" spans="1:7" x14ac:dyDescent="0.3">
      <c r="A36852" s="13" t="s">
        <v>222</v>
      </c>
      <c r="B36852" s="14" t="s">
        <v>1</v>
      </c>
      <c r="C36852" s="14" t="s">
        <v>35</v>
      </c>
      <c r="D36852" s="14" t="s">
        <v>169</v>
      </c>
      <c r="E36852" s="15">
        <v>45728</v>
      </c>
      <c r="F36852" s="14" t="s">
        <v>25</v>
      </c>
      <c r="G36852" s="16">
        <v>1.9627738401604783E-2</v>
      </c>
    </row>
    <row r="36853" spans="1:7" x14ac:dyDescent="0.3">
      <c r="A36853" s="13" t="s">
        <v>222</v>
      </c>
      <c r="B36853" s="14" t="s">
        <v>1</v>
      </c>
      <c r="C36853" s="14" t="s">
        <v>35</v>
      </c>
      <c r="D36853" s="14" t="s">
        <v>169</v>
      </c>
      <c r="E36853" s="15">
        <v>45729</v>
      </c>
      <c r="F36853" s="14" t="s">
        <v>25</v>
      </c>
      <c r="G36853" s="16">
        <v>1.7762350545213048E-2</v>
      </c>
    </row>
    <row r="36854" spans="1:7" x14ac:dyDescent="0.3">
      <c r="A36854" s="13" t="s">
        <v>222</v>
      </c>
      <c r="B36854" s="14" t="s">
        <v>1</v>
      </c>
      <c r="C36854" s="14" t="s">
        <v>35</v>
      </c>
      <c r="D36854" s="14" t="s">
        <v>169</v>
      </c>
      <c r="E36854" s="15">
        <v>45730</v>
      </c>
      <c r="F36854" s="14" t="s">
        <v>25</v>
      </c>
      <c r="G36854" s="16">
        <v>1.5874984077762319E-2</v>
      </c>
    </row>
    <row r="36855" spans="1:7" x14ac:dyDescent="0.3">
      <c r="A36855" s="13" t="s">
        <v>222</v>
      </c>
      <c r="B36855" s="14" t="s">
        <v>1</v>
      </c>
      <c r="C36855" s="14" t="s">
        <v>35</v>
      </c>
      <c r="D36855" s="14" t="s">
        <v>169</v>
      </c>
      <c r="E36855" s="15">
        <v>45731</v>
      </c>
      <c r="F36855" s="14" t="s">
        <v>25</v>
      </c>
      <c r="G36855" s="16">
        <v>1.5874984077762319E-2</v>
      </c>
    </row>
    <row r="36856" spans="1:7" x14ac:dyDescent="0.3">
      <c r="A36856" s="13" t="s">
        <v>222</v>
      </c>
      <c r="B36856" s="14" t="s">
        <v>1</v>
      </c>
      <c r="C36856" s="14" t="s">
        <v>35</v>
      </c>
      <c r="D36856" s="14" t="s">
        <v>169</v>
      </c>
      <c r="E36856" s="15">
        <v>45732</v>
      </c>
      <c r="F36856" s="14" t="s">
        <v>25</v>
      </c>
      <c r="G36856" s="16">
        <v>1.5874984077762319E-2</v>
      </c>
    </row>
    <row r="36857" spans="1:7" x14ac:dyDescent="0.3">
      <c r="A36857" s="13" t="s">
        <v>222</v>
      </c>
      <c r="B36857" s="14" t="s">
        <v>1</v>
      </c>
      <c r="C36857" s="14" t="s">
        <v>35</v>
      </c>
      <c r="D36857" s="14" t="s">
        <v>169</v>
      </c>
      <c r="E36857" s="15">
        <v>45733</v>
      </c>
      <c r="F36857" s="14" t="s">
        <v>25</v>
      </c>
      <c r="G36857" s="16">
        <v>1.5874984077762319E-2</v>
      </c>
    </row>
    <row r="36858" spans="1:7" x14ac:dyDescent="0.3">
      <c r="A36858" s="13" t="s">
        <v>222</v>
      </c>
      <c r="B36858" s="14" t="s">
        <v>1</v>
      </c>
      <c r="C36858" s="14" t="s">
        <v>35</v>
      </c>
      <c r="D36858" s="14" t="s">
        <v>169</v>
      </c>
      <c r="E36858" s="15">
        <v>45734</v>
      </c>
      <c r="F36858" s="14" t="s">
        <v>25</v>
      </c>
      <c r="G36858" s="16">
        <v>1.3995122501892708E-2</v>
      </c>
    </row>
    <row r="36859" spans="1:7" x14ac:dyDescent="0.3">
      <c r="A36859" s="13" t="s">
        <v>222</v>
      </c>
      <c r="B36859" s="14" t="s">
        <v>1</v>
      </c>
      <c r="C36859" s="14" t="s">
        <v>35</v>
      </c>
      <c r="D36859" s="14" t="s">
        <v>169</v>
      </c>
      <c r="E36859" s="15">
        <v>45735</v>
      </c>
      <c r="F36859" s="14" t="s">
        <v>25</v>
      </c>
      <c r="G36859" s="16">
        <v>5.3954346106568334E-3</v>
      </c>
    </row>
    <row r="36860" spans="1:7" x14ac:dyDescent="0.3">
      <c r="A36860" s="13" t="s">
        <v>222</v>
      </c>
      <c r="B36860" s="14" t="s">
        <v>1</v>
      </c>
      <c r="C36860" s="14" t="s">
        <v>35</v>
      </c>
      <c r="D36860" s="14" t="s">
        <v>169</v>
      </c>
      <c r="E36860" s="15">
        <v>45736</v>
      </c>
      <c r="F36860" s="14" t="s">
        <v>25</v>
      </c>
      <c r="G36860" s="16">
        <v>3.4922542645173162E-3</v>
      </c>
    </row>
    <row r="36861" spans="1:7" x14ac:dyDescent="0.3">
      <c r="A36861" s="13" t="s">
        <v>222</v>
      </c>
      <c r="B36861" s="14" t="s">
        <v>1</v>
      </c>
      <c r="C36861" s="14" t="s">
        <v>35</v>
      </c>
      <c r="D36861" s="14" t="s">
        <v>169</v>
      </c>
      <c r="E36861" s="15">
        <v>45737</v>
      </c>
      <c r="F36861" s="14" t="s">
        <v>25</v>
      </c>
      <c r="G36861" s="16">
        <v>1.5941665233792726E-3</v>
      </c>
    </row>
    <row r="36862" spans="1:7" x14ac:dyDescent="0.3">
      <c r="A36862" s="13" t="s">
        <v>222</v>
      </c>
      <c r="B36862" s="14" t="s">
        <v>1</v>
      </c>
      <c r="C36862" s="14" t="s">
        <v>35</v>
      </c>
      <c r="D36862" s="14" t="s">
        <v>169</v>
      </c>
      <c r="E36862" s="15">
        <v>45738</v>
      </c>
      <c r="F36862" s="14" t="s">
        <v>25</v>
      </c>
      <c r="G36862" s="16">
        <v>1.5941665233792726E-3</v>
      </c>
    </row>
    <row r="36863" spans="1:7" x14ac:dyDescent="0.3">
      <c r="A36863" s="13" t="s">
        <v>222</v>
      </c>
      <c r="B36863" s="14" t="s">
        <v>1</v>
      </c>
      <c r="C36863" s="14" t="s">
        <v>35</v>
      </c>
      <c r="D36863" s="14" t="s">
        <v>169</v>
      </c>
      <c r="E36863" s="15">
        <v>45739</v>
      </c>
      <c r="F36863" s="14" t="s">
        <v>25</v>
      </c>
      <c r="G36863" s="16">
        <v>1.5941665233792726E-3</v>
      </c>
    </row>
    <row r="36864" spans="1:7" x14ac:dyDescent="0.3">
      <c r="A36864" s="13" t="s">
        <v>222</v>
      </c>
      <c r="B36864" s="14" t="s">
        <v>1</v>
      </c>
      <c r="C36864" s="14" t="s">
        <v>35</v>
      </c>
      <c r="D36864" s="14" t="s">
        <v>169</v>
      </c>
      <c r="E36864" s="15">
        <v>45740</v>
      </c>
      <c r="F36864" s="14" t="s">
        <v>25</v>
      </c>
      <c r="G36864" s="16">
        <v>0</v>
      </c>
    </row>
    <row r="36865" spans="1:7" x14ac:dyDescent="0.3">
      <c r="A36865" s="13" t="s">
        <v>222</v>
      </c>
      <c r="B36865" s="14" t="s">
        <v>1</v>
      </c>
      <c r="C36865" s="14" t="s">
        <v>35</v>
      </c>
      <c r="D36865" s="14" t="s">
        <v>169</v>
      </c>
      <c r="E36865" s="15">
        <v>45741</v>
      </c>
      <c r="F36865" s="14" t="s">
        <v>25</v>
      </c>
      <c r="G36865" s="16">
        <v>2.2910698430741071E-2</v>
      </c>
    </row>
    <row r="36866" spans="1:7" x14ac:dyDescent="0.3">
      <c r="A36866" s="13" t="s">
        <v>222</v>
      </c>
      <c r="B36866" s="14" t="s">
        <v>1</v>
      </c>
      <c r="C36866" s="14" t="s">
        <v>35</v>
      </c>
      <c r="D36866" s="14" t="s">
        <v>169</v>
      </c>
      <c r="E36866" s="15">
        <v>45742</v>
      </c>
      <c r="F36866" s="14" t="s">
        <v>25</v>
      </c>
      <c r="G36866" s="16">
        <v>2.1022259835921611E-2</v>
      </c>
    </row>
    <row r="36867" spans="1:7" x14ac:dyDescent="0.3">
      <c r="A36867" s="13" t="s">
        <v>222</v>
      </c>
      <c r="B36867" s="14" t="s">
        <v>1</v>
      </c>
      <c r="C36867" s="14" t="s">
        <v>35</v>
      </c>
      <c r="D36867" s="14" t="s">
        <v>169</v>
      </c>
      <c r="E36867" s="15">
        <v>45743</v>
      </c>
      <c r="F36867" s="14" t="s">
        <v>25</v>
      </c>
      <c r="G36867" s="16">
        <v>3.0293058958542982E-2</v>
      </c>
    </row>
    <row r="36868" spans="1:7" x14ac:dyDescent="0.3">
      <c r="A36868" s="13" t="s">
        <v>222</v>
      </c>
      <c r="B36868" s="14" t="s">
        <v>1</v>
      </c>
      <c r="C36868" s="14" t="s">
        <v>35</v>
      </c>
      <c r="D36868" s="14" t="s">
        <v>169</v>
      </c>
      <c r="E36868" s="15">
        <v>45744</v>
      </c>
      <c r="F36868" s="14" t="s">
        <v>25</v>
      </c>
      <c r="G36868" s="16">
        <v>0.30515071379962366</v>
      </c>
    </row>
    <row r="36869" spans="1:7" x14ac:dyDescent="0.3">
      <c r="A36869" s="13" t="s">
        <v>222</v>
      </c>
      <c r="B36869" s="14" t="s">
        <v>1</v>
      </c>
      <c r="C36869" s="14" t="s">
        <v>35</v>
      </c>
      <c r="D36869" s="14" t="s">
        <v>169</v>
      </c>
      <c r="E36869" s="15">
        <v>45745</v>
      </c>
      <c r="F36869" s="14" t="s">
        <v>25</v>
      </c>
      <c r="G36869" s="16">
        <v>0.30515071379962366</v>
      </c>
    </row>
    <row r="36870" spans="1:7" x14ac:dyDescent="0.3">
      <c r="A36870" s="13" t="s">
        <v>222</v>
      </c>
      <c r="B36870" s="14" t="s">
        <v>1</v>
      </c>
      <c r="C36870" s="14" t="s">
        <v>35</v>
      </c>
      <c r="D36870" s="14" t="s">
        <v>169</v>
      </c>
      <c r="E36870" s="15">
        <v>45746</v>
      </c>
      <c r="F36870" s="14" t="s">
        <v>25</v>
      </c>
      <c r="G36870" s="16">
        <v>0.30515071379962366</v>
      </c>
    </row>
    <row r="36871" spans="1:7" x14ac:dyDescent="0.3">
      <c r="A36871" s="13" t="s">
        <v>222</v>
      </c>
      <c r="B36871" s="14" t="s">
        <v>1</v>
      </c>
      <c r="C36871" s="14" t="s">
        <v>35</v>
      </c>
      <c r="D36871" s="14" t="s">
        <v>169</v>
      </c>
      <c r="E36871" s="15">
        <v>45747</v>
      </c>
      <c r="F36871" s="14" t="s">
        <v>25</v>
      </c>
      <c r="G36871" s="16">
        <v>0.30515071379962366</v>
      </c>
    </row>
    <row r="36872" spans="1:7" x14ac:dyDescent="0.3">
      <c r="A36872" s="13" t="s">
        <v>223</v>
      </c>
      <c r="B36872" s="14" t="s">
        <v>1</v>
      </c>
      <c r="C36872" s="14" t="s">
        <v>109</v>
      </c>
      <c r="D36872" s="14" t="s">
        <v>24</v>
      </c>
      <c r="E36872" s="15">
        <v>45383</v>
      </c>
      <c r="F36872" s="14" t="s">
        <v>25</v>
      </c>
      <c r="G36872" s="16">
        <v>0</v>
      </c>
    </row>
    <row r="36873" spans="1:7" x14ac:dyDescent="0.3">
      <c r="A36873" s="13" t="s">
        <v>223</v>
      </c>
      <c r="B36873" s="14" t="s">
        <v>1</v>
      </c>
      <c r="C36873" s="14" t="s">
        <v>109</v>
      </c>
      <c r="D36873" s="14" t="s">
        <v>24</v>
      </c>
      <c r="E36873" s="15">
        <v>45384</v>
      </c>
      <c r="F36873" s="14" t="s">
        <v>25</v>
      </c>
      <c r="G36873" s="16">
        <v>0</v>
      </c>
    </row>
    <row r="36874" spans="1:7" x14ac:dyDescent="0.3">
      <c r="A36874" s="13" t="s">
        <v>223</v>
      </c>
      <c r="B36874" s="14" t="s">
        <v>1</v>
      </c>
      <c r="C36874" s="14" t="s">
        <v>109</v>
      </c>
      <c r="D36874" s="14" t="s">
        <v>24</v>
      </c>
      <c r="E36874" s="15">
        <v>45385</v>
      </c>
      <c r="F36874" s="14" t="s">
        <v>25</v>
      </c>
      <c r="G36874" s="16">
        <v>0</v>
      </c>
    </row>
    <row r="36875" spans="1:7" x14ac:dyDescent="0.3">
      <c r="A36875" s="13" t="s">
        <v>223</v>
      </c>
      <c r="B36875" s="14" t="s">
        <v>1</v>
      </c>
      <c r="C36875" s="14" t="s">
        <v>109</v>
      </c>
      <c r="D36875" s="14" t="s">
        <v>24</v>
      </c>
      <c r="E36875" s="15">
        <v>45386</v>
      </c>
      <c r="F36875" s="14" t="s">
        <v>25</v>
      </c>
      <c r="G36875" s="16">
        <v>0</v>
      </c>
    </row>
    <row r="36876" spans="1:7" x14ac:dyDescent="0.3">
      <c r="A36876" s="13" t="s">
        <v>223</v>
      </c>
      <c r="B36876" s="14" t="s">
        <v>1</v>
      </c>
      <c r="C36876" s="14" t="s">
        <v>109</v>
      </c>
      <c r="D36876" s="14" t="s">
        <v>24</v>
      </c>
      <c r="E36876" s="15">
        <v>45387</v>
      </c>
      <c r="F36876" s="14" t="s">
        <v>25</v>
      </c>
      <c r="G36876" s="16">
        <v>0</v>
      </c>
    </row>
    <row r="36877" spans="1:7" x14ac:dyDescent="0.3">
      <c r="A36877" s="13" t="s">
        <v>223</v>
      </c>
      <c r="B36877" s="14" t="s">
        <v>1</v>
      </c>
      <c r="C36877" s="14" t="s">
        <v>109</v>
      </c>
      <c r="D36877" s="14" t="s">
        <v>24</v>
      </c>
      <c r="E36877" s="15">
        <v>45388</v>
      </c>
      <c r="F36877" s="14" t="s">
        <v>25</v>
      </c>
      <c r="G36877" s="16">
        <v>0</v>
      </c>
    </row>
    <row r="36878" spans="1:7" x14ac:dyDescent="0.3">
      <c r="A36878" s="13" t="s">
        <v>223</v>
      </c>
      <c r="B36878" s="14" t="s">
        <v>1</v>
      </c>
      <c r="C36878" s="14" t="s">
        <v>109</v>
      </c>
      <c r="D36878" s="14" t="s">
        <v>24</v>
      </c>
      <c r="E36878" s="15">
        <v>45389</v>
      </c>
      <c r="F36878" s="14" t="s">
        <v>25</v>
      </c>
      <c r="G36878" s="16">
        <v>0</v>
      </c>
    </row>
    <row r="36879" spans="1:7" x14ac:dyDescent="0.3">
      <c r="A36879" s="13" t="s">
        <v>223</v>
      </c>
      <c r="B36879" s="14" t="s">
        <v>1</v>
      </c>
      <c r="C36879" s="14" t="s">
        <v>109</v>
      </c>
      <c r="D36879" s="14" t="s">
        <v>24</v>
      </c>
      <c r="E36879" s="15">
        <v>45390</v>
      </c>
      <c r="F36879" s="14" t="s">
        <v>25</v>
      </c>
      <c r="G36879" s="16">
        <v>0</v>
      </c>
    </row>
    <row r="36880" spans="1:7" x14ac:dyDescent="0.3">
      <c r="A36880" s="13" t="s">
        <v>223</v>
      </c>
      <c r="B36880" s="14" t="s">
        <v>1</v>
      </c>
      <c r="C36880" s="14" t="s">
        <v>109</v>
      </c>
      <c r="D36880" s="14" t="s">
        <v>24</v>
      </c>
      <c r="E36880" s="15">
        <v>45391</v>
      </c>
      <c r="F36880" s="14" t="s">
        <v>25</v>
      </c>
      <c r="G36880" s="16">
        <v>0</v>
      </c>
    </row>
    <row r="36881" spans="1:7" x14ac:dyDescent="0.3">
      <c r="A36881" s="13" t="s">
        <v>223</v>
      </c>
      <c r="B36881" s="14" t="s">
        <v>1</v>
      </c>
      <c r="C36881" s="14" t="s">
        <v>109</v>
      </c>
      <c r="D36881" s="14" t="s">
        <v>24</v>
      </c>
      <c r="E36881" s="15">
        <v>45392</v>
      </c>
      <c r="F36881" s="14" t="s">
        <v>25</v>
      </c>
      <c r="G36881" s="16">
        <v>0</v>
      </c>
    </row>
    <row r="36882" spans="1:7" x14ac:dyDescent="0.3">
      <c r="A36882" s="13" t="s">
        <v>223</v>
      </c>
      <c r="B36882" s="14" t="s">
        <v>1</v>
      </c>
      <c r="C36882" s="14" t="s">
        <v>109</v>
      </c>
      <c r="D36882" s="14" t="s">
        <v>24</v>
      </c>
      <c r="E36882" s="15">
        <v>45393</v>
      </c>
      <c r="F36882" s="14" t="s">
        <v>25</v>
      </c>
      <c r="G36882" s="16">
        <v>0</v>
      </c>
    </row>
    <row r="36883" spans="1:7" x14ac:dyDescent="0.3">
      <c r="A36883" s="13" t="s">
        <v>223</v>
      </c>
      <c r="B36883" s="14" t="s">
        <v>1</v>
      </c>
      <c r="C36883" s="14" t="s">
        <v>109</v>
      </c>
      <c r="D36883" s="14" t="s">
        <v>24</v>
      </c>
      <c r="E36883" s="15">
        <v>45394</v>
      </c>
      <c r="F36883" s="14" t="s">
        <v>25</v>
      </c>
      <c r="G36883" s="16">
        <v>0</v>
      </c>
    </row>
    <row r="36884" spans="1:7" x14ac:dyDescent="0.3">
      <c r="A36884" s="13" t="s">
        <v>223</v>
      </c>
      <c r="B36884" s="14" t="s">
        <v>1</v>
      </c>
      <c r="C36884" s="14" t="s">
        <v>109</v>
      </c>
      <c r="D36884" s="14" t="s">
        <v>24</v>
      </c>
      <c r="E36884" s="15">
        <v>45395</v>
      </c>
      <c r="F36884" s="14" t="s">
        <v>25</v>
      </c>
      <c r="G36884" s="16">
        <v>0</v>
      </c>
    </row>
    <row r="36885" spans="1:7" x14ac:dyDescent="0.3">
      <c r="A36885" s="13" t="s">
        <v>223</v>
      </c>
      <c r="B36885" s="14" t="s">
        <v>1</v>
      </c>
      <c r="C36885" s="14" t="s">
        <v>109</v>
      </c>
      <c r="D36885" s="14" t="s">
        <v>24</v>
      </c>
      <c r="E36885" s="15">
        <v>45396</v>
      </c>
      <c r="F36885" s="14" t="s">
        <v>25</v>
      </c>
      <c r="G36885" s="16">
        <v>0</v>
      </c>
    </row>
    <row r="36886" spans="1:7" x14ac:dyDescent="0.3">
      <c r="A36886" s="13" t="s">
        <v>223</v>
      </c>
      <c r="B36886" s="14" t="s">
        <v>1</v>
      </c>
      <c r="C36886" s="14" t="s">
        <v>109</v>
      </c>
      <c r="D36886" s="14" t="s">
        <v>24</v>
      </c>
      <c r="E36886" s="15">
        <v>45397</v>
      </c>
      <c r="F36886" s="14" t="s">
        <v>25</v>
      </c>
      <c r="G36886" s="16">
        <v>1.8903507452115176E-3</v>
      </c>
    </row>
    <row r="36887" spans="1:7" x14ac:dyDescent="0.3">
      <c r="A36887" s="13" t="s">
        <v>223</v>
      </c>
      <c r="B36887" s="14" t="s">
        <v>1</v>
      </c>
      <c r="C36887" s="14" t="s">
        <v>109</v>
      </c>
      <c r="D36887" s="14" t="s">
        <v>24</v>
      </c>
      <c r="E36887" s="15">
        <v>45398</v>
      </c>
      <c r="F36887" s="14" t="s">
        <v>25</v>
      </c>
      <c r="G36887" s="16">
        <v>0</v>
      </c>
    </row>
    <row r="36888" spans="1:7" x14ac:dyDescent="0.3">
      <c r="A36888" s="13" t="s">
        <v>223</v>
      </c>
      <c r="B36888" s="14" t="s">
        <v>1</v>
      </c>
      <c r="C36888" s="14" t="s">
        <v>109</v>
      </c>
      <c r="D36888" s="14" t="s">
        <v>24</v>
      </c>
      <c r="E36888" s="15">
        <v>45399</v>
      </c>
      <c r="F36888" s="14" t="s">
        <v>25</v>
      </c>
      <c r="G36888" s="16">
        <v>0</v>
      </c>
    </row>
    <row r="36889" spans="1:7" x14ac:dyDescent="0.3">
      <c r="A36889" s="13" t="s">
        <v>223</v>
      </c>
      <c r="B36889" s="14" t="s">
        <v>1</v>
      </c>
      <c r="C36889" s="14" t="s">
        <v>109</v>
      </c>
      <c r="D36889" s="14" t="s">
        <v>24</v>
      </c>
      <c r="E36889" s="15">
        <v>45400</v>
      </c>
      <c r="F36889" s="14" t="s">
        <v>25</v>
      </c>
      <c r="G36889" s="16">
        <v>0</v>
      </c>
    </row>
    <row r="36890" spans="1:7" x14ac:dyDescent="0.3">
      <c r="A36890" s="13" t="s">
        <v>223</v>
      </c>
      <c r="B36890" s="14" t="s">
        <v>1</v>
      </c>
      <c r="C36890" s="14" t="s">
        <v>109</v>
      </c>
      <c r="D36890" s="14" t="s">
        <v>24</v>
      </c>
      <c r="E36890" s="15">
        <v>45401</v>
      </c>
      <c r="F36890" s="14" t="s">
        <v>25</v>
      </c>
      <c r="G36890" s="16">
        <v>0</v>
      </c>
    </row>
    <row r="36891" spans="1:7" x14ac:dyDescent="0.3">
      <c r="A36891" s="13" t="s">
        <v>223</v>
      </c>
      <c r="B36891" s="14" t="s">
        <v>1</v>
      </c>
      <c r="C36891" s="14" t="s">
        <v>109</v>
      </c>
      <c r="D36891" s="14" t="s">
        <v>24</v>
      </c>
      <c r="E36891" s="15">
        <v>45402</v>
      </c>
      <c r="F36891" s="14" t="s">
        <v>25</v>
      </c>
      <c r="G36891" s="16">
        <v>0</v>
      </c>
    </row>
    <row r="36892" spans="1:7" x14ac:dyDescent="0.3">
      <c r="A36892" s="13" t="s">
        <v>223</v>
      </c>
      <c r="B36892" s="14" t="s">
        <v>1</v>
      </c>
      <c r="C36892" s="14" t="s">
        <v>109</v>
      </c>
      <c r="D36892" s="14" t="s">
        <v>24</v>
      </c>
      <c r="E36892" s="15">
        <v>45403</v>
      </c>
      <c r="F36892" s="14" t="s">
        <v>25</v>
      </c>
      <c r="G36892" s="16">
        <v>0</v>
      </c>
    </row>
    <row r="36893" spans="1:7" x14ac:dyDescent="0.3">
      <c r="A36893" s="13" t="s">
        <v>223</v>
      </c>
      <c r="B36893" s="14" t="s">
        <v>1</v>
      </c>
      <c r="C36893" s="14" t="s">
        <v>109</v>
      </c>
      <c r="D36893" s="14" t="s">
        <v>24</v>
      </c>
      <c r="E36893" s="15">
        <v>45404</v>
      </c>
      <c r="F36893" s="14" t="s">
        <v>25</v>
      </c>
      <c r="G36893" s="16">
        <v>0</v>
      </c>
    </row>
    <row r="36894" spans="1:7" x14ac:dyDescent="0.3">
      <c r="A36894" s="13" t="s">
        <v>223</v>
      </c>
      <c r="B36894" s="14" t="s">
        <v>1</v>
      </c>
      <c r="C36894" s="14" t="s">
        <v>109</v>
      </c>
      <c r="D36894" s="14" t="s">
        <v>24</v>
      </c>
      <c r="E36894" s="15">
        <v>45405</v>
      </c>
      <c r="F36894" s="14" t="s">
        <v>25</v>
      </c>
      <c r="G36894" s="16">
        <v>0</v>
      </c>
    </row>
    <row r="36895" spans="1:7" x14ac:dyDescent="0.3">
      <c r="A36895" s="13" t="s">
        <v>223</v>
      </c>
      <c r="B36895" s="14" t="s">
        <v>1</v>
      </c>
      <c r="C36895" s="14" t="s">
        <v>109</v>
      </c>
      <c r="D36895" s="14" t="s">
        <v>24</v>
      </c>
      <c r="E36895" s="15">
        <v>45406</v>
      </c>
      <c r="F36895" s="14" t="s">
        <v>25</v>
      </c>
      <c r="G36895" s="16">
        <v>0</v>
      </c>
    </row>
    <row r="36896" spans="1:7" x14ac:dyDescent="0.3">
      <c r="A36896" s="13" t="s">
        <v>223</v>
      </c>
      <c r="B36896" s="14" t="s">
        <v>1</v>
      </c>
      <c r="C36896" s="14" t="s">
        <v>109</v>
      </c>
      <c r="D36896" s="14" t="s">
        <v>24</v>
      </c>
      <c r="E36896" s="15">
        <v>45407</v>
      </c>
      <c r="F36896" s="14" t="s">
        <v>25</v>
      </c>
      <c r="G36896" s="16">
        <v>0</v>
      </c>
    </row>
    <row r="36897" spans="1:7" x14ac:dyDescent="0.3">
      <c r="A36897" s="13" t="s">
        <v>223</v>
      </c>
      <c r="B36897" s="14" t="s">
        <v>1</v>
      </c>
      <c r="C36897" s="14" t="s">
        <v>109</v>
      </c>
      <c r="D36897" s="14" t="s">
        <v>24</v>
      </c>
      <c r="E36897" s="15">
        <v>45408</v>
      </c>
      <c r="F36897" s="14" t="s">
        <v>25</v>
      </c>
      <c r="G36897" s="16">
        <v>0</v>
      </c>
    </row>
    <row r="36898" spans="1:7" x14ac:dyDescent="0.3">
      <c r="A36898" s="13" t="s">
        <v>223</v>
      </c>
      <c r="B36898" s="14" t="s">
        <v>1</v>
      </c>
      <c r="C36898" s="14" t="s">
        <v>109</v>
      </c>
      <c r="D36898" s="14" t="s">
        <v>24</v>
      </c>
      <c r="E36898" s="15">
        <v>45409</v>
      </c>
      <c r="F36898" s="14" t="s">
        <v>25</v>
      </c>
      <c r="G36898" s="16">
        <v>0</v>
      </c>
    </row>
    <row r="36899" spans="1:7" x14ac:dyDescent="0.3">
      <c r="A36899" s="13" t="s">
        <v>223</v>
      </c>
      <c r="B36899" s="14" t="s">
        <v>1</v>
      </c>
      <c r="C36899" s="14" t="s">
        <v>109</v>
      </c>
      <c r="D36899" s="14" t="s">
        <v>24</v>
      </c>
      <c r="E36899" s="15">
        <v>45410</v>
      </c>
      <c r="F36899" s="14" t="s">
        <v>25</v>
      </c>
      <c r="G36899" s="16">
        <v>0</v>
      </c>
    </row>
    <row r="36900" spans="1:7" x14ac:dyDescent="0.3">
      <c r="A36900" s="13" t="s">
        <v>223</v>
      </c>
      <c r="B36900" s="14" t="s">
        <v>1</v>
      </c>
      <c r="C36900" s="14" t="s">
        <v>109</v>
      </c>
      <c r="D36900" s="14" t="s">
        <v>24</v>
      </c>
      <c r="E36900" s="15">
        <v>45411</v>
      </c>
      <c r="F36900" s="14" t="s">
        <v>25</v>
      </c>
      <c r="G36900" s="16">
        <v>0</v>
      </c>
    </row>
    <row r="36901" spans="1:7" x14ac:dyDescent="0.3">
      <c r="A36901" s="13" t="s">
        <v>223</v>
      </c>
      <c r="B36901" s="14" t="s">
        <v>1</v>
      </c>
      <c r="C36901" s="14" t="s">
        <v>109</v>
      </c>
      <c r="D36901" s="14" t="s">
        <v>24</v>
      </c>
      <c r="E36901" s="15">
        <v>45412</v>
      </c>
      <c r="F36901" s="14" t="s">
        <v>25</v>
      </c>
      <c r="G36901" s="16">
        <v>0</v>
      </c>
    </row>
    <row r="36902" spans="1:7" x14ac:dyDescent="0.3">
      <c r="A36902" s="13" t="s">
        <v>223</v>
      </c>
      <c r="B36902" s="14" t="s">
        <v>1</v>
      </c>
      <c r="C36902" s="14" t="s">
        <v>109</v>
      </c>
      <c r="D36902" s="14" t="s">
        <v>24</v>
      </c>
      <c r="E36902" s="15">
        <v>45413</v>
      </c>
      <c r="F36902" s="14" t="s">
        <v>25</v>
      </c>
      <c r="G36902" s="16">
        <v>0</v>
      </c>
    </row>
    <row r="36903" spans="1:7" x14ac:dyDescent="0.3">
      <c r="A36903" s="13" t="s">
        <v>223</v>
      </c>
      <c r="B36903" s="14" t="s">
        <v>1</v>
      </c>
      <c r="C36903" s="14" t="s">
        <v>109</v>
      </c>
      <c r="D36903" s="14" t="s">
        <v>24</v>
      </c>
      <c r="E36903" s="15">
        <v>45414</v>
      </c>
      <c r="F36903" s="14" t="s">
        <v>25</v>
      </c>
      <c r="G36903" s="16">
        <v>0</v>
      </c>
    </row>
    <row r="36904" spans="1:7" x14ac:dyDescent="0.3">
      <c r="A36904" s="13" t="s">
        <v>223</v>
      </c>
      <c r="B36904" s="14" t="s">
        <v>1</v>
      </c>
      <c r="C36904" s="14" t="s">
        <v>109</v>
      </c>
      <c r="D36904" s="14" t="s">
        <v>24</v>
      </c>
      <c r="E36904" s="15">
        <v>45415</v>
      </c>
      <c r="F36904" s="14" t="s">
        <v>25</v>
      </c>
      <c r="G36904" s="16">
        <v>0</v>
      </c>
    </row>
    <row r="36905" spans="1:7" x14ac:dyDescent="0.3">
      <c r="A36905" s="13" t="s">
        <v>223</v>
      </c>
      <c r="B36905" s="14" t="s">
        <v>1</v>
      </c>
      <c r="C36905" s="14" t="s">
        <v>109</v>
      </c>
      <c r="D36905" s="14" t="s">
        <v>24</v>
      </c>
      <c r="E36905" s="15">
        <v>45416</v>
      </c>
      <c r="F36905" s="14" t="s">
        <v>25</v>
      </c>
      <c r="G36905" s="16">
        <v>0</v>
      </c>
    </row>
    <row r="36906" spans="1:7" x14ac:dyDescent="0.3">
      <c r="A36906" s="13" t="s">
        <v>223</v>
      </c>
      <c r="B36906" s="14" t="s">
        <v>1</v>
      </c>
      <c r="C36906" s="14" t="s">
        <v>109</v>
      </c>
      <c r="D36906" s="14" t="s">
        <v>24</v>
      </c>
      <c r="E36906" s="15">
        <v>45417</v>
      </c>
      <c r="F36906" s="14" t="s">
        <v>25</v>
      </c>
      <c r="G36906" s="16">
        <v>0</v>
      </c>
    </row>
    <row r="36907" spans="1:7" x14ac:dyDescent="0.3">
      <c r="A36907" s="13" t="s">
        <v>223</v>
      </c>
      <c r="B36907" s="14" t="s">
        <v>1</v>
      </c>
      <c r="C36907" s="14" t="s">
        <v>109</v>
      </c>
      <c r="D36907" s="14" t="s">
        <v>24</v>
      </c>
      <c r="E36907" s="15">
        <v>45418</v>
      </c>
      <c r="F36907" s="14" t="s">
        <v>25</v>
      </c>
      <c r="G36907" s="16">
        <v>0</v>
      </c>
    </row>
    <row r="36908" spans="1:7" x14ac:dyDescent="0.3">
      <c r="A36908" s="13" t="s">
        <v>223</v>
      </c>
      <c r="B36908" s="14" t="s">
        <v>1</v>
      </c>
      <c r="C36908" s="14" t="s">
        <v>109</v>
      </c>
      <c r="D36908" s="14" t="s">
        <v>24</v>
      </c>
      <c r="E36908" s="15">
        <v>45419</v>
      </c>
      <c r="F36908" s="14" t="s">
        <v>25</v>
      </c>
      <c r="G36908" s="16">
        <v>0</v>
      </c>
    </row>
    <row r="36909" spans="1:7" x14ac:dyDescent="0.3">
      <c r="A36909" s="13" t="s">
        <v>223</v>
      </c>
      <c r="B36909" s="14" t="s">
        <v>1</v>
      </c>
      <c r="C36909" s="14" t="s">
        <v>109</v>
      </c>
      <c r="D36909" s="14" t="s">
        <v>24</v>
      </c>
      <c r="E36909" s="15">
        <v>45420</v>
      </c>
      <c r="F36909" s="14" t="s">
        <v>25</v>
      </c>
      <c r="G36909" s="16">
        <v>1.5628186152753546E-3</v>
      </c>
    </row>
    <row r="36910" spans="1:7" x14ac:dyDescent="0.3">
      <c r="A36910" s="13" t="s">
        <v>223</v>
      </c>
      <c r="B36910" s="14" t="s">
        <v>1</v>
      </c>
      <c r="C36910" s="14" t="s">
        <v>109</v>
      </c>
      <c r="D36910" s="14" t="s">
        <v>24</v>
      </c>
      <c r="E36910" s="15">
        <v>45421</v>
      </c>
      <c r="F36910" s="14" t="s">
        <v>25</v>
      </c>
      <c r="G36910" s="16">
        <v>0</v>
      </c>
    </row>
    <row r="36911" spans="1:7" x14ac:dyDescent="0.3">
      <c r="A36911" s="13" t="s">
        <v>223</v>
      </c>
      <c r="B36911" s="14" t="s">
        <v>1</v>
      </c>
      <c r="C36911" s="14" t="s">
        <v>109</v>
      </c>
      <c r="D36911" s="14" t="s">
        <v>24</v>
      </c>
      <c r="E36911" s="15">
        <v>45422</v>
      </c>
      <c r="F36911" s="14" t="s">
        <v>25</v>
      </c>
      <c r="G36911" s="16">
        <v>0</v>
      </c>
    </row>
    <row r="36912" spans="1:7" x14ac:dyDescent="0.3">
      <c r="A36912" s="13" t="s">
        <v>223</v>
      </c>
      <c r="B36912" s="14" t="s">
        <v>1</v>
      </c>
      <c r="C36912" s="14" t="s">
        <v>109</v>
      </c>
      <c r="D36912" s="14" t="s">
        <v>24</v>
      </c>
      <c r="E36912" s="15">
        <v>45423</v>
      </c>
      <c r="F36912" s="14" t="s">
        <v>25</v>
      </c>
      <c r="G36912" s="16">
        <v>0</v>
      </c>
    </row>
    <row r="36913" spans="1:7" x14ac:dyDescent="0.3">
      <c r="A36913" s="13" t="s">
        <v>223</v>
      </c>
      <c r="B36913" s="14" t="s">
        <v>1</v>
      </c>
      <c r="C36913" s="14" t="s">
        <v>109</v>
      </c>
      <c r="D36913" s="14" t="s">
        <v>24</v>
      </c>
      <c r="E36913" s="15">
        <v>45424</v>
      </c>
      <c r="F36913" s="14" t="s">
        <v>25</v>
      </c>
      <c r="G36913" s="16">
        <v>0</v>
      </c>
    </row>
    <row r="36914" spans="1:7" x14ac:dyDescent="0.3">
      <c r="A36914" s="13" t="s">
        <v>223</v>
      </c>
      <c r="B36914" s="14" t="s">
        <v>1</v>
      </c>
      <c r="C36914" s="14" t="s">
        <v>109</v>
      </c>
      <c r="D36914" s="14" t="s">
        <v>24</v>
      </c>
      <c r="E36914" s="15">
        <v>45425</v>
      </c>
      <c r="F36914" s="14" t="s">
        <v>25</v>
      </c>
      <c r="G36914" s="16">
        <v>8.4872559063895701E-3</v>
      </c>
    </row>
    <row r="36915" spans="1:7" x14ac:dyDescent="0.3">
      <c r="A36915" s="13" t="s">
        <v>223</v>
      </c>
      <c r="B36915" s="14" t="s">
        <v>1</v>
      </c>
      <c r="C36915" s="14" t="s">
        <v>109</v>
      </c>
      <c r="D36915" s="14" t="s">
        <v>24</v>
      </c>
      <c r="E36915" s="15">
        <v>45426</v>
      </c>
      <c r="F36915" s="14" t="s">
        <v>25</v>
      </c>
      <c r="G36915" s="16">
        <v>9.5625700943569852E-3</v>
      </c>
    </row>
    <row r="36916" spans="1:7" x14ac:dyDescent="0.3">
      <c r="A36916" s="13" t="s">
        <v>223</v>
      </c>
      <c r="B36916" s="14" t="s">
        <v>1</v>
      </c>
      <c r="C36916" s="14" t="s">
        <v>109</v>
      </c>
      <c r="D36916" s="14" t="s">
        <v>24</v>
      </c>
      <c r="E36916" s="15">
        <v>45427</v>
      </c>
      <c r="F36916" s="14" t="s">
        <v>25</v>
      </c>
      <c r="G36916" s="16">
        <v>9.8022357752067975E-3</v>
      </c>
    </row>
    <row r="36917" spans="1:7" x14ac:dyDescent="0.3">
      <c r="A36917" s="13" t="s">
        <v>223</v>
      </c>
      <c r="B36917" s="14" t="s">
        <v>1</v>
      </c>
      <c r="C36917" s="14" t="s">
        <v>109</v>
      </c>
      <c r="D36917" s="14" t="s">
        <v>24</v>
      </c>
      <c r="E36917" s="15">
        <v>45428</v>
      </c>
      <c r="F36917" s="14" t="s">
        <v>25</v>
      </c>
      <c r="G36917" s="16">
        <v>1.843054189032536E-2</v>
      </c>
    </row>
    <row r="36918" spans="1:7" x14ac:dyDescent="0.3">
      <c r="A36918" s="13" t="s">
        <v>223</v>
      </c>
      <c r="B36918" s="14" t="s">
        <v>1</v>
      </c>
      <c r="C36918" s="14" t="s">
        <v>109</v>
      </c>
      <c r="D36918" s="14" t="s">
        <v>24</v>
      </c>
      <c r="E36918" s="15">
        <v>45429</v>
      </c>
      <c r="F36918" s="14" t="s">
        <v>25</v>
      </c>
      <c r="G36918" s="16">
        <v>1.6071429484477567E-2</v>
      </c>
    </row>
    <row r="36919" spans="1:7" x14ac:dyDescent="0.3">
      <c r="A36919" s="13" t="s">
        <v>223</v>
      </c>
      <c r="B36919" s="14" t="s">
        <v>1</v>
      </c>
      <c r="C36919" s="14" t="s">
        <v>109</v>
      </c>
      <c r="D36919" s="14" t="s">
        <v>24</v>
      </c>
      <c r="E36919" s="15">
        <v>45430</v>
      </c>
      <c r="F36919" s="14" t="s">
        <v>25</v>
      </c>
      <c r="G36919" s="16">
        <v>1.6071429484477567E-2</v>
      </c>
    </row>
    <row r="36920" spans="1:7" x14ac:dyDescent="0.3">
      <c r="A36920" s="13" t="s">
        <v>223</v>
      </c>
      <c r="B36920" s="14" t="s">
        <v>1</v>
      </c>
      <c r="C36920" s="14" t="s">
        <v>109</v>
      </c>
      <c r="D36920" s="14" t="s">
        <v>24</v>
      </c>
      <c r="E36920" s="15">
        <v>45431</v>
      </c>
      <c r="F36920" s="14" t="s">
        <v>25</v>
      </c>
      <c r="G36920" s="16">
        <v>1.6071429484477567E-2</v>
      </c>
    </row>
    <row r="36921" spans="1:7" x14ac:dyDescent="0.3">
      <c r="A36921" s="13" t="s">
        <v>223</v>
      </c>
      <c r="B36921" s="14" t="s">
        <v>1</v>
      </c>
      <c r="C36921" s="14" t="s">
        <v>109</v>
      </c>
      <c r="D36921" s="14" t="s">
        <v>24</v>
      </c>
      <c r="E36921" s="15">
        <v>45432</v>
      </c>
      <c r="F36921" s="14" t="s">
        <v>25</v>
      </c>
      <c r="G36921" s="16">
        <v>1.403673198294072E-2</v>
      </c>
    </row>
    <row r="36922" spans="1:7" x14ac:dyDescent="0.3">
      <c r="A36922" s="13" t="s">
        <v>223</v>
      </c>
      <c r="B36922" s="14" t="s">
        <v>1</v>
      </c>
      <c r="C36922" s="14" t="s">
        <v>109</v>
      </c>
      <c r="D36922" s="14" t="s">
        <v>24</v>
      </c>
      <c r="E36922" s="15">
        <v>45433</v>
      </c>
      <c r="F36922" s="14" t="s">
        <v>25</v>
      </c>
      <c r="G36922" s="16">
        <v>7.8614052041345722E-3</v>
      </c>
    </row>
    <row r="36923" spans="1:7" x14ac:dyDescent="0.3">
      <c r="A36923" s="13" t="s">
        <v>223</v>
      </c>
      <c r="B36923" s="14" t="s">
        <v>1</v>
      </c>
      <c r="C36923" s="14" t="s">
        <v>109</v>
      </c>
      <c r="D36923" s="14" t="s">
        <v>24</v>
      </c>
      <c r="E36923" s="15">
        <v>45434</v>
      </c>
      <c r="F36923" s="14" t="s">
        <v>25</v>
      </c>
      <c r="G36923" s="16">
        <v>5.8237990239981925E-3</v>
      </c>
    </row>
    <row r="36924" spans="1:7" x14ac:dyDescent="0.3">
      <c r="A36924" s="13" t="s">
        <v>223</v>
      </c>
      <c r="B36924" s="14" t="s">
        <v>1</v>
      </c>
      <c r="C36924" s="14" t="s">
        <v>109</v>
      </c>
      <c r="D36924" s="14" t="s">
        <v>24</v>
      </c>
      <c r="E36924" s="15">
        <v>45435</v>
      </c>
      <c r="F36924" s="14" t="s">
        <v>25</v>
      </c>
      <c r="G36924" s="16">
        <v>3.747196983821535E-3</v>
      </c>
    </row>
    <row r="36925" spans="1:7" x14ac:dyDescent="0.3">
      <c r="A36925" s="13" t="s">
        <v>223</v>
      </c>
      <c r="B36925" s="14" t="s">
        <v>1</v>
      </c>
      <c r="C36925" s="14" t="s">
        <v>109</v>
      </c>
      <c r="D36925" s="14" t="s">
        <v>24</v>
      </c>
      <c r="E36925" s="15">
        <v>45436</v>
      </c>
      <c r="F36925" s="14" t="s">
        <v>25</v>
      </c>
      <c r="G36925" s="16">
        <v>2.6896502531973756E-2</v>
      </c>
    </row>
    <row r="36926" spans="1:7" x14ac:dyDescent="0.3">
      <c r="A36926" s="13" t="s">
        <v>223</v>
      </c>
      <c r="B36926" s="14" t="s">
        <v>1</v>
      </c>
      <c r="C36926" s="14" t="s">
        <v>109</v>
      </c>
      <c r="D36926" s="14" t="s">
        <v>24</v>
      </c>
      <c r="E36926" s="15">
        <v>45437</v>
      </c>
      <c r="F36926" s="14" t="s">
        <v>25</v>
      </c>
      <c r="G36926" s="16">
        <v>2.6896502531973756E-2</v>
      </c>
    </row>
    <row r="36927" spans="1:7" x14ac:dyDescent="0.3">
      <c r="A36927" s="13" t="s">
        <v>223</v>
      </c>
      <c r="B36927" s="14" t="s">
        <v>1</v>
      </c>
      <c r="C36927" s="14" t="s">
        <v>109</v>
      </c>
      <c r="D36927" s="14" t="s">
        <v>24</v>
      </c>
      <c r="E36927" s="15">
        <v>45438</v>
      </c>
      <c r="F36927" s="14" t="s">
        <v>25</v>
      </c>
      <c r="G36927" s="16">
        <v>2.6896502531973756E-2</v>
      </c>
    </row>
    <row r="36928" spans="1:7" x14ac:dyDescent="0.3">
      <c r="A36928" s="13" t="s">
        <v>223</v>
      </c>
      <c r="B36928" s="14" t="s">
        <v>1</v>
      </c>
      <c r="C36928" s="14" t="s">
        <v>109</v>
      </c>
      <c r="D36928" s="14" t="s">
        <v>24</v>
      </c>
      <c r="E36928" s="15">
        <v>45439</v>
      </c>
      <c r="F36928" s="14" t="s">
        <v>25</v>
      </c>
      <c r="G36928" s="16">
        <v>2.7953852836105093E-2</v>
      </c>
    </row>
    <row r="36929" spans="1:7" x14ac:dyDescent="0.3">
      <c r="A36929" s="13" t="s">
        <v>223</v>
      </c>
      <c r="B36929" s="14" t="s">
        <v>1</v>
      </c>
      <c r="C36929" s="14" t="s">
        <v>109</v>
      </c>
      <c r="D36929" s="14" t="s">
        <v>24</v>
      </c>
      <c r="E36929" s="15">
        <v>45440</v>
      </c>
      <c r="F36929" s="14" t="s">
        <v>25</v>
      </c>
      <c r="G36929" s="16">
        <v>2.1636858898913133E-2</v>
      </c>
    </row>
    <row r="36930" spans="1:7" x14ac:dyDescent="0.3">
      <c r="A36930" s="13" t="s">
        <v>223</v>
      </c>
      <c r="B36930" s="14" t="s">
        <v>1</v>
      </c>
      <c r="C36930" s="14" t="s">
        <v>109</v>
      </c>
      <c r="D36930" s="14" t="s">
        <v>24</v>
      </c>
      <c r="E36930" s="15">
        <v>45441</v>
      </c>
      <c r="F36930" s="14" t="s">
        <v>25</v>
      </c>
      <c r="G36930" s="16">
        <v>2.0353928927225186E-2</v>
      </c>
    </row>
    <row r="36931" spans="1:7" x14ac:dyDescent="0.3">
      <c r="A36931" s="13" t="s">
        <v>223</v>
      </c>
      <c r="B36931" s="14" t="s">
        <v>1</v>
      </c>
      <c r="C36931" s="14" t="s">
        <v>109</v>
      </c>
      <c r="D36931" s="14" t="s">
        <v>24</v>
      </c>
      <c r="E36931" s="15">
        <v>45442</v>
      </c>
      <c r="F36931" s="14" t="s">
        <v>25</v>
      </c>
      <c r="G36931" s="16">
        <v>2.4146541238914059E-2</v>
      </c>
    </row>
    <row r="36932" spans="1:7" x14ac:dyDescent="0.3">
      <c r="A36932" s="13" t="s">
        <v>223</v>
      </c>
      <c r="B36932" s="14" t="s">
        <v>1</v>
      </c>
      <c r="C36932" s="14" t="s">
        <v>109</v>
      </c>
      <c r="D36932" s="14" t="s">
        <v>24</v>
      </c>
      <c r="E36932" s="15">
        <v>45443</v>
      </c>
      <c r="F36932" s="14" t="s">
        <v>25</v>
      </c>
      <c r="G36932" s="16">
        <v>2.2086753700223744E-2</v>
      </c>
    </row>
    <row r="36933" spans="1:7" x14ac:dyDescent="0.3">
      <c r="A36933" s="13" t="s">
        <v>223</v>
      </c>
      <c r="B36933" s="14" t="s">
        <v>1</v>
      </c>
      <c r="C36933" s="14" t="s">
        <v>109</v>
      </c>
      <c r="D36933" s="14" t="s">
        <v>24</v>
      </c>
      <c r="E36933" s="15">
        <v>45444</v>
      </c>
      <c r="F36933" s="14" t="s">
        <v>25</v>
      </c>
      <c r="G36933" s="16">
        <v>2.2086753700223744E-2</v>
      </c>
    </row>
    <row r="36934" spans="1:7" x14ac:dyDescent="0.3">
      <c r="A36934" s="13" t="s">
        <v>223</v>
      </c>
      <c r="B36934" s="14" t="s">
        <v>1</v>
      </c>
      <c r="C36934" s="14" t="s">
        <v>109</v>
      </c>
      <c r="D36934" s="14" t="s">
        <v>24</v>
      </c>
      <c r="E36934" s="15">
        <v>45445</v>
      </c>
      <c r="F36934" s="14" t="s">
        <v>25</v>
      </c>
      <c r="G36934" s="16">
        <v>2.2086753700223744E-2</v>
      </c>
    </row>
    <row r="36935" spans="1:7" x14ac:dyDescent="0.3">
      <c r="A36935" s="13" t="s">
        <v>223</v>
      </c>
      <c r="B36935" s="14" t="s">
        <v>1</v>
      </c>
      <c r="C36935" s="14" t="s">
        <v>109</v>
      </c>
      <c r="D36935" s="14" t="s">
        <v>24</v>
      </c>
      <c r="E36935" s="15">
        <v>45446</v>
      </c>
      <c r="F36935" s="14" t="s">
        <v>25</v>
      </c>
      <c r="G36935" s="16">
        <v>2.2086753700223744E-2</v>
      </c>
    </row>
    <row r="36936" spans="1:7" x14ac:dyDescent="0.3">
      <c r="A36936" s="13" t="s">
        <v>223</v>
      </c>
      <c r="B36936" s="14" t="s">
        <v>1</v>
      </c>
      <c r="C36936" s="14" t="s">
        <v>109</v>
      </c>
      <c r="D36936" s="14" t="s">
        <v>24</v>
      </c>
      <c r="E36936" s="15">
        <v>45447</v>
      </c>
      <c r="F36936" s="14" t="s">
        <v>25</v>
      </c>
      <c r="G36936" s="16">
        <v>1.9355775325536215E-2</v>
      </c>
    </row>
    <row r="36937" spans="1:7" x14ac:dyDescent="0.3">
      <c r="A36937" s="13" t="s">
        <v>223</v>
      </c>
      <c r="B36937" s="14" t="s">
        <v>1</v>
      </c>
      <c r="C36937" s="14" t="s">
        <v>109</v>
      </c>
      <c r="D36937" s="14" t="s">
        <v>24</v>
      </c>
      <c r="E36937" s="15">
        <v>45448</v>
      </c>
      <c r="F36937" s="14" t="s">
        <v>25</v>
      </c>
      <c r="G36937" s="16">
        <v>1.5219874811477649E-2</v>
      </c>
    </row>
    <row r="36938" spans="1:7" x14ac:dyDescent="0.3">
      <c r="A36938" s="13" t="s">
        <v>223</v>
      </c>
      <c r="B36938" s="14" t="s">
        <v>1</v>
      </c>
      <c r="C36938" s="14" t="s">
        <v>109</v>
      </c>
      <c r="D36938" s="14" t="s">
        <v>24</v>
      </c>
      <c r="E36938" s="15">
        <v>45449</v>
      </c>
      <c r="F36938" s="14" t="s">
        <v>25</v>
      </c>
      <c r="G36938" s="16">
        <v>1.3120287357534829E-2</v>
      </c>
    </row>
    <row r="36939" spans="1:7" x14ac:dyDescent="0.3">
      <c r="A36939" s="13" t="s">
        <v>223</v>
      </c>
      <c r="B36939" s="14" t="s">
        <v>1</v>
      </c>
      <c r="C36939" s="14" t="s">
        <v>109</v>
      </c>
      <c r="D36939" s="14" t="s">
        <v>24</v>
      </c>
      <c r="E36939" s="15">
        <v>45450</v>
      </c>
      <c r="F36939" s="14" t="s">
        <v>25</v>
      </c>
      <c r="G36939" s="16">
        <v>4.0321194275786745E-2</v>
      </c>
    </row>
    <row r="36940" spans="1:7" x14ac:dyDescent="0.3">
      <c r="A36940" s="13" t="s">
        <v>223</v>
      </c>
      <c r="B36940" s="14" t="s">
        <v>1</v>
      </c>
      <c r="C36940" s="14" t="s">
        <v>109</v>
      </c>
      <c r="D36940" s="14" t="s">
        <v>24</v>
      </c>
      <c r="E36940" s="15">
        <v>45451</v>
      </c>
      <c r="F36940" s="14" t="s">
        <v>25</v>
      </c>
      <c r="G36940" s="16">
        <v>4.0321194275786745E-2</v>
      </c>
    </row>
    <row r="36941" spans="1:7" x14ac:dyDescent="0.3">
      <c r="A36941" s="13" t="s">
        <v>223</v>
      </c>
      <c r="B36941" s="14" t="s">
        <v>1</v>
      </c>
      <c r="C36941" s="14" t="s">
        <v>109</v>
      </c>
      <c r="D36941" s="14" t="s">
        <v>24</v>
      </c>
      <c r="E36941" s="15">
        <v>45452</v>
      </c>
      <c r="F36941" s="14" t="s">
        <v>25</v>
      </c>
      <c r="G36941" s="16">
        <v>4.0321194275786745E-2</v>
      </c>
    </row>
    <row r="36942" spans="1:7" x14ac:dyDescent="0.3">
      <c r="A36942" s="13" t="s">
        <v>223</v>
      </c>
      <c r="B36942" s="14" t="s">
        <v>1</v>
      </c>
      <c r="C36942" s="14" t="s">
        <v>109</v>
      </c>
      <c r="D36942" s="14" t="s">
        <v>24</v>
      </c>
      <c r="E36942" s="15">
        <v>45453</v>
      </c>
      <c r="F36942" s="14" t="s">
        <v>25</v>
      </c>
      <c r="G36942" s="16">
        <v>3.8257700882507871E-2</v>
      </c>
    </row>
    <row r="36943" spans="1:7" x14ac:dyDescent="0.3">
      <c r="A36943" s="13" t="s">
        <v>223</v>
      </c>
      <c r="B36943" s="14" t="s">
        <v>1</v>
      </c>
      <c r="C36943" s="14" t="s">
        <v>109</v>
      </c>
      <c r="D36943" s="14" t="s">
        <v>24</v>
      </c>
      <c r="E36943" s="15">
        <v>45454</v>
      </c>
      <c r="F36943" s="14" t="s">
        <v>25</v>
      </c>
      <c r="G36943" s="16">
        <v>3.3824951132933941E-2</v>
      </c>
    </row>
    <row r="36944" spans="1:7" x14ac:dyDescent="0.3">
      <c r="A36944" s="13" t="s">
        <v>223</v>
      </c>
      <c r="B36944" s="14" t="s">
        <v>1</v>
      </c>
      <c r="C36944" s="14" t="s">
        <v>109</v>
      </c>
      <c r="D36944" s="14" t="s">
        <v>24</v>
      </c>
      <c r="E36944" s="15">
        <v>45455</v>
      </c>
      <c r="F36944" s="14" t="s">
        <v>25</v>
      </c>
      <c r="G36944" s="16">
        <v>4.7092462885041271E-2</v>
      </c>
    </row>
    <row r="36945" spans="1:7" x14ac:dyDescent="0.3">
      <c r="A36945" s="13" t="s">
        <v>223</v>
      </c>
      <c r="B36945" s="14" t="s">
        <v>1</v>
      </c>
      <c r="C36945" s="14" t="s">
        <v>109</v>
      </c>
      <c r="D36945" s="14" t="s">
        <v>24</v>
      </c>
      <c r="E36945" s="15">
        <v>45456</v>
      </c>
      <c r="F36945" s="14" t="s">
        <v>25</v>
      </c>
      <c r="G36945" s="16">
        <v>4.4999294767210832E-2</v>
      </c>
    </row>
    <row r="36946" spans="1:7" x14ac:dyDescent="0.3">
      <c r="A36946" s="13" t="s">
        <v>223</v>
      </c>
      <c r="B36946" s="14" t="s">
        <v>1</v>
      </c>
      <c r="C36946" s="14" t="s">
        <v>109</v>
      </c>
      <c r="D36946" s="14" t="s">
        <v>24</v>
      </c>
      <c r="E36946" s="15">
        <v>45457</v>
      </c>
      <c r="F36946" s="14" t="s">
        <v>25</v>
      </c>
      <c r="G36946" s="16">
        <v>4.2687388438740127E-2</v>
      </c>
    </row>
    <row r="36947" spans="1:7" x14ac:dyDescent="0.3">
      <c r="A36947" s="13" t="s">
        <v>223</v>
      </c>
      <c r="B36947" s="14" t="s">
        <v>1</v>
      </c>
      <c r="C36947" s="14" t="s">
        <v>109</v>
      </c>
      <c r="D36947" s="14" t="s">
        <v>24</v>
      </c>
      <c r="E36947" s="15">
        <v>45458</v>
      </c>
      <c r="F36947" s="14" t="s">
        <v>25</v>
      </c>
      <c r="G36947" s="16">
        <v>4.2687388438740127E-2</v>
      </c>
    </row>
    <row r="36948" spans="1:7" x14ac:dyDescent="0.3">
      <c r="A36948" s="13" t="s">
        <v>223</v>
      </c>
      <c r="B36948" s="14" t="s">
        <v>1</v>
      </c>
      <c r="C36948" s="14" t="s">
        <v>109</v>
      </c>
      <c r="D36948" s="14" t="s">
        <v>24</v>
      </c>
      <c r="E36948" s="15">
        <v>45459</v>
      </c>
      <c r="F36948" s="14" t="s">
        <v>25</v>
      </c>
      <c r="G36948" s="16">
        <v>4.2687388438740127E-2</v>
      </c>
    </row>
    <row r="36949" spans="1:7" x14ac:dyDescent="0.3">
      <c r="A36949" s="13" t="s">
        <v>223</v>
      </c>
      <c r="B36949" s="14" t="s">
        <v>1</v>
      </c>
      <c r="C36949" s="14" t="s">
        <v>109</v>
      </c>
      <c r="D36949" s="14" t="s">
        <v>24</v>
      </c>
      <c r="E36949" s="15">
        <v>45460</v>
      </c>
      <c r="F36949" s="14" t="s">
        <v>25</v>
      </c>
      <c r="G36949" s="16">
        <v>4.0518626068903392E-2</v>
      </c>
    </row>
    <row r="36950" spans="1:7" x14ac:dyDescent="0.3">
      <c r="A36950" s="13" t="s">
        <v>223</v>
      </c>
      <c r="B36950" s="14" t="s">
        <v>1</v>
      </c>
      <c r="C36950" s="14" t="s">
        <v>109</v>
      </c>
      <c r="D36950" s="14" t="s">
        <v>24</v>
      </c>
      <c r="E36950" s="15">
        <v>45461</v>
      </c>
      <c r="F36950" s="14" t="s">
        <v>25</v>
      </c>
      <c r="G36950" s="16">
        <v>3.4089561542349878E-2</v>
      </c>
    </row>
    <row r="36951" spans="1:7" x14ac:dyDescent="0.3">
      <c r="A36951" s="13" t="s">
        <v>223</v>
      </c>
      <c r="B36951" s="14" t="s">
        <v>1</v>
      </c>
      <c r="C36951" s="14" t="s">
        <v>109</v>
      </c>
      <c r="D36951" s="14" t="s">
        <v>24</v>
      </c>
      <c r="E36951" s="15">
        <v>45462</v>
      </c>
      <c r="F36951" s="14" t="s">
        <v>25</v>
      </c>
      <c r="G36951" s="16">
        <v>3.1971916706670975E-2</v>
      </c>
    </row>
    <row r="36952" spans="1:7" x14ac:dyDescent="0.3">
      <c r="A36952" s="13" t="s">
        <v>223</v>
      </c>
      <c r="B36952" s="14" t="s">
        <v>1</v>
      </c>
      <c r="C36952" s="14" t="s">
        <v>109</v>
      </c>
      <c r="D36952" s="14" t="s">
        <v>24</v>
      </c>
      <c r="E36952" s="15">
        <v>45463</v>
      </c>
      <c r="F36952" s="14" t="s">
        <v>25</v>
      </c>
      <c r="G36952" s="16">
        <v>3.0034811025137401E-2</v>
      </c>
    </row>
    <row r="36953" spans="1:7" x14ac:dyDescent="0.3">
      <c r="A36953" s="13" t="s">
        <v>223</v>
      </c>
      <c r="B36953" s="14" t="s">
        <v>1</v>
      </c>
      <c r="C36953" s="14" t="s">
        <v>109</v>
      </c>
      <c r="D36953" s="14" t="s">
        <v>24</v>
      </c>
      <c r="E36953" s="15">
        <v>45464</v>
      </c>
      <c r="F36953" s="14" t="s">
        <v>25</v>
      </c>
      <c r="G36953" s="16">
        <v>2.7927782184338251E-2</v>
      </c>
    </row>
    <row r="36954" spans="1:7" x14ac:dyDescent="0.3">
      <c r="A36954" s="13" t="s">
        <v>223</v>
      </c>
      <c r="B36954" s="14" t="s">
        <v>1</v>
      </c>
      <c r="C36954" s="14" t="s">
        <v>109</v>
      </c>
      <c r="D36954" s="14" t="s">
        <v>24</v>
      </c>
      <c r="E36954" s="15">
        <v>45465</v>
      </c>
      <c r="F36954" s="14" t="s">
        <v>25</v>
      </c>
      <c r="G36954" s="16">
        <v>2.7927782184338251E-2</v>
      </c>
    </row>
    <row r="36955" spans="1:7" x14ac:dyDescent="0.3">
      <c r="A36955" s="13" t="s">
        <v>223</v>
      </c>
      <c r="B36955" s="14" t="s">
        <v>1</v>
      </c>
      <c r="C36955" s="14" t="s">
        <v>109</v>
      </c>
      <c r="D36955" s="14" t="s">
        <v>24</v>
      </c>
      <c r="E36955" s="15">
        <v>45466</v>
      </c>
      <c r="F36955" s="14" t="s">
        <v>25</v>
      </c>
      <c r="G36955" s="16">
        <v>2.7927782184338251E-2</v>
      </c>
    </row>
    <row r="36956" spans="1:7" x14ac:dyDescent="0.3">
      <c r="A36956" s="13" t="s">
        <v>223</v>
      </c>
      <c r="B36956" s="14" t="s">
        <v>1</v>
      </c>
      <c r="C36956" s="14" t="s">
        <v>109</v>
      </c>
      <c r="D36956" s="14" t="s">
        <v>24</v>
      </c>
      <c r="E36956" s="15">
        <v>45467</v>
      </c>
      <c r="F36956" s="14" t="s">
        <v>25</v>
      </c>
      <c r="G36956" s="16">
        <v>2.5744575081426021E-2</v>
      </c>
    </row>
    <row r="36957" spans="1:7" x14ac:dyDescent="0.3">
      <c r="A36957" s="13" t="s">
        <v>223</v>
      </c>
      <c r="B36957" s="14" t="s">
        <v>1</v>
      </c>
      <c r="C36957" s="14" t="s">
        <v>109</v>
      </c>
      <c r="D36957" s="14" t="s">
        <v>24</v>
      </c>
      <c r="E36957" s="15">
        <v>45468</v>
      </c>
      <c r="F36957" s="14" t="s">
        <v>25</v>
      </c>
      <c r="G36957" s="16">
        <v>1.9671499942879533E-2</v>
      </c>
    </row>
    <row r="36958" spans="1:7" x14ac:dyDescent="0.3">
      <c r="A36958" s="13" t="s">
        <v>223</v>
      </c>
      <c r="B36958" s="14" t="s">
        <v>1</v>
      </c>
      <c r="C36958" s="14" t="s">
        <v>109</v>
      </c>
      <c r="D36958" s="14" t="s">
        <v>24</v>
      </c>
      <c r="E36958" s="15">
        <v>45469</v>
      </c>
      <c r="F36958" s="14" t="s">
        <v>25</v>
      </c>
      <c r="G36958" s="16">
        <v>1.8732243345055914E-2</v>
      </c>
    </row>
    <row r="36959" spans="1:7" x14ac:dyDescent="0.3">
      <c r="A36959" s="13" t="s">
        <v>223</v>
      </c>
      <c r="B36959" s="14" t="s">
        <v>1</v>
      </c>
      <c r="C36959" s="14" t="s">
        <v>109</v>
      </c>
      <c r="D36959" s="14" t="s">
        <v>24</v>
      </c>
      <c r="E36959" s="15">
        <v>45470</v>
      </c>
      <c r="F36959" s="14" t="s">
        <v>25</v>
      </c>
      <c r="G36959" s="16">
        <v>2.2261609099179375E-2</v>
      </c>
    </row>
    <row r="36960" spans="1:7" x14ac:dyDescent="0.3">
      <c r="A36960" s="13" t="s">
        <v>223</v>
      </c>
      <c r="B36960" s="14" t="s">
        <v>1</v>
      </c>
      <c r="C36960" s="14" t="s">
        <v>109</v>
      </c>
      <c r="D36960" s="14" t="s">
        <v>24</v>
      </c>
      <c r="E36960" s="15">
        <v>45471</v>
      </c>
      <c r="F36960" s="14" t="s">
        <v>25</v>
      </c>
      <c r="G36960" s="16">
        <v>5.2178482478164152E-2</v>
      </c>
    </row>
    <row r="36961" spans="1:7" x14ac:dyDescent="0.3">
      <c r="A36961" s="13" t="s">
        <v>223</v>
      </c>
      <c r="B36961" s="14" t="s">
        <v>1</v>
      </c>
      <c r="C36961" s="14" t="s">
        <v>109</v>
      </c>
      <c r="D36961" s="14" t="s">
        <v>24</v>
      </c>
      <c r="E36961" s="15">
        <v>45472</v>
      </c>
      <c r="F36961" s="14" t="s">
        <v>25</v>
      </c>
      <c r="G36961" s="16">
        <v>5.2178482478164152E-2</v>
      </c>
    </row>
    <row r="36962" spans="1:7" x14ac:dyDescent="0.3">
      <c r="A36962" s="13" t="s">
        <v>223</v>
      </c>
      <c r="B36962" s="14" t="s">
        <v>1</v>
      </c>
      <c r="C36962" s="14" t="s">
        <v>109</v>
      </c>
      <c r="D36962" s="14" t="s">
        <v>24</v>
      </c>
      <c r="E36962" s="15">
        <v>45473</v>
      </c>
      <c r="F36962" s="14" t="s">
        <v>25</v>
      </c>
      <c r="G36962" s="16">
        <v>5.2178482478164152E-2</v>
      </c>
    </row>
    <row r="36963" spans="1:7" x14ac:dyDescent="0.3">
      <c r="A36963" s="13" t="s">
        <v>223</v>
      </c>
      <c r="B36963" s="14" t="s">
        <v>1</v>
      </c>
      <c r="C36963" s="14" t="s">
        <v>109</v>
      </c>
      <c r="D36963" s="14" t="s">
        <v>24</v>
      </c>
      <c r="E36963" s="15">
        <v>45474</v>
      </c>
      <c r="F36963" s="14" t="s">
        <v>25</v>
      </c>
      <c r="G36963" s="16">
        <v>5.1987140735138493E-2</v>
      </c>
    </row>
    <row r="36964" spans="1:7" x14ac:dyDescent="0.3">
      <c r="A36964" s="13" t="s">
        <v>223</v>
      </c>
      <c r="B36964" s="14" t="s">
        <v>1</v>
      </c>
      <c r="C36964" s="14" t="s">
        <v>109</v>
      </c>
      <c r="D36964" s="14" t="s">
        <v>24</v>
      </c>
      <c r="E36964" s="15">
        <v>45475</v>
      </c>
      <c r="F36964" s="14" t="s">
        <v>25</v>
      </c>
      <c r="G36964" s="16">
        <v>4.7532908864492802E-2</v>
      </c>
    </row>
    <row r="36965" spans="1:7" x14ac:dyDescent="0.3">
      <c r="A36965" s="13" t="s">
        <v>223</v>
      </c>
      <c r="B36965" s="14" t="s">
        <v>1</v>
      </c>
      <c r="C36965" s="14" t="s">
        <v>109</v>
      </c>
      <c r="D36965" s="14" t="s">
        <v>24</v>
      </c>
      <c r="E36965" s="15">
        <v>45476</v>
      </c>
      <c r="F36965" s="14" t="s">
        <v>25</v>
      </c>
      <c r="G36965" s="16">
        <v>4.526271105173945E-2</v>
      </c>
    </row>
    <row r="36966" spans="1:7" x14ac:dyDescent="0.3">
      <c r="A36966" s="13" t="s">
        <v>223</v>
      </c>
      <c r="B36966" s="14" t="s">
        <v>1</v>
      </c>
      <c r="C36966" s="14" t="s">
        <v>109</v>
      </c>
      <c r="D36966" s="14" t="s">
        <v>24</v>
      </c>
      <c r="E36966" s="15">
        <v>45477</v>
      </c>
      <c r="F36966" s="14" t="s">
        <v>25</v>
      </c>
      <c r="G36966" s="16">
        <v>4.3034400928894018E-2</v>
      </c>
    </row>
    <row r="36967" spans="1:7" x14ac:dyDescent="0.3">
      <c r="A36967" s="13" t="s">
        <v>223</v>
      </c>
      <c r="B36967" s="14" t="s">
        <v>1</v>
      </c>
      <c r="C36967" s="14" t="s">
        <v>109</v>
      </c>
      <c r="D36967" s="14" t="s">
        <v>24</v>
      </c>
      <c r="E36967" s="15">
        <v>45478</v>
      </c>
      <c r="F36967" s="14" t="s">
        <v>25</v>
      </c>
      <c r="G36967" s="16">
        <v>4.4341241213347406E-2</v>
      </c>
    </row>
    <row r="36968" spans="1:7" x14ac:dyDescent="0.3">
      <c r="A36968" s="13" t="s">
        <v>223</v>
      </c>
      <c r="B36968" s="14" t="s">
        <v>1</v>
      </c>
      <c r="C36968" s="14" t="s">
        <v>109</v>
      </c>
      <c r="D36968" s="14" t="s">
        <v>24</v>
      </c>
      <c r="E36968" s="15">
        <v>45479</v>
      </c>
      <c r="F36968" s="14" t="s">
        <v>25</v>
      </c>
      <c r="G36968" s="16">
        <v>4.4341241213347406E-2</v>
      </c>
    </row>
    <row r="36969" spans="1:7" x14ac:dyDescent="0.3">
      <c r="A36969" s="13" t="s">
        <v>223</v>
      </c>
      <c r="B36969" s="14" t="s">
        <v>1</v>
      </c>
      <c r="C36969" s="14" t="s">
        <v>109</v>
      </c>
      <c r="D36969" s="14" t="s">
        <v>24</v>
      </c>
      <c r="E36969" s="15">
        <v>45480</v>
      </c>
      <c r="F36969" s="14" t="s">
        <v>25</v>
      </c>
      <c r="G36969" s="16">
        <v>4.4341241213347406E-2</v>
      </c>
    </row>
    <row r="36970" spans="1:7" x14ac:dyDescent="0.3">
      <c r="A36970" s="13" t="s">
        <v>223</v>
      </c>
      <c r="B36970" s="14" t="s">
        <v>1</v>
      </c>
      <c r="C36970" s="14" t="s">
        <v>109</v>
      </c>
      <c r="D36970" s="14" t="s">
        <v>24</v>
      </c>
      <c r="E36970" s="15">
        <v>45481</v>
      </c>
      <c r="F36970" s="14" t="s">
        <v>25</v>
      </c>
      <c r="G36970" s="16">
        <v>4.9576273141794122E-2</v>
      </c>
    </row>
    <row r="36971" spans="1:7" x14ac:dyDescent="0.3">
      <c r="A36971" s="13" t="s">
        <v>223</v>
      </c>
      <c r="B36971" s="14" t="s">
        <v>1</v>
      </c>
      <c r="C36971" s="14" t="s">
        <v>109</v>
      </c>
      <c r="D36971" s="14" t="s">
        <v>24</v>
      </c>
      <c r="E36971" s="15">
        <v>45482</v>
      </c>
      <c r="F36971" s="14" t="s">
        <v>25</v>
      </c>
      <c r="G36971" s="16">
        <v>4.295083153205477E-2</v>
      </c>
    </row>
    <row r="36972" spans="1:7" x14ac:dyDescent="0.3">
      <c r="A36972" s="13" t="s">
        <v>223</v>
      </c>
      <c r="B36972" s="14" t="s">
        <v>1</v>
      </c>
      <c r="C36972" s="14" t="s">
        <v>109</v>
      </c>
      <c r="D36972" s="14" t="s">
        <v>24</v>
      </c>
      <c r="E36972" s="15">
        <v>45483</v>
      </c>
      <c r="F36972" s="14" t="s">
        <v>25</v>
      </c>
      <c r="G36972" s="16">
        <v>4.0808301717268687E-2</v>
      </c>
    </row>
    <row r="36973" spans="1:7" x14ac:dyDescent="0.3">
      <c r="A36973" s="13" t="s">
        <v>223</v>
      </c>
      <c r="B36973" s="14" t="s">
        <v>1</v>
      </c>
      <c r="C36973" s="14" t="s">
        <v>109</v>
      </c>
      <c r="D36973" s="14" t="s">
        <v>24</v>
      </c>
      <c r="E36973" s="15">
        <v>45484</v>
      </c>
      <c r="F36973" s="14" t="s">
        <v>25</v>
      </c>
      <c r="G36973" s="16">
        <v>3.845649556488679E-2</v>
      </c>
    </row>
    <row r="36974" spans="1:7" x14ac:dyDescent="0.3">
      <c r="A36974" s="13" t="s">
        <v>223</v>
      </c>
      <c r="B36974" s="14" t="s">
        <v>1</v>
      </c>
      <c r="C36974" s="14" t="s">
        <v>109</v>
      </c>
      <c r="D36974" s="14" t="s">
        <v>24</v>
      </c>
      <c r="E36974" s="15">
        <v>45485</v>
      </c>
      <c r="F36974" s="14" t="s">
        <v>25</v>
      </c>
      <c r="G36974" s="16">
        <v>3.6143938226017337E-2</v>
      </c>
    </row>
    <row r="36975" spans="1:7" x14ac:dyDescent="0.3">
      <c r="A36975" s="13" t="s">
        <v>223</v>
      </c>
      <c r="B36975" s="14" t="s">
        <v>1</v>
      </c>
      <c r="C36975" s="14" t="s">
        <v>109</v>
      </c>
      <c r="D36975" s="14" t="s">
        <v>24</v>
      </c>
      <c r="E36975" s="15">
        <v>45486</v>
      </c>
      <c r="F36975" s="14" t="s">
        <v>25</v>
      </c>
      <c r="G36975" s="16">
        <v>3.6143938226017337E-2</v>
      </c>
    </row>
    <row r="36976" spans="1:7" x14ac:dyDescent="0.3">
      <c r="A36976" s="13" t="s">
        <v>223</v>
      </c>
      <c r="B36976" s="14" t="s">
        <v>1</v>
      </c>
      <c r="C36976" s="14" t="s">
        <v>109</v>
      </c>
      <c r="D36976" s="14" t="s">
        <v>24</v>
      </c>
      <c r="E36976" s="15">
        <v>45487</v>
      </c>
      <c r="F36976" s="14" t="s">
        <v>25</v>
      </c>
      <c r="G36976" s="16">
        <v>3.6143938226017337E-2</v>
      </c>
    </row>
    <row r="36977" spans="1:7" x14ac:dyDescent="0.3">
      <c r="A36977" s="13" t="s">
        <v>223</v>
      </c>
      <c r="B36977" s="14" t="s">
        <v>1</v>
      </c>
      <c r="C36977" s="14" t="s">
        <v>109</v>
      </c>
      <c r="D36977" s="14" t="s">
        <v>24</v>
      </c>
      <c r="E36977" s="15">
        <v>45488</v>
      </c>
      <c r="F36977" s="14" t="s">
        <v>25</v>
      </c>
      <c r="G36977" s="16">
        <v>3.4853916803430196E-2</v>
      </c>
    </row>
    <row r="36978" spans="1:7" x14ac:dyDescent="0.3">
      <c r="A36978" s="13" t="s">
        <v>223</v>
      </c>
      <c r="B36978" s="14" t="s">
        <v>1</v>
      </c>
      <c r="C36978" s="14" t="s">
        <v>109</v>
      </c>
      <c r="D36978" s="14" t="s">
        <v>24</v>
      </c>
      <c r="E36978" s="15">
        <v>45489</v>
      </c>
      <c r="F36978" s="14" t="s">
        <v>25</v>
      </c>
      <c r="G36978" s="16">
        <v>2.8111569747412586E-2</v>
      </c>
    </row>
    <row r="36979" spans="1:7" x14ac:dyDescent="0.3">
      <c r="A36979" s="13" t="s">
        <v>223</v>
      </c>
      <c r="B36979" s="14" t="s">
        <v>1</v>
      </c>
      <c r="C36979" s="14" t="s">
        <v>109</v>
      </c>
      <c r="D36979" s="14" t="s">
        <v>24</v>
      </c>
      <c r="E36979" s="15">
        <v>45490</v>
      </c>
      <c r="F36979" s="14" t="s">
        <v>25</v>
      </c>
      <c r="G36979" s="16">
        <v>2.5603489169295217E-2</v>
      </c>
    </row>
    <row r="36980" spans="1:7" x14ac:dyDescent="0.3">
      <c r="A36980" s="13" t="s">
        <v>223</v>
      </c>
      <c r="B36980" s="14" t="s">
        <v>1</v>
      </c>
      <c r="C36980" s="14" t="s">
        <v>109</v>
      </c>
      <c r="D36980" s="14" t="s">
        <v>24</v>
      </c>
      <c r="E36980" s="15">
        <v>45491</v>
      </c>
      <c r="F36980" s="14" t="s">
        <v>25</v>
      </c>
      <c r="G36980" s="16">
        <v>2.3527031721567358E-2</v>
      </c>
    </row>
    <row r="36981" spans="1:7" x14ac:dyDescent="0.3">
      <c r="A36981" s="13" t="s">
        <v>223</v>
      </c>
      <c r="B36981" s="14" t="s">
        <v>1</v>
      </c>
      <c r="C36981" s="14" t="s">
        <v>109</v>
      </c>
      <c r="D36981" s="14" t="s">
        <v>24</v>
      </c>
      <c r="E36981" s="15">
        <v>45492</v>
      </c>
      <c r="F36981" s="14" t="s">
        <v>25</v>
      </c>
      <c r="G36981" s="16">
        <v>2.1427097735636721E-2</v>
      </c>
    </row>
    <row r="36982" spans="1:7" x14ac:dyDescent="0.3">
      <c r="A36982" s="13" t="s">
        <v>223</v>
      </c>
      <c r="B36982" s="14" t="s">
        <v>1</v>
      </c>
      <c r="C36982" s="14" t="s">
        <v>109</v>
      </c>
      <c r="D36982" s="14" t="s">
        <v>24</v>
      </c>
      <c r="E36982" s="15">
        <v>45493</v>
      </c>
      <c r="F36982" s="14" t="s">
        <v>25</v>
      </c>
      <c r="G36982" s="16">
        <v>2.1427097735636721E-2</v>
      </c>
    </row>
    <row r="36983" spans="1:7" x14ac:dyDescent="0.3">
      <c r="A36983" s="13" t="s">
        <v>223</v>
      </c>
      <c r="B36983" s="14" t="s">
        <v>1</v>
      </c>
      <c r="C36983" s="14" t="s">
        <v>109</v>
      </c>
      <c r="D36983" s="14" t="s">
        <v>24</v>
      </c>
      <c r="E36983" s="15">
        <v>45494</v>
      </c>
      <c r="F36983" s="14" t="s">
        <v>25</v>
      </c>
      <c r="G36983" s="16">
        <v>2.1427097735636721E-2</v>
      </c>
    </row>
    <row r="36984" spans="1:7" x14ac:dyDescent="0.3">
      <c r="A36984" s="13" t="s">
        <v>223</v>
      </c>
      <c r="B36984" s="14" t="s">
        <v>1</v>
      </c>
      <c r="C36984" s="14" t="s">
        <v>109</v>
      </c>
      <c r="D36984" s="14" t="s">
        <v>24</v>
      </c>
      <c r="E36984" s="15">
        <v>45495</v>
      </c>
      <c r="F36984" s="14" t="s">
        <v>25</v>
      </c>
      <c r="G36984" s="16">
        <v>1.9314958060411985E-2</v>
      </c>
    </row>
    <row r="36985" spans="1:7" x14ac:dyDescent="0.3">
      <c r="A36985" s="13" t="s">
        <v>223</v>
      </c>
      <c r="B36985" s="14" t="s">
        <v>1</v>
      </c>
      <c r="C36985" s="14" t="s">
        <v>109</v>
      </c>
      <c r="D36985" s="14" t="s">
        <v>24</v>
      </c>
      <c r="E36985" s="15">
        <v>45496</v>
      </c>
      <c r="F36985" s="14" t="s">
        <v>25</v>
      </c>
      <c r="G36985" s="16">
        <v>1.3080280778927972E-2</v>
      </c>
    </row>
    <row r="36986" spans="1:7" x14ac:dyDescent="0.3">
      <c r="A36986" s="13" t="s">
        <v>223</v>
      </c>
      <c r="B36986" s="14" t="s">
        <v>1</v>
      </c>
      <c r="C36986" s="14" t="s">
        <v>109</v>
      </c>
      <c r="D36986" s="14" t="s">
        <v>24</v>
      </c>
      <c r="E36986" s="15">
        <v>45497</v>
      </c>
      <c r="F36986" s="14" t="s">
        <v>25</v>
      </c>
      <c r="G36986" s="16">
        <v>1.0898273360441493E-2</v>
      </c>
    </row>
    <row r="36987" spans="1:7" x14ac:dyDescent="0.3">
      <c r="A36987" s="13" t="s">
        <v>223</v>
      </c>
      <c r="B36987" s="14" t="s">
        <v>1</v>
      </c>
      <c r="C36987" s="14" t="s">
        <v>109</v>
      </c>
      <c r="D36987" s="14" t="s">
        <v>24</v>
      </c>
      <c r="E36987" s="15">
        <v>45498</v>
      </c>
      <c r="F36987" s="14" t="s">
        <v>25</v>
      </c>
      <c r="G36987" s="16">
        <v>8.7604522294933342E-3</v>
      </c>
    </row>
    <row r="36988" spans="1:7" x14ac:dyDescent="0.3">
      <c r="A36988" s="13" t="s">
        <v>223</v>
      </c>
      <c r="B36988" s="14" t="s">
        <v>1</v>
      </c>
      <c r="C36988" s="14" t="s">
        <v>109</v>
      </c>
      <c r="D36988" s="14" t="s">
        <v>24</v>
      </c>
      <c r="E36988" s="15">
        <v>45499</v>
      </c>
      <c r="F36988" s="14" t="s">
        <v>25</v>
      </c>
      <c r="G36988" s="16">
        <v>6.7425995453708103E-3</v>
      </c>
    </row>
    <row r="36989" spans="1:7" x14ac:dyDescent="0.3">
      <c r="A36989" s="13" t="s">
        <v>223</v>
      </c>
      <c r="B36989" s="14" t="s">
        <v>1</v>
      </c>
      <c r="C36989" s="14" t="s">
        <v>109</v>
      </c>
      <c r="D36989" s="14" t="s">
        <v>24</v>
      </c>
      <c r="E36989" s="15">
        <v>45500</v>
      </c>
      <c r="F36989" s="14" t="s">
        <v>25</v>
      </c>
      <c r="G36989" s="16">
        <v>6.7425995453708103E-3</v>
      </c>
    </row>
    <row r="36990" spans="1:7" x14ac:dyDescent="0.3">
      <c r="A36990" s="13" t="s">
        <v>223</v>
      </c>
      <c r="B36990" s="14" t="s">
        <v>1</v>
      </c>
      <c r="C36990" s="14" t="s">
        <v>109</v>
      </c>
      <c r="D36990" s="14" t="s">
        <v>24</v>
      </c>
      <c r="E36990" s="15">
        <v>45501</v>
      </c>
      <c r="F36990" s="14" t="s">
        <v>25</v>
      </c>
      <c r="G36990" s="16">
        <v>6.7425995453708103E-3</v>
      </c>
    </row>
    <row r="36991" spans="1:7" x14ac:dyDescent="0.3">
      <c r="A36991" s="13" t="s">
        <v>223</v>
      </c>
      <c r="B36991" s="14" t="s">
        <v>1</v>
      </c>
      <c r="C36991" s="14" t="s">
        <v>109</v>
      </c>
      <c r="D36991" s="14" t="s">
        <v>24</v>
      </c>
      <c r="E36991" s="15">
        <v>45502</v>
      </c>
      <c r="F36991" s="14" t="s">
        <v>25</v>
      </c>
      <c r="G36991" s="16">
        <v>1.6539216191444592E-2</v>
      </c>
    </row>
    <row r="36992" spans="1:7" x14ac:dyDescent="0.3">
      <c r="A36992" s="13" t="s">
        <v>223</v>
      </c>
      <c r="B36992" s="14" t="s">
        <v>1</v>
      </c>
      <c r="C36992" s="14" t="s">
        <v>109</v>
      </c>
      <c r="D36992" s="14" t="s">
        <v>24</v>
      </c>
      <c r="E36992" s="15">
        <v>45503</v>
      </c>
      <c r="F36992" s="14" t="s">
        <v>25</v>
      </c>
      <c r="G36992" s="16">
        <v>1.0440701507778184E-2</v>
      </c>
    </row>
    <row r="36993" spans="1:7" x14ac:dyDescent="0.3">
      <c r="A36993" s="13" t="s">
        <v>223</v>
      </c>
      <c r="B36993" s="14" t="s">
        <v>1</v>
      </c>
      <c r="C36993" s="14" t="s">
        <v>109</v>
      </c>
      <c r="D36993" s="14" t="s">
        <v>24</v>
      </c>
      <c r="E36993" s="15">
        <v>45504</v>
      </c>
      <c r="F36993" s="14" t="s">
        <v>25</v>
      </c>
      <c r="G36993" s="16">
        <v>9.851637722675036E-3</v>
      </c>
    </row>
    <row r="36994" spans="1:7" x14ac:dyDescent="0.3">
      <c r="A36994" s="13" t="s">
        <v>223</v>
      </c>
      <c r="B36994" s="14" t="s">
        <v>1</v>
      </c>
      <c r="C36994" s="14" t="s">
        <v>109</v>
      </c>
      <c r="D36994" s="14" t="s">
        <v>24</v>
      </c>
      <c r="E36994" s="15">
        <v>45505</v>
      </c>
      <c r="F36994" s="14" t="s">
        <v>25</v>
      </c>
      <c r="G36994" s="16">
        <v>2.3182087319293006E-2</v>
      </c>
    </row>
    <row r="36995" spans="1:7" x14ac:dyDescent="0.3">
      <c r="A36995" s="13" t="s">
        <v>223</v>
      </c>
      <c r="B36995" s="14" t="s">
        <v>1</v>
      </c>
      <c r="C36995" s="14" t="s">
        <v>109</v>
      </c>
      <c r="D36995" s="14" t="s">
        <v>24</v>
      </c>
      <c r="E36995" s="15">
        <v>45506</v>
      </c>
      <c r="F36995" s="14" t="s">
        <v>25</v>
      </c>
      <c r="G36995" s="16">
        <v>2.0803651522788586E-2</v>
      </c>
    </row>
    <row r="36996" spans="1:7" x14ac:dyDescent="0.3">
      <c r="A36996" s="13" t="s">
        <v>223</v>
      </c>
      <c r="B36996" s="14" t="s">
        <v>1</v>
      </c>
      <c r="C36996" s="14" t="s">
        <v>109</v>
      </c>
      <c r="D36996" s="14" t="s">
        <v>24</v>
      </c>
      <c r="E36996" s="15">
        <v>45507</v>
      </c>
      <c r="F36996" s="14" t="s">
        <v>25</v>
      </c>
      <c r="G36996" s="16">
        <v>2.0803651522788586E-2</v>
      </c>
    </row>
    <row r="36997" spans="1:7" x14ac:dyDescent="0.3">
      <c r="A36997" s="13" t="s">
        <v>223</v>
      </c>
      <c r="B36997" s="14" t="s">
        <v>1</v>
      </c>
      <c r="C36997" s="14" t="s">
        <v>109</v>
      </c>
      <c r="D36997" s="14" t="s">
        <v>24</v>
      </c>
      <c r="E36997" s="15">
        <v>45508</v>
      </c>
      <c r="F36997" s="14" t="s">
        <v>25</v>
      </c>
      <c r="G36997" s="16">
        <v>2.0803651522788586E-2</v>
      </c>
    </row>
    <row r="36998" spans="1:7" x14ac:dyDescent="0.3">
      <c r="A36998" s="13" t="s">
        <v>223</v>
      </c>
      <c r="B36998" s="14" t="s">
        <v>1</v>
      </c>
      <c r="C36998" s="14" t="s">
        <v>109</v>
      </c>
      <c r="D36998" s="14" t="s">
        <v>24</v>
      </c>
      <c r="E36998" s="15">
        <v>45509</v>
      </c>
      <c r="F36998" s="14" t="s">
        <v>25</v>
      </c>
      <c r="G36998" s="16">
        <v>2.0803651522788586E-2</v>
      </c>
    </row>
    <row r="36999" spans="1:7" x14ac:dyDescent="0.3">
      <c r="A36999" s="13" t="s">
        <v>223</v>
      </c>
      <c r="B36999" s="14" t="s">
        <v>1</v>
      </c>
      <c r="C36999" s="14" t="s">
        <v>109</v>
      </c>
      <c r="D36999" s="14" t="s">
        <v>24</v>
      </c>
      <c r="E36999" s="15">
        <v>45510</v>
      </c>
      <c r="F36999" s="14" t="s">
        <v>25</v>
      </c>
      <c r="G36999" s="16">
        <v>1.8746611530135043E-2</v>
      </c>
    </row>
    <row r="37000" spans="1:7" x14ac:dyDescent="0.3">
      <c r="A37000" s="13" t="s">
        <v>223</v>
      </c>
      <c r="B37000" s="14" t="s">
        <v>1</v>
      </c>
      <c r="C37000" s="14" t="s">
        <v>109</v>
      </c>
      <c r="D37000" s="14" t="s">
        <v>24</v>
      </c>
      <c r="E37000" s="15">
        <v>45511</v>
      </c>
      <c r="F37000" s="14" t="s">
        <v>25</v>
      </c>
      <c r="G37000" s="16">
        <v>1.5133747424600141E-2</v>
      </c>
    </row>
    <row r="37001" spans="1:7" x14ac:dyDescent="0.3">
      <c r="A37001" s="13" t="s">
        <v>223</v>
      </c>
      <c r="B37001" s="14" t="s">
        <v>1</v>
      </c>
      <c r="C37001" s="14" t="s">
        <v>109</v>
      </c>
      <c r="D37001" s="14" t="s">
        <v>24</v>
      </c>
      <c r="E37001" s="15">
        <v>45512</v>
      </c>
      <c r="F37001" s="14" t="s">
        <v>25</v>
      </c>
      <c r="G37001" s="16">
        <v>1.4263974271121712E-2</v>
      </c>
    </row>
    <row r="37002" spans="1:7" x14ac:dyDescent="0.3">
      <c r="A37002" s="13" t="s">
        <v>223</v>
      </c>
      <c r="B37002" s="14" t="s">
        <v>1</v>
      </c>
      <c r="C37002" s="14" t="s">
        <v>109</v>
      </c>
      <c r="D37002" s="14" t="s">
        <v>24</v>
      </c>
      <c r="E37002" s="15">
        <v>45513</v>
      </c>
      <c r="F37002" s="14" t="s">
        <v>25</v>
      </c>
      <c r="G37002" s="16">
        <v>2.5742013751622345E-2</v>
      </c>
    </row>
    <row r="37003" spans="1:7" x14ac:dyDescent="0.3">
      <c r="A37003" s="13" t="s">
        <v>223</v>
      </c>
      <c r="B37003" s="14" t="s">
        <v>1</v>
      </c>
      <c r="C37003" s="14" t="s">
        <v>109</v>
      </c>
      <c r="D37003" s="14" t="s">
        <v>24</v>
      </c>
      <c r="E37003" s="15">
        <v>45514</v>
      </c>
      <c r="F37003" s="14" t="s">
        <v>25</v>
      </c>
      <c r="G37003" s="16">
        <v>2.5742013751622345E-2</v>
      </c>
    </row>
    <row r="37004" spans="1:7" x14ac:dyDescent="0.3">
      <c r="A37004" s="13" t="s">
        <v>223</v>
      </c>
      <c r="B37004" s="14" t="s">
        <v>1</v>
      </c>
      <c r="C37004" s="14" t="s">
        <v>109</v>
      </c>
      <c r="D37004" s="14" t="s">
        <v>24</v>
      </c>
      <c r="E37004" s="15">
        <v>45515</v>
      </c>
      <c r="F37004" s="14" t="s">
        <v>25</v>
      </c>
      <c r="G37004" s="16">
        <v>2.5742013751622345E-2</v>
      </c>
    </row>
    <row r="37005" spans="1:7" x14ac:dyDescent="0.3">
      <c r="A37005" s="13" t="s">
        <v>223</v>
      </c>
      <c r="B37005" s="14" t="s">
        <v>1</v>
      </c>
      <c r="C37005" s="14" t="s">
        <v>109</v>
      </c>
      <c r="D37005" s="14" t="s">
        <v>24</v>
      </c>
      <c r="E37005" s="15">
        <v>45516</v>
      </c>
      <c r="F37005" s="14" t="s">
        <v>25</v>
      </c>
      <c r="G37005" s="16">
        <v>2.5184563106188697E-2</v>
      </c>
    </row>
    <row r="37006" spans="1:7" x14ac:dyDescent="0.3">
      <c r="A37006" s="13" t="s">
        <v>223</v>
      </c>
      <c r="B37006" s="14" t="s">
        <v>1</v>
      </c>
      <c r="C37006" s="14" t="s">
        <v>109</v>
      </c>
      <c r="D37006" s="14" t="s">
        <v>24</v>
      </c>
      <c r="E37006" s="15">
        <v>45517</v>
      </c>
      <c r="F37006" s="14" t="s">
        <v>25</v>
      </c>
      <c r="G37006" s="16">
        <v>2.3156685506869005E-2</v>
      </c>
    </row>
    <row r="37007" spans="1:7" x14ac:dyDescent="0.3">
      <c r="A37007" s="13" t="s">
        <v>223</v>
      </c>
      <c r="B37007" s="14" t="s">
        <v>1</v>
      </c>
      <c r="C37007" s="14" t="s">
        <v>109</v>
      </c>
      <c r="D37007" s="14" t="s">
        <v>24</v>
      </c>
      <c r="E37007" s="15">
        <v>45518</v>
      </c>
      <c r="F37007" s="14" t="s">
        <v>25</v>
      </c>
      <c r="G37007" s="16">
        <v>2.126399671988554E-2</v>
      </c>
    </row>
    <row r="37008" spans="1:7" x14ac:dyDescent="0.3">
      <c r="A37008" s="13" t="s">
        <v>223</v>
      </c>
      <c r="B37008" s="14" t="s">
        <v>1</v>
      </c>
      <c r="C37008" s="14" t="s">
        <v>109</v>
      </c>
      <c r="D37008" s="14" t="s">
        <v>24</v>
      </c>
      <c r="E37008" s="15">
        <v>45519</v>
      </c>
      <c r="F37008" s="14" t="s">
        <v>25</v>
      </c>
      <c r="G37008" s="16">
        <v>1.9471067418134386E-2</v>
      </c>
    </row>
    <row r="37009" spans="1:7" x14ac:dyDescent="0.3">
      <c r="A37009" s="13" t="s">
        <v>223</v>
      </c>
      <c r="B37009" s="14" t="s">
        <v>1</v>
      </c>
      <c r="C37009" s="14" t="s">
        <v>109</v>
      </c>
      <c r="D37009" s="14" t="s">
        <v>24</v>
      </c>
      <c r="E37009" s="15">
        <v>45520</v>
      </c>
      <c r="F37009" s="14" t="s">
        <v>25</v>
      </c>
      <c r="G37009" s="16">
        <v>2.79981595145836E-2</v>
      </c>
    </row>
    <row r="37010" spans="1:7" x14ac:dyDescent="0.3">
      <c r="A37010" s="13" t="s">
        <v>223</v>
      </c>
      <c r="B37010" s="14" t="s">
        <v>1</v>
      </c>
      <c r="C37010" s="14" t="s">
        <v>109</v>
      </c>
      <c r="D37010" s="14" t="s">
        <v>24</v>
      </c>
      <c r="E37010" s="15">
        <v>45521</v>
      </c>
      <c r="F37010" s="14" t="s">
        <v>25</v>
      </c>
      <c r="G37010" s="16">
        <v>2.79981595145836E-2</v>
      </c>
    </row>
    <row r="37011" spans="1:7" x14ac:dyDescent="0.3">
      <c r="A37011" s="13" t="s">
        <v>223</v>
      </c>
      <c r="B37011" s="14" t="s">
        <v>1</v>
      </c>
      <c r="C37011" s="14" t="s">
        <v>109</v>
      </c>
      <c r="D37011" s="14" t="s">
        <v>24</v>
      </c>
      <c r="E37011" s="15">
        <v>45522</v>
      </c>
      <c r="F37011" s="14" t="s">
        <v>25</v>
      </c>
      <c r="G37011" s="16">
        <v>2.79981595145836E-2</v>
      </c>
    </row>
    <row r="37012" spans="1:7" x14ac:dyDescent="0.3">
      <c r="A37012" s="13" t="s">
        <v>223</v>
      </c>
      <c r="B37012" s="14" t="s">
        <v>1</v>
      </c>
      <c r="C37012" s="14" t="s">
        <v>109</v>
      </c>
      <c r="D37012" s="14" t="s">
        <v>24</v>
      </c>
      <c r="E37012" s="15">
        <v>45523</v>
      </c>
      <c r="F37012" s="14" t="s">
        <v>25</v>
      </c>
      <c r="G37012" s="16">
        <v>2.5604380147247571E-2</v>
      </c>
    </row>
    <row r="37013" spans="1:7" x14ac:dyDescent="0.3">
      <c r="A37013" s="13" t="s">
        <v>223</v>
      </c>
      <c r="B37013" s="14" t="s">
        <v>1</v>
      </c>
      <c r="C37013" s="14" t="s">
        <v>109</v>
      </c>
      <c r="D37013" s="14" t="s">
        <v>24</v>
      </c>
      <c r="E37013" s="15">
        <v>45524</v>
      </c>
      <c r="F37013" s="14" t="s">
        <v>25</v>
      </c>
      <c r="G37013" s="16">
        <v>1.9295859320912132E-2</v>
      </c>
    </row>
    <row r="37014" spans="1:7" x14ac:dyDescent="0.3">
      <c r="A37014" s="13" t="s">
        <v>223</v>
      </c>
      <c r="B37014" s="14" t="s">
        <v>1</v>
      </c>
      <c r="C37014" s="14" t="s">
        <v>109</v>
      </c>
      <c r="D37014" s="14" t="s">
        <v>24</v>
      </c>
      <c r="E37014" s="15">
        <v>45525</v>
      </c>
      <c r="F37014" s="14" t="s">
        <v>25</v>
      </c>
      <c r="G37014" s="16">
        <v>1.719236938376649E-2</v>
      </c>
    </row>
    <row r="37015" spans="1:7" x14ac:dyDescent="0.3">
      <c r="A37015" s="13" t="s">
        <v>223</v>
      </c>
      <c r="B37015" s="14" t="s">
        <v>1</v>
      </c>
      <c r="C37015" s="14" t="s">
        <v>109</v>
      </c>
      <c r="D37015" s="14" t="s">
        <v>24</v>
      </c>
      <c r="E37015" s="15">
        <v>45526</v>
      </c>
      <c r="F37015" s="14" t="s">
        <v>25</v>
      </c>
      <c r="G37015" s="16">
        <v>1.5139777975072153E-2</v>
      </c>
    </row>
    <row r="37016" spans="1:7" x14ac:dyDescent="0.3">
      <c r="A37016" s="13" t="s">
        <v>223</v>
      </c>
      <c r="B37016" s="14" t="s">
        <v>1</v>
      </c>
      <c r="C37016" s="14" t="s">
        <v>109</v>
      </c>
      <c r="D37016" s="14" t="s">
        <v>24</v>
      </c>
      <c r="E37016" s="15">
        <v>45527</v>
      </c>
      <c r="F37016" s="14" t="s">
        <v>25</v>
      </c>
      <c r="G37016" s="16">
        <v>3.6237866631430318E-2</v>
      </c>
    </row>
    <row r="37017" spans="1:7" x14ac:dyDescent="0.3">
      <c r="A37017" s="13" t="s">
        <v>223</v>
      </c>
      <c r="B37017" s="14" t="s">
        <v>1</v>
      </c>
      <c r="C37017" s="14" t="s">
        <v>109</v>
      </c>
      <c r="D37017" s="14" t="s">
        <v>24</v>
      </c>
      <c r="E37017" s="15">
        <v>45528</v>
      </c>
      <c r="F37017" s="14" t="s">
        <v>25</v>
      </c>
      <c r="G37017" s="16">
        <v>3.6237866631430318E-2</v>
      </c>
    </row>
    <row r="37018" spans="1:7" x14ac:dyDescent="0.3">
      <c r="A37018" s="13" t="s">
        <v>223</v>
      </c>
      <c r="B37018" s="14" t="s">
        <v>1</v>
      </c>
      <c r="C37018" s="14" t="s">
        <v>109</v>
      </c>
      <c r="D37018" s="14" t="s">
        <v>24</v>
      </c>
      <c r="E37018" s="15">
        <v>45529</v>
      </c>
      <c r="F37018" s="14" t="s">
        <v>25</v>
      </c>
      <c r="G37018" s="16">
        <v>3.6237866631430318E-2</v>
      </c>
    </row>
    <row r="37019" spans="1:7" x14ac:dyDescent="0.3">
      <c r="A37019" s="13" t="s">
        <v>223</v>
      </c>
      <c r="B37019" s="14" t="s">
        <v>1</v>
      </c>
      <c r="C37019" s="14" t="s">
        <v>109</v>
      </c>
      <c r="D37019" s="14" t="s">
        <v>24</v>
      </c>
      <c r="E37019" s="15">
        <v>45530</v>
      </c>
      <c r="F37019" s="14" t="s">
        <v>25</v>
      </c>
      <c r="G37019" s="16">
        <v>3.4165675341421051E-2</v>
      </c>
    </row>
    <row r="37020" spans="1:7" x14ac:dyDescent="0.3">
      <c r="A37020" s="13" t="s">
        <v>223</v>
      </c>
      <c r="B37020" s="14" t="s">
        <v>1</v>
      </c>
      <c r="C37020" s="14" t="s">
        <v>109</v>
      </c>
      <c r="D37020" s="14" t="s">
        <v>24</v>
      </c>
      <c r="E37020" s="15">
        <v>45531</v>
      </c>
      <c r="F37020" s="14" t="s">
        <v>25</v>
      </c>
      <c r="G37020" s="16">
        <v>2.7722695909258879E-2</v>
      </c>
    </row>
    <row r="37021" spans="1:7" x14ac:dyDescent="0.3">
      <c r="A37021" s="13" t="s">
        <v>223</v>
      </c>
      <c r="B37021" s="14" t="s">
        <v>1</v>
      </c>
      <c r="C37021" s="14" t="s">
        <v>109</v>
      </c>
      <c r="D37021" s="14" t="s">
        <v>24</v>
      </c>
      <c r="E37021" s="15">
        <v>45532</v>
      </c>
      <c r="F37021" s="14" t="s">
        <v>25</v>
      </c>
      <c r="G37021" s="16">
        <v>3.7157937283071589E-2</v>
      </c>
    </row>
    <row r="37022" spans="1:7" x14ac:dyDescent="0.3">
      <c r="A37022" s="13" t="s">
        <v>223</v>
      </c>
      <c r="B37022" s="14" t="s">
        <v>1</v>
      </c>
      <c r="C37022" s="14" t="s">
        <v>109</v>
      </c>
      <c r="D37022" s="14" t="s">
        <v>24</v>
      </c>
      <c r="E37022" s="15">
        <v>45533</v>
      </c>
      <c r="F37022" s="14" t="s">
        <v>25</v>
      </c>
      <c r="G37022" s="16">
        <v>4.8369742154669132E-2</v>
      </c>
    </row>
    <row r="37023" spans="1:7" x14ac:dyDescent="0.3">
      <c r="A37023" s="13" t="s">
        <v>223</v>
      </c>
      <c r="B37023" s="14" t="s">
        <v>1</v>
      </c>
      <c r="C37023" s="14" t="s">
        <v>109</v>
      </c>
      <c r="D37023" s="14" t="s">
        <v>24</v>
      </c>
      <c r="E37023" s="15">
        <v>45534</v>
      </c>
      <c r="F37023" s="14" t="s">
        <v>25</v>
      </c>
      <c r="G37023" s="16">
        <v>4.6469643618350209E-2</v>
      </c>
    </row>
    <row r="37024" spans="1:7" x14ac:dyDescent="0.3">
      <c r="A37024" s="13" t="s">
        <v>223</v>
      </c>
      <c r="B37024" s="14" t="s">
        <v>1</v>
      </c>
      <c r="C37024" s="14" t="s">
        <v>109</v>
      </c>
      <c r="D37024" s="14" t="s">
        <v>24</v>
      </c>
      <c r="E37024" s="15">
        <v>45535</v>
      </c>
      <c r="F37024" s="14" t="s">
        <v>25</v>
      </c>
      <c r="G37024" s="16">
        <v>4.6469643618350209E-2</v>
      </c>
    </row>
    <row r="37025" spans="1:7" x14ac:dyDescent="0.3">
      <c r="A37025" s="13" t="s">
        <v>223</v>
      </c>
      <c r="B37025" s="14" t="s">
        <v>1</v>
      </c>
      <c r="C37025" s="14" t="s">
        <v>109</v>
      </c>
      <c r="D37025" s="14" t="s">
        <v>24</v>
      </c>
      <c r="E37025" s="15">
        <v>45536</v>
      </c>
      <c r="F37025" s="14" t="s">
        <v>25</v>
      </c>
      <c r="G37025" s="16">
        <v>4.6469643618350209E-2</v>
      </c>
    </row>
    <row r="37026" spans="1:7" x14ac:dyDescent="0.3">
      <c r="A37026" s="13" t="s">
        <v>223</v>
      </c>
      <c r="B37026" s="14" t="s">
        <v>1</v>
      </c>
      <c r="C37026" s="14" t="s">
        <v>109</v>
      </c>
      <c r="D37026" s="14" t="s">
        <v>24</v>
      </c>
      <c r="E37026" s="15">
        <v>45537</v>
      </c>
      <c r="F37026" s="14" t="s">
        <v>25</v>
      </c>
      <c r="G37026" s="16">
        <v>4.4529160640556065E-2</v>
      </c>
    </row>
    <row r="37027" spans="1:7" x14ac:dyDescent="0.3">
      <c r="A37027" s="13" t="s">
        <v>223</v>
      </c>
      <c r="B37027" s="14" t="s">
        <v>1</v>
      </c>
      <c r="C37027" s="14" t="s">
        <v>109</v>
      </c>
      <c r="D37027" s="14" t="s">
        <v>24</v>
      </c>
      <c r="E37027" s="15">
        <v>45538</v>
      </c>
      <c r="F37027" s="14" t="s">
        <v>25</v>
      </c>
      <c r="G37027" s="16">
        <v>3.8314516944154255E-2</v>
      </c>
    </row>
    <row r="37028" spans="1:7" x14ac:dyDescent="0.3">
      <c r="A37028" s="13" t="s">
        <v>223</v>
      </c>
      <c r="B37028" s="14" t="s">
        <v>1</v>
      </c>
      <c r="C37028" s="14" t="s">
        <v>109</v>
      </c>
      <c r="D37028" s="14" t="s">
        <v>24</v>
      </c>
      <c r="E37028" s="15">
        <v>45539</v>
      </c>
      <c r="F37028" s="14" t="s">
        <v>25</v>
      </c>
      <c r="G37028" s="16">
        <v>3.7492937858934414E-2</v>
      </c>
    </row>
    <row r="37029" spans="1:7" x14ac:dyDescent="0.3">
      <c r="A37029" s="13" t="s">
        <v>223</v>
      </c>
      <c r="B37029" s="14" t="s">
        <v>1</v>
      </c>
      <c r="C37029" s="14" t="s">
        <v>109</v>
      </c>
      <c r="D37029" s="14" t="s">
        <v>24</v>
      </c>
      <c r="E37029" s="15">
        <v>45540</v>
      </c>
      <c r="F37029" s="14" t="s">
        <v>25</v>
      </c>
      <c r="G37029" s="16">
        <v>3.5451955764100963E-2</v>
      </c>
    </row>
    <row r="37030" spans="1:7" x14ac:dyDescent="0.3">
      <c r="A37030" s="13" t="s">
        <v>223</v>
      </c>
      <c r="B37030" s="14" t="s">
        <v>1</v>
      </c>
      <c r="C37030" s="14" t="s">
        <v>109</v>
      </c>
      <c r="D37030" s="14" t="s">
        <v>24</v>
      </c>
      <c r="E37030" s="15">
        <v>45541</v>
      </c>
      <c r="F37030" s="14" t="s">
        <v>25</v>
      </c>
      <c r="G37030" s="16">
        <v>3.3851210998405906E-2</v>
      </c>
    </row>
    <row r="37031" spans="1:7" x14ac:dyDescent="0.3">
      <c r="A37031" s="13" t="s">
        <v>223</v>
      </c>
      <c r="B37031" s="14" t="s">
        <v>1</v>
      </c>
      <c r="C37031" s="14" t="s">
        <v>109</v>
      </c>
      <c r="D37031" s="14" t="s">
        <v>24</v>
      </c>
      <c r="E37031" s="15">
        <v>45542</v>
      </c>
      <c r="F37031" s="14" t="s">
        <v>25</v>
      </c>
      <c r="G37031" s="16">
        <v>3.3851210998405906E-2</v>
      </c>
    </row>
    <row r="37032" spans="1:7" x14ac:dyDescent="0.3">
      <c r="A37032" s="13" t="s">
        <v>223</v>
      </c>
      <c r="B37032" s="14" t="s">
        <v>1</v>
      </c>
      <c r="C37032" s="14" t="s">
        <v>109</v>
      </c>
      <c r="D37032" s="14" t="s">
        <v>24</v>
      </c>
      <c r="E37032" s="15">
        <v>45543</v>
      </c>
      <c r="F37032" s="14" t="s">
        <v>25</v>
      </c>
      <c r="G37032" s="16">
        <v>3.3851210998405906E-2</v>
      </c>
    </row>
    <row r="37033" spans="1:7" x14ac:dyDescent="0.3">
      <c r="A37033" s="13" t="s">
        <v>223</v>
      </c>
      <c r="B37033" s="14" t="s">
        <v>1</v>
      </c>
      <c r="C37033" s="14" t="s">
        <v>109</v>
      </c>
      <c r="D37033" s="14" t="s">
        <v>24</v>
      </c>
      <c r="E37033" s="15">
        <v>45544</v>
      </c>
      <c r="F37033" s="14" t="s">
        <v>25</v>
      </c>
      <c r="G37033" s="16">
        <v>3.6677621791913355E-2</v>
      </c>
    </row>
    <row r="37034" spans="1:7" x14ac:dyDescent="0.3">
      <c r="A37034" s="13" t="s">
        <v>223</v>
      </c>
      <c r="B37034" s="14" t="s">
        <v>1</v>
      </c>
      <c r="C37034" s="14" t="s">
        <v>109</v>
      </c>
      <c r="D37034" s="14" t="s">
        <v>24</v>
      </c>
      <c r="E37034" s="15">
        <v>45545</v>
      </c>
      <c r="F37034" s="14" t="s">
        <v>25</v>
      </c>
      <c r="G37034" s="16">
        <v>3.0888493918909934E-2</v>
      </c>
    </row>
    <row r="37035" spans="1:7" x14ac:dyDescent="0.3">
      <c r="A37035" s="13" t="s">
        <v>223</v>
      </c>
      <c r="B37035" s="14" t="s">
        <v>1</v>
      </c>
      <c r="C37035" s="14" t="s">
        <v>109</v>
      </c>
      <c r="D37035" s="14" t="s">
        <v>24</v>
      </c>
      <c r="E37035" s="15">
        <v>45546</v>
      </c>
      <c r="F37035" s="14" t="s">
        <v>25</v>
      </c>
      <c r="G37035" s="16">
        <v>2.8547184311618734E-2</v>
      </c>
    </row>
    <row r="37036" spans="1:7" x14ac:dyDescent="0.3">
      <c r="A37036" s="13" t="s">
        <v>223</v>
      </c>
      <c r="B37036" s="14" t="s">
        <v>1</v>
      </c>
      <c r="C37036" s="14" t="s">
        <v>109</v>
      </c>
      <c r="D37036" s="14" t="s">
        <v>24</v>
      </c>
      <c r="E37036" s="15">
        <v>45547</v>
      </c>
      <c r="F37036" s="14" t="s">
        <v>25</v>
      </c>
      <c r="G37036" s="16">
        <v>2.6610761686048472E-2</v>
      </c>
    </row>
    <row r="37037" spans="1:7" x14ac:dyDescent="0.3">
      <c r="A37037" s="13" t="s">
        <v>223</v>
      </c>
      <c r="B37037" s="14" t="s">
        <v>1</v>
      </c>
      <c r="C37037" s="14" t="s">
        <v>109</v>
      </c>
      <c r="D37037" s="14" t="s">
        <v>24</v>
      </c>
      <c r="E37037" s="15">
        <v>45548</v>
      </c>
      <c r="F37037" s="14" t="s">
        <v>25</v>
      </c>
      <c r="G37037" s="16">
        <v>2.5121760767694949E-2</v>
      </c>
    </row>
    <row r="37038" spans="1:7" x14ac:dyDescent="0.3">
      <c r="A37038" s="13" t="s">
        <v>223</v>
      </c>
      <c r="B37038" s="14" t="s">
        <v>1</v>
      </c>
      <c r="C37038" s="14" t="s">
        <v>109</v>
      </c>
      <c r="D37038" s="14" t="s">
        <v>24</v>
      </c>
      <c r="E37038" s="15">
        <v>45549</v>
      </c>
      <c r="F37038" s="14" t="s">
        <v>25</v>
      </c>
      <c r="G37038" s="16">
        <v>2.5121760767694949E-2</v>
      </c>
    </row>
    <row r="37039" spans="1:7" x14ac:dyDescent="0.3">
      <c r="A37039" s="13" t="s">
        <v>223</v>
      </c>
      <c r="B37039" s="14" t="s">
        <v>1</v>
      </c>
      <c r="C37039" s="14" t="s">
        <v>109</v>
      </c>
      <c r="D37039" s="14" t="s">
        <v>24</v>
      </c>
      <c r="E37039" s="15">
        <v>45550</v>
      </c>
      <c r="F37039" s="14" t="s">
        <v>25</v>
      </c>
      <c r="G37039" s="16">
        <v>2.5121760767694949E-2</v>
      </c>
    </row>
    <row r="37040" spans="1:7" x14ac:dyDescent="0.3">
      <c r="A37040" s="13" t="s">
        <v>223</v>
      </c>
      <c r="B37040" s="14" t="s">
        <v>1</v>
      </c>
      <c r="C37040" s="14" t="s">
        <v>109</v>
      </c>
      <c r="D37040" s="14" t="s">
        <v>24</v>
      </c>
      <c r="E37040" s="15">
        <v>45551</v>
      </c>
      <c r="F37040" s="14" t="s">
        <v>25</v>
      </c>
      <c r="G37040" s="16">
        <v>2.336869378589769E-2</v>
      </c>
    </row>
    <row r="37041" spans="1:7" x14ac:dyDescent="0.3">
      <c r="A37041" s="13" t="s">
        <v>223</v>
      </c>
      <c r="B37041" s="14" t="s">
        <v>1</v>
      </c>
      <c r="C37041" s="14" t="s">
        <v>109</v>
      </c>
      <c r="D37041" s="14" t="s">
        <v>24</v>
      </c>
      <c r="E37041" s="15">
        <v>45552</v>
      </c>
      <c r="F37041" s="14" t="s">
        <v>25</v>
      </c>
      <c r="G37041" s="16">
        <v>1.74620289933799E-2</v>
      </c>
    </row>
    <row r="37042" spans="1:7" x14ac:dyDescent="0.3">
      <c r="A37042" s="13" t="s">
        <v>223</v>
      </c>
      <c r="B37042" s="14" t="s">
        <v>1</v>
      </c>
      <c r="C37042" s="14" t="s">
        <v>109</v>
      </c>
      <c r="D37042" s="14" t="s">
        <v>24</v>
      </c>
      <c r="E37042" s="15">
        <v>45553</v>
      </c>
      <c r="F37042" s="14" t="s">
        <v>25</v>
      </c>
      <c r="G37042" s="16">
        <v>1.5672020066168392E-2</v>
      </c>
    </row>
    <row r="37043" spans="1:7" x14ac:dyDescent="0.3">
      <c r="A37043" s="13" t="s">
        <v>223</v>
      </c>
      <c r="B37043" s="14" t="s">
        <v>1</v>
      </c>
      <c r="C37043" s="14" t="s">
        <v>109</v>
      </c>
      <c r="D37043" s="14" t="s">
        <v>24</v>
      </c>
      <c r="E37043" s="15">
        <v>45554</v>
      </c>
      <c r="F37043" s="14" t="s">
        <v>25</v>
      </c>
      <c r="G37043" s="16">
        <v>1.3704009726203678E-2</v>
      </c>
    </row>
    <row r="37044" spans="1:7" x14ac:dyDescent="0.3">
      <c r="A37044" s="13" t="s">
        <v>223</v>
      </c>
      <c r="B37044" s="14" t="s">
        <v>1</v>
      </c>
      <c r="C37044" s="14" t="s">
        <v>109</v>
      </c>
      <c r="D37044" s="14" t="s">
        <v>24</v>
      </c>
      <c r="E37044" s="15">
        <v>45555</v>
      </c>
      <c r="F37044" s="14" t="s">
        <v>25</v>
      </c>
      <c r="G37044" s="16">
        <v>1.1763708534805913E-2</v>
      </c>
    </row>
    <row r="37045" spans="1:7" x14ac:dyDescent="0.3">
      <c r="A37045" s="13" t="s">
        <v>223</v>
      </c>
      <c r="B37045" s="14" t="s">
        <v>1</v>
      </c>
      <c r="C37045" s="14" t="s">
        <v>109</v>
      </c>
      <c r="D37045" s="14" t="s">
        <v>24</v>
      </c>
      <c r="E37045" s="15">
        <v>45556</v>
      </c>
      <c r="F37045" s="14" t="s">
        <v>25</v>
      </c>
      <c r="G37045" s="16">
        <v>1.1763708534805913E-2</v>
      </c>
    </row>
    <row r="37046" spans="1:7" x14ac:dyDescent="0.3">
      <c r="A37046" s="13" t="s">
        <v>223</v>
      </c>
      <c r="B37046" s="14" t="s">
        <v>1</v>
      </c>
      <c r="C37046" s="14" t="s">
        <v>109</v>
      </c>
      <c r="D37046" s="14" t="s">
        <v>24</v>
      </c>
      <c r="E37046" s="15">
        <v>45557</v>
      </c>
      <c r="F37046" s="14" t="s">
        <v>25</v>
      </c>
      <c r="G37046" s="16">
        <v>1.1763708534805913E-2</v>
      </c>
    </row>
    <row r="37047" spans="1:7" x14ac:dyDescent="0.3">
      <c r="A37047" s="13" t="s">
        <v>223</v>
      </c>
      <c r="B37047" s="14" t="s">
        <v>1</v>
      </c>
      <c r="C37047" s="14" t="s">
        <v>109</v>
      </c>
      <c r="D37047" s="14" t="s">
        <v>24</v>
      </c>
      <c r="E37047" s="15">
        <v>45558</v>
      </c>
      <c r="F37047" s="14" t="s">
        <v>25</v>
      </c>
      <c r="G37047" s="16">
        <v>9.7133180680657009E-3</v>
      </c>
    </row>
    <row r="37048" spans="1:7" x14ac:dyDescent="0.3">
      <c r="A37048" s="13" t="s">
        <v>223</v>
      </c>
      <c r="B37048" s="14" t="s">
        <v>1</v>
      </c>
      <c r="C37048" s="14" t="s">
        <v>109</v>
      </c>
      <c r="D37048" s="14" t="s">
        <v>24</v>
      </c>
      <c r="E37048" s="15">
        <v>45559</v>
      </c>
      <c r="F37048" s="14" t="s">
        <v>25</v>
      </c>
      <c r="G37048" s="16">
        <v>3.6714227749975997E-3</v>
      </c>
    </row>
    <row r="37049" spans="1:7" x14ac:dyDescent="0.3">
      <c r="A37049" s="13" t="s">
        <v>223</v>
      </c>
      <c r="B37049" s="14" t="s">
        <v>1</v>
      </c>
      <c r="C37049" s="14" t="s">
        <v>109</v>
      </c>
      <c r="D37049" s="14" t="s">
        <v>24</v>
      </c>
      <c r="E37049" s="15">
        <v>45560</v>
      </c>
      <c r="F37049" s="14" t="s">
        <v>25</v>
      </c>
      <c r="G37049" s="16">
        <v>1.6762398534657403E-3</v>
      </c>
    </row>
    <row r="37050" spans="1:7" x14ac:dyDescent="0.3">
      <c r="A37050" s="13" t="s">
        <v>223</v>
      </c>
      <c r="B37050" s="14" t="s">
        <v>1</v>
      </c>
      <c r="C37050" s="14" t="s">
        <v>109</v>
      </c>
      <c r="D37050" s="14" t="s">
        <v>24</v>
      </c>
      <c r="E37050" s="15">
        <v>45561</v>
      </c>
      <c r="F37050" s="14" t="s">
        <v>25</v>
      </c>
      <c r="G37050" s="16">
        <v>0</v>
      </c>
    </row>
    <row r="37051" spans="1:7" x14ac:dyDescent="0.3">
      <c r="A37051" s="13" t="s">
        <v>223</v>
      </c>
      <c r="B37051" s="14" t="s">
        <v>1</v>
      </c>
      <c r="C37051" s="14" t="s">
        <v>109</v>
      </c>
      <c r="D37051" s="14" t="s">
        <v>24</v>
      </c>
      <c r="E37051" s="15">
        <v>45562</v>
      </c>
      <c r="F37051" s="14" t="s">
        <v>25</v>
      </c>
      <c r="G37051" s="16">
        <v>0</v>
      </c>
    </row>
    <row r="37052" spans="1:7" x14ac:dyDescent="0.3">
      <c r="A37052" s="13" t="s">
        <v>223</v>
      </c>
      <c r="B37052" s="14" t="s">
        <v>1</v>
      </c>
      <c r="C37052" s="14" t="s">
        <v>109</v>
      </c>
      <c r="D37052" s="14" t="s">
        <v>24</v>
      </c>
      <c r="E37052" s="15">
        <v>45563</v>
      </c>
      <c r="F37052" s="14" t="s">
        <v>25</v>
      </c>
      <c r="G37052" s="16">
        <v>0</v>
      </c>
    </row>
    <row r="37053" spans="1:7" x14ac:dyDescent="0.3">
      <c r="A37053" s="13" t="s">
        <v>223</v>
      </c>
      <c r="B37053" s="14" t="s">
        <v>1</v>
      </c>
      <c r="C37053" s="14" t="s">
        <v>109</v>
      </c>
      <c r="D37053" s="14" t="s">
        <v>24</v>
      </c>
      <c r="E37053" s="15">
        <v>45564</v>
      </c>
      <c r="F37053" s="14" t="s">
        <v>25</v>
      </c>
      <c r="G37053" s="16">
        <v>0</v>
      </c>
    </row>
    <row r="37054" spans="1:7" x14ac:dyDescent="0.3">
      <c r="A37054" s="13" t="s">
        <v>223</v>
      </c>
      <c r="B37054" s="14" t="s">
        <v>1</v>
      </c>
      <c r="C37054" s="14" t="s">
        <v>109</v>
      </c>
      <c r="D37054" s="14" t="s">
        <v>24</v>
      </c>
      <c r="E37054" s="15">
        <v>45565</v>
      </c>
      <c r="F37054" s="14" t="s">
        <v>25</v>
      </c>
      <c r="G37054" s="16">
        <v>1.8482138609318771E-2</v>
      </c>
    </row>
    <row r="37055" spans="1:7" x14ac:dyDescent="0.3">
      <c r="A37055" s="13" t="s">
        <v>223</v>
      </c>
      <c r="B37055" s="14" t="s">
        <v>1</v>
      </c>
      <c r="C37055" s="14" t="s">
        <v>109</v>
      </c>
      <c r="D37055" s="14" t="s">
        <v>24</v>
      </c>
      <c r="E37055" s="15">
        <v>45566</v>
      </c>
      <c r="F37055" s="14" t="s">
        <v>25</v>
      </c>
      <c r="G37055" s="16">
        <v>1.4384652500799214E-2</v>
      </c>
    </row>
    <row r="37056" spans="1:7" x14ac:dyDescent="0.3">
      <c r="A37056" s="13" t="s">
        <v>223</v>
      </c>
      <c r="B37056" s="14" t="s">
        <v>1</v>
      </c>
      <c r="C37056" s="14" t="s">
        <v>109</v>
      </c>
      <c r="D37056" s="14" t="s">
        <v>24</v>
      </c>
      <c r="E37056" s="15">
        <v>45567</v>
      </c>
      <c r="F37056" s="14" t="s">
        <v>25</v>
      </c>
      <c r="G37056" s="16">
        <v>1.2547371569952998E-2</v>
      </c>
    </row>
    <row r="37057" spans="1:7" x14ac:dyDescent="0.3">
      <c r="A37057" s="13" t="s">
        <v>223</v>
      </c>
      <c r="B37057" s="14" t="s">
        <v>1</v>
      </c>
      <c r="C37057" s="14" t="s">
        <v>109</v>
      </c>
      <c r="D37057" s="14" t="s">
        <v>24</v>
      </c>
      <c r="E37057" s="15">
        <v>45568</v>
      </c>
      <c r="F37057" s="14" t="s">
        <v>25</v>
      </c>
      <c r="G37057" s="16">
        <v>1.0550416450077456E-2</v>
      </c>
    </row>
    <row r="37058" spans="1:7" x14ac:dyDescent="0.3">
      <c r="A37058" s="13" t="s">
        <v>223</v>
      </c>
      <c r="B37058" s="14" t="s">
        <v>1</v>
      </c>
      <c r="C37058" s="14" t="s">
        <v>109</v>
      </c>
      <c r="D37058" s="14" t="s">
        <v>24</v>
      </c>
      <c r="E37058" s="15">
        <v>45569</v>
      </c>
      <c r="F37058" s="14" t="s">
        <v>25</v>
      </c>
      <c r="G37058" s="16">
        <v>8.5651094224618533E-3</v>
      </c>
    </row>
    <row r="37059" spans="1:7" x14ac:dyDescent="0.3">
      <c r="A37059" s="13" t="s">
        <v>223</v>
      </c>
      <c r="B37059" s="14" t="s">
        <v>1</v>
      </c>
      <c r="C37059" s="14" t="s">
        <v>109</v>
      </c>
      <c r="D37059" s="14" t="s">
        <v>24</v>
      </c>
      <c r="E37059" s="15">
        <v>45570</v>
      </c>
      <c r="F37059" s="14" t="s">
        <v>25</v>
      </c>
      <c r="G37059" s="16">
        <v>8.5651094224618533E-3</v>
      </c>
    </row>
    <row r="37060" spans="1:7" x14ac:dyDescent="0.3">
      <c r="A37060" s="13" t="s">
        <v>223</v>
      </c>
      <c r="B37060" s="14" t="s">
        <v>1</v>
      </c>
      <c r="C37060" s="14" t="s">
        <v>109</v>
      </c>
      <c r="D37060" s="14" t="s">
        <v>24</v>
      </c>
      <c r="E37060" s="15">
        <v>45571</v>
      </c>
      <c r="F37060" s="14" t="s">
        <v>25</v>
      </c>
      <c r="G37060" s="16">
        <v>8.5651094224618533E-3</v>
      </c>
    </row>
    <row r="37061" spans="1:7" x14ac:dyDescent="0.3">
      <c r="A37061" s="13" t="s">
        <v>223</v>
      </c>
      <c r="B37061" s="14" t="s">
        <v>1</v>
      </c>
      <c r="C37061" s="14" t="s">
        <v>109</v>
      </c>
      <c r="D37061" s="14" t="s">
        <v>24</v>
      </c>
      <c r="E37061" s="15">
        <v>45572</v>
      </c>
      <c r="F37061" s="14" t="s">
        <v>25</v>
      </c>
      <c r="G37061" s="16">
        <v>1.0109770842472575E-2</v>
      </c>
    </row>
    <row r="37062" spans="1:7" x14ac:dyDescent="0.3">
      <c r="A37062" s="13" t="s">
        <v>223</v>
      </c>
      <c r="B37062" s="14" t="s">
        <v>1</v>
      </c>
      <c r="C37062" s="14" t="s">
        <v>109</v>
      </c>
      <c r="D37062" s="14" t="s">
        <v>24</v>
      </c>
      <c r="E37062" s="15">
        <v>45573</v>
      </c>
      <c r="F37062" s="14" t="s">
        <v>25</v>
      </c>
      <c r="G37062" s="16">
        <v>3.9547662201597162E-3</v>
      </c>
    </row>
    <row r="37063" spans="1:7" x14ac:dyDescent="0.3">
      <c r="A37063" s="13" t="s">
        <v>223</v>
      </c>
      <c r="B37063" s="14" t="s">
        <v>1</v>
      </c>
      <c r="C37063" s="14" t="s">
        <v>109</v>
      </c>
      <c r="D37063" s="14" t="s">
        <v>24</v>
      </c>
      <c r="E37063" s="15">
        <v>45574</v>
      </c>
      <c r="F37063" s="14" t="s">
        <v>25</v>
      </c>
      <c r="G37063" s="16">
        <v>1.8981337084335516E-3</v>
      </c>
    </row>
    <row r="37064" spans="1:7" x14ac:dyDescent="0.3">
      <c r="A37064" s="13" t="s">
        <v>223</v>
      </c>
      <c r="B37064" s="14" t="s">
        <v>1</v>
      </c>
      <c r="C37064" s="14" t="s">
        <v>109</v>
      </c>
      <c r="D37064" s="14" t="s">
        <v>24</v>
      </c>
      <c r="E37064" s="15">
        <v>45575</v>
      </c>
      <c r="F37064" s="14" t="s">
        <v>25</v>
      </c>
      <c r="G37064" s="16">
        <v>0</v>
      </c>
    </row>
    <row r="37065" spans="1:7" x14ac:dyDescent="0.3">
      <c r="A37065" s="13" t="s">
        <v>223</v>
      </c>
      <c r="B37065" s="14" t="s">
        <v>1</v>
      </c>
      <c r="C37065" s="14" t="s">
        <v>109</v>
      </c>
      <c r="D37065" s="14" t="s">
        <v>24</v>
      </c>
      <c r="E37065" s="15">
        <v>45576</v>
      </c>
      <c r="F37065" s="14" t="s">
        <v>25</v>
      </c>
      <c r="G37065" s="16">
        <v>0</v>
      </c>
    </row>
    <row r="37066" spans="1:7" x14ac:dyDescent="0.3">
      <c r="A37066" s="13" t="s">
        <v>223</v>
      </c>
      <c r="B37066" s="14" t="s">
        <v>1</v>
      </c>
      <c r="C37066" s="14" t="s">
        <v>109</v>
      </c>
      <c r="D37066" s="14" t="s">
        <v>24</v>
      </c>
      <c r="E37066" s="15">
        <v>45577</v>
      </c>
      <c r="F37066" s="14" t="s">
        <v>25</v>
      </c>
      <c r="G37066" s="16">
        <v>0</v>
      </c>
    </row>
    <row r="37067" spans="1:7" x14ac:dyDescent="0.3">
      <c r="A37067" s="13" t="s">
        <v>223</v>
      </c>
      <c r="B37067" s="14" t="s">
        <v>1</v>
      </c>
      <c r="C37067" s="14" t="s">
        <v>109</v>
      </c>
      <c r="D37067" s="14" t="s">
        <v>24</v>
      </c>
      <c r="E37067" s="15">
        <v>45578</v>
      </c>
      <c r="F37067" s="14" t="s">
        <v>25</v>
      </c>
      <c r="G37067" s="16">
        <v>0</v>
      </c>
    </row>
    <row r="37068" spans="1:7" x14ac:dyDescent="0.3">
      <c r="A37068" s="13" t="s">
        <v>223</v>
      </c>
      <c r="B37068" s="14" t="s">
        <v>1</v>
      </c>
      <c r="C37068" s="14" t="s">
        <v>109</v>
      </c>
      <c r="D37068" s="14" t="s">
        <v>24</v>
      </c>
      <c r="E37068" s="15">
        <v>45579</v>
      </c>
      <c r="F37068" s="14" t="s">
        <v>25</v>
      </c>
      <c r="G37068" s="16">
        <v>0</v>
      </c>
    </row>
    <row r="37069" spans="1:7" x14ac:dyDescent="0.3">
      <c r="A37069" s="13" t="s">
        <v>223</v>
      </c>
      <c r="B37069" s="14" t="s">
        <v>1</v>
      </c>
      <c r="C37069" s="14" t="s">
        <v>109</v>
      </c>
      <c r="D37069" s="14" t="s">
        <v>24</v>
      </c>
      <c r="E37069" s="15">
        <v>45580</v>
      </c>
      <c r="F37069" s="14" t="s">
        <v>25</v>
      </c>
      <c r="G37069" s="16">
        <v>0</v>
      </c>
    </row>
    <row r="37070" spans="1:7" x14ac:dyDescent="0.3">
      <c r="A37070" s="13" t="s">
        <v>223</v>
      </c>
      <c r="B37070" s="14" t="s">
        <v>1</v>
      </c>
      <c r="C37070" s="14" t="s">
        <v>109</v>
      </c>
      <c r="D37070" s="14" t="s">
        <v>24</v>
      </c>
      <c r="E37070" s="15">
        <v>45581</v>
      </c>
      <c r="F37070" s="14" t="s">
        <v>25</v>
      </c>
      <c r="G37070" s="16">
        <v>0</v>
      </c>
    </row>
    <row r="37071" spans="1:7" x14ac:dyDescent="0.3">
      <c r="A37071" s="13" t="s">
        <v>223</v>
      </c>
      <c r="B37071" s="14" t="s">
        <v>1</v>
      </c>
      <c r="C37071" s="14" t="s">
        <v>109</v>
      </c>
      <c r="D37071" s="14" t="s">
        <v>24</v>
      </c>
      <c r="E37071" s="15">
        <v>45582</v>
      </c>
      <c r="F37071" s="14" t="s">
        <v>25</v>
      </c>
      <c r="G37071" s="16">
        <v>0</v>
      </c>
    </row>
    <row r="37072" spans="1:7" x14ac:dyDescent="0.3">
      <c r="A37072" s="13" t="s">
        <v>223</v>
      </c>
      <c r="B37072" s="14" t="s">
        <v>1</v>
      </c>
      <c r="C37072" s="14" t="s">
        <v>109</v>
      </c>
      <c r="D37072" s="14" t="s">
        <v>24</v>
      </c>
      <c r="E37072" s="15">
        <v>45583</v>
      </c>
      <c r="F37072" s="14" t="s">
        <v>25</v>
      </c>
      <c r="G37072" s="16">
        <v>0</v>
      </c>
    </row>
    <row r="37073" spans="1:7" x14ac:dyDescent="0.3">
      <c r="A37073" s="13" t="s">
        <v>223</v>
      </c>
      <c r="B37073" s="14" t="s">
        <v>1</v>
      </c>
      <c r="C37073" s="14" t="s">
        <v>109</v>
      </c>
      <c r="D37073" s="14" t="s">
        <v>24</v>
      </c>
      <c r="E37073" s="15">
        <v>45584</v>
      </c>
      <c r="F37073" s="14" t="s">
        <v>25</v>
      </c>
      <c r="G37073" s="16">
        <v>0</v>
      </c>
    </row>
    <row r="37074" spans="1:7" x14ac:dyDescent="0.3">
      <c r="A37074" s="13" t="s">
        <v>223</v>
      </c>
      <c r="B37074" s="14" t="s">
        <v>1</v>
      </c>
      <c r="C37074" s="14" t="s">
        <v>109</v>
      </c>
      <c r="D37074" s="14" t="s">
        <v>24</v>
      </c>
      <c r="E37074" s="15">
        <v>45585</v>
      </c>
      <c r="F37074" s="14" t="s">
        <v>25</v>
      </c>
      <c r="G37074" s="16">
        <v>0</v>
      </c>
    </row>
    <row r="37075" spans="1:7" x14ac:dyDescent="0.3">
      <c r="A37075" s="13" t="s">
        <v>223</v>
      </c>
      <c r="B37075" s="14" t="s">
        <v>1</v>
      </c>
      <c r="C37075" s="14" t="s">
        <v>109</v>
      </c>
      <c r="D37075" s="14" t="s">
        <v>24</v>
      </c>
      <c r="E37075" s="15">
        <v>45586</v>
      </c>
      <c r="F37075" s="14" t="s">
        <v>25</v>
      </c>
      <c r="G37075" s="16">
        <v>0</v>
      </c>
    </row>
    <row r="37076" spans="1:7" x14ac:dyDescent="0.3">
      <c r="A37076" s="13" t="s">
        <v>223</v>
      </c>
      <c r="B37076" s="14" t="s">
        <v>1</v>
      </c>
      <c r="C37076" s="14" t="s">
        <v>109</v>
      </c>
      <c r="D37076" s="14" t="s">
        <v>24</v>
      </c>
      <c r="E37076" s="15">
        <v>45587</v>
      </c>
      <c r="F37076" s="14" t="s">
        <v>25</v>
      </c>
      <c r="G37076" s="16">
        <v>0</v>
      </c>
    </row>
    <row r="37077" spans="1:7" x14ac:dyDescent="0.3">
      <c r="A37077" s="13" t="s">
        <v>223</v>
      </c>
      <c r="B37077" s="14" t="s">
        <v>1</v>
      </c>
      <c r="C37077" s="14" t="s">
        <v>109</v>
      </c>
      <c r="D37077" s="14" t="s">
        <v>24</v>
      </c>
      <c r="E37077" s="15">
        <v>45588</v>
      </c>
      <c r="F37077" s="14" t="s">
        <v>25</v>
      </c>
      <c r="G37077" s="16">
        <v>0</v>
      </c>
    </row>
    <row r="37078" spans="1:7" x14ac:dyDescent="0.3">
      <c r="A37078" s="13" t="s">
        <v>223</v>
      </c>
      <c r="B37078" s="14" t="s">
        <v>1</v>
      </c>
      <c r="C37078" s="14" t="s">
        <v>109</v>
      </c>
      <c r="D37078" s="14" t="s">
        <v>24</v>
      </c>
      <c r="E37078" s="15">
        <v>45589</v>
      </c>
      <c r="F37078" s="14" t="s">
        <v>25</v>
      </c>
      <c r="G37078" s="16">
        <v>0</v>
      </c>
    </row>
    <row r="37079" spans="1:7" x14ac:dyDescent="0.3">
      <c r="A37079" s="13" t="s">
        <v>223</v>
      </c>
      <c r="B37079" s="14" t="s">
        <v>1</v>
      </c>
      <c r="C37079" s="14" t="s">
        <v>109</v>
      </c>
      <c r="D37079" s="14" t="s">
        <v>24</v>
      </c>
      <c r="E37079" s="15">
        <v>45590</v>
      </c>
      <c r="F37079" s="14" t="s">
        <v>25</v>
      </c>
      <c r="G37079" s="16">
        <v>0</v>
      </c>
    </row>
    <row r="37080" spans="1:7" x14ac:dyDescent="0.3">
      <c r="A37080" s="13" t="s">
        <v>223</v>
      </c>
      <c r="B37080" s="14" t="s">
        <v>1</v>
      </c>
      <c r="C37080" s="14" t="s">
        <v>109</v>
      </c>
      <c r="D37080" s="14" t="s">
        <v>24</v>
      </c>
      <c r="E37080" s="15">
        <v>45591</v>
      </c>
      <c r="F37080" s="14" t="s">
        <v>25</v>
      </c>
      <c r="G37080" s="16">
        <v>0</v>
      </c>
    </row>
    <row r="37081" spans="1:7" x14ac:dyDescent="0.3">
      <c r="A37081" s="13" t="s">
        <v>223</v>
      </c>
      <c r="B37081" s="14" t="s">
        <v>1</v>
      </c>
      <c r="C37081" s="14" t="s">
        <v>109</v>
      </c>
      <c r="D37081" s="14" t="s">
        <v>24</v>
      </c>
      <c r="E37081" s="15">
        <v>45592</v>
      </c>
      <c r="F37081" s="14" t="s">
        <v>25</v>
      </c>
      <c r="G37081" s="16">
        <v>0</v>
      </c>
    </row>
    <row r="37082" spans="1:7" x14ac:dyDescent="0.3">
      <c r="A37082" s="13" t="s">
        <v>223</v>
      </c>
      <c r="B37082" s="14" t="s">
        <v>1</v>
      </c>
      <c r="C37082" s="14" t="s">
        <v>109</v>
      </c>
      <c r="D37082" s="14" t="s">
        <v>24</v>
      </c>
      <c r="E37082" s="15">
        <v>45593</v>
      </c>
      <c r="F37082" s="14" t="s">
        <v>25</v>
      </c>
      <c r="G37082" s="16">
        <v>0</v>
      </c>
    </row>
    <row r="37083" spans="1:7" x14ac:dyDescent="0.3">
      <c r="A37083" s="13" t="s">
        <v>223</v>
      </c>
      <c r="B37083" s="14" t="s">
        <v>1</v>
      </c>
      <c r="C37083" s="14" t="s">
        <v>109</v>
      </c>
      <c r="D37083" s="14" t="s">
        <v>24</v>
      </c>
      <c r="E37083" s="15">
        <v>45594</v>
      </c>
      <c r="F37083" s="14" t="s">
        <v>25</v>
      </c>
      <c r="G37083" s="16">
        <v>0</v>
      </c>
    </row>
    <row r="37084" spans="1:7" x14ac:dyDescent="0.3">
      <c r="A37084" s="13" t="s">
        <v>223</v>
      </c>
      <c r="B37084" s="14" t="s">
        <v>1</v>
      </c>
      <c r="C37084" s="14" t="s">
        <v>109</v>
      </c>
      <c r="D37084" s="14" t="s">
        <v>24</v>
      </c>
      <c r="E37084" s="15">
        <v>45595</v>
      </c>
      <c r="F37084" s="14" t="s">
        <v>25</v>
      </c>
      <c r="G37084" s="16">
        <v>0</v>
      </c>
    </row>
    <row r="37085" spans="1:7" x14ac:dyDescent="0.3">
      <c r="A37085" s="13" t="s">
        <v>223</v>
      </c>
      <c r="B37085" s="14" t="s">
        <v>1</v>
      </c>
      <c r="C37085" s="14" t="s">
        <v>109</v>
      </c>
      <c r="D37085" s="14" t="s">
        <v>24</v>
      </c>
      <c r="E37085" s="15">
        <v>45596</v>
      </c>
      <c r="F37085" s="14" t="s">
        <v>25</v>
      </c>
      <c r="G37085" s="16">
        <v>0</v>
      </c>
    </row>
    <row r="37086" spans="1:7" x14ac:dyDescent="0.3">
      <c r="A37086" s="13" t="s">
        <v>223</v>
      </c>
      <c r="B37086" s="14" t="s">
        <v>1</v>
      </c>
      <c r="C37086" s="14" t="s">
        <v>109</v>
      </c>
      <c r="D37086" s="14" t="s">
        <v>24</v>
      </c>
      <c r="E37086" s="15">
        <v>45597</v>
      </c>
      <c r="F37086" s="14" t="s">
        <v>25</v>
      </c>
      <c r="G37086" s="16">
        <v>0</v>
      </c>
    </row>
    <row r="37087" spans="1:7" x14ac:dyDescent="0.3">
      <c r="A37087" s="13" t="s">
        <v>223</v>
      </c>
      <c r="B37087" s="14" t="s">
        <v>1</v>
      </c>
      <c r="C37087" s="14" t="s">
        <v>109</v>
      </c>
      <c r="D37087" s="14" t="s">
        <v>24</v>
      </c>
      <c r="E37087" s="15">
        <v>45598</v>
      </c>
      <c r="F37087" s="14" t="s">
        <v>25</v>
      </c>
      <c r="G37087" s="16">
        <v>0</v>
      </c>
    </row>
    <row r="37088" spans="1:7" x14ac:dyDescent="0.3">
      <c r="A37088" s="13" t="s">
        <v>223</v>
      </c>
      <c r="B37088" s="14" t="s">
        <v>1</v>
      </c>
      <c r="C37088" s="14" t="s">
        <v>109</v>
      </c>
      <c r="D37088" s="14" t="s">
        <v>24</v>
      </c>
      <c r="E37088" s="15">
        <v>45599</v>
      </c>
      <c r="F37088" s="14" t="s">
        <v>25</v>
      </c>
      <c r="G37088" s="16">
        <v>0</v>
      </c>
    </row>
    <row r="37089" spans="1:7" x14ac:dyDescent="0.3">
      <c r="A37089" s="13" t="s">
        <v>223</v>
      </c>
      <c r="B37089" s="14" t="s">
        <v>1</v>
      </c>
      <c r="C37089" s="14" t="s">
        <v>109</v>
      </c>
      <c r="D37089" s="14" t="s">
        <v>24</v>
      </c>
      <c r="E37089" s="15">
        <v>45600</v>
      </c>
      <c r="F37089" s="14" t="s">
        <v>25</v>
      </c>
      <c r="G37089" s="16">
        <v>0</v>
      </c>
    </row>
    <row r="37090" spans="1:7" x14ac:dyDescent="0.3">
      <c r="A37090" s="13" t="s">
        <v>223</v>
      </c>
      <c r="B37090" s="14" t="s">
        <v>1</v>
      </c>
      <c r="C37090" s="14" t="s">
        <v>109</v>
      </c>
      <c r="D37090" s="14" t="s">
        <v>24</v>
      </c>
      <c r="E37090" s="15">
        <v>45601</v>
      </c>
      <c r="F37090" s="14" t="s">
        <v>25</v>
      </c>
      <c r="G37090" s="16">
        <v>0</v>
      </c>
    </row>
    <row r="37091" spans="1:7" x14ac:dyDescent="0.3">
      <c r="A37091" s="13" t="s">
        <v>223</v>
      </c>
      <c r="B37091" s="14" t="s">
        <v>1</v>
      </c>
      <c r="C37091" s="14" t="s">
        <v>109</v>
      </c>
      <c r="D37091" s="14" t="s">
        <v>24</v>
      </c>
      <c r="E37091" s="15">
        <v>45602</v>
      </c>
      <c r="F37091" s="14" t="s">
        <v>25</v>
      </c>
      <c r="G37091" s="16">
        <v>0</v>
      </c>
    </row>
    <row r="37092" spans="1:7" x14ac:dyDescent="0.3">
      <c r="A37092" s="13" t="s">
        <v>223</v>
      </c>
      <c r="B37092" s="14" t="s">
        <v>1</v>
      </c>
      <c r="C37092" s="14" t="s">
        <v>109</v>
      </c>
      <c r="D37092" s="14" t="s">
        <v>24</v>
      </c>
      <c r="E37092" s="15">
        <v>45603</v>
      </c>
      <c r="F37092" s="14" t="s">
        <v>25</v>
      </c>
      <c r="G37092" s="16">
        <v>0</v>
      </c>
    </row>
    <row r="37093" spans="1:7" x14ac:dyDescent="0.3">
      <c r="A37093" s="13" t="s">
        <v>223</v>
      </c>
      <c r="B37093" s="14" t="s">
        <v>1</v>
      </c>
      <c r="C37093" s="14" t="s">
        <v>109</v>
      </c>
      <c r="D37093" s="14" t="s">
        <v>24</v>
      </c>
      <c r="E37093" s="15">
        <v>45604</v>
      </c>
      <c r="F37093" s="14" t="s">
        <v>25</v>
      </c>
      <c r="G37093" s="16">
        <v>0</v>
      </c>
    </row>
    <row r="37094" spans="1:7" x14ac:dyDescent="0.3">
      <c r="A37094" s="13" t="s">
        <v>223</v>
      </c>
      <c r="B37094" s="14" t="s">
        <v>1</v>
      </c>
      <c r="C37094" s="14" t="s">
        <v>109</v>
      </c>
      <c r="D37094" s="14" t="s">
        <v>24</v>
      </c>
      <c r="E37094" s="15">
        <v>45605</v>
      </c>
      <c r="F37094" s="14" t="s">
        <v>25</v>
      </c>
      <c r="G37094" s="16">
        <v>0</v>
      </c>
    </row>
    <row r="37095" spans="1:7" x14ac:dyDescent="0.3">
      <c r="A37095" s="13" t="s">
        <v>223</v>
      </c>
      <c r="B37095" s="14" t="s">
        <v>1</v>
      </c>
      <c r="C37095" s="14" t="s">
        <v>109</v>
      </c>
      <c r="D37095" s="14" t="s">
        <v>24</v>
      </c>
      <c r="E37095" s="15">
        <v>45606</v>
      </c>
      <c r="F37095" s="14" t="s">
        <v>25</v>
      </c>
      <c r="G37095" s="16">
        <v>0</v>
      </c>
    </row>
    <row r="37096" spans="1:7" x14ac:dyDescent="0.3">
      <c r="A37096" s="13" t="s">
        <v>223</v>
      </c>
      <c r="B37096" s="14" t="s">
        <v>1</v>
      </c>
      <c r="C37096" s="14" t="s">
        <v>109</v>
      </c>
      <c r="D37096" s="14" t="s">
        <v>24</v>
      </c>
      <c r="E37096" s="15">
        <v>45607</v>
      </c>
      <c r="F37096" s="14" t="s">
        <v>25</v>
      </c>
      <c r="G37096" s="16">
        <v>0</v>
      </c>
    </row>
    <row r="37097" spans="1:7" x14ac:dyDescent="0.3">
      <c r="A37097" s="13" t="s">
        <v>223</v>
      </c>
      <c r="B37097" s="14" t="s">
        <v>1</v>
      </c>
      <c r="C37097" s="14" t="s">
        <v>109</v>
      </c>
      <c r="D37097" s="14" t="s">
        <v>24</v>
      </c>
      <c r="E37097" s="15">
        <v>45608</v>
      </c>
      <c r="F37097" s="14" t="s">
        <v>25</v>
      </c>
      <c r="G37097" s="16">
        <v>0</v>
      </c>
    </row>
    <row r="37098" spans="1:7" x14ac:dyDescent="0.3">
      <c r="A37098" s="13" t="s">
        <v>223</v>
      </c>
      <c r="B37098" s="14" t="s">
        <v>1</v>
      </c>
      <c r="C37098" s="14" t="s">
        <v>109</v>
      </c>
      <c r="D37098" s="14" t="s">
        <v>24</v>
      </c>
      <c r="E37098" s="15">
        <v>45609</v>
      </c>
      <c r="F37098" s="14" t="s">
        <v>25</v>
      </c>
      <c r="G37098" s="16">
        <v>0</v>
      </c>
    </row>
    <row r="37099" spans="1:7" x14ac:dyDescent="0.3">
      <c r="A37099" s="13" t="s">
        <v>223</v>
      </c>
      <c r="B37099" s="14" t="s">
        <v>1</v>
      </c>
      <c r="C37099" s="14" t="s">
        <v>109</v>
      </c>
      <c r="D37099" s="14" t="s">
        <v>24</v>
      </c>
      <c r="E37099" s="15">
        <v>45610</v>
      </c>
      <c r="F37099" s="14" t="s">
        <v>25</v>
      </c>
      <c r="G37099" s="16">
        <v>0</v>
      </c>
    </row>
    <row r="37100" spans="1:7" x14ac:dyDescent="0.3">
      <c r="A37100" s="13" t="s">
        <v>223</v>
      </c>
      <c r="B37100" s="14" t="s">
        <v>1</v>
      </c>
      <c r="C37100" s="14" t="s">
        <v>109</v>
      </c>
      <c r="D37100" s="14" t="s">
        <v>24</v>
      </c>
      <c r="E37100" s="15">
        <v>45611</v>
      </c>
      <c r="F37100" s="14" t="s">
        <v>25</v>
      </c>
      <c r="G37100" s="16">
        <v>0</v>
      </c>
    </row>
    <row r="37101" spans="1:7" x14ac:dyDescent="0.3">
      <c r="A37101" s="13" t="s">
        <v>223</v>
      </c>
      <c r="B37101" s="14" t="s">
        <v>1</v>
      </c>
      <c r="C37101" s="14" t="s">
        <v>109</v>
      </c>
      <c r="D37101" s="14" t="s">
        <v>24</v>
      </c>
      <c r="E37101" s="15">
        <v>45612</v>
      </c>
      <c r="F37101" s="14" t="s">
        <v>25</v>
      </c>
      <c r="G37101" s="16">
        <v>0</v>
      </c>
    </row>
    <row r="37102" spans="1:7" x14ac:dyDescent="0.3">
      <c r="A37102" s="13" t="s">
        <v>223</v>
      </c>
      <c r="B37102" s="14" t="s">
        <v>1</v>
      </c>
      <c r="C37102" s="14" t="s">
        <v>109</v>
      </c>
      <c r="D37102" s="14" t="s">
        <v>24</v>
      </c>
      <c r="E37102" s="15">
        <v>45613</v>
      </c>
      <c r="F37102" s="14" t="s">
        <v>25</v>
      </c>
      <c r="G37102" s="16">
        <v>0</v>
      </c>
    </row>
    <row r="37103" spans="1:7" x14ac:dyDescent="0.3">
      <c r="A37103" s="13" t="s">
        <v>223</v>
      </c>
      <c r="B37103" s="14" t="s">
        <v>1</v>
      </c>
      <c r="C37103" s="14" t="s">
        <v>109</v>
      </c>
      <c r="D37103" s="14" t="s">
        <v>24</v>
      </c>
      <c r="E37103" s="15">
        <v>45614</v>
      </c>
      <c r="F37103" s="14" t="s">
        <v>25</v>
      </c>
      <c r="G37103" s="16">
        <v>0</v>
      </c>
    </row>
    <row r="37104" spans="1:7" x14ac:dyDescent="0.3">
      <c r="A37104" s="13" t="s">
        <v>223</v>
      </c>
      <c r="B37104" s="14" t="s">
        <v>1</v>
      </c>
      <c r="C37104" s="14" t="s">
        <v>109</v>
      </c>
      <c r="D37104" s="14" t="s">
        <v>24</v>
      </c>
      <c r="E37104" s="15">
        <v>45615</v>
      </c>
      <c r="F37104" s="14" t="s">
        <v>25</v>
      </c>
      <c r="G37104" s="16">
        <v>0</v>
      </c>
    </row>
    <row r="37105" spans="1:7" x14ac:dyDescent="0.3">
      <c r="A37105" s="13" t="s">
        <v>223</v>
      </c>
      <c r="B37105" s="14" t="s">
        <v>1</v>
      </c>
      <c r="C37105" s="14" t="s">
        <v>109</v>
      </c>
      <c r="D37105" s="14" t="s">
        <v>24</v>
      </c>
      <c r="E37105" s="15">
        <v>45616</v>
      </c>
      <c r="F37105" s="14" t="s">
        <v>25</v>
      </c>
      <c r="G37105" s="16">
        <v>0</v>
      </c>
    </row>
    <row r="37106" spans="1:7" x14ac:dyDescent="0.3">
      <c r="A37106" s="13" t="s">
        <v>223</v>
      </c>
      <c r="B37106" s="14" t="s">
        <v>1</v>
      </c>
      <c r="C37106" s="14" t="s">
        <v>109</v>
      </c>
      <c r="D37106" s="14" t="s">
        <v>24</v>
      </c>
      <c r="E37106" s="15">
        <v>45617</v>
      </c>
      <c r="F37106" s="14" t="s">
        <v>25</v>
      </c>
      <c r="G37106" s="16">
        <v>0</v>
      </c>
    </row>
    <row r="37107" spans="1:7" x14ac:dyDescent="0.3">
      <c r="A37107" s="13" t="s">
        <v>223</v>
      </c>
      <c r="B37107" s="14" t="s">
        <v>1</v>
      </c>
      <c r="C37107" s="14" t="s">
        <v>109</v>
      </c>
      <c r="D37107" s="14" t="s">
        <v>24</v>
      </c>
      <c r="E37107" s="15">
        <v>45618</v>
      </c>
      <c r="F37107" s="14" t="s">
        <v>25</v>
      </c>
      <c r="G37107" s="16">
        <v>0</v>
      </c>
    </row>
    <row r="37108" spans="1:7" x14ac:dyDescent="0.3">
      <c r="A37108" s="13" t="s">
        <v>223</v>
      </c>
      <c r="B37108" s="14" t="s">
        <v>1</v>
      </c>
      <c r="C37108" s="14" t="s">
        <v>109</v>
      </c>
      <c r="D37108" s="14" t="s">
        <v>24</v>
      </c>
      <c r="E37108" s="15">
        <v>45619</v>
      </c>
      <c r="F37108" s="14" t="s">
        <v>25</v>
      </c>
      <c r="G37108" s="16">
        <v>0</v>
      </c>
    </row>
    <row r="37109" spans="1:7" x14ac:dyDescent="0.3">
      <c r="A37109" s="13" t="s">
        <v>223</v>
      </c>
      <c r="B37109" s="14" t="s">
        <v>1</v>
      </c>
      <c r="C37109" s="14" t="s">
        <v>109</v>
      </c>
      <c r="D37109" s="14" t="s">
        <v>24</v>
      </c>
      <c r="E37109" s="15">
        <v>45620</v>
      </c>
      <c r="F37109" s="14" t="s">
        <v>25</v>
      </c>
      <c r="G37109" s="16">
        <v>0</v>
      </c>
    </row>
    <row r="37110" spans="1:7" x14ac:dyDescent="0.3">
      <c r="A37110" s="13" t="s">
        <v>223</v>
      </c>
      <c r="B37110" s="14" t="s">
        <v>1</v>
      </c>
      <c r="C37110" s="14" t="s">
        <v>109</v>
      </c>
      <c r="D37110" s="14" t="s">
        <v>24</v>
      </c>
      <c r="E37110" s="15">
        <v>45621</v>
      </c>
      <c r="F37110" s="14" t="s">
        <v>25</v>
      </c>
      <c r="G37110" s="16">
        <v>0</v>
      </c>
    </row>
    <row r="37111" spans="1:7" x14ac:dyDescent="0.3">
      <c r="A37111" s="13" t="s">
        <v>223</v>
      </c>
      <c r="B37111" s="14" t="s">
        <v>1</v>
      </c>
      <c r="C37111" s="14" t="s">
        <v>109</v>
      </c>
      <c r="D37111" s="14" t="s">
        <v>24</v>
      </c>
      <c r="E37111" s="15">
        <v>45622</v>
      </c>
      <c r="F37111" s="14" t="s">
        <v>25</v>
      </c>
      <c r="G37111" s="16">
        <v>0</v>
      </c>
    </row>
    <row r="37112" spans="1:7" x14ac:dyDescent="0.3">
      <c r="A37112" s="13" t="s">
        <v>223</v>
      </c>
      <c r="B37112" s="14" t="s">
        <v>1</v>
      </c>
      <c r="C37112" s="14" t="s">
        <v>109</v>
      </c>
      <c r="D37112" s="14" t="s">
        <v>24</v>
      </c>
      <c r="E37112" s="15">
        <v>45623</v>
      </c>
      <c r="F37112" s="14" t="s">
        <v>25</v>
      </c>
      <c r="G37112" s="16">
        <v>0</v>
      </c>
    </row>
    <row r="37113" spans="1:7" x14ac:dyDescent="0.3">
      <c r="A37113" s="13" t="s">
        <v>223</v>
      </c>
      <c r="B37113" s="14" t="s">
        <v>1</v>
      </c>
      <c r="C37113" s="14" t="s">
        <v>109</v>
      </c>
      <c r="D37113" s="14" t="s">
        <v>24</v>
      </c>
      <c r="E37113" s="15">
        <v>45624</v>
      </c>
      <c r="F37113" s="14" t="s">
        <v>25</v>
      </c>
      <c r="G37113" s="16">
        <v>0</v>
      </c>
    </row>
    <row r="37114" spans="1:7" x14ac:dyDescent="0.3">
      <c r="A37114" s="13" t="s">
        <v>223</v>
      </c>
      <c r="B37114" s="14" t="s">
        <v>1</v>
      </c>
      <c r="C37114" s="14" t="s">
        <v>109</v>
      </c>
      <c r="D37114" s="14" t="s">
        <v>24</v>
      </c>
      <c r="E37114" s="15">
        <v>45625</v>
      </c>
      <c r="F37114" s="14" t="s">
        <v>25</v>
      </c>
      <c r="G37114" s="16">
        <v>0</v>
      </c>
    </row>
    <row r="37115" spans="1:7" x14ac:dyDescent="0.3">
      <c r="A37115" s="13" t="s">
        <v>223</v>
      </c>
      <c r="B37115" s="14" t="s">
        <v>1</v>
      </c>
      <c r="C37115" s="14" t="s">
        <v>109</v>
      </c>
      <c r="D37115" s="14" t="s">
        <v>24</v>
      </c>
      <c r="E37115" s="15">
        <v>45626</v>
      </c>
      <c r="F37115" s="14" t="s">
        <v>25</v>
      </c>
      <c r="G37115" s="16">
        <v>0</v>
      </c>
    </row>
    <row r="37116" spans="1:7" x14ac:dyDescent="0.3">
      <c r="A37116" s="13" t="s">
        <v>223</v>
      </c>
      <c r="B37116" s="14" t="s">
        <v>1</v>
      </c>
      <c r="C37116" s="14" t="s">
        <v>109</v>
      </c>
      <c r="D37116" s="14" t="s">
        <v>24</v>
      </c>
      <c r="E37116" s="15">
        <v>45627</v>
      </c>
      <c r="F37116" s="14" t="s">
        <v>25</v>
      </c>
      <c r="G37116" s="16">
        <v>0</v>
      </c>
    </row>
    <row r="37117" spans="1:7" x14ac:dyDescent="0.3">
      <c r="A37117" s="13" t="s">
        <v>223</v>
      </c>
      <c r="B37117" s="14" t="s">
        <v>1</v>
      </c>
      <c r="C37117" s="14" t="s">
        <v>109</v>
      </c>
      <c r="D37117" s="14" t="s">
        <v>24</v>
      </c>
      <c r="E37117" s="15">
        <v>45628</v>
      </c>
      <c r="F37117" s="14" t="s">
        <v>25</v>
      </c>
      <c r="G37117" s="16">
        <v>0</v>
      </c>
    </row>
    <row r="37118" spans="1:7" x14ac:dyDescent="0.3">
      <c r="A37118" s="13" t="s">
        <v>223</v>
      </c>
      <c r="B37118" s="14" t="s">
        <v>1</v>
      </c>
      <c r="C37118" s="14" t="s">
        <v>109</v>
      </c>
      <c r="D37118" s="14" t="s">
        <v>24</v>
      </c>
      <c r="E37118" s="15">
        <v>45629</v>
      </c>
      <c r="F37118" s="14" t="s">
        <v>25</v>
      </c>
      <c r="G37118" s="16">
        <v>0</v>
      </c>
    </row>
    <row r="37119" spans="1:7" x14ac:dyDescent="0.3">
      <c r="A37119" s="13" t="s">
        <v>223</v>
      </c>
      <c r="B37119" s="14" t="s">
        <v>1</v>
      </c>
      <c r="C37119" s="14" t="s">
        <v>109</v>
      </c>
      <c r="D37119" s="14" t="s">
        <v>24</v>
      </c>
      <c r="E37119" s="15">
        <v>45630</v>
      </c>
      <c r="F37119" s="14" t="s">
        <v>25</v>
      </c>
      <c r="G37119" s="16">
        <v>0</v>
      </c>
    </row>
    <row r="37120" spans="1:7" x14ac:dyDescent="0.3">
      <c r="A37120" s="13" t="s">
        <v>223</v>
      </c>
      <c r="B37120" s="14" t="s">
        <v>1</v>
      </c>
      <c r="C37120" s="14" t="s">
        <v>109</v>
      </c>
      <c r="D37120" s="14" t="s">
        <v>24</v>
      </c>
      <c r="E37120" s="15">
        <v>45631</v>
      </c>
      <c r="F37120" s="14" t="s">
        <v>25</v>
      </c>
      <c r="G37120" s="16">
        <v>0</v>
      </c>
    </row>
    <row r="37121" spans="1:7" x14ac:dyDescent="0.3">
      <c r="A37121" s="13" t="s">
        <v>223</v>
      </c>
      <c r="B37121" s="14" t="s">
        <v>1</v>
      </c>
      <c r="C37121" s="14" t="s">
        <v>109</v>
      </c>
      <c r="D37121" s="14" t="s">
        <v>24</v>
      </c>
      <c r="E37121" s="15">
        <v>45632</v>
      </c>
      <c r="F37121" s="14" t="s">
        <v>25</v>
      </c>
      <c r="G37121" s="16">
        <v>0</v>
      </c>
    </row>
    <row r="37122" spans="1:7" x14ac:dyDescent="0.3">
      <c r="A37122" s="13" t="s">
        <v>223</v>
      </c>
      <c r="B37122" s="14" t="s">
        <v>1</v>
      </c>
      <c r="C37122" s="14" t="s">
        <v>109</v>
      </c>
      <c r="D37122" s="14" t="s">
        <v>24</v>
      </c>
      <c r="E37122" s="15">
        <v>45633</v>
      </c>
      <c r="F37122" s="14" t="s">
        <v>25</v>
      </c>
      <c r="G37122" s="16">
        <v>0</v>
      </c>
    </row>
    <row r="37123" spans="1:7" x14ac:dyDescent="0.3">
      <c r="A37123" s="13" t="s">
        <v>223</v>
      </c>
      <c r="B37123" s="14" t="s">
        <v>1</v>
      </c>
      <c r="C37123" s="14" t="s">
        <v>109</v>
      </c>
      <c r="D37123" s="14" t="s">
        <v>24</v>
      </c>
      <c r="E37123" s="15">
        <v>45634</v>
      </c>
      <c r="F37123" s="14" t="s">
        <v>25</v>
      </c>
      <c r="G37123" s="16">
        <v>0</v>
      </c>
    </row>
    <row r="37124" spans="1:7" x14ac:dyDescent="0.3">
      <c r="A37124" s="13" t="s">
        <v>223</v>
      </c>
      <c r="B37124" s="14" t="s">
        <v>1</v>
      </c>
      <c r="C37124" s="14" t="s">
        <v>109</v>
      </c>
      <c r="D37124" s="14" t="s">
        <v>24</v>
      </c>
      <c r="E37124" s="15">
        <v>45635</v>
      </c>
      <c r="F37124" s="14" t="s">
        <v>25</v>
      </c>
      <c r="G37124" s="16">
        <v>0</v>
      </c>
    </row>
    <row r="37125" spans="1:7" x14ac:dyDescent="0.3">
      <c r="A37125" s="13" t="s">
        <v>223</v>
      </c>
      <c r="B37125" s="14" t="s">
        <v>1</v>
      </c>
      <c r="C37125" s="14" t="s">
        <v>109</v>
      </c>
      <c r="D37125" s="14" t="s">
        <v>24</v>
      </c>
      <c r="E37125" s="15">
        <v>45636</v>
      </c>
      <c r="F37125" s="14" t="s">
        <v>25</v>
      </c>
      <c r="G37125" s="16">
        <v>0</v>
      </c>
    </row>
    <row r="37126" spans="1:7" x14ac:dyDescent="0.3">
      <c r="A37126" s="13" t="s">
        <v>223</v>
      </c>
      <c r="B37126" s="14" t="s">
        <v>1</v>
      </c>
      <c r="C37126" s="14" t="s">
        <v>109</v>
      </c>
      <c r="D37126" s="14" t="s">
        <v>24</v>
      </c>
      <c r="E37126" s="15">
        <v>45637</v>
      </c>
      <c r="F37126" s="14" t="s">
        <v>25</v>
      </c>
      <c r="G37126" s="16">
        <v>0</v>
      </c>
    </row>
    <row r="37127" spans="1:7" x14ac:dyDescent="0.3">
      <c r="A37127" s="13" t="s">
        <v>223</v>
      </c>
      <c r="B37127" s="14" t="s">
        <v>1</v>
      </c>
      <c r="C37127" s="14" t="s">
        <v>109</v>
      </c>
      <c r="D37127" s="14" t="s">
        <v>24</v>
      </c>
      <c r="E37127" s="15">
        <v>45638</v>
      </c>
      <c r="F37127" s="14" t="s">
        <v>25</v>
      </c>
      <c r="G37127" s="16">
        <v>0</v>
      </c>
    </row>
    <row r="37128" spans="1:7" x14ac:dyDescent="0.3">
      <c r="A37128" s="13" t="s">
        <v>223</v>
      </c>
      <c r="B37128" s="14" t="s">
        <v>1</v>
      </c>
      <c r="C37128" s="14" t="s">
        <v>109</v>
      </c>
      <c r="D37128" s="14" t="s">
        <v>24</v>
      </c>
      <c r="E37128" s="15">
        <v>45639</v>
      </c>
      <c r="F37128" s="14" t="s">
        <v>25</v>
      </c>
      <c r="G37128" s="16">
        <v>0</v>
      </c>
    </row>
    <row r="37129" spans="1:7" x14ac:dyDescent="0.3">
      <c r="A37129" s="13" t="s">
        <v>223</v>
      </c>
      <c r="B37129" s="14" t="s">
        <v>1</v>
      </c>
      <c r="C37129" s="14" t="s">
        <v>109</v>
      </c>
      <c r="D37129" s="14" t="s">
        <v>24</v>
      </c>
      <c r="E37129" s="15">
        <v>45640</v>
      </c>
      <c r="F37129" s="14" t="s">
        <v>25</v>
      </c>
      <c r="G37129" s="16">
        <v>0</v>
      </c>
    </row>
    <row r="37130" spans="1:7" x14ac:dyDescent="0.3">
      <c r="A37130" s="13" t="s">
        <v>223</v>
      </c>
      <c r="B37130" s="14" t="s">
        <v>1</v>
      </c>
      <c r="C37130" s="14" t="s">
        <v>109</v>
      </c>
      <c r="D37130" s="14" t="s">
        <v>24</v>
      </c>
      <c r="E37130" s="15">
        <v>45641</v>
      </c>
      <c r="F37130" s="14" t="s">
        <v>25</v>
      </c>
      <c r="G37130" s="16">
        <v>0</v>
      </c>
    </row>
    <row r="37131" spans="1:7" x14ac:dyDescent="0.3">
      <c r="A37131" s="13" t="s">
        <v>223</v>
      </c>
      <c r="B37131" s="14" t="s">
        <v>1</v>
      </c>
      <c r="C37131" s="14" t="s">
        <v>109</v>
      </c>
      <c r="D37131" s="14" t="s">
        <v>24</v>
      </c>
      <c r="E37131" s="15">
        <v>45642</v>
      </c>
      <c r="F37131" s="14" t="s">
        <v>25</v>
      </c>
      <c r="G37131" s="16">
        <v>0</v>
      </c>
    </row>
    <row r="37132" spans="1:7" x14ac:dyDescent="0.3">
      <c r="A37132" s="13" t="s">
        <v>223</v>
      </c>
      <c r="B37132" s="14" t="s">
        <v>1</v>
      </c>
      <c r="C37132" s="14" t="s">
        <v>109</v>
      </c>
      <c r="D37132" s="14" t="s">
        <v>24</v>
      </c>
      <c r="E37132" s="15">
        <v>45643</v>
      </c>
      <c r="F37132" s="14" t="s">
        <v>25</v>
      </c>
      <c r="G37132" s="16">
        <v>0</v>
      </c>
    </row>
    <row r="37133" spans="1:7" x14ac:dyDescent="0.3">
      <c r="A37133" s="13" t="s">
        <v>223</v>
      </c>
      <c r="B37133" s="14" t="s">
        <v>1</v>
      </c>
      <c r="C37133" s="14" t="s">
        <v>109</v>
      </c>
      <c r="D37133" s="14" t="s">
        <v>24</v>
      </c>
      <c r="E37133" s="15">
        <v>45644</v>
      </c>
      <c r="F37133" s="14" t="s">
        <v>25</v>
      </c>
      <c r="G37133" s="16">
        <v>0</v>
      </c>
    </row>
    <row r="37134" spans="1:7" x14ac:dyDescent="0.3">
      <c r="A37134" s="13" t="s">
        <v>223</v>
      </c>
      <c r="B37134" s="14" t="s">
        <v>1</v>
      </c>
      <c r="C37134" s="14" t="s">
        <v>109</v>
      </c>
      <c r="D37134" s="14" t="s">
        <v>24</v>
      </c>
      <c r="E37134" s="15">
        <v>45645</v>
      </c>
      <c r="F37134" s="14" t="s">
        <v>25</v>
      </c>
      <c r="G37134" s="16">
        <v>0</v>
      </c>
    </row>
    <row r="37135" spans="1:7" x14ac:dyDescent="0.3">
      <c r="A37135" s="13" t="s">
        <v>223</v>
      </c>
      <c r="B37135" s="14" t="s">
        <v>1</v>
      </c>
      <c r="C37135" s="14" t="s">
        <v>109</v>
      </c>
      <c r="D37135" s="14" t="s">
        <v>24</v>
      </c>
      <c r="E37135" s="15">
        <v>45646</v>
      </c>
      <c r="F37135" s="14" t="s">
        <v>25</v>
      </c>
      <c r="G37135" s="16">
        <v>0</v>
      </c>
    </row>
    <row r="37136" spans="1:7" x14ac:dyDescent="0.3">
      <c r="A37136" s="13" t="s">
        <v>223</v>
      </c>
      <c r="B37136" s="14" t="s">
        <v>1</v>
      </c>
      <c r="C37136" s="14" t="s">
        <v>109</v>
      </c>
      <c r="D37136" s="14" t="s">
        <v>24</v>
      </c>
      <c r="E37136" s="15">
        <v>45647</v>
      </c>
      <c r="F37136" s="14" t="s">
        <v>25</v>
      </c>
      <c r="G37136" s="16">
        <v>0</v>
      </c>
    </row>
    <row r="37137" spans="1:7" x14ac:dyDescent="0.3">
      <c r="A37137" s="13" t="s">
        <v>223</v>
      </c>
      <c r="B37137" s="14" t="s">
        <v>1</v>
      </c>
      <c r="C37137" s="14" t="s">
        <v>109</v>
      </c>
      <c r="D37137" s="14" t="s">
        <v>24</v>
      </c>
      <c r="E37137" s="15">
        <v>45648</v>
      </c>
      <c r="F37137" s="14" t="s">
        <v>25</v>
      </c>
      <c r="G37137" s="16">
        <v>0</v>
      </c>
    </row>
    <row r="37138" spans="1:7" x14ac:dyDescent="0.3">
      <c r="A37138" s="13" t="s">
        <v>223</v>
      </c>
      <c r="B37138" s="14" t="s">
        <v>1</v>
      </c>
      <c r="C37138" s="14" t="s">
        <v>109</v>
      </c>
      <c r="D37138" s="14" t="s">
        <v>24</v>
      </c>
      <c r="E37138" s="15">
        <v>45649</v>
      </c>
      <c r="F37138" s="14" t="s">
        <v>25</v>
      </c>
      <c r="G37138" s="16">
        <v>0</v>
      </c>
    </row>
    <row r="37139" spans="1:7" x14ac:dyDescent="0.3">
      <c r="A37139" s="13" t="s">
        <v>223</v>
      </c>
      <c r="B37139" s="14" t="s">
        <v>1</v>
      </c>
      <c r="C37139" s="14" t="s">
        <v>109</v>
      </c>
      <c r="D37139" s="14" t="s">
        <v>24</v>
      </c>
      <c r="E37139" s="15">
        <v>45650</v>
      </c>
      <c r="F37139" s="14" t="s">
        <v>25</v>
      </c>
      <c r="G37139" s="16">
        <v>0</v>
      </c>
    </row>
    <row r="37140" spans="1:7" x14ac:dyDescent="0.3">
      <c r="A37140" s="13" t="s">
        <v>223</v>
      </c>
      <c r="B37140" s="14" t="s">
        <v>1</v>
      </c>
      <c r="C37140" s="14" t="s">
        <v>109</v>
      </c>
      <c r="D37140" s="14" t="s">
        <v>24</v>
      </c>
      <c r="E37140" s="15">
        <v>45651</v>
      </c>
      <c r="F37140" s="14" t="s">
        <v>25</v>
      </c>
      <c r="G37140" s="16">
        <v>0</v>
      </c>
    </row>
    <row r="37141" spans="1:7" x14ac:dyDescent="0.3">
      <c r="A37141" s="13" t="s">
        <v>223</v>
      </c>
      <c r="B37141" s="14" t="s">
        <v>1</v>
      </c>
      <c r="C37141" s="14" t="s">
        <v>109</v>
      </c>
      <c r="D37141" s="14" t="s">
        <v>24</v>
      </c>
      <c r="E37141" s="15">
        <v>45652</v>
      </c>
      <c r="F37141" s="14" t="s">
        <v>25</v>
      </c>
      <c r="G37141" s="16">
        <v>0</v>
      </c>
    </row>
    <row r="37142" spans="1:7" x14ac:dyDescent="0.3">
      <c r="A37142" s="13" t="s">
        <v>223</v>
      </c>
      <c r="B37142" s="14" t="s">
        <v>1</v>
      </c>
      <c r="C37142" s="14" t="s">
        <v>109</v>
      </c>
      <c r="D37142" s="14" t="s">
        <v>24</v>
      </c>
      <c r="E37142" s="15">
        <v>45653</v>
      </c>
      <c r="F37142" s="14" t="s">
        <v>25</v>
      </c>
      <c r="G37142" s="16">
        <v>0</v>
      </c>
    </row>
    <row r="37143" spans="1:7" x14ac:dyDescent="0.3">
      <c r="A37143" s="13" t="s">
        <v>223</v>
      </c>
      <c r="B37143" s="14" t="s">
        <v>1</v>
      </c>
      <c r="C37143" s="14" t="s">
        <v>109</v>
      </c>
      <c r="D37143" s="14" t="s">
        <v>24</v>
      </c>
      <c r="E37143" s="15">
        <v>45654</v>
      </c>
      <c r="F37143" s="14" t="s">
        <v>25</v>
      </c>
      <c r="G37143" s="16">
        <v>0</v>
      </c>
    </row>
    <row r="37144" spans="1:7" x14ac:dyDescent="0.3">
      <c r="A37144" s="13" t="s">
        <v>223</v>
      </c>
      <c r="B37144" s="14" t="s">
        <v>1</v>
      </c>
      <c r="C37144" s="14" t="s">
        <v>109</v>
      </c>
      <c r="D37144" s="14" t="s">
        <v>24</v>
      </c>
      <c r="E37144" s="15">
        <v>45655</v>
      </c>
      <c r="F37144" s="14" t="s">
        <v>25</v>
      </c>
      <c r="G37144" s="16">
        <v>0</v>
      </c>
    </row>
    <row r="37145" spans="1:7" x14ac:dyDescent="0.3">
      <c r="A37145" s="13" t="s">
        <v>223</v>
      </c>
      <c r="B37145" s="14" t="s">
        <v>1</v>
      </c>
      <c r="C37145" s="14" t="s">
        <v>109</v>
      </c>
      <c r="D37145" s="14" t="s">
        <v>24</v>
      </c>
      <c r="E37145" s="15">
        <v>45656</v>
      </c>
      <c r="F37145" s="14" t="s">
        <v>25</v>
      </c>
      <c r="G37145" s="16">
        <v>0</v>
      </c>
    </row>
    <row r="37146" spans="1:7" x14ac:dyDescent="0.3">
      <c r="A37146" s="13" t="s">
        <v>223</v>
      </c>
      <c r="B37146" s="14" t="s">
        <v>1</v>
      </c>
      <c r="C37146" s="14" t="s">
        <v>109</v>
      </c>
      <c r="D37146" s="14" t="s">
        <v>24</v>
      </c>
      <c r="E37146" s="15">
        <v>45657</v>
      </c>
      <c r="F37146" s="14" t="s">
        <v>25</v>
      </c>
      <c r="G37146" s="16">
        <v>0</v>
      </c>
    </row>
    <row r="37147" spans="1:7" x14ac:dyDescent="0.3">
      <c r="A37147" s="13" t="s">
        <v>223</v>
      </c>
      <c r="B37147" s="14" t="s">
        <v>1</v>
      </c>
      <c r="C37147" s="14" t="s">
        <v>109</v>
      </c>
      <c r="D37147" s="14" t="s">
        <v>24</v>
      </c>
      <c r="E37147" s="15">
        <v>45658</v>
      </c>
      <c r="F37147" s="14" t="s">
        <v>25</v>
      </c>
      <c r="G37147" s="16">
        <v>0</v>
      </c>
    </row>
    <row r="37148" spans="1:7" x14ac:dyDescent="0.3">
      <c r="A37148" s="13" t="s">
        <v>223</v>
      </c>
      <c r="B37148" s="14" t="s">
        <v>1</v>
      </c>
      <c r="C37148" s="14" t="s">
        <v>109</v>
      </c>
      <c r="D37148" s="14" t="s">
        <v>24</v>
      </c>
      <c r="E37148" s="15">
        <v>45659</v>
      </c>
      <c r="F37148" s="14" t="s">
        <v>25</v>
      </c>
      <c r="G37148" s="16">
        <v>0</v>
      </c>
    </row>
    <row r="37149" spans="1:7" x14ac:dyDescent="0.3">
      <c r="A37149" s="13" t="s">
        <v>223</v>
      </c>
      <c r="B37149" s="14" t="s">
        <v>1</v>
      </c>
      <c r="C37149" s="14" t="s">
        <v>109</v>
      </c>
      <c r="D37149" s="14" t="s">
        <v>24</v>
      </c>
      <c r="E37149" s="15">
        <v>45660</v>
      </c>
      <c r="F37149" s="14" t="s">
        <v>25</v>
      </c>
      <c r="G37149" s="16">
        <v>0</v>
      </c>
    </row>
    <row r="37150" spans="1:7" x14ac:dyDescent="0.3">
      <c r="A37150" s="13" t="s">
        <v>223</v>
      </c>
      <c r="B37150" s="14" t="s">
        <v>1</v>
      </c>
      <c r="C37150" s="14" t="s">
        <v>109</v>
      </c>
      <c r="D37150" s="14" t="s">
        <v>24</v>
      </c>
      <c r="E37150" s="15">
        <v>45661</v>
      </c>
      <c r="F37150" s="14" t="s">
        <v>25</v>
      </c>
      <c r="G37150" s="16">
        <v>0</v>
      </c>
    </row>
    <row r="37151" spans="1:7" x14ac:dyDescent="0.3">
      <c r="A37151" s="13" t="s">
        <v>223</v>
      </c>
      <c r="B37151" s="14" t="s">
        <v>1</v>
      </c>
      <c r="C37151" s="14" t="s">
        <v>109</v>
      </c>
      <c r="D37151" s="14" t="s">
        <v>24</v>
      </c>
      <c r="E37151" s="15">
        <v>45662</v>
      </c>
      <c r="F37151" s="14" t="s">
        <v>25</v>
      </c>
      <c r="G37151" s="16">
        <v>0</v>
      </c>
    </row>
    <row r="37152" spans="1:7" x14ac:dyDescent="0.3">
      <c r="A37152" s="13" t="s">
        <v>223</v>
      </c>
      <c r="B37152" s="14" t="s">
        <v>1</v>
      </c>
      <c r="C37152" s="14" t="s">
        <v>109</v>
      </c>
      <c r="D37152" s="14" t="s">
        <v>24</v>
      </c>
      <c r="E37152" s="15">
        <v>45663</v>
      </c>
      <c r="F37152" s="14" t="s">
        <v>25</v>
      </c>
      <c r="G37152" s="16">
        <v>0</v>
      </c>
    </row>
    <row r="37153" spans="1:7" x14ac:dyDescent="0.3">
      <c r="A37153" s="13" t="s">
        <v>223</v>
      </c>
      <c r="B37153" s="14" t="s">
        <v>1</v>
      </c>
      <c r="C37153" s="14" t="s">
        <v>109</v>
      </c>
      <c r="D37153" s="14" t="s">
        <v>24</v>
      </c>
      <c r="E37153" s="15">
        <v>45664</v>
      </c>
      <c r="F37153" s="14" t="s">
        <v>25</v>
      </c>
      <c r="G37153" s="16">
        <v>0</v>
      </c>
    </row>
    <row r="37154" spans="1:7" x14ac:dyDescent="0.3">
      <c r="A37154" s="13" t="s">
        <v>223</v>
      </c>
      <c r="B37154" s="14" t="s">
        <v>1</v>
      </c>
      <c r="C37154" s="14" t="s">
        <v>109</v>
      </c>
      <c r="D37154" s="14" t="s">
        <v>24</v>
      </c>
      <c r="E37154" s="15">
        <v>45665</v>
      </c>
      <c r="F37154" s="14" t="s">
        <v>25</v>
      </c>
      <c r="G37154" s="16">
        <v>0</v>
      </c>
    </row>
    <row r="37155" spans="1:7" x14ac:dyDescent="0.3">
      <c r="A37155" s="13" t="s">
        <v>223</v>
      </c>
      <c r="B37155" s="14" t="s">
        <v>1</v>
      </c>
      <c r="C37155" s="14" t="s">
        <v>109</v>
      </c>
      <c r="D37155" s="14" t="s">
        <v>24</v>
      </c>
      <c r="E37155" s="15">
        <v>45666</v>
      </c>
      <c r="F37155" s="14" t="s">
        <v>25</v>
      </c>
      <c r="G37155" s="16">
        <v>0</v>
      </c>
    </row>
    <row r="37156" spans="1:7" x14ac:dyDescent="0.3">
      <c r="A37156" s="13" t="s">
        <v>223</v>
      </c>
      <c r="B37156" s="14" t="s">
        <v>1</v>
      </c>
      <c r="C37156" s="14" t="s">
        <v>109</v>
      </c>
      <c r="D37156" s="14" t="s">
        <v>24</v>
      </c>
      <c r="E37156" s="15">
        <v>45667</v>
      </c>
      <c r="F37156" s="14" t="s">
        <v>25</v>
      </c>
      <c r="G37156" s="16">
        <v>0</v>
      </c>
    </row>
    <row r="37157" spans="1:7" x14ac:dyDescent="0.3">
      <c r="A37157" s="13" t="s">
        <v>223</v>
      </c>
      <c r="B37157" s="14" t="s">
        <v>1</v>
      </c>
      <c r="C37157" s="14" t="s">
        <v>109</v>
      </c>
      <c r="D37157" s="14" t="s">
        <v>24</v>
      </c>
      <c r="E37157" s="15">
        <v>45668</v>
      </c>
      <c r="F37157" s="14" t="s">
        <v>25</v>
      </c>
      <c r="G37157" s="16">
        <v>0</v>
      </c>
    </row>
    <row r="37158" spans="1:7" x14ac:dyDescent="0.3">
      <c r="A37158" s="13" t="s">
        <v>223</v>
      </c>
      <c r="B37158" s="14" t="s">
        <v>1</v>
      </c>
      <c r="C37158" s="14" t="s">
        <v>109</v>
      </c>
      <c r="D37158" s="14" t="s">
        <v>24</v>
      </c>
      <c r="E37158" s="15">
        <v>45669</v>
      </c>
      <c r="F37158" s="14" t="s">
        <v>25</v>
      </c>
      <c r="G37158" s="16">
        <v>0</v>
      </c>
    </row>
    <row r="37159" spans="1:7" x14ac:dyDescent="0.3">
      <c r="A37159" s="13" t="s">
        <v>223</v>
      </c>
      <c r="B37159" s="14" t="s">
        <v>1</v>
      </c>
      <c r="C37159" s="14" t="s">
        <v>109</v>
      </c>
      <c r="D37159" s="14" t="s">
        <v>24</v>
      </c>
      <c r="E37159" s="15">
        <v>45670</v>
      </c>
      <c r="F37159" s="14" t="s">
        <v>25</v>
      </c>
      <c r="G37159" s="16">
        <v>0</v>
      </c>
    </row>
    <row r="37160" spans="1:7" x14ac:dyDescent="0.3">
      <c r="A37160" s="13" t="s">
        <v>223</v>
      </c>
      <c r="B37160" s="14" t="s">
        <v>1</v>
      </c>
      <c r="C37160" s="14" t="s">
        <v>109</v>
      </c>
      <c r="D37160" s="14" t="s">
        <v>24</v>
      </c>
      <c r="E37160" s="15">
        <v>45671</v>
      </c>
      <c r="F37160" s="14" t="s">
        <v>25</v>
      </c>
      <c r="G37160" s="16">
        <v>0</v>
      </c>
    </row>
    <row r="37161" spans="1:7" x14ac:dyDescent="0.3">
      <c r="A37161" s="13" t="s">
        <v>223</v>
      </c>
      <c r="B37161" s="14" t="s">
        <v>1</v>
      </c>
      <c r="C37161" s="14" t="s">
        <v>109</v>
      </c>
      <c r="D37161" s="14" t="s">
        <v>24</v>
      </c>
      <c r="E37161" s="15">
        <v>45672</v>
      </c>
      <c r="F37161" s="14" t="s">
        <v>25</v>
      </c>
      <c r="G37161" s="16">
        <v>0</v>
      </c>
    </row>
    <row r="37162" spans="1:7" x14ac:dyDescent="0.3">
      <c r="A37162" s="13" t="s">
        <v>223</v>
      </c>
      <c r="B37162" s="14" t="s">
        <v>1</v>
      </c>
      <c r="C37162" s="14" t="s">
        <v>109</v>
      </c>
      <c r="D37162" s="14" t="s">
        <v>24</v>
      </c>
      <c r="E37162" s="15">
        <v>45673</v>
      </c>
      <c r="F37162" s="14" t="s">
        <v>25</v>
      </c>
      <c r="G37162" s="16">
        <v>0</v>
      </c>
    </row>
    <row r="37163" spans="1:7" x14ac:dyDescent="0.3">
      <c r="A37163" s="13" t="s">
        <v>223</v>
      </c>
      <c r="B37163" s="14" t="s">
        <v>1</v>
      </c>
      <c r="C37163" s="14" t="s">
        <v>109</v>
      </c>
      <c r="D37163" s="14" t="s">
        <v>24</v>
      </c>
      <c r="E37163" s="15">
        <v>45674</v>
      </c>
      <c r="F37163" s="14" t="s">
        <v>25</v>
      </c>
      <c r="G37163" s="16">
        <v>0</v>
      </c>
    </row>
    <row r="37164" spans="1:7" x14ac:dyDescent="0.3">
      <c r="A37164" s="13" t="s">
        <v>223</v>
      </c>
      <c r="B37164" s="14" t="s">
        <v>1</v>
      </c>
      <c r="C37164" s="14" t="s">
        <v>109</v>
      </c>
      <c r="D37164" s="14" t="s">
        <v>24</v>
      </c>
      <c r="E37164" s="15">
        <v>45675</v>
      </c>
      <c r="F37164" s="14" t="s">
        <v>25</v>
      </c>
      <c r="G37164" s="16">
        <v>0</v>
      </c>
    </row>
    <row r="37165" spans="1:7" x14ac:dyDescent="0.3">
      <c r="A37165" s="13" t="s">
        <v>223</v>
      </c>
      <c r="B37165" s="14" t="s">
        <v>1</v>
      </c>
      <c r="C37165" s="14" t="s">
        <v>109</v>
      </c>
      <c r="D37165" s="14" t="s">
        <v>24</v>
      </c>
      <c r="E37165" s="15">
        <v>45676</v>
      </c>
      <c r="F37165" s="14" t="s">
        <v>25</v>
      </c>
      <c r="G37165" s="16">
        <v>0</v>
      </c>
    </row>
    <row r="37166" spans="1:7" x14ac:dyDescent="0.3">
      <c r="A37166" s="13" t="s">
        <v>223</v>
      </c>
      <c r="B37166" s="14" t="s">
        <v>1</v>
      </c>
      <c r="C37166" s="14" t="s">
        <v>109</v>
      </c>
      <c r="D37166" s="14" t="s">
        <v>24</v>
      </c>
      <c r="E37166" s="15">
        <v>45677</v>
      </c>
      <c r="F37166" s="14" t="s">
        <v>25</v>
      </c>
      <c r="G37166" s="16">
        <v>0</v>
      </c>
    </row>
    <row r="37167" spans="1:7" x14ac:dyDescent="0.3">
      <c r="A37167" s="13" t="s">
        <v>223</v>
      </c>
      <c r="B37167" s="14" t="s">
        <v>1</v>
      </c>
      <c r="C37167" s="14" t="s">
        <v>109</v>
      </c>
      <c r="D37167" s="14" t="s">
        <v>24</v>
      </c>
      <c r="E37167" s="15">
        <v>45678</v>
      </c>
      <c r="F37167" s="14" t="s">
        <v>25</v>
      </c>
      <c r="G37167" s="16">
        <v>0</v>
      </c>
    </row>
    <row r="37168" spans="1:7" x14ac:dyDescent="0.3">
      <c r="A37168" s="13" t="s">
        <v>223</v>
      </c>
      <c r="B37168" s="14" t="s">
        <v>1</v>
      </c>
      <c r="C37168" s="14" t="s">
        <v>109</v>
      </c>
      <c r="D37168" s="14" t="s">
        <v>24</v>
      </c>
      <c r="E37168" s="15">
        <v>45679</v>
      </c>
      <c r="F37168" s="14" t="s">
        <v>25</v>
      </c>
      <c r="G37168" s="16">
        <v>0</v>
      </c>
    </row>
    <row r="37169" spans="1:7" x14ac:dyDescent="0.3">
      <c r="A37169" s="13" t="s">
        <v>223</v>
      </c>
      <c r="B37169" s="14" t="s">
        <v>1</v>
      </c>
      <c r="C37169" s="14" t="s">
        <v>109</v>
      </c>
      <c r="D37169" s="14" t="s">
        <v>24</v>
      </c>
      <c r="E37169" s="15">
        <v>45680</v>
      </c>
      <c r="F37169" s="14" t="s">
        <v>25</v>
      </c>
      <c r="G37169" s="16">
        <v>0</v>
      </c>
    </row>
    <row r="37170" spans="1:7" x14ac:dyDescent="0.3">
      <c r="A37170" s="13" t="s">
        <v>223</v>
      </c>
      <c r="B37170" s="14" t="s">
        <v>1</v>
      </c>
      <c r="C37170" s="14" t="s">
        <v>109</v>
      </c>
      <c r="D37170" s="14" t="s">
        <v>24</v>
      </c>
      <c r="E37170" s="15">
        <v>45681</v>
      </c>
      <c r="F37170" s="14" t="s">
        <v>25</v>
      </c>
      <c r="G37170" s="16">
        <v>0</v>
      </c>
    </row>
    <row r="37171" spans="1:7" x14ac:dyDescent="0.3">
      <c r="A37171" s="13" t="s">
        <v>223</v>
      </c>
      <c r="B37171" s="14" t="s">
        <v>1</v>
      </c>
      <c r="C37171" s="14" t="s">
        <v>109</v>
      </c>
      <c r="D37171" s="14" t="s">
        <v>24</v>
      </c>
      <c r="E37171" s="15">
        <v>45682</v>
      </c>
      <c r="F37171" s="14" t="s">
        <v>25</v>
      </c>
      <c r="G37171" s="16">
        <v>0</v>
      </c>
    </row>
    <row r="37172" spans="1:7" x14ac:dyDescent="0.3">
      <c r="A37172" s="13" t="s">
        <v>223</v>
      </c>
      <c r="B37172" s="14" t="s">
        <v>1</v>
      </c>
      <c r="C37172" s="14" t="s">
        <v>109</v>
      </c>
      <c r="D37172" s="14" t="s">
        <v>24</v>
      </c>
      <c r="E37172" s="15">
        <v>45683</v>
      </c>
      <c r="F37172" s="14" t="s">
        <v>25</v>
      </c>
      <c r="G37172" s="16">
        <v>0</v>
      </c>
    </row>
    <row r="37173" spans="1:7" x14ac:dyDescent="0.3">
      <c r="A37173" s="13" t="s">
        <v>223</v>
      </c>
      <c r="B37173" s="14" t="s">
        <v>1</v>
      </c>
      <c r="C37173" s="14" t="s">
        <v>109</v>
      </c>
      <c r="D37173" s="14" t="s">
        <v>24</v>
      </c>
      <c r="E37173" s="15">
        <v>45684</v>
      </c>
      <c r="F37173" s="14" t="s">
        <v>25</v>
      </c>
      <c r="G37173" s="16">
        <v>0</v>
      </c>
    </row>
    <row r="37174" spans="1:7" x14ac:dyDescent="0.3">
      <c r="A37174" s="13" t="s">
        <v>223</v>
      </c>
      <c r="B37174" s="14" t="s">
        <v>1</v>
      </c>
      <c r="C37174" s="14" t="s">
        <v>109</v>
      </c>
      <c r="D37174" s="14" t="s">
        <v>24</v>
      </c>
      <c r="E37174" s="15">
        <v>45685</v>
      </c>
      <c r="F37174" s="14" t="s">
        <v>25</v>
      </c>
      <c r="G37174" s="16">
        <v>0</v>
      </c>
    </row>
    <row r="37175" spans="1:7" x14ac:dyDescent="0.3">
      <c r="A37175" s="13" t="s">
        <v>223</v>
      </c>
      <c r="B37175" s="14" t="s">
        <v>1</v>
      </c>
      <c r="C37175" s="14" t="s">
        <v>109</v>
      </c>
      <c r="D37175" s="14" t="s">
        <v>24</v>
      </c>
      <c r="E37175" s="15">
        <v>45686</v>
      </c>
      <c r="F37175" s="14" t="s">
        <v>25</v>
      </c>
      <c r="G37175" s="16">
        <v>0</v>
      </c>
    </row>
    <row r="37176" spans="1:7" x14ac:dyDescent="0.3">
      <c r="A37176" s="13" t="s">
        <v>223</v>
      </c>
      <c r="B37176" s="14" t="s">
        <v>1</v>
      </c>
      <c r="C37176" s="14" t="s">
        <v>109</v>
      </c>
      <c r="D37176" s="14" t="s">
        <v>24</v>
      </c>
      <c r="E37176" s="15">
        <v>45687</v>
      </c>
      <c r="F37176" s="14" t="s">
        <v>25</v>
      </c>
      <c r="G37176" s="16">
        <v>0</v>
      </c>
    </row>
    <row r="37177" spans="1:7" x14ac:dyDescent="0.3">
      <c r="A37177" s="13" t="s">
        <v>223</v>
      </c>
      <c r="B37177" s="14" t="s">
        <v>1</v>
      </c>
      <c r="C37177" s="14" t="s">
        <v>109</v>
      </c>
      <c r="D37177" s="14" t="s">
        <v>24</v>
      </c>
      <c r="E37177" s="15">
        <v>45688</v>
      </c>
      <c r="F37177" s="14" t="s">
        <v>25</v>
      </c>
      <c r="G37177" s="16">
        <v>0</v>
      </c>
    </row>
    <row r="37178" spans="1:7" x14ac:dyDescent="0.3">
      <c r="A37178" s="13" t="s">
        <v>223</v>
      </c>
      <c r="B37178" s="14" t="s">
        <v>1</v>
      </c>
      <c r="C37178" s="14" t="s">
        <v>109</v>
      </c>
      <c r="D37178" s="14" t="s">
        <v>24</v>
      </c>
      <c r="E37178" s="15">
        <v>45689</v>
      </c>
      <c r="F37178" s="14" t="s">
        <v>25</v>
      </c>
      <c r="G37178" s="16">
        <v>0</v>
      </c>
    </row>
    <row r="37179" spans="1:7" x14ac:dyDescent="0.3">
      <c r="A37179" s="13" t="s">
        <v>223</v>
      </c>
      <c r="B37179" s="14" t="s">
        <v>1</v>
      </c>
      <c r="C37179" s="14" t="s">
        <v>109</v>
      </c>
      <c r="D37179" s="14" t="s">
        <v>24</v>
      </c>
      <c r="E37179" s="15">
        <v>45690</v>
      </c>
      <c r="F37179" s="14" t="s">
        <v>25</v>
      </c>
      <c r="G37179" s="16">
        <v>0</v>
      </c>
    </row>
    <row r="37180" spans="1:7" x14ac:dyDescent="0.3">
      <c r="A37180" s="13" t="s">
        <v>223</v>
      </c>
      <c r="B37180" s="14" t="s">
        <v>1</v>
      </c>
      <c r="C37180" s="14" t="s">
        <v>109</v>
      </c>
      <c r="D37180" s="14" t="s">
        <v>24</v>
      </c>
      <c r="E37180" s="15">
        <v>45691</v>
      </c>
      <c r="F37180" s="14" t="s">
        <v>25</v>
      </c>
      <c r="G37180" s="16">
        <v>0</v>
      </c>
    </row>
    <row r="37181" spans="1:7" x14ac:dyDescent="0.3">
      <c r="A37181" s="13" t="s">
        <v>223</v>
      </c>
      <c r="B37181" s="14" t="s">
        <v>1</v>
      </c>
      <c r="C37181" s="14" t="s">
        <v>109</v>
      </c>
      <c r="D37181" s="14" t="s">
        <v>24</v>
      </c>
      <c r="E37181" s="15">
        <v>45692</v>
      </c>
      <c r="F37181" s="14" t="s">
        <v>25</v>
      </c>
      <c r="G37181" s="16">
        <v>0</v>
      </c>
    </row>
    <row r="37182" spans="1:7" x14ac:dyDescent="0.3">
      <c r="A37182" s="13" t="s">
        <v>223</v>
      </c>
      <c r="B37182" s="14" t="s">
        <v>1</v>
      </c>
      <c r="C37182" s="14" t="s">
        <v>109</v>
      </c>
      <c r="D37182" s="14" t="s">
        <v>24</v>
      </c>
      <c r="E37182" s="15">
        <v>45693</v>
      </c>
      <c r="F37182" s="14" t="s">
        <v>25</v>
      </c>
      <c r="G37182" s="16">
        <v>0</v>
      </c>
    </row>
    <row r="37183" spans="1:7" x14ac:dyDescent="0.3">
      <c r="A37183" s="13" t="s">
        <v>223</v>
      </c>
      <c r="B37183" s="14" t="s">
        <v>1</v>
      </c>
      <c r="C37183" s="14" t="s">
        <v>109</v>
      </c>
      <c r="D37183" s="14" t="s">
        <v>24</v>
      </c>
      <c r="E37183" s="15">
        <v>45694</v>
      </c>
      <c r="F37183" s="14" t="s">
        <v>25</v>
      </c>
      <c r="G37183" s="16">
        <v>0</v>
      </c>
    </row>
    <row r="37184" spans="1:7" x14ac:dyDescent="0.3">
      <c r="A37184" s="13" t="s">
        <v>223</v>
      </c>
      <c r="B37184" s="14" t="s">
        <v>1</v>
      </c>
      <c r="C37184" s="14" t="s">
        <v>109</v>
      </c>
      <c r="D37184" s="14" t="s">
        <v>24</v>
      </c>
      <c r="E37184" s="15">
        <v>45695</v>
      </c>
      <c r="F37184" s="14" t="s">
        <v>25</v>
      </c>
      <c r="G37184" s="16">
        <v>0</v>
      </c>
    </row>
    <row r="37185" spans="1:7" x14ac:dyDescent="0.3">
      <c r="A37185" s="13" t="s">
        <v>223</v>
      </c>
      <c r="B37185" s="14" t="s">
        <v>1</v>
      </c>
      <c r="C37185" s="14" t="s">
        <v>109</v>
      </c>
      <c r="D37185" s="14" t="s">
        <v>24</v>
      </c>
      <c r="E37185" s="15">
        <v>45696</v>
      </c>
      <c r="F37185" s="14" t="s">
        <v>25</v>
      </c>
      <c r="G37185" s="16">
        <v>0</v>
      </c>
    </row>
    <row r="37186" spans="1:7" x14ac:dyDescent="0.3">
      <c r="A37186" s="13" t="s">
        <v>223</v>
      </c>
      <c r="B37186" s="14" t="s">
        <v>1</v>
      </c>
      <c r="C37186" s="14" t="s">
        <v>109</v>
      </c>
      <c r="D37186" s="14" t="s">
        <v>24</v>
      </c>
      <c r="E37186" s="15">
        <v>45697</v>
      </c>
      <c r="F37186" s="14" t="s">
        <v>25</v>
      </c>
      <c r="G37186" s="16">
        <v>0</v>
      </c>
    </row>
    <row r="37187" spans="1:7" x14ac:dyDescent="0.3">
      <c r="A37187" s="13" t="s">
        <v>223</v>
      </c>
      <c r="B37187" s="14" t="s">
        <v>1</v>
      </c>
      <c r="C37187" s="14" t="s">
        <v>109</v>
      </c>
      <c r="D37187" s="14" t="s">
        <v>24</v>
      </c>
      <c r="E37187" s="15">
        <v>45698</v>
      </c>
      <c r="F37187" s="14" t="s">
        <v>25</v>
      </c>
      <c r="G37187" s="16">
        <v>0</v>
      </c>
    </row>
    <row r="37188" spans="1:7" x14ac:dyDescent="0.3">
      <c r="A37188" s="13" t="s">
        <v>223</v>
      </c>
      <c r="B37188" s="14" t="s">
        <v>1</v>
      </c>
      <c r="C37188" s="14" t="s">
        <v>109</v>
      </c>
      <c r="D37188" s="14" t="s">
        <v>24</v>
      </c>
      <c r="E37188" s="15">
        <v>45699</v>
      </c>
      <c r="F37188" s="14" t="s">
        <v>25</v>
      </c>
      <c r="G37188" s="16">
        <v>0</v>
      </c>
    </row>
    <row r="37189" spans="1:7" x14ac:dyDescent="0.3">
      <c r="A37189" s="13" t="s">
        <v>223</v>
      </c>
      <c r="B37189" s="14" t="s">
        <v>1</v>
      </c>
      <c r="C37189" s="14" t="s">
        <v>109</v>
      </c>
      <c r="D37189" s="14" t="s">
        <v>24</v>
      </c>
      <c r="E37189" s="15">
        <v>45700</v>
      </c>
      <c r="F37189" s="14" t="s">
        <v>25</v>
      </c>
      <c r="G37189" s="16">
        <v>0</v>
      </c>
    </row>
    <row r="37190" spans="1:7" x14ac:dyDescent="0.3">
      <c r="A37190" s="13" t="s">
        <v>223</v>
      </c>
      <c r="B37190" s="14" t="s">
        <v>1</v>
      </c>
      <c r="C37190" s="14" t="s">
        <v>109</v>
      </c>
      <c r="D37190" s="14" t="s">
        <v>24</v>
      </c>
      <c r="E37190" s="15">
        <v>45701</v>
      </c>
      <c r="F37190" s="14" t="s">
        <v>25</v>
      </c>
      <c r="G37190" s="16">
        <v>0</v>
      </c>
    </row>
    <row r="37191" spans="1:7" x14ac:dyDescent="0.3">
      <c r="A37191" s="13" t="s">
        <v>223</v>
      </c>
      <c r="B37191" s="14" t="s">
        <v>1</v>
      </c>
      <c r="C37191" s="14" t="s">
        <v>109</v>
      </c>
      <c r="D37191" s="14" t="s">
        <v>24</v>
      </c>
      <c r="E37191" s="15">
        <v>45702</v>
      </c>
      <c r="F37191" s="14" t="s">
        <v>25</v>
      </c>
      <c r="G37191" s="16">
        <v>0</v>
      </c>
    </row>
    <row r="37192" spans="1:7" x14ac:dyDescent="0.3">
      <c r="A37192" s="13" t="s">
        <v>223</v>
      </c>
      <c r="B37192" s="14" t="s">
        <v>1</v>
      </c>
      <c r="C37192" s="14" t="s">
        <v>109</v>
      </c>
      <c r="D37192" s="14" t="s">
        <v>24</v>
      </c>
      <c r="E37192" s="15">
        <v>45703</v>
      </c>
      <c r="F37192" s="14" t="s">
        <v>25</v>
      </c>
      <c r="G37192" s="16">
        <v>0</v>
      </c>
    </row>
    <row r="37193" spans="1:7" x14ac:dyDescent="0.3">
      <c r="A37193" s="13" t="s">
        <v>223</v>
      </c>
      <c r="B37193" s="14" t="s">
        <v>1</v>
      </c>
      <c r="C37193" s="14" t="s">
        <v>109</v>
      </c>
      <c r="D37193" s="14" t="s">
        <v>24</v>
      </c>
      <c r="E37193" s="15">
        <v>45704</v>
      </c>
      <c r="F37193" s="14" t="s">
        <v>25</v>
      </c>
      <c r="G37193" s="16">
        <v>0</v>
      </c>
    </row>
    <row r="37194" spans="1:7" x14ac:dyDescent="0.3">
      <c r="A37194" s="13" t="s">
        <v>223</v>
      </c>
      <c r="B37194" s="14" t="s">
        <v>1</v>
      </c>
      <c r="C37194" s="14" t="s">
        <v>109</v>
      </c>
      <c r="D37194" s="14" t="s">
        <v>24</v>
      </c>
      <c r="E37194" s="15">
        <v>45705</v>
      </c>
      <c r="F37194" s="14" t="s">
        <v>25</v>
      </c>
      <c r="G37194" s="16">
        <v>0</v>
      </c>
    </row>
    <row r="37195" spans="1:7" x14ac:dyDescent="0.3">
      <c r="A37195" s="13" t="s">
        <v>223</v>
      </c>
      <c r="B37195" s="14" t="s">
        <v>1</v>
      </c>
      <c r="C37195" s="14" t="s">
        <v>109</v>
      </c>
      <c r="D37195" s="14" t="s">
        <v>24</v>
      </c>
      <c r="E37195" s="15">
        <v>45706</v>
      </c>
      <c r="F37195" s="14" t="s">
        <v>25</v>
      </c>
      <c r="G37195" s="16">
        <v>0</v>
      </c>
    </row>
    <row r="37196" spans="1:7" x14ac:dyDescent="0.3">
      <c r="A37196" s="13" t="s">
        <v>223</v>
      </c>
      <c r="B37196" s="14" t="s">
        <v>1</v>
      </c>
      <c r="C37196" s="14" t="s">
        <v>109</v>
      </c>
      <c r="D37196" s="14" t="s">
        <v>24</v>
      </c>
      <c r="E37196" s="15">
        <v>45707</v>
      </c>
      <c r="F37196" s="14" t="s">
        <v>25</v>
      </c>
      <c r="G37196" s="16">
        <v>0</v>
      </c>
    </row>
    <row r="37197" spans="1:7" x14ac:dyDescent="0.3">
      <c r="A37197" s="13" t="s">
        <v>223</v>
      </c>
      <c r="B37197" s="14" t="s">
        <v>1</v>
      </c>
      <c r="C37197" s="14" t="s">
        <v>109</v>
      </c>
      <c r="D37197" s="14" t="s">
        <v>24</v>
      </c>
      <c r="E37197" s="15">
        <v>45708</v>
      </c>
      <c r="F37197" s="14" t="s">
        <v>25</v>
      </c>
      <c r="G37197" s="16">
        <v>0</v>
      </c>
    </row>
    <row r="37198" spans="1:7" x14ac:dyDescent="0.3">
      <c r="A37198" s="13" t="s">
        <v>223</v>
      </c>
      <c r="B37198" s="14" t="s">
        <v>1</v>
      </c>
      <c r="C37198" s="14" t="s">
        <v>109</v>
      </c>
      <c r="D37198" s="14" t="s">
        <v>24</v>
      </c>
      <c r="E37198" s="15">
        <v>45709</v>
      </c>
      <c r="F37198" s="14" t="s">
        <v>25</v>
      </c>
      <c r="G37198" s="16">
        <v>0</v>
      </c>
    </row>
    <row r="37199" spans="1:7" x14ac:dyDescent="0.3">
      <c r="A37199" s="13" t="s">
        <v>223</v>
      </c>
      <c r="B37199" s="14" t="s">
        <v>1</v>
      </c>
      <c r="C37199" s="14" t="s">
        <v>109</v>
      </c>
      <c r="D37199" s="14" t="s">
        <v>24</v>
      </c>
      <c r="E37199" s="15">
        <v>45710</v>
      </c>
      <c r="F37199" s="14" t="s">
        <v>25</v>
      </c>
      <c r="G37199" s="16">
        <v>0</v>
      </c>
    </row>
    <row r="37200" spans="1:7" x14ac:dyDescent="0.3">
      <c r="A37200" s="13" t="s">
        <v>223</v>
      </c>
      <c r="B37200" s="14" t="s">
        <v>1</v>
      </c>
      <c r="C37200" s="14" t="s">
        <v>109</v>
      </c>
      <c r="D37200" s="14" t="s">
        <v>24</v>
      </c>
      <c r="E37200" s="15">
        <v>45711</v>
      </c>
      <c r="F37200" s="14" t="s">
        <v>25</v>
      </c>
      <c r="G37200" s="16">
        <v>0</v>
      </c>
    </row>
    <row r="37201" spans="1:7" x14ac:dyDescent="0.3">
      <c r="A37201" s="13" t="s">
        <v>223</v>
      </c>
      <c r="B37201" s="14" t="s">
        <v>1</v>
      </c>
      <c r="C37201" s="14" t="s">
        <v>109</v>
      </c>
      <c r="D37201" s="14" t="s">
        <v>24</v>
      </c>
      <c r="E37201" s="15">
        <v>45712</v>
      </c>
      <c r="F37201" s="14" t="s">
        <v>25</v>
      </c>
      <c r="G37201" s="16">
        <v>0</v>
      </c>
    </row>
    <row r="37202" spans="1:7" x14ac:dyDescent="0.3">
      <c r="A37202" s="13" t="s">
        <v>223</v>
      </c>
      <c r="B37202" s="14" t="s">
        <v>1</v>
      </c>
      <c r="C37202" s="14" t="s">
        <v>109</v>
      </c>
      <c r="D37202" s="14" t="s">
        <v>24</v>
      </c>
      <c r="E37202" s="15">
        <v>45713</v>
      </c>
      <c r="F37202" s="14" t="s">
        <v>25</v>
      </c>
      <c r="G37202" s="16">
        <v>0</v>
      </c>
    </row>
    <row r="37203" spans="1:7" x14ac:dyDescent="0.3">
      <c r="A37203" s="13" t="s">
        <v>223</v>
      </c>
      <c r="B37203" s="14" t="s">
        <v>1</v>
      </c>
      <c r="C37203" s="14" t="s">
        <v>109</v>
      </c>
      <c r="D37203" s="14" t="s">
        <v>24</v>
      </c>
      <c r="E37203" s="15">
        <v>45714</v>
      </c>
      <c r="F37203" s="14" t="s">
        <v>25</v>
      </c>
      <c r="G37203" s="16">
        <v>0</v>
      </c>
    </row>
    <row r="37204" spans="1:7" x14ac:dyDescent="0.3">
      <c r="A37204" s="13" t="s">
        <v>223</v>
      </c>
      <c r="B37204" s="14" t="s">
        <v>1</v>
      </c>
      <c r="C37204" s="14" t="s">
        <v>109</v>
      </c>
      <c r="D37204" s="14" t="s">
        <v>24</v>
      </c>
      <c r="E37204" s="15">
        <v>45715</v>
      </c>
      <c r="F37204" s="14" t="s">
        <v>25</v>
      </c>
      <c r="G37204" s="16">
        <v>0</v>
      </c>
    </row>
    <row r="37205" spans="1:7" x14ac:dyDescent="0.3">
      <c r="A37205" s="13" t="s">
        <v>223</v>
      </c>
      <c r="B37205" s="14" t="s">
        <v>1</v>
      </c>
      <c r="C37205" s="14" t="s">
        <v>109</v>
      </c>
      <c r="D37205" s="14" t="s">
        <v>24</v>
      </c>
      <c r="E37205" s="15">
        <v>45716</v>
      </c>
      <c r="F37205" s="14" t="s">
        <v>25</v>
      </c>
      <c r="G37205" s="16">
        <v>0</v>
      </c>
    </row>
    <row r="37206" spans="1:7" x14ac:dyDescent="0.3">
      <c r="A37206" s="13" t="s">
        <v>223</v>
      </c>
      <c r="B37206" s="14" t="s">
        <v>1</v>
      </c>
      <c r="C37206" s="14" t="s">
        <v>109</v>
      </c>
      <c r="D37206" s="14" t="s">
        <v>24</v>
      </c>
      <c r="E37206" s="15">
        <v>45717</v>
      </c>
      <c r="F37206" s="14" t="s">
        <v>25</v>
      </c>
      <c r="G37206" s="16">
        <v>0</v>
      </c>
    </row>
    <row r="37207" spans="1:7" x14ac:dyDescent="0.3">
      <c r="A37207" s="13" t="s">
        <v>223</v>
      </c>
      <c r="B37207" s="14" t="s">
        <v>1</v>
      </c>
      <c r="C37207" s="14" t="s">
        <v>109</v>
      </c>
      <c r="D37207" s="14" t="s">
        <v>24</v>
      </c>
      <c r="E37207" s="15">
        <v>45718</v>
      </c>
      <c r="F37207" s="14" t="s">
        <v>25</v>
      </c>
      <c r="G37207" s="16">
        <v>0</v>
      </c>
    </row>
    <row r="37208" spans="1:7" x14ac:dyDescent="0.3">
      <c r="A37208" s="13" t="s">
        <v>223</v>
      </c>
      <c r="B37208" s="14" t="s">
        <v>1</v>
      </c>
      <c r="C37208" s="14" t="s">
        <v>109</v>
      </c>
      <c r="D37208" s="14" t="s">
        <v>24</v>
      </c>
      <c r="E37208" s="15">
        <v>45719</v>
      </c>
      <c r="F37208" s="14" t="s">
        <v>25</v>
      </c>
      <c r="G37208" s="16">
        <v>0</v>
      </c>
    </row>
    <row r="37209" spans="1:7" x14ac:dyDescent="0.3">
      <c r="A37209" s="13" t="s">
        <v>223</v>
      </c>
      <c r="B37209" s="14" t="s">
        <v>1</v>
      </c>
      <c r="C37209" s="14" t="s">
        <v>109</v>
      </c>
      <c r="D37209" s="14" t="s">
        <v>24</v>
      </c>
      <c r="E37209" s="15">
        <v>45720</v>
      </c>
      <c r="F37209" s="14" t="s">
        <v>25</v>
      </c>
      <c r="G37209" s="16">
        <v>0</v>
      </c>
    </row>
    <row r="37210" spans="1:7" x14ac:dyDescent="0.3">
      <c r="A37210" s="13" t="s">
        <v>223</v>
      </c>
      <c r="B37210" s="14" t="s">
        <v>1</v>
      </c>
      <c r="C37210" s="14" t="s">
        <v>109</v>
      </c>
      <c r="D37210" s="14" t="s">
        <v>24</v>
      </c>
      <c r="E37210" s="15">
        <v>45721</v>
      </c>
      <c r="F37210" s="14" t="s">
        <v>25</v>
      </c>
      <c r="G37210" s="16">
        <v>0</v>
      </c>
    </row>
    <row r="37211" spans="1:7" x14ac:dyDescent="0.3">
      <c r="A37211" s="13" t="s">
        <v>223</v>
      </c>
      <c r="B37211" s="14" t="s">
        <v>1</v>
      </c>
      <c r="C37211" s="14" t="s">
        <v>109</v>
      </c>
      <c r="D37211" s="14" t="s">
        <v>24</v>
      </c>
      <c r="E37211" s="15">
        <v>45722</v>
      </c>
      <c r="F37211" s="14" t="s">
        <v>25</v>
      </c>
      <c r="G37211" s="16">
        <v>0</v>
      </c>
    </row>
    <row r="37212" spans="1:7" x14ac:dyDescent="0.3">
      <c r="A37212" s="13" t="s">
        <v>223</v>
      </c>
      <c r="B37212" s="14" t="s">
        <v>1</v>
      </c>
      <c r="C37212" s="14" t="s">
        <v>109</v>
      </c>
      <c r="D37212" s="14" t="s">
        <v>24</v>
      </c>
      <c r="E37212" s="15">
        <v>45723</v>
      </c>
      <c r="F37212" s="14" t="s">
        <v>25</v>
      </c>
      <c r="G37212" s="16">
        <v>0</v>
      </c>
    </row>
    <row r="37213" spans="1:7" x14ac:dyDescent="0.3">
      <c r="A37213" s="13" t="s">
        <v>223</v>
      </c>
      <c r="B37213" s="14" t="s">
        <v>1</v>
      </c>
      <c r="C37213" s="14" t="s">
        <v>109</v>
      </c>
      <c r="D37213" s="14" t="s">
        <v>24</v>
      </c>
      <c r="E37213" s="15">
        <v>45724</v>
      </c>
      <c r="F37213" s="14" t="s">
        <v>25</v>
      </c>
      <c r="G37213" s="16">
        <v>0</v>
      </c>
    </row>
    <row r="37214" spans="1:7" x14ac:dyDescent="0.3">
      <c r="A37214" s="13" t="s">
        <v>223</v>
      </c>
      <c r="B37214" s="14" t="s">
        <v>1</v>
      </c>
      <c r="C37214" s="14" t="s">
        <v>109</v>
      </c>
      <c r="D37214" s="14" t="s">
        <v>24</v>
      </c>
      <c r="E37214" s="15">
        <v>45725</v>
      </c>
      <c r="F37214" s="14" t="s">
        <v>25</v>
      </c>
      <c r="G37214" s="16">
        <v>0</v>
      </c>
    </row>
    <row r="37215" spans="1:7" x14ac:dyDescent="0.3">
      <c r="A37215" s="13" t="s">
        <v>223</v>
      </c>
      <c r="B37215" s="14" t="s">
        <v>1</v>
      </c>
      <c r="C37215" s="14" t="s">
        <v>109</v>
      </c>
      <c r="D37215" s="14" t="s">
        <v>24</v>
      </c>
      <c r="E37215" s="15">
        <v>45726</v>
      </c>
      <c r="F37215" s="14" t="s">
        <v>25</v>
      </c>
      <c r="G37215" s="16">
        <v>0</v>
      </c>
    </row>
    <row r="37216" spans="1:7" x14ac:dyDescent="0.3">
      <c r="A37216" s="13" t="s">
        <v>223</v>
      </c>
      <c r="B37216" s="14" t="s">
        <v>1</v>
      </c>
      <c r="C37216" s="14" t="s">
        <v>109</v>
      </c>
      <c r="D37216" s="14" t="s">
        <v>24</v>
      </c>
      <c r="E37216" s="15">
        <v>45727</v>
      </c>
      <c r="F37216" s="14" t="s">
        <v>25</v>
      </c>
      <c r="G37216" s="16">
        <v>0</v>
      </c>
    </row>
    <row r="37217" spans="1:7" x14ac:dyDescent="0.3">
      <c r="A37217" s="13" t="s">
        <v>223</v>
      </c>
      <c r="B37217" s="14" t="s">
        <v>1</v>
      </c>
      <c r="C37217" s="14" t="s">
        <v>109</v>
      </c>
      <c r="D37217" s="14" t="s">
        <v>24</v>
      </c>
      <c r="E37217" s="15">
        <v>45728</v>
      </c>
      <c r="F37217" s="14" t="s">
        <v>25</v>
      </c>
      <c r="G37217" s="16">
        <v>0</v>
      </c>
    </row>
    <row r="37218" spans="1:7" x14ac:dyDescent="0.3">
      <c r="A37218" s="13" t="s">
        <v>223</v>
      </c>
      <c r="B37218" s="14" t="s">
        <v>1</v>
      </c>
      <c r="C37218" s="14" t="s">
        <v>109</v>
      </c>
      <c r="D37218" s="14" t="s">
        <v>24</v>
      </c>
      <c r="E37218" s="15">
        <v>45729</v>
      </c>
      <c r="F37218" s="14" t="s">
        <v>25</v>
      </c>
      <c r="G37218" s="16">
        <v>0</v>
      </c>
    </row>
    <row r="37219" spans="1:7" x14ac:dyDescent="0.3">
      <c r="A37219" s="13" t="s">
        <v>223</v>
      </c>
      <c r="B37219" s="14" t="s">
        <v>1</v>
      </c>
      <c r="C37219" s="14" t="s">
        <v>109</v>
      </c>
      <c r="D37219" s="14" t="s">
        <v>24</v>
      </c>
      <c r="E37219" s="15">
        <v>45730</v>
      </c>
      <c r="F37219" s="14" t="s">
        <v>25</v>
      </c>
      <c r="G37219" s="16">
        <v>0</v>
      </c>
    </row>
    <row r="37220" spans="1:7" x14ac:dyDescent="0.3">
      <c r="A37220" s="13" t="s">
        <v>223</v>
      </c>
      <c r="B37220" s="14" t="s">
        <v>1</v>
      </c>
      <c r="C37220" s="14" t="s">
        <v>109</v>
      </c>
      <c r="D37220" s="14" t="s">
        <v>24</v>
      </c>
      <c r="E37220" s="15">
        <v>45731</v>
      </c>
      <c r="F37220" s="14" t="s">
        <v>25</v>
      </c>
      <c r="G37220" s="16">
        <v>0</v>
      </c>
    </row>
    <row r="37221" spans="1:7" x14ac:dyDescent="0.3">
      <c r="A37221" s="13" t="s">
        <v>223</v>
      </c>
      <c r="B37221" s="14" t="s">
        <v>1</v>
      </c>
      <c r="C37221" s="14" t="s">
        <v>109</v>
      </c>
      <c r="D37221" s="14" t="s">
        <v>24</v>
      </c>
      <c r="E37221" s="15">
        <v>45732</v>
      </c>
      <c r="F37221" s="14" t="s">
        <v>25</v>
      </c>
      <c r="G37221" s="16">
        <v>0</v>
      </c>
    </row>
    <row r="37222" spans="1:7" x14ac:dyDescent="0.3">
      <c r="A37222" s="13" t="s">
        <v>223</v>
      </c>
      <c r="B37222" s="14" t="s">
        <v>1</v>
      </c>
      <c r="C37222" s="14" t="s">
        <v>109</v>
      </c>
      <c r="D37222" s="14" t="s">
        <v>24</v>
      </c>
      <c r="E37222" s="15">
        <v>45733</v>
      </c>
      <c r="F37222" s="14" t="s">
        <v>25</v>
      </c>
      <c r="G37222" s="16">
        <v>0</v>
      </c>
    </row>
    <row r="37223" spans="1:7" x14ac:dyDescent="0.3">
      <c r="A37223" s="13" t="s">
        <v>223</v>
      </c>
      <c r="B37223" s="14" t="s">
        <v>1</v>
      </c>
      <c r="C37223" s="14" t="s">
        <v>109</v>
      </c>
      <c r="D37223" s="14" t="s">
        <v>24</v>
      </c>
      <c r="E37223" s="15">
        <v>45734</v>
      </c>
      <c r="F37223" s="14" t="s">
        <v>25</v>
      </c>
      <c r="G37223" s="16">
        <v>0</v>
      </c>
    </row>
    <row r="37224" spans="1:7" x14ac:dyDescent="0.3">
      <c r="A37224" s="13" t="s">
        <v>223</v>
      </c>
      <c r="B37224" s="14" t="s">
        <v>1</v>
      </c>
      <c r="C37224" s="14" t="s">
        <v>109</v>
      </c>
      <c r="D37224" s="14" t="s">
        <v>24</v>
      </c>
      <c r="E37224" s="15">
        <v>45735</v>
      </c>
      <c r="F37224" s="14" t="s">
        <v>25</v>
      </c>
      <c r="G37224" s="16">
        <v>0</v>
      </c>
    </row>
    <row r="37225" spans="1:7" x14ac:dyDescent="0.3">
      <c r="A37225" s="13" t="s">
        <v>223</v>
      </c>
      <c r="B37225" s="14" t="s">
        <v>1</v>
      </c>
      <c r="C37225" s="14" t="s">
        <v>109</v>
      </c>
      <c r="D37225" s="14" t="s">
        <v>24</v>
      </c>
      <c r="E37225" s="15">
        <v>45736</v>
      </c>
      <c r="F37225" s="14" t="s">
        <v>25</v>
      </c>
      <c r="G37225" s="16">
        <v>0</v>
      </c>
    </row>
    <row r="37226" spans="1:7" x14ac:dyDescent="0.3">
      <c r="A37226" s="13" t="s">
        <v>223</v>
      </c>
      <c r="B37226" s="14" t="s">
        <v>1</v>
      </c>
      <c r="C37226" s="14" t="s">
        <v>109</v>
      </c>
      <c r="D37226" s="14" t="s">
        <v>24</v>
      </c>
      <c r="E37226" s="15">
        <v>45737</v>
      </c>
      <c r="F37226" s="14" t="s">
        <v>25</v>
      </c>
      <c r="G37226" s="16">
        <v>0</v>
      </c>
    </row>
    <row r="37227" spans="1:7" x14ac:dyDescent="0.3">
      <c r="A37227" s="13" t="s">
        <v>223</v>
      </c>
      <c r="B37227" s="14" t="s">
        <v>1</v>
      </c>
      <c r="C37227" s="14" t="s">
        <v>109</v>
      </c>
      <c r="D37227" s="14" t="s">
        <v>24</v>
      </c>
      <c r="E37227" s="15">
        <v>45738</v>
      </c>
      <c r="F37227" s="14" t="s">
        <v>25</v>
      </c>
      <c r="G37227" s="16">
        <v>0</v>
      </c>
    </row>
    <row r="37228" spans="1:7" x14ac:dyDescent="0.3">
      <c r="A37228" s="13" t="s">
        <v>223</v>
      </c>
      <c r="B37228" s="14" t="s">
        <v>1</v>
      </c>
      <c r="C37228" s="14" t="s">
        <v>109</v>
      </c>
      <c r="D37228" s="14" t="s">
        <v>24</v>
      </c>
      <c r="E37228" s="15">
        <v>45739</v>
      </c>
      <c r="F37228" s="14" t="s">
        <v>25</v>
      </c>
      <c r="G37228" s="16">
        <v>0</v>
      </c>
    </row>
    <row r="37229" spans="1:7" x14ac:dyDescent="0.3">
      <c r="A37229" s="13" t="s">
        <v>223</v>
      </c>
      <c r="B37229" s="14" t="s">
        <v>1</v>
      </c>
      <c r="C37229" s="14" t="s">
        <v>109</v>
      </c>
      <c r="D37229" s="14" t="s">
        <v>24</v>
      </c>
      <c r="E37229" s="15">
        <v>45740</v>
      </c>
      <c r="F37229" s="14" t="s">
        <v>25</v>
      </c>
      <c r="G37229" s="16">
        <v>0</v>
      </c>
    </row>
    <row r="37230" spans="1:7" x14ac:dyDescent="0.3">
      <c r="A37230" s="13" t="s">
        <v>223</v>
      </c>
      <c r="B37230" s="14" t="s">
        <v>1</v>
      </c>
      <c r="C37230" s="14" t="s">
        <v>109</v>
      </c>
      <c r="D37230" s="14" t="s">
        <v>24</v>
      </c>
      <c r="E37230" s="15">
        <v>45741</v>
      </c>
      <c r="F37230" s="14" t="s">
        <v>25</v>
      </c>
      <c r="G37230" s="16">
        <v>0</v>
      </c>
    </row>
    <row r="37231" spans="1:7" x14ac:dyDescent="0.3">
      <c r="A37231" s="13" t="s">
        <v>223</v>
      </c>
      <c r="B37231" s="14" t="s">
        <v>1</v>
      </c>
      <c r="C37231" s="14" t="s">
        <v>109</v>
      </c>
      <c r="D37231" s="14" t="s">
        <v>24</v>
      </c>
      <c r="E37231" s="15">
        <v>45742</v>
      </c>
      <c r="F37231" s="14" t="s">
        <v>25</v>
      </c>
      <c r="G37231" s="16">
        <v>0</v>
      </c>
    </row>
    <row r="37232" spans="1:7" x14ac:dyDescent="0.3">
      <c r="A37232" s="13" t="s">
        <v>223</v>
      </c>
      <c r="B37232" s="14" t="s">
        <v>1</v>
      </c>
      <c r="C37232" s="14" t="s">
        <v>109</v>
      </c>
      <c r="D37232" s="14" t="s">
        <v>24</v>
      </c>
      <c r="E37232" s="15">
        <v>45743</v>
      </c>
      <c r="F37232" s="14" t="s">
        <v>25</v>
      </c>
      <c r="G37232" s="16">
        <v>0</v>
      </c>
    </row>
    <row r="37233" spans="1:7" x14ac:dyDescent="0.3">
      <c r="A37233" s="13" t="s">
        <v>223</v>
      </c>
      <c r="B37233" s="14" t="s">
        <v>1</v>
      </c>
      <c r="C37233" s="14" t="s">
        <v>109</v>
      </c>
      <c r="D37233" s="14" t="s">
        <v>24</v>
      </c>
      <c r="E37233" s="15">
        <v>45744</v>
      </c>
      <c r="F37233" s="14" t="s">
        <v>25</v>
      </c>
      <c r="G37233" s="16">
        <v>0</v>
      </c>
    </row>
    <row r="37234" spans="1:7" x14ac:dyDescent="0.3">
      <c r="A37234" s="13" t="s">
        <v>223</v>
      </c>
      <c r="B37234" s="14" t="s">
        <v>1</v>
      </c>
      <c r="C37234" s="14" t="s">
        <v>109</v>
      </c>
      <c r="D37234" s="14" t="s">
        <v>24</v>
      </c>
      <c r="E37234" s="15">
        <v>45745</v>
      </c>
      <c r="F37234" s="14" t="s">
        <v>25</v>
      </c>
      <c r="G37234" s="16">
        <v>0</v>
      </c>
    </row>
    <row r="37235" spans="1:7" x14ac:dyDescent="0.3">
      <c r="A37235" s="13" t="s">
        <v>223</v>
      </c>
      <c r="B37235" s="14" t="s">
        <v>1</v>
      </c>
      <c r="C37235" s="14" t="s">
        <v>109</v>
      </c>
      <c r="D37235" s="14" t="s">
        <v>24</v>
      </c>
      <c r="E37235" s="15">
        <v>45746</v>
      </c>
      <c r="F37235" s="14" t="s">
        <v>25</v>
      </c>
      <c r="G37235" s="16">
        <v>0</v>
      </c>
    </row>
    <row r="37236" spans="1:7" x14ac:dyDescent="0.3">
      <c r="A37236" s="13" t="s">
        <v>223</v>
      </c>
      <c r="B37236" s="14" t="s">
        <v>1</v>
      </c>
      <c r="C37236" s="14" t="s">
        <v>109</v>
      </c>
      <c r="D37236" s="14" t="s">
        <v>24</v>
      </c>
      <c r="E37236" s="15">
        <v>45747</v>
      </c>
      <c r="F37236" s="14" t="s">
        <v>25</v>
      </c>
      <c r="G37236" s="16">
        <v>0</v>
      </c>
    </row>
    <row r="37237" spans="1:7" x14ac:dyDescent="0.3">
      <c r="A37237" s="13" t="s">
        <v>224</v>
      </c>
      <c r="B37237" s="14" t="s">
        <v>1</v>
      </c>
      <c r="C37237" s="14" t="s">
        <v>23</v>
      </c>
      <c r="D37237" s="14" t="s">
        <v>225</v>
      </c>
      <c r="E37237" s="15">
        <v>45383</v>
      </c>
      <c r="F37237" s="14" t="s">
        <v>53</v>
      </c>
      <c r="G37237" s="16">
        <v>0</v>
      </c>
    </row>
    <row r="37238" spans="1:7" x14ac:dyDescent="0.3">
      <c r="A37238" s="13" t="s">
        <v>224</v>
      </c>
      <c r="B37238" s="14" t="s">
        <v>1</v>
      </c>
      <c r="C37238" s="14" t="s">
        <v>23</v>
      </c>
      <c r="D37238" s="14" t="s">
        <v>225</v>
      </c>
      <c r="E37238" s="15">
        <v>45384</v>
      </c>
      <c r="F37238" s="14" t="s">
        <v>53</v>
      </c>
      <c r="G37238" s="16">
        <v>0</v>
      </c>
    </row>
    <row r="37239" spans="1:7" x14ac:dyDescent="0.3">
      <c r="A37239" s="13" t="s">
        <v>224</v>
      </c>
      <c r="B37239" s="14" t="s">
        <v>1</v>
      </c>
      <c r="C37239" s="14" t="s">
        <v>23</v>
      </c>
      <c r="D37239" s="14" t="s">
        <v>225</v>
      </c>
      <c r="E37239" s="15">
        <v>45385</v>
      </c>
      <c r="F37239" s="14" t="s">
        <v>53</v>
      </c>
      <c r="G37239" s="16">
        <v>6.2336134919488549E-2</v>
      </c>
    </row>
    <row r="37240" spans="1:7" x14ac:dyDescent="0.3">
      <c r="A37240" s="13" t="s">
        <v>224</v>
      </c>
      <c r="B37240" s="14" t="s">
        <v>1</v>
      </c>
      <c r="C37240" s="14" t="s">
        <v>23</v>
      </c>
      <c r="D37240" s="14" t="s">
        <v>225</v>
      </c>
      <c r="E37240" s="15">
        <v>45386</v>
      </c>
      <c r="F37240" s="14" t="s">
        <v>53</v>
      </c>
      <c r="G37240" s="16">
        <v>7.7668568091964374E-2</v>
      </c>
    </row>
    <row r="37241" spans="1:7" x14ac:dyDescent="0.3">
      <c r="A37241" s="13" t="s">
        <v>224</v>
      </c>
      <c r="B37241" s="14" t="s">
        <v>1</v>
      </c>
      <c r="C37241" s="14" t="s">
        <v>23</v>
      </c>
      <c r="D37241" s="14" t="s">
        <v>225</v>
      </c>
      <c r="E37241" s="15">
        <v>45387</v>
      </c>
      <c r="F37241" s="14" t="s">
        <v>53</v>
      </c>
      <c r="G37241" s="16">
        <v>0.10277954357859838</v>
      </c>
    </row>
    <row r="37242" spans="1:7" x14ac:dyDescent="0.3">
      <c r="A37242" s="13" t="s">
        <v>224</v>
      </c>
      <c r="B37242" s="14" t="s">
        <v>1</v>
      </c>
      <c r="C37242" s="14" t="s">
        <v>23</v>
      </c>
      <c r="D37242" s="14" t="s">
        <v>225</v>
      </c>
      <c r="E37242" s="15">
        <v>45388</v>
      </c>
      <c r="F37242" s="14" t="s">
        <v>53</v>
      </c>
      <c r="G37242" s="16">
        <v>0.10277954357859838</v>
      </c>
    </row>
    <row r="37243" spans="1:7" x14ac:dyDescent="0.3">
      <c r="A37243" s="13" t="s">
        <v>224</v>
      </c>
      <c r="B37243" s="14" t="s">
        <v>1</v>
      </c>
      <c r="C37243" s="14" t="s">
        <v>23</v>
      </c>
      <c r="D37243" s="14" t="s">
        <v>225</v>
      </c>
      <c r="E37243" s="15">
        <v>45389</v>
      </c>
      <c r="F37243" s="14" t="s">
        <v>53</v>
      </c>
      <c r="G37243" s="16">
        <v>0.10277954357859838</v>
      </c>
    </row>
    <row r="37244" spans="1:7" x14ac:dyDescent="0.3">
      <c r="A37244" s="13" t="s">
        <v>224</v>
      </c>
      <c r="B37244" s="14" t="s">
        <v>1</v>
      </c>
      <c r="C37244" s="14" t="s">
        <v>23</v>
      </c>
      <c r="D37244" s="14" t="s">
        <v>225</v>
      </c>
      <c r="E37244" s="15">
        <v>45390</v>
      </c>
      <c r="F37244" s="14" t="s">
        <v>53</v>
      </c>
      <c r="G37244" s="16">
        <v>0.1161564030374377</v>
      </c>
    </row>
    <row r="37245" spans="1:7" x14ac:dyDescent="0.3">
      <c r="A37245" s="13" t="s">
        <v>224</v>
      </c>
      <c r="B37245" s="14" t="s">
        <v>1</v>
      </c>
      <c r="C37245" s="14" t="s">
        <v>23</v>
      </c>
      <c r="D37245" s="14" t="s">
        <v>225</v>
      </c>
      <c r="E37245" s="15">
        <v>45391</v>
      </c>
      <c r="F37245" s="14" t="s">
        <v>53</v>
      </c>
      <c r="G37245" s="16">
        <v>0.15616671302802901</v>
      </c>
    </row>
    <row r="37246" spans="1:7" x14ac:dyDescent="0.3">
      <c r="A37246" s="13" t="s">
        <v>224</v>
      </c>
      <c r="B37246" s="14" t="s">
        <v>1</v>
      </c>
      <c r="C37246" s="14" t="s">
        <v>23</v>
      </c>
      <c r="D37246" s="14" t="s">
        <v>225</v>
      </c>
      <c r="E37246" s="15">
        <v>45392</v>
      </c>
      <c r="F37246" s="14" t="s">
        <v>53</v>
      </c>
      <c r="G37246" s="16">
        <v>0.17423745780516645</v>
      </c>
    </row>
    <row r="37247" spans="1:7" x14ac:dyDescent="0.3">
      <c r="A37247" s="13" t="s">
        <v>224</v>
      </c>
      <c r="B37247" s="14" t="s">
        <v>1</v>
      </c>
      <c r="C37247" s="14" t="s">
        <v>23</v>
      </c>
      <c r="D37247" s="14" t="s">
        <v>225</v>
      </c>
      <c r="E37247" s="15">
        <v>45393</v>
      </c>
      <c r="F37247" s="14" t="s">
        <v>53</v>
      </c>
      <c r="G37247" s="16">
        <v>0.18889058735839906</v>
      </c>
    </row>
    <row r="37248" spans="1:7" x14ac:dyDescent="0.3">
      <c r="A37248" s="13" t="s">
        <v>224</v>
      </c>
      <c r="B37248" s="14" t="s">
        <v>1</v>
      </c>
      <c r="C37248" s="14" t="s">
        <v>23</v>
      </c>
      <c r="D37248" s="14" t="s">
        <v>225</v>
      </c>
      <c r="E37248" s="15">
        <v>45394</v>
      </c>
      <c r="F37248" s="14" t="s">
        <v>53</v>
      </c>
      <c r="G37248" s="16">
        <v>0.20406032171941818</v>
      </c>
    </row>
    <row r="37249" spans="1:7" x14ac:dyDescent="0.3">
      <c r="A37249" s="13" t="s">
        <v>224</v>
      </c>
      <c r="B37249" s="14" t="s">
        <v>1</v>
      </c>
      <c r="C37249" s="14" t="s">
        <v>23</v>
      </c>
      <c r="D37249" s="14" t="s">
        <v>225</v>
      </c>
      <c r="E37249" s="15">
        <v>45395</v>
      </c>
      <c r="F37249" s="14" t="s">
        <v>53</v>
      </c>
      <c r="G37249" s="16">
        <v>0.20406032171941818</v>
      </c>
    </row>
    <row r="37250" spans="1:7" x14ac:dyDescent="0.3">
      <c r="A37250" s="13" t="s">
        <v>224</v>
      </c>
      <c r="B37250" s="14" t="s">
        <v>1</v>
      </c>
      <c r="C37250" s="14" t="s">
        <v>23</v>
      </c>
      <c r="D37250" s="14" t="s">
        <v>225</v>
      </c>
      <c r="E37250" s="15">
        <v>45396</v>
      </c>
      <c r="F37250" s="14" t="s">
        <v>53</v>
      </c>
      <c r="G37250" s="16">
        <v>0.20406032171941818</v>
      </c>
    </row>
    <row r="37251" spans="1:7" x14ac:dyDescent="0.3">
      <c r="A37251" s="13" t="s">
        <v>224</v>
      </c>
      <c r="B37251" s="14" t="s">
        <v>1</v>
      </c>
      <c r="C37251" s="14" t="s">
        <v>23</v>
      </c>
      <c r="D37251" s="14" t="s">
        <v>225</v>
      </c>
      <c r="E37251" s="15">
        <v>45397</v>
      </c>
      <c r="F37251" s="14" t="s">
        <v>53</v>
      </c>
      <c r="G37251" s="16">
        <v>0.21892214511188676</v>
      </c>
    </row>
    <row r="37252" spans="1:7" x14ac:dyDescent="0.3">
      <c r="A37252" s="13" t="s">
        <v>224</v>
      </c>
      <c r="B37252" s="14" t="s">
        <v>1</v>
      </c>
      <c r="C37252" s="14" t="s">
        <v>23</v>
      </c>
      <c r="D37252" s="14" t="s">
        <v>225</v>
      </c>
      <c r="E37252" s="15">
        <v>45398</v>
      </c>
      <c r="F37252" s="14" t="s">
        <v>53</v>
      </c>
      <c r="G37252" s="16">
        <v>0.25907721288606173</v>
      </c>
    </row>
    <row r="37253" spans="1:7" x14ac:dyDescent="0.3">
      <c r="A37253" s="13" t="s">
        <v>224</v>
      </c>
      <c r="B37253" s="14" t="s">
        <v>1</v>
      </c>
      <c r="C37253" s="14" t="s">
        <v>23</v>
      </c>
      <c r="D37253" s="14" t="s">
        <v>225</v>
      </c>
      <c r="E37253" s="15">
        <v>45399</v>
      </c>
      <c r="F37253" s="14" t="s">
        <v>53</v>
      </c>
      <c r="G37253" s="16">
        <v>0.27174936994457827</v>
      </c>
    </row>
    <row r="37254" spans="1:7" x14ac:dyDescent="0.3">
      <c r="A37254" s="13" t="s">
        <v>224</v>
      </c>
      <c r="B37254" s="14" t="s">
        <v>1</v>
      </c>
      <c r="C37254" s="14" t="s">
        <v>23</v>
      </c>
      <c r="D37254" s="14" t="s">
        <v>225</v>
      </c>
      <c r="E37254" s="15">
        <v>45400</v>
      </c>
      <c r="F37254" s="14" t="s">
        <v>53</v>
      </c>
      <c r="G37254" s="16">
        <v>0.28548244822169666</v>
      </c>
    </row>
    <row r="37255" spans="1:7" x14ac:dyDescent="0.3">
      <c r="A37255" s="13" t="s">
        <v>224</v>
      </c>
      <c r="B37255" s="14" t="s">
        <v>1</v>
      </c>
      <c r="C37255" s="14" t="s">
        <v>23</v>
      </c>
      <c r="D37255" s="14" t="s">
        <v>225</v>
      </c>
      <c r="E37255" s="15">
        <v>45401</v>
      </c>
      <c r="F37255" s="14" t="s">
        <v>53</v>
      </c>
      <c r="G37255" s="16">
        <v>0.30031987093301843</v>
      </c>
    </row>
    <row r="37256" spans="1:7" x14ac:dyDescent="0.3">
      <c r="A37256" s="13" t="s">
        <v>224</v>
      </c>
      <c r="B37256" s="14" t="s">
        <v>1</v>
      </c>
      <c r="C37256" s="14" t="s">
        <v>23</v>
      </c>
      <c r="D37256" s="14" t="s">
        <v>225</v>
      </c>
      <c r="E37256" s="15">
        <v>45402</v>
      </c>
      <c r="F37256" s="14" t="s">
        <v>53</v>
      </c>
      <c r="G37256" s="16">
        <v>0.30031987093301843</v>
      </c>
    </row>
    <row r="37257" spans="1:7" x14ac:dyDescent="0.3">
      <c r="A37257" s="13" t="s">
        <v>224</v>
      </c>
      <c r="B37257" s="14" t="s">
        <v>1</v>
      </c>
      <c r="C37257" s="14" t="s">
        <v>23</v>
      </c>
      <c r="D37257" s="14" t="s">
        <v>225</v>
      </c>
      <c r="E37257" s="15">
        <v>45403</v>
      </c>
      <c r="F37257" s="14" t="s">
        <v>53</v>
      </c>
      <c r="G37257" s="16">
        <v>0.30031987093301843</v>
      </c>
    </row>
    <row r="37258" spans="1:7" x14ac:dyDescent="0.3">
      <c r="A37258" s="13" t="s">
        <v>224</v>
      </c>
      <c r="B37258" s="14" t="s">
        <v>1</v>
      </c>
      <c r="C37258" s="14" t="s">
        <v>23</v>
      </c>
      <c r="D37258" s="14" t="s">
        <v>225</v>
      </c>
      <c r="E37258" s="15">
        <v>45404</v>
      </c>
      <c r="F37258" s="14" t="s">
        <v>53</v>
      </c>
      <c r="G37258" s="16">
        <v>0.3210783366193431</v>
      </c>
    </row>
    <row r="37259" spans="1:7" x14ac:dyDescent="0.3">
      <c r="A37259" s="13" t="s">
        <v>224</v>
      </c>
      <c r="B37259" s="14" t="s">
        <v>1</v>
      </c>
      <c r="C37259" s="14" t="s">
        <v>23</v>
      </c>
      <c r="D37259" s="14" t="s">
        <v>225</v>
      </c>
      <c r="E37259" s="15">
        <v>45405</v>
      </c>
      <c r="F37259" s="14" t="s">
        <v>53</v>
      </c>
      <c r="G37259" s="16">
        <v>0.35215219999673669</v>
      </c>
    </row>
    <row r="37260" spans="1:7" x14ac:dyDescent="0.3">
      <c r="A37260" s="13" t="s">
        <v>224</v>
      </c>
      <c r="B37260" s="14" t="s">
        <v>1</v>
      </c>
      <c r="C37260" s="14" t="s">
        <v>23</v>
      </c>
      <c r="D37260" s="14" t="s">
        <v>225</v>
      </c>
      <c r="E37260" s="15">
        <v>45406</v>
      </c>
      <c r="F37260" s="14" t="s">
        <v>53</v>
      </c>
      <c r="G37260" s="16">
        <v>0.36234570815672457</v>
      </c>
    </row>
    <row r="37261" spans="1:7" x14ac:dyDescent="0.3">
      <c r="A37261" s="13" t="s">
        <v>224</v>
      </c>
      <c r="B37261" s="14" t="s">
        <v>1</v>
      </c>
      <c r="C37261" s="14" t="s">
        <v>23</v>
      </c>
      <c r="D37261" s="14" t="s">
        <v>225</v>
      </c>
      <c r="E37261" s="15">
        <v>45407</v>
      </c>
      <c r="F37261" s="14" t="s">
        <v>53</v>
      </c>
      <c r="G37261" s="16">
        <v>0.32781204256331947</v>
      </c>
    </row>
    <row r="37262" spans="1:7" x14ac:dyDescent="0.3">
      <c r="A37262" s="13" t="s">
        <v>224</v>
      </c>
      <c r="B37262" s="14" t="s">
        <v>1</v>
      </c>
      <c r="C37262" s="14" t="s">
        <v>23</v>
      </c>
      <c r="D37262" s="14" t="s">
        <v>225</v>
      </c>
      <c r="E37262" s="15">
        <v>45408</v>
      </c>
      <c r="F37262" s="14" t="s">
        <v>53</v>
      </c>
      <c r="G37262" s="16">
        <v>0.34052101961141779</v>
      </c>
    </row>
    <row r="37263" spans="1:7" x14ac:dyDescent="0.3">
      <c r="A37263" s="13" t="s">
        <v>224</v>
      </c>
      <c r="B37263" s="14" t="s">
        <v>1</v>
      </c>
      <c r="C37263" s="14" t="s">
        <v>23</v>
      </c>
      <c r="D37263" s="14" t="s">
        <v>225</v>
      </c>
      <c r="E37263" s="15">
        <v>45409</v>
      </c>
      <c r="F37263" s="14" t="s">
        <v>53</v>
      </c>
      <c r="G37263" s="16">
        <v>0.34052101961141779</v>
      </c>
    </row>
    <row r="37264" spans="1:7" x14ac:dyDescent="0.3">
      <c r="A37264" s="13" t="s">
        <v>224</v>
      </c>
      <c r="B37264" s="14" t="s">
        <v>1</v>
      </c>
      <c r="C37264" s="14" t="s">
        <v>23</v>
      </c>
      <c r="D37264" s="14" t="s">
        <v>225</v>
      </c>
      <c r="E37264" s="15">
        <v>45410</v>
      </c>
      <c r="F37264" s="14" t="s">
        <v>53</v>
      </c>
      <c r="G37264" s="16">
        <v>0.34052101961141779</v>
      </c>
    </row>
    <row r="37265" spans="1:7" x14ac:dyDescent="0.3">
      <c r="A37265" s="13" t="s">
        <v>224</v>
      </c>
      <c r="B37265" s="14" t="s">
        <v>1</v>
      </c>
      <c r="C37265" s="14" t="s">
        <v>23</v>
      </c>
      <c r="D37265" s="14" t="s">
        <v>225</v>
      </c>
      <c r="E37265" s="15">
        <v>45411</v>
      </c>
      <c r="F37265" s="14" t="s">
        <v>53</v>
      </c>
      <c r="G37265" s="16">
        <v>0.35224329204946769</v>
      </c>
    </row>
    <row r="37266" spans="1:7" x14ac:dyDescent="0.3">
      <c r="A37266" s="13" t="s">
        <v>224</v>
      </c>
      <c r="B37266" s="14" t="s">
        <v>1</v>
      </c>
      <c r="C37266" s="14" t="s">
        <v>23</v>
      </c>
      <c r="D37266" s="14" t="s">
        <v>225</v>
      </c>
      <c r="E37266" s="15">
        <v>45412</v>
      </c>
      <c r="F37266" s="14" t="s">
        <v>53</v>
      </c>
      <c r="G37266" s="16">
        <v>0.39548694430092973</v>
      </c>
    </row>
    <row r="37267" spans="1:7" x14ac:dyDescent="0.3">
      <c r="A37267" s="13" t="s">
        <v>224</v>
      </c>
      <c r="B37267" s="14" t="s">
        <v>1</v>
      </c>
      <c r="C37267" s="14" t="s">
        <v>23</v>
      </c>
      <c r="D37267" s="14" t="s">
        <v>225</v>
      </c>
      <c r="E37267" s="15">
        <v>45413</v>
      </c>
      <c r="F37267" s="14" t="s">
        <v>53</v>
      </c>
      <c r="G37267" s="16">
        <v>0.40806035288102421</v>
      </c>
    </row>
    <row r="37268" spans="1:7" x14ac:dyDescent="0.3">
      <c r="A37268" s="13" t="s">
        <v>224</v>
      </c>
      <c r="B37268" s="14" t="s">
        <v>1</v>
      </c>
      <c r="C37268" s="14" t="s">
        <v>23</v>
      </c>
      <c r="D37268" s="14" t="s">
        <v>225</v>
      </c>
      <c r="E37268" s="15">
        <v>45414</v>
      </c>
      <c r="F37268" s="14" t="s">
        <v>53</v>
      </c>
      <c r="G37268" s="16">
        <v>0.42170632508909311</v>
      </c>
    </row>
    <row r="37269" spans="1:7" x14ac:dyDescent="0.3">
      <c r="A37269" s="13" t="s">
        <v>224</v>
      </c>
      <c r="B37269" s="14" t="s">
        <v>1</v>
      </c>
      <c r="C37269" s="14" t="s">
        <v>23</v>
      </c>
      <c r="D37269" s="14" t="s">
        <v>225</v>
      </c>
      <c r="E37269" s="15">
        <v>45415</v>
      </c>
      <c r="F37269" s="14" t="s">
        <v>53</v>
      </c>
      <c r="G37269" s="16">
        <v>0.43502566783761026</v>
      </c>
    </row>
    <row r="37270" spans="1:7" x14ac:dyDescent="0.3">
      <c r="A37270" s="13" t="s">
        <v>224</v>
      </c>
      <c r="B37270" s="14" t="s">
        <v>1</v>
      </c>
      <c r="C37270" s="14" t="s">
        <v>23</v>
      </c>
      <c r="D37270" s="14" t="s">
        <v>225</v>
      </c>
      <c r="E37270" s="15">
        <v>45416</v>
      </c>
      <c r="F37270" s="14" t="s">
        <v>53</v>
      </c>
      <c r="G37270" s="16">
        <v>0.43502566783761026</v>
      </c>
    </row>
    <row r="37271" spans="1:7" x14ac:dyDescent="0.3">
      <c r="A37271" s="13" t="s">
        <v>224</v>
      </c>
      <c r="B37271" s="14" t="s">
        <v>1</v>
      </c>
      <c r="C37271" s="14" t="s">
        <v>23</v>
      </c>
      <c r="D37271" s="14" t="s">
        <v>225</v>
      </c>
      <c r="E37271" s="15">
        <v>45417</v>
      </c>
      <c r="F37271" s="14" t="s">
        <v>53</v>
      </c>
      <c r="G37271" s="16">
        <v>0.43502566783761026</v>
      </c>
    </row>
    <row r="37272" spans="1:7" x14ac:dyDescent="0.3">
      <c r="A37272" s="13" t="s">
        <v>224</v>
      </c>
      <c r="B37272" s="14" t="s">
        <v>1</v>
      </c>
      <c r="C37272" s="14" t="s">
        <v>23</v>
      </c>
      <c r="D37272" s="14" t="s">
        <v>225</v>
      </c>
      <c r="E37272" s="15">
        <v>45418</v>
      </c>
      <c r="F37272" s="14" t="s">
        <v>53</v>
      </c>
      <c r="G37272" s="16">
        <v>0.43502566783761026</v>
      </c>
    </row>
    <row r="37273" spans="1:7" x14ac:dyDescent="0.3">
      <c r="A37273" s="13" t="s">
        <v>224</v>
      </c>
      <c r="B37273" s="14" t="s">
        <v>1</v>
      </c>
      <c r="C37273" s="14" t="s">
        <v>23</v>
      </c>
      <c r="D37273" s="14" t="s">
        <v>225</v>
      </c>
      <c r="E37273" s="15">
        <v>45419</v>
      </c>
      <c r="F37273" s="14" t="s">
        <v>53</v>
      </c>
      <c r="G37273" s="16">
        <v>0.44954822805222605</v>
      </c>
    </row>
    <row r="37274" spans="1:7" x14ac:dyDescent="0.3">
      <c r="A37274" s="13" t="s">
        <v>224</v>
      </c>
      <c r="B37274" s="14" t="s">
        <v>1</v>
      </c>
      <c r="C37274" s="14" t="s">
        <v>23</v>
      </c>
      <c r="D37274" s="14" t="s">
        <v>225</v>
      </c>
      <c r="E37274" s="15">
        <v>45420</v>
      </c>
      <c r="F37274" s="14" t="s">
        <v>53</v>
      </c>
      <c r="G37274" s="16">
        <v>0.51896365399114519</v>
      </c>
    </row>
    <row r="37275" spans="1:7" x14ac:dyDescent="0.3">
      <c r="A37275" s="13" t="s">
        <v>224</v>
      </c>
      <c r="B37275" s="14" t="s">
        <v>1</v>
      </c>
      <c r="C37275" s="14" t="s">
        <v>23</v>
      </c>
      <c r="D37275" s="14" t="s">
        <v>225</v>
      </c>
      <c r="E37275" s="15">
        <v>45421</v>
      </c>
      <c r="F37275" s="14" t="s">
        <v>53</v>
      </c>
      <c r="G37275" s="16">
        <v>0.53155642368936418</v>
      </c>
    </row>
    <row r="37276" spans="1:7" x14ac:dyDescent="0.3">
      <c r="A37276" s="13" t="s">
        <v>224</v>
      </c>
      <c r="B37276" s="14" t="s">
        <v>1</v>
      </c>
      <c r="C37276" s="14" t="s">
        <v>23</v>
      </c>
      <c r="D37276" s="14" t="s">
        <v>225</v>
      </c>
      <c r="E37276" s="15">
        <v>45422</v>
      </c>
      <c r="F37276" s="14" t="s">
        <v>53</v>
      </c>
      <c r="G37276" s="16">
        <v>0.54518877601597071</v>
      </c>
    </row>
    <row r="37277" spans="1:7" x14ac:dyDescent="0.3">
      <c r="A37277" s="13" t="s">
        <v>224</v>
      </c>
      <c r="B37277" s="14" t="s">
        <v>1</v>
      </c>
      <c r="C37277" s="14" t="s">
        <v>23</v>
      </c>
      <c r="D37277" s="14" t="s">
        <v>225</v>
      </c>
      <c r="E37277" s="15">
        <v>45423</v>
      </c>
      <c r="F37277" s="14" t="s">
        <v>53</v>
      </c>
      <c r="G37277" s="16">
        <v>0.54518877601597071</v>
      </c>
    </row>
    <row r="37278" spans="1:7" x14ac:dyDescent="0.3">
      <c r="A37278" s="13" t="s">
        <v>224</v>
      </c>
      <c r="B37278" s="14" t="s">
        <v>1</v>
      </c>
      <c r="C37278" s="14" t="s">
        <v>23</v>
      </c>
      <c r="D37278" s="14" t="s">
        <v>225</v>
      </c>
      <c r="E37278" s="15">
        <v>45424</v>
      </c>
      <c r="F37278" s="14" t="s">
        <v>53</v>
      </c>
      <c r="G37278" s="16">
        <v>0.54518877601597071</v>
      </c>
    </row>
    <row r="37279" spans="1:7" x14ac:dyDescent="0.3">
      <c r="A37279" s="13" t="s">
        <v>224</v>
      </c>
      <c r="B37279" s="14" t="s">
        <v>1</v>
      </c>
      <c r="C37279" s="14" t="s">
        <v>23</v>
      </c>
      <c r="D37279" s="14" t="s">
        <v>225</v>
      </c>
      <c r="E37279" s="15">
        <v>45425</v>
      </c>
      <c r="F37279" s="14" t="s">
        <v>53</v>
      </c>
      <c r="G37279" s="16">
        <v>0.55784020094399467</v>
      </c>
    </row>
    <row r="37280" spans="1:7" x14ac:dyDescent="0.3">
      <c r="A37280" s="13" t="s">
        <v>224</v>
      </c>
      <c r="B37280" s="14" t="s">
        <v>1</v>
      </c>
      <c r="C37280" s="14" t="s">
        <v>23</v>
      </c>
      <c r="D37280" s="14" t="s">
        <v>225</v>
      </c>
      <c r="E37280" s="15">
        <v>45426</v>
      </c>
      <c r="F37280" s="14" t="s">
        <v>53</v>
      </c>
      <c r="G37280" s="16">
        <v>0.59837450963357519</v>
      </c>
    </row>
    <row r="37281" spans="1:7" x14ac:dyDescent="0.3">
      <c r="A37281" s="13" t="s">
        <v>224</v>
      </c>
      <c r="B37281" s="14" t="s">
        <v>1</v>
      </c>
      <c r="C37281" s="14" t="s">
        <v>23</v>
      </c>
      <c r="D37281" s="14" t="s">
        <v>225</v>
      </c>
      <c r="E37281" s="15">
        <v>45427</v>
      </c>
      <c r="F37281" s="14" t="s">
        <v>53</v>
      </c>
      <c r="G37281" s="16">
        <v>0.60760509702688092</v>
      </c>
    </row>
    <row r="37282" spans="1:7" x14ac:dyDescent="0.3">
      <c r="A37282" s="13" t="s">
        <v>224</v>
      </c>
      <c r="B37282" s="14" t="s">
        <v>1</v>
      </c>
      <c r="C37282" s="14" t="s">
        <v>23</v>
      </c>
      <c r="D37282" s="14" t="s">
        <v>225</v>
      </c>
      <c r="E37282" s="15">
        <v>45428</v>
      </c>
      <c r="F37282" s="14" t="s">
        <v>53</v>
      </c>
      <c r="G37282" s="16">
        <v>0.62193329192209901</v>
      </c>
    </row>
    <row r="37283" spans="1:7" x14ac:dyDescent="0.3">
      <c r="A37283" s="13" t="s">
        <v>224</v>
      </c>
      <c r="B37283" s="14" t="s">
        <v>1</v>
      </c>
      <c r="C37283" s="14" t="s">
        <v>23</v>
      </c>
      <c r="D37283" s="14" t="s">
        <v>225</v>
      </c>
      <c r="E37283" s="15">
        <v>45429</v>
      </c>
      <c r="F37283" s="14" t="s">
        <v>53</v>
      </c>
      <c r="G37283" s="16">
        <v>0.63416417000654635</v>
      </c>
    </row>
    <row r="37284" spans="1:7" x14ac:dyDescent="0.3">
      <c r="A37284" s="13" t="s">
        <v>224</v>
      </c>
      <c r="B37284" s="14" t="s">
        <v>1</v>
      </c>
      <c r="C37284" s="14" t="s">
        <v>23</v>
      </c>
      <c r="D37284" s="14" t="s">
        <v>225</v>
      </c>
      <c r="E37284" s="15">
        <v>45430</v>
      </c>
      <c r="F37284" s="14" t="s">
        <v>53</v>
      </c>
      <c r="G37284" s="16">
        <v>0.63416417000654635</v>
      </c>
    </row>
    <row r="37285" spans="1:7" x14ac:dyDescent="0.3">
      <c r="A37285" s="13" t="s">
        <v>224</v>
      </c>
      <c r="B37285" s="14" t="s">
        <v>1</v>
      </c>
      <c r="C37285" s="14" t="s">
        <v>23</v>
      </c>
      <c r="D37285" s="14" t="s">
        <v>225</v>
      </c>
      <c r="E37285" s="15">
        <v>45431</v>
      </c>
      <c r="F37285" s="14" t="s">
        <v>53</v>
      </c>
      <c r="G37285" s="16">
        <v>0.63416417000654635</v>
      </c>
    </row>
    <row r="37286" spans="1:7" x14ac:dyDescent="0.3">
      <c r="A37286" s="13" t="s">
        <v>224</v>
      </c>
      <c r="B37286" s="14" t="s">
        <v>1</v>
      </c>
      <c r="C37286" s="14" t="s">
        <v>23</v>
      </c>
      <c r="D37286" s="14" t="s">
        <v>225</v>
      </c>
      <c r="E37286" s="15">
        <v>45432</v>
      </c>
      <c r="F37286" s="14" t="s">
        <v>53</v>
      </c>
      <c r="G37286" s="16">
        <v>0.64784115214439331</v>
      </c>
    </row>
    <row r="37287" spans="1:7" x14ac:dyDescent="0.3">
      <c r="A37287" s="13" t="s">
        <v>224</v>
      </c>
      <c r="B37287" s="14" t="s">
        <v>1</v>
      </c>
      <c r="C37287" s="14" t="s">
        <v>23</v>
      </c>
      <c r="D37287" s="14" t="s">
        <v>225</v>
      </c>
      <c r="E37287" s="15">
        <v>45433</v>
      </c>
      <c r="F37287" s="14" t="s">
        <v>53</v>
      </c>
      <c r="G37287" s="16">
        <v>0.68917328283718471</v>
      </c>
    </row>
    <row r="37288" spans="1:7" x14ac:dyDescent="0.3">
      <c r="A37288" s="13" t="s">
        <v>224</v>
      </c>
      <c r="B37288" s="14" t="s">
        <v>1</v>
      </c>
      <c r="C37288" s="14" t="s">
        <v>23</v>
      </c>
      <c r="D37288" s="14" t="s">
        <v>225</v>
      </c>
      <c r="E37288" s="15">
        <v>45434</v>
      </c>
      <c r="F37288" s="14" t="s">
        <v>53</v>
      </c>
      <c r="G37288" s="16">
        <v>0.7025085230630328</v>
      </c>
    </row>
    <row r="37289" spans="1:7" x14ac:dyDescent="0.3">
      <c r="A37289" s="13" t="s">
        <v>224</v>
      </c>
      <c r="B37289" s="14" t="s">
        <v>1</v>
      </c>
      <c r="C37289" s="14" t="s">
        <v>23</v>
      </c>
      <c r="D37289" s="14" t="s">
        <v>225</v>
      </c>
      <c r="E37289" s="15">
        <v>45435</v>
      </c>
      <c r="F37289" s="14" t="s">
        <v>53</v>
      </c>
      <c r="G37289" s="16">
        <v>0.71964501444343798</v>
      </c>
    </row>
    <row r="37290" spans="1:7" x14ac:dyDescent="0.3">
      <c r="A37290" s="13" t="s">
        <v>224</v>
      </c>
      <c r="B37290" s="14" t="s">
        <v>1</v>
      </c>
      <c r="C37290" s="14" t="s">
        <v>23</v>
      </c>
      <c r="D37290" s="14" t="s">
        <v>225</v>
      </c>
      <c r="E37290" s="15">
        <v>45436</v>
      </c>
      <c r="F37290" s="14" t="s">
        <v>53</v>
      </c>
      <c r="G37290" s="16">
        <v>0.73095547298698993</v>
      </c>
    </row>
    <row r="37291" spans="1:7" x14ac:dyDescent="0.3">
      <c r="A37291" s="13" t="s">
        <v>224</v>
      </c>
      <c r="B37291" s="14" t="s">
        <v>1</v>
      </c>
      <c r="C37291" s="14" t="s">
        <v>23</v>
      </c>
      <c r="D37291" s="14" t="s">
        <v>225</v>
      </c>
      <c r="E37291" s="15">
        <v>45437</v>
      </c>
      <c r="F37291" s="14" t="s">
        <v>53</v>
      </c>
      <c r="G37291" s="16">
        <v>0.73095547298698993</v>
      </c>
    </row>
    <row r="37292" spans="1:7" x14ac:dyDescent="0.3">
      <c r="A37292" s="13" t="s">
        <v>224</v>
      </c>
      <c r="B37292" s="14" t="s">
        <v>1</v>
      </c>
      <c r="C37292" s="14" t="s">
        <v>23</v>
      </c>
      <c r="D37292" s="14" t="s">
        <v>225</v>
      </c>
      <c r="E37292" s="15">
        <v>45438</v>
      </c>
      <c r="F37292" s="14" t="s">
        <v>53</v>
      </c>
      <c r="G37292" s="16">
        <v>0.73095547298698993</v>
      </c>
    </row>
    <row r="37293" spans="1:7" x14ac:dyDescent="0.3">
      <c r="A37293" s="13" t="s">
        <v>224</v>
      </c>
      <c r="B37293" s="14" t="s">
        <v>1</v>
      </c>
      <c r="C37293" s="14" t="s">
        <v>23</v>
      </c>
      <c r="D37293" s="14" t="s">
        <v>225</v>
      </c>
      <c r="E37293" s="15">
        <v>45439</v>
      </c>
      <c r="F37293" s="14" t="s">
        <v>53</v>
      </c>
      <c r="G37293" s="16">
        <v>0.73095547298698993</v>
      </c>
    </row>
    <row r="37294" spans="1:7" x14ac:dyDescent="0.3">
      <c r="A37294" s="13" t="s">
        <v>224</v>
      </c>
      <c r="B37294" s="14" t="s">
        <v>1</v>
      </c>
      <c r="C37294" s="14" t="s">
        <v>23</v>
      </c>
      <c r="D37294" s="14" t="s">
        <v>225</v>
      </c>
      <c r="E37294" s="15">
        <v>45440</v>
      </c>
      <c r="F37294" s="14" t="s">
        <v>53</v>
      </c>
      <c r="G37294" s="16">
        <v>0.74306136592678251</v>
      </c>
    </row>
    <row r="37295" spans="1:7" x14ac:dyDescent="0.3">
      <c r="A37295" s="13" t="s">
        <v>224</v>
      </c>
      <c r="B37295" s="14" t="s">
        <v>1</v>
      </c>
      <c r="C37295" s="14" t="s">
        <v>23</v>
      </c>
      <c r="D37295" s="14" t="s">
        <v>225</v>
      </c>
      <c r="E37295" s="15">
        <v>45441</v>
      </c>
      <c r="F37295" s="14" t="s">
        <v>53</v>
      </c>
      <c r="G37295" s="16">
        <v>0.79644536788609877</v>
      </c>
    </row>
    <row r="37296" spans="1:7" x14ac:dyDescent="0.3">
      <c r="A37296" s="13" t="s">
        <v>224</v>
      </c>
      <c r="B37296" s="14" t="s">
        <v>1</v>
      </c>
      <c r="C37296" s="14" t="s">
        <v>23</v>
      </c>
      <c r="D37296" s="14" t="s">
        <v>225</v>
      </c>
      <c r="E37296" s="15">
        <v>45442</v>
      </c>
      <c r="F37296" s="14" t="s">
        <v>53</v>
      </c>
      <c r="G37296" s="16">
        <v>0.80990383338849692</v>
      </c>
    </row>
    <row r="37297" spans="1:7" x14ac:dyDescent="0.3">
      <c r="A37297" s="13" t="s">
        <v>224</v>
      </c>
      <c r="B37297" s="14" t="s">
        <v>1</v>
      </c>
      <c r="C37297" s="14" t="s">
        <v>23</v>
      </c>
      <c r="D37297" s="14" t="s">
        <v>225</v>
      </c>
      <c r="E37297" s="15">
        <v>45443</v>
      </c>
      <c r="F37297" s="14" t="s">
        <v>53</v>
      </c>
      <c r="G37297" s="16">
        <v>0.8178688686681892</v>
      </c>
    </row>
    <row r="37298" spans="1:7" x14ac:dyDescent="0.3">
      <c r="A37298" s="13" t="s">
        <v>224</v>
      </c>
      <c r="B37298" s="14" t="s">
        <v>1</v>
      </c>
      <c r="C37298" s="14" t="s">
        <v>23</v>
      </c>
      <c r="D37298" s="14" t="s">
        <v>225</v>
      </c>
      <c r="E37298" s="15">
        <v>45444</v>
      </c>
      <c r="F37298" s="14" t="s">
        <v>53</v>
      </c>
      <c r="G37298" s="16">
        <v>0.8178688686681892</v>
      </c>
    </row>
    <row r="37299" spans="1:7" x14ac:dyDescent="0.3">
      <c r="A37299" s="13" t="s">
        <v>224</v>
      </c>
      <c r="B37299" s="14" t="s">
        <v>1</v>
      </c>
      <c r="C37299" s="14" t="s">
        <v>23</v>
      </c>
      <c r="D37299" s="14" t="s">
        <v>225</v>
      </c>
      <c r="E37299" s="15">
        <v>45445</v>
      </c>
      <c r="F37299" s="14" t="s">
        <v>53</v>
      </c>
      <c r="G37299" s="16">
        <v>0.8178688686681892</v>
      </c>
    </row>
    <row r="37300" spans="1:7" x14ac:dyDescent="0.3">
      <c r="A37300" s="13" t="s">
        <v>224</v>
      </c>
      <c r="B37300" s="14" t="s">
        <v>1</v>
      </c>
      <c r="C37300" s="14" t="s">
        <v>23</v>
      </c>
      <c r="D37300" s="14" t="s">
        <v>225</v>
      </c>
      <c r="E37300" s="15">
        <v>45446</v>
      </c>
      <c r="F37300" s="14" t="s">
        <v>53</v>
      </c>
      <c r="G37300" s="16">
        <v>0.8178688686681892</v>
      </c>
    </row>
    <row r="37301" spans="1:7" x14ac:dyDescent="0.3">
      <c r="A37301" s="13" t="s">
        <v>224</v>
      </c>
      <c r="B37301" s="14" t="s">
        <v>1</v>
      </c>
      <c r="C37301" s="14" t="s">
        <v>23</v>
      </c>
      <c r="D37301" s="14" t="s">
        <v>225</v>
      </c>
      <c r="E37301" s="15">
        <v>45447</v>
      </c>
      <c r="F37301" s="14" t="s">
        <v>53</v>
      </c>
      <c r="G37301" s="16">
        <v>0.83279814918073336</v>
      </c>
    </row>
    <row r="37302" spans="1:7" x14ac:dyDescent="0.3">
      <c r="A37302" s="13" t="s">
        <v>224</v>
      </c>
      <c r="B37302" s="14" t="s">
        <v>1</v>
      </c>
      <c r="C37302" s="14" t="s">
        <v>23</v>
      </c>
      <c r="D37302" s="14" t="s">
        <v>225</v>
      </c>
      <c r="E37302" s="15">
        <v>45448</v>
      </c>
      <c r="F37302" s="14" t="s">
        <v>53</v>
      </c>
      <c r="G37302" s="16">
        <v>0.88957153032794123</v>
      </c>
    </row>
    <row r="37303" spans="1:7" x14ac:dyDescent="0.3">
      <c r="A37303" s="13" t="s">
        <v>224</v>
      </c>
      <c r="B37303" s="14" t="s">
        <v>1</v>
      </c>
      <c r="C37303" s="14" t="s">
        <v>23</v>
      </c>
      <c r="D37303" s="14" t="s">
        <v>225</v>
      </c>
      <c r="E37303" s="15">
        <v>45449</v>
      </c>
      <c r="F37303" s="14" t="s">
        <v>53</v>
      </c>
      <c r="G37303" s="16">
        <v>0.90240990527639808</v>
      </c>
    </row>
    <row r="37304" spans="1:7" x14ac:dyDescent="0.3">
      <c r="A37304" s="13" t="s">
        <v>224</v>
      </c>
      <c r="B37304" s="14" t="s">
        <v>1</v>
      </c>
      <c r="C37304" s="14" t="s">
        <v>23</v>
      </c>
      <c r="D37304" s="14" t="s">
        <v>225</v>
      </c>
      <c r="E37304" s="15">
        <v>45450</v>
      </c>
      <c r="F37304" s="14" t="s">
        <v>53</v>
      </c>
      <c r="G37304" s="16">
        <v>0.93951019527480928</v>
      </c>
    </row>
    <row r="37305" spans="1:7" x14ac:dyDescent="0.3">
      <c r="A37305" s="13" t="s">
        <v>224</v>
      </c>
      <c r="B37305" s="14" t="s">
        <v>1</v>
      </c>
      <c r="C37305" s="14" t="s">
        <v>23</v>
      </c>
      <c r="D37305" s="14" t="s">
        <v>225</v>
      </c>
      <c r="E37305" s="15">
        <v>45451</v>
      </c>
      <c r="F37305" s="14" t="s">
        <v>53</v>
      </c>
      <c r="G37305" s="16">
        <v>0.93951019527480928</v>
      </c>
    </row>
    <row r="37306" spans="1:7" x14ac:dyDescent="0.3">
      <c r="A37306" s="13" t="s">
        <v>224</v>
      </c>
      <c r="B37306" s="14" t="s">
        <v>1</v>
      </c>
      <c r="C37306" s="14" t="s">
        <v>23</v>
      </c>
      <c r="D37306" s="14" t="s">
        <v>225</v>
      </c>
      <c r="E37306" s="15">
        <v>45452</v>
      </c>
      <c r="F37306" s="14" t="s">
        <v>53</v>
      </c>
      <c r="G37306" s="16">
        <v>0.93951019527480928</v>
      </c>
    </row>
    <row r="37307" spans="1:7" x14ac:dyDescent="0.3">
      <c r="A37307" s="13" t="s">
        <v>224</v>
      </c>
      <c r="B37307" s="14" t="s">
        <v>1</v>
      </c>
      <c r="C37307" s="14" t="s">
        <v>23</v>
      </c>
      <c r="D37307" s="14" t="s">
        <v>225</v>
      </c>
      <c r="E37307" s="15">
        <v>45453</v>
      </c>
      <c r="F37307" s="14" t="s">
        <v>53</v>
      </c>
      <c r="G37307" s="16">
        <v>0.95199209423962894</v>
      </c>
    </row>
    <row r="37308" spans="1:7" x14ac:dyDescent="0.3">
      <c r="A37308" s="13" t="s">
        <v>224</v>
      </c>
      <c r="B37308" s="14" t="s">
        <v>1</v>
      </c>
      <c r="C37308" s="14" t="s">
        <v>23</v>
      </c>
      <c r="D37308" s="14" t="s">
        <v>225</v>
      </c>
      <c r="E37308" s="15">
        <v>45454</v>
      </c>
      <c r="F37308" s="14" t="s">
        <v>53</v>
      </c>
      <c r="G37308" s="16">
        <v>0.99025273343875064</v>
      </c>
    </row>
    <row r="37309" spans="1:7" x14ac:dyDescent="0.3">
      <c r="A37309" s="13" t="s">
        <v>224</v>
      </c>
      <c r="B37309" s="14" t="s">
        <v>1</v>
      </c>
      <c r="C37309" s="14" t="s">
        <v>23</v>
      </c>
      <c r="D37309" s="14" t="s">
        <v>225</v>
      </c>
      <c r="E37309" s="15">
        <v>45455</v>
      </c>
      <c r="F37309" s="14" t="s">
        <v>53</v>
      </c>
      <c r="G37309" s="16">
        <v>0.99896043833815407</v>
      </c>
    </row>
    <row r="37310" spans="1:7" x14ac:dyDescent="0.3">
      <c r="A37310" s="13" t="s">
        <v>224</v>
      </c>
      <c r="B37310" s="14" t="s">
        <v>1</v>
      </c>
      <c r="C37310" s="14" t="s">
        <v>23</v>
      </c>
      <c r="D37310" s="14" t="s">
        <v>225</v>
      </c>
      <c r="E37310" s="15">
        <v>45456</v>
      </c>
      <c r="F37310" s="14" t="s">
        <v>53</v>
      </c>
      <c r="G37310" s="16">
        <v>1.0142586919071825</v>
      </c>
    </row>
    <row r="37311" spans="1:7" x14ac:dyDescent="0.3">
      <c r="A37311" s="13" t="s">
        <v>224</v>
      </c>
      <c r="B37311" s="14" t="s">
        <v>1</v>
      </c>
      <c r="C37311" s="14" t="s">
        <v>23</v>
      </c>
      <c r="D37311" s="14" t="s">
        <v>225</v>
      </c>
      <c r="E37311" s="15">
        <v>45457</v>
      </c>
      <c r="F37311" s="14" t="s">
        <v>53</v>
      </c>
      <c r="G37311" s="16">
        <v>1.0347402438096096</v>
      </c>
    </row>
    <row r="37312" spans="1:7" x14ac:dyDescent="0.3">
      <c r="A37312" s="13" t="s">
        <v>224</v>
      </c>
      <c r="B37312" s="14" t="s">
        <v>1</v>
      </c>
      <c r="C37312" s="14" t="s">
        <v>23</v>
      </c>
      <c r="D37312" s="14" t="s">
        <v>225</v>
      </c>
      <c r="E37312" s="15">
        <v>45458</v>
      </c>
      <c r="F37312" s="14" t="s">
        <v>53</v>
      </c>
      <c r="G37312" s="16">
        <v>1.0347402438096096</v>
      </c>
    </row>
    <row r="37313" spans="1:7" x14ac:dyDescent="0.3">
      <c r="A37313" s="13" t="s">
        <v>224</v>
      </c>
      <c r="B37313" s="14" t="s">
        <v>1</v>
      </c>
      <c r="C37313" s="14" t="s">
        <v>23</v>
      </c>
      <c r="D37313" s="14" t="s">
        <v>225</v>
      </c>
      <c r="E37313" s="15">
        <v>45459</v>
      </c>
      <c r="F37313" s="14" t="s">
        <v>53</v>
      </c>
      <c r="G37313" s="16">
        <v>1.0347402438096096</v>
      </c>
    </row>
    <row r="37314" spans="1:7" x14ac:dyDescent="0.3">
      <c r="A37314" s="13" t="s">
        <v>224</v>
      </c>
      <c r="B37314" s="14" t="s">
        <v>1</v>
      </c>
      <c r="C37314" s="14" t="s">
        <v>23</v>
      </c>
      <c r="D37314" s="14" t="s">
        <v>225</v>
      </c>
      <c r="E37314" s="15">
        <v>45460</v>
      </c>
      <c r="F37314" s="14" t="s">
        <v>53</v>
      </c>
      <c r="G37314" s="16">
        <v>1.0466539718890133</v>
      </c>
    </row>
    <row r="37315" spans="1:7" x14ac:dyDescent="0.3">
      <c r="A37315" s="13" t="s">
        <v>224</v>
      </c>
      <c r="B37315" s="14" t="s">
        <v>1</v>
      </c>
      <c r="C37315" s="14" t="s">
        <v>23</v>
      </c>
      <c r="D37315" s="14" t="s">
        <v>225</v>
      </c>
      <c r="E37315" s="15">
        <v>45461</v>
      </c>
      <c r="F37315" s="14" t="s">
        <v>53</v>
      </c>
      <c r="G37315" s="16">
        <v>1.0856519224313714</v>
      </c>
    </row>
    <row r="37316" spans="1:7" x14ac:dyDescent="0.3">
      <c r="A37316" s="13" t="s">
        <v>224</v>
      </c>
      <c r="B37316" s="14" t="s">
        <v>1</v>
      </c>
      <c r="C37316" s="14" t="s">
        <v>23</v>
      </c>
      <c r="D37316" s="14" t="s">
        <v>225</v>
      </c>
      <c r="E37316" s="15">
        <v>45462</v>
      </c>
      <c r="F37316" s="14" t="s">
        <v>53</v>
      </c>
      <c r="G37316" s="16">
        <v>1.0856519224313714</v>
      </c>
    </row>
    <row r="37317" spans="1:7" x14ac:dyDescent="0.3">
      <c r="A37317" s="13" t="s">
        <v>224</v>
      </c>
      <c r="B37317" s="14" t="s">
        <v>1</v>
      </c>
      <c r="C37317" s="14" t="s">
        <v>23</v>
      </c>
      <c r="D37317" s="14" t="s">
        <v>225</v>
      </c>
      <c r="E37317" s="15">
        <v>45463</v>
      </c>
      <c r="F37317" s="14" t="s">
        <v>53</v>
      </c>
      <c r="G37317" s="16">
        <v>1.1034253304804509</v>
      </c>
    </row>
    <row r="37318" spans="1:7" x14ac:dyDescent="0.3">
      <c r="A37318" s="13" t="s">
        <v>224</v>
      </c>
      <c r="B37318" s="14" t="s">
        <v>1</v>
      </c>
      <c r="C37318" s="14" t="s">
        <v>23</v>
      </c>
      <c r="D37318" s="14" t="s">
        <v>225</v>
      </c>
      <c r="E37318" s="15">
        <v>45464</v>
      </c>
      <c r="F37318" s="14" t="s">
        <v>53</v>
      </c>
      <c r="G37318" s="16">
        <v>1.1321761972932805</v>
      </c>
    </row>
    <row r="37319" spans="1:7" x14ac:dyDescent="0.3">
      <c r="A37319" s="13" t="s">
        <v>224</v>
      </c>
      <c r="B37319" s="14" t="s">
        <v>1</v>
      </c>
      <c r="C37319" s="14" t="s">
        <v>23</v>
      </c>
      <c r="D37319" s="14" t="s">
        <v>225</v>
      </c>
      <c r="E37319" s="15">
        <v>45465</v>
      </c>
      <c r="F37319" s="14" t="s">
        <v>53</v>
      </c>
      <c r="G37319" s="16">
        <v>1.1321761972932805</v>
      </c>
    </row>
    <row r="37320" spans="1:7" x14ac:dyDescent="0.3">
      <c r="A37320" s="13" t="s">
        <v>224</v>
      </c>
      <c r="B37320" s="14" t="s">
        <v>1</v>
      </c>
      <c r="C37320" s="14" t="s">
        <v>23</v>
      </c>
      <c r="D37320" s="14" t="s">
        <v>225</v>
      </c>
      <c r="E37320" s="15">
        <v>45466</v>
      </c>
      <c r="F37320" s="14" t="s">
        <v>53</v>
      </c>
      <c r="G37320" s="16">
        <v>1.1321761972932805</v>
      </c>
    </row>
    <row r="37321" spans="1:7" x14ac:dyDescent="0.3">
      <c r="A37321" s="13" t="s">
        <v>224</v>
      </c>
      <c r="B37321" s="14" t="s">
        <v>1</v>
      </c>
      <c r="C37321" s="14" t="s">
        <v>23</v>
      </c>
      <c r="D37321" s="14" t="s">
        <v>225</v>
      </c>
      <c r="E37321" s="15">
        <v>45467</v>
      </c>
      <c r="F37321" s="14" t="s">
        <v>53</v>
      </c>
      <c r="G37321" s="16">
        <v>1.1415569055447452</v>
      </c>
    </row>
    <row r="37322" spans="1:7" x14ac:dyDescent="0.3">
      <c r="A37322" s="13" t="s">
        <v>224</v>
      </c>
      <c r="B37322" s="14" t="s">
        <v>1</v>
      </c>
      <c r="C37322" s="14" t="s">
        <v>23</v>
      </c>
      <c r="D37322" s="14" t="s">
        <v>225</v>
      </c>
      <c r="E37322" s="15">
        <v>45468</v>
      </c>
      <c r="F37322" s="14" t="s">
        <v>53</v>
      </c>
      <c r="G37322" s="16">
        <v>1.1834687540122639</v>
      </c>
    </row>
    <row r="37323" spans="1:7" x14ac:dyDescent="0.3">
      <c r="A37323" s="13" t="s">
        <v>224</v>
      </c>
      <c r="B37323" s="14" t="s">
        <v>1</v>
      </c>
      <c r="C37323" s="14" t="s">
        <v>23</v>
      </c>
      <c r="D37323" s="14" t="s">
        <v>225</v>
      </c>
      <c r="E37323" s="15">
        <v>45469</v>
      </c>
      <c r="F37323" s="14" t="s">
        <v>53</v>
      </c>
      <c r="G37323" s="16">
        <v>1.2014066341331782</v>
      </c>
    </row>
    <row r="37324" spans="1:7" x14ac:dyDescent="0.3">
      <c r="A37324" s="13" t="s">
        <v>224</v>
      </c>
      <c r="B37324" s="14" t="s">
        <v>1</v>
      </c>
      <c r="C37324" s="14" t="s">
        <v>23</v>
      </c>
      <c r="D37324" s="14" t="s">
        <v>225</v>
      </c>
      <c r="E37324" s="15">
        <v>45470</v>
      </c>
      <c r="F37324" s="14" t="s">
        <v>53</v>
      </c>
      <c r="G37324" s="16">
        <v>1.2127667378175442</v>
      </c>
    </row>
    <row r="37325" spans="1:7" x14ac:dyDescent="0.3">
      <c r="A37325" s="13" t="s">
        <v>224</v>
      </c>
      <c r="B37325" s="14" t="s">
        <v>1</v>
      </c>
      <c r="C37325" s="14" t="s">
        <v>23</v>
      </c>
      <c r="D37325" s="14" t="s">
        <v>225</v>
      </c>
      <c r="E37325" s="15">
        <v>45471</v>
      </c>
      <c r="F37325" s="14" t="s">
        <v>53</v>
      </c>
      <c r="G37325" s="16">
        <v>1.2254958511526926</v>
      </c>
    </row>
    <row r="37326" spans="1:7" x14ac:dyDescent="0.3">
      <c r="A37326" s="13" t="s">
        <v>224</v>
      </c>
      <c r="B37326" s="14" t="s">
        <v>1</v>
      </c>
      <c r="C37326" s="14" t="s">
        <v>23</v>
      </c>
      <c r="D37326" s="14" t="s">
        <v>225</v>
      </c>
      <c r="E37326" s="15">
        <v>45472</v>
      </c>
      <c r="F37326" s="14" t="s">
        <v>53</v>
      </c>
      <c r="G37326" s="16">
        <v>1.2254958511526926</v>
      </c>
    </row>
    <row r="37327" spans="1:7" x14ac:dyDescent="0.3">
      <c r="A37327" s="13" t="s">
        <v>224</v>
      </c>
      <c r="B37327" s="14" t="s">
        <v>1</v>
      </c>
      <c r="C37327" s="14" t="s">
        <v>23</v>
      </c>
      <c r="D37327" s="14" t="s">
        <v>225</v>
      </c>
      <c r="E37327" s="15">
        <v>45473</v>
      </c>
      <c r="F37327" s="14" t="s">
        <v>53</v>
      </c>
      <c r="G37327" s="16">
        <v>1.2254958511526926</v>
      </c>
    </row>
    <row r="37328" spans="1:7" x14ac:dyDescent="0.3">
      <c r="A37328" s="13" t="s">
        <v>224</v>
      </c>
      <c r="B37328" s="14" t="s">
        <v>1</v>
      </c>
      <c r="C37328" s="14" t="s">
        <v>23</v>
      </c>
      <c r="D37328" s="14" t="s">
        <v>225</v>
      </c>
      <c r="E37328" s="15">
        <v>45474</v>
      </c>
      <c r="F37328" s="14" t="s">
        <v>53</v>
      </c>
      <c r="G37328" s="16">
        <v>1.2380551916329205</v>
      </c>
    </row>
    <row r="37329" spans="1:7" x14ac:dyDescent="0.3">
      <c r="A37329" s="13" t="s">
        <v>224</v>
      </c>
      <c r="B37329" s="14" t="s">
        <v>1</v>
      </c>
      <c r="C37329" s="14" t="s">
        <v>23</v>
      </c>
      <c r="D37329" s="14" t="s">
        <v>225</v>
      </c>
      <c r="E37329" s="15">
        <v>45475</v>
      </c>
      <c r="F37329" s="14" t="s">
        <v>53</v>
      </c>
      <c r="G37329" s="16">
        <v>1.274643560015166</v>
      </c>
    </row>
    <row r="37330" spans="1:7" x14ac:dyDescent="0.3">
      <c r="A37330" s="13" t="s">
        <v>224</v>
      </c>
      <c r="B37330" s="14" t="s">
        <v>1</v>
      </c>
      <c r="C37330" s="14" t="s">
        <v>23</v>
      </c>
      <c r="D37330" s="14" t="s">
        <v>225</v>
      </c>
      <c r="E37330" s="15">
        <v>45476</v>
      </c>
      <c r="F37330" s="14" t="s">
        <v>53</v>
      </c>
      <c r="G37330" s="16">
        <v>1.2821649082583646</v>
      </c>
    </row>
    <row r="37331" spans="1:7" x14ac:dyDescent="0.3">
      <c r="A37331" s="13" t="s">
        <v>224</v>
      </c>
      <c r="B37331" s="14" t="s">
        <v>1</v>
      </c>
      <c r="C37331" s="14" t="s">
        <v>23</v>
      </c>
      <c r="D37331" s="14" t="s">
        <v>225</v>
      </c>
      <c r="E37331" s="15">
        <v>45477</v>
      </c>
      <c r="F37331" s="14" t="s">
        <v>53</v>
      </c>
      <c r="G37331" s="16">
        <v>1.2821649082583646</v>
      </c>
    </row>
    <row r="37332" spans="1:7" x14ac:dyDescent="0.3">
      <c r="A37332" s="13" t="s">
        <v>224</v>
      </c>
      <c r="B37332" s="14" t="s">
        <v>1</v>
      </c>
      <c r="C37332" s="14" t="s">
        <v>23</v>
      </c>
      <c r="D37332" s="14" t="s">
        <v>225</v>
      </c>
      <c r="E37332" s="15">
        <v>45478</v>
      </c>
      <c r="F37332" s="14" t="s">
        <v>53</v>
      </c>
      <c r="G37332" s="16">
        <v>1.2879097761061591</v>
      </c>
    </row>
    <row r="37333" spans="1:7" x14ac:dyDescent="0.3">
      <c r="A37333" s="13" t="s">
        <v>224</v>
      </c>
      <c r="B37333" s="14" t="s">
        <v>1</v>
      </c>
      <c r="C37333" s="14" t="s">
        <v>23</v>
      </c>
      <c r="D37333" s="14" t="s">
        <v>225</v>
      </c>
      <c r="E37333" s="15">
        <v>45479</v>
      </c>
      <c r="F37333" s="14" t="s">
        <v>53</v>
      </c>
      <c r="G37333" s="16">
        <v>1.2879097761061591</v>
      </c>
    </row>
    <row r="37334" spans="1:7" x14ac:dyDescent="0.3">
      <c r="A37334" s="13" t="s">
        <v>224</v>
      </c>
      <c r="B37334" s="14" t="s">
        <v>1</v>
      </c>
      <c r="C37334" s="14" t="s">
        <v>23</v>
      </c>
      <c r="D37334" s="14" t="s">
        <v>225</v>
      </c>
      <c r="E37334" s="15">
        <v>45480</v>
      </c>
      <c r="F37334" s="14" t="s">
        <v>53</v>
      </c>
      <c r="G37334" s="16">
        <v>1.2879097761061591</v>
      </c>
    </row>
    <row r="37335" spans="1:7" x14ac:dyDescent="0.3">
      <c r="A37335" s="13" t="s">
        <v>224</v>
      </c>
      <c r="B37335" s="14" t="s">
        <v>1</v>
      </c>
      <c r="C37335" s="14" t="s">
        <v>23</v>
      </c>
      <c r="D37335" s="14" t="s">
        <v>225</v>
      </c>
      <c r="E37335" s="15">
        <v>45481</v>
      </c>
      <c r="F37335" s="14" t="s">
        <v>53</v>
      </c>
      <c r="G37335" s="16">
        <v>1.3393079494594471</v>
      </c>
    </row>
    <row r="37336" spans="1:7" x14ac:dyDescent="0.3">
      <c r="A37336" s="13" t="s">
        <v>224</v>
      </c>
      <c r="B37336" s="14" t="s">
        <v>1</v>
      </c>
      <c r="C37336" s="14" t="s">
        <v>23</v>
      </c>
      <c r="D37336" s="14" t="s">
        <v>225</v>
      </c>
      <c r="E37336" s="15">
        <v>45482</v>
      </c>
      <c r="F37336" s="14" t="s">
        <v>53</v>
      </c>
      <c r="G37336" s="16">
        <v>1.382230951572027</v>
      </c>
    </row>
    <row r="37337" spans="1:7" x14ac:dyDescent="0.3">
      <c r="A37337" s="13" t="s">
        <v>224</v>
      </c>
      <c r="B37337" s="14" t="s">
        <v>1</v>
      </c>
      <c r="C37337" s="14" t="s">
        <v>23</v>
      </c>
      <c r="D37337" s="14" t="s">
        <v>225</v>
      </c>
      <c r="E37337" s="15">
        <v>45483</v>
      </c>
      <c r="F37337" s="14" t="s">
        <v>53</v>
      </c>
      <c r="G37337" s="16">
        <v>1.3899455251201274</v>
      </c>
    </row>
    <row r="37338" spans="1:7" x14ac:dyDescent="0.3">
      <c r="A37338" s="13" t="s">
        <v>224</v>
      </c>
      <c r="B37338" s="14" t="s">
        <v>1</v>
      </c>
      <c r="C37338" s="14" t="s">
        <v>23</v>
      </c>
      <c r="D37338" s="14" t="s">
        <v>225</v>
      </c>
      <c r="E37338" s="15">
        <v>45484</v>
      </c>
      <c r="F37338" s="14" t="s">
        <v>53</v>
      </c>
      <c r="G37338" s="16">
        <v>1.3964309776846504</v>
      </c>
    </row>
    <row r="37339" spans="1:7" x14ac:dyDescent="0.3">
      <c r="A37339" s="13" t="s">
        <v>224</v>
      </c>
      <c r="B37339" s="14" t="s">
        <v>1</v>
      </c>
      <c r="C37339" s="14" t="s">
        <v>23</v>
      </c>
      <c r="D37339" s="14" t="s">
        <v>225</v>
      </c>
      <c r="E37339" s="15">
        <v>45485</v>
      </c>
      <c r="F37339" s="14" t="s">
        <v>53</v>
      </c>
      <c r="G37339" s="16">
        <v>1.401940166965574</v>
      </c>
    </row>
    <row r="37340" spans="1:7" x14ac:dyDescent="0.3">
      <c r="A37340" s="13" t="s">
        <v>224</v>
      </c>
      <c r="B37340" s="14" t="s">
        <v>1</v>
      </c>
      <c r="C37340" s="14" t="s">
        <v>23</v>
      </c>
      <c r="D37340" s="14" t="s">
        <v>225</v>
      </c>
      <c r="E37340" s="15">
        <v>45486</v>
      </c>
      <c r="F37340" s="14" t="s">
        <v>53</v>
      </c>
      <c r="G37340" s="16">
        <v>1.401940166965574</v>
      </c>
    </row>
    <row r="37341" spans="1:7" x14ac:dyDescent="0.3">
      <c r="A37341" s="13" t="s">
        <v>224</v>
      </c>
      <c r="B37341" s="14" t="s">
        <v>1</v>
      </c>
      <c r="C37341" s="14" t="s">
        <v>23</v>
      </c>
      <c r="D37341" s="14" t="s">
        <v>225</v>
      </c>
      <c r="E37341" s="15">
        <v>45487</v>
      </c>
      <c r="F37341" s="14" t="s">
        <v>53</v>
      </c>
      <c r="G37341" s="16">
        <v>1.401940166965574</v>
      </c>
    </row>
    <row r="37342" spans="1:7" x14ac:dyDescent="0.3">
      <c r="A37342" s="13" t="s">
        <v>224</v>
      </c>
      <c r="B37342" s="14" t="s">
        <v>1</v>
      </c>
      <c r="C37342" s="14" t="s">
        <v>23</v>
      </c>
      <c r="D37342" s="14" t="s">
        <v>225</v>
      </c>
      <c r="E37342" s="15">
        <v>45488</v>
      </c>
      <c r="F37342" s="14" t="s">
        <v>53</v>
      </c>
      <c r="G37342" s="16">
        <v>1.4177018125789123</v>
      </c>
    </row>
    <row r="37343" spans="1:7" x14ac:dyDescent="0.3">
      <c r="A37343" s="13" t="s">
        <v>224</v>
      </c>
      <c r="B37343" s="14" t="s">
        <v>1</v>
      </c>
      <c r="C37343" s="14" t="s">
        <v>23</v>
      </c>
      <c r="D37343" s="14" t="s">
        <v>225</v>
      </c>
      <c r="E37343" s="15">
        <v>45489</v>
      </c>
      <c r="F37343" s="14" t="s">
        <v>53</v>
      </c>
      <c r="G37343" s="16">
        <v>1.4575040480525159</v>
      </c>
    </row>
    <row r="37344" spans="1:7" x14ac:dyDescent="0.3">
      <c r="A37344" s="13" t="s">
        <v>224</v>
      </c>
      <c r="B37344" s="14" t="s">
        <v>1</v>
      </c>
      <c r="C37344" s="14" t="s">
        <v>23</v>
      </c>
      <c r="D37344" s="14" t="s">
        <v>225</v>
      </c>
      <c r="E37344" s="15">
        <v>45490</v>
      </c>
      <c r="F37344" s="14" t="s">
        <v>53</v>
      </c>
      <c r="G37344" s="16">
        <v>1.465880566644844</v>
      </c>
    </row>
    <row r="37345" spans="1:7" x14ac:dyDescent="0.3">
      <c r="A37345" s="13" t="s">
        <v>224</v>
      </c>
      <c r="B37345" s="14" t="s">
        <v>1</v>
      </c>
      <c r="C37345" s="14" t="s">
        <v>23</v>
      </c>
      <c r="D37345" s="14" t="s">
        <v>225</v>
      </c>
      <c r="E37345" s="15">
        <v>45491</v>
      </c>
      <c r="F37345" s="14" t="s">
        <v>53</v>
      </c>
      <c r="G37345" s="16">
        <v>1.4864453322676832</v>
      </c>
    </row>
    <row r="37346" spans="1:7" x14ac:dyDescent="0.3">
      <c r="A37346" s="13" t="s">
        <v>224</v>
      </c>
      <c r="B37346" s="14" t="s">
        <v>1</v>
      </c>
      <c r="C37346" s="14" t="s">
        <v>23</v>
      </c>
      <c r="D37346" s="14" t="s">
        <v>225</v>
      </c>
      <c r="E37346" s="15">
        <v>45492</v>
      </c>
      <c r="F37346" s="14" t="s">
        <v>53</v>
      </c>
      <c r="G37346" s="16">
        <v>1.5021366168560784</v>
      </c>
    </row>
    <row r="37347" spans="1:7" x14ac:dyDescent="0.3">
      <c r="A37347" s="13" t="s">
        <v>224</v>
      </c>
      <c r="B37347" s="14" t="s">
        <v>1</v>
      </c>
      <c r="C37347" s="14" t="s">
        <v>23</v>
      </c>
      <c r="D37347" s="14" t="s">
        <v>225</v>
      </c>
      <c r="E37347" s="15">
        <v>45493</v>
      </c>
      <c r="F37347" s="14" t="s">
        <v>53</v>
      </c>
      <c r="G37347" s="16">
        <v>1.5021366168560784</v>
      </c>
    </row>
    <row r="37348" spans="1:7" x14ac:dyDescent="0.3">
      <c r="A37348" s="13" t="s">
        <v>224</v>
      </c>
      <c r="B37348" s="14" t="s">
        <v>1</v>
      </c>
      <c r="C37348" s="14" t="s">
        <v>23</v>
      </c>
      <c r="D37348" s="14" t="s">
        <v>225</v>
      </c>
      <c r="E37348" s="15">
        <v>45494</v>
      </c>
      <c r="F37348" s="14" t="s">
        <v>53</v>
      </c>
      <c r="G37348" s="16">
        <v>1.5021366168560784</v>
      </c>
    </row>
    <row r="37349" spans="1:7" x14ac:dyDescent="0.3">
      <c r="A37349" s="13" t="s">
        <v>224</v>
      </c>
      <c r="B37349" s="14" t="s">
        <v>1</v>
      </c>
      <c r="C37349" s="14" t="s">
        <v>23</v>
      </c>
      <c r="D37349" s="14" t="s">
        <v>225</v>
      </c>
      <c r="E37349" s="15">
        <v>45495</v>
      </c>
      <c r="F37349" s="14" t="s">
        <v>53</v>
      </c>
      <c r="G37349" s="16">
        <v>1.5140546305782829</v>
      </c>
    </row>
    <row r="37350" spans="1:7" x14ac:dyDescent="0.3">
      <c r="A37350" s="13" t="s">
        <v>224</v>
      </c>
      <c r="B37350" s="14" t="s">
        <v>1</v>
      </c>
      <c r="C37350" s="14" t="s">
        <v>23</v>
      </c>
      <c r="D37350" s="14" t="s">
        <v>225</v>
      </c>
      <c r="E37350" s="15">
        <v>45496</v>
      </c>
      <c r="F37350" s="14" t="s">
        <v>53</v>
      </c>
      <c r="G37350" s="16">
        <v>1.5558577961408944</v>
      </c>
    </row>
    <row r="37351" spans="1:7" x14ac:dyDescent="0.3">
      <c r="A37351" s="13" t="s">
        <v>224</v>
      </c>
      <c r="B37351" s="14" t="s">
        <v>1</v>
      </c>
      <c r="C37351" s="14" t="s">
        <v>23</v>
      </c>
      <c r="D37351" s="14" t="s">
        <v>225</v>
      </c>
      <c r="E37351" s="15">
        <v>45497</v>
      </c>
      <c r="F37351" s="14" t="s">
        <v>53</v>
      </c>
      <c r="G37351" s="16">
        <v>1.5706190041979335</v>
      </c>
    </row>
    <row r="37352" spans="1:7" x14ac:dyDescent="0.3">
      <c r="A37352" s="13" t="s">
        <v>224</v>
      </c>
      <c r="B37352" s="14" t="s">
        <v>1</v>
      </c>
      <c r="C37352" s="14" t="s">
        <v>23</v>
      </c>
      <c r="D37352" s="14" t="s">
        <v>225</v>
      </c>
      <c r="E37352" s="15">
        <v>45498</v>
      </c>
      <c r="F37352" s="14" t="s">
        <v>53</v>
      </c>
      <c r="G37352" s="16">
        <v>1.5899919588363876</v>
      </c>
    </row>
    <row r="37353" spans="1:7" x14ac:dyDescent="0.3">
      <c r="A37353" s="13" t="s">
        <v>224</v>
      </c>
      <c r="B37353" s="14" t="s">
        <v>1</v>
      </c>
      <c r="C37353" s="14" t="s">
        <v>23</v>
      </c>
      <c r="D37353" s="14" t="s">
        <v>225</v>
      </c>
      <c r="E37353" s="15">
        <v>45499</v>
      </c>
      <c r="F37353" s="14" t="s">
        <v>53</v>
      </c>
      <c r="G37353" s="16">
        <v>1.6000644101398014</v>
      </c>
    </row>
    <row r="37354" spans="1:7" x14ac:dyDescent="0.3">
      <c r="A37354" s="13" t="s">
        <v>224</v>
      </c>
      <c r="B37354" s="14" t="s">
        <v>1</v>
      </c>
      <c r="C37354" s="14" t="s">
        <v>23</v>
      </c>
      <c r="D37354" s="14" t="s">
        <v>225</v>
      </c>
      <c r="E37354" s="15">
        <v>45500</v>
      </c>
      <c r="F37354" s="14" t="s">
        <v>53</v>
      </c>
      <c r="G37354" s="16">
        <v>1.6000644101398014</v>
      </c>
    </row>
    <row r="37355" spans="1:7" x14ac:dyDescent="0.3">
      <c r="A37355" s="13" t="s">
        <v>224</v>
      </c>
      <c r="B37355" s="14" t="s">
        <v>1</v>
      </c>
      <c r="C37355" s="14" t="s">
        <v>23</v>
      </c>
      <c r="D37355" s="14" t="s">
        <v>225</v>
      </c>
      <c r="E37355" s="15">
        <v>45501</v>
      </c>
      <c r="F37355" s="14" t="s">
        <v>53</v>
      </c>
      <c r="G37355" s="16">
        <v>1.6000644101398014</v>
      </c>
    </row>
    <row r="37356" spans="1:7" x14ac:dyDescent="0.3">
      <c r="A37356" s="13" t="s">
        <v>224</v>
      </c>
      <c r="B37356" s="14" t="s">
        <v>1</v>
      </c>
      <c r="C37356" s="14" t="s">
        <v>23</v>
      </c>
      <c r="D37356" s="14" t="s">
        <v>225</v>
      </c>
      <c r="E37356" s="15">
        <v>45502</v>
      </c>
      <c r="F37356" s="14" t="s">
        <v>53</v>
      </c>
      <c r="G37356" s="16">
        <v>1.6136003550562932</v>
      </c>
    </row>
    <row r="37357" spans="1:7" x14ac:dyDescent="0.3">
      <c r="A37357" s="13" t="s">
        <v>224</v>
      </c>
      <c r="B37357" s="14" t="s">
        <v>1</v>
      </c>
      <c r="C37357" s="14" t="s">
        <v>23</v>
      </c>
      <c r="D37357" s="14" t="s">
        <v>225</v>
      </c>
      <c r="E37357" s="15">
        <v>45503</v>
      </c>
      <c r="F37357" s="14" t="s">
        <v>53</v>
      </c>
      <c r="G37357" s="16">
        <v>1.6544446983296452</v>
      </c>
    </row>
    <row r="37358" spans="1:7" x14ac:dyDescent="0.3">
      <c r="A37358" s="13" t="s">
        <v>224</v>
      </c>
      <c r="B37358" s="14" t="s">
        <v>1</v>
      </c>
      <c r="C37358" s="14" t="s">
        <v>23</v>
      </c>
      <c r="D37358" s="14" t="s">
        <v>225</v>
      </c>
      <c r="E37358" s="15">
        <v>45504</v>
      </c>
      <c r="F37358" s="14" t="s">
        <v>53</v>
      </c>
      <c r="G37358" s="16">
        <v>1.6656634230814722</v>
      </c>
    </row>
    <row r="37359" spans="1:7" x14ac:dyDescent="0.3">
      <c r="A37359" s="13" t="s">
        <v>224</v>
      </c>
      <c r="B37359" s="14" t="s">
        <v>1</v>
      </c>
      <c r="C37359" s="14" t="s">
        <v>23</v>
      </c>
      <c r="D37359" s="14" t="s">
        <v>225</v>
      </c>
      <c r="E37359" s="15">
        <v>45505</v>
      </c>
      <c r="F37359" s="14" t="s">
        <v>53</v>
      </c>
      <c r="G37359" s="16">
        <v>1.6857506502336115</v>
      </c>
    </row>
    <row r="37360" spans="1:7" x14ac:dyDescent="0.3">
      <c r="A37360" s="13" t="s">
        <v>224</v>
      </c>
      <c r="B37360" s="14" t="s">
        <v>1</v>
      </c>
      <c r="C37360" s="14" t="s">
        <v>23</v>
      </c>
      <c r="D37360" s="14" t="s">
        <v>225</v>
      </c>
      <c r="E37360" s="15">
        <v>45506</v>
      </c>
      <c r="F37360" s="14" t="s">
        <v>53</v>
      </c>
      <c r="G37360" s="16">
        <v>1.6826827213506588</v>
      </c>
    </row>
    <row r="37361" spans="1:7" x14ac:dyDescent="0.3">
      <c r="A37361" s="13" t="s">
        <v>224</v>
      </c>
      <c r="B37361" s="14" t="s">
        <v>1</v>
      </c>
      <c r="C37361" s="14" t="s">
        <v>23</v>
      </c>
      <c r="D37361" s="14" t="s">
        <v>225</v>
      </c>
      <c r="E37361" s="15">
        <v>45507</v>
      </c>
      <c r="F37361" s="14" t="s">
        <v>53</v>
      </c>
      <c r="G37361" s="16">
        <v>1.6826827213506588</v>
      </c>
    </row>
    <row r="37362" spans="1:7" x14ac:dyDescent="0.3">
      <c r="A37362" s="13" t="s">
        <v>224</v>
      </c>
      <c r="B37362" s="14" t="s">
        <v>1</v>
      </c>
      <c r="C37362" s="14" t="s">
        <v>23</v>
      </c>
      <c r="D37362" s="14" t="s">
        <v>225</v>
      </c>
      <c r="E37362" s="15">
        <v>45508</v>
      </c>
      <c r="F37362" s="14" t="s">
        <v>53</v>
      </c>
      <c r="G37362" s="16">
        <v>1.6826827213506588</v>
      </c>
    </row>
    <row r="37363" spans="1:7" x14ac:dyDescent="0.3">
      <c r="A37363" s="13" t="s">
        <v>224</v>
      </c>
      <c r="B37363" s="14" t="s">
        <v>1</v>
      </c>
      <c r="C37363" s="14" t="s">
        <v>23</v>
      </c>
      <c r="D37363" s="14" t="s">
        <v>225</v>
      </c>
      <c r="E37363" s="15">
        <v>45509</v>
      </c>
      <c r="F37363" s="14" t="s">
        <v>53</v>
      </c>
      <c r="G37363" s="16">
        <v>1.6826827213506588</v>
      </c>
    </row>
    <row r="37364" spans="1:7" x14ac:dyDescent="0.3">
      <c r="A37364" s="13" t="s">
        <v>224</v>
      </c>
      <c r="B37364" s="14" t="s">
        <v>1</v>
      </c>
      <c r="C37364" s="14" t="s">
        <v>23</v>
      </c>
      <c r="D37364" s="14" t="s">
        <v>225</v>
      </c>
      <c r="E37364" s="15">
        <v>45510</v>
      </c>
      <c r="F37364" s="14" t="s">
        <v>53</v>
      </c>
      <c r="G37364" s="16">
        <v>1.7088297602432241</v>
      </c>
    </row>
    <row r="37365" spans="1:7" x14ac:dyDescent="0.3">
      <c r="A37365" s="13" t="s">
        <v>224</v>
      </c>
      <c r="B37365" s="14" t="s">
        <v>1</v>
      </c>
      <c r="C37365" s="14" t="s">
        <v>23</v>
      </c>
      <c r="D37365" s="14" t="s">
        <v>225</v>
      </c>
      <c r="E37365" s="15">
        <v>45511</v>
      </c>
      <c r="F37365" s="14" t="s">
        <v>53</v>
      </c>
      <c r="G37365" s="16">
        <v>1.7748186663128636</v>
      </c>
    </row>
    <row r="37366" spans="1:7" x14ac:dyDescent="0.3">
      <c r="A37366" s="13" t="s">
        <v>224</v>
      </c>
      <c r="B37366" s="14" t="s">
        <v>1</v>
      </c>
      <c r="C37366" s="14" t="s">
        <v>23</v>
      </c>
      <c r="D37366" s="14" t="s">
        <v>225</v>
      </c>
      <c r="E37366" s="15">
        <v>45512</v>
      </c>
      <c r="F37366" s="14" t="s">
        <v>53</v>
      </c>
      <c r="G37366" s="16">
        <v>1.7740560168079316</v>
      </c>
    </row>
    <row r="37367" spans="1:7" x14ac:dyDescent="0.3">
      <c r="A37367" s="13" t="s">
        <v>224</v>
      </c>
      <c r="B37367" s="14" t="s">
        <v>1</v>
      </c>
      <c r="C37367" s="14" t="s">
        <v>23</v>
      </c>
      <c r="D37367" s="14" t="s">
        <v>225</v>
      </c>
      <c r="E37367" s="15">
        <v>45513</v>
      </c>
      <c r="F37367" s="14" t="s">
        <v>53</v>
      </c>
      <c r="G37367" s="16">
        <v>1.78341841420471</v>
      </c>
    </row>
    <row r="37368" spans="1:7" x14ac:dyDescent="0.3">
      <c r="A37368" s="13" t="s">
        <v>224</v>
      </c>
      <c r="B37368" s="14" t="s">
        <v>1</v>
      </c>
      <c r="C37368" s="14" t="s">
        <v>23</v>
      </c>
      <c r="D37368" s="14" t="s">
        <v>225</v>
      </c>
      <c r="E37368" s="15">
        <v>45514</v>
      </c>
      <c r="F37368" s="14" t="s">
        <v>53</v>
      </c>
      <c r="G37368" s="16">
        <v>1.78341841420471</v>
      </c>
    </row>
    <row r="37369" spans="1:7" x14ac:dyDescent="0.3">
      <c r="A37369" s="13" t="s">
        <v>224</v>
      </c>
      <c r="B37369" s="14" t="s">
        <v>1</v>
      </c>
      <c r="C37369" s="14" t="s">
        <v>23</v>
      </c>
      <c r="D37369" s="14" t="s">
        <v>225</v>
      </c>
      <c r="E37369" s="15">
        <v>45515</v>
      </c>
      <c r="F37369" s="14" t="s">
        <v>53</v>
      </c>
      <c r="G37369" s="16">
        <v>1.78341841420471</v>
      </c>
    </row>
    <row r="37370" spans="1:7" x14ac:dyDescent="0.3">
      <c r="A37370" s="13" t="s">
        <v>224</v>
      </c>
      <c r="B37370" s="14" t="s">
        <v>1</v>
      </c>
      <c r="C37370" s="14" t="s">
        <v>23</v>
      </c>
      <c r="D37370" s="14" t="s">
        <v>225</v>
      </c>
      <c r="E37370" s="15">
        <v>45516</v>
      </c>
      <c r="F37370" s="14" t="s">
        <v>53</v>
      </c>
      <c r="G37370" s="16">
        <v>1.7958579548152409</v>
      </c>
    </row>
    <row r="37371" spans="1:7" x14ac:dyDescent="0.3">
      <c r="A37371" s="13" t="s">
        <v>224</v>
      </c>
      <c r="B37371" s="14" t="s">
        <v>1</v>
      </c>
      <c r="C37371" s="14" t="s">
        <v>23</v>
      </c>
      <c r="D37371" s="14" t="s">
        <v>225</v>
      </c>
      <c r="E37371" s="15">
        <v>45517</v>
      </c>
      <c r="F37371" s="14" t="s">
        <v>53</v>
      </c>
      <c r="G37371" s="16">
        <v>1.8197747383056413</v>
      </c>
    </row>
    <row r="37372" spans="1:7" x14ac:dyDescent="0.3">
      <c r="A37372" s="13" t="s">
        <v>224</v>
      </c>
      <c r="B37372" s="14" t="s">
        <v>1</v>
      </c>
      <c r="C37372" s="14" t="s">
        <v>23</v>
      </c>
      <c r="D37372" s="14" t="s">
        <v>225</v>
      </c>
      <c r="E37372" s="15">
        <v>45518</v>
      </c>
      <c r="F37372" s="14" t="s">
        <v>53</v>
      </c>
      <c r="G37372" s="16">
        <v>1.8370341632234961</v>
      </c>
    </row>
    <row r="37373" spans="1:7" x14ac:dyDescent="0.3">
      <c r="A37373" s="13" t="s">
        <v>224</v>
      </c>
      <c r="B37373" s="14" t="s">
        <v>1</v>
      </c>
      <c r="C37373" s="14" t="s">
        <v>23</v>
      </c>
      <c r="D37373" s="14" t="s">
        <v>225</v>
      </c>
      <c r="E37373" s="15">
        <v>45519</v>
      </c>
      <c r="F37373" s="14" t="s">
        <v>53</v>
      </c>
      <c r="G37373" s="16">
        <v>1.840582506889141</v>
      </c>
    </row>
    <row r="37374" spans="1:7" x14ac:dyDescent="0.3">
      <c r="A37374" s="13" t="s">
        <v>224</v>
      </c>
      <c r="B37374" s="14" t="s">
        <v>1</v>
      </c>
      <c r="C37374" s="14" t="s">
        <v>23</v>
      </c>
      <c r="D37374" s="14" t="s">
        <v>225</v>
      </c>
      <c r="E37374" s="15">
        <v>45520</v>
      </c>
      <c r="F37374" s="14" t="s">
        <v>53</v>
      </c>
      <c r="G37374" s="16">
        <v>1.8401351076249706</v>
      </c>
    </row>
    <row r="37375" spans="1:7" x14ac:dyDescent="0.3">
      <c r="A37375" s="13" t="s">
        <v>224</v>
      </c>
      <c r="B37375" s="14" t="s">
        <v>1</v>
      </c>
      <c r="C37375" s="14" t="s">
        <v>23</v>
      </c>
      <c r="D37375" s="14" t="s">
        <v>225</v>
      </c>
      <c r="E37375" s="15">
        <v>45521</v>
      </c>
      <c r="F37375" s="14" t="s">
        <v>53</v>
      </c>
      <c r="G37375" s="16">
        <v>1.8401351076249706</v>
      </c>
    </row>
    <row r="37376" spans="1:7" x14ac:dyDescent="0.3">
      <c r="A37376" s="13" t="s">
        <v>224</v>
      </c>
      <c r="B37376" s="14" t="s">
        <v>1</v>
      </c>
      <c r="C37376" s="14" t="s">
        <v>23</v>
      </c>
      <c r="D37376" s="14" t="s">
        <v>225</v>
      </c>
      <c r="E37376" s="15">
        <v>45522</v>
      </c>
      <c r="F37376" s="14" t="s">
        <v>53</v>
      </c>
      <c r="G37376" s="16">
        <v>1.8401351076249706</v>
      </c>
    </row>
    <row r="37377" spans="1:7" x14ac:dyDescent="0.3">
      <c r="A37377" s="13" t="s">
        <v>224</v>
      </c>
      <c r="B37377" s="14" t="s">
        <v>1</v>
      </c>
      <c r="C37377" s="14" t="s">
        <v>23</v>
      </c>
      <c r="D37377" s="14" t="s">
        <v>225</v>
      </c>
      <c r="E37377" s="15">
        <v>45523</v>
      </c>
      <c r="F37377" s="14" t="s">
        <v>53</v>
      </c>
      <c r="G37377" s="16">
        <v>1.846008097476844</v>
      </c>
    </row>
    <row r="37378" spans="1:7" x14ac:dyDescent="0.3">
      <c r="A37378" s="13" t="s">
        <v>224</v>
      </c>
      <c r="B37378" s="14" t="s">
        <v>1</v>
      </c>
      <c r="C37378" s="14" t="s">
        <v>23</v>
      </c>
      <c r="D37378" s="14" t="s">
        <v>225</v>
      </c>
      <c r="E37378" s="15">
        <v>45524</v>
      </c>
      <c r="F37378" s="14" t="s">
        <v>53</v>
      </c>
      <c r="G37378" s="16">
        <v>1.8780152297949733</v>
      </c>
    </row>
    <row r="37379" spans="1:7" x14ac:dyDescent="0.3">
      <c r="A37379" s="13" t="s">
        <v>224</v>
      </c>
      <c r="B37379" s="14" t="s">
        <v>1</v>
      </c>
      <c r="C37379" s="14" t="s">
        <v>23</v>
      </c>
      <c r="D37379" s="14" t="s">
        <v>225</v>
      </c>
      <c r="E37379" s="15">
        <v>45525</v>
      </c>
      <c r="F37379" s="14" t="s">
        <v>53</v>
      </c>
      <c r="G37379" s="16">
        <v>1.878261000304323</v>
      </c>
    </row>
    <row r="37380" spans="1:7" x14ac:dyDescent="0.3">
      <c r="A37380" s="13" t="s">
        <v>224</v>
      </c>
      <c r="B37380" s="14" t="s">
        <v>1</v>
      </c>
      <c r="C37380" s="14" t="s">
        <v>23</v>
      </c>
      <c r="D37380" s="14" t="s">
        <v>225</v>
      </c>
      <c r="E37380" s="15">
        <v>45526</v>
      </c>
      <c r="F37380" s="14" t="s">
        <v>53</v>
      </c>
      <c r="G37380" s="16">
        <v>1.8908778927788048</v>
      </c>
    </row>
    <row r="37381" spans="1:7" x14ac:dyDescent="0.3">
      <c r="A37381" s="13" t="s">
        <v>224</v>
      </c>
      <c r="B37381" s="14" t="s">
        <v>1</v>
      </c>
      <c r="C37381" s="14" t="s">
        <v>23</v>
      </c>
      <c r="D37381" s="14" t="s">
        <v>225</v>
      </c>
      <c r="E37381" s="15">
        <v>45527</v>
      </c>
      <c r="F37381" s="14" t="s">
        <v>53</v>
      </c>
      <c r="G37381" s="16">
        <v>1.8860240281231657</v>
      </c>
    </row>
    <row r="37382" spans="1:7" x14ac:dyDescent="0.3">
      <c r="A37382" s="13" t="s">
        <v>224</v>
      </c>
      <c r="B37382" s="14" t="s">
        <v>1</v>
      </c>
      <c r="C37382" s="14" t="s">
        <v>23</v>
      </c>
      <c r="D37382" s="14" t="s">
        <v>225</v>
      </c>
      <c r="E37382" s="15">
        <v>45528</v>
      </c>
      <c r="F37382" s="14" t="s">
        <v>53</v>
      </c>
      <c r="G37382" s="16">
        <v>1.8860240281231657</v>
      </c>
    </row>
    <row r="37383" spans="1:7" x14ac:dyDescent="0.3">
      <c r="A37383" s="13" t="s">
        <v>224</v>
      </c>
      <c r="B37383" s="14" t="s">
        <v>1</v>
      </c>
      <c r="C37383" s="14" t="s">
        <v>23</v>
      </c>
      <c r="D37383" s="14" t="s">
        <v>225</v>
      </c>
      <c r="E37383" s="15">
        <v>45529</v>
      </c>
      <c r="F37383" s="14" t="s">
        <v>53</v>
      </c>
      <c r="G37383" s="16">
        <v>1.8860240281231657</v>
      </c>
    </row>
    <row r="37384" spans="1:7" x14ac:dyDescent="0.3">
      <c r="A37384" s="13" t="s">
        <v>224</v>
      </c>
      <c r="B37384" s="14" t="s">
        <v>1</v>
      </c>
      <c r="C37384" s="14" t="s">
        <v>23</v>
      </c>
      <c r="D37384" s="14" t="s">
        <v>225</v>
      </c>
      <c r="E37384" s="15">
        <v>45530</v>
      </c>
      <c r="F37384" s="14" t="s">
        <v>53</v>
      </c>
      <c r="G37384" s="16">
        <v>1.9024396234784413</v>
      </c>
    </row>
    <row r="37385" spans="1:7" x14ac:dyDescent="0.3">
      <c r="A37385" s="13" t="s">
        <v>224</v>
      </c>
      <c r="B37385" s="14" t="s">
        <v>1</v>
      </c>
      <c r="C37385" s="14" t="s">
        <v>23</v>
      </c>
      <c r="D37385" s="14" t="s">
        <v>225</v>
      </c>
      <c r="E37385" s="15">
        <v>45531</v>
      </c>
      <c r="F37385" s="14" t="s">
        <v>53</v>
      </c>
      <c r="G37385" s="16">
        <v>1.9300853150206003</v>
      </c>
    </row>
    <row r="37386" spans="1:7" x14ac:dyDescent="0.3">
      <c r="A37386" s="13" t="s">
        <v>224</v>
      </c>
      <c r="B37386" s="14" t="s">
        <v>1</v>
      </c>
      <c r="C37386" s="14" t="s">
        <v>23</v>
      </c>
      <c r="D37386" s="14" t="s">
        <v>225</v>
      </c>
      <c r="E37386" s="15">
        <v>45532</v>
      </c>
      <c r="F37386" s="14" t="s">
        <v>53</v>
      </c>
      <c r="G37386" s="16">
        <v>1.9535830320259349</v>
      </c>
    </row>
    <row r="37387" spans="1:7" x14ac:dyDescent="0.3">
      <c r="A37387" s="13" t="s">
        <v>224</v>
      </c>
      <c r="B37387" s="14" t="s">
        <v>1</v>
      </c>
      <c r="C37387" s="14" t="s">
        <v>23</v>
      </c>
      <c r="D37387" s="14" t="s">
        <v>225</v>
      </c>
      <c r="E37387" s="15">
        <v>45533</v>
      </c>
      <c r="F37387" s="14" t="s">
        <v>53</v>
      </c>
      <c r="G37387" s="16">
        <v>1.969570358681437</v>
      </c>
    </row>
    <row r="37388" spans="1:7" x14ac:dyDescent="0.3">
      <c r="A37388" s="13" t="s">
        <v>224</v>
      </c>
      <c r="B37388" s="14" t="s">
        <v>1</v>
      </c>
      <c r="C37388" s="14" t="s">
        <v>23</v>
      </c>
      <c r="D37388" s="14" t="s">
        <v>225</v>
      </c>
      <c r="E37388" s="15">
        <v>45534</v>
      </c>
      <c r="F37388" s="14" t="s">
        <v>53</v>
      </c>
      <c r="G37388" s="16">
        <v>1.987465825065176</v>
      </c>
    </row>
    <row r="37389" spans="1:7" x14ac:dyDescent="0.3">
      <c r="A37389" s="13" t="s">
        <v>224</v>
      </c>
      <c r="B37389" s="14" t="s">
        <v>1</v>
      </c>
      <c r="C37389" s="14" t="s">
        <v>23</v>
      </c>
      <c r="D37389" s="14" t="s">
        <v>225</v>
      </c>
      <c r="E37389" s="15">
        <v>45535</v>
      </c>
      <c r="F37389" s="14" t="s">
        <v>53</v>
      </c>
      <c r="G37389" s="16">
        <v>1.987465825065176</v>
      </c>
    </row>
    <row r="37390" spans="1:7" x14ac:dyDescent="0.3">
      <c r="A37390" s="13" t="s">
        <v>224</v>
      </c>
      <c r="B37390" s="14" t="s">
        <v>1</v>
      </c>
      <c r="C37390" s="14" t="s">
        <v>23</v>
      </c>
      <c r="D37390" s="14" t="s">
        <v>225</v>
      </c>
      <c r="E37390" s="15">
        <v>45536</v>
      </c>
      <c r="F37390" s="14" t="s">
        <v>53</v>
      </c>
      <c r="G37390" s="16">
        <v>1.987465825065176</v>
      </c>
    </row>
    <row r="37391" spans="1:7" x14ac:dyDescent="0.3">
      <c r="A37391" s="13" t="s">
        <v>224</v>
      </c>
      <c r="B37391" s="14" t="s">
        <v>1</v>
      </c>
      <c r="C37391" s="14" t="s">
        <v>23</v>
      </c>
      <c r="D37391" s="14" t="s">
        <v>225</v>
      </c>
      <c r="E37391" s="15">
        <v>45537</v>
      </c>
      <c r="F37391" s="14" t="s">
        <v>53</v>
      </c>
      <c r="G37391" s="16">
        <v>1.987465825065176</v>
      </c>
    </row>
    <row r="37392" spans="1:7" x14ac:dyDescent="0.3">
      <c r="A37392" s="13" t="s">
        <v>224</v>
      </c>
      <c r="B37392" s="14" t="s">
        <v>1</v>
      </c>
      <c r="C37392" s="14" t="s">
        <v>23</v>
      </c>
      <c r="D37392" s="14" t="s">
        <v>225</v>
      </c>
      <c r="E37392" s="15">
        <v>45538</v>
      </c>
      <c r="F37392" s="14" t="s">
        <v>53</v>
      </c>
      <c r="G37392" s="16">
        <v>2.0029584909904692</v>
      </c>
    </row>
    <row r="37393" spans="1:7" x14ac:dyDescent="0.3">
      <c r="A37393" s="13" t="s">
        <v>224</v>
      </c>
      <c r="B37393" s="14" t="s">
        <v>1</v>
      </c>
      <c r="C37393" s="14" t="s">
        <v>23</v>
      </c>
      <c r="D37393" s="14" t="s">
        <v>225</v>
      </c>
      <c r="E37393" s="15">
        <v>45539</v>
      </c>
      <c r="F37393" s="14" t="s">
        <v>53</v>
      </c>
      <c r="G37393" s="16">
        <v>2.0401948039661457</v>
      </c>
    </row>
    <row r="37394" spans="1:7" x14ac:dyDescent="0.3">
      <c r="A37394" s="13" t="s">
        <v>224</v>
      </c>
      <c r="B37394" s="14" t="s">
        <v>1</v>
      </c>
      <c r="C37394" s="14" t="s">
        <v>23</v>
      </c>
      <c r="D37394" s="14" t="s">
        <v>225</v>
      </c>
      <c r="E37394" s="15">
        <v>45540</v>
      </c>
      <c r="F37394" s="14" t="s">
        <v>53</v>
      </c>
      <c r="G37394" s="16">
        <v>2.0481333193286071</v>
      </c>
    </row>
    <row r="37395" spans="1:7" x14ac:dyDescent="0.3">
      <c r="A37395" s="13" t="s">
        <v>224</v>
      </c>
      <c r="B37395" s="14" t="s">
        <v>1</v>
      </c>
      <c r="C37395" s="14" t="s">
        <v>23</v>
      </c>
      <c r="D37395" s="14" t="s">
        <v>225</v>
      </c>
      <c r="E37395" s="15">
        <v>45541</v>
      </c>
      <c r="F37395" s="14" t="s">
        <v>53</v>
      </c>
      <c r="G37395" s="16">
        <v>2.0695497708547537</v>
      </c>
    </row>
    <row r="37396" spans="1:7" x14ac:dyDescent="0.3">
      <c r="A37396" s="13" t="s">
        <v>224</v>
      </c>
      <c r="B37396" s="14" t="s">
        <v>1</v>
      </c>
      <c r="C37396" s="14" t="s">
        <v>23</v>
      </c>
      <c r="D37396" s="14" t="s">
        <v>225</v>
      </c>
      <c r="E37396" s="15">
        <v>45542</v>
      </c>
      <c r="F37396" s="14" t="s">
        <v>53</v>
      </c>
      <c r="G37396" s="16">
        <v>2.0695497708547537</v>
      </c>
    </row>
    <row r="37397" spans="1:7" x14ac:dyDescent="0.3">
      <c r="A37397" s="13" t="s">
        <v>224</v>
      </c>
      <c r="B37397" s="14" t="s">
        <v>1</v>
      </c>
      <c r="C37397" s="14" t="s">
        <v>23</v>
      </c>
      <c r="D37397" s="14" t="s">
        <v>225</v>
      </c>
      <c r="E37397" s="15">
        <v>45543</v>
      </c>
      <c r="F37397" s="14" t="s">
        <v>53</v>
      </c>
      <c r="G37397" s="16">
        <v>2.0695497708547537</v>
      </c>
    </row>
    <row r="37398" spans="1:7" x14ac:dyDescent="0.3">
      <c r="A37398" s="13" t="s">
        <v>224</v>
      </c>
      <c r="B37398" s="14" t="s">
        <v>1</v>
      </c>
      <c r="C37398" s="14" t="s">
        <v>23</v>
      </c>
      <c r="D37398" s="14" t="s">
        <v>225</v>
      </c>
      <c r="E37398" s="15">
        <v>45544</v>
      </c>
      <c r="F37398" s="14" t="s">
        <v>53</v>
      </c>
      <c r="G37398" s="16">
        <v>2.1176086696857261</v>
      </c>
    </row>
    <row r="37399" spans="1:7" x14ac:dyDescent="0.3">
      <c r="A37399" s="13" t="s">
        <v>224</v>
      </c>
      <c r="B37399" s="14" t="s">
        <v>1</v>
      </c>
      <c r="C37399" s="14" t="s">
        <v>23</v>
      </c>
      <c r="D37399" s="14" t="s">
        <v>225</v>
      </c>
      <c r="E37399" s="15">
        <v>45545</v>
      </c>
      <c r="F37399" s="14" t="s">
        <v>53</v>
      </c>
      <c r="G37399" s="16">
        <v>2.1519882880265904</v>
      </c>
    </row>
    <row r="37400" spans="1:7" x14ac:dyDescent="0.3">
      <c r="A37400" s="13" t="s">
        <v>224</v>
      </c>
      <c r="B37400" s="14" t="s">
        <v>1</v>
      </c>
      <c r="C37400" s="14" t="s">
        <v>23</v>
      </c>
      <c r="D37400" s="14" t="s">
        <v>225</v>
      </c>
      <c r="E37400" s="15">
        <v>45546</v>
      </c>
      <c r="F37400" s="14" t="s">
        <v>53</v>
      </c>
      <c r="G37400" s="16">
        <v>2.1691457513827173</v>
      </c>
    </row>
    <row r="37401" spans="1:7" x14ac:dyDescent="0.3">
      <c r="A37401" s="13" t="s">
        <v>224</v>
      </c>
      <c r="B37401" s="14" t="s">
        <v>1</v>
      </c>
      <c r="C37401" s="14" t="s">
        <v>23</v>
      </c>
      <c r="D37401" s="14" t="s">
        <v>225</v>
      </c>
      <c r="E37401" s="15">
        <v>45547</v>
      </c>
      <c r="F37401" s="14" t="s">
        <v>53</v>
      </c>
      <c r="G37401" s="16">
        <v>2.168701552103268</v>
      </c>
    </row>
    <row r="37402" spans="1:7" x14ac:dyDescent="0.3">
      <c r="A37402" s="13" t="s">
        <v>224</v>
      </c>
      <c r="B37402" s="14" t="s">
        <v>1</v>
      </c>
      <c r="C37402" s="14" t="s">
        <v>23</v>
      </c>
      <c r="D37402" s="14" t="s">
        <v>225</v>
      </c>
      <c r="E37402" s="15">
        <v>45548</v>
      </c>
      <c r="F37402" s="14" t="s">
        <v>53</v>
      </c>
      <c r="G37402" s="16">
        <v>2.1814534927116931</v>
      </c>
    </row>
    <row r="37403" spans="1:7" x14ac:dyDescent="0.3">
      <c r="A37403" s="13" t="s">
        <v>224</v>
      </c>
      <c r="B37403" s="14" t="s">
        <v>1</v>
      </c>
      <c r="C37403" s="14" t="s">
        <v>23</v>
      </c>
      <c r="D37403" s="14" t="s">
        <v>225</v>
      </c>
      <c r="E37403" s="15">
        <v>45549</v>
      </c>
      <c r="F37403" s="14" t="s">
        <v>53</v>
      </c>
      <c r="G37403" s="16">
        <v>2.1814534927116931</v>
      </c>
    </row>
    <row r="37404" spans="1:7" x14ac:dyDescent="0.3">
      <c r="A37404" s="13" t="s">
        <v>224</v>
      </c>
      <c r="B37404" s="14" t="s">
        <v>1</v>
      </c>
      <c r="C37404" s="14" t="s">
        <v>23</v>
      </c>
      <c r="D37404" s="14" t="s">
        <v>225</v>
      </c>
      <c r="E37404" s="15">
        <v>45550</v>
      </c>
      <c r="F37404" s="14" t="s">
        <v>53</v>
      </c>
      <c r="G37404" s="16">
        <v>2.1814534927116931</v>
      </c>
    </row>
    <row r="37405" spans="1:7" x14ac:dyDescent="0.3">
      <c r="A37405" s="13" t="s">
        <v>224</v>
      </c>
      <c r="B37405" s="14" t="s">
        <v>1</v>
      </c>
      <c r="C37405" s="14" t="s">
        <v>23</v>
      </c>
      <c r="D37405" s="14" t="s">
        <v>225</v>
      </c>
      <c r="E37405" s="15">
        <v>45551</v>
      </c>
      <c r="F37405" s="14" t="s">
        <v>53</v>
      </c>
      <c r="G37405" s="16">
        <v>2.1791346607086899</v>
      </c>
    </row>
    <row r="37406" spans="1:7" x14ac:dyDescent="0.3">
      <c r="A37406" s="13" t="s">
        <v>224</v>
      </c>
      <c r="B37406" s="14" t="s">
        <v>1</v>
      </c>
      <c r="C37406" s="14" t="s">
        <v>23</v>
      </c>
      <c r="D37406" s="14" t="s">
        <v>225</v>
      </c>
      <c r="E37406" s="15">
        <v>45552</v>
      </c>
      <c r="F37406" s="14" t="s">
        <v>53</v>
      </c>
      <c r="G37406" s="16">
        <v>2.2282065100454278</v>
      </c>
    </row>
    <row r="37407" spans="1:7" x14ac:dyDescent="0.3">
      <c r="A37407" s="13" t="s">
        <v>224</v>
      </c>
      <c r="B37407" s="14" t="s">
        <v>1</v>
      </c>
      <c r="C37407" s="14" t="s">
        <v>23</v>
      </c>
      <c r="D37407" s="14" t="s">
        <v>225</v>
      </c>
      <c r="E37407" s="15">
        <v>45553</v>
      </c>
      <c r="F37407" s="14" t="s">
        <v>53</v>
      </c>
      <c r="G37407" s="16">
        <v>2.232679920042079</v>
      </c>
    </row>
    <row r="37408" spans="1:7" x14ac:dyDescent="0.3">
      <c r="A37408" s="13" t="s">
        <v>224</v>
      </c>
      <c r="B37408" s="14" t="s">
        <v>1</v>
      </c>
      <c r="C37408" s="14" t="s">
        <v>23</v>
      </c>
      <c r="D37408" s="14" t="s">
        <v>225</v>
      </c>
      <c r="E37408" s="15">
        <v>45554</v>
      </c>
      <c r="F37408" s="14" t="s">
        <v>53</v>
      </c>
      <c r="G37408" s="16">
        <v>2.2334694250207687</v>
      </c>
    </row>
    <row r="37409" spans="1:7" x14ac:dyDescent="0.3">
      <c r="A37409" s="13" t="s">
        <v>224</v>
      </c>
      <c r="B37409" s="14" t="s">
        <v>1</v>
      </c>
      <c r="C37409" s="14" t="s">
        <v>23</v>
      </c>
      <c r="D37409" s="14" t="s">
        <v>225</v>
      </c>
      <c r="E37409" s="15">
        <v>45555</v>
      </c>
      <c r="F37409" s="14" t="s">
        <v>53</v>
      </c>
      <c r="G37409" s="16">
        <v>2.2404565397003675</v>
      </c>
    </row>
    <row r="37410" spans="1:7" x14ac:dyDescent="0.3">
      <c r="A37410" s="13" t="s">
        <v>224</v>
      </c>
      <c r="B37410" s="14" t="s">
        <v>1</v>
      </c>
      <c r="C37410" s="14" t="s">
        <v>23</v>
      </c>
      <c r="D37410" s="14" t="s">
        <v>225</v>
      </c>
      <c r="E37410" s="15">
        <v>45556</v>
      </c>
      <c r="F37410" s="14" t="s">
        <v>53</v>
      </c>
      <c r="G37410" s="16">
        <v>2.2404565397003675</v>
      </c>
    </row>
    <row r="37411" spans="1:7" x14ac:dyDescent="0.3">
      <c r="A37411" s="13" t="s">
        <v>224</v>
      </c>
      <c r="B37411" s="14" t="s">
        <v>1</v>
      </c>
      <c r="C37411" s="14" t="s">
        <v>23</v>
      </c>
      <c r="D37411" s="14" t="s">
        <v>225</v>
      </c>
      <c r="E37411" s="15">
        <v>45557</v>
      </c>
      <c r="F37411" s="14" t="s">
        <v>53</v>
      </c>
      <c r="G37411" s="16">
        <v>2.2404565397003675</v>
      </c>
    </row>
    <row r="37412" spans="1:7" x14ac:dyDescent="0.3">
      <c r="A37412" s="13" t="s">
        <v>224</v>
      </c>
      <c r="B37412" s="14" t="s">
        <v>1</v>
      </c>
      <c r="C37412" s="14" t="s">
        <v>23</v>
      </c>
      <c r="D37412" s="14" t="s">
        <v>225</v>
      </c>
      <c r="E37412" s="15">
        <v>45558</v>
      </c>
      <c r="F37412" s="14" t="s">
        <v>53</v>
      </c>
      <c r="G37412" s="16">
        <v>2.2497752522897323</v>
      </c>
    </row>
    <row r="37413" spans="1:7" x14ac:dyDescent="0.3">
      <c r="A37413" s="13" t="s">
        <v>224</v>
      </c>
      <c r="B37413" s="14" t="s">
        <v>1</v>
      </c>
      <c r="C37413" s="14" t="s">
        <v>23</v>
      </c>
      <c r="D37413" s="14" t="s">
        <v>225</v>
      </c>
      <c r="E37413" s="15">
        <v>45559</v>
      </c>
      <c r="F37413" s="14" t="s">
        <v>53</v>
      </c>
      <c r="G37413" s="16">
        <v>2.2904103538889529</v>
      </c>
    </row>
    <row r="37414" spans="1:7" x14ac:dyDescent="0.3">
      <c r="A37414" s="13" t="s">
        <v>224</v>
      </c>
      <c r="B37414" s="14" t="s">
        <v>1</v>
      </c>
      <c r="C37414" s="14" t="s">
        <v>23</v>
      </c>
      <c r="D37414" s="14" t="s">
        <v>225</v>
      </c>
      <c r="E37414" s="15">
        <v>45560</v>
      </c>
      <c r="F37414" s="14" t="s">
        <v>53</v>
      </c>
      <c r="G37414" s="16">
        <v>2.319576877010654</v>
      </c>
    </row>
    <row r="37415" spans="1:7" x14ac:dyDescent="0.3">
      <c r="A37415" s="13" t="s">
        <v>224</v>
      </c>
      <c r="B37415" s="14" t="s">
        <v>1</v>
      </c>
      <c r="C37415" s="14" t="s">
        <v>23</v>
      </c>
      <c r="D37415" s="14" t="s">
        <v>225</v>
      </c>
      <c r="E37415" s="15">
        <v>45561</v>
      </c>
      <c r="F37415" s="14" t="s">
        <v>53</v>
      </c>
      <c r="G37415" s="16">
        <v>2.3175211721731857</v>
      </c>
    </row>
    <row r="37416" spans="1:7" x14ac:dyDescent="0.3">
      <c r="A37416" s="13" t="s">
        <v>224</v>
      </c>
      <c r="B37416" s="14" t="s">
        <v>1</v>
      </c>
      <c r="C37416" s="14" t="s">
        <v>23</v>
      </c>
      <c r="D37416" s="14" t="s">
        <v>225</v>
      </c>
      <c r="E37416" s="15">
        <v>45562</v>
      </c>
      <c r="F37416" s="14" t="s">
        <v>53</v>
      </c>
      <c r="G37416" s="16">
        <v>2.3406841571715375</v>
      </c>
    </row>
    <row r="37417" spans="1:7" x14ac:dyDescent="0.3">
      <c r="A37417" s="13" t="s">
        <v>224</v>
      </c>
      <c r="B37417" s="14" t="s">
        <v>1</v>
      </c>
      <c r="C37417" s="14" t="s">
        <v>23</v>
      </c>
      <c r="D37417" s="14" t="s">
        <v>225</v>
      </c>
      <c r="E37417" s="15">
        <v>45563</v>
      </c>
      <c r="F37417" s="14" t="s">
        <v>53</v>
      </c>
      <c r="G37417" s="16">
        <v>2.3406841571715375</v>
      </c>
    </row>
    <row r="37418" spans="1:7" x14ac:dyDescent="0.3">
      <c r="A37418" s="13" t="s">
        <v>224</v>
      </c>
      <c r="B37418" s="14" t="s">
        <v>1</v>
      </c>
      <c r="C37418" s="14" t="s">
        <v>23</v>
      </c>
      <c r="D37418" s="14" t="s">
        <v>225</v>
      </c>
      <c r="E37418" s="15">
        <v>45564</v>
      </c>
      <c r="F37418" s="14" t="s">
        <v>53</v>
      </c>
      <c r="G37418" s="16">
        <v>2.3406841571715375</v>
      </c>
    </row>
    <row r="37419" spans="1:7" x14ac:dyDescent="0.3">
      <c r="A37419" s="13" t="s">
        <v>224</v>
      </c>
      <c r="B37419" s="14" t="s">
        <v>1</v>
      </c>
      <c r="C37419" s="14" t="s">
        <v>23</v>
      </c>
      <c r="D37419" s="14" t="s">
        <v>225</v>
      </c>
      <c r="E37419" s="15">
        <v>45565</v>
      </c>
      <c r="F37419" s="14" t="s">
        <v>53</v>
      </c>
      <c r="G37419" s="16">
        <v>2.3537625367575026</v>
      </c>
    </row>
    <row r="37420" spans="1:7" x14ac:dyDescent="0.3">
      <c r="A37420" s="13" t="s">
        <v>224</v>
      </c>
      <c r="B37420" s="14" t="s">
        <v>1</v>
      </c>
      <c r="C37420" s="14" t="s">
        <v>23</v>
      </c>
      <c r="D37420" s="14" t="s">
        <v>225</v>
      </c>
      <c r="E37420" s="15">
        <v>45566</v>
      </c>
      <c r="F37420" s="14" t="s">
        <v>53</v>
      </c>
      <c r="G37420" s="16">
        <v>2.4117631061031721</v>
      </c>
    </row>
    <row r="37421" spans="1:7" x14ac:dyDescent="0.3">
      <c r="A37421" s="13" t="s">
        <v>224</v>
      </c>
      <c r="B37421" s="14" t="s">
        <v>1</v>
      </c>
      <c r="C37421" s="14" t="s">
        <v>23</v>
      </c>
      <c r="D37421" s="14" t="s">
        <v>225</v>
      </c>
      <c r="E37421" s="15">
        <v>45567</v>
      </c>
      <c r="F37421" s="14" t="s">
        <v>53</v>
      </c>
      <c r="G37421" s="16">
        <v>2.4282422003079263</v>
      </c>
    </row>
    <row r="37422" spans="1:7" x14ac:dyDescent="0.3">
      <c r="A37422" s="13" t="s">
        <v>224</v>
      </c>
      <c r="B37422" s="14" t="s">
        <v>1</v>
      </c>
      <c r="C37422" s="14" t="s">
        <v>23</v>
      </c>
      <c r="D37422" s="14" t="s">
        <v>225</v>
      </c>
      <c r="E37422" s="15">
        <v>45568</v>
      </c>
      <c r="F37422" s="14" t="s">
        <v>53</v>
      </c>
      <c r="G37422" s="16">
        <v>2.4598041198283744</v>
      </c>
    </row>
    <row r="37423" spans="1:7" x14ac:dyDescent="0.3">
      <c r="A37423" s="13" t="s">
        <v>224</v>
      </c>
      <c r="B37423" s="14" t="s">
        <v>1</v>
      </c>
      <c r="C37423" s="14" t="s">
        <v>23</v>
      </c>
      <c r="D37423" s="14" t="s">
        <v>225</v>
      </c>
      <c r="E37423" s="15">
        <v>45569</v>
      </c>
      <c r="F37423" s="14" t="s">
        <v>53</v>
      </c>
      <c r="G37423" s="16">
        <v>2.4742189029103332</v>
      </c>
    </row>
    <row r="37424" spans="1:7" x14ac:dyDescent="0.3">
      <c r="A37424" s="13" t="s">
        <v>224</v>
      </c>
      <c r="B37424" s="14" t="s">
        <v>1</v>
      </c>
      <c r="C37424" s="14" t="s">
        <v>23</v>
      </c>
      <c r="D37424" s="14" t="s">
        <v>225</v>
      </c>
      <c r="E37424" s="15">
        <v>45570</v>
      </c>
      <c r="F37424" s="14" t="s">
        <v>53</v>
      </c>
      <c r="G37424" s="16">
        <v>2.4742189029103332</v>
      </c>
    </row>
    <row r="37425" spans="1:7" x14ac:dyDescent="0.3">
      <c r="A37425" s="13" t="s">
        <v>224</v>
      </c>
      <c r="B37425" s="14" t="s">
        <v>1</v>
      </c>
      <c r="C37425" s="14" t="s">
        <v>23</v>
      </c>
      <c r="D37425" s="14" t="s">
        <v>225</v>
      </c>
      <c r="E37425" s="15">
        <v>45571</v>
      </c>
      <c r="F37425" s="14" t="s">
        <v>53</v>
      </c>
      <c r="G37425" s="16">
        <v>2.4742189029103332</v>
      </c>
    </row>
    <row r="37426" spans="1:7" x14ac:dyDescent="0.3">
      <c r="A37426" s="13" t="s">
        <v>224</v>
      </c>
      <c r="B37426" s="14" t="s">
        <v>1</v>
      </c>
      <c r="C37426" s="14" t="s">
        <v>23</v>
      </c>
      <c r="D37426" s="14" t="s">
        <v>225</v>
      </c>
      <c r="E37426" s="15">
        <v>45572</v>
      </c>
      <c r="F37426" s="14" t="s">
        <v>53</v>
      </c>
      <c r="G37426" s="16">
        <v>2.5174040571174698</v>
      </c>
    </row>
    <row r="37427" spans="1:7" x14ac:dyDescent="0.3">
      <c r="A37427" s="13" t="s">
        <v>224</v>
      </c>
      <c r="B37427" s="14" t="s">
        <v>1</v>
      </c>
      <c r="C37427" s="14" t="s">
        <v>23</v>
      </c>
      <c r="D37427" s="14" t="s">
        <v>225</v>
      </c>
      <c r="E37427" s="15">
        <v>45573</v>
      </c>
      <c r="F37427" s="14" t="s">
        <v>53</v>
      </c>
      <c r="G37427" s="16">
        <v>2.5580452293442471</v>
      </c>
    </row>
    <row r="37428" spans="1:7" x14ac:dyDescent="0.3">
      <c r="A37428" s="13" t="s">
        <v>224</v>
      </c>
      <c r="B37428" s="14" t="s">
        <v>1</v>
      </c>
      <c r="C37428" s="14" t="s">
        <v>23</v>
      </c>
      <c r="D37428" s="14" t="s">
        <v>225</v>
      </c>
      <c r="E37428" s="15">
        <v>45574</v>
      </c>
      <c r="F37428" s="14" t="s">
        <v>53</v>
      </c>
      <c r="G37428" s="16">
        <v>2.5788641017862037</v>
      </c>
    </row>
    <row r="37429" spans="1:7" x14ac:dyDescent="0.3">
      <c r="A37429" s="13" t="s">
        <v>224</v>
      </c>
      <c r="B37429" s="14" t="s">
        <v>1</v>
      </c>
      <c r="C37429" s="14" t="s">
        <v>23</v>
      </c>
      <c r="D37429" s="14" t="s">
        <v>225</v>
      </c>
      <c r="E37429" s="15">
        <v>45575</v>
      </c>
      <c r="F37429" s="14" t="s">
        <v>53</v>
      </c>
      <c r="G37429" s="16">
        <v>2.5950202747963589</v>
      </c>
    </row>
    <row r="37430" spans="1:7" x14ac:dyDescent="0.3">
      <c r="A37430" s="13" t="s">
        <v>224</v>
      </c>
      <c r="B37430" s="14" t="s">
        <v>1</v>
      </c>
      <c r="C37430" s="14" t="s">
        <v>23</v>
      </c>
      <c r="D37430" s="14" t="s">
        <v>225</v>
      </c>
      <c r="E37430" s="15">
        <v>45576</v>
      </c>
      <c r="F37430" s="14" t="s">
        <v>53</v>
      </c>
      <c r="G37430" s="16">
        <v>2.6072920225705212</v>
      </c>
    </row>
    <row r="37431" spans="1:7" x14ac:dyDescent="0.3">
      <c r="A37431" s="13" t="s">
        <v>224</v>
      </c>
      <c r="B37431" s="14" t="s">
        <v>1</v>
      </c>
      <c r="C37431" s="14" t="s">
        <v>23</v>
      </c>
      <c r="D37431" s="14" t="s">
        <v>225</v>
      </c>
      <c r="E37431" s="15">
        <v>45577</v>
      </c>
      <c r="F37431" s="14" t="s">
        <v>53</v>
      </c>
      <c r="G37431" s="16">
        <v>2.6072920225705212</v>
      </c>
    </row>
    <row r="37432" spans="1:7" x14ac:dyDescent="0.3">
      <c r="A37432" s="13" t="s">
        <v>224</v>
      </c>
      <c r="B37432" s="14" t="s">
        <v>1</v>
      </c>
      <c r="C37432" s="14" t="s">
        <v>23</v>
      </c>
      <c r="D37432" s="14" t="s">
        <v>225</v>
      </c>
      <c r="E37432" s="15">
        <v>45578</v>
      </c>
      <c r="F37432" s="14" t="s">
        <v>53</v>
      </c>
      <c r="G37432" s="16">
        <v>2.6072920225705212</v>
      </c>
    </row>
    <row r="37433" spans="1:7" x14ac:dyDescent="0.3">
      <c r="A37433" s="13" t="s">
        <v>224</v>
      </c>
      <c r="B37433" s="14" t="s">
        <v>1</v>
      </c>
      <c r="C37433" s="14" t="s">
        <v>23</v>
      </c>
      <c r="D37433" s="14" t="s">
        <v>225</v>
      </c>
      <c r="E37433" s="15">
        <v>45579</v>
      </c>
      <c r="F37433" s="14" t="s">
        <v>53</v>
      </c>
      <c r="G37433" s="16">
        <v>2.6072920225705212</v>
      </c>
    </row>
    <row r="37434" spans="1:7" x14ac:dyDescent="0.3">
      <c r="A37434" s="13" t="s">
        <v>224</v>
      </c>
      <c r="B37434" s="14" t="s">
        <v>1</v>
      </c>
      <c r="C37434" s="14" t="s">
        <v>23</v>
      </c>
      <c r="D37434" s="14" t="s">
        <v>225</v>
      </c>
      <c r="E37434" s="15">
        <v>45580</v>
      </c>
      <c r="F37434" s="14" t="s">
        <v>53</v>
      </c>
      <c r="G37434" s="16">
        <v>2.6202832144395294</v>
      </c>
    </row>
    <row r="37435" spans="1:7" x14ac:dyDescent="0.3">
      <c r="A37435" s="13" t="s">
        <v>224</v>
      </c>
      <c r="B37435" s="14" t="s">
        <v>1</v>
      </c>
      <c r="C37435" s="14" t="s">
        <v>23</v>
      </c>
      <c r="D37435" s="14" t="s">
        <v>225</v>
      </c>
      <c r="E37435" s="15">
        <v>45581</v>
      </c>
      <c r="F37435" s="14" t="s">
        <v>53</v>
      </c>
      <c r="G37435" s="16">
        <v>2.6935618158235832</v>
      </c>
    </row>
    <row r="37436" spans="1:7" x14ac:dyDescent="0.3">
      <c r="A37436" s="13" t="s">
        <v>224</v>
      </c>
      <c r="B37436" s="14" t="s">
        <v>1</v>
      </c>
      <c r="C37436" s="14" t="s">
        <v>23</v>
      </c>
      <c r="D37436" s="14" t="s">
        <v>225</v>
      </c>
      <c r="E37436" s="15">
        <v>45582</v>
      </c>
      <c r="F37436" s="14" t="s">
        <v>53</v>
      </c>
      <c r="G37436" s="16">
        <v>2.7028917658968652</v>
      </c>
    </row>
    <row r="37437" spans="1:7" x14ac:dyDescent="0.3">
      <c r="A37437" s="13" t="s">
        <v>224</v>
      </c>
      <c r="B37437" s="14" t="s">
        <v>1</v>
      </c>
      <c r="C37437" s="14" t="s">
        <v>23</v>
      </c>
      <c r="D37437" s="14" t="s">
        <v>225</v>
      </c>
      <c r="E37437" s="15">
        <v>45583</v>
      </c>
      <c r="F37437" s="14" t="s">
        <v>53</v>
      </c>
      <c r="G37437" s="16">
        <v>2.7079016530163651</v>
      </c>
    </row>
    <row r="37438" spans="1:7" x14ac:dyDescent="0.3">
      <c r="A37438" s="13" t="s">
        <v>224</v>
      </c>
      <c r="B37438" s="14" t="s">
        <v>1</v>
      </c>
      <c r="C37438" s="14" t="s">
        <v>23</v>
      </c>
      <c r="D37438" s="14" t="s">
        <v>225</v>
      </c>
      <c r="E37438" s="15">
        <v>45584</v>
      </c>
      <c r="F37438" s="14" t="s">
        <v>53</v>
      </c>
      <c r="G37438" s="16">
        <v>2.7079016530163651</v>
      </c>
    </row>
    <row r="37439" spans="1:7" x14ac:dyDescent="0.3">
      <c r="A37439" s="13" t="s">
        <v>224</v>
      </c>
      <c r="B37439" s="14" t="s">
        <v>1</v>
      </c>
      <c r="C37439" s="14" t="s">
        <v>23</v>
      </c>
      <c r="D37439" s="14" t="s">
        <v>225</v>
      </c>
      <c r="E37439" s="15">
        <v>45585</v>
      </c>
      <c r="F37439" s="14" t="s">
        <v>53</v>
      </c>
      <c r="G37439" s="16">
        <v>2.7079016530163651</v>
      </c>
    </row>
    <row r="37440" spans="1:7" x14ac:dyDescent="0.3">
      <c r="A37440" s="13" t="s">
        <v>224</v>
      </c>
      <c r="B37440" s="14" t="s">
        <v>1</v>
      </c>
      <c r="C37440" s="14" t="s">
        <v>23</v>
      </c>
      <c r="D37440" s="14" t="s">
        <v>225</v>
      </c>
      <c r="E37440" s="15">
        <v>45586</v>
      </c>
      <c r="F37440" s="14" t="s">
        <v>53</v>
      </c>
      <c r="G37440" s="16">
        <v>2.7353353357288221</v>
      </c>
    </row>
    <row r="37441" spans="1:7" x14ac:dyDescent="0.3">
      <c r="A37441" s="13" t="s">
        <v>224</v>
      </c>
      <c r="B37441" s="14" t="s">
        <v>1</v>
      </c>
      <c r="C37441" s="14" t="s">
        <v>23</v>
      </c>
      <c r="D37441" s="14" t="s">
        <v>225</v>
      </c>
      <c r="E37441" s="15">
        <v>45587</v>
      </c>
      <c r="F37441" s="14" t="s">
        <v>53</v>
      </c>
      <c r="G37441" s="16">
        <v>2.7774081499638683</v>
      </c>
    </row>
    <row r="37442" spans="1:7" x14ac:dyDescent="0.3">
      <c r="A37442" s="13" t="s">
        <v>224</v>
      </c>
      <c r="B37442" s="14" t="s">
        <v>1</v>
      </c>
      <c r="C37442" s="14" t="s">
        <v>23</v>
      </c>
      <c r="D37442" s="14" t="s">
        <v>225</v>
      </c>
      <c r="E37442" s="15">
        <v>45588</v>
      </c>
      <c r="F37442" s="14" t="s">
        <v>53</v>
      </c>
      <c r="G37442" s="16">
        <v>2.804735193036382</v>
      </c>
    </row>
    <row r="37443" spans="1:7" x14ac:dyDescent="0.3">
      <c r="A37443" s="13" t="s">
        <v>224</v>
      </c>
      <c r="B37443" s="14" t="s">
        <v>1</v>
      </c>
      <c r="C37443" s="14" t="s">
        <v>23</v>
      </c>
      <c r="D37443" s="14" t="s">
        <v>225</v>
      </c>
      <c r="E37443" s="15">
        <v>45589</v>
      </c>
      <c r="F37443" s="14" t="s">
        <v>53</v>
      </c>
      <c r="G37443" s="16">
        <v>2.80672873939448</v>
      </c>
    </row>
    <row r="37444" spans="1:7" x14ac:dyDescent="0.3">
      <c r="A37444" s="13" t="s">
        <v>224</v>
      </c>
      <c r="B37444" s="14" t="s">
        <v>1</v>
      </c>
      <c r="C37444" s="14" t="s">
        <v>23</v>
      </c>
      <c r="D37444" s="14" t="s">
        <v>225</v>
      </c>
      <c r="E37444" s="15">
        <v>45590</v>
      </c>
      <c r="F37444" s="14" t="s">
        <v>53</v>
      </c>
      <c r="G37444" s="16">
        <v>2.8225804230161846</v>
      </c>
    </row>
    <row r="37445" spans="1:7" x14ac:dyDescent="0.3">
      <c r="A37445" s="13" t="s">
        <v>224</v>
      </c>
      <c r="B37445" s="14" t="s">
        <v>1</v>
      </c>
      <c r="C37445" s="14" t="s">
        <v>23</v>
      </c>
      <c r="D37445" s="14" t="s">
        <v>225</v>
      </c>
      <c r="E37445" s="15">
        <v>45591</v>
      </c>
      <c r="F37445" s="14" t="s">
        <v>53</v>
      </c>
      <c r="G37445" s="16">
        <v>2.8225804230161846</v>
      </c>
    </row>
    <row r="37446" spans="1:7" x14ac:dyDescent="0.3">
      <c r="A37446" s="13" t="s">
        <v>224</v>
      </c>
      <c r="B37446" s="14" t="s">
        <v>1</v>
      </c>
      <c r="C37446" s="14" t="s">
        <v>23</v>
      </c>
      <c r="D37446" s="14" t="s">
        <v>225</v>
      </c>
      <c r="E37446" s="15">
        <v>45592</v>
      </c>
      <c r="F37446" s="14" t="s">
        <v>53</v>
      </c>
      <c r="G37446" s="16">
        <v>2.8225804230161846</v>
      </c>
    </row>
    <row r="37447" spans="1:7" x14ac:dyDescent="0.3">
      <c r="A37447" s="13" t="s">
        <v>224</v>
      </c>
      <c r="B37447" s="14" t="s">
        <v>1</v>
      </c>
      <c r="C37447" s="14" t="s">
        <v>23</v>
      </c>
      <c r="D37447" s="14" t="s">
        <v>225</v>
      </c>
      <c r="E37447" s="15">
        <v>45593</v>
      </c>
      <c r="F37447" s="14" t="s">
        <v>53</v>
      </c>
      <c r="G37447" s="16">
        <v>2.8225804230161846</v>
      </c>
    </row>
    <row r="37448" spans="1:7" x14ac:dyDescent="0.3">
      <c r="A37448" s="13" t="s">
        <v>224</v>
      </c>
      <c r="B37448" s="14" t="s">
        <v>1</v>
      </c>
      <c r="C37448" s="14" t="s">
        <v>23</v>
      </c>
      <c r="D37448" s="14" t="s">
        <v>225</v>
      </c>
      <c r="E37448" s="15">
        <v>45594</v>
      </c>
      <c r="F37448" s="14" t="s">
        <v>53</v>
      </c>
      <c r="G37448" s="16">
        <v>2.827978548993102</v>
      </c>
    </row>
    <row r="37449" spans="1:7" x14ac:dyDescent="0.3">
      <c r="A37449" s="13" t="s">
        <v>224</v>
      </c>
      <c r="B37449" s="14" t="s">
        <v>1</v>
      </c>
      <c r="C37449" s="14" t="s">
        <v>23</v>
      </c>
      <c r="D37449" s="14" t="s">
        <v>225</v>
      </c>
      <c r="E37449" s="15">
        <v>45595</v>
      </c>
      <c r="F37449" s="14" t="s">
        <v>53</v>
      </c>
      <c r="G37449" s="16">
        <v>2.8930557742052145</v>
      </c>
    </row>
    <row r="37450" spans="1:7" x14ac:dyDescent="0.3">
      <c r="A37450" s="13" t="s">
        <v>224</v>
      </c>
      <c r="B37450" s="14" t="s">
        <v>1</v>
      </c>
      <c r="C37450" s="14" t="s">
        <v>23</v>
      </c>
      <c r="D37450" s="14" t="s">
        <v>225</v>
      </c>
      <c r="E37450" s="15">
        <v>45596</v>
      </c>
      <c r="F37450" s="14" t="s">
        <v>53</v>
      </c>
      <c r="G37450" s="16">
        <v>2.9091160494389507</v>
      </c>
    </row>
    <row r="37451" spans="1:7" x14ac:dyDescent="0.3">
      <c r="A37451" s="13" t="s">
        <v>224</v>
      </c>
      <c r="B37451" s="14" t="s">
        <v>1</v>
      </c>
      <c r="C37451" s="14" t="s">
        <v>23</v>
      </c>
      <c r="D37451" s="14" t="s">
        <v>225</v>
      </c>
      <c r="E37451" s="15">
        <v>45597</v>
      </c>
      <c r="F37451" s="14" t="s">
        <v>53</v>
      </c>
      <c r="G37451" s="16">
        <v>2.9157712781853777</v>
      </c>
    </row>
    <row r="37452" spans="1:7" x14ac:dyDescent="0.3">
      <c r="A37452" s="13" t="s">
        <v>224</v>
      </c>
      <c r="B37452" s="14" t="s">
        <v>1</v>
      </c>
      <c r="C37452" s="14" t="s">
        <v>23</v>
      </c>
      <c r="D37452" s="14" t="s">
        <v>225</v>
      </c>
      <c r="E37452" s="15">
        <v>45598</v>
      </c>
      <c r="F37452" s="14" t="s">
        <v>53</v>
      </c>
      <c r="G37452" s="16">
        <v>2.9157712781853777</v>
      </c>
    </row>
    <row r="37453" spans="1:7" x14ac:dyDescent="0.3">
      <c r="A37453" s="13" t="s">
        <v>224</v>
      </c>
      <c r="B37453" s="14" t="s">
        <v>1</v>
      </c>
      <c r="C37453" s="14" t="s">
        <v>23</v>
      </c>
      <c r="D37453" s="14" t="s">
        <v>225</v>
      </c>
      <c r="E37453" s="15">
        <v>45599</v>
      </c>
      <c r="F37453" s="14" t="s">
        <v>53</v>
      </c>
      <c r="G37453" s="16">
        <v>2.9157712781853777</v>
      </c>
    </row>
    <row r="37454" spans="1:7" x14ac:dyDescent="0.3">
      <c r="A37454" s="13" t="s">
        <v>224</v>
      </c>
      <c r="B37454" s="14" t="s">
        <v>1</v>
      </c>
      <c r="C37454" s="14" t="s">
        <v>23</v>
      </c>
      <c r="D37454" s="14" t="s">
        <v>225</v>
      </c>
      <c r="E37454" s="15">
        <v>45600</v>
      </c>
      <c r="F37454" s="14" t="s">
        <v>53</v>
      </c>
      <c r="G37454" s="16">
        <v>2.9140599228383031</v>
      </c>
    </row>
    <row r="37455" spans="1:7" x14ac:dyDescent="0.3">
      <c r="A37455" s="13" t="s">
        <v>224</v>
      </c>
      <c r="B37455" s="14" t="s">
        <v>1</v>
      </c>
      <c r="C37455" s="14" t="s">
        <v>23</v>
      </c>
      <c r="D37455" s="14" t="s">
        <v>225</v>
      </c>
      <c r="E37455" s="15">
        <v>45601</v>
      </c>
      <c r="F37455" s="14" t="s">
        <v>53</v>
      </c>
      <c r="G37455" s="16">
        <v>2.9365568150897134</v>
      </c>
    </row>
    <row r="37456" spans="1:7" x14ac:dyDescent="0.3">
      <c r="A37456" s="13" t="s">
        <v>224</v>
      </c>
      <c r="B37456" s="14" t="s">
        <v>1</v>
      </c>
      <c r="C37456" s="14" t="s">
        <v>23</v>
      </c>
      <c r="D37456" s="14" t="s">
        <v>225</v>
      </c>
      <c r="E37456" s="15">
        <v>45602</v>
      </c>
      <c r="F37456" s="14" t="s">
        <v>53</v>
      </c>
      <c r="G37456" s="16">
        <v>2.9875590314801781</v>
      </c>
    </row>
    <row r="37457" spans="1:7" x14ac:dyDescent="0.3">
      <c r="A37457" s="13" t="s">
        <v>224</v>
      </c>
      <c r="B37457" s="14" t="s">
        <v>1</v>
      </c>
      <c r="C37457" s="14" t="s">
        <v>23</v>
      </c>
      <c r="D37457" s="14" t="s">
        <v>225</v>
      </c>
      <c r="E37457" s="15">
        <v>45603</v>
      </c>
      <c r="F37457" s="14" t="s">
        <v>53</v>
      </c>
      <c r="G37457" s="16">
        <v>2.9781843973090232</v>
      </c>
    </row>
    <row r="37458" spans="1:7" x14ac:dyDescent="0.3">
      <c r="A37458" s="13" t="s">
        <v>224</v>
      </c>
      <c r="B37458" s="14" t="s">
        <v>1</v>
      </c>
      <c r="C37458" s="14" t="s">
        <v>23</v>
      </c>
      <c r="D37458" s="14" t="s">
        <v>225</v>
      </c>
      <c r="E37458" s="15">
        <v>45604</v>
      </c>
      <c r="F37458" s="14" t="s">
        <v>53</v>
      </c>
      <c r="G37458" s="16">
        <v>3.0067483221235154</v>
      </c>
    </row>
    <row r="37459" spans="1:7" x14ac:dyDescent="0.3">
      <c r="A37459" s="13" t="s">
        <v>224</v>
      </c>
      <c r="B37459" s="14" t="s">
        <v>1</v>
      </c>
      <c r="C37459" s="14" t="s">
        <v>23</v>
      </c>
      <c r="D37459" s="14" t="s">
        <v>225</v>
      </c>
      <c r="E37459" s="15">
        <v>45605</v>
      </c>
      <c r="F37459" s="14" t="s">
        <v>53</v>
      </c>
      <c r="G37459" s="16">
        <v>3.0067483221235154</v>
      </c>
    </row>
    <row r="37460" spans="1:7" x14ac:dyDescent="0.3">
      <c r="A37460" s="13" t="s">
        <v>224</v>
      </c>
      <c r="B37460" s="14" t="s">
        <v>1</v>
      </c>
      <c r="C37460" s="14" t="s">
        <v>23</v>
      </c>
      <c r="D37460" s="14" t="s">
        <v>225</v>
      </c>
      <c r="E37460" s="15">
        <v>45606</v>
      </c>
      <c r="F37460" s="14" t="s">
        <v>53</v>
      </c>
      <c r="G37460" s="16">
        <v>3.0067483221235154</v>
      </c>
    </row>
    <row r="37461" spans="1:7" x14ac:dyDescent="0.3">
      <c r="A37461" s="13" t="s">
        <v>224</v>
      </c>
      <c r="B37461" s="14" t="s">
        <v>1</v>
      </c>
      <c r="C37461" s="14" t="s">
        <v>23</v>
      </c>
      <c r="D37461" s="14" t="s">
        <v>225</v>
      </c>
      <c r="E37461" s="15">
        <v>45607</v>
      </c>
      <c r="F37461" s="14" t="s">
        <v>53</v>
      </c>
      <c r="G37461" s="16">
        <v>3.0067483221235154</v>
      </c>
    </row>
    <row r="37462" spans="1:7" x14ac:dyDescent="0.3">
      <c r="A37462" s="13" t="s">
        <v>224</v>
      </c>
      <c r="B37462" s="14" t="s">
        <v>1</v>
      </c>
      <c r="C37462" s="14" t="s">
        <v>23</v>
      </c>
      <c r="D37462" s="14" t="s">
        <v>225</v>
      </c>
      <c r="E37462" s="15">
        <v>45608</v>
      </c>
      <c r="F37462" s="14" t="s">
        <v>53</v>
      </c>
      <c r="G37462" s="16">
        <v>3.0618024237275385</v>
      </c>
    </row>
    <row r="37463" spans="1:7" x14ac:dyDescent="0.3">
      <c r="A37463" s="13" t="s">
        <v>224</v>
      </c>
      <c r="B37463" s="14" t="s">
        <v>1</v>
      </c>
      <c r="C37463" s="14" t="s">
        <v>23</v>
      </c>
      <c r="D37463" s="14" t="s">
        <v>225</v>
      </c>
      <c r="E37463" s="15">
        <v>45609</v>
      </c>
      <c r="F37463" s="14" t="s">
        <v>53</v>
      </c>
      <c r="G37463" s="16">
        <v>3.1388812455807247</v>
      </c>
    </row>
    <row r="37464" spans="1:7" x14ac:dyDescent="0.3">
      <c r="A37464" s="13" t="s">
        <v>224</v>
      </c>
      <c r="B37464" s="14" t="s">
        <v>1</v>
      </c>
      <c r="C37464" s="14" t="s">
        <v>23</v>
      </c>
      <c r="D37464" s="14" t="s">
        <v>225</v>
      </c>
      <c r="E37464" s="15">
        <v>45610</v>
      </c>
      <c r="F37464" s="14" t="s">
        <v>53</v>
      </c>
      <c r="G37464" s="16">
        <v>3.1635124023945864</v>
      </c>
    </row>
    <row r="37465" spans="1:7" x14ac:dyDescent="0.3">
      <c r="A37465" s="13" t="s">
        <v>224</v>
      </c>
      <c r="B37465" s="14" t="s">
        <v>1</v>
      </c>
      <c r="C37465" s="14" t="s">
        <v>23</v>
      </c>
      <c r="D37465" s="14" t="s">
        <v>225</v>
      </c>
      <c r="E37465" s="15">
        <v>45611</v>
      </c>
      <c r="F37465" s="14" t="s">
        <v>53</v>
      </c>
      <c r="G37465" s="16">
        <v>3.1878171405976787</v>
      </c>
    </row>
    <row r="37466" spans="1:7" x14ac:dyDescent="0.3">
      <c r="A37466" s="13" t="s">
        <v>224</v>
      </c>
      <c r="B37466" s="14" t="s">
        <v>1</v>
      </c>
      <c r="C37466" s="14" t="s">
        <v>23</v>
      </c>
      <c r="D37466" s="14" t="s">
        <v>225</v>
      </c>
      <c r="E37466" s="15">
        <v>45612</v>
      </c>
      <c r="F37466" s="14" t="s">
        <v>53</v>
      </c>
      <c r="G37466" s="16">
        <v>3.1878171405976787</v>
      </c>
    </row>
    <row r="37467" spans="1:7" x14ac:dyDescent="0.3">
      <c r="A37467" s="13" t="s">
        <v>224</v>
      </c>
      <c r="B37467" s="14" t="s">
        <v>1</v>
      </c>
      <c r="C37467" s="14" t="s">
        <v>23</v>
      </c>
      <c r="D37467" s="14" t="s">
        <v>225</v>
      </c>
      <c r="E37467" s="15">
        <v>45613</v>
      </c>
      <c r="F37467" s="14" t="s">
        <v>53</v>
      </c>
      <c r="G37467" s="16">
        <v>3.1878171405976787</v>
      </c>
    </row>
    <row r="37468" spans="1:7" x14ac:dyDescent="0.3">
      <c r="A37468" s="13" t="s">
        <v>224</v>
      </c>
      <c r="B37468" s="14" t="s">
        <v>1</v>
      </c>
      <c r="C37468" s="14" t="s">
        <v>23</v>
      </c>
      <c r="D37468" s="14" t="s">
        <v>225</v>
      </c>
      <c r="E37468" s="15">
        <v>45614</v>
      </c>
      <c r="F37468" s="14" t="s">
        <v>53</v>
      </c>
      <c r="G37468" s="16">
        <v>3.1863442588042994</v>
      </c>
    </row>
    <row r="37469" spans="1:7" x14ac:dyDescent="0.3">
      <c r="A37469" s="13" t="s">
        <v>224</v>
      </c>
      <c r="B37469" s="14" t="s">
        <v>1</v>
      </c>
      <c r="C37469" s="14" t="s">
        <v>23</v>
      </c>
      <c r="D37469" s="14" t="s">
        <v>225</v>
      </c>
      <c r="E37469" s="15">
        <v>45615</v>
      </c>
      <c r="F37469" s="14" t="s">
        <v>53</v>
      </c>
      <c r="G37469" s="16">
        <v>3.225769707910068</v>
      </c>
    </row>
    <row r="37470" spans="1:7" x14ac:dyDescent="0.3">
      <c r="A37470" s="13" t="s">
        <v>224</v>
      </c>
      <c r="B37470" s="14" t="s">
        <v>1</v>
      </c>
      <c r="C37470" s="14" t="s">
        <v>23</v>
      </c>
      <c r="D37470" s="14" t="s">
        <v>225</v>
      </c>
      <c r="E37470" s="15">
        <v>45616</v>
      </c>
      <c r="F37470" s="14" t="s">
        <v>53</v>
      </c>
      <c r="G37470" s="16">
        <v>3.2467081962137132</v>
      </c>
    </row>
    <row r="37471" spans="1:7" x14ac:dyDescent="0.3">
      <c r="A37471" s="13" t="s">
        <v>224</v>
      </c>
      <c r="B37471" s="14" t="s">
        <v>1</v>
      </c>
      <c r="C37471" s="14" t="s">
        <v>23</v>
      </c>
      <c r="D37471" s="14" t="s">
        <v>225</v>
      </c>
      <c r="E37471" s="15">
        <v>45617</v>
      </c>
      <c r="F37471" s="14" t="s">
        <v>53</v>
      </c>
      <c r="G37471" s="16">
        <v>3.2766723158243334</v>
      </c>
    </row>
    <row r="37472" spans="1:7" x14ac:dyDescent="0.3">
      <c r="A37472" s="13" t="s">
        <v>224</v>
      </c>
      <c r="B37472" s="14" t="s">
        <v>1</v>
      </c>
      <c r="C37472" s="14" t="s">
        <v>23</v>
      </c>
      <c r="D37472" s="14" t="s">
        <v>225</v>
      </c>
      <c r="E37472" s="15">
        <v>45618</v>
      </c>
      <c r="F37472" s="14" t="s">
        <v>53</v>
      </c>
      <c r="G37472" s="16">
        <v>3.3051927773933656</v>
      </c>
    </row>
    <row r="37473" spans="1:7" x14ac:dyDescent="0.3">
      <c r="A37473" s="13" t="s">
        <v>224</v>
      </c>
      <c r="B37473" s="14" t="s">
        <v>1</v>
      </c>
      <c r="C37473" s="14" t="s">
        <v>23</v>
      </c>
      <c r="D37473" s="14" t="s">
        <v>225</v>
      </c>
      <c r="E37473" s="15">
        <v>45619</v>
      </c>
      <c r="F37473" s="14" t="s">
        <v>53</v>
      </c>
      <c r="G37473" s="16">
        <v>3.3051927773933656</v>
      </c>
    </row>
    <row r="37474" spans="1:7" x14ac:dyDescent="0.3">
      <c r="A37474" s="13" t="s">
        <v>224</v>
      </c>
      <c r="B37474" s="14" t="s">
        <v>1</v>
      </c>
      <c r="C37474" s="14" t="s">
        <v>23</v>
      </c>
      <c r="D37474" s="14" t="s">
        <v>225</v>
      </c>
      <c r="E37474" s="15">
        <v>45620</v>
      </c>
      <c r="F37474" s="14" t="s">
        <v>53</v>
      </c>
      <c r="G37474" s="16">
        <v>3.3051927773933656</v>
      </c>
    </row>
    <row r="37475" spans="1:7" x14ac:dyDescent="0.3">
      <c r="A37475" s="13" t="s">
        <v>224</v>
      </c>
      <c r="B37475" s="14" t="s">
        <v>1</v>
      </c>
      <c r="C37475" s="14" t="s">
        <v>23</v>
      </c>
      <c r="D37475" s="14" t="s">
        <v>225</v>
      </c>
      <c r="E37475" s="15">
        <v>45621</v>
      </c>
      <c r="F37475" s="14" t="s">
        <v>53</v>
      </c>
      <c r="G37475" s="16">
        <v>3.3085789454630343</v>
      </c>
    </row>
    <row r="37476" spans="1:7" x14ac:dyDescent="0.3">
      <c r="A37476" s="13" t="s">
        <v>224</v>
      </c>
      <c r="B37476" s="14" t="s">
        <v>1</v>
      </c>
      <c r="C37476" s="14" t="s">
        <v>23</v>
      </c>
      <c r="D37476" s="14" t="s">
        <v>225</v>
      </c>
      <c r="E37476" s="15">
        <v>45622</v>
      </c>
      <c r="F37476" s="14" t="s">
        <v>53</v>
      </c>
      <c r="G37476" s="16">
        <v>3.3492309581654105</v>
      </c>
    </row>
    <row r="37477" spans="1:7" x14ac:dyDescent="0.3">
      <c r="A37477" s="13" t="s">
        <v>224</v>
      </c>
      <c r="B37477" s="14" t="s">
        <v>1</v>
      </c>
      <c r="C37477" s="14" t="s">
        <v>23</v>
      </c>
      <c r="D37477" s="14" t="s">
        <v>225</v>
      </c>
      <c r="E37477" s="15">
        <v>45623</v>
      </c>
      <c r="F37477" s="14" t="s">
        <v>53</v>
      </c>
      <c r="G37477" s="16">
        <v>3.3332780759265019</v>
      </c>
    </row>
    <row r="37478" spans="1:7" x14ac:dyDescent="0.3">
      <c r="A37478" s="13" t="s">
        <v>224</v>
      </c>
      <c r="B37478" s="14" t="s">
        <v>1</v>
      </c>
      <c r="C37478" s="14" t="s">
        <v>23</v>
      </c>
      <c r="D37478" s="14" t="s">
        <v>225</v>
      </c>
      <c r="E37478" s="15">
        <v>45624</v>
      </c>
      <c r="F37478" s="14" t="s">
        <v>53</v>
      </c>
      <c r="G37478" s="16">
        <v>3.3332780759265019</v>
      </c>
    </row>
    <row r="37479" spans="1:7" x14ac:dyDescent="0.3">
      <c r="A37479" s="13" t="s">
        <v>224</v>
      </c>
      <c r="B37479" s="14" t="s">
        <v>1</v>
      </c>
      <c r="C37479" s="14" t="s">
        <v>23</v>
      </c>
      <c r="D37479" s="14" t="s">
        <v>225</v>
      </c>
      <c r="E37479" s="15">
        <v>45625</v>
      </c>
      <c r="F37479" s="14" t="s">
        <v>53</v>
      </c>
      <c r="G37479" s="16">
        <v>3.3353872199649688</v>
      </c>
    </row>
    <row r="37480" spans="1:7" x14ac:dyDescent="0.3">
      <c r="A37480" s="13" t="s">
        <v>224</v>
      </c>
      <c r="B37480" s="14" t="s">
        <v>1</v>
      </c>
      <c r="C37480" s="14" t="s">
        <v>23</v>
      </c>
      <c r="D37480" s="14" t="s">
        <v>225</v>
      </c>
      <c r="E37480" s="15">
        <v>45626</v>
      </c>
      <c r="F37480" s="14" t="s">
        <v>53</v>
      </c>
      <c r="G37480" s="16">
        <v>3.3353872199649688</v>
      </c>
    </row>
    <row r="37481" spans="1:7" x14ac:dyDescent="0.3">
      <c r="A37481" s="13" t="s">
        <v>224</v>
      </c>
      <c r="B37481" s="14" t="s">
        <v>1</v>
      </c>
      <c r="C37481" s="14" t="s">
        <v>23</v>
      </c>
      <c r="D37481" s="14" t="s">
        <v>225</v>
      </c>
      <c r="E37481" s="15">
        <v>45627</v>
      </c>
      <c r="F37481" s="14" t="s">
        <v>53</v>
      </c>
      <c r="G37481" s="16">
        <v>3.3353872199649688</v>
      </c>
    </row>
    <row r="37482" spans="1:7" x14ac:dyDescent="0.3">
      <c r="A37482" s="13" t="s">
        <v>224</v>
      </c>
      <c r="B37482" s="14" t="s">
        <v>1</v>
      </c>
      <c r="C37482" s="14" t="s">
        <v>23</v>
      </c>
      <c r="D37482" s="14" t="s">
        <v>225</v>
      </c>
      <c r="E37482" s="15">
        <v>45628</v>
      </c>
      <c r="F37482" s="14" t="s">
        <v>53</v>
      </c>
      <c r="G37482" s="16">
        <v>3.3841072727767854</v>
      </c>
    </row>
    <row r="37483" spans="1:7" x14ac:dyDescent="0.3">
      <c r="A37483" s="13" t="s">
        <v>224</v>
      </c>
      <c r="B37483" s="14" t="s">
        <v>1</v>
      </c>
      <c r="C37483" s="14" t="s">
        <v>23</v>
      </c>
      <c r="D37483" s="14" t="s">
        <v>225</v>
      </c>
      <c r="E37483" s="15">
        <v>45629</v>
      </c>
      <c r="F37483" s="14" t="s">
        <v>53</v>
      </c>
      <c r="G37483" s="16">
        <v>3.4076852979189152</v>
      </c>
    </row>
    <row r="37484" spans="1:7" x14ac:dyDescent="0.3">
      <c r="A37484" s="13" t="s">
        <v>224</v>
      </c>
      <c r="B37484" s="14" t="s">
        <v>1</v>
      </c>
      <c r="C37484" s="14" t="s">
        <v>23</v>
      </c>
      <c r="D37484" s="14" t="s">
        <v>225</v>
      </c>
      <c r="E37484" s="15">
        <v>45630</v>
      </c>
      <c r="F37484" s="14" t="s">
        <v>53</v>
      </c>
      <c r="G37484" s="16">
        <v>3.4112587809128292</v>
      </c>
    </row>
    <row r="37485" spans="1:7" x14ac:dyDescent="0.3">
      <c r="A37485" s="13" t="s">
        <v>224</v>
      </c>
      <c r="B37485" s="14" t="s">
        <v>1</v>
      </c>
      <c r="C37485" s="14" t="s">
        <v>23</v>
      </c>
      <c r="D37485" s="14" t="s">
        <v>225</v>
      </c>
      <c r="E37485" s="15">
        <v>45631</v>
      </c>
      <c r="F37485" s="14" t="s">
        <v>53</v>
      </c>
      <c r="G37485" s="16">
        <v>3.4102650516348714</v>
      </c>
    </row>
    <row r="37486" spans="1:7" x14ac:dyDescent="0.3">
      <c r="A37486" s="13" t="s">
        <v>224</v>
      </c>
      <c r="B37486" s="14" t="s">
        <v>1</v>
      </c>
      <c r="C37486" s="14" t="s">
        <v>23</v>
      </c>
      <c r="D37486" s="14" t="s">
        <v>225</v>
      </c>
      <c r="E37486" s="15">
        <v>45632</v>
      </c>
      <c r="F37486" s="14" t="s">
        <v>53</v>
      </c>
      <c r="G37486" s="16">
        <v>3.4277265294031873</v>
      </c>
    </row>
    <row r="37487" spans="1:7" x14ac:dyDescent="0.3">
      <c r="A37487" s="13" t="s">
        <v>224</v>
      </c>
      <c r="B37487" s="14" t="s">
        <v>1</v>
      </c>
      <c r="C37487" s="14" t="s">
        <v>23</v>
      </c>
      <c r="D37487" s="14" t="s">
        <v>225</v>
      </c>
      <c r="E37487" s="15">
        <v>45633</v>
      </c>
      <c r="F37487" s="14" t="s">
        <v>53</v>
      </c>
      <c r="G37487" s="16">
        <v>3.4277265294031873</v>
      </c>
    </row>
    <row r="37488" spans="1:7" x14ac:dyDescent="0.3">
      <c r="A37488" s="13" t="s">
        <v>224</v>
      </c>
      <c r="B37488" s="14" t="s">
        <v>1</v>
      </c>
      <c r="C37488" s="14" t="s">
        <v>23</v>
      </c>
      <c r="D37488" s="14" t="s">
        <v>225</v>
      </c>
      <c r="E37488" s="15">
        <v>45634</v>
      </c>
      <c r="F37488" s="14" t="s">
        <v>53</v>
      </c>
      <c r="G37488" s="16">
        <v>3.4277265294031873</v>
      </c>
    </row>
    <row r="37489" spans="1:7" x14ac:dyDescent="0.3">
      <c r="A37489" s="13" t="s">
        <v>224</v>
      </c>
      <c r="B37489" s="14" t="s">
        <v>1</v>
      </c>
      <c r="C37489" s="14" t="s">
        <v>23</v>
      </c>
      <c r="D37489" s="14" t="s">
        <v>225</v>
      </c>
      <c r="E37489" s="15">
        <v>45635</v>
      </c>
      <c r="F37489" s="14" t="s">
        <v>53</v>
      </c>
      <c r="G37489" s="16">
        <v>3.4464534704194039</v>
      </c>
    </row>
    <row r="37490" spans="1:7" x14ac:dyDescent="0.3">
      <c r="A37490" s="13" t="s">
        <v>224</v>
      </c>
      <c r="B37490" s="14" t="s">
        <v>1</v>
      </c>
      <c r="C37490" s="14" t="s">
        <v>23</v>
      </c>
      <c r="D37490" s="14" t="s">
        <v>225</v>
      </c>
      <c r="E37490" s="15">
        <v>45636</v>
      </c>
      <c r="F37490" s="14" t="s">
        <v>53</v>
      </c>
      <c r="G37490" s="16">
        <v>3.4807457535889892</v>
      </c>
    </row>
    <row r="37491" spans="1:7" x14ac:dyDescent="0.3">
      <c r="A37491" s="13" t="s">
        <v>224</v>
      </c>
      <c r="B37491" s="14" t="s">
        <v>1</v>
      </c>
      <c r="C37491" s="14" t="s">
        <v>23</v>
      </c>
      <c r="D37491" s="14" t="s">
        <v>225</v>
      </c>
      <c r="E37491" s="15">
        <v>45637</v>
      </c>
      <c r="F37491" s="14" t="s">
        <v>53</v>
      </c>
      <c r="G37491" s="16">
        <v>3.4999632293603948</v>
      </c>
    </row>
    <row r="37492" spans="1:7" x14ac:dyDescent="0.3">
      <c r="A37492" s="13" t="s">
        <v>224</v>
      </c>
      <c r="B37492" s="14" t="s">
        <v>1</v>
      </c>
      <c r="C37492" s="14" t="s">
        <v>23</v>
      </c>
      <c r="D37492" s="14" t="s">
        <v>225</v>
      </c>
      <c r="E37492" s="15">
        <v>45638</v>
      </c>
      <c r="F37492" s="14" t="s">
        <v>53</v>
      </c>
      <c r="G37492" s="16">
        <v>3.5336611137119318</v>
      </c>
    </row>
    <row r="37493" spans="1:7" x14ac:dyDescent="0.3">
      <c r="A37493" s="13" t="s">
        <v>224</v>
      </c>
      <c r="B37493" s="14" t="s">
        <v>1</v>
      </c>
      <c r="C37493" s="14" t="s">
        <v>23</v>
      </c>
      <c r="D37493" s="14" t="s">
        <v>225</v>
      </c>
      <c r="E37493" s="15">
        <v>45639</v>
      </c>
      <c r="F37493" s="14" t="s">
        <v>53</v>
      </c>
      <c r="G37493" s="16">
        <v>3.5632153138210176</v>
      </c>
    </row>
    <row r="37494" spans="1:7" x14ac:dyDescent="0.3">
      <c r="A37494" s="13" t="s">
        <v>224</v>
      </c>
      <c r="B37494" s="14" t="s">
        <v>1</v>
      </c>
      <c r="C37494" s="14" t="s">
        <v>23</v>
      </c>
      <c r="D37494" s="14" t="s">
        <v>225</v>
      </c>
      <c r="E37494" s="15">
        <v>45640</v>
      </c>
      <c r="F37494" s="14" t="s">
        <v>53</v>
      </c>
      <c r="G37494" s="16">
        <v>3.5632153138210176</v>
      </c>
    </row>
    <row r="37495" spans="1:7" x14ac:dyDescent="0.3">
      <c r="A37495" s="13" t="s">
        <v>224</v>
      </c>
      <c r="B37495" s="14" t="s">
        <v>1</v>
      </c>
      <c r="C37495" s="14" t="s">
        <v>23</v>
      </c>
      <c r="D37495" s="14" t="s">
        <v>225</v>
      </c>
      <c r="E37495" s="15">
        <v>45641</v>
      </c>
      <c r="F37495" s="14" t="s">
        <v>53</v>
      </c>
      <c r="G37495" s="16">
        <v>3.5632153138210176</v>
      </c>
    </row>
    <row r="37496" spans="1:7" x14ac:dyDescent="0.3">
      <c r="A37496" s="13" t="s">
        <v>224</v>
      </c>
      <c r="B37496" s="14" t="s">
        <v>1</v>
      </c>
      <c r="C37496" s="14" t="s">
        <v>23</v>
      </c>
      <c r="D37496" s="14" t="s">
        <v>225</v>
      </c>
      <c r="E37496" s="15">
        <v>45642</v>
      </c>
      <c r="F37496" s="14" t="s">
        <v>53</v>
      </c>
      <c r="G37496" s="16">
        <v>3.5596521184478647</v>
      </c>
    </row>
    <row r="37497" spans="1:7" x14ac:dyDescent="0.3">
      <c r="A37497" s="13" t="s">
        <v>224</v>
      </c>
      <c r="B37497" s="14" t="s">
        <v>1</v>
      </c>
      <c r="C37497" s="14" t="s">
        <v>23</v>
      </c>
      <c r="D37497" s="14" t="s">
        <v>225</v>
      </c>
      <c r="E37497" s="15">
        <v>45643</v>
      </c>
      <c r="F37497" s="14" t="s">
        <v>53</v>
      </c>
      <c r="G37497" s="16">
        <v>3.591374793048328</v>
      </c>
    </row>
    <row r="37498" spans="1:7" x14ac:dyDescent="0.3">
      <c r="A37498" s="13" t="s">
        <v>224</v>
      </c>
      <c r="B37498" s="14" t="s">
        <v>1</v>
      </c>
      <c r="C37498" s="14" t="s">
        <v>23</v>
      </c>
      <c r="D37498" s="14" t="s">
        <v>225</v>
      </c>
      <c r="E37498" s="15">
        <v>45644</v>
      </c>
      <c r="F37498" s="14" t="s">
        <v>53</v>
      </c>
      <c r="G37498" s="16">
        <v>3.6444502196208513</v>
      </c>
    </row>
    <row r="37499" spans="1:7" x14ac:dyDescent="0.3">
      <c r="A37499" s="13" t="s">
        <v>224</v>
      </c>
      <c r="B37499" s="14" t="s">
        <v>1</v>
      </c>
      <c r="C37499" s="14" t="s">
        <v>23</v>
      </c>
      <c r="D37499" s="14" t="s">
        <v>225</v>
      </c>
      <c r="E37499" s="15">
        <v>45645</v>
      </c>
      <c r="F37499" s="14" t="s">
        <v>53</v>
      </c>
      <c r="G37499" s="16">
        <v>3.6773401707708535</v>
      </c>
    </row>
    <row r="37500" spans="1:7" x14ac:dyDescent="0.3">
      <c r="A37500" s="13" t="s">
        <v>224</v>
      </c>
      <c r="B37500" s="14" t="s">
        <v>1</v>
      </c>
      <c r="C37500" s="14" t="s">
        <v>23</v>
      </c>
      <c r="D37500" s="14" t="s">
        <v>225</v>
      </c>
      <c r="E37500" s="15">
        <v>45646</v>
      </c>
      <c r="F37500" s="14" t="s">
        <v>53</v>
      </c>
      <c r="G37500" s="16">
        <v>3.6709662643792265</v>
      </c>
    </row>
    <row r="37501" spans="1:7" x14ac:dyDescent="0.3">
      <c r="A37501" s="13" t="s">
        <v>224</v>
      </c>
      <c r="B37501" s="14" t="s">
        <v>1</v>
      </c>
      <c r="C37501" s="14" t="s">
        <v>23</v>
      </c>
      <c r="D37501" s="14" t="s">
        <v>225</v>
      </c>
      <c r="E37501" s="15">
        <v>45647</v>
      </c>
      <c r="F37501" s="14" t="s">
        <v>53</v>
      </c>
      <c r="G37501" s="16">
        <v>3.6709662643792265</v>
      </c>
    </row>
    <row r="37502" spans="1:7" x14ac:dyDescent="0.3">
      <c r="A37502" s="13" t="s">
        <v>224</v>
      </c>
      <c r="B37502" s="14" t="s">
        <v>1</v>
      </c>
      <c r="C37502" s="14" t="s">
        <v>23</v>
      </c>
      <c r="D37502" s="14" t="s">
        <v>225</v>
      </c>
      <c r="E37502" s="15">
        <v>45648</v>
      </c>
      <c r="F37502" s="14" t="s">
        <v>53</v>
      </c>
      <c r="G37502" s="16">
        <v>3.6709662643792265</v>
      </c>
    </row>
    <row r="37503" spans="1:7" x14ac:dyDescent="0.3">
      <c r="A37503" s="13" t="s">
        <v>224</v>
      </c>
      <c r="B37503" s="14" t="s">
        <v>1</v>
      </c>
      <c r="C37503" s="14" t="s">
        <v>23</v>
      </c>
      <c r="D37503" s="14" t="s">
        <v>225</v>
      </c>
      <c r="E37503" s="15">
        <v>45649</v>
      </c>
      <c r="F37503" s="14" t="s">
        <v>53</v>
      </c>
      <c r="G37503" s="16">
        <v>3.6577306902641333</v>
      </c>
    </row>
    <row r="37504" spans="1:7" x14ac:dyDescent="0.3">
      <c r="A37504" s="13" t="s">
        <v>224</v>
      </c>
      <c r="B37504" s="14" t="s">
        <v>1</v>
      </c>
      <c r="C37504" s="14" t="s">
        <v>23</v>
      </c>
      <c r="D37504" s="14" t="s">
        <v>225</v>
      </c>
      <c r="E37504" s="15">
        <v>45650</v>
      </c>
      <c r="F37504" s="14" t="s">
        <v>53</v>
      </c>
      <c r="G37504" s="16">
        <v>3.6897482722049126</v>
      </c>
    </row>
    <row r="37505" spans="1:7" x14ac:dyDescent="0.3">
      <c r="A37505" s="13" t="s">
        <v>224</v>
      </c>
      <c r="B37505" s="14" t="s">
        <v>1</v>
      </c>
      <c r="C37505" s="14" t="s">
        <v>23</v>
      </c>
      <c r="D37505" s="14" t="s">
        <v>225</v>
      </c>
      <c r="E37505" s="15">
        <v>45651</v>
      </c>
      <c r="F37505" s="14" t="s">
        <v>53</v>
      </c>
      <c r="G37505" s="16">
        <v>3.6897482722049126</v>
      </c>
    </row>
    <row r="37506" spans="1:7" x14ac:dyDescent="0.3">
      <c r="A37506" s="13" t="s">
        <v>224</v>
      </c>
      <c r="B37506" s="14" t="s">
        <v>1</v>
      </c>
      <c r="C37506" s="14" t="s">
        <v>23</v>
      </c>
      <c r="D37506" s="14" t="s">
        <v>225</v>
      </c>
      <c r="E37506" s="15">
        <v>45652</v>
      </c>
      <c r="F37506" s="14" t="s">
        <v>53</v>
      </c>
      <c r="G37506" s="16">
        <v>3.6897482722049126</v>
      </c>
    </row>
    <row r="37507" spans="1:7" x14ac:dyDescent="0.3">
      <c r="A37507" s="13" t="s">
        <v>224</v>
      </c>
      <c r="B37507" s="14" t="s">
        <v>1</v>
      </c>
      <c r="C37507" s="14" t="s">
        <v>23</v>
      </c>
      <c r="D37507" s="14" t="s">
        <v>225</v>
      </c>
      <c r="E37507" s="15">
        <v>45653</v>
      </c>
      <c r="F37507" s="14" t="s">
        <v>53</v>
      </c>
      <c r="G37507" s="16">
        <v>3.6897482722049126</v>
      </c>
    </row>
    <row r="37508" spans="1:7" x14ac:dyDescent="0.3">
      <c r="A37508" s="13" t="s">
        <v>224</v>
      </c>
      <c r="B37508" s="14" t="s">
        <v>1</v>
      </c>
      <c r="C37508" s="14" t="s">
        <v>23</v>
      </c>
      <c r="D37508" s="14" t="s">
        <v>225</v>
      </c>
      <c r="E37508" s="15">
        <v>45654</v>
      </c>
      <c r="F37508" s="14" t="s">
        <v>53</v>
      </c>
      <c r="G37508" s="16">
        <v>3.6897482722049126</v>
      </c>
    </row>
    <row r="37509" spans="1:7" x14ac:dyDescent="0.3">
      <c r="A37509" s="13" t="s">
        <v>224</v>
      </c>
      <c r="B37509" s="14" t="s">
        <v>1</v>
      </c>
      <c r="C37509" s="14" t="s">
        <v>23</v>
      </c>
      <c r="D37509" s="14" t="s">
        <v>225</v>
      </c>
      <c r="E37509" s="15">
        <v>45655</v>
      </c>
      <c r="F37509" s="14" t="s">
        <v>53</v>
      </c>
      <c r="G37509" s="16">
        <v>3.6897482722049126</v>
      </c>
    </row>
    <row r="37510" spans="1:7" x14ac:dyDescent="0.3">
      <c r="A37510" s="13" t="s">
        <v>224</v>
      </c>
      <c r="B37510" s="14" t="s">
        <v>1</v>
      </c>
      <c r="C37510" s="14" t="s">
        <v>23</v>
      </c>
      <c r="D37510" s="14" t="s">
        <v>225</v>
      </c>
      <c r="E37510" s="15">
        <v>45656</v>
      </c>
      <c r="F37510" s="14" t="s">
        <v>53</v>
      </c>
      <c r="G37510" s="16">
        <v>3.7025620946506552</v>
      </c>
    </row>
    <row r="37511" spans="1:7" x14ac:dyDescent="0.3">
      <c r="A37511" s="13" t="s">
        <v>224</v>
      </c>
      <c r="B37511" s="14" t="s">
        <v>1</v>
      </c>
      <c r="C37511" s="14" t="s">
        <v>23</v>
      </c>
      <c r="D37511" s="14" t="s">
        <v>225</v>
      </c>
      <c r="E37511" s="15">
        <v>45657</v>
      </c>
      <c r="F37511" s="14" t="s">
        <v>53</v>
      </c>
      <c r="G37511" s="16">
        <v>3.7996688625798956</v>
      </c>
    </row>
    <row r="37512" spans="1:7" x14ac:dyDescent="0.3">
      <c r="A37512" s="13" t="s">
        <v>224</v>
      </c>
      <c r="B37512" s="14" t="s">
        <v>1</v>
      </c>
      <c r="C37512" s="14" t="s">
        <v>23</v>
      </c>
      <c r="D37512" s="14" t="s">
        <v>225</v>
      </c>
      <c r="E37512" s="15">
        <v>45658</v>
      </c>
      <c r="F37512" s="14" t="s">
        <v>53</v>
      </c>
      <c r="G37512" s="16">
        <v>3.7996688625798956</v>
      </c>
    </row>
    <row r="37513" spans="1:7" x14ac:dyDescent="0.3">
      <c r="A37513" s="13" t="s">
        <v>224</v>
      </c>
      <c r="B37513" s="14" t="s">
        <v>1</v>
      </c>
      <c r="C37513" s="14" t="s">
        <v>23</v>
      </c>
      <c r="D37513" s="14" t="s">
        <v>225</v>
      </c>
      <c r="E37513" s="15">
        <v>45659</v>
      </c>
      <c r="F37513" s="14" t="s">
        <v>53</v>
      </c>
      <c r="G37513" s="16">
        <v>3.8535911740745088</v>
      </c>
    </row>
    <row r="37514" spans="1:7" x14ac:dyDescent="0.3">
      <c r="A37514" s="13" t="s">
        <v>224</v>
      </c>
      <c r="B37514" s="14" t="s">
        <v>1</v>
      </c>
      <c r="C37514" s="14" t="s">
        <v>23</v>
      </c>
      <c r="D37514" s="14" t="s">
        <v>225</v>
      </c>
      <c r="E37514" s="15">
        <v>45660</v>
      </c>
      <c r="F37514" s="14" t="s">
        <v>53</v>
      </c>
      <c r="G37514" s="16">
        <v>3.858962168006157</v>
      </c>
    </row>
    <row r="37515" spans="1:7" x14ac:dyDescent="0.3">
      <c r="A37515" s="13" t="s">
        <v>224</v>
      </c>
      <c r="B37515" s="14" t="s">
        <v>1</v>
      </c>
      <c r="C37515" s="14" t="s">
        <v>23</v>
      </c>
      <c r="D37515" s="14" t="s">
        <v>225</v>
      </c>
      <c r="E37515" s="15">
        <v>45661</v>
      </c>
      <c r="F37515" s="14" t="s">
        <v>53</v>
      </c>
      <c r="G37515" s="16">
        <v>3.858962168006157</v>
      </c>
    </row>
    <row r="37516" spans="1:7" x14ac:dyDescent="0.3">
      <c r="A37516" s="13" t="s">
        <v>224</v>
      </c>
      <c r="B37516" s="14" t="s">
        <v>1</v>
      </c>
      <c r="C37516" s="14" t="s">
        <v>23</v>
      </c>
      <c r="D37516" s="14" t="s">
        <v>225</v>
      </c>
      <c r="E37516" s="15">
        <v>45662</v>
      </c>
      <c r="F37516" s="14" t="s">
        <v>53</v>
      </c>
      <c r="G37516" s="16">
        <v>3.858962168006157</v>
      </c>
    </row>
    <row r="37517" spans="1:7" x14ac:dyDescent="0.3">
      <c r="A37517" s="13" t="s">
        <v>224</v>
      </c>
      <c r="B37517" s="14" t="s">
        <v>1</v>
      </c>
      <c r="C37517" s="14" t="s">
        <v>23</v>
      </c>
      <c r="D37517" s="14" t="s">
        <v>225</v>
      </c>
      <c r="E37517" s="15">
        <v>45663</v>
      </c>
      <c r="F37517" s="14" t="s">
        <v>53</v>
      </c>
      <c r="G37517" s="16">
        <v>3.8413224104044383</v>
      </c>
    </row>
    <row r="37518" spans="1:7" x14ac:dyDescent="0.3">
      <c r="A37518" s="13" t="s">
        <v>224</v>
      </c>
      <c r="B37518" s="14" t="s">
        <v>1</v>
      </c>
      <c r="C37518" s="14" t="s">
        <v>23</v>
      </c>
      <c r="D37518" s="14" t="s">
        <v>225</v>
      </c>
      <c r="E37518" s="15">
        <v>45664</v>
      </c>
      <c r="F37518" s="14" t="s">
        <v>53</v>
      </c>
      <c r="G37518" s="16">
        <v>3.8964490943703982</v>
      </c>
    </row>
    <row r="37519" spans="1:7" x14ac:dyDescent="0.3">
      <c r="A37519" s="13" t="s">
        <v>224</v>
      </c>
      <c r="B37519" s="14" t="s">
        <v>1</v>
      </c>
      <c r="C37519" s="14" t="s">
        <v>23</v>
      </c>
      <c r="D37519" s="14" t="s">
        <v>225</v>
      </c>
      <c r="E37519" s="15">
        <v>45665</v>
      </c>
      <c r="F37519" s="14" t="s">
        <v>53</v>
      </c>
      <c r="G37519" s="16">
        <v>3.9492002381023186</v>
      </c>
    </row>
    <row r="37520" spans="1:7" x14ac:dyDescent="0.3">
      <c r="A37520" s="13" t="s">
        <v>224</v>
      </c>
      <c r="B37520" s="14" t="s">
        <v>1</v>
      </c>
      <c r="C37520" s="14" t="s">
        <v>23</v>
      </c>
      <c r="D37520" s="14" t="s">
        <v>225</v>
      </c>
      <c r="E37520" s="15">
        <v>45666</v>
      </c>
      <c r="F37520" s="14" t="s">
        <v>53</v>
      </c>
      <c r="G37520" s="16">
        <v>3.9492002381023186</v>
      </c>
    </row>
    <row r="37521" spans="1:7" x14ac:dyDescent="0.3">
      <c r="A37521" s="13" t="s">
        <v>224</v>
      </c>
      <c r="B37521" s="14" t="s">
        <v>1</v>
      </c>
      <c r="C37521" s="14" t="s">
        <v>23</v>
      </c>
      <c r="D37521" s="14" t="s">
        <v>225</v>
      </c>
      <c r="E37521" s="15">
        <v>45667</v>
      </c>
      <c r="F37521" s="14" t="s">
        <v>53</v>
      </c>
      <c r="G37521" s="16">
        <v>4.017143300041627</v>
      </c>
    </row>
    <row r="37522" spans="1:7" x14ac:dyDescent="0.3">
      <c r="A37522" s="13" t="s">
        <v>224</v>
      </c>
      <c r="B37522" s="14" t="s">
        <v>1</v>
      </c>
      <c r="C37522" s="14" t="s">
        <v>23</v>
      </c>
      <c r="D37522" s="14" t="s">
        <v>225</v>
      </c>
      <c r="E37522" s="15">
        <v>45668</v>
      </c>
      <c r="F37522" s="14" t="s">
        <v>53</v>
      </c>
      <c r="G37522" s="16">
        <v>4.017143300041627</v>
      </c>
    </row>
    <row r="37523" spans="1:7" x14ac:dyDescent="0.3">
      <c r="A37523" s="13" t="s">
        <v>224</v>
      </c>
      <c r="B37523" s="14" t="s">
        <v>1</v>
      </c>
      <c r="C37523" s="14" t="s">
        <v>23</v>
      </c>
      <c r="D37523" s="14" t="s">
        <v>225</v>
      </c>
      <c r="E37523" s="15">
        <v>45669</v>
      </c>
      <c r="F37523" s="14" t="s">
        <v>53</v>
      </c>
      <c r="G37523" s="16">
        <v>4.017143300041627</v>
      </c>
    </row>
    <row r="37524" spans="1:7" x14ac:dyDescent="0.3">
      <c r="A37524" s="13" t="s">
        <v>224</v>
      </c>
      <c r="B37524" s="14" t="s">
        <v>1</v>
      </c>
      <c r="C37524" s="14" t="s">
        <v>23</v>
      </c>
      <c r="D37524" s="14" t="s">
        <v>225</v>
      </c>
      <c r="E37524" s="15">
        <v>45670</v>
      </c>
      <c r="F37524" s="14" t="s">
        <v>53</v>
      </c>
      <c r="G37524" s="16">
        <v>4.0500351535623196</v>
      </c>
    </row>
    <row r="37525" spans="1:7" x14ac:dyDescent="0.3">
      <c r="A37525" s="13" t="s">
        <v>224</v>
      </c>
      <c r="B37525" s="14" t="s">
        <v>1</v>
      </c>
      <c r="C37525" s="14" t="s">
        <v>23</v>
      </c>
      <c r="D37525" s="14" t="s">
        <v>225</v>
      </c>
      <c r="E37525" s="15">
        <v>45671</v>
      </c>
      <c r="F37525" s="14" t="s">
        <v>53</v>
      </c>
      <c r="G37525" s="16">
        <v>4.0822426496874114</v>
      </c>
    </row>
    <row r="37526" spans="1:7" x14ac:dyDescent="0.3">
      <c r="A37526" s="13" t="s">
        <v>224</v>
      </c>
      <c r="B37526" s="14" t="s">
        <v>1</v>
      </c>
      <c r="C37526" s="14" t="s">
        <v>23</v>
      </c>
      <c r="D37526" s="14" t="s">
        <v>225</v>
      </c>
      <c r="E37526" s="15">
        <v>45672</v>
      </c>
      <c r="F37526" s="14" t="s">
        <v>53</v>
      </c>
      <c r="G37526" s="16">
        <v>4.0856632083975999</v>
      </c>
    </row>
    <row r="37527" spans="1:7" x14ac:dyDescent="0.3">
      <c r="A37527" s="13" t="s">
        <v>224</v>
      </c>
      <c r="B37527" s="14" t="s">
        <v>1</v>
      </c>
      <c r="C37527" s="14" t="s">
        <v>23</v>
      </c>
      <c r="D37527" s="14" t="s">
        <v>225</v>
      </c>
      <c r="E37527" s="15">
        <v>45673</v>
      </c>
      <c r="F37527" s="14" t="s">
        <v>53</v>
      </c>
      <c r="G37527" s="16">
        <v>4.101145009233095</v>
      </c>
    </row>
    <row r="37528" spans="1:7" x14ac:dyDescent="0.3">
      <c r="A37528" s="13" t="s">
        <v>224</v>
      </c>
      <c r="B37528" s="14" t="s">
        <v>1</v>
      </c>
      <c r="C37528" s="14" t="s">
        <v>23</v>
      </c>
      <c r="D37528" s="14" t="s">
        <v>225</v>
      </c>
      <c r="E37528" s="15">
        <v>45674</v>
      </c>
      <c r="F37528" s="14" t="s">
        <v>53</v>
      </c>
      <c r="G37528" s="16">
        <v>4.1310782251382756</v>
      </c>
    </row>
    <row r="37529" spans="1:7" x14ac:dyDescent="0.3">
      <c r="A37529" s="13" t="s">
        <v>224</v>
      </c>
      <c r="B37529" s="14" t="s">
        <v>1</v>
      </c>
      <c r="C37529" s="14" t="s">
        <v>23</v>
      </c>
      <c r="D37529" s="14" t="s">
        <v>225</v>
      </c>
      <c r="E37529" s="15">
        <v>45675</v>
      </c>
      <c r="F37529" s="14" t="s">
        <v>53</v>
      </c>
      <c r="G37529" s="16">
        <v>4.1310782251382756</v>
      </c>
    </row>
    <row r="37530" spans="1:7" x14ac:dyDescent="0.3">
      <c r="A37530" s="13" t="s">
        <v>224</v>
      </c>
      <c r="B37530" s="14" t="s">
        <v>1</v>
      </c>
      <c r="C37530" s="14" t="s">
        <v>23</v>
      </c>
      <c r="D37530" s="14" t="s">
        <v>225</v>
      </c>
      <c r="E37530" s="15">
        <v>45676</v>
      </c>
      <c r="F37530" s="14" t="s">
        <v>53</v>
      </c>
      <c r="G37530" s="16">
        <v>4.1310782251382756</v>
      </c>
    </row>
    <row r="37531" spans="1:7" x14ac:dyDescent="0.3">
      <c r="A37531" s="13" t="s">
        <v>224</v>
      </c>
      <c r="B37531" s="14" t="s">
        <v>1</v>
      </c>
      <c r="C37531" s="14" t="s">
        <v>23</v>
      </c>
      <c r="D37531" s="14" t="s">
        <v>225</v>
      </c>
      <c r="E37531" s="15">
        <v>45677</v>
      </c>
      <c r="F37531" s="14" t="s">
        <v>53</v>
      </c>
      <c r="G37531" s="16">
        <v>4.1310782251382756</v>
      </c>
    </row>
    <row r="37532" spans="1:7" x14ac:dyDescent="0.3">
      <c r="A37532" s="13" t="s">
        <v>224</v>
      </c>
      <c r="B37532" s="14" t="s">
        <v>1</v>
      </c>
      <c r="C37532" s="14" t="s">
        <v>23</v>
      </c>
      <c r="D37532" s="14" t="s">
        <v>225</v>
      </c>
      <c r="E37532" s="15">
        <v>45678</v>
      </c>
      <c r="F37532" s="14" t="s">
        <v>53</v>
      </c>
      <c r="G37532" s="16">
        <v>4.0834711692108208</v>
      </c>
    </row>
    <row r="37533" spans="1:7" x14ac:dyDescent="0.3">
      <c r="A37533" s="13" t="s">
        <v>224</v>
      </c>
      <c r="B37533" s="14" t="s">
        <v>1</v>
      </c>
      <c r="C37533" s="14" t="s">
        <v>23</v>
      </c>
      <c r="D37533" s="14" t="s">
        <v>225</v>
      </c>
      <c r="E37533" s="15">
        <v>45679</v>
      </c>
      <c r="F37533" s="14" t="s">
        <v>53</v>
      </c>
      <c r="G37533" s="16">
        <v>4.1469318586326986</v>
      </c>
    </row>
    <row r="37534" spans="1:7" x14ac:dyDescent="0.3">
      <c r="A37534" s="13" t="s">
        <v>224</v>
      </c>
      <c r="B37534" s="14" t="s">
        <v>1</v>
      </c>
      <c r="C37534" s="14" t="s">
        <v>23</v>
      </c>
      <c r="D37534" s="14" t="s">
        <v>225</v>
      </c>
      <c r="E37534" s="15">
        <v>45680</v>
      </c>
      <c r="F37534" s="14" t="s">
        <v>53</v>
      </c>
      <c r="G37534" s="16">
        <v>4.1483361140378952</v>
      </c>
    </row>
    <row r="37535" spans="1:7" x14ac:dyDescent="0.3">
      <c r="A37535" s="13" t="s">
        <v>224</v>
      </c>
      <c r="B37535" s="14" t="s">
        <v>1</v>
      </c>
      <c r="C37535" s="14" t="s">
        <v>23</v>
      </c>
      <c r="D37535" s="14" t="s">
        <v>225</v>
      </c>
      <c r="E37535" s="15">
        <v>45681</v>
      </c>
      <c r="F37535" s="14" t="s">
        <v>53</v>
      </c>
      <c r="G37535" s="16">
        <v>4.1172190325503948</v>
      </c>
    </row>
    <row r="37536" spans="1:7" x14ac:dyDescent="0.3">
      <c r="A37536" s="13" t="s">
        <v>224</v>
      </c>
      <c r="B37536" s="14" t="s">
        <v>1</v>
      </c>
      <c r="C37536" s="14" t="s">
        <v>23</v>
      </c>
      <c r="D37536" s="14" t="s">
        <v>225</v>
      </c>
      <c r="E37536" s="15">
        <v>45682</v>
      </c>
      <c r="F37536" s="14" t="s">
        <v>53</v>
      </c>
      <c r="G37536" s="16">
        <v>4.1172190325503948</v>
      </c>
    </row>
    <row r="37537" spans="1:7" x14ac:dyDescent="0.3">
      <c r="A37537" s="13" t="s">
        <v>224</v>
      </c>
      <c r="B37537" s="14" t="s">
        <v>1</v>
      </c>
      <c r="C37537" s="14" t="s">
        <v>23</v>
      </c>
      <c r="D37537" s="14" t="s">
        <v>225</v>
      </c>
      <c r="E37537" s="15">
        <v>45683</v>
      </c>
      <c r="F37537" s="14" t="s">
        <v>53</v>
      </c>
      <c r="G37537" s="16">
        <v>4.1172190325503948</v>
      </c>
    </row>
    <row r="37538" spans="1:7" x14ac:dyDescent="0.3">
      <c r="A37538" s="13" t="s">
        <v>224</v>
      </c>
      <c r="B37538" s="14" t="s">
        <v>1</v>
      </c>
      <c r="C37538" s="14" t="s">
        <v>23</v>
      </c>
      <c r="D37538" s="14" t="s">
        <v>225</v>
      </c>
      <c r="E37538" s="15">
        <v>45684</v>
      </c>
      <c r="F37538" s="14" t="s">
        <v>53</v>
      </c>
      <c r="G37538" s="16">
        <v>4.1271634770227026</v>
      </c>
    </row>
    <row r="37539" spans="1:7" x14ac:dyDescent="0.3">
      <c r="A37539" s="13" t="s">
        <v>224</v>
      </c>
      <c r="B37539" s="14" t="s">
        <v>1</v>
      </c>
      <c r="C37539" s="14" t="s">
        <v>23</v>
      </c>
      <c r="D37539" s="14" t="s">
        <v>225</v>
      </c>
      <c r="E37539" s="15">
        <v>45685</v>
      </c>
      <c r="F37539" s="14" t="s">
        <v>53</v>
      </c>
      <c r="G37539" s="16">
        <v>4.1844977689245528</v>
      </c>
    </row>
    <row r="37540" spans="1:7" x14ac:dyDescent="0.3">
      <c r="A37540" s="13" t="s">
        <v>224</v>
      </c>
      <c r="B37540" s="14" t="s">
        <v>1</v>
      </c>
      <c r="C37540" s="14" t="s">
        <v>23</v>
      </c>
      <c r="D37540" s="14" t="s">
        <v>225</v>
      </c>
      <c r="E37540" s="15">
        <v>45686</v>
      </c>
      <c r="F37540" s="14" t="s">
        <v>53</v>
      </c>
      <c r="G37540" s="16">
        <v>4.1931637086187097</v>
      </c>
    </row>
    <row r="37541" spans="1:7" x14ac:dyDescent="0.3">
      <c r="A37541" s="13" t="s">
        <v>224</v>
      </c>
      <c r="B37541" s="14" t="s">
        <v>1</v>
      </c>
      <c r="C37541" s="14" t="s">
        <v>23</v>
      </c>
      <c r="D37541" s="14" t="s">
        <v>225</v>
      </c>
      <c r="E37541" s="15">
        <v>45687</v>
      </c>
      <c r="F37541" s="14" t="s">
        <v>53</v>
      </c>
      <c r="G37541" s="16">
        <v>4.2181582321028115</v>
      </c>
    </row>
    <row r="37542" spans="1:7" x14ac:dyDescent="0.3">
      <c r="A37542" s="13" t="s">
        <v>224</v>
      </c>
      <c r="B37542" s="14" t="s">
        <v>1</v>
      </c>
      <c r="C37542" s="14" t="s">
        <v>23</v>
      </c>
      <c r="D37542" s="14" t="s">
        <v>225</v>
      </c>
      <c r="E37542" s="15">
        <v>45688</v>
      </c>
      <c r="F37542" s="14" t="s">
        <v>53</v>
      </c>
      <c r="G37542" s="16">
        <v>4.2402902343821376</v>
      </c>
    </row>
    <row r="37543" spans="1:7" x14ac:dyDescent="0.3">
      <c r="A37543" s="13" t="s">
        <v>224</v>
      </c>
      <c r="B37543" s="14" t="s">
        <v>1</v>
      </c>
      <c r="C37543" s="14" t="s">
        <v>23</v>
      </c>
      <c r="D37543" s="14" t="s">
        <v>225</v>
      </c>
      <c r="E37543" s="15">
        <v>45689</v>
      </c>
      <c r="F37543" s="14" t="s">
        <v>53</v>
      </c>
      <c r="G37543" s="16">
        <v>4.2402902343821376</v>
      </c>
    </row>
    <row r="37544" spans="1:7" x14ac:dyDescent="0.3">
      <c r="A37544" s="13" t="s">
        <v>224</v>
      </c>
      <c r="B37544" s="14" t="s">
        <v>1</v>
      </c>
      <c r="C37544" s="14" t="s">
        <v>23</v>
      </c>
      <c r="D37544" s="14" t="s">
        <v>225</v>
      </c>
      <c r="E37544" s="15">
        <v>45690</v>
      </c>
      <c r="F37544" s="14" t="s">
        <v>53</v>
      </c>
      <c r="G37544" s="16">
        <v>4.2402902343821376</v>
      </c>
    </row>
    <row r="37545" spans="1:7" x14ac:dyDescent="0.3">
      <c r="A37545" s="13" t="s">
        <v>224</v>
      </c>
      <c r="B37545" s="14" t="s">
        <v>1</v>
      </c>
      <c r="C37545" s="14" t="s">
        <v>23</v>
      </c>
      <c r="D37545" s="14" t="s">
        <v>225</v>
      </c>
      <c r="E37545" s="15">
        <v>45691</v>
      </c>
      <c r="F37545" s="14" t="s">
        <v>53</v>
      </c>
      <c r="G37545" s="16">
        <v>4.2402902343821376</v>
      </c>
    </row>
    <row r="37546" spans="1:7" x14ac:dyDescent="0.3">
      <c r="A37546" s="13" t="s">
        <v>224</v>
      </c>
      <c r="B37546" s="14" t="s">
        <v>1</v>
      </c>
      <c r="C37546" s="14" t="s">
        <v>23</v>
      </c>
      <c r="D37546" s="14" t="s">
        <v>225</v>
      </c>
      <c r="E37546" s="15">
        <v>45692</v>
      </c>
      <c r="F37546" s="14" t="s">
        <v>53</v>
      </c>
      <c r="G37546" s="16">
        <v>4.2235902896159994</v>
      </c>
    </row>
    <row r="37547" spans="1:7" x14ac:dyDescent="0.3">
      <c r="A37547" s="13" t="s">
        <v>224</v>
      </c>
      <c r="B37547" s="14" t="s">
        <v>1</v>
      </c>
      <c r="C37547" s="14" t="s">
        <v>23</v>
      </c>
      <c r="D37547" s="14" t="s">
        <v>225</v>
      </c>
      <c r="E37547" s="15">
        <v>45693</v>
      </c>
      <c r="F37547" s="14" t="s">
        <v>53</v>
      </c>
      <c r="G37547" s="16">
        <v>4.2570038556275875</v>
      </c>
    </row>
    <row r="37548" spans="1:7" x14ac:dyDescent="0.3">
      <c r="A37548" s="13" t="s">
        <v>224</v>
      </c>
      <c r="B37548" s="14" t="s">
        <v>1</v>
      </c>
      <c r="C37548" s="14" t="s">
        <v>23</v>
      </c>
      <c r="D37548" s="14" t="s">
        <v>225</v>
      </c>
      <c r="E37548" s="15">
        <v>45694</v>
      </c>
      <c r="F37548" s="14" t="s">
        <v>53</v>
      </c>
      <c r="G37548" s="16">
        <v>4.2940963450032754</v>
      </c>
    </row>
    <row r="37549" spans="1:7" x14ac:dyDescent="0.3">
      <c r="A37549" s="13" t="s">
        <v>224</v>
      </c>
      <c r="B37549" s="14" t="s">
        <v>1</v>
      </c>
      <c r="C37549" s="14" t="s">
        <v>23</v>
      </c>
      <c r="D37549" s="14" t="s">
        <v>225</v>
      </c>
      <c r="E37549" s="15">
        <v>45695</v>
      </c>
      <c r="F37549" s="14" t="s">
        <v>53</v>
      </c>
      <c r="G37549" s="16">
        <v>4.3160222752466471</v>
      </c>
    </row>
    <row r="37550" spans="1:7" x14ac:dyDescent="0.3">
      <c r="A37550" s="13" t="s">
        <v>224</v>
      </c>
      <c r="B37550" s="14" t="s">
        <v>1</v>
      </c>
      <c r="C37550" s="14" t="s">
        <v>23</v>
      </c>
      <c r="D37550" s="14" t="s">
        <v>225</v>
      </c>
      <c r="E37550" s="15">
        <v>45696</v>
      </c>
      <c r="F37550" s="14" t="s">
        <v>53</v>
      </c>
      <c r="G37550" s="16">
        <v>4.3160222752466471</v>
      </c>
    </row>
    <row r="37551" spans="1:7" x14ac:dyDescent="0.3">
      <c r="A37551" s="13" t="s">
        <v>224</v>
      </c>
      <c r="B37551" s="14" t="s">
        <v>1</v>
      </c>
      <c r="C37551" s="14" t="s">
        <v>23</v>
      </c>
      <c r="D37551" s="14" t="s">
        <v>225</v>
      </c>
      <c r="E37551" s="15">
        <v>45697</v>
      </c>
      <c r="F37551" s="14" t="s">
        <v>53</v>
      </c>
      <c r="G37551" s="16">
        <v>4.3160222752466471</v>
      </c>
    </row>
    <row r="37552" spans="1:7" x14ac:dyDescent="0.3">
      <c r="A37552" s="13" t="s">
        <v>224</v>
      </c>
      <c r="B37552" s="14" t="s">
        <v>1</v>
      </c>
      <c r="C37552" s="14" t="s">
        <v>23</v>
      </c>
      <c r="D37552" s="14" t="s">
        <v>225</v>
      </c>
      <c r="E37552" s="15">
        <v>45698</v>
      </c>
      <c r="F37552" s="14" t="s">
        <v>53</v>
      </c>
      <c r="G37552" s="16">
        <v>4.351006164262528</v>
      </c>
    </row>
    <row r="37553" spans="1:7" x14ac:dyDescent="0.3">
      <c r="A37553" s="13" t="s">
        <v>224</v>
      </c>
      <c r="B37553" s="14" t="s">
        <v>1</v>
      </c>
      <c r="C37553" s="14" t="s">
        <v>23</v>
      </c>
      <c r="D37553" s="14" t="s">
        <v>225</v>
      </c>
      <c r="E37553" s="15">
        <v>45699</v>
      </c>
      <c r="F37553" s="14" t="s">
        <v>53</v>
      </c>
      <c r="G37553" s="16">
        <v>4.363572828456781</v>
      </c>
    </row>
    <row r="37554" spans="1:7" x14ac:dyDescent="0.3">
      <c r="A37554" s="13" t="s">
        <v>224</v>
      </c>
      <c r="B37554" s="14" t="s">
        <v>1</v>
      </c>
      <c r="C37554" s="14" t="s">
        <v>23</v>
      </c>
      <c r="D37554" s="14" t="s">
        <v>225</v>
      </c>
      <c r="E37554" s="15">
        <v>45700</v>
      </c>
      <c r="F37554" s="14" t="s">
        <v>53</v>
      </c>
      <c r="G37554" s="16">
        <v>4.3779410925194648</v>
      </c>
    </row>
    <row r="37555" spans="1:7" x14ac:dyDescent="0.3">
      <c r="A37555" s="13" t="s">
        <v>224</v>
      </c>
      <c r="B37555" s="14" t="s">
        <v>1</v>
      </c>
      <c r="C37555" s="14" t="s">
        <v>23</v>
      </c>
      <c r="D37555" s="14" t="s">
        <v>225</v>
      </c>
      <c r="E37555" s="15">
        <v>45701</v>
      </c>
      <c r="F37555" s="14" t="s">
        <v>53</v>
      </c>
      <c r="G37555" s="16">
        <v>4.3487363764517051</v>
      </c>
    </row>
    <row r="37556" spans="1:7" x14ac:dyDescent="0.3">
      <c r="A37556" s="13" t="s">
        <v>224</v>
      </c>
      <c r="B37556" s="14" t="s">
        <v>1</v>
      </c>
      <c r="C37556" s="14" t="s">
        <v>23</v>
      </c>
      <c r="D37556" s="14" t="s">
        <v>225</v>
      </c>
      <c r="E37556" s="15">
        <v>45702</v>
      </c>
      <c r="F37556" s="14" t="s">
        <v>53</v>
      </c>
      <c r="G37556" s="16">
        <v>4.3552450579307385</v>
      </c>
    </row>
    <row r="37557" spans="1:7" x14ac:dyDescent="0.3">
      <c r="A37557" s="13" t="s">
        <v>224</v>
      </c>
      <c r="B37557" s="14" t="s">
        <v>1</v>
      </c>
      <c r="C37557" s="14" t="s">
        <v>23</v>
      </c>
      <c r="D37557" s="14" t="s">
        <v>225</v>
      </c>
      <c r="E37557" s="15">
        <v>45703</v>
      </c>
      <c r="F37557" s="14" t="s">
        <v>53</v>
      </c>
      <c r="G37557" s="16">
        <v>4.3552450579307385</v>
      </c>
    </row>
    <row r="37558" spans="1:7" x14ac:dyDescent="0.3">
      <c r="A37558" s="13" t="s">
        <v>224</v>
      </c>
      <c r="B37558" s="14" t="s">
        <v>1</v>
      </c>
      <c r="C37558" s="14" t="s">
        <v>23</v>
      </c>
      <c r="D37558" s="14" t="s">
        <v>225</v>
      </c>
      <c r="E37558" s="15">
        <v>45704</v>
      </c>
      <c r="F37558" s="14" t="s">
        <v>53</v>
      </c>
      <c r="G37558" s="16">
        <v>4.3552450579307385</v>
      </c>
    </row>
    <row r="37559" spans="1:7" x14ac:dyDescent="0.3">
      <c r="A37559" s="13" t="s">
        <v>224</v>
      </c>
      <c r="B37559" s="14" t="s">
        <v>1</v>
      </c>
      <c r="C37559" s="14" t="s">
        <v>23</v>
      </c>
      <c r="D37559" s="14" t="s">
        <v>225</v>
      </c>
      <c r="E37559" s="15">
        <v>45705</v>
      </c>
      <c r="F37559" s="14" t="s">
        <v>53</v>
      </c>
      <c r="G37559" s="16">
        <v>4.3552450579307385</v>
      </c>
    </row>
    <row r="37560" spans="1:7" x14ac:dyDescent="0.3">
      <c r="A37560" s="13" t="s">
        <v>224</v>
      </c>
      <c r="B37560" s="14" t="s">
        <v>1</v>
      </c>
      <c r="C37560" s="14" t="s">
        <v>23</v>
      </c>
      <c r="D37560" s="14" t="s">
        <v>225</v>
      </c>
      <c r="E37560" s="15">
        <v>45706</v>
      </c>
      <c r="F37560" s="14" t="s">
        <v>53</v>
      </c>
      <c r="G37560" s="16">
        <v>4.3592385365512669</v>
      </c>
    </row>
    <row r="37561" spans="1:7" x14ac:dyDescent="0.3">
      <c r="A37561" s="13" t="s">
        <v>224</v>
      </c>
      <c r="B37561" s="14" t="s">
        <v>1</v>
      </c>
      <c r="C37561" s="14" t="s">
        <v>23</v>
      </c>
      <c r="D37561" s="14" t="s">
        <v>225</v>
      </c>
      <c r="E37561" s="15">
        <v>45707</v>
      </c>
      <c r="F37561" s="14" t="s">
        <v>53</v>
      </c>
      <c r="G37561" s="16">
        <v>4.4206069261465935</v>
      </c>
    </row>
    <row r="37562" spans="1:7" x14ac:dyDescent="0.3">
      <c r="A37562" s="13" t="s">
        <v>224</v>
      </c>
      <c r="B37562" s="14" t="s">
        <v>1</v>
      </c>
      <c r="C37562" s="14" t="s">
        <v>23</v>
      </c>
      <c r="D37562" s="14" t="s">
        <v>225</v>
      </c>
      <c r="E37562" s="15">
        <v>45708</v>
      </c>
      <c r="F37562" s="14" t="s">
        <v>53</v>
      </c>
      <c r="G37562" s="16">
        <v>4.4038674539734988</v>
      </c>
    </row>
    <row r="37563" spans="1:7" x14ac:dyDescent="0.3">
      <c r="A37563" s="13" t="s">
        <v>224</v>
      </c>
      <c r="B37563" s="14" t="s">
        <v>1</v>
      </c>
      <c r="C37563" s="14" t="s">
        <v>23</v>
      </c>
      <c r="D37563" s="14" t="s">
        <v>225</v>
      </c>
      <c r="E37563" s="15">
        <v>45709</v>
      </c>
      <c r="F37563" s="14" t="s">
        <v>53</v>
      </c>
      <c r="G37563" s="16">
        <v>4.424586847733381</v>
      </c>
    </row>
    <row r="37564" spans="1:7" x14ac:dyDescent="0.3">
      <c r="A37564" s="13" t="s">
        <v>224</v>
      </c>
      <c r="B37564" s="14" t="s">
        <v>1</v>
      </c>
      <c r="C37564" s="14" t="s">
        <v>23</v>
      </c>
      <c r="D37564" s="14" t="s">
        <v>225</v>
      </c>
      <c r="E37564" s="15">
        <v>45710</v>
      </c>
      <c r="F37564" s="14" t="s">
        <v>53</v>
      </c>
      <c r="G37564" s="16">
        <v>4.424586847733381</v>
      </c>
    </row>
    <row r="37565" spans="1:7" x14ac:dyDescent="0.3">
      <c r="A37565" s="13" t="s">
        <v>224</v>
      </c>
      <c r="B37565" s="14" t="s">
        <v>1</v>
      </c>
      <c r="C37565" s="14" t="s">
        <v>23</v>
      </c>
      <c r="D37565" s="14" t="s">
        <v>225</v>
      </c>
      <c r="E37565" s="15">
        <v>45711</v>
      </c>
      <c r="F37565" s="14" t="s">
        <v>53</v>
      </c>
      <c r="G37565" s="16">
        <v>4.424586847733381</v>
      </c>
    </row>
    <row r="37566" spans="1:7" x14ac:dyDescent="0.3">
      <c r="A37566" s="13" t="s">
        <v>224</v>
      </c>
      <c r="B37566" s="14" t="s">
        <v>1</v>
      </c>
      <c r="C37566" s="14" t="s">
        <v>23</v>
      </c>
      <c r="D37566" s="14" t="s">
        <v>225</v>
      </c>
      <c r="E37566" s="15">
        <v>45712</v>
      </c>
      <c r="F37566" s="14" t="s">
        <v>53</v>
      </c>
      <c r="G37566" s="16">
        <v>4.4371199149915297</v>
      </c>
    </row>
    <row r="37567" spans="1:7" x14ac:dyDescent="0.3">
      <c r="A37567" s="13" t="s">
        <v>224</v>
      </c>
      <c r="B37567" s="14" t="s">
        <v>1</v>
      </c>
      <c r="C37567" s="14" t="s">
        <v>23</v>
      </c>
      <c r="D37567" s="14" t="s">
        <v>225</v>
      </c>
      <c r="E37567" s="15">
        <v>45713</v>
      </c>
      <c r="F37567" s="14" t="s">
        <v>53</v>
      </c>
      <c r="G37567" s="16">
        <v>4.4609413691733248</v>
      </c>
    </row>
    <row r="37568" spans="1:7" x14ac:dyDescent="0.3">
      <c r="A37568" s="13" t="s">
        <v>224</v>
      </c>
      <c r="B37568" s="14" t="s">
        <v>1</v>
      </c>
      <c r="C37568" s="14" t="s">
        <v>23</v>
      </c>
      <c r="D37568" s="14" t="s">
        <v>225</v>
      </c>
      <c r="E37568" s="15">
        <v>45714</v>
      </c>
      <c r="F37568" s="14" t="s">
        <v>53</v>
      </c>
      <c r="G37568" s="16">
        <v>4.4694160397871228</v>
      </c>
    </row>
    <row r="37569" spans="1:7" x14ac:dyDescent="0.3">
      <c r="A37569" s="13" t="s">
        <v>224</v>
      </c>
      <c r="B37569" s="14" t="s">
        <v>1</v>
      </c>
      <c r="C37569" s="14" t="s">
        <v>23</v>
      </c>
      <c r="D37569" s="14" t="s">
        <v>225</v>
      </c>
      <c r="E37569" s="15">
        <v>45715</v>
      </c>
      <c r="F37569" s="14" t="s">
        <v>53</v>
      </c>
      <c r="G37569" s="16">
        <v>4.508644807369433</v>
      </c>
    </row>
    <row r="37570" spans="1:7" x14ac:dyDescent="0.3">
      <c r="A37570" s="13" t="s">
        <v>224</v>
      </c>
      <c r="B37570" s="14" t="s">
        <v>1</v>
      </c>
      <c r="C37570" s="14" t="s">
        <v>23</v>
      </c>
      <c r="D37570" s="14" t="s">
        <v>225</v>
      </c>
      <c r="E37570" s="15">
        <v>45716</v>
      </c>
      <c r="F37570" s="14" t="s">
        <v>53</v>
      </c>
      <c r="G37570" s="16">
        <v>4.5297037739889188</v>
      </c>
    </row>
    <row r="37571" spans="1:7" x14ac:dyDescent="0.3">
      <c r="A37571" s="13" t="s">
        <v>224</v>
      </c>
      <c r="B37571" s="14" t="s">
        <v>1</v>
      </c>
      <c r="C37571" s="14" t="s">
        <v>23</v>
      </c>
      <c r="D37571" s="14" t="s">
        <v>225</v>
      </c>
      <c r="E37571" s="15">
        <v>45717</v>
      </c>
      <c r="F37571" s="14" t="s">
        <v>53</v>
      </c>
      <c r="G37571" s="16">
        <v>4.5297037739889188</v>
      </c>
    </row>
    <row r="37572" spans="1:7" x14ac:dyDescent="0.3">
      <c r="A37572" s="13" t="s">
        <v>224</v>
      </c>
      <c r="B37572" s="14" t="s">
        <v>1</v>
      </c>
      <c r="C37572" s="14" t="s">
        <v>23</v>
      </c>
      <c r="D37572" s="14" t="s">
        <v>225</v>
      </c>
      <c r="E37572" s="15">
        <v>45718</v>
      </c>
      <c r="F37572" s="14" t="s">
        <v>53</v>
      </c>
      <c r="G37572" s="16">
        <v>4.5297037739889188</v>
      </c>
    </row>
    <row r="37573" spans="1:7" x14ac:dyDescent="0.3">
      <c r="A37573" s="13" t="s">
        <v>224</v>
      </c>
      <c r="B37573" s="14" t="s">
        <v>1</v>
      </c>
      <c r="C37573" s="14" t="s">
        <v>23</v>
      </c>
      <c r="D37573" s="14" t="s">
        <v>225</v>
      </c>
      <c r="E37573" s="15">
        <v>45719</v>
      </c>
      <c r="F37573" s="14" t="s">
        <v>53</v>
      </c>
      <c r="G37573" s="16">
        <v>4.519426436557052</v>
      </c>
    </row>
    <row r="37574" spans="1:7" x14ac:dyDescent="0.3">
      <c r="A37574" s="13" t="s">
        <v>224</v>
      </c>
      <c r="B37574" s="14" t="s">
        <v>1</v>
      </c>
      <c r="C37574" s="14" t="s">
        <v>23</v>
      </c>
      <c r="D37574" s="14" t="s">
        <v>225</v>
      </c>
      <c r="E37574" s="15">
        <v>45720</v>
      </c>
      <c r="F37574" s="14" t="s">
        <v>53</v>
      </c>
      <c r="G37574" s="16">
        <v>4.5246986965063911</v>
      </c>
    </row>
    <row r="37575" spans="1:7" x14ac:dyDescent="0.3">
      <c r="A37575" s="13" t="s">
        <v>224</v>
      </c>
      <c r="B37575" s="14" t="s">
        <v>1</v>
      </c>
      <c r="C37575" s="14" t="s">
        <v>23</v>
      </c>
      <c r="D37575" s="14" t="s">
        <v>225</v>
      </c>
      <c r="E37575" s="15">
        <v>45721</v>
      </c>
      <c r="F37575" s="14" t="s">
        <v>53</v>
      </c>
      <c r="G37575" s="16">
        <v>4.5023950484941162</v>
      </c>
    </row>
    <row r="37576" spans="1:7" x14ac:dyDescent="0.3">
      <c r="A37576" s="13" t="s">
        <v>224</v>
      </c>
      <c r="B37576" s="14" t="s">
        <v>1</v>
      </c>
      <c r="C37576" s="14" t="s">
        <v>23</v>
      </c>
      <c r="D37576" s="14" t="s">
        <v>225</v>
      </c>
      <c r="E37576" s="15">
        <v>45722</v>
      </c>
      <c r="F37576" s="14" t="s">
        <v>53</v>
      </c>
      <c r="G37576" s="16">
        <v>4.5201078322242383</v>
      </c>
    </row>
    <row r="37577" spans="1:7" x14ac:dyDescent="0.3">
      <c r="A37577" s="13" t="s">
        <v>224</v>
      </c>
      <c r="B37577" s="14" t="s">
        <v>1</v>
      </c>
      <c r="C37577" s="14" t="s">
        <v>23</v>
      </c>
      <c r="D37577" s="14" t="s">
        <v>225</v>
      </c>
      <c r="E37577" s="15">
        <v>45723</v>
      </c>
      <c r="F37577" s="14" t="s">
        <v>53</v>
      </c>
      <c r="G37577" s="16">
        <v>4.5195327747141825</v>
      </c>
    </row>
    <row r="37578" spans="1:7" x14ac:dyDescent="0.3">
      <c r="A37578" s="13" t="s">
        <v>224</v>
      </c>
      <c r="B37578" s="14" t="s">
        <v>1</v>
      </c>
      <c r="C37578" s="14" t="s">
        <v>23</v>
      </c>
      <c r="D37578" s="14" t="s">
        <v>225</v>
      </c>
      <c r="E37578" s="15">
        <v>45724</v>
      </c>
      <c r="F37578" s="14" t="s">
        <v>53</v>
      </c>
      <c r="G37578" s="16">
        <v>4.5195327747141825</v>
      </c>
    </row>
    <row r="37579" spans="1:7" x14ac:dyDescent="0.3">
      <c r="A37579" s="13" t="s">
        <v>224</v>
      </c>
      <c r="B37579" s="14" t="s">
        <v>1</v>
      </c>
      <c r="C37579" s="14" t="s">
        <v>23</v>
      </c>
      <c r="D37579" s="14" t="s">
        <v>225</v>
      </c>
      <c r="E37579" s="15">
        <v>45725</v>
      </c>
      <c r="F37579" s="14" t="s">
        <v>53</v>
      </c>
      <c r="G37579" s="16">
        <v>4.5195327747141825</v>
      </c>
    </row>
    <row r="37580" spans="1:7" x14ac:dyDescent="0.3">
      <c r="A37580" s="13" t="s">
        <v>224</v>
      </c>
      <c r="B37580" s="14" t="s">
        <v>1</v>
      </c>
      <c r="C37580" s="14" t="s">
        <v>23</v>
      </c>
      <c r="D37580" s="14" t="s">
        <v>225</v>
      </c>
      <c r="E37580" s="15">
        <v>45726</v>
      </c>
      <c r="F37580" s="14" t="s">
        <v>53</v>
      </c>
      <c r="G37580" s="16">
        <v>4.5553848907278063</v>
      </c>
    </row>
    <row r="37581" spans="1:7" x14ac:dyDescent="0.3">
      <c r="A37581" s="13" t="s">
        <v>224</v>
      </c>
      <c r="B37581" s="14" t="s">
        <v>1</v>
      </c>
      <c r="C37581" s="14" t="s">
        <v>23</v>
      </c>
      <c r="D37581" s="14" t="s">
        <v>225</v>
      </c>
      <c r="E37581" s="15">
        <v>45727</v>
      </c>
      <c r="F37581" s="14" t="s">
        <v>53</v>
      </c>
      <c r="G37581" s="16">
        <v>4.5682786125312758</v>
      </c>
    </row>
    <row r="37582" spans="1:7" x14ac:dyDescent="0.3">
      <c r="A37582" s="13" t="s">
        <v>224</v>
      </c>
      <c r="B37582" s="14" t="s">
        <v>1</v>
      </c>
      <c r="C37582" s="14" t="s">
        <v>23</v>
      </c>
      <c r="D37582" s="14" t="s">
        <v>225</v>
      </c>
      <c r="E37582" s="15">
        <v>45728</v>
      </c>
      <c r="F37582" s="14" t="s">
        <v>53</v>
      </c>
      <c r="G37582" s="16">
        <v>4.5783415308067719</v>
      </c>
    </row>
    <row r="37583" spans="1:7" x14ac:dyDescent="0.3">
      <c r="A37583" s="13" t="s">
        <v>224</v>
      </c>
      <c r="B37583" s="14" t="s">
        <v>1</v>
      </c>
      <c r="C37583" s="14" t="s">
        <v>23</v>
      </c>
      <c r="D37583" s="14" t="s">
        <v>225</v>
      </c>
      <c r="E37583" s="15">
        <v>45729</v>
      </c>
      <c r="F37583" s="14" t="s">
        <v>53</v>
      </c>
      <c r="G37583" s="16">
        <v>4.5945242147657392</v>
      </c>
    </row>
    <row r="37584" spans="1:7" x14ac:dyDescent="0.3">
      <c r="A37584" s="13" t="s">
        <v>224</v>
      </c>
      <c r="B37584" s="14" t="s">
        <v>1</v>
      </c>
      <c r="C37584" s="14" t="s">
        <v>23</v>
      </c>
      <c r="D37584" s="14" t="s">
        <v>225</v>
      </c>
      <c r="E37584" s="15">
        <v>45730</v>
      </c>
      <c r="F37584" s="14" t="s">
        <v>53</v>
      </c>
      <c r="G37584" s="16">
        <v>4.5179570954992787</v>
      </c>
    </row>
    <row r="37585" spans="1:7" x14ac:dyDescent="0.3">
      <c r="A37585" s="13" t="s">
        <v>224</v>
      </c>
      <c r="B37585" s="14" t="s">
        <v>1</v>
      </c>
      <c r="C37585" s="14" t="s">
        <v>23</v>
      </c>
      <c r="D37585" s="14" t="s">
        <v>225</v>
      </c>
      <c r="E37585" s="15">
        <v>45731</v>
      </c>
      <c r="F37585" s="14" t="s">
        <v>53</v>
      </c>
      <c r="G37585" s="16">
        <v>4.5179570954992787</v>
      </c>
    </row>
    <row r="37586" spans="1:7" x14ac:dyDescent="0.3">
      <c r="A37586" s="13" t="s">
        <v>224</v>
      </c>
      <c r="B37586" s="14" t="s">
        <v>1</v>
      </c>
      <c r="C37586" s="14" t="s">
        <v>23</v>
      </c>
      <c r="D37586" s="14" t="s">
        <v>225</v>
      </c>
      <c r="E37586" s="15">
        <v>45732</v>
      </c>
      <c r="F37586" s="14" t="s">
        <v>53</v>
      </c>
      <c r="G37586" s="16">
        <v>4.5179570954992787</v>
      </c>
    </row>
    <row r="37587" spans="1:7" x14ac:dyDescent="0.3">
      <c r="A37587" s="13" t="s">
        <v>224</v>
      </c>
      <c r="B37587" s="14" t="s">
        <v>1</v>
      </c>
      <c r="C37587" s="14" t="s">
        <v>23</v>
      </c>
      <c r="D37587" s="14" t="s">
        <v>225</v>
      </c>
      <c r="E37587" s="15">
        <v>45733</v>
      </c>
      <c r="F37587" s="14" t="s">
        <v>53</v>
      </c>
      <c r="G37587" s="16">
        <v>4.5179570954992787</v>
      </c>
    </row>
    <row r="37588" spans="1:7" x14ac:dyDescent="0.3">
      <c r="A37588" s="13" t="s">
        <v>224</v>
      </c>
      <c r="B37588" s="14" t="s">
        <v>1</v>
      </c>
      <c r="C37588" s="14" t="s">
        <v>23</v>
      </c>
      <c r="D37588" s="14" t="s">
        <v>225</v>
      </c>
      <c r="E37588" s="15">
        <v>45734</v>
      </c>
      <c r="F37588" s="14" t="s">
        <v>53</v>
      </c>
      <c r="G37588" s="16">
        <v>4.5059297547276982</v>
      </c>
    </row>
    <row r="37589" spans="1:7" x14ac:dyDescent="0.3">
      <c r="A37589" s="13" t="s">
        <v>224</v>
      </c>
      <c r="B37589" s="14" t="s">
        <v>1</v>
      </c>
      <c r="C37589" s="14" t="s">
        <v>23</v>
      </c>
      <c r="D37589" s="14" t="s">
        <v>225</v>
      </c>
      <c r="E37589" s="15">
        <v>45735</v>
      </c>
      <c r="F37589" s="14" t="s">
        <v>53</v>
      </c>
      <c r="G37589" s="16">
        <v>4.5494368695296759</v>
      </c>
    </row>
    <row r="37590" spans="1:7" x14ac:dyDescent="0.3">
      <c r="A37590" s="13" t="s">
        <v>224</v>
      </c>
      <c r="B37590" s="14" t="s">
        <v>1</v>
      </c>
      <c r="C37590" s="14" t="s">
        <v>23</v>
      </c>
      <c r="D37590" s="14" t="s">
        <v>225</v>
      </c>
      <c r="E37590" s="15">
        <v>45736</v>
      </c>
      <c r="F37590" s="14" t="s">
        <v>53</v>
      </c>
      <c r="G37590" s="16">
        <v>4.5752828944394661</v>
      </c>
    </row>
    <row r="37591" spans="1:7" x14ac:dyDescent="0.3">
      <c r="A37591" s="13" t="s">
        <v>224</v>
      </c>
      <c r="B37591" s="14" t="s">
        <v>1</v>
      </c>
      <c r="C37591" s="14" t="s">
        <v>23</v>
      </c>
      <c r="D37591" s="14" t="s">
        <v>225</v>
      </c>
      <c r="E37591" s="15">
        <v>45737</v>
      </c>
      <c r="F37591" s="14" t="s">
        <v>53</v>
      </c>
      <c r="G37591" s="16">
        <v>4.6063575820238789</v>
      </c>
    </row>
    <row r="37592" spans="1:7" x14ac:dyDescent="0.3">
      <c r="A37592" s="13" t="s">
        <v>224</v>
      </c>
      <c r="B37592" s="14" t="s">
        <v>1</v>
      </c>
      <c r="C37592" s="14" t="s">
        <v>23</v>
      </c>
      <c r="D37592" s="14" t="s">
        <v>225</v>
      </c>
      <c r="E37592" s="15">
        <v>45738</v>
      </c>
      <c r="F37592" s="14" t="s">
        <v>53</v>
      </c>
      <c r="G37592" s="16">
        <v>4.6063575820238789</v>
      </c>
    </row>
    <row r="37593" spans="1:7" x14ac:dyDescent="0.3">
      <c r="A37593" s="13" t="s">
        <v>224</v>
      </c>
      <c r="B37593" s="14" t="s">
        <v>1</v>
      </c>
      <c r="C37593" s="14" t="s">
        <v>23</v>
      </c>
      <c r="D37593" s="14" t="s">
        <v>225</v>
      </c>
      <c r="E37593" s="15">
        <v>45739</v>
      </c>
      <c r="F37593" s="14" t="s">
        <v>53</v>
      </c>
      <c r="G37593" s="16">
        <v>4.6063575820238789</v>
      </c>
    </row>
    <row r="37594" spans="1:7" x14ac:dyDescent="0.3">
      <c r="A37594" s="13" t="s">
        <v>224</v>
      </c>
      <c r="B37594" s="14" t="s">
        <v>1</v>
      </c>
      <c r="C37594" s="14" t="s">
        <v>23</v>
      </c>
      <c r="D37594" s="14" t="s">
        <v>225</v>
      </c>
      <c r="E37594" s="15">
        <v>45740</v>
      </c>
      <c r="F37594" s="14" t="s">
        <v>53</v>
      </c>
      <c r="G37594" s="16">
        <v>4.6164501888120126</v>
      </c>
    </row>
    <row r="37595" spans="1:7" x14ac:dyDescent="0.3">
      <c r="A37595" s="13" t="s">
        <v>224</v>
      </c>
      <c r="B37595" s="14" t="s">
        <v>1</v>
      </c>
      <c r="C37595" s="14" t="s">
        <v>23</v>
      </c>
      <c r="D37595" s="14" t="s">
        <v>225</v>
      </c>
      <c r="E37595" s="15">
        <v>45741</v>
      </c>
      <c r="F37595" s="14" t="s">
        <v>53</v>
      </c>
      <c r="G37595" s="16">
        <v>4.6497497568950097</v>
      </c>
    </row>
    <row r="37596" spans="1:7" x14ac:dyDescent="0.3">
      <c r="A37596" s="13" t="s">
        <v>224</v>
      </c>
      <c r="B37596" s="14" t="s">
        <v>1</v>
      </c>
      <c r="C37596" s="14" t="s">
        <v>23</v>
      </c>
      <c r="D37596" s="14" t="s">
        <v>225</v>
      </c>
      <c r="E37596" s="15">
        <v>45742</v>
      </c>
      <c r="F37596" s="14" t="s">
        <v>53</v>
      </c>
      <c r="G37596" s="16">
        <v>4.6821134021872117</v>
      </c>
    </row>
    <row r="37597" spans="1:7" x14ac:dyDescent="0.3">
      <c r="A37597" s="13" t="s">
        <v>224</v>
      </c>
      <c r="B37597" s="14" t="s">
        <v>1</v>
      </c>
      <c r="C37597" s="14" t="s">
        <v>23</v>
      </c>
      <c r="D37597" s="14" t="s">
        <v>225</v>
      </c>
      <c r="E37597" s="15">
        <v>45743</v>
      </c>
      <c r="F37597" s="14" t="s">
        <v>53</v>
      </c>
      <c r="G37597" s="16">
        <v>4.6734816243363726</v>
      </c>
    </row>
    <row r="37598" spans="1:7" x14ac:dyDescent="0.3">
      <c r="A37598" s="13" t="s">
        <v>224</v>
      </c>
      <c r="B37598" s="14" t="s">
        <v>1</v>
      </c>
      <c r="C37598" s="14" t="s">
        <v>23</v>
      </c>
      <c r="D37598" s="14" t="s">
        <v>225</v>
      </c>
      <c r="E37598" s="15">
        <v>45744</v>
      </c>
      <c r="F37598" s="14" t="s">
        <v>53</v>
      </c>
      <c r="G37598" s="16">
        <v>4.6891477307077709</v>
      </c>
    </row>
    <row r="37599" spans="1:7" x14ac:dyDescent="0.3">
      <c r="A37599" s="13" t="s">
        <v>224</v>
      </c>
      <c r="B37599" s="14" t="s">
        <v>1</v>
      </c>
      <c r="C37599" s="14" t="s">
        <v>23</v>
      </c>
      <c r="D37599" s="14" t="s">
        <v>225</v>
      </c>
      <c r="E37599" s="15">
        <v>45745</v>
      </c>
      <c r="F37599" s="14" t="s">
        <v>53</v>
      </c>
      <c r="G37599" s="16">
        <v>4.6891477307077709</v>
      </c>
    </row>
    <row r="37600" spans="1:7" x14ac:dyDescent="0.3">
      <c r="A37600" s="13" t="s">
        <v>224</v>
      </c>
      <c r="B37600" s="14" t="s">
        <v>1</v>
      </c>
      <c r="C37600" s="14" t="s">
        <v>23</v>
      </c>
      <c r="D37600" s="14" t="s">
        <v>225</v>
      </c>
      <c r="E37600" s="15">
        <v>45746</v>
      </c>
      <c r="F37600" s="14" t="s">
        <v>53</v>
      </c>
      <c r="G37600" s="16">
        <v>4.6891477307077709</v>
      </c>
    </row>
    <row r="37601" spans="1:7" x14ac:dyDescent="0.3">
      <c r="A37601" s="13" t="s">
        <v>224</v>
      </c>
      <c r="B37601" s="14" t="s">
        <v>1</v>
      </c>
      <c r="C37601" s="14" t="s">
        <v>23</v>
      </c>
      <c r="D37601" s="14" t="s">
        <v>225</v>
      </c>
      <c r="E37601" s="15">
        <v>45747</v>
      </c>
      <c r="F37601" s="14" t="s">
        <v>53</v>
      </c>
      <c r="G37601" s="16">
        <v>4.7120882710522372</v>
      </c>
    </row>
    <row r="37602" spans="1:7" x14ac:dyDescent="0.3">
      <c r="A37602" s="13" t="s">
        <v>226</v>
      </c>
      <c r="B37602" s="14" t="s">
        <v>1</v>
      </c>
      <c r="C37602" s="14" t="s">
        <v>157</v>
      </c>
      <c r="D37602" s="14" t="s">
        <v>227</v>
      </c>
      <c r="E37602" s="15">
        <v>45383</v>
      </c>
      <c r="F37602" s="14" t="s">
        <v>15</v>
      </c>
      <c r="G37602" s="16">
        <v>0</v>
      </c>
    </row>
    <row r="37603" spans="1:7" x14ac:dyDescent="0.3">
      <c r="A37603" s="13" t="s">
        <v>226</v>
      </c>
      <c r="B37603" s="14" t="s">
        <v>1</v>
      </c>
      <c r="C37603" s="14" t="s">
        <v>157</v>
      </c>
      <c r="D37603" s="14" t="s">
        <v>227</v>
      </c>
      <c r="E37603" s="15">
        <v>45384</v>
      </c>
      <c r="F37603" s="14" t="s">
        <v>15</v>
      </c>
      <c r="G37603" s="16">
        <v>0</v>
      </c>
    </row>
    <row r="37604" spans="1:7" x14ac:dyDescent="0.3">
      <c r="A37604" s="13" t="s">
        <v>226</v>
      </c>
      <c r="B37604" s="14" t="s">
        <v>1</v>
      </c>
      <c r="C37604" s="14" t="s">
        <v>157</v>
      </c>
      <c r="D37604" s="14" t="s">
        <v>227</v>
      </c>
      <c r="E37604" s="15">
        <v>45385</v>
      </c>
      <c r="F37604" s="14" t="s">
        <v>15</v>
      </c>
      <c r="G37604" s="16">
        <v>0</v>
      </c>
    </row>
    <row r="37605" spans="1:7" x14ac:dyDescent="0.3">
      <c r="A37605" s="13" t="s">
        <v>226</v>
      </c>
      <c r="B37605" s="14" t="s">
        <v>1</v>
      </c>
      <c r="C37605" s="14" t="s">
        <v>157</v>
      </c>
      <c r="D37605" s="14" t="s">
        <v>227</v>
      </c>
      <c r="E37605" s="15">
        <v>45386</v>
      </c>
      <c r="F37605" s="14" t="s">
        <v>15</v>
      </c>
      <c r="G37605" s="16">
        <v>0</v>
      </c>
    </row>
    <row r="37606" spans="1:7" x14ac:dyDescent="0.3">
      <c r="A37606" s="13" t="s">
        <v>226</v>
      </c>
      <c r="B37606" s="14" t="s">
        <v>1</v>
      </c>
      <c r="C37606" s="14" t="s">
        <v>157</v>
      </c>
      <c r="D37606" s="14" t="s">
        <v>227</v>
      </c>
      <c r="E37606" s="15">
        <v>45387</v>
      </c>
      <c r="F37606" s="14" t="s">
        <v>15</v>
      </c>
      <c r="G37606" s="16">
        <v>0</v>
      </c>
    </row>
    <row r="37607" spans="1:7" x14ac:dyDescent="0.3">
      <c r="A37607" s="13" t="s">
        <v>226</v>
      </c>
      <c r="B37607" s="14" t="s">
        <v>1</v>
      </c>
      <c r="C37607" s="14" t="s">
        <v>157</v>
      </c>
      <c r="D37607" s="14" t="s">
        <v>227</v>
      </c>
      <c r="E37607" s="15">
        <v>45388</v>
      </c>
      <c r="F37607" s="14" t="s">
        <v>15</v>
      </c>
      <c r="G37607" s="16">
        <v>0</v>
      </c>
    </row>
    <row r="37608" spans="1:7" x14ac:dyDescent="0.3">
      <c r="A37608" s="13" t="s">
        <v>226</v>
      </c>
      <c r="B37608" s="14" t="s">
        <v>1</v>
      </c>
      <c r="C37608" s="14" t="s">
        <v>157</v>
      </c>
      <c r="D37608" s="14" t="s">
        <v>227</v>
      </c>
      <c r="E37608" s="15">
        <v>45389</v>
      </c>
      <c r="F37608" s="14" t="s">
        <v>15</v>
      </c>
      <c r="G37608" s="16">
        <v>0</v>
      </c>
    </row>
    <row r="37609" spans="1:7" x14ac:dyDescent="0.3">
      <c r="A37609" s="13" t="s">
        <v>226</v>
      </c>
      <c r="B37609" s="14" t="s">
        <v>1</v>
      </c>
      <c r="C37609" s="14" t="s">
        <v>157</v>
      </c>
      <c r="D37609" s="14" t="s">
        <v>227</v>
      </c>
      <c r="E37609" s="15">
        <v>45390</v>
      </c>
      <c r="F37609" s="14" t="s">
        <v>15</v>
      </c>
      <c r="G37609" s="16">
        <v>0.12500633015769408</v>
      </c>
    </row>
    <row r="37610" spans="1:7" x14ac:dyDescent="0.3">
      <c r="A37610" s="13" t="s">
        <v>226</v>
      </c>
      <c r="B37610" s="14" t="s">
        <v>1</v>
      </c>
      <c r="C37610" s="14" t="s">
        <v>157</v>
      </c>
      <c r="D37610" s="14" t="s">
        <v>227</v>
      </c>
      <c r="E37610" s="15">
        <v>45391</v>
      </c>
      <c r="F37610" s="14" t="s">
        <v>15</v>
      </c>
      <c r="G37610" s="16">
        <v>0.12300791269711761</v>
      </c>
    </row>
    <row r="37611" spans="1:7" x14ac:dyDescent="0.3">
      <c r="A37611" s="13" t="s">
        <v>226</v>
      </c>
      <c r="B37611" s="14" t="s">
        <v>1</v>
      </c>
      <c r="C37611" s="14" t="s">
        <v>157</v>
      </c>
      <c r="D37611" s="14" t="s">
        <v>227</v>
      </c>
      <c r="E37611" s="15">
        <v>45392</v>
      </c>
      <c r="F37611" s="14" t="s">
        <v>15</v>
      </c>
      <c r="G37611" s="16">
        <v>0.12300791269711761</v>
      </c>
    </row>
    <row r="37612" spans="1:7" x14ac:dyDescent="0.3">
      <c r="A37612" s="13" t="s">
        <v>226</v>
      </c>
      <c r="B37612" s="14" t="s">
        <v>1</v>
      </c>
      <c r="C37612" s="14" t="s">
        <v>157</v>
      </c>
      <c r="D37612" s="14" t="s">
        <v>227</v>
      </c>
      <c r="E37612" s="15">
        <v>45393</v>
      </c>
      <c r="F37612" s="14" t="s">
        <v>15</v>
      </c>
      <c r="G37612" s="16">
        <v>0.12300949523654114</v>
      </c>
    </row>
    <row r="37613" spans="1:7" x14ac:dyDescent="0.3">
      <c r="A37613" s="13" t="s">
        <v>226</v>
      </c>
      <c r="B37613" s="14" t="s">
        <v>1</v>
      </c>
      <c r="C37613" s="14" t="s">
        <v>157</v>
      </c>
      <c r="D37613" s="14" t="s">
        <v>227</v>
      </c>
      <c r="E37613" s="15">
        <v>45394</v>
      </c>
      <c r="F37613" s="14" t="s">
        <v>15</v>
      </c>
      <c r="G37613" s="16">
        <v>0.26701107777596467</v>
      </c>
    </row>
    <row r="37614" spans="1:7" x14ac:dyDescent="0.3">
      <c r="A37614" s="13" t="s">
        <v>226</v>
      </c>
      <c r="B37614" s="14" t="s">
        <v>1</v>
      </c>
      <c r="C37614" s="14" t="s">
        <v>157</v>
      </c>
      <c r="D37614" s="14" t="s">
        <v>227</v>
      </c>
      <c r="E37614" s="15">
        <v>45395</v>
      </c>
      <c r="F37614" s="14" t="s">
        <v>15</v>
      </c>
      <c r="G37614" s="16">
        <v>0.26701107777596467</v>
      </c>
    </row>
    <row r="37615" spans="1:7" x14ac:dyDescent="0.3">
      <c r="A37615" s="13" t="s">
        <v>226</v>
      </c>
      <c r="B37615" s="14" t="s">
        <v>1</v>
      </c>
      <c r="C37615" s="14" t="s">
        <v>157</v>
      </c>
      <c r="D37615" s="14" t="s">
        <v>227</v>
      </c>
      <c r="E37615" s="15">
        <v>45396</v>
      </c>
      <c r="F37615" s="14" t="s">
        <v>15</v>
      </c>
      <c r="G37615" s="16">
        <v>0.26701107777596467</v>
      </c>
    </row>
    <row r="37616" spans="1:7" x14ac:dyDescent="0.3">
      <c r="A37616" s="13" t="s">
        <v>226</v>
      </c>
      <c r="B37616" s="14" t="s">
        <v>1</v>
      </c>
      <c r="C37616" s="14" t="s">
        <v>157</v>
      </c>
      <c r="D37616" s="14" t="s">
        <v>227</v>
      </c>
      <c r="E37616" s="15">
        <v>45397</v>
      </c>
      <c r="F37616" s="14" t="s">
        <v>15</v>
      </c>
      <c r="G37616" s="16">
        <v>0.26701266031538817</v>
      </c>
    </row>
    <row r="37617" spans="1:7" x14ac:dyDescent="0.3">
      <c r="A37617" s="13" t="s">
        <v>226</v>
      </c>
      <c r="B37617" s="14" t="s">
        <v>1</v>
      </c>
      <c r="C37617" s="14" t="s">
        <v>157</v>
      </c>
      <c r="D37617" s="14" t="s">
        <v>227</v>
      </c>
      <c r="E37617" s="15">
        <v>45398</v>
      </c>
      <c r="F37617" s="14" t="s">
        <v>15</v>
      </c>
      <c r="G37617" s="16">
        <v>0.26501424285481168</v>
      </c>
    </row>
    <row r="37618" spans="1:7" x14ac:dyDescent="0.3">
      <c r="A37618" s="13" t="s">
        <v>226</v>
      </c>
      <c r="B37618" s="14" t="s">
        <v>1</v>
      </c>
      <c r="C37618" s="14" t="s">
        <v>157</v>
      </c>
      <c r="D37618" s="14" t="s">
        <v>227</v>
      </c>
      <c r="E37618" s="15">
        <v>45399</v>
      </c>
      <c r="F37618" s="14" t="s">
        <v>15</v>
      </c>
      <c r="G37618" s="16">
        <v>0.26501582539423518</v>
      </c>
    </row>
    <row r="37619" spans="1:7" x14ac:dyDescent="0.3">
      <c r="A37619" s="13" t="s">
        <v>226</v>
      </c>
      <c r="B37619" s="14" t="s">
        <v>1</v>
      </c>
      <c r="C37619" s="14" t="s">
        <v>157</v>
      </c>
      <c r="D37619" s="14" t="s">
        <v>227</v>
      </c>
      <c r="E37619" s="15">
        <v>45400</v>
      </c>
      <c r="F37619" s="14" t="s">
        <v>15</v>
      </c>
      <c r="G37619" s="16">
        <v>0.26501740793365869</v>
      </c>
    </row>
    <row r="37620" spans="1:7" x14ac:dyDescent="0.3">
      <c r="A37620" s="13" t="s">
        <v>226</v>
      </c>
      <c r="B37620" s="14" t="s">
        <v>1</v>
      </c>
      <c r="C37620" s="14" t="s">
        <v>157</v>
      </c>
      <c r="D37620" s="14" t="s">
        <v>227</v>
      </c>
      <c r="E37620" s="15">
        <v>45401</v>
      </c>
      <c r="F37620" s="14" t="s">
        <v>15</v>
      </c>
      <c r="G37620" s="16">
        <v>0.2420189904730822</v>
      </c>
    </row>
    <row r="37621" spans="1:7" x14ac:dyDescent="0.3">
      <c r="A37621" s="13" t="s">
        <v>226</v>
      </c>
      <c r="B37621" s="14" t="s">
        <v>1</v>
      </c>
      <c r="C37621" s="14" t="s">
        <v>157</v>
      </c>
      <c r="D37621" s="14" t="s">
        <v>227</v>
      </c>
      <c r="E37621" s="15">
        <v>45402</v>
      </c>
      <c r="F37621" s="14" t="s">
        <v>15</v>
      </c>
      <c r="G37621" s="16">
        <v>0.2420189904730822</v>
      </c>
    </row>
    <row r="37622" spans="1:7" x14ac:dyDescent="0.3">
      <c r="A37622" s="13" t="s">
        <v>226</v>
      </c>
      <c r="B37622" s="14" t="s">
        <v>1</v>
      </c>
      <c r="C37622" s="14" t="s">
        <v>157</v>
      </c>
      <c r="D37622" s="14" t="s">
        <v>227</v>
      </c>
      <c r="E37622" s="15">
        <v>45403</v>
      </c>
      <c r="F37622" s="14" t="s">
        <v>15</v>
      </c>
      <c r="G37622" s="16">
        <v>0.2420189904730822</v>
      </c>
    </row>
    <row r="37623" spans="1:7" x14ac:dyDescent="0.3">
      <c r="A37623" s="13" t="s">
        <v>226</v>
      </c>
      <c r="B37623" s="14" t="s">
        <v>1</v>
      </c>
      <c r="C37623" s="14" t="s">
        <v>157</v>
      </c>
      <c r="D37623" s="14" t="s">
        <v>227</v>
      </c>
      <c r="E37623" s="15">
        <v>45404</v>
      </c>
      <c r="F37623" s="14" t="s">
        <v>15</v>
      </c>
      <c r="G37623" s="16">
        <v>0.24202057301250571</v>
      </c>
    </row>
    <row r="37624" spans="1:7" x14ac:dyDescent="0.3">
      <c r="A37624" s="13" t="s">
        <v>226</v>
      </c>
      <c r="B37624" s="14" t="s">
        <v>1</v>
      </c>
      <c r="C37624" s="14" t="s">
        <v>157</v>
      </c>
      <c r="D37624" s="14" t="s">
        <v>227</v>
      </c>
      <c r="E37624" s="15">
        <v>45405</v>
      </c>
      <c r="F37624" s="14" t="s">
        <v>15</v>
      </c>
      <c r="G37624" s="16">
        <v>0.28702215555192923</v>
      </c>
    </row>
    <row r="37625" spans="1:7" x14ac:dyDescent="0.3">
      <c r="A37625" s="13" t="s">
        <v>226</v>
      </c>
      <c r="B37625" s="14" t="s">
        <v>1</v>
      </c>
      <c r="C37625" s="14" t="s">
        <v>157</v>
      </c>
      <c r="D37625" s="14" t="s">
        <v>227</v>
      </c>
      <c r="E37625" s="15">
        <v>45406</v>
      </c>
      <c r="F37625" s="14" t="s">
        <v>15</v>
      </c>
      <c r="G37625" s="16">
        <v>0.28602373809135273</v>
      </c>
    </row>
    <row r="37626" spans="1:7" x14ac:dyDescent="0.3">
      <c r="A37626" s="13" t="s">
        <v>226</v>
      </c>
      <c r="B37626" s="14" t="s">
        <v>1</v>
      </c>
      <c r="C37626" s="14" t="s">
        <v>157</v>
      </c>
      <c r="D37626" s="14" t="s">
        <v>227</v>
      </c>
      <c r="E37626" s="15">
        <v>45407</v>
      </c>
      <c r="F37626" s="14" t="s">
        <v>15</v>
      </c>
      <c r="G37626" s="16">
        <v>0.28602532063077624</v>
      </c>
    </row>
    <row r="37627" spans="1:7" x14ac:dyDescent="0.3">
      <c r="A37627" s="13" t="s">
        <v>226</v>
      </c>
      <c r="B37627" s="14" t="s">
        <v>1</v>
      </c>
      <c r="C37627" s="14" t="s">
        <v>157</v>
      </c>
      <c r="D37627" s="14" t="s">
        <v>227</v>
      </c>
      <c r="E37627" s="15">
        <v>45408</v>
      </c>
      <c r="F37627" s="14" t="s">
        <v>15</v>
      </c>
      <c r="G37627" s="16">
        <v>0.39302690317019978</v>
      </c>
    </row>
    <row r="37628" spans="1:7" x14ac:dyDescent="0.3">
      <c r="A37628" s="13" t="s">
        <v>226</v>
      </c>
      <c r="B37628" s="14" t="s">
        <v>1</v>
      </c>
      <c r="C37628" s="14" t="s">
        <v>157</v>
      </c>
      <c r="D37628" s="14" t="s">
        <v>227</v>
      </c>
      <c r="E37628" s="15">
        <v>45409</v>
      </c>
      <c r="F37628" s="14" t="s">
        <v>15</v>
      </c>
      <c r="G37628" s="16">
        <v>0.39302690317019978</v>
      </c>
    </row>
    <row r="37629" spans="1:7" x14ac:dyDescent="0.3">
      <c r="A37629" s="13" t="s">
        <v>226</v>
      </c>
      <c r="B37629" s="14" t="s">
        <v>1</v>
      </c>
      <c r="C37629" s="14" t="s">
        <v>157</v>
      </c>
      <c r="D37629" s="14" t="s">
        <v>227</v>
      </c>
      <c r="E37629" s="15">
        <v>45410</v>
      </c>
      <c r="F37629" s="14" t="s">
        <v>15</v>
      </c>
      <c r="G37629" s="16">
        <v>0.39302690317019978</v>
      </c>
    </row>
    <row r="37630" spans="1:7" x14ac:dyDescent="0.3">
      <c r="A37630" s="13" t="s">
        <v>226</v>
      </c>
      <c r="B37630" s="14" t="s">
        <v>1</v>
      </c>
      <c r="C37630" s="14" t="s">
        <v>157</v>
      </c>
      <c r="D37630" s="14" t="s">
        <v>227</v>
      </c>
      <c r="E37630" s="15">
        <v>45411</v>
      </c>
      <c r="F37630" s="14" t="s">
        <v>15</v>
      </c>
      <c r="G37630" s="16">
        <v>0.42402848570962332</v>
      </c>
    </row>
    <row r="37631" spans="1:7" x14ac:dyDescent="0.3">
      <c r="A37631" s="13" t="s">
        <v>226</v>
      </c>
      <c r="B37631" s="14" t="s">
        <v>1</v>
      </c>
      <c r="C37631" s="14" t="s">
        <v>157</v>
      </c>
      <c r="D37631" s="14" t="s">
        <v>227</v>
      </c>
      <c r="E37631" s="15">
        <v>45412</v>
      </c>
      <c r="F37631" s="14" t="s">
        <v>15</v>
      </c>
      <c r="G37631" s="16">
        <v>0.52903006824904675</v>
      </c>
    </row>
    <row r="37632" spans="1:7" x14ac:dyDescent="0.3">
      <c r="A37632" s="13" t="s">
        <v>226</v>
      </c>
      <c r="B37632" s="14" t="s">
        <v>1</v>
      </c>
      <c r="C37632" s="14" t="s">
        <v>157</v>
      </c>
      <c r="D37632" s="14" t="s">
        <v>227</v>
      </c>
      <c r="E37632" s="15">
        <v>45413</v>
      </c>
      <c r="F37632" s="14" t="s">
        <v>15</v>
      </c>
      <c r="G37632" s="16">
        <v>0.52903006824904675</v>
      </c>
    </row>
    <row r="37633" spans="1:7" x14ac:dyDescent="0.3">
      <c r="A37633" s="13" t="s">
        <v>226</v>
      </c>
      <c r="B37633" s="14" t="s">
        <v>1</v>
      </c>
      <c r="C37633" s="14" t="s">
        <v>157</v>
      </c>
      <c r="D37633" s="14" t="s">
        <v>227</v>
      </c>
      <c r="E37633" s="15">
        <v>45414</v>
      </c>
      <c r="F37633" s="14" t="s">
        <v>15</v>
      </c>
      <c r="G37633" s="16">
        <v>0.52803165078847036</v>
      </c>
    </row>
    <row r="37634" spans="1:7" x14ac:dyDescent="0.3">
      <c r="A37634" s="13" t="s">
        <v>226</v>
      </c>
      <c r="B37634" s="14" t="s">
        <v>1</v>
      </c>
      <c r="C37634" s="14" t="s">
        <v>157</v>
      </c>
      <c r="D37634" s="14" t="s">
        <v>227</v>
      </c>
      <c r="E37634" s="15">
        <v>45415</v>
      </c>
      <c r="F37634" s="14" t="s">
        <v>15</v>
      </c>
      <c r="G37634" s="16">
        <v>0.52803323332789387</v>
      </c>
    </row>
    <row r="37635" spans="1:7" x14ac:dyDescent="0.3">
      <c r="A37635" s="13" t="s">
        <v>226</v>
      </c>
      <c r="B37635" s="14" t="s">
        <v>1</v>
      </c>
      <c r="C37635" s="14" t="s">
        <v>157</v>
      </c>
      <c r="D37635" s="14" t="s">
        <v>227</v>
      </c>
      <c r="E37635" s="15">
        <v>45416</v>
      </c>
      <c r="F37635" s="14" t="s">
        <v>15</v>
      </c>
      <c r="G37635" s="16">
        <v>0.52803323332789387</v>
      </c>
    </row>
    <row r="37636" spans="1:7" x14ac:dyDescent="0.3">
      <c r="A37636" s="13" t="s">
        <v>226</v>
      </c>
      <c r="B37636" s="14" t="s">
        <v>1</v>
      </c>
      <c r="C37636" s="14" t="s">
        <v>157</v>
      </c>
      <c r="D37636" s="14" t="s">
        <v>227</v>
      </c>
      <c r="E37636" s="15">
        <v>45417</v>
      </c>
      <c r="F37636" s="14" t="s">
        <v>15</v>
      </c>
      <c r="G37636" s="16">
        <v>0.52803323332789387</v>
      </c>
    </row>
    <row r="37637" spans="1:7" x14ac:dyDescent="0.3">
      <c r="A37637" s="13" t="s">
        <v>226</v>
      </c>
      <c r="B37637" s="14" t="s">
        <v>1</v>
      </c>
      <c r="C37637" s="14" t="s">
        <v>157</v>
      </c>
      <c r="D37637" s="14" t="s">
        <v>227</v>
      </c>
      <c r="E37637" s="15">
        <v>45418</v>
      </c>
      <c r="F37637" s="14" t="s">
        <v>15</v>
      </c>
      <c r="G37637" s="16">
        <v>0.52803323332789387</v>
      </c>
    </row>
    <row r="37638" spans="1:7" x14ac:dyDescent="0.3">
      <c r="A37638" s="13" t="s">
        <v>226</v>
      </c>
      <c r="B37638" s="14" t="s">
        <v>1</v>
      </c>
      <c r="C37638" s="14" t="s">
        <v>157</v>
      </c>
      <c r="D37638" s="14" t="s">
        <v>227</v>
      </c>
      <c r="E37638" s="15">
        <v>45419</v>
      </c>
      <c r="F37638" s="14" t="s">
        <v>15</v>
      </c>
      <c r="G37638" s="16">
        <v>0.52803481586731738</v>
      </c>
    </row>
    <row r="37639" spans="1:7" x14ac:dyDescent="0.3">
      <c r="A37639" s="13" t="s">
        <v>226</v>
      </c>
      <c r="B37639" s="14" t="s">
        <v>1</v>
      </c>
      <c r="C37639" s="14" t="s">
        <v>157</v>
      </c>
      <c r="D37639" s="14" t="s">
        <v>227</v>
      </c>
      <c r="E37639" s="15">
        <v>45420</v>
      </c>
      <c r="F37639" s="14" t="s">
        <v>15</v>
      </c>
      <c r="G37639" s="16">
        <v>0.52603639840674088</v>
      </c>
    </row>
    <row r="37640" spans="1:7" x14ac:dyDescent="0.3">
      <c r="A37640" s="13" t="s">
        <v>226</v>
      </c>
      <c r="B37640" s="14" t="s">
        <v>1</v>
      </c>
      <c r="C37640" s="14" t="s">
        <v>157</v>
      </c>
      <c r="D37640" s="14" t="s">
        <v>227</v>
      </c>
      <c r="E37640" s="15">
        <v>45421</v>
      </c>
      <c r="F37640" s="14" t="s">
        <v>15</v>
      </c>
      <c r="G37640" s="16">
        <v>0.65303798094616439</v>
      </c>
    </row>
    <row r="37641" spans="1:7" x14ac:dyDescent="0.3">
      <c r="A37641" s="13" t="s">
        <v>226</v>
      </c>
      <c r="B37641" s="14" t="s">
        <v>1</v>
      </c>
      <c r="C37641" s="14" t="s">
        <v>157</v>
      </c>
      <c r="D37641" s="14" t="s">
        <v>227</v>
      </c>
      <c r="E37641" s="15">
        <v>45422</v>
      </c>
      <c r="F37641" s="14" t="s">
        <v>15</v>
      </c>
      <c r="G37641" s="16">
        <v>0.94003956348558793</v>
      </c>
    </row>
    <row r="37642" spans="1:7" x14ac:dyDescent="0.3">
      <c r="A37642" s="13" t="s">
        <v>226</v>
      </c>
      <c r="B37642" s="14" t="s">
        <v>1</v>
      </c>
      <c r="C37642" s="14" t="s">
        <v>157</v>
      </c>
      <c r="D37642" s="14" t="s">
        <v>227</v>
      </c>
      <c r="E37642" s="15">
        <v>45423</v>
      </c>
      <c r="F37642" s="14" t="s">
        <v>15</v>
      </c>
      <c r="G37642" s="16">
        <v>0.94003956348558793</v>
      </c>
    </row>
    <row r="37643" spans="1:7" x14ac:dyDescent="0.3">
      <c r="A37643" s="13" t="s">
        <v>226</v>
      </c>
      <c r="B37643" s="14" t="s">
        <v>1</v>
      </c>
      <c r="C37643" s="14" t="s">
        <v>157</v>
      </c>
      <c r="D37643" s="14" t="s">
        <v>227</v>
      </c>
      <c r="E37643" s="15">
        <v>45424</v>
      </c>
      <c r="F37643" s="14" t="s">
        <v>15</v>
      </c>
      <c r="G37643" s="16">
        <v>0.94003956348558793</v>
      </c>
    </row>
    <row r="37644" spans="1:7" x14ac:dyDescent="0.3">
      <c r="A37644" s="13" t="s">
        <v>226</v>
      </c>
      <c r="B37644" s="14" t="s">
        <v>1</v>
      </c>
      <c r="C37644" s="14" t="s">
        <v>157</v>
      </c>
      <c r="D37644" s="14" t="s">
        <v>227</v>
      </c>
      <c r="E37644" s="15">
        <v>45425</v>
      </c>
      <c r="F37644" s="14" t="s">
        <v>15</v>
      </c>
      <c r="G37644" s="16">
        <v>0.94004114602501154</v>
      </c>
    </row>
    <row r="37645" spans="1:7" x14ac:dyDescent="0.3">
      <c r="A37645" s="13" t="s">
        <v>226</v>
      </c>
      <c r="B37645" s="14" t="s">
        <v>1</v>
      </c>
      <c r="C37645" s="14" t="s">
        <v>157</v>
      </c>
      <c r="D37645" s="14" t="s">
        <v>227</v>
      </c>
      <c r="E37645" s="15">
        <v>45426</v>
      </c>
      <c r="F37645" s="14" t="s">
        <v>15</v>
      </c>
      <c r="G37645" s="16">
        <v>0.97904272856443497</v>
      </c>
    </row>
    <row r="37646" spans="1:7" x14ac:dyDescent="0.3">
      <c r="A37646" s="13" t="s">
        <v>226</v>
      </c>
      <c r="B37646" s="14" t="s">
        <v>1</v>
      </c>
      <c r="C37646" s="14" t="s">
        <v>157</v>
      </c>
      <c r="D37646" s="14" t="s">
        <v>227</v>
      </c>
      <c r="E37646" s="15">
        <v>45427</v>
      </c>
      <c r="F37646" s="14" t="s">
        <v>15</v>
      </c>
      <c r="G37646" s="16">
        <v>1.1340443111038585</v>
      </c>
    </row>
    <row r="37647" spans="1:7" x14ac:dyDescent="0.3">
      <c r="A37647" s="13" t="s">
        <v>226</v>
      </c>
      <c r="B37647" s="14" t="s">
        <v>1</v>
      </c>
      <c r="C37647" s="14" t="s">
        <v>157</v>
      </c>
      <c r="D37647" s="14" t="s">
        <v>227</v>
      </c>
      <c r="E37647" s="15">
        <v>45428</v>
      </c>
      <c r="F37647" s="14" t="s">
        <v>15</v>
      </c>
      <c r="G37647" s="16">
        <v>1.134045893643282</v>
      </c>
    </row>
    <row r="37648" spans="1:7" x14ac:dyDescent="0.3">
      <c r="A37648" s="13" t="s">
        <v>226</v>
      </c>
      <c r="B37648" s="14" t="s">
        <v>1</v>
      </c>
      <c r="C37648" s="14" t="s">
        <v>157</v>
      </c>
      <c r="D37648" s="14" t="s">
        <v>227</v>
      </c>
      <c r="E37648" s="15">
        <v>45429</v>
      </c>
      <c r="F37648" s="14" t="s">
        <v>15</v>
      </c>
      <c r="G37648" s="16">
        <v>1.1300474761827055</v>
      </c>
    </row>
    <row r="37649" spans="1:7" x14ac:dyDescent="0.3">
      <c r="A37649" s="13" t="s">
        <v>226</v>
      </c>
      <c r="B37649" s="14" t="s">
        <v>1</v>
      </c>
      <c r="C37649" s="14" t="s">
        <v>157</v>
      </c>
      <c r="D37649" s="14" t="s">
        <v>227</v>
      </c>
      <c r="E37649" s="15">
        <v>45430</v>
      </c>
      <c r="F37649" s="14" t="s">
        <v>15</v>
      </c>
      <c r="G37649" s="16">
        <v>1.1300474761827055</v>
      </c>
    </row>
    <row r="37650" spans="1:7" x14ac:dyDescent="0.3">
      <c r="A37650" s="13" t="s">
        <v>226</v>
      </c>
      <c r="B37650" s="14" t="s">
        <v>1</v>
      </c>
      <c r="C37650" s="14" t="s">
        <v>157</v>
      </c>
      <c r="D37650" s="14" t="s">
        <v>227</v>
      </c>
      <c r="E37650" s="15">
        <v>45431</v>
      </c>
      <c r="F37650" s="14" t="s">
        <v>15</v>
      </c>
      <c r="G37650" s="16">
        <v>1.1300474761827055</v>
      </c>
    </row>
    <row r="37651" spans="1:7" x14ac:dyDescent="0.3">
      <c r="A37651" s="13" t="s">
        <v>226</v>
      </c>
      <c r="B37651" s="14" t="s">
        <v>1</v>
      </c>
      <c r="C37651" s="14" t="s">
        <v>157</v>
      </c>
      <c r="D37651" s="14" t="s">
        <v>227</v>
      </c>
      <c r="E37651" s="15">
        <v>45432</v>
      </c>
      <c r="F37651" s="14" t="s">
        <v>15</v>
      </c>
      <c r="G37651" s="16">
        <v>1.1300490587221292</v>
      </c>
    </row>
    <row r="37652" spans="1:7" x14ac:dyDescent="0.3">
      <c r="A37652" s="13" t="s">
        <v>226</v>
      </c>
      <c r="B37652" s="14" t="s">
        <v>1</v>
      </c>
      <c r="C37652" s="14" t="s">
        <v>157</v>
      </c>
      <c r="D37652" s="14" t="s">
        <v>227</v>
      </c>
      <c r="E37652" s="15">
        <v>45433</v>
      </c>
      <c r="F37652" s="14" t="s">
        <v>15</v>
      </c>
      <c r="G37652" s="16">
        <v>1.1280506412615527</v>
      </c>
    </row>
    <row r="37653" spans="1:7" x14ac:dyDescent="0.3">
      <c r="A37653" s="13" t="s">
        <v>226</v>
      </c>
      <c r="B37653" s="14" t="s">
        <v>1</v>
      </c>
      <c r="C37653" s="14" t="s">
        <v>157</v>
      </c>
      <c r="D37653" s="14" t="s">
        <v>227</v>
      </c>
      <c r="E37653" s="15">
        <v>45434</v>
      </c>
      <c r="F37653" s="14" t="s">
        <v>15</v>
      </c>
      <c r="G37653" s="16">
        <v>1.1280506412615527</v>
      </c>
    </row>
    <row r="37654" spans="1:7" x14ac:dyDescent="0.3">
      <c r="A37654" s="13" t="s">
        <v>226</v>
      </c>
      <c r="B37654" s="14" t="s">
        <v>1</v>
      </c>
      <c r="C37654" s="14" t="s">
        <v>157</v>
      </c>
      <c r="D37654" s="14" t="s">
        <v>227</v>
      </c>
      <c r="E37654" s="15">
        <v>45435</v>
      </c>
      <c r="F37654" s="14" t="s">
        <v>15</v>
      </c>
      <c r="G37654" s="16">
        <v>1.1280522238009763</v>
      </c>
    </row>
    <row r="37655" spans="1:7" x14ac:dyDescent="0.3">
      <c r="A37655" s="13" t="s">
        <v>226</v>
      </c>
      <c r="B37655" s="14" t="s">
        <v>1</v>
      </c>
      <c r="C37655" s="14" t="s">
        <v>157</v>
      </c>
      <c r="D37655" s="14" t="s">
        <v>227</v>
      </c>
      <c r="E37655" s="15">
        <v>45436</v>
      </c>
      <c r="F37655" s="14" t="s">
        <v>15</v>
      </c>
      <c r="G37655" s="16">
        <v>1.2010538063403997</v>
      </c>
    </row>
    <row r="37656" spans="1:7" x14ac:dyDescent="0.3">
      <c r="A37656" s="13" t="s">
        <v>226</v>
      </c>
      <c r="B37656" s="14" t="s">
        <v>1</v>
      </c>
      <c r="C37656" s="14" t="s">
        <v>157</v>
      </c>
      <c r="D37656" s="14" t="s">
        <v>227</v>
      </c>
      <c r="E37656" s="15">
        <v>45437</v>
      </c>
      <c r="F37656" s="14" t="s">
        <v>15</v>
      </c>
      <c r="G37656" s="16">
        <v>1.2010538063403997</v>
      </c>
    </row>
    <row r="37657" spans="1:7" x14ac:dyDescent="0.3">
      <c r="A37657" s="13" t="s">
        <v>226</v>
      </c>
      <c r="B37657" s="14" t="s">
        <v>1</v>
      </c>
      <c r="C37657" s="14" t="s">
        <v>157</v>
      </c>
      <c r="D37657" s="14" t="s">
        <v>227</v>
      </c>
      <c r="E37657" s="15">
        <v>45438</v>
      </c>
      <c r="F37657" s="14" t="s">
        <v>15</v>
      </c>
      <c r="G37657" s="16">
        <v>1.2010538063403997</v>
      </c>
    </row>
    <row r="37658" spans="1:7" x14ac:dyDescent="0.3">
      <c r="A37658" s="13" t="s">
        <v>226</v>
      </c>
      <c r="B37658" s="14" t="s">
        <v>1</v>
      </c>
      <c r="C37658" s="14" t="s">
        <v>157</v>
      </c>
      <c r="D37658" s="14" t="s">
        <v>227</v>
      </c>
      <c r="E37658" s="15">
        <v>45439</v>
      </c>
      <c r="F37658" s="14" t="s">
        <v>15</v>
      </c>
      <c r="G37658" s="16">
        <v>1.2010553888798232</v>
      </c>
    </row>
    <row r="37659" spans="1:7" x14ac:dyDescent="0.3">
      <c r="A37659" s="13" t="s">
        <v>226</v>
      </c>
      <c r="B37659" s="14" t="s">
        <v>1</v>
      </c>
      <c r="C37659" s="14" t="s">
        <v>157</v>
      </c>
      <c r="D37659" s="14" t="s">
        <v>227</v>
      </c>
      <c r="E37659" s="15">
        <v>45440</v>
      </c>
      <c r="F37659" s="14" t="s">
        <v>15</v>
      </c>
      <c r="G37659" s="16">
        <v>1.1990569714192467</v>
      </c>
    </row>
    <row r="37660" spans="1:7" x14ac:dyDescent="0.3">
      <c r="A37660" s="13" t="s">
        <v>226</v>
      </c>
      <c r="B37660" s="14" t="s">
        <v>1</v>
      </c>
      <c r="C37660" s="14" t="s">
        <v>157</v>
      </c>
      <c r="D37660" s="14" t="s">
        <v>227</v>
      </c>
      <c r="E37660" s="15">
        <v>45441</v>
      </c>
      <c r="F37660" s="14" t="s">
        <v>15</v>
      </c>
      <c r="G37660" s="16">
        <v>1.3220585539586702</v>
      </c>
    </row>
    <row r="37661" spans="1:7" x14ac:dyDescent="0.3">
      <c r="A37661" s="13" t="s">
        <v>226</v>
      </c>
      <c r="B37661" s="14" t="s">
        <v>1</v>
      </c>
      <c r="C37661" s="14" t="s">
        <v>157</v>
      </c>
      <c r="D37661" s="14" t="s">
        <v>227</v>
      </c>
      <c r="E37661" s="15">
        <v>45442</v>
      </c>
      <c r="F37661" s="14" t="s">
        <v>15</v>
      </c>
      <c r="G37661" s="16">
        <v>1.3850601364980937</v>
      </c>
    </row>
    <row r="37662" spans="1:7" x14ac:dyDescent="0.3">
      <c r="A37662" s="13" t="s">
        <v>226</v>
      </c>
      <c r="B37662" s="14" t="s">
        <v>1</v>
      </c>
      <c r="C37662" s="14" t="s">
        <v>157</v>
      </c>
      <c r="D37662" s="14" t="s">
        <v>227</v>
      </c>
      <c r="E37662" s="15">
        <v>45443</v>
      </c>
      <c r="F37662" s="14" t="s">
        <v>15</v>
      </c>
      <c r="G37662" s="16">
        <v>1.3850617190375174</v>
      </c>
    </row>
    <row r="37663" spans="1:7" x14ac:dyDescent="0.3">
      <c r="A37663" s="13" t="s">
        <v>226</v>
      </c>
      <c r="B37663" s="14" t="s">
        <v>1</v>
      </c>
      <c r="C37663" s="14" t="s">
        <v>157</v>
      </c>
      <c r="D37663" s="14" t="s">
        <v>227</v>
      </c>
      <c r="E37663" s="15">
        <v>45444</v>
      </c>
      <c r="F37663" s="14" t="s">
        <v>15</v>
      </c>
      <c r="G37663" s="16">
        <v>1.3850617190375174</v>
      </c>
    </row>
    <row r="37664" spans="1:7" x14ac:dyDescent="0.3">
      <c r="A37664" s="13" t="s">
        <v>226</v>
      </c>
      <c r="B37664" s="14" t="s">
        <v>1</v>
      </c>
      <c r="C37664" s="14" t="s">
        <v>157</v>
      </c>
      <c r="D37664" s="14" t="s">
        <v>227</v>
      </c>
      <c r="E37664" s="15">
        <v>45445</v>
      </c>
      <c r="F37664" s="14" t="s">
        <v>15</v>
      </c>
      <c r="G37664" s="16">
        <v>1.3850617190375174</v>
      </c>
    </row>
    <row r="37665" spans="1:7" x14ac:dyDescent="0.3">
      <c r="A37665" s="13" t="s">
        <v>226</v>
      </c>
      <c r="B37665" s="14" t="s">
        <v>1</v>
      </c>
      <c r="C37665" s="14" t="s">
        <v>157</v>
      </c>
      <c r="D37665" s="14" t="s">
        <v>227</v>
      </c>
      <c r="E37665" s="15">
        <v>45446</v>
      </c>
      <c r="F37665" s="14" t="s">
        <v>15</v>
      </c>
      <c r="G37665" s="16">
        <v>1.3850617190375174</v>
      </c>
    </row>
    <row r="37666" spans="1:7" x14ac:dyDescent="0.3">
      <c r="A37666" s="13" t="s">
        <v>226</v>
      </c>
      <c r="B37666" s="14" t="s">
        <v>1</v>
      </c>
      <c r="C37666" s="14" t="s">
        <v>157</v>
      </c>
      <c r="D37666" s="14" t="s">
        <v>227</v>
      </c>
      <c r="E37666" s="15">
        <v>45447</v>
      </c>
      <c r="F37666" s="14" t="s">
        <v>15</v>
      </c>
      <c r="G37666" s="16">
        <v>1.3840633015769408</v>
      </c>
    </row>
    <row r="37667" spans="1:7" x14ac:dyDescent="0.3">
      <c r="A37667" s="13" t="s">
        <v>226</v>
      </c>
      <c r="B37667" s="14" t="s">
        <v>1</v>
      </c>
      <c r="C37667" s="14" t="s">
        <v>157</v>
      </c>
      <c r="D37667" s="14" t="s">
        <v>227</v>
      </c>
      <c r="E37667" s="15">
        <v>45448</v>
      </c>
      <c r="F37667" s="14" t="s">
        <v>15</v>
      </c>
      <c r="G37667" s="16">
        <v>1.3830648841163642</v>
      </c>
    </row>
    <row r="37668" spans="1:7" x14ac:dyDescent="0.3">
      <c r="A37668" s="13" t="s">
        <v>226</v>
      </c>
      <c r="B37668" s="14" t="s">
        <v>1</v>
      </c>
      <c r="C37668" s="14" t="s">
        <v>157</v>
      </c>
      <c r="D37668" s="14" t="s">
        <v>227</v>
      </c>
      <c r="E37668" s="15">
        <v>45449</v>
      </c>
      <c r="F37668" s="14" t="s">
        <v>15</v>
      </c>
      <c r="G37668" s="16">
        <v>1.4710664666557878</v>
      </c>
    </row>
    <row r="37669" spans="1:7" x14ac:dyDescent="0.3">
      <c r="A37669" s="13" t="s">
        <v>226</v>
      </c>
      <c r="B37669" s="14" t="s">
        <v>1</v>
      </c>
      <c r="C37669" s="14" t="s">
        <v>157</v>
      </c>
      <c r="D37669" s="14" t="s">
        <v>227</v>
      </c>
      <c r="E37669" s="15">
        <v>45450</v>
      </c>
      <c r="F37669" s="14" t="s">
        <v>15</v>
      </c>
      <c r="G37669" s="16">
        <v>1.4710680491952113</v>
      </c>
    </row>
    <row r="37670" spans="1:7" x14ac:dyDescent="0.3">
      <c r="A37670" s="13" t="s">
        <v>226</v>
      </c>
      <c r="B37670" s="14" t="s">
        <v>1</v>
      </c>
      <c r="C37670" s="14" t="s">
        <v>157</v>
      </c>
      <c r="D37670" s="14" t="s">
        <v>227</v>
      </c>
      <c r="E37670" s="15">
        <v>45451</v>
      </c>
      <c r="F37670" s="14" t="s">
        <v>15</v>
      </c>
      <c r="G37670" s="16">
        <v>1.4710680491952113</v>
      </c>
    </row>
    <row r="37671" spans="1:7" x14ac:dyDescent="0.3">
      <c r="A37671" s="13" t="s">
        <v>226</v>
      </c>
      <c r="B37671" s="14" t="s">
        <v>1</v>
      </c>
      <c r="C37671" s="14" t="s">
        <v>157</v>
      </c>
      <c r="D37671" s="14" t="s">
        <v>227</v>
      </c>
      <c r="E37671" s="15">
        <v>45452</v>
      </c>
      <c r="F37671" s="14" t="s">
        <v>15</v>
      </c>
      <c r="G37671" s="16">
        <v>1.4710680491952113</v>
      </c>
    </row>
    <row r="37672" spans="1:7" x14ac:dyDescent="0.3">
      <c r="A37672" s="13" t="s">
        <v>226</v>
      </c>
      <c r="B37672" s="14" t="s">
        <v>1</v>
      </c>
      <c r="C37672" s="14" t="s">
        <v>157</v>
      </c>
      <c r="D37672" s="14" t="s">
        <v>227</v>
      </c>
      <c r="E37672" s="15">
        <v>45453</v>
      </c>
      <c r="F37672" s="14" t="s">
        <v>15</v>
      </c>
      <c r="G37672" s="16">
        <v>1.4780696317346347</v>
      </c>
    </row>
    <row r="37673" spans="1:7" x14ac:dyDescent="0.3">
      <c r="A37673" s="13" t="s">
        <v>226</v>
      </c>
      <c r="B37673" s="14" t="s">
        <v>1</v>
      </c>
      <c r="C37673" s="14" t="s">
        <v>157</v>
      </c>
      <c r="D37673" s="14" t="s">
        <v>227</v>
      </c>
      <c r="E37673" s="15">
        <v>45454</v>
      </c>
      <c r="F37673" s="14" t="s">
        <v>15</v>
      </c>
      <c r="G37673" s="16">
        <v>1.4760712142740582</v>
      </c>
    </row>
    <row r="37674" spans="1:7" x14ac:dyDescent="0.3">
      <c r="A37674" s="13" t="s">
        <v>226</v>
      </c>
      <c r="B37674" s="14" t="s">
        <v>1</v>
      </c>
      <c r="C37674" s="14" t="s">
        <v>157</v>
      </c>
      <c r="D37674" s="14" t="s">
        <v>227</v>
      </c>
      <c r="E37674" s="15">
        <v>45455</v>
      </c>
      <c r="F37674" s="14" t="s">
        <v>15</v>
      </c>
      <c r="G37674" s="16">
        <v>1.5410727968134816</v>
      </c>
    </row>
    <row r="37675" spans="1:7" x14ac:dyDescent="0.3">
      <c r="A37675" s="13" t="s">
        <v>226</v>
      </c>
      <c r="B37675" s="14" t="s">
        <v>1</v>
      </c>
      <c r="C37675" s="14" t="s">
        <v>157</v>
      </c>
      <c r="D37675" s="14" t="s">
        <v>227</v>
      </c>
      <c r="E37675" s="15">
        <v>45456</v>
      </c>
      <c r="F37675" s="14" t="s">
        <v>15</v>
      </c>
      <c r="G37675" s="16">
        <v>1.5410743793529051</v>
      </c>
    </row>
    <row r="37676" spans="1:7" x14ac:dyDescent="0.3">
      <c r="A37676" s="13" t="s">
        <v>226</v>
      </c>
      <c r="B37676" s="14" t="s">
        <v>1</v>
      </c>
      <c r="C37676" s="14" t="s">
        <v>157</v>
      </c>
      <c r="D37676" s="14" t="s">
        <v>227</v>
      </c>
      <c r="E37676" s="15">
        <v>45457</v>
      </c>
      <c r="F37676" s="14" t="s">
        <v>15</v>
      </c>
      <c r="G37676" s="16">
        <v>1.5710759618923287</v>
      </c>
    </row>
    <row r="37677" spans="1:7" x14ac:dyDescent="0.3">
      <c r="A37677" s="13" t="s">
        <v>226</v>
      </c>
      <c r="B37677" s="14" t="s">
        <v>1</v>
      </c>
      <c r="C37677" s="14" t="s">
        <v>157</v>
      </c>
      <c r="D37677" s="14" t="s">
        <v>227</v>
      </c>
      <c r="E37677" s="15">
        <v>45458</v>
      </c>
      <c r="F37677" s="14" t="s">
        <v>15</v>
      </c>
      <c r="G37677" s="16">
        <v>1.5710759618923287</v>
      </c>
    </row>
    <row r="37678" spans="1:7" x14ac:dyDescent="0.3">
      <c r="A37678" s="13" t="s">
        <v>226</v>
      </c>
      <c r="B37678" s="14" t="s">
        <v>1</v>
      </c>
      <c r="C37678" s="14" t="s">
        <v>157</v>
      </c>
      <c r="D37678" s="14" t="s">
        <v>227</v>
      </c>
      <c r="E37678" s="15">
        <v>45459</v>
      </c>
      <c r="F37678" s="14" t="s">
        <v>15</v>
      </c>
      <c r="G37678" s="16">
        <v>1.5710759618923287</v>
      </c>
    </row>
    <row r="37679" spans="1:7" x14ac:dyDescent="0.3">
      <c r="A37679" s="13" t="s">
        <v>226</v>
      </c>
      <c r="B37679" s="14" t="s">
        <v>1</v>
      </c>
      <c r="C37679" s="14" t="s">
        <v>157</v>
      </c>
      <c r="D37679" s="14" t="s">
        <v>227</v>
      </c>
      <c r="E37679" s="15">
        <v>45460</v>
      </c>
      <c r="F37679" s="14" t="s">
        <v>15</v>
      </c>
      <c r="G37679" s="16">
        <v>1.5710759618923287</v>
      </c>
    </row>
    <row r="37680" spans="1:7" x14ac:dyDescent="0.3">
      <c r="A37680" s="13" t="s">
        <v>226</v>
      </c>
      <c r="B37680" s="14" t="s">
        <v>1</v>
      </c>
      <c r="C37680" s="14" t="s">
        <v>157</v>
      </c>
      <c r="D37680" s="14" t="s">
        <v>227</v>
      </c>
      <c r="E37680" s="15">
        <v>45461</v>
      </c>
      <c r="F37680" s="14" t="s">
        <v>15</v>
      </c>
      <c r="G37680" s="16">
        <v>1.5710775444317524</v>
      </c>
    </row>
    <row r="37681" spans="1:7" x14ac:dyDescent="0.3">
      <c r="A37681" s="13" t="s">
        <v>226</v>
      </c>
      <c r="B37681" s="14" t="s">
        <v>1</v>
      </c>
      <c r="C37681" s="14" t="s">
        <v>157</v>
      </c>
      <c r="D37681" s="14" t="s">
        <v>227</v>
      </c>
      <c r="E37681" s="15">
        <v>45462</v>
      </c>
      <c r="F37681" s="14" t="s">
        <v>15</v>
      </c>
      <c r="G37681" s="16">
        <v>1.6340791269711759</v>
      </c>
    </row>
    <row r="37682" spans="1:7" x14ac:dyDescent="0.3">
      <c r="A37682" s="13" t="s">
        <v>226</v>
      </c>
      <c r="B37682" s="14" t="s">
        <v>1</v>
      </c>
      <c r="C37682" s="14" t="s">
        <v>157</v>
      </c>
      <c r="D37682" s="14" t="s">
        <v>227</v>
      </c>
      <c r="E37682" s="15">
        <v>45463</v>
      </c>
      <c r="F37682" s="14" t="s">
        <v>15</v>
      </c>
      <c r="G37682" s="16">
        <v>1.6340807095105994</v>
      </c>
    </row>
    <row r="37683" spans="1:7" x14ac:dyDescent="0.3">
      <c r="A37683" s="13" t="s">
        <v>226</v>
      </c>
      <c r="B37683" s="14" t="s">
        <v>1</v>
      </c>
      <c r="C37683" s="14" t="s">
        <v>157</v>
      </c>
      <c r="D37683" s="14" t="s">
        <v>227</v>
      </c>
      <c r="E37683" s="15">
        <v>45464</v>
      </c>
      <c r="F37683" s="14" t="s">
        <v>15</v>
      </c>
      <c r="G37683" s="16">
        <v>1.6340822920500231</v>
      </c>
    </row>
    <row r="37684" spans="1:7" x14ac:dyDescent="0.3">
      <c r="A37684" s="13" t="s">
        <v>226</v>
      </c>
      <c r="B37684" s="14" t="s">
        <v>1</v>
      </c>
      <c r="C37684" s="14" t="s">
        <v>157</v>
      </c>
      <c r="D37684" s="14" t="s">
        <v>227</v>
      </c>
      <c r="E37684" s="15">
        <v>45465</v>
      </c>
      <c r="F37684" s="14" t="s">
        <v>15</v>
      </c>
      <c r="G37684" s="16">
        <v>1.6340822920500231</v>
      </c>
    </row>
    <row r="37685" spans="1:7" x14ac:dyDescent="0.3">
      <c r="A37685" s="13" t="s">
        <v>226</v>
      </c>
      <c r="B37685" s="14" t="s">
        <v>1</v>
      </c>
      <c r="C37685" s="14" t="s">
        <v>157</v>
      </c>
      <c r="D37685" s="14" t="s">
        <v>227</v>
      </c>
      <c r="E37685" s="15">
        <v>45466</v>
      </c>
      <c r="F37685" s="14" t="s">
        <v>15</v>
      </c>
      <c r="G37685" s="16">
        <v>1.6340822920500231</v>
      </c>
    </row>
    <row r="37686" spans="1:7" x14ac:dyDescent="0.3">
      <c r="A37686" s="13" t="s">
        <v>226</v>
      </c>
      <c r="B37686" s="14" t="s">
        <v>1</v>
      </c>
      <c r="C37686" s="14" t="s">
        <v>157</v>
      </c>
      <c r="D37686" s="14" t="s">
        <v>227</v>
      </c>
      <c r="E37686" s="15">
        <v>45467</v>
      </c>
      <c r="F37686" s="14" t="s">
        <v>15</v>
      </c>
      <c r="G37686" s="16">
        <v>1.6340838745894466</v>
      </c>
    </row>
    <row r="37687" spans="1:7" x14ac:dyDescent="0.3">
      <c r="A37687" s="13" t="s">
        <v>226</v>
      </c>
      <c r="B37687" s="14" t="s">
        <v>1</v>
      </c>
      <c r="C37687" s="14" t="s">
        <v>157</v>
      </c>
      <c r="D37687" s="14" t="s">
        <v>227</v>
      </c>
      <c r="E37687" s="15">
        <v>45468</v>
      </c>
      <c r="F37687" s="14" t="s">
        <v>15</v>
      </c>
      <c r="G37687" s="16">
        <v>1.6320854571288703</v>
      </c>
    </row>
    <row r="37688" spans="1:7" x14ac:dyDescent="0.3">
      <c r="A37688" s="13" t="s">
        <v>226</v>
      </c>
      <c r="B37688" s="14" t="s">
        <v>1</v>
      </c>
      <c r="C37688" s="14" t="s">
        <v>157</v>
      </c>
      <c r="D37688" s="14" t="s">
        <v>227</v>
      </c>
      <c r="E37688" s="15">
        <v>45469</v>
      </c>
      <c r="F37688" s="14" t="s">
        <v>15</v>
      </c>
      <c r="G37688" s="16">
        <v>1.6320870396682938</v>
      </c>
    </row>
    <row r="37689" spans="1:7" x14ac:dyDescent="0.3">
      <c r="A37689" s="13" t="s">
        <v>226</v>
      </c>
      <c r="B37689" s="14" t="s">
        <v>1</v>
      </c>
      <c r="C37689" s="14" t="s">
        <v>157</v>
      </c>
      <c r="D37689" s="14" t="s">
        <v>227</v>
      </c>
      <c r="E37689" s="15">
        <v>45470</v>
      </c>
      <c r="F37689" s="14" t="s">
        <v>15</v>
      </c>
      <c r="G37689" s="16">
        <v>1.6320886222077173</v>
      </c>
    </row>
    <row r="37690" spans="1:7" x14ac:dyDescent="0.3">
      <c r="A37690" s="13" t="s">
        <v>226</v>
      </c>
      <c r="B37690" s="14" t="s">
        <v>1</v>
      </c>
      <c r="C37690" s="14" t="s">
        <v>157</v>
      </c>
      <c r="D37690" s="14" t="s">
        <v>227</v>
      </c>
      <c r="E37690" s="15">
        <v>45471</v>
      </c>
      <c r="F37690" s="14" t="s">
        <v>15</v>
      </c>
      <c r="G37690" s="16">
        <v>1.6580902047471409</v>
      </c>
    </row>
    <row r="37691" spans="1:7" x14ac:dyDescent="0.3">
      <c r="A37691" s="13" t="s">
        <v>226</v>
      </c>
      <c r="B37691" s="14" t="s">
        <v>1</v>
      </c>
      <c r="C37691" s="14" t="s">
        <v>157</v>
      </c>
      <c r="D37691" s="14" t="s">
        <v>227</v>
      </c>
      <c r="E37691" s="15">
        <v>45472</v>
      </c>
      <c r="F37691" s="14" t="s">
        <v>15</v>
      </c>
      <c r="G37691" s="16">
        <v>1.6580902047471409</v>
      </c>
    </row>
    <row r="37692" spans="1:7" x14ac:dyDescent="0.3">
      <c r="A37692" s="13" t="s">
        <v>226</v>
      </c>
      <c r="B37692" s="14" t="s">
        <v>1</v>
      </c>
      <c r="C37692" s="14" t="s">
        <v>157</v>
      </c>
      <c r="D37692" s="14" t="s">
        <v>227</v>
      </c>
      <c r="E37692" s="15">
        <v>45473</v>
      </c>
      <c r="F37692" s="14" t="s">
        <v>15</v>
      </c>
      <c r="G37692" s="16">
        <v>1.6580902047471409</v>
      </c>
    </row>
    <row r="37693" spans="1:7" x14ac:dyDescent="0.3">
      <c r="A37693" s="13" t="s">
        <v>226</v>
      </c>
      <c r="B37693" s="14" t="s">
        <v>1</v>
      </c>
      <c r="C37693" s="14" t="s">
        <v>157</v>
      </c>
      <c r="D37693" s="14" t="s">
        <v>227</v>
      </c>
      <c r="E37693" s="15">
        <v>45474</v>
      </c>
      <c r="F37693" s="14" t="s">
        <v>15</v>
      </c>
      <c r="G37693" s="16">
        <v>1.6580917872865644</v>
      </c>
    </row>
    <row r="37694" spans="1:7" x14ac:dyDescent="0.3">
      <c r="A37694" s="13" t="s">
        <v>226</v>
      </c>
      <c r="B37694" s="14" t="s">
        <v>1</v>
      </c>
      <c r="C37694" s="14" t="s">
        <v>157</v>
      </c>
      <c r="D37694" s="14" t="s">
        <v>227</v>
      </c>
      <c r="E37694" s="15">
        <v>45475</v>
      </c>
      <c r="F37694" s="14" t="s">
        <v>15</v>
      </c>
      <c r="G37694" s="16">
        <v>1.6560933698259881</v>
      </c>
    </row>
    <row r="37695" spans="1:7" x14ac:dyDescent="0.3">
      <c r="A37695" s="13" t="s">
        <v>226</v>
      </c>
      <c r="B37695" s="14" t="s">
        <v>1</v>
      </c>
      <c r="C37695" s="14" t="s">
        <v>157</v>
      </c>
      <c r="D37695" s="14" t="s">
        <v>227</v>
      </c>
      <c r="E37695" s="15">
        <v>45476</v>
      </c>
      <c r="F37695" s="14" t="s">
        <v>15</v>
      </c>
      <c r="G37695" s="16">
        <v>1.6560949523654116</v>
      </c>
    </row>
    <row r="37696" spans="1:7" x14ac:dyDescent="0.3">
      <c r="A37696" s="13" t="s">
        <v>226</v>
      </c>
      <c r="B37696" s="14" t="s">
        <v>1</v>
      </c>
      <c r="C37696" s="14" t="s">
        <v>157</v>
      </c>
      <c r="D37696" s="14" t="s">
        <v>227</v>
      </c>
      <c r="E37696" s="15">
        <v>45477</v>
      </c>
      <c r="F37696" s="14" t="s">
        <v>15</v>
      </c>
      <c r="G37696" s="16">
        <v>1.6560965349048353</v>
      </c>
    </row>
    <row r="37697" spans="1:7" x14ac:dyDescent="0.3">
      <c r="A37697" s="13" t="s">
        <v>226</v>
      </c>
      <c r="B37697" s="14" t="s">
        <v>1</v>
      </c>
      <c r="C37697" s="14" t="s">
        <v>157</v>
      </c>
      <c r="D37697" s="14" t="s">
        <v>227</v>
      </c>
      <c r="E37697" s="15">
        <v>45478</v>
      </c>
      <c r="F37697" s="14" t="s">
        <v>15</v>
      </c>
      <c r="G37697" s="16">
        <v>1.7890981174442586</v>
      </c>
    </row>
    <row r="37698" spans="1:7" x14ac:dyDescent="0.3">
      <c r="A37698" s="13" t="s">
        <v>226</v>
      </c>
      <c r="B37698" s="14" t="s">
        <v>1</v>
      </c>
      <c r="C37698" s="14" t="s">
        <v>157</v>
      </c>
      <c r="D37698" s="14" t="s">
        <v>227</v>
      </c>
      <c r="E37698" s="15">
        <v>45479</v>
      </c>
      <c r="F37698" s="14" t="s">
        <v>15</v>
      </c>
      <c r="G37698" s="16">
        <v>1.7890981174442586</v>
      </c>
    </row>
    <row r="37699" spans="1:7" x14ac:dyDescent="0.3">
      <c r="A37699" s="13" t="s">
        <v>226</v>
      </c>
      <c r="B37699" s="14" t="s">
        <v>1</v>
      </c>
      <c r="C37699" s="14" t="s">
        <v>157</v>
      </c>
      <c r="D37699" s="14" t="s">
        <v>227</v>
      </c>
      <c r="E37699" s="15">
        <v>45480</v>
      </c>
      <c r="F37699" s="14" t="s">
        <v>15</v>
      </c>
      <c r="G37699" s="16">
        <v>1.7890981174442586</v>
      </c>
    </row>
    <row r="37700" spans="1:7" x14ac:dyDescent="0.3">
      <c r="A37700" s="13" t="s">
        <v>226</v>
      </c>
      <c r="B37700" s="14" t="s">
        <v>1</v>
      </c>
      <c r="C37700" s="14" t="s">
        <v>157</v>
      </c>
      <c r="D37700" s="14" t="s">
        <v>227</v>
      </c>
      <c r="E37700" s="15">
        <v>45481</v>
      </c>
      <c r="F37700" s="14" t="s">
        <v>15</v>
      </c>
      <c r="G37700" s="16">
        <v>1.7890996999836823</v>
      </c>
    </row>
    <row r="37701" spans="1:7" x14ac:dyDescent="0.3">
      <c r="A37701" s="13" t="s">
        <v>226</v>
      </c>
      <c r="B37701" s="14" t="s">
        <v>1</v>
      </c>
      <c r="C37701" s="14" t="s">
        <v>157</v>
      </c>
      <c r="D37701" s="14" t="s">
        <v>227</v>
      </c>
      <c r="E37701" s="15">
        <v>45482</v>
      </c>
      <c r="F37701" s="14" t="s">
        <v>15</v>
      </c>
      <c r="G37701" s="16">
        <v>1.7871012825231058</v>
      </c>
    </row>
    <row r="37702" spans="1:7" x14ac:dyDescent="0.3">
      <c r="A37702" s="13" t="s">
        <v>226</v>
      </c>
      <c r="B37702" s="14" t="s">
        <v>1</v>
      </c>
      <c r="C37702" s="14" t="s">
        <v>157</v>
      </c>
      <c r="D37702" s="14" t="s">
        <v>227</v>
      </c>
      <c r="E37702" s="15">
        <v>45483</v>
      </c>
      <c r="F37702" s="14" t="s">
        <v>15</v>
      </c>
      <c r="G37702" s="16">
        <v>1.7941028650625295</v>
      </c>
    </row>
    <row r="37703" spans="1:7" x14ac:dyDescent="0.3">
      <c r="A37703" s="13" t="s">
        <v>226</v>
      </c>
      <c r="B37703" s="14" t="s">
        <v>1</v>
      </c>
      <c r="C37703" s="14" t="s">
        <v>157</v>
      </c>
      <c r="D37703" s="14" t="s">
        <v>227</v>
      </c>
      <c r="E37703" s="15">
        <v>45484</v>
      </c>
      <c r="F37703" s="14" t="s">
        <v>15</v>
      </c>
      <c r="G37703" s="16">
        <v>1.9461044476019531</v>
      </c>
    </row>
    <row r="37704" spans="1:7" x14ac:dyDescent="0.3">
      <c r="A37704" s="13" t="s">
        <v>226</v>
      </c>
      <c r="B37704" s="14" t="s">
        <v>1</v>
      </c>
      <c r="C37704" s="14" t="s">
        <v>157</v>
      </c>
      <c r="D37704" s="14" t="s">
        <v>227</v>
      </c>
      <c r="E37704" s="15">
        <v>45485</v>
      </c>
      <c r="F37704" s="14" t="s">
        <v>15</v>
      </c>
      <c r="G37704" s="16">
        <v>1.9821060301413767</v>
      </c>
    </row>
    <row r="37705" spans="1:7" x14ac:dyDescent="0.3">
      <c r="A37705" s="13" t="s">
        <v>226</v>
      </c>
      <c r="B37705" s="14" t="s">
        <v>1</v>
      </c>
      <c r="C37705" s="14" t="s">
        <v>157</v>
      </c>
      <c r="D37705" s="14" t="s">
        <v>227</v>
      </c>
      <c r="E37705" s="15">
        <v>45486</v>
      </c>
      <c r="F37705" s="14" t="s">
        <v>15</v>
      </c>
      <c r="G37705" s="16">
        <v>1.9821060301413767</v>
      </c>
    </row>
    <row r="37706" spans="1:7" x14ac:dyDescent="0.3">
      <c r="A37706" s="13" t="s">
        <v>226</v>
      </c>
      <c r="B37706" s="14" t="s">
        <v>1</v>
      </c>
      <c r="C37706" s="14" t="s">
        <v>157</v>
      </c>
      <c r="D37706" s="14" t="s">
        <v>227</v>
      </c>
      <c r="E37706" s="15">
        <v>45487</v>
      </c>
      <c r="F37706" s="14" t="s">
        <v>15</v>
      </c>
      <c r="G37706" s="16">
        <v>1.9821060301413767</v>
      </c>
    </row>
    <row r="37707" spans="1:7" x14ac:dyDescent="0.3">
      <c r="A37707" s="13" t="s">
        <v>226</v>
      </c>
      <c r="B37707" s="14" t="s">
        <v>1</v>
      </c>
      <c r="C37707" s="14" t="s">
        <v>157</v>
      </c>
      <c r="D37707" s="14" t="s">
        <v>227</v>
      </c>
      <c r="E37707" s="15">
        <v>45488</v>
      </c>
      <c r="F37707" s="14" t="s">
        <v>15</v>
      </c>
      <c r="G37707" s="16">
        <v>1.9821076126808002</v>
      </c>
    </row>
    <row r="37708" spans="1:7" x14ac:dyDescent="0.3">
      <c r="A37708" s="13" t="s">
        <v>226</v>
      </c>
      <c r="B37708" s="14" t="s">
        <v>1</v>
      </c>
      <c r="C37708" s="14" t="s">
        <v>157</v>
      </c>
      <c r="D37708" s="14" t="s">
        <v>227</v>
      </c>
      <c r="E37708" s="15">
        <v>45489</v>
      </c>
      <c r="F37708" s="14" t="s">
        <v>15</v>
      </c>
      <c r="G37708" s="16">
        <v>1.9801091952202239</v>
      </c>
    </row>
    <row r="37709" spans="1:7" x14ac:dyDescent="0.3">
      <c r="A37709" s="13" t="s">
        <v>226</v>
      </c>
      <c r="B37709" s="14" t="s">
        <v>1</v>
      </c>
      <c r="C37709" s="14" t="s">
        <v>157</v>
      </c>
      <c r="D37709" s="14" t="s">
        <v>227</v>
      </c>
      <c r="E37709" s="15">
        <v>45490</v>
      </c>
      <c r="F37709" s="14" t="s">
        <v>15</v>
      </c>
      <c r="G37709" s="16">
        <v>2.0641107777596472</v>
      </c>
    </row>
    <row r="37710" spans="1:7" x14ac:dyDescent="0.3">
      <c r="A37710" s="13" t="s">
        <v>226</v>
      </c>
      <c r="B37710" s="14" t="s">
        <v>1</v>
      </c>
      <c r="C37710" s="14" t="s">
        <v>157</v>
      </c>
      <c r="D37710" s="14" t="s">
        <v>227</v>
      </c>
      <c r="E37710" s="15">
        <v>45491</v>
      </c>
      <c r="F37710" s="14" t="s">
        <v>15</v>
      </c>
      <c r="G37710" s="16">
        <v>2.0641123602990712</v>
      </c>
    </row>
    <row r="37711" spans="1:7" x14ac:dyDescent="0.3">
      <c r="A37711" s="13" t="s">
        <v>226</v>
      </c>
      <c r="B37711" s="14" t="s">
        <v>1</v>
      </c>
      <c r="C37711" s="14" t="s">
        <v>157</v>
      </c>
      <c r="D37711" s="14" t="s">
        <v>227</v>
      </c>
      <c r="E37711" s="15">
        <v>45492</v>
      </c>
      <c r="F37711" s="14" t="s">
        <v>15</v>
      </c>
      <c r="G37711" s="16">
        <v>2.0641139428384947</v>
      </c>
    </row>
    <row r="37712" spans="1:7" x14ac:dyDescent="0.3">
      <c r="A37712" s="13" t="s">
        <v>226</v>
      </c>
      <c r="B37712" s="14" t="s">
        <v>1</v>
      </c>
      <c r="C37712" s="14" t="s">
        <v>157</v>
      </c>
      <c r="D37712" s="14" t="s">
        <v>227</v>
      </c>
      <c r="E37712" s="15">
        <v>45493</v>
      </c>
      <c r="F37712" s="14" t="s">
        <v>15</v>
      </c>
      <c r="G37712" s="16">
        <v>2.0641139428384947</v>
      </c>
    </row>
    <row r="37713" spans="1:7" x14ac:dyDescent="0.3">
      <c r="A37713" s="13" t="s">
        <v>226</v>
      </c>
      <c r="B37713" s="14" t="s">
        <v>1</v>
      </c>
      <c r="C37713" s="14" t="s">
        <v>157</v>
      </c>
      <c r="D37713" s="14" t="s">
        <v>227</v>
      </c>
      <c r="E37713" s="15">
        <v>45494</v>
      </c>
      <c r="F37713" s="14" t="s">
        <v>15</v>
      </c>
      <c r="G37713" s="16">
        <v>2.0641139428384947</v>
      </c>
    </row>
    <row r="37714" spans="1:7" x14ac:dyDescent="0.3">
      <c r="A37714" s="13" t="s">
        <v>226</v>
      </c>
      <c r="B37714" s="14" t="s">
        <v>1</v>
      </c>
      <c r="C37714" s="14" t="s">
        <v>157</v>
      </c>
      <c r="D37714" s="14" t="s">
        <v>227</v>
      </c>
      <c r="E37714" s="15">
        <v>45495</v>
      </c>
      <c r="F37714" s="14" t="s">
        <v>15</v>
      </c>
      <c r="G37714" s="16">
        <v>2.0641155253779182</v>
      </c>
    </row>
    <row r="37715" spans="1:7" x14ac:dyDescent="0.3">
      <c r="A37715" s="13" t="s">
        <v>226</v>
      </c>
      <c r="B37715" s="14" t="s">
        <v>1</v>
      </c>
      <c r="C37715" s="14" t="s">
        <v>157</v>
      </c>
      <c r="D37715" s="14" t="s">
        <v>227</v>
      </c>
      <c r="E37715" s="15">
        <v>45496</v>
      </c>
      <c r="F37715" s="14" t="s">
        <v>15</v>
      </c>
      <c r="G37715" s="16">
        <v>2.0621171079173419</v>
      </c>
    </row>
    <row r="37716" spans="1:7" x14ac:dyDescent="0.3">
      <c r="A37716" s="13" t="s">
        <v>226</v>
      </c>
      <c r="B37716" s="14" t="s">
        <v>1</v>
      </c>
      <c r="C37716" s="14" t="s">
        <v>157</v>
      </c>
      <c r="D37716" s="14" t="s">
        <v>227</v>
      </c>
      <c r="E37716" s="15">
        <v>45497</v>
      </c>
      <c r="F37716" s="14" t="s">
        <v>15</v>
      </c>
      <c r="G37716" s="16">
        <v>2.0621186904567654</v>
      </c>
    </row>
    <row r="37717" spans="1:7" x14ac:dyDescent="0.3">
      <c r="A37717" s="13" t="s">
        <v>226</v>
      </c>
      <c r="B37717" s="14" t="s">
        <v>1</v>
      </c>
      <c r="C37717" s="14" t="s">
        <v>157</v>
      </c>
      <c r="D37717" s="14" t="s">
        <v>227</v>
      </c>
      <c r="E37717" s="15">
        <v>45498</v>
      </c>
      <c r="F37717" s="14" t="s">
        <v>15</v>
      </c>
      <c r="G37717" s="16">
        <v>2.0621202729961889</v>
      </c>
    </row>
    <row r="37718" spans="1:7" x14ac:dyDescent="0.3">
      <c r="A37718" s="13" t="s">
        <v>226</v>
      </c>
      <c r="B37718" s="14" t="s">
        <v>1</v>
      </c>
      <c r="C37718" s="14" t="s">
        <v>157</v>
      </c>
      <c r="D37718" s="14" t="s">
        <v>227</v>
      </c>
      <c r="E37718" s="15">
        <v>45499</v>
      </c>
      <c r="F37718" s="14" t="s">
        <v>15</v>
      </c>
      <c r="G37718" s="16">
        <v>2.0621218555356124</v>
      </c>
    </row>
    <row r="37719" spans="1:7" x14ac:dyDescent="0.3">
      <c r="A37719" s="13" t="s">
        <v>226</v>
      </c>
      <c r="B37719" s="14" t="s">
        <v>1</v>
      </c>
      <c r="C37719" s="14" t="s">
        <v>157</v>
      </c>
      <c r="D37719" s="14" t="s">
        <v>227</v>
      </c>
      <c r="E37719" s="15">
        <v>45500</v>
      </c>
      <c r="F37719" s="14" t="s">
        <v>15</v>
      </c>
      <c r="G37719" s="16">
        <v>2.0621218555356124</v>
      </c>
    </row>
    <row r="37720" spans="1:7" x14ac:dyDescent="0.3">
      <c r="A37720" s="13" t="s">
        <v>226</v>
      </c>
      <c r="B37720" s="14" t="s">
        <v>1</v>
      </c>
      <c r="C37720" s="14" t="s">
        <v>157</v>
      </c>
      <c r="D37720" s="14" t="s">
        <v>227</v>
      </c>
      <c r="E37720" s="15">
        <v>45501</v>
      </c>
      <c r="F37720" s="14" t="s">
        <v>15</v>
      </c>
      <c r="G37720" s="16">
        <v>2.0621218555356124</v>
      </c>
    </row>
    <row r="37721" spans="1:7" x14ac:dyDescent="0.3">
      <c r="A37721" s="13" t="s">
        <v>226</v>
      </c>
      <c r="B37721" s="14" t="s">
        <v>1</v>
      </c>
      <c r="C37721" s="14" t="s">
        <v>157</v>
      </c>
      <c r="D37721" s="14" t="s">
        <v>227</v>
      </c>
      <c r="E37721" s="15">
        <v>45502</v>
      </c>
      <c r="F37721" s="14" t="s">
        <v>15</v>
      </c>
      <c r="G37721" s="16">
        <v>2.1111234380750359</v>
      </c>
    </row>
    <row r="37722" spans="1:7" x14ac:dyDescent="0.3">
      <c r="A37722" s="13" t="s">
        <v>226</v>
      </c>
      <c r="B37722" s="14" t="s">
        <v>1</v>
      </c>
      <c r="C37722" s="14" t="s">
        <v>157</v>
      </c>
      <c r="D37722" s="14" t="s">
        <v>227</v>
      </c>
      <c r="E37722" s="15">
        <v>45503</v>
      </c>
      <c r="F37722" s="14" t="s">
        <v>15</v>
      </c>
      <c r="G37722" s="16">
        <v>2.1091250206144596</v>
      </c>
    </row>
    <row r="37723" spans="1:7" x14ac:dyDescent="0.3">
      <c r="A37723" s="13" t="s">
        <v>226</v>
      </c>
      <c r="B37723" s="14" t="s">
        <v>1</v>
      </c>
      <c r="C37723" s="14" t="s">
        <v>157</v>
      </c>
      <c r="D37723" s="14" t="s">
        <v>227</v>
      </c>
      <c r="E37723" s="15">
        <v>45504</v>
      </c>
      <c r="F37723" s="14" t="s">
        <v>15</v>
      </c>
      <c r="G37723" s="16">
        <v>2.1091266031538831</v>
      </c>
    </row>
    <row r="37724" spans="1:7" x14ac:dyDescent="0.3">
      <c r="A37724" s="13" t="s">
        <v>226</v>
      </c>
      <c r="B37724" s="14" t="s">
        <v>1</v>
      </c>
      <c r="C37724" s="14" t="s">
        <v>157</v>
      </c>
      <c r="D37724" s="14" t="s">
        <v>227</v>
      </c>
      <c r="E37724" s="15">
        <v>45505</v>
      </c>
      <c r="F37724" s="14" t="s">
        <v>15</v>
      </c>
      <c r="G37724" s="16">
        <v>2.1091281856933071</v>
      </c>
    </row>
    <row r="37725" spans="1:7" x14ac:dyDescent="0.3">
      <c r="A37725" s="13" t="s">
        <v>226</v>
      </c>
      <c r="B37725" s="14" t="s">
        <v>1</v>
      </c>
      <c r="C37725" s="14" t="s">
        <v>157</v>
      </c>
      <c r="D37725" s="14" t="s">
        <v>227</v>
      </c>
      <c r="E37725" s="15">
        <v>45506</v>
      </c>
      <c r="F37725" s="14" t="s">
        <v>15</v>
      </c>
      <c r="G37725" s="16">
        <v>2.1081297682327302</v>
      </c>
    </row>
    <row r="37726" spans="1:7" x14ac:dyDescent="0.3">
      <c r="A37726" s="13" t="s">
        <v>226</v>
      </c>
      <c r="B37726" s="14" t="s">
        <v>1</v>
      </c>
      <c r="C37726" s="14" t="s">
        <v>157</v>
      </c>
      <c r="D37726" s="14" t="s">
        <v>227</v>
      </c>
      <c r="E37726" s="15">
        <v>45507</v>
      </c>
      <c r="F37726" s="14" t="s">
        <v>15</v>
      </c>
      <c r="G37726" s="16">
        <v>2.1081297682327302</v>
      </c>
    </row>
    <row r="37727" spans="1:7" x14ac:dyDescent="0.3">
      <c r="A37727" s="13" t="s">
        <v>226</v>
      </c>
      <c r="B37727" s="14" t="s">
        <v>1</v>
      </c>
      <c r="C37727" s="14" t="s">
        <v>157</v>
      </c>
      <c r="D37727" s="14" t="s">
        <v>227</v>
      </c>
      <c r="E37727" s="15">
        <v>45508</v>
      </c>
      <c r="F37727" s="14" t="s">
        <v>15</v>
      </c>
      <c r="G37727" s="16">
        <v>2.1081297682327302</v>
      </c>
    </row>
    <row r="37728" spans="1:7" x14ac:dyDescent="0.3">
      <c r="A37728" s="13" t="s">
        <v>226</v>
      </c>
      <c r="B37728" s="14" t="s">
        <v>1</v>
      </c>
      <c r="C37728" s="14" t="s">
        <v>157</v>
      </c>
      <c r="D37728" s="14" t="s">
        <v>227</v>
      </c>
      <c r="E37728" s="15">
        <v>45509</v>
      </c>
      <c r="F37728" s="14" t="s">
        <v>15</v>
      </c>
      <c r="G37728" s="16">
        <v>2.1081297682327302</v>
      </c>
    </row>
    <row r="37729" spans="1:7" x14ac:dyDescent="0.3">
      <c r="A37729" s="13" t="s">
        <v>226</v>
      </c>
      <c r="B37729" s="14" t="s">
        <v>1</v>
      </c>
      <c r="C37729" s="14" t="s">
        <v>157</v>
      </c>
      <c r="D37729" s="14" t="s">
        <v>227</v>
      </c>
      <c r="E37729" s="15">
        <v>45510</v>
      </c>
      <c r="F37729" s="14" t="s">
        <v>15</v>
      </c>
      <c r="G37729" s="16">
        <v>2.1081313507721537</v>
      </c>
    </row>
    <row r="37730" spans="1:7" x14ac:dyDescent="0.3">
      <c r="A37730" s="13" t="s">
        <v>226</v>
      </c>
      <c r="B37730" s="14" t="s">
        <v>1</v>
      </c>
      <c r="C37730" s="14" t="s">
        <v>157</v>
      </c>
      <c r="D37730" s="14" t="s">
        <v>227</v>
      </c>
      <c r="E37730" s="15">
        <v>45511</v>
      </c>
      <c r="F37730" s="14" t="s">
        <v>15</v>
      </c>
      <c r="G37730" s="16">
        <v>2.1061329333115775</v>
      </c>
    </row>
    <row r="37731" spans="1:7" x14ac:dyDescent="0.3">
      <c r="A37731" s="13" t="s">
        <v>226</v>
      </c>
      <c r="B37731" s="14" t="s">
        <v>1</v>
      </c>
      <c r="C37731" s="14" t="s">
        <v>157</v>
      </c>
      <c r="D37731" s="14" t="s">
        <v>227</v>
      </c>
      <c r="E37731" s="15">
        <v>45512</v>
      </c>
      <c r="F37731" s="14" t="s">
        <v>15</v>
      </c>
      <c r="G37731" s="16">
        <v>2.106134515851001</v>
      </c>
    </row>
    <row r="37732" spans="1:7" x14ac:dyDescent="0.3">
      <c r="A37732" s="13" t="s">
        <v>226</v>
      </c>
      <c r="B37732" s="14" t="s">
        <v>1</v>
      </c>
      <c r="C37732" s="14" t="s">
        <v>157</v>
      </c>
      <c r="D37732" s="14" t="s">
        <v>227</v>
      </c>
      <c r="E37732" s="15">
        <v>45513</v>
      </c>
      <c r="F37732" s="14" t="s">
        <v>15</v>
      </c>
      <c r="G37732" s="16">
        <v>2.106134515851001</v>
      </c>
    </row>
    <row r="37733" spans="1:7" x14ac:dyDescent="0.3">
      <c r="A37733" s="13" t="s">
        <v>226</v>
      </c>
      <c r="B37733" s="14" t="s">
        <v>1</v>
      </c>
      <c r="C37733" s="14" t="s">
        <v>157</v>
      </c>
      <c r="D37733" s="14" t="s">
        <v>227</v>
      </c>
      <c r="E37733" s="15">
        <v>45514</v>
      </c>
      <c r="F37733" s="14" t="s">
        <v>15</v>
      </c>
      <c r="G37733" s="16">
        <v>2.106134515851001</v>
      </c>
    </row>
    <row r="37734" spans="1:7" x14ac:dyDescent="0.3">
      <c r="A37734" s="13" t="s">
        <v>226</v>
      </c>
      <c r="B37734" s="14" t="s">
        <v>1</v>
      </c>
      <c r="C37734" s="14" t="s">
        <v>157</v>
      </c>
      <c r="D37734" s="14" t="s">
        <v>227</v>
      </c>
      <c r="E37734" s="15">
        <v>45515</v>
      </c>
      <c r="F37734" s="14" t="s">
        <v>15</v>
      </c>
      <c r="G37734" s="16">
        <v>2.106134515851001</v>
      </c>
    </row>
    <row r="37735" spans="1:7" x14ac:dyDescent="0.3">
      <c r="A37735" s="13" t="s">
        <v>226</v>
      </c>
      <c r="B37735" s="14" t="s">
        <v>1</v>
      </c>
      <c r="C37735" s="14" t="s">
        <v>157</v>
      </c>
      <c r="D37735" s="14" t="s">
        <v>227</v>
      </c>
      <c r="E37735" s="15">
        <v>45516</v>
      </c>
      <c r="F37735" s="14" t="s">
        <v>15</v>
      </c>
      <c r="G37735" s="16">
        <v>2.1081360983904247</v>
      </c>
    </row>
    <row r="37736" spans="1:7" x14ac:dyDescent="0.3">
      <c r="A37736" s="13" t="s">
        <v>226</v>
      </c>
      <c r="B37736" s="14" t="s">
        <v>1</v>
      </c>
      <c r="C37736" s="14" t="s">
        <v>157</v>
      </c>
      <c r="D37736" s="14" t="s">
        <v>227</v>
      </c>
      <c r="E37736" s="15">
        <v>45517</v>
      </c>
      <c r="F37736" s="14" t="s">
        <v>15</v>
      </c>
      <c r="G37736" s="16">
        <v>2.2621376809298481</v>
      </c>
    </row>
    <row r="37737" spans="1:7" x14ac:dyDescent="0.3">
      <c r="A37737" s="13" t="s">
        <v>226</v>
      </c>
      <c r="B37737" s="14" t="s">
        <v>1</v>
      </c>
      <c r="C37737" s="14" t="s">
        <v>157</v>
      </c>
      <c r="D37737" s="14" t="s">
        <v>227</v>
      </c>
      <c r="E37737" s="15">
        <v>45518</v>
      </c>
      <c r="F37737" s="14" t="s">
        <v>15</v>
      </c>
      <c r="G37737" s="16">
        <v>2.3521392634692715</v>
      </c>
    </row>
    <row r="37738" spans="1:7" x14ac:dyDescent="0.3">
      <c r="A37738" s="13" t="s">
        <v>226</v>
      </c>
      <c r="B37738" s="14" t="s">
        <v>1</v>
      </c>
      <c r="C37738" s="14" t="s">
        <v>157</v>
      </c>
      <c r="D37738" s="14" t="s">
        <v>227</v>
      </c>
      <c r="E37738" s="15">
        <v>45519</v>
      </c>
      <c r="F37738" s="14" t="s">
        <v>15</v>
      </c>
      <c r="G37738" s="16">
        <v>2.3551408460086951</v>
      </c>
    </row>
    <row r="37739" spans="1:7" x14ac:dyDescent="0.3">
      <c r="A37739" s="13" t="s">
        <v>226</v>
      </c>
      <c r="B37739" s="14" t="s">
        <v>1</v>
      </c>
      <c r="C37739" s="14" t="s">
        <v>157</v>
      </c>
      <c r="D37739" s="14" t="s">
        <v>227</v>
      </c>
      <c r="E37739" s="15">
        <v>45520</v>
      </c>
      <c r="F37739" s="14" t="s">
        <v>15</v>
      </c>
      <c r="G37739" s="16">
        <v>2.5511424285481188</v>
      </c>
    </row>
    <row r="37740" spans="1:7" x14ac:dyDescent="0.3">
      <c r="A37740" s="13" t="s">
        <v>226</v>
      </c>
      <c r="B37740" s="14" t="s">
        <v>1</v>
      </c>
      <c r="C37740" s="14" t="s">
        <v>157</v>
      </c>
      <c r="D37740" s="14" t="s">
        <v>227</v>
      </c>
      <c r="E37740" s="15">
        <v>45521</v>
      </c>
      <c r="F37740" s="14" t="s">
        <v>15</v>
      </c>
      <c r="G37740" s="16">
        <v>2.5511424285481188</v>
      </c>
    </row>
    <row r="37741" spans="1:7" x14ac:dyDescent="0.3">
      <c r="A37741" s="13" t="s">
        <v>226</v>
      </c>
      <c r="B37741" s="14" t="s">
        <v>1</v>
      </c>
      <c r="C37741" s="14" t="s">
        <v>157</v>
      </c>
      <c r="D37741" s="14" t="s">
        <v>227</v>
      </c>
      <c r="E37741" s="15">
        <v>45522</v>
      </c>
      <c r="F37741" s="14" t="s">
        <v>15</v>
      </c>
      <c r="G37741" s="16">
        <v>2.5511424285481188</v>
      </c>
    </row>
    <row r="37742" spans="1:7" x14ac:dyDescent="0.3">
      <c r="A37742" s="13" t="s">
        <v>226</v>
      </c>
      <c r="B37742" s="14" t="s">
        <v>1</v>
      </c>
      <c r="C37742" s="14" t="s">
        <v>157</v>
      </c>
      <c r="D37742" s="14" t="s">
        <v>227</v>
      </c>
      <c r="E37742" s="15">
        <v>45523</v>
      </c>
      <c r="F37742" s="14" t="s">
        <v>15</v>
      </c>
      <c r="G37742" s="16">
        <v>2.5511440110875423</v>
      </c>
    </row>
    <row r="37743" spans="1:7" x14ac:dyDescent="0.3">
      <c r="A37743" s="13" t="s">
        <v>226</v>
      </c>
      <c r="B37743" s="14" t="s">
        <v>1</v>
      </c>
      <c r="C37743" s="14" t="s">
        <v>157</v>
      </c>
      <c r="D37743" s="14" t="s">
        <v>227</v>
      </c>
      <c r="E37743" s="15">
        <v>45524</v>
      </c>
      <c r="F37743" s="14" t="s">
        <v>15</v>
      </c>
      <c r="G37743" s="16">
        <v>2.549145593626966</v>
      </c>
    </row>
    <row r="37744" spans="1:7" x14ac:dyDescent="0.3">
      <c r="A37744" s="13" t="s">
        <v>226</v>
      </c>
      <c r="B37744" s="14" t="s">
        <v>1</v>
      </c>
      <c r="C37744" s="14" t="s">
        <v>157</v>
      </c>
      <c r="D37744" s="14" t="s">
        <v>227</v>
      </c>
      <c r="E37744" s="15">
        <v>45525</v>
      </c>
      <c r="F37744" s="14" t="s">
        <v>15</v>
      </c>
      <c r="G37744" s="16">
        <v>2.5491471761663895</v>
      </c>
    </row>
    <row r="37745" spans="1:7" x14ac:dyDescent="0.3">
      <c r="A37745" s="13" t="s">
        <v>226</v>
      </c>
      <c r="B37745" s="14" t="s">
        <v>1</v>
      </c>
      <c r="C37745" s="14" t="s">
        <v>157</v>
      </c>
      <c r="D37745" s="14" t="s">
        <v>227</v>
      </c>
      <c r="E37745" s="15">
        <v>45526</v>
      </c>
      <c r="F37745" s="14" t="s">
        <v>15</v>
      </c>
      <c r="G37745" s="16">
        <v>2.549148758705813</v>
      </c>
    </row>
    <row r="37746" spans="1:7" x14ac:dyDescent="0.3">
      <c r="A37746" s="13" t="s">
        <v>226</v>
      </c>
      <c r="B37746" s="14" t="s">
        <v>1</v>
      </c>
      <c r="C37746" s="14" t="s">
        <v>157</v>
      </c>
      <c r="D37746" s="14" t="s">
        <v>227</v>
      </c>
      <c r="E37746" s="15">
        <v>45527</v>
      </c>
      <c r="F37746" s="14" t="s">
        <v>15</v>
      </c>
      <c r="G37746" s="16">
        <v>2.5491503412452365</v>
      </c>
    </row>
    <row r="37747" spans="1:7" x14ac:dyDescent="0.3">
      <c r="A37747" s="13" t="s">
        <v>226</v>
      </c>
      <c r="B37747" s="14" t="s">
        <v>1</v>
      </c>
      <c r="C37747" s="14" t="s">
        <v>157</v>
      </c>
      <c r="D37747" s="14" t="s">
        <v>227</v>
      </c>
      <c r="E37747" s="15">
        <v>45528</v>
      </c>
      <c r="F37747" s="14" t="s">
        <v>15</v>
      </c>
      <c r="G37747" s="16">
        <v>2.5491503412452365</v>
      </c>
    </row>
    <row r="37748" spans="1:7" x14ac:dyDescent="0.3">
      <c r="A37748" s="13" t="s">
        <v>226</v>
      </c>
      <c r="B37748" s="14" t="s">
        <v>1</v>
      </c>
      <c r="C37748" s="14" t="s">
        <v>157</v>
      </c>
      <c r="D37748" s="14" t="s">
        <v>227</v>
      </c>
      <c r="E37748" s="15">
        <v>45529</v>
      </c>
      <c r="F37748" s="14" t="s">
        <v>15</v>
      </c>
      <c r="G37748" s="16">
        <v>2.5491503412452365</v>
      </c>
    </row>
    <row r="37749" spans="1:7" x14ac:dyDescent="0.3">
      <c r="A37749" s="13" t="s">
        <v>226</v>
      </c>
      <c r="B37749" s="14" t="s">
        <v>1</v>
      </c>
      <c r="C37749" s="14" t="s">
        <v>157</v>
      </c>
      <c r="D37749" s="14" t="s">
        <v>227</v>
      </c>
      <c r="E37749" s="15">
        <v>45530</v>
      </c>
      <c r="F37749" s="14" t="s">
        <v>15</v>
      </c>
      <c r="G37749" s="16">
        <v>2.5491519237846605</v>
      </c>
    </row>
    <row r="37750" spans="1:7" x14ac:dyDescent="0.3">
      <c r="A37750" s="13" t="s">
        <v>226</v>
      </c>
      <c r="B37750" s="14" t="s">
        <v>1</v>
      </c>
      <c r="C37750" s="14" t="s">
        <v>157</v>
      </c>
      <c r="D37750" s="14" t="s">
        <v>227</v>
      </c>
      <c r="E37750" s="15">
        <v>45531</v>
      </c>
      <c r="F37750" s="14" t="s">
        <v>15</v>
      </c>
      <c r="G37750" s="16">
        <v>2.6091535063240836</v>
      </c>
    </row>
    <row r="37751" spans="1:7" x14ac:dyDescent="0.3">
      <c r="A37751" s="13" t="s">
        <v>226</v>
      </c>
      <c r="B37751" s="14" t="s">
        <v>1</v>
      </c>
      <c r="C37751" s="14" t="s">
        <v>157</v>
      </c>
      <c r="D37751" s="14" t="s">
        <v>227</v>
      </c>
      <c r="E37751" s="15">
        <v>45532</v>
      </c>
      <c r="F37751" s="14" t="s">
        <v>15</v>
      </c>
      <c r="G37751" s="16">
        <v>2.6091550888635071</v>
      </c>
    </row>
    <row r="37752" spans="1:7" x14ac:dyDescent="0.3">
      <c r="A37752" s="13" t="s">
        <v>226</v>
      </c>
      <c r="B37752" s="14" t="s">
        <v>1</v>
      </c>
      <c r="C37752" s="14" t="s">
        <v>157</v>
      </c>
      <c r="D37752" s="14" t="s">
        <v>227</v>
      </c>
      <c r="E37752" s="15">
        <v>45533</v>
      </c>
      <c r="F37752" s="14" t="s">
        <v>15</v>
      </c>
      <c r="G37752" s="16">
        <v>2.6091566714029311</v>
      </c>
    </row>
    <row r="37753" spans="1:7" x14ac:dyDescent="0.3">
      <c r="A37753" s="13" t="s">
        <v>226</v>
      </c>
      <c r="B37753" s="14" t="s">
        <v>1</v>
      </c>
      <c r="C37753" s="14" t="s">
        <v>157</v>
      </c>
      <c r="D37753" s="14" t="s">
        <v>227</v>
      </c>
      <c r="E37753" s="15">
        <v>45534</v>
      </c>
      <c r="F37753" s="14" t="s">
        <v>15</v>
      </c>
      <c r="G37753" s="16">
        <v>2.6091582539423546</v>
      </c>
    </row>
    <row r="37754" spans="1:7" x14ac:dyDescent="0.3">
      <c r="A37754" s="13" t="s">
        <v>226</v>
      </c>
      <c r="B37754" s="14" t="s">
        <v>1</v>
      </c>
      <c r="C37754" s="14" t="s">
        <v>157</v>
      </c>
      <c r="D37754" s="14" t="s">
        <v>227</v>
      </c>
      <c r="E37754" s="15">
        <v>45535</v>
      </c>
      <c r="F37754" s="14" t="s">
        <v>15</v>
      </c>
      <c r="G37754" s="16">
        <v>2.6091582539423546</v>
      </c>
    </row>
    <row r="37755" spans="1:7" x14ac:dyDescent="0.3">
      <c r="A37755" s="13" t="s">
        <v>226</v>
      </c>
      <c r="B37755" s="14" t="s">
        <v>1</v>
      </c>
      <c r="C37755" s="14" t="s">
        <v>157</v>
      </c>
      <c r="D37755" s="14" t="s">
        <v>227</v>
      </c>
      <c r="E37755" s="15">
        <v>45536</v>
      </c>
      <c r="F37755" s="14" t="s">
        <v>15</v>
      </c>
      <c r="G37755" s="16">
        <v>2.6091582539423546</v>
      </c>
    </row>
    <row r="37756" spans="1:7" x14ac:dyDescent="0.3">
      <c r="A37756" s="13" t="s">
        <v>226</v>
      </c>
      <c r="B37756" s="14" t="s">
        <v>1</v>
      </c>
      <c r="C37756" s="14" t="s">
        <v>157</v>
      </c>
      <c r="D37756" s="14" t="s">
        <v>227</v>
      </c>
      <c r="E37756" s="15">
        <v>45537</v>
      </c>
      <c r="F37756" s="14" t="s">
        <v>15</v>
      </c>
      <c r="G37756" s="16">
        <v>2.6091598364817781</v>
      </c>
    </row>
    <row r="37757" spans="1:7" x14ac:dyDescent="0.3">
      <c r="A37757" s="13" t="s">
        <v>226</v>
      </c>
      <c r="B37757" s="14" t="s">
        <v>1</v>
      </c>
      <c r="C37757" s="14" t="s">
        <v>157</v>
      </c>
      <c r="D37757" s="14" t="s">
        <v>227</v>
      </c>
      <c r="E37757" s="15">
        <v>45538</v>
      </c>
      <c r="F37757" s="14" t="s">
        <v>15</v>
      </c>
      <c r="G37757" s="16">
        <v>2.6071614190212018</v>
      </c>
    </row>
    <row r="37758" spans="1:7" x14ac:dyDescent="0.3">
      <c r="A37758" s="13" t="s">
        <v>226</v>
      </c>
      <c r="B37758" s="14" t="s">
        <v>1</v>
      </c>
      <c r="C37758" s="14" t="s">
        <v>157</v>
      </c>
      <c r="D37758" s="14" t="s">
        <v>227</v>
      </c>
      <c r="E37758" s="15">
        <v>45539</v>
      </c>
      <c r="F37758" s="14" t="s">
        <v>15</v>
      </c>
      <c r="G37758" s="16">
        <v>2.6071630015606253</v>
      </c>
    </row>
    <row r="37759" spans="1:7" x14ac:dyDescent="0.3">
      <c r="A37759" s="13" t="s">
        <v>226</v>
      </c>
      <c r="B37759" s="14" t="s">
        <v>1</v>
      </c>
      <c r="C37759" s="14" t="s">
        <v>157</v>
      </c>
      <c r="D37759" s="14" t="s">
        <v>227</v>
      </c>
      <c r="E37759" s="15">
        <v>45540</v>
      </c>
      <c r="F37759" s="14" t="s">
        <v>15</v>
      </c>
      <c r="G37759" s="16">
        <v>2.6071645841000488</v>
      </c>
    </row>
    <row r="37760" spans="1:7" x14ac:dyDescent="0.3">
      <c r="A37760" s="13" t="s">
        <v>226</v>
      </c>
      <c r="B37760" s="14" t="s">
        <v>1</v>
      </c>
      <c r="C37760" s="14" t="s">
        <v>157</v>
      </c>
      <c r="D37760" s="14" t="s">
        <v>227</v>
      </c>
      <c r="E37760" s="15">
        <v>45541</v>
      </c>
      <c r="F37760" s="14" t="s">
        <v>15</v>
      </c>
      <c r="G37760" s="16">
        <v>2.6311661666394723</v>
      </c>
    </row>
    <row r="37761" spans="1:7" x14ac:dyDescent="0.3">
      <c r="A37761" s="13" t="s">
        <v>226</v>
      </c>
      <c r="B37761" s="14" t="s">
        <v>1</v>
      </c>
      <c r="C37761" s="14" t="s">
        <v>157</v>
      </c>
      <c r="D37761" s="14" t="s">
        <v>227</v>
      </c>
      <c r="E37761" s="15">
        <v>45542</v>
      </c>
      <c r="F37761" s="14" t="s">
        <v>15</v>
      </c>
      <c r="G37761" s="16">
        <v>2.6311661666394723</v>
      </c>
    </row>
    <row r="37762" spans="1:7" x14ac:dyDescent="0.3">
      <c r="A37762" s="13" t="s">
        <v>226</v>
      </c>
      <c r="B37762" s="14" t="s">
        <v>1</v>
      </c>
      <c r="C37762" s="14" t="s">
        <v>157</v>
      </c>
      <c r="D37762" s="14" t="s">
        <v>227</v>
      </c>
      <c r="E37762" s="15">
        <v>45543</v>
      </c>
      <c r="F37762" s="14" t="s">
        <v>15</v>
      </c>
      <c r="G37762" s="16">
        <v>2.6311661666394723</v>
      </c>
    </row>
    <row r="37763" spans="1:7" x14ac:dyDescent="0.3">
      <c r="A37763" s="13" t="s">
        <v>226</v>
      </c>
      <c r="B37763" s="14" t="s">
        <v>1</v>
      </c>
      <c r="C37763" s="14" t="s">
        <v>157</v>
      </c>
      <c r="D37763" s="14" t="s">
        <v>227</v>
      </c>
      <c r="E37763" s="15">
        <v>45544</v>
      </c>
      <c r="F37763" s="14" t="s">
        <v>15</v>
      </c>
      <c r="G37763" s="16">
        <v>2.6401677491788957</v>
      </c>
    </row>
    <row r="37764" spans="1:7" x14ac:dyDescent="0.3">
      <c r="A37764" s="13" t="s">
        <v>226</v>
      </c>
      <c r="B37764" s="14" t="s">
        <v>1</v>
      </c>
      <c r="C37764" s="14" t="s">
        <v>157</v>
      </c>
      <c r="D37764" s="14" t="s">
        <v>227</v>
      </c>
      <c r="E37764" s="15">
        <v>45545</v>
      </c>
      <c r="F37764" s="14" t="s">
        <v>15</v>
      </c>
      <c r="G37764" s="16">
        <v>2.7351693317183194</v>
      </c>
    </row>
    <row r="37765" spans="1:7" x14ac:dyDescent="0.3">
      <c r="A37765" s="13" t="s">
        <v>226</v>
      </c>
      <c r="B37765" s="14" t="s">
        <v>1</v>
      </c>
      <c r="C37765" s="14" t="s">
        <v>157</v>
      </c>
      <c r="D37765" s="14" t="s">
        <v>227</v>
      </c>
      <c r="E37765" s="15">
        <v>45546</v>
      </c>
      <c r="F37765" s="14" t="s">
        <v>15</v>
      </c>
      <c r="G37765" s="16">
        <v>2.7351709142577429</v>
      </c>
    </row>
    <row r="37766" spans="1:7" x14ac:dyDescent="0.3">
      <c r="A37766" s="13" t="s">
        <v>226</v>
      </c>
      <c r="B37766" s="14" t="s">
        <v>1</v>
      </c>
      <c r="C37766" s="14" t="s">
        <v>157</v>
      </c>
      <c r="D37766" s="14" t="s">
        <v>227</v>
      </c>
      <c r="E37766" s="15">
        <v>45547</v>
      </c>
      <c r="F37766" s="14" t="s">
        <v>15</v>
      </c>
      <c r="G37766" s="16">
        <v>2.8271724967971665</v>
      </c>
    </row>
    <row r="37767" spans="1:7" x14ac:dyDescent="0.3">
      <c r="A37767" s="13" t="s">
        <v>226</v>
      </c>
      <c r="B37767" s="14" t="s">
        <v>1</v>
      </c>
      <c r="C37767" s="14" t="s">
        <v>157</v>
      </c>
      <c r="D37767" s="14" t="s">
        <v>227</v>
      </c>
      <c r="E37767" s="15">
        <v>45548</v>
      </c>
      <c r="F37767" s="14" t="s">
        <v>15</v>
      </c>
      <c r="G37767" s="16">
        <v>2.92817407933659</v>
      </c>
    </row>
    <row r="37768" spans="1:7" x14ac:dyDescent="0.3">
      <c r="A37768" s="13" t="s">
        <v>226</v>
      </c>
      <c r="B37768" s="14" t="s">
        <v>1</v>
      </c>
      <c r="C37768" s="14" t="s">
        <v>157</v>
      </c>
      <c r="D37768" s="14" t="s">
        <v>227</v>
      </c>
      <c r="E37768" s="15">
        <v>45549</v>
      </c>
      <c r="F37768" s="14" t="s">
        <v>15</v>
      </c>
      <c r="G37768" s="16">
        <v>2.92817407933659</v>
      </c>
    </row>
    <row r="37769" spans="1:7" x14ac:dyDescent="0.3">
      <c r="A37769" s="13" t="s">
        <v>226</v>
      </c>
      <c r="B37769" s="14" t="s">
        <v>1</v>
      </c>
      <c r="C37769" s="14" t="s">
        <v>157</v>
      </c>
      <c r="D37769" s="14" t="s">
        <v>227</v>
      </c>
      <c r="E37769" s="15">
        <v>45550</v>
      </c>
      <c r="F37769" s="14" t="s">
        <v>15</v>
      </c>
      <c r="G37769" s="16">
        <v>2.92817407933659</v>
      </c>
    </row>
    <row r="37770" spans="1:7" x14ac:dyDescent="0.3">
      <c r="A37770" s="13" t="s">
        <v>226</v>
      </c>
      <c r="B37770" s="14" t="s">
        <v>1</v>
      </c>
      <c r="C37770" s="14" t="s">
        <v>157</v>
      </c>
      <c r="D37770" s="14" t="s">
        <v>227</v>
      </c>
      <c r="E37770" s="15">
        <v>45551</v>
      </c>
      <c r="F37770" s="14" t="s">
        <v>15</v>
      </c>
      <c r="G37770" s="16">
        <v>2.9591756618760132</v>
      </c>
    </row>
    <row r="37771" spans="1:7" x14ac:dyDescent="0.3">
      <c r="A37771" s="13" t="s">
        <v>226</v>
      </c>
      <c r="B37771" s="14" t="s">
        <v>1</v>
      </c>
      <c r="C37771" s="14" t="s">
        <v>157</v>
      </c>
      <c r="D37771" s="14" t="s">
        <v>227</v>
      </c>
      <c r="E37771" s="15">
        <v>45552</v>
      </c>
      <c r="F37771" s="14" t="s">
        <v>15</v>
      </c>
      <c r="G37771" s="16">
        <v>2.9571772444154369</v>
      </c>
    </row>
    <row r="37772" spans="1:7" x14ac:dyDescent="0.3">
      <c r="A37772" s="13" t="s">
        <v>226</v>
      </c>
      <c r="B37772" s="14" t="s">
        <v>1</v>
      </c>
      <c r="C37772" s="14" t="s">
        <v>157</v>
      </c>
      <c r="D37772" s="14" t="s">
        <v>227</v>
      </c>
      <c r="E37772" s="15">
        <v>45553</v>
      </c>
      <c r="F37772" s="14" t="s">
        <v>15</v>
      </c>
      <c r="G37772" s="16">
        <v>2.9571788269548605</v>
      </c>
    </row>
    <row r="37773" spans="1:7" x14ac:dyDescent="0.3">
      <c r="A37773" s="13" t="s">
        <v>226</v>
      </c>
      <c r="B37773" s="14" t="s">
        <v>1</v>
      </c>
      <c r="C37773" s="14" t="s">
        <v>157</v>
      </c>
      <c r="D37773" s="14" t="s">
        <v>227</v>
      </c>
      <c r="E37773" s="15">
        <v>45554</v>
      </c>
      <c r="F37773" s="14" t="s">
        <v>15</v>
      </c>
      <c r="G37773" s="16">
        <v>2.957180409494284</v>
      </c>
    </row>
    <row r="37774" spans="1:7" x14ac:dyDescent="0.3">
      <c r="A37774" s="13" t="s">
        <v>226</v>
      </c>
      <c r="B37774" s="14" t="s">
        <v>1</v>
      </c>
      <c r="C37774" s="14" t="s">
        <v>157</v>
      </c>
      <c r="D37774" s="14" t="s">
        <v>227</v>
      </c>
      <c r="E37774" s="15">
        <v>45555</v>
      </c>
      <c r="F37774" s="14" t="s">
        <v>15</v>
      </c>
      <c r="G37774" s="16">
        <v>2.9571819920337079</v>
      </c>
    </row>
    <row r="37775" spans="1:7" x14ac:dyDescent="0.3">
      <c r="A37775" s="13" t="s">
        <v>226</v>
      </c>
      <c r="B37775" s="14" t="s">
        <v>1</v>
      </c>
      <c r="C37775" s="14" t="s">
        <v>157</v>
      </c>
      <c r="D37775" s="14" t="s">
        <v>227</v>
      </c>
      <c r="E37775" s="15">
        <v>45556</v>
      </c>
      <c r="F37775" s="14" t="s">
        <v>15</v>
      </c>
      <c r="G37775" s="16">
        <v>2.9571819920337079</v>
      </c>
    </row>
    <row r="37776" spans="1:7" x14ac:dyDescent="0.3">
      <c r="A37776" s="13" t="s">
        <v>226</v>
      </c>
      <c r="B37776" s="14" t="s">
        <v>1</v>
      </c>
      <c r="C37776" s="14" t="s">
        <v>157</v>
      </c>
      <c r="D37776" s="14" t="s">
        <v>227</v>
      </c>
      <c r="E37776" s="15">
        <v>45557</v>
      </c>
      <c r="F37776" s="14" t="s">
        <v>15</v>
      </c>
      <c r="G37776" s="16">
        <v>2.9571819920337079</v>
      </c>
    </row>
    <row r="37777" spans="1:7" x14ac:dyDescent="0.3">
      <c r="A37777" s="13" t="s">
        <v>226</v>
      </c>
      <c r="B37777" s="14" t="s">
        <v>1</v>
      </c>
      <c r="C37777" s="14" t="s">
        <v>157</v>
      </c>
      <c r="D37777" s="14" t="s">
        <v>227</v>
      </c>
      <c r="E37777" s="15">
        <v>45558</v>
      </c>
      <c r="F37777" s="14" t="s">
        <v>15</v>
      </c>
      <c r="G37777" s="16">
        <v>2.9571835745731314</v>
      </c>
    </row>
    <row r="37778" spans="1:7" x14ac:dyDescent="0.3">
      <c r="A37778" s="13" t="s">
        <v>226</v>
      </c>
      <c r="B37778" s="14" t="s">
        <v>1</v>
      </c>
      <c r="C37778" s="14" t="s">
        <v>157</v>
      </c>
      <c r="D37778" s="14" t="s">
        <v>227</v>
      </c>
      <c r="E37778" s="15">
        <v>45559</v>
      </c>
      <c r="F37778" s="14" t="s">
        <v>15</v>
      </c>
      <c r="G37778" s="16">
        <v>2.9551851571125551</v>
      </c>
    </row>
    <row r="37779" spans="1:7" x14ac:dyDescent="0.3">
      <c r="A37779" s="13" t="s">
        <v>226</v>
      </c>
      <c r="B37779" s="14" t="s">
        <v>1</v>
      </c>
      <c r="C37779" s="14" t="s">
        <v>157</v>
      </c>
      <c r="D37779" s="14" t="s">
        <v>227</v>
      </c>
      <c r="E37779" s="15">
        <v>45560</v>
      </c>
      <c r="F37779" s="14" t="s">
        <v>15</v>
      </c>
      <c r="G37779" s="16">
        <v>2.9551867396519786</v>
      </c>
    </row>
    <row r="37780" spans="1:7" x14ac:dyDescent="0.3">
      <c r="A37780" s="13" t="s">
        <v>226</v>
      </c>
      <c r="B37780" s="14" t="s">
        <v>1</v>
      </c>
      <c r="C37780" s="14" t="s">
        <v>157</v>
      </c>
      <c r="D37780" s="14" t="s">
        <v>227</v>
      </c>
      <c r="E37780" s="15">
        <v>45561</v>
      </c>
      <c r="F37780" s="14" t="s">
        <v>15</v>
      </c>
      <c r="G37780" s="16">
        <v>2.9551883221914022</v>
      </c>
    </row>
    <row r="37781" spans="1:7" x14ac:dyDescent="0.3">
      <c r="A37781" s="13" t="s">
        <v>226</v>
      </c>
      <c r="B37781" s="14" t="s">
        <v>1</v>
      </c>
      <c r="C37781" s="14" t="s">
        <v>157</v>
      </c>
      <c r="D37781" s="14" t="s">
        <v>227</v>
      </c>
      <c r="E37781" s="15">
        <v>45562</v>
      </c>
      <c r="F37781" s="14" t="s">
        <v>15</v>
      </c>
      <c r="G37781" s="16">
        <v>2.9551899047308257</v>
      </c>
    </row>
    <row r="37782" spans="1:7" x14ac:dyDescent="0.3">
      <c r="A37782" s="13" t="s">
        <v>226</v>
      </c>
      <c r="B37782" s="14" t="s">
        <v>1</v>
      </c>
      <c r="C37782" s="14" t="s">
        <v>157</v>
      </c>
      <c r="D37782" s="14" t="s">
        <v>227</v>
      </c>
      <c r="E37782" s="15">
        <v>45563</v>
      </c>
      <c r="F37782" s="14" t="s">
        <v>15</v>
      </c>
      <c r="G37782" s="16">
        <v>2.9551899047308257</v>
      </c>
    </row>
    <row r="37783" spans="1:7" x14ac:dyDescent="0.3">
      <c r="A37783" s="13" t="s">
        <v>226</v>
      </c>
      <c r="B37783" s="14" t="s">
        <v>1</v>
      </c>
      <c r="C37783" s="14" t="s">
        <v>157</v>
      </c>
      <c r="D37783" s="14" t="s">
        <v>227</v>
      </c>
      <c r="E37783" s="15">
        <v>45564</v>
      </c>
      <c r="F37783" s="14" t="s">
        <v>15</v>
      </c>
      <c r="G37783" s="16">
        <v>2.9551899047308257</v>
      </c>
    </row>
    <row r="37784" spans="1:7" x14ac:dyDescent="0.3">
      <c r="A37784" s="13" t="s">
        <v>226</v>
      </c>
      <c r="B37784" s="14" t="s">
        <v>1</v>
      </c>
      <c r="C37784" s="14" t="s">
        <v>157</v>
      </c>
      <c r="D37784" s="14" t="s">
        <v>227</v>
      </c>
      <c r="E37784" s="15">
        <v>45565</v>
      </c>
      <c r="F37784" s="14" t="s">
        <v>15</v>
      </c>
      <c r="G37784" s="16">
        <v>2.9831914872702492</v>
      </c>
    </row>
    <row r="37785" spans="1:7" x14ac:dyDescent="0.3">
      <c r="A37785" s="13" t="s">
        <v>226</v>
      </c>
      <c r="B37785" s="14" t="s">
        <v>1</v>
      </c>
      <c r="C37785" s="14" t="s">
        <v>157</v>
      </c>
      <c r="D37785" s="14" t="s">
        <v>227</v>
      </c>
      <c r="E37785" s="15">
        <v>45566</v>
      </c>
      <c r="F37785" s="14" t="s">
        <v>15</v>
      </c>
      <c r="G37785" s="16">
        <v>2.9811930698096729</v>
      </c>
    </row>
    <row r="37786" spans="1:7" x14ac:dyDescent="0.3">
      <c r="A37786" s="13" t="s">
        <v>226</v>
      </c>
      <c r="B37786" s="14" t="s">
        <v>1</v>
      </c>
      <c r="C37786" s="14" t="s">
        <v>157</v>
      </c>
      <c r="D37786" s="14" t="s">
        <v>227</v>
      </c>
      <c r="E37786" s="15">
        <v>45567</v>
      </c>
      <c r="F37786" s="14" t="s">
        <v>15</v>
      </c>
      <c r="G37786" s="16">
        <v>2.9811946523490964</v>
      </c>
    </row>
    <row r="37787" spans="1:7" x14ac:dyDescent="0.3">
      <c r="A37787" s="13" t="s">
        <v>226</v>
      </c>
      <c r="B37787" s="14" t="s">
        <v>1</v>
      </c>
      <c r="C37787" s="14" t="s">
        <v>157</v>
      </c>
      <c r="D37787" s="14" t="s">
        <v>227</v>
      </c>
      <c r="E37787" s="15">
        <v>45568</v>
      </c>
      <c r="F37787" s="14" t="s">
        <v>15</v>
      </c>
      <c r="G37787" s="16">
        <v>2.9811962348885199</v>
      </c>
    </row>
    <row r="37788" spans="1:7" x14ac:dyDescent="0.3">
      <c r="A37788" s="13" t="s">
        <v>226</v>
      </c>
      <c r="B37788" s="14" t="s">
        <v>1</v>
      </c>
      <c r="C37788" s="14" t="s">
        <v>157</v>
      </c>
      <c r="D37788" s="14" t="s">
        <v>227</v>
      </c>
      <c r="E37788" s="15">
        <v>45569</v>
      </c>
      <c r="F37788" s="14" t="s">
        <v>15</v>
      </c>
      <c r="G37788" s="16">
        <v>2.9811978174279434</v>
      </c>
    </row>
    <row r="37789" spans="1:7" x14ac:dyDescent="0.3">
      <c r="A37789" s="13" t="s">
        <v>226</v>
      </c>
      <c r="B37789" s="14" t="s">
        <v>1</v>
      </c>
      <c r="C37789" s="14" t="s">
        <v>157</v>
      </c>
      <c r="D37789" s="14" t="s">
        <v>227</v>
      </c>
      <c r="E37789" s="15">
        <v>45570</v>
      </c>
      <c r="F37789" s="14" t="s">
        <v>15</v>
      </c>
      <c r="G37789" s="16">
        <v>2.9811978174279434</v>
      </c>
    </row>
    <row r="37790" spans="1:7" x14ac:dyDescent="0.3">
      <c r="A37790" s="13" t="s">
        <v>226</v>
      </c>
      <c r="B37790" s="14" t="s">
        <v>1</v>
      </c>
      <c r="C37790" s="14" t="s">
        <v>157</v>
      </c>
      <c r="D37790" s="14" t="s">
        <v>227</v>
      </c>
      <c r="E37790" s="15">
        <v>45571</v>
      </c>
      <c r="F37790" s="14" t="s">
        <v>15</v>
      </c>
      <c r="G37790" s="16">
        <v>2.9811978174279434</v>
      </c>
    </row>
    <row r="37791" spans="1:7" x14ac:dyDescent="0.3">
      <c r="A37791" s="13" t="s">
        <v>226</v>
      </c>
      <c r="B37791" s="14" t="s">
        <v>1</v>
      </c>
      <c r="C37791" s="14" t="s">
        <v>157</v>
      </c>
      <c r="D37791" s="14" t="s">
        <v>227</v>
      </c>
      <c r="E37791" s="15">
        <v>45572</v>
      </c>
      <c r="F37791" s="14" t="s">
        <v>15</v>
      </c>
      <c r="G37791" s="16">
        <v>2.9811993999673669</v>
      </c>
    </row>
    <row r="37792" spans="1:7" x14ac:dyDescent="0.3">
      <c r="A37792" s="13" t="s">
        <v>226</v>
      </c>
      <c r="B37792" s="14" t="s">
        <v>1</v>
      </c>
      <c r="C37792" s="14" t="s">
        <v>157</v>
      </c>
      <c r="D37792" s="14" t="s">
        <v>227</v>
      </c>
      <c r="E37792" s="15">
        <v>45573</v>
      </c>
      <c r="F37792" s="14" t="s">
        <v>15</v>
      </c>
      <c r="G37792" s="16">
        <v>2.9792009825067907</v>
      </c>
    </row>
    <row r="37793" spans="1:7" x14ac:dyDescent="0.3">
      <c r="A37793" s="13" t="s">
        <v>226</v>
      </c>
      <c r="B37793" s="14" t="s">
        <v>1</v>
      </c>
      <c r="C37793" s="14" t="s">
        <v>157</v>
      </c>
      <c r="D37793" s="14" t="s">
        <v>227</v>
      </c>
      <c r="E37793" s="15">
        <v>45574</v>
      </c>
      <c r="F37793" s="14" t="s">
        <v>15</v>
      </c>
      <c r="G37793" s="16">
        <v>3.0432025650462142</v>
      </c>
    </row>
    <row r="37794" spans="1:7" x14ac:dyDescent="0.3">
      <c r="A37794" s="13" t="s">
        <v>226</v>
      </c>
      <c r="B37794" s="14" t="s">
        <v>1</v>
      </c>
      <c r="C37794" s="14" t="s">
        <v>157</v>
      </c>
      <c r="D37794" s="14" t="s">
        <v>227</v>
      </c>
      <c r="E37794" s="15">
        <v>45575</v>
      </c>
      <c r="F37794" s="14" t="s">
        <v>15</v>
      </c>
      <c r="G37794" s="16">
        <v>3.0432041475856382</v>
      </c>
    </row>
    <row r="37795" spans="1:7" x14ac:dyDescent="0.3">
      <c r="A37795" s="13" t="s">
        <v>226</v>
      </c>
      <c r="B37795" s="14" t="s">
        <v>1</v>
      </c>
      <c r="C37795" s="14" t="s">
        <v>157</v>
      </c>
      <c r="D37795" s="14" t="s">
        <v>227</v>
      </c>
      <c r="E37795" s="15">
        <v>45576</v>
      </c>
      <c r="F37795" s="14" t="s">
        <v>15</v>
      </c>
      <c r="G37795" s="16">
        <v>3.0432057301250617</v>
      </c>
    </row>
    <row r="37796" spans="1:7" x14ac:dyDescent="0.3">
      <c r="A37796" s="13" t="s">
        <v>226</v>
      </c>
      <c r="B37796" s="14" t="s">
        <v>1</v>
      </c>
      <c r="C37796" s="14" t="s">
        <v>157</v>
      </c>
      <c r="D37796" s="14" t="s">
        <v>227</v>
      </c>
      <c r="E37796" s="15">
        <v>45577</v>
      </c>
      <c r="F37796" s="14" t="s">
        <v>15</v>
      </c>
      <c r="G37796" s="16">
        <v>3.0432057301250617</v>
      </c>
    </row>
    <row r="37797" spans="1:7" x14ac:dyDescent="0.3">
      <c r="A37797" s="13" t="s">
        <v>226</v>
      </c>
      <c r="B37797" s="14" t="s">
        <v>1</v>
      </c>
      <c r="C37797" s="14" t="s">
        <v>157</v>
      </c>
      <c r="D37797" s="14" t="s">
        <v>227</v>
      </c>
      <c r="E37797" s="15">
        <v>45578</v>
      </c>
      <c r="F37797" s="14" t="s">
        <v>15</v>
      </c>
      <c r="G37797" s="16">
        <v>3.0432057301250617</v>
      </c>
    </row>
    <row r="37798" spans="1:7" x14ac:dyDescent="0.3">
      <c r="A37798" s="13" t="s">
        <v>226</v>
      </c>
      <c r="B37798" s="14" t="s">
        <v>1</v>
      </c>
      <c r="C37798" s="14" t="s">
        <v>157</v>
      </c>
      <c r="D37798" s="14" t="s">
        <v>227</v>
      </c>
      <c r="E37798" s="15">
        <v>45579</v>
      </c>
      <c r="F37798" s="14" t="s">
        <v>15</v>
      </c>
      <c r="G37798" s="16">
        <v>3.0432073126644852</v>
      </c>
    </row>
    <row r="37799" spans="1:7" x14ac:dyDescent="0.3">
      <c r="A37799" s="13" t="s">
        <v>226</v>
      </c>
      <c r="B37799" s="14" t="s">
        <v>1</v>
      </c>
      <c r="C37799" s="14" t="s">
        <v>157</v>
      </c>
      <c r="D37799" s="14" t="s">
        <v>227</v>
      </c>
      <c r="E37799" s="15">
        <v>45580</v>
      </c>
      <c r="F37799" s="14" t="s">
        <v>15</v>
      </c>
      <c r="G37799" s="16">
        <v>3.0412088952039089</v>
      </c>
    </row>
    <row r="37800" spans="1:7" x14ac:dyDescent="0.3">
      <c r="A37800" s="13" t="s">
        <v>226</v>
      </c>
      <c r="B37800" s="14" t="s">
        <v>1</v>
      </c>
      <c r="C37800" s="14" t="s">
        <v>157</v>
      </c>
      <c r="D37800" s="14" t="s">
        <v>227</v>
      </c>
      <c r="E37800" s="15">
        <v>45581</v>
      </c>
      <c r="F37800" s="14" t="s">
        <v>15</v>
      </c>
      <c r="G37800" s="16">
        <v>3.0412104777433324</v>
      </c>
    </row>
    <row r="37801" spans="1:7" x14ac:dyDescent="0.3">
      <c r="A37801" s="13" t="s">
        <v>226</v>
      </c>
      <c r="B37801" s="14" t="s">
        <v>1</v>
      </c>
      <c r="C37801" s="14" t="s">
        <v>157</v>
      </c>
      <c r="D37801" s="14" t="s">
        <v>227</v>
      </c>
      <c r="E37801" s="15">
        <v>45582</v>
      </c>
      <c r="F37801" s="14" t="s">
        <v>15</v>
      </c>
      <c r="G37801" s="16">
        <v>3.0412120602827559</v>
      </c>
    </row>
    <row r="37802" spans="1:7" x14ac:dyDescent="0.3">
      <c r="A37802" s="13" t="s">
        <v>226</v>
      </c>
      <c r="B37802" s="14" t="s">
        <v>1</v>
      </c>
      <c r="C37802" s="14" t="s">
        <v>157</v>
      </c>
      <c r="D37802" s="14" t="s">
        <v>227</v>
      </c>
      <c r="E37802" s="15">
        <v>45583</v>
      </c>
      <c r="F37802" s="14" t="s">
        <v>15</v>
      </c>
      <c r="G37802" s="16">
        <v>3.0412136428221794</v>
      </c>
    </row>
    <row r="37803" spans="1:7" x14ac:dyDescent="0.3">
      <c r="A37803" s="13" t="s">
        <v>226</v>
      </c>
      <c r="B37803" s="14" t="s">
        <v>1</v>
      </c>
      <c r="C37803" s="14" t="s">
        <v>157</v>
      </c>
      <c r="D37803" s="14" t="s">
        <v>227</v>
      </c>
      <c r="E37803" s="15">
        <v>45584</v>
      </c>
      <c r="F37803" s="14" t="s">
        <v>15</v>
      </c>
      <c r="G37803" s="16">
        <v>3.0412136428221794</v>
      </c>
    </row>
    <row r="37804" spans="1:7" x14ac:dyDescent="0.3">
      <c r="A37804" s="13" t="s">
        <v>226</v>
      </c>
      <c r="B37804" s="14" t="s">
        <v>1</v>
      </c>
      <c r="C37804" s="14" t="s">
        <v>157</v>
      </c>
      <c r="D37804" s="14" t="s">
        <v>227</v>
      </c>
      <c r="E37804" s="15">
        <v>45585</v>
      </c>
      <c r="F37804" s="14" t="s">
        <v>15</v>
      </c>
      <c r="G37804" s="16">
        <v>3.0412136428221794</v>
      </c>
    </row>
    <row r="37805" spans="1:7" x14ac:dyDescent="0.3">
      <c r="A37805" s="13" t="s">
        <v>226</v>
      </c>
      <c r="B37805" s="14" t="s">
        <v>1</v>
      </c>
      <c r="C37805" s="14" t="s">
        <v>157</v>
      </c>
      <c r="D37805" s="14" t="s">
        <v>227</v>
      </c>
      <c r="E37805" s="15">
        <v>45586</v>
      </c>
      <c r="F37805" s="14" t="s">
        <v>15</v>
      </c>
      <c r="G37805" s="16">
        <v>3.0412152253616034</v>
      </c>
    </row>
    <row r="37806" spans="1:7" x14ac:dyDescent="0.3">
      <c r="A37806" s="13" t="s">
        <v>226</v>
      </c>
      <c r="B37806" s="14" t="s">
        <v>1</v>
      </c>
      <c r="C37806" s="14" t="s">
        <v>157</v>
      </c>
      <c r="D37806" s="14" t="s">
        <v>227</v>
      </c>
      <c r="E37806" s="15">
        <v>45587</v>
      </c>
      <c r="F37806" s="14" t="s">
        <v>15</v>
      </c>
      <c r="G37806" s="16">
        <v>3.0392168079010267</v>
      </c>
    </row>
    <row r="37807" spans="1:7" x14ac:dyDescent="0.3">
      <c r="A37807" s="13" t="s">
        <v>226</v>
      </c>
      <c r="B37807" s="14" t="s">
        <v>1</v>
      </c>
      <c r="C37807" s="14" t="s">
        <v>157</v>
      </c>
      <c r="D37807" s="14" t="s">
        <v>227</v>
      </c>
      <c r="E37807" s="15">
        <v>45588</v>
      </c>
      <c r="F37807" s="14" t="s">
        <v>15</v>
      </c>
      <c r="G37807" s="16">
        <v>3.0392183904404506</v>
      </c>
    </row>
    <row r="37808" spans="1:7" x14ac:dyDescent="0.3">
      <c r="A37808" s="13" t="s">
        <v>226</v>
      </c>
      <c r="B37808" s="14" t="s">
        <v>1</v>
      </c>
      <c r="C37808" s="14" t="s">
        <v>157</v>
      </c>
      <c r="D37808" s="14" t="s">
        <v>227</v>
      </c>
      <c r="E37808" s="15">
        <v>45589</v>
      </c>
      <c r="F37808" s="14" t="s">
        <v>15</v>
      </c>
      <c r="G37808" s="16">
        <v>3.0392199729798741</v>
      </c>
    </row>
    <row r="37809" spans="1:7" x14ac:dyDescent="0.3">
      <c r="A37809" s="13" t="s">
        <v>226</v>
      </c>
      <c r="B37809" s="14" t="s">
        <v>1</v>
      </c>
      <c r="C37809" s="14" t="s">
        <v>157</v>
      </c>
      <c r="D37809" s="14" t="s">
        <v>227</v>
      </c>
      <c r="E37809" s="15">
        <v>45590</v>
      </c>
      <c r="F37809" s="14" t="s">
        <v>15</v>
      </c>
      <c r="G37809" s="16">
        <v>3.0392215555192976</v>
      </c>
    </row>
    <row r="37810" spans="1:7" x14ac:dyDescent="0.3">
      <c r="A37810" s="13" t="s">
        <v>226</v>
      </c>
      <c r="B37810" s="14" t="s">
        <v>1</v>
      </c>
      <c r="C37810" s="14" t="s">
        <v>157</v>
      </c>
      <c r="D37810" s="14" t="s">
        <v>227</v>
      </c>
      <c r="E37810" s="15">
        <v>45591</v>
      </c>
      <c r="F37810" s="14" t="s">
        <v>15</v>
      </c>
      <c r="G37810" s="16">
        <v>3.0392215555192976</v>
      </c>
    </row>
    <row r="37811" spans="1:7" x14ac:dyDescent="0.3">
      <c r="A37811" s="13" t="s">
        <v>226</v>
      </c>
      <c r="B37811" s="14" t="s">
        <v>1</v>
      </c>
      <c r="C37811" s="14" t="s">
        <v>157</v>
      </c>
      <c r="D37811" s="14" t="s">
        <v>227</v>
      </c>
      <c r="E37811" s="15">
        <v>45592</v>
      </c>
      <c r="F37811" s="14" t="s">
        <v>15</v>
      </c>
      <c r="G37811" s="16">
        <v>3.0392215555192976</v>
      </c>
    </row>
    <row r="37812" spans="1:7" x14ac:dyDescent="0.3">
      <c r="A37812" s="13" t="s">
        <v>226</v>
      </c>
      <c r="B37812" s="14" t="s">
        <v>1</v>
      </c>
      <c r="C37812" s="14" t="s">
        <v>157</v>
      </c>
      <c r="D37812" s="14" t="s">
        <v>227</v>
      </c>
      <c r="E37812" s="15">
        <v>45593</v>
      </c>
      <c r="F37812" s="14" t="s">
        <v>15</v>
      </c>
      <c r="G37812" s="16">
        <v>3.0392215555192976</v>
      </c>
    </row>
    <row r="37813" spans="1:7" x14ac:dyDescent="0.3">
      <c r="A37813" s="13" t="s">
        <v>226</v>
      </c>
      <c r="B37813" s="14" t="s">
        <v>1</v>
      </c>
      <c r="C37813" s="14" t="s">
        <v>157</v>
      </c>
      <c r="D37813" s="14" t="s">
        <v>227</v>
      </c>
      <c r="E37813" s="15">
        <v>45594</v>
      </c>
      <c r="F37813" s="14" t="s">
        <v>15</v>
      </c>
      <c r="G37813" s="16">
        <v>3.0392231380587211</v>
      </c>
    </row>
    <row r="37814" spans="1:7" x14ac:dyDescent="0.3">
      <c r="A37814" s="13" t="s">
        <v>226</v>
      </c>
      <c r="B37814" s="14" t="s">
        <v>1</v>
      </c>
      <c r="C37814" s="14" t="s">
        <v>157</v>
      </c>
      <c r="D37814" s="14" t="s">
        <v>227</v>
      </c>
      <c r="E37814" s="15">
        <v>45595</v>
      </c>
      <c r="F37814" s="14" t="s">
        <v>15</v>
      </c>
      <c r="G37814" s="16">
        <v>3.0362247205981445</v>
      </c>
    </row>
    <row r="37815" spans="1:7" x14ac:dyDescent="0.3">
      <c r="A37815" s="13" t="s">
        <v>226</v>
      </c>
      <c r="B37815" s="14" t="s">
        <v>1</v>
      </c>
      <c r="C37815" s="14" t="s">
        <v>157</v>
      </c>
      <c r="D37815" s="14" t="s">
        <v>227</v>
      </c>
      <c r="E37815" s="15">
        <v>45596</v>
      </c>
      <c r="F37815" s="14" t="s">
        <v>15</v>
      </c>
      <c r="G37815" s="16">
        <v>3.0362247205981445</v>
      </c>
    </row>
    <row r="37816" spans="1:7" x14ac:dyDescent="0.3">
      <c r="A37816" s="13" t="s">
        <v>226</v>
      </c>
      <c r="B37816" s="14" t="s">
        <v>1</v>
      </c>
      <c r="C37816" s="14" t="s">
        <v>157</v>
      </c>
      <c r="D37816" s="14" t="s">
        <v>227</v>
      </c>
      <c r="E37816" s="15">
        <v>45597</v>
      </c>
      <c r="F37816" s="14" t="s">
        <v>15</v>
      </c>
      <c r="G37816" s="16">
        <v>3.0362263031375685</v>
      </c>
    </row>
    <row r="37817" spans="1:7" x14ac:dyDescent="0.3">
      <c r="A37817" s="13" t="s">
        <v>226</v>
      </c>
      <c r="B37817" s="14" t="s">
        <v>1</v>
      </c>
      <c r="C37817" s="14" t="s">
        <v>157</v>
      </c>
      <c r="D37817" s="14" t="s">
        <v>227</v>
      </c>
      <c r="E37817" s="15">
        <v>45598</v>
      </c>
      <c r="F37817" s="14" t="s">
        <v>15</v>
      </c>
      <c r="G37817" s="16">
        <v>3.0362263031375685</v>
      </c>
    </row>
    <row r="37818" spans="1:7" x14ac:dyDescent="0.3">
      <c r="A37818" s="13" t="s">
        <v>226</v>
      </c>
      <c r="B37818" s="14" t="s">
        <v>1</v>
      </c>
      <c r="C37818" s="14" t="s">
        <v>157</v>
      </c>
      <c r="D37818" s="14" t="s">
        <v>227</v>
      </c>
      <c r="E37818" s="15">
        <v>45599</v>
      </c>
      <c r="F37818" s="14" t="s">
        <v>15</v>
      </c>
      <c r="G37818" s="16">
        <v>3.0362263031375685</v>
      </c>
    </row>
    <row r="37819" spans="1:7" x14ac:dyDescent="0.3">
      <c r="A37819" s="13" t="s">
        <v>226</v>
      </c>
      <c r="B37819" s="14" t="s">
        <v>1</v>
      </c>
      <c r="C37819" s="14" t="s">
        <v>157</v>
      </c>
      <c r="D37819" s="14" t="s">
        <v>227</v>
      </c>
      <c r="E37819" s="15">
        <v>45600</v>
      </c>
      <c r="F37819" s="14" t="s">
        <v>15</v>
      </c>
      <c r="G37819" s="16">
        <v>3.0342278856769918</v>
      </c>
    </row>
    <row r="37820" spans="1:7" x14ac:dyDescent="0.3">
      <c r="A37820" s="13" t="s">
        <v>226</v>
      </c>
      <c r="B37820" s="14" t="s">
        <v>1</v>
      </c>
      <c r="C37820" s="14" t="s">
        <v>157</v>
      </c>
      <c r="D37820" s="14" t="s">
        <v>227</v>
      </c>
      <c r="E37820" s="15">
        <v>45601</v>
      </c>
      <c r="F37820" s="14" t="s">
        <v>15</v>
      </c>
      <c r="G37820" s="16">
        <v>3.0322294682164155</v>
      </c>
    </row>
    <row r="37821" spans="1:7" x14ac:dyDescent="0.3">
      <c r="A37821" s="13" t="s">
        <v>226</v>
      </c>
      <c r="B37821" s="14" t="s">
        <v>1</v>
      </c>
      <c r="C37821" s="14" t="s">
        <v>157</v>
      </c>
      <c r="D37821" s="14" t="s">
        <v>227</v>
      </c>
      <c r="E37821" s="15">
        <v>45602</v>
      </c>
      <c r="F37821" s="14" t="s">
        <v>15</v>
      </c>
      <c r="G37821" s="16">
        <v>3.032231050755839</v>
      </c>
    </row>
    <row r="37822" spans="1:7" x14ac:dyDescent="0.3">
      <c r="A37822" s="13" t="s">
        <v>226</v>
      </c>
      <c r="B37822" s="14" t="s">
        <v>1</v>
      </c>
      <c r="C37822" s="14" t="s">
        <v>157</v>
      </c>
      <c r="D37822" s="14" t="s">
        <v>227</v>
      </c>
      <c r="E37822" s="15">
        <v>45603</v>
      </c>
      <c r="F37822" s="14" t="s">
        <v>15</v>
      </c>
      <c r="G37822" s="16">
        <v>3.0322326332952629</v>
      </c>
    </row>
    <row r="37823" spans="1:7" x14ac:dyDescent="0.3">
      <c r="A37823" s="13" t="s">
        <v>226</v>
      </c>
      <c r="B37823" s="14" t="s">
        <v>1</v>
      </c>
      <c r="C37823" s="14" t="s">
        <v>157</v>
      </c>
      <c r="D37823" s="14" t="s">
        <v>227</v>
      </c>
      <c r="E37823" s="15">
        <v>45604</v>
      </c>
      <c r="F37823" s="14" t="s">
        <v>15</v>
      </c>
      <c r="G37823" s="16">
        <v>3.0812342158346864</v>
      </c>
    </row>
    <row r="37824" spans="1:7" x14ac:dyDescent="0.3">
      <c r="A37824" s="13" t="s">
        <v>226</v>
      </c>
      <c r="B37824" s="14" t="s">
        <v>1</v>
      </c>
      <c r="C37824" s="14" t="s">
        <v>157</v>
      </c>
      <c r="D37824" s="14" t="s">
        <v>227</v>
      </c>
      <c r="E37824" s="15">
        <v>45605</v>
      </c>
      <c r="F37824" s="14" t="s">
        <v>15</v>
      </c>
      <c r="G37824" s="16">
        <v>3.0812342158346864</v>
      </c>
    </row>
    <row r="37825" spans="1:7" x14ac:dyDescent="0.3">
      <c r="A37825" s="13" t="s">
        <v>226</v>
      </c>
      <c r="B37825" s="14" t="s">
        <v>1</v>
      </c>
      <c r="C37825" s="14" t="s">
        <v>157</v>
      </c>
      <c r="D37825" s="14" t="s">
        <v>227</v>
      </c>
      <c r="E37825" s="15">
        <v>45606</v>
      </c>
      <c r="F37825" s="14" t="s">
        <v>15</v>
      </c>
      <c r="G37825" s="16">
        <v>3.0812342158346864</v>
      </c>
    </row>
    <row r="37826" spans="1:7" x14ac:dyDescent="0.3">
      <c r="A37826" s="13" t="s">
        <v>226</v>
      </c>
      <c r="B37826" s="14" t="s">
        <v>1</v>
      </c>
      <c r="C37826" s="14" t="s">
        <v>157</v>
      </c>
      <c r="D37826" s="14" t="s">
        <v>227</v>
      </c>
      <c r="E37826" s="15">
        <v>45607</v>
      </c>
      <c r="F37826" s="14" t="s">
        <v>15</v>
      </c>
      <c r="G37826" s="16">
        <v>3.0812357983741099</v>
      </c>
    </row>
    <row r="37827" spans="1:7" x14ac:dyDescent="0.3">
      <c r="A37827" s="13" t="s">
        <v>226</v>
      </c>
      <c r="B37827" s="14" t="s">
        <v>1</v>
      </c>
      <c r="C37827" s="14" t="s">
        <v>157</v>
      </c>
      <c r="D37827" s="14" t="s">
        <v>227</v>
      </c>
      <c r="E37827" s="15">
        <v>45608</v>
      </c>
      <c r="F37827" s="14" t="s">
        <v>15</v>
      </c>
      <c r="G37827" s="16">
        <v>3.0792373809135336</v>
      </c>
    </row>
    <row r="37828" spans="1:7" x14ac:dyDescent="0.3">
      <c r="A37828" s="13" t="s">
        <v>226</v>
      </c>
      <c r="B37828" s="14" t="s">
        <v>1</v>
      </c>
      <c r="C37828" s="14" t="s">
        <v>157</v>
      </c>
      <c r="D37828" s="14" t="s">
        <v>227</v>
      </c>
      <c r="E37828" s="15">
        <v>45609</v>
      </c>
      <c r="F37828" s="14" t="s">
        <v>15</v>
      </c>
      <c r="G37828" s="16">
        <v>3.092238963452957</v>
      </c>
    </row>
    <row r="37829" spans="1:7" x14ac:dyDescent="0.3">
      <c r="A37829" s="13" t="s">
        <v>226</v>
      </c>
      <c r="B37829" s="14" t="s">
        <v>1</v>
      </c>
      <c r="C37829" s="14" t="s">
        <v>157</v>
      </c>
      <c r="D37829" s="14" t="s">
        <v>227</v>
      </c>
      <c r="E37829" s="15">
        <v>45610</v>
      </c>
      <c r="F37829" s="14" t="s">
        <v>15</v>
      </c>
      <c r="G37829" s="16">
        <v>3.0922405459923805</v>
      </c>
    </row>
    <row r="37830" spans="1:7" x14ac:dyDescent="0.3">
      <c r="A37830" s="13" t="s">
        <v>226</v>
      </c>
      <c r="B37830" s="14" t="s">
        <v>1</v>
      </c>
      <c r="C37830" s="14" t="s">
        <v>157</v>
      </c>
      <c r="D37830" s="14" t="s">
        <v>227</v>
      </c>
      <c r="E37830" s="15">
        <v>45611</v>
      </c>
      <c r="F37830" s="14" t="s">
        <v>15</v>
      </c>
      <c r="G37830" s="16">
        <v>3.233242128531804</v>
      </c>
    </row>
    <row r="37831" spans="1:7" x14ac:dyDescent="0.3">
      <c r="A37831" s="13" t="s">
        <v>226</v>
      </c>
      <c r="B37831" s="14" t="s">
        <v>1</v>
      </c>
      <c r="C37831" s="14" t="s">
        <v>157</v>
      </c>
      <c r="D37831" s="14" t="s">
        <v>227</v>
      </c>
      <c r="E37831" s="15">
        <v>45612</v>
      </c>
      <c r="F37831" s="14" t="s">
        <v>15</v>
      </c>
      <c r="G37831" s="16">
        <v>3.233242128531804</v>
      </c>
    </row>
    <row r="37832" spans="1:7" x14ac:dyDescent="0.3">
      <c r="A37832" s="13" t="s">
        <v>226</v>
      </c>
      <c r="B37832" s="14" t="s">
        <v>1</v>
      </c>
      <c r="C37832" s="14" t="s">
        <v>157</v>
      </c>
      <c r="D37832" s="14" t="s">
        <v>227</v>
      </c>
      <c r="E37832" s="15">
        <v>45613</v>
      </c>
      <c r="F37832" s="14" t="s">
        <v>15</v>
      </c>
      <c r="G37832" s="16">
        <v>3.233242128531804</v>
      </c>
    </row>
    <row r="37833" spans="1:7" x14ac:dyDescent="0.3">
      <c r="A37833" s="13" t="s">
        <v>226</v>
      </c>
      <c r="B37833" s="14" t="s">
        <v>1</v>
      </c>
      <c r="C37833" s="14" t="s">
        <v>157</v>
      </c>
      <c r="D37833" s="14" t="s">
        <v>227</v>
      </c>
      <c r="E37833" s="15">
        <v>45614</v>
      </c>
      <c r="F37833" s="14" t="s">
        <v>15</v>
      </c>
      <c r="G37833" s="16">
        <v>3.2332437110712275</v>
      </c>
    </row>
    <row r="37834" spans="1:7" x14ac:dyDescent="0.3">
      <c r="A37834" s="13" t="s">
        <v>226</v>
      </c>
      <c r="B37834" s="14" t="s">
        <v>1</v>
      </c>
      <c r="C37834" s="14" t="s">
        <v>157</v>
      </c>
      <c r="D37834" s="14" t="s">
        <v>227</v>
      </c>
      <c r="E37834" s="15">
        <v>45615</v>
      </c>
      <c r="F37834" s="14" t="s">
        <v>15</v>
      </c>
      <c r="G37834" s="16">
        <v>3.2312452936106508</v>
      </c>
    </row>
    <row r="37835" spans="1:7" x14ac:dyDescent="0.3">
      <c r="A37835" s="13" t="s">
        <v>226</v>
      </c>
      <c r="B37835" s="14" t="s">
        <v>1</v>
      </c>
      <c r="C37835" s="14" t="s">
        <v>157</v>
      </c>
      <c r="D37835" s="14" t="s">
        <v>227</v>
      </c>
      <c r="E37835" s="15">
        <v>45616</v>
      </c>
      <c r="F37835" s="14" t="s">
        <v>15</v>
      </c>
      <c r="G37835" s="16">
        <v>3.2312468761500748</v>
      </c>
    </row>
    <row r="37836" spans="1:7" x14ac:dyDescent="0.3">
      <c r="A37836" s="13" t="s">
        <v>226</v>
      </c>
      <c r="B37836" s="14" t="s">
        <v>1</v>
      </c>
      <c r="C37836" s="14" t="s">
        <v>157</v>
      </c>
      <c r="D37836" s="14" t="s">
        <v>227</v>
      </c>
      <c r="E37836" s="15">
        <v>45617</v>
      </c>
      <c r="F37836" s="14" t="s">
        <v>15</v>
      </c>
      <c r="G37836" s="16">
        <v>3.2912484586894983</v>
      </c>
    </row>
    <row r="37837" spans="1:7" x14ac:dyDescent="0.3">
      <c r="A37837" s="13" t="s">
        <v>226</v>
      </c>
      <c r="B37837" s="14" t="s">
        <v>1</v>
      </c>
      <c r="C37837" s="14" t="s">
        <v>157</v>
      </c>
      <c r="D37837" s="14" t="s">
        <v>227</v>
      </c>
      <c r="E37837" s="15">
        <v>45618</v>
      </c>
      <c r="F37837" s="14" t="s">
        <v>15</v>
      </c>
      <c r="G37837" s="16">
        <v>3.2912500412289218</v>
      </c>
    </row>
    <row r="37838" spans="1:7" x14ac:dyDescent="0.3">
      <c r="A37838" s="13" t="s">
        <v>226</v>
      </c>
      <c r="B37838" s="14" t="s">
        <v>1</v>
      </c>
      <c r="C37838" s="14" t="s">
        <v>157</v>
      </c>
      <c r="D37838" s="14" t="s">
        <v>227</v>
      </c>
      <c r="E37838" s="15">
        <v>45619</v>
      </c>
      <c r="F37838" s="14" t="s">
        <v>15</v>
      </c>
      <c r="G37838" s="16">
        <v>3.2912500412289218</v>
      </c>
    </row>
    <row r="37839" spans="1:7" x14ac:dyDescent="0.3">
      <c r="A37839" s="13" t="s">
        <v>226</v>
      </c>
      <c r="B37839" s="14" t="s">
        <v>1</v>
      </c>
      <c r="C37839" s="14" t="s">
        <v>157</v>
      </c>
      <c r="D37839" s="14" t="s">
        <v>227</v>
      </c>
      <c r="E37839" s="15">
        <v>45620</v>
      </c>
      <c r="F37839" s="14" t="s">
        <v>15</v>
      </c>
      <c r="G37839" s="16">
        <v>3.2912500412289218</v>
      </c>
    </row>
    <row r="37840" spans="1:7" x14ac:dyDescent="0.3">
      <c r="A37840" s="13" t="s">
        <v>226</v>
      </c>
      <c r="B37840" s="14" t="s">
        <v>1</v>
      </c>
      <c r="C37840" s="14" t="s">
        <v>157</v>
      </c>
      <c r="D37840" s="14" t="s">
        <v>227</v>
      </c>
      <c r="E37840" s="15">
        <v>45621</v>
      </c>
      <c r="F37840" s="14" t="s">
        <v>15</v>
      </c>
      <c r="G37840" s="16">
        <v>3.2912516237683453</v>
      </c>
    </row>
    <row r="37841" spans="1:7" x14ac:dyDescent="0.3">
      <c r="A37841" s="13" t="s">
        <v>226</v>
      </c>
      <c r="B37841" s="14" t="s">
        <v>1</v>
      </c>
      <c r="C37841" s="14" t="s">
        <v>157</v>
      </c>
      <c r="D37841" s="14" t="s">
        <v>227</v>
      </c>
      <c r="E37841" s="15">
        <v>45622</v>
      </c>
      <c r="F37841" s="14" t="s">
        <v>15</v>
      </c>
      <c r="G37841" s="16">
        <v>3.3112532063077689</v>
      </c>
    </row>
    <row r="37842" spans="1:7" x14ac:dyDescent="0.3">
      <c r="A37842" s="13" t="s">
        <v>226</v>
      </c>
      <c r="B37842" s="14" t="s">
        <v>1</v>
      </c>
      <c r="C37842" s="14" t="s">
        <v>157</v>
      </c>
      <c r="D37842" s="14" t="s">
        <v>227</v>
      </c>
      <c r="E37842" s="15">
        <v>45623</v>
      </c>
      <c r="F37842" s="14" t="s">
        <v>15</v>
      </c>
      <c r="G37842" s="16">
        <v>3.3092547888471922</v>
      </c>
    </row>
    <row r="37843" spans="1:7" x14ac:dyDescent="0.3">
      <c r="A37843" s="13" t="s">
        <v>226</v>
      </c>
      <c r="B37843" s="14" t="s">
        <v>1</v>
      </c>
      <c r="C37843" s="14" t="s">
        <v>157</v>
      </c>
      <c r="D37843" s="14" t="s">
        <v>227</v>
      </c>
      <c r="E37843" s="15">
        <v>45624</v>
      </c>
      <c r="F37843" s="14" t="s">
        <v>15</v>
      </c>
      <c r="G37843" s="16">
        <v>3.3212563713866152</v>
      </c>
    </row>
    <row r="37844" spans="1:7" x14ac:dyDescent="0.3">
      <c r="A37844" s="13" t="s">
        <v>226</v>
      </c>
      <c r="B37844" s="14" t="s">
        <v>1</v>
      </c>
      <c r="C37844" s="14" t="s">
        <v>157</v>
      </c>
      <c r="D37844" s="14" t="s">
        <v>227</v>
      </c>
      <c r="E37844" s="15">
        <v>45625</v>
      </c>
      <c r="F37844" s="14" t="s">
        <v>15</v>
      </c>
      <c r="G37844" s="16">
        <v>3.3452579539260392</v>
      </c>
    </row>
    <row r="37845" spans="1:7" x14ac:dyDescent="0.3">
      <c r="A37845" s="13" t="s">
        <v>226</v>
      </c>
      <c r="B37845" s="14" t="s">
        <v>1</v>
      </c>
      <c r="C37845" s="14" t="s">
        <v>157</v>
      </c>
      <c r="D37845" s="14" t="s">
        <v>227</v>
      </c>
      <c r="E37845" s="15">
        <v>45626</v>
      </c>
      <c r="F37845" s="14" t="s">
        <v>15</v>
      </c>
      <c r="G37845" s="16">
        <v>3.3452579539260392</v>
      </c>
    </row>
    <row r="37846" spans="1:7" x14ac:dyDescent="0.3">
      <c r="A37846" s="13" t="s">
        <v>226</v>
      </c>
      <c r="B37846" s="14" t="s">
        <v>1</v>
      </c>
      <c r="C37846" s="14" t="s">
        <v>157</v>
      </c>
      <c r="D37846" s="14" t="s">
        <v>227</v>
      </c>
      <c r="E37846" s="15">
        <v>45627</v>
      </c>
      <c r="F37846" s="14" t="s">
        <v>15</v>
      </c>
      <c r="G37846" s="16">
        <v>3.3452579539260392</v>
      </c>
    </row>
    <row r="37847" spans="1:7" x14ac:dyDescent="0.3">
      <c r="A37847" s="13" t="s">
        <v>226</v>
      </c>
      <c r="B37847" s="14" t="s">
        <v>1</v>
      </c>
      <c r="C37847" s="14" t="s">
        <v>157</v>
      </c>
      <c r="D37847" s="14" t="s">
        <v>227</v>
      </c>
      <c r="E37847" s="15">
        <v>45628</v>
      </c>
      <c r="F37847" s="14" t="s">
        <v>15</v>
      </c>
      <c r="G37847" s="16">
        <v>3.3452595364654627</v>
      </c>
    </row>
    <row r="37848" spans="1:7" x14ac:dyDescent="0.3">
      <c r="A37848" s="13" t="s">
        <v>226</v>
      </c>
      <c r="B37848" s="14" t="s">
        <v>1</v>
      </c>
      <c r="C37848" s="14" t="s">
        <v>157</v>
      </c>
      <c r="D37848" s="14" t="s">
        <v>227</v>
      </c>
      <c r="E37848" s="15">
        <v>45629</v>
      </c>
      <c r="F37848" s="14" t="s">
        <v>15</v>
      </c>
      <c r="G37848" s="16">
        <v>3.343261119004886</v>
      </c>
    </row>
    <row r="37849" spans="1:7" x14ac:dyDescent="0.3">
      <c r="A37849" s="13" t="s">
        <v>226</v>
      </c>
      <c r="B37849" s="14" t="s">
        <v>1</v>
      </c>
      <c r="C37849" s="14" t="s">
        <v>157</v>
      </c>
      <c r="D37849" s="14" t="s">
        <v>227</v>
      </c>
      <c r="E37849" s="15">
        <v>45630</v>
      </c>
      <c r="F37849" s="14" t="s">
        <v>15</v>
      </c>
      <c r="G37849" s="16">
        <v>3.3432627015443095</v>
      </c>
    </row>
    <row r="37850" spans="1:7" x14ac:dyDescent="0.3">
      <c r="A37850" s="13" t="s">
        <v>226</v>
      </c>
      <c r="B37850" s="14" t="s">
        <v>1</v>
      </c>
      <c r="C37850" s="14" t="s">
        <v>157</v>
      </c>
      <c r="D37850" s="14" t="s">
        <v>227</v>
      </c>
      <c r="E37850" s="15">
        <v>45631</v>
      </c>
      <c r="F37850" s="14" t="s">
        <v>15</v>
      </c>
      <c r="G37850" s="16">
        <v>3.343264284083733</v>
      </c>
    </row>
    <row r="37851" spans="1:7" x14ac:dyDescent="0.3">
      <c r="A37851" s="13" t="s">
        <v>226</v>
      </c>
      <c r="B37851" s="14" t="s">
        <v>1</v>
      </c>
      <c r="C37851" s="14" t="s">
        <v>157</v>
      </c>
      <c r="D37851" s="14" t="s">
        <v>227</v>
      </c>
      <c r="E37851" s="15">
        <v>45632</v>
      </c>
      <c r="F37851" s="14" t="s">
        <v>15</v>
      </c>
      <c r="G37851" s="16">
        <v>3.3432658666231569</v>
      </c>
    </row>
    <row r="37852" spans="1:7" x14ac:dyDescent="0.3">
      <c r="A37852" s="13" t="s">
        <v>226</v>
      </c>
      <c r="B37852" s="14" t="s">
        <v>1</v>
      </c>
      <c r="C37852" s="14" t="s">
        <v>157</v>
      </c>
      <c r="D37852" s="14" t="s">
        <v>227</v>
      </c>
      <c r="E37852" s="15">
        <v>45633</v>
      </c>
      <c r="F37852" s="14" t="s">
        <v>15</v>
      </c>
      <c r="G37852" s="16">
        <v>3.3432658666231569</v>
      </c>
    </row>
    <row r="37853" spans="1:7" x14ac:dyDescent="0.3">
      <c r="A37853" s="13" t="s">
        <v>226</v>
      </c>
      <c r="B37853" s="14" t="s">
        <v>1</v>
      </c>
      <c r="C37853" s="14" t="s">
        <v>157</v>
      </c>
      <c r="D37853" s="14" t="s">
        <v>227</v>
      </c>
      <c r="E37853" s="15">
        <v>45634</v>
      </c>
      <c r="F37853" s="14" t="s">
        <v>15</v>
      </c>
      <c r="G37853" s="16">
        <v>3.3432658666231569</v>
      </c>
    </row>
    <row r="37854" spans="1:7" x14ac:dyDescent="0.3">
      <c r="A37854" s="13" t="s">
        <v>226</v>
      </c>
      <c r="B37854" s="14" t="s">
        <v>1</v>
      </c>
      <c r="C37854" s="14" t="s">
        <v>157</v>
      </c>
      <c r="D37854" s="14" t="s">
        <v>227</v>
      </c>
      <c r="E37854" s="15">
        <v>45635</v>
      </c>
      <c r="F37854" s="14" t="s">
        <v>15</v>
      </c>
      <c r="G37854" s="16">
        <v>3.3542674491625801</v>
      </c>
    </row>
    <row r="37855" spans="1:7" x14ac:dyDescent="0.3">
      <c r="A37855" s="13" t="s">
        <v>226</v>
      </c>
      <c r="B37855" s="14" t="s">
        <v>1</v>
      </c>
      <c r="C37855" s="14" t="s">
        <v>157</v>
      </c>
      <c r="D37855" s="14" t="s">
        <v>227</v>
      </c>
      <c r="E37855" s="15">
        <v>45636</v>
      </c>
      <c r="F37855" s="14" t="s">
        <v>15</v>
      </c>
      <c r="G37855" s="16">
        <v>3.3522690317020034</v>
      </c>
    </row>
    <row r="37856" spans="1:7" x14ac:dyDescent="0.3">
      <c r="A37856" s="13" t="s">
        <v>226</v>
      </c>
      <c r="B37856" s="14" t="s">
        <v>1</v>
      </c>
      <c r="C37856" s="14" t="s">
        <v>157</v>
      </c>
      <c r="D37856" s="14" t="s">
        <v>227</v>
      </c>
      <c r="E37856" s="15">
        <v>45637</v>
      </c>
      <c r="F37856" s="14" t="s">
        <v>15</v>
      </c>
      <c r="G37856" s="16">
        <v>3.3522706142414274</v>
      </c>
    </row>
    <row r="37857" spans="1:7" x14ac:dyDescent="0.3">
      <c r="A37857" s="13" t="s">
        <v>226</v>
      </c>
      <c r="B37857" s="14" t="s">
        <v>1</v>
      </c>
      <c r="C37857" s="14" t="s">
        <v>157</v>
      </c>
      <c r="D37857" s="14" t="s">
        <v>227</v>
      </c>
      <c r="E37857" s="15">
        <v>45638</v>
      </c>
      <c r="F37857" s="14" t="s">
        <v>15</v>
      </c>
      <c r="G37857" s="16">
        <v>3.3522721967808509</v>
      </c>
    </row>
    <row r="37858" spans="1:7" x14ac:dyDescent="0.3">
      <c r="A37858" s="13" t="s">
        <v>226</v>
      </c>
      <c r="B37858" s="14" t="s">
        <v>1</v>
      </c>
      <c r="C37858" s="14" t="s">
        <v>157</v>
      </c>
      <c r="D37858" s="14" t="s">
        <v>227</v>
      </c>
      <c r="E37858" s="15">
        <v>45639</v>
      </c>
      <c r="F37858" s="14" t="s">
        <v>15</v>
      </c>
      <c r="G37858" s="16">
        <v>3.3822737793202742</v>
      </c>
    </row>
    <row r="37859" spans="1:7" x14ac:dyDescent="0.3">
      <c r="A37859" s="13" t="s">
        <v>226</v>
      </c>
      <c r="B37859" s="14" t="s">
        <v>1</v>
      </c>
      <c r="C37859" s="14" t="s">
        <v>157</v>
      </c>
      <c r="D37859" s="14" t="s">
        <v>227</v>
      </c>
      <c r="E37859" s="15">
        <v>45640</v>
      </c>
      <c r="F37859" s="14" t="s">
        <v>15</v>
      </c>
      <c r="G37859" s="16">
        <v>3.3822737793202742</v>
      </c>
    </row>
    <row r="37860" spans="1:7" x14ac:dyDescent="0.3">
      <c r="A37860" s="13" t="s">
        <v>226</v>
      </c>
      <c r="B37860" s="14" t="s">
        <v>1</v>
      </c>
      <c r="C37860" s="14" t="s">
        <v>157</v>
      </c>
      <c r="D37860" s="14" t="s">
        <v>227</v>
      </c>
      <c r="E37860" s="15">
        <v>45641</v>
      </c>
      <c r="F37860" s="14" t="s">
        <v>15</v>
      </c>
      <c r="G37860" s="16">
        <v>3.3822737793202742</v>
      </c>
    </row>
    <row r="37861" spans="1:7" x14ac:dyDescent="0.3">
      <c r="A37861" s="13" t="s">
        <v>226</v>
      </c>
      <c r="B37861" s="14" t="s">
        <v>1</v>
      </c>
      <c r="C37861" s="14" t="s">
        <v>157</v>
      </c>
      <c r="D37861" s="14" t="s">
        <v>227</v>
      </c>
      <c r="E37861" s="15">
        <v>45642</v>
      </c>
      <c r="F37861" s="14" t="s">
        <v>15</v>
      </c>
      <c r="G37861" s="16">
        <v>3.3822753618596977</v>
      </c>
    </row>
    <row r="37862" spans="1:7" x14ac:dyDescent="0.3">
      <c r="A37862" s="13" t="s">
        <v>226</v>
      </c>
      <c r="B37862" s="14" t="s">
        <v>1</v>
      </c>
      <c r="C37862" s="14" t="s">
        <v>157</v>
      </c>
      <c r="D37862" s="14" t="s">
        <v>227</v>
      </c>
      <c r="E37862" s="15">
        <v>45643</v>
      </c>
      <c r="F37862" s="14" t="s">
        <v>15</v>
      </c>
      <c r="G37862" s="16">
        <v>3.380276944399121</v>
      </c>
    </row>
    <row r="37863" spans="1:7" x14ac:dyDescent="0.3">
      <c r="A37863" s="13" t="s">
        <v>226</v>
      </c>
      <c r="B37863" s="14" t="s">
        <v>1</v>
      </c>
      <c r="C37863" s="14" t="s">
        <v>157</v>
      </c>
      <c r="D37863" s="14" t="s">
        <v>227</v>
      </c>
      <c r="E37863" s="15">
        <v>45644</v>
      </c>
      <c r="F37863" s="14" t="s">
        <v>15</v>
      </c>
      <c r="G37863" s="16">
        <v>3.3802785269385445</v>
      </c>
    </row>
    <row r="37864" spans="1:7" x14ac:dyDescent="0.3">
      <c r="A37864" s="13" t="s">
        <v>226</v>
      </c>
      <c r="B37864" s="14" t="s">
        <v>1</v>
      </c>
      <c r="C37864" s="14" t="s">
        <v>157</v>
      </c>
      <c r="D37864" s="14" t="s">
        <v>227</v>
      </c>
      <c r="E37864" s="15">
        <v>45645</v>
      </c>
      <c r="F37864" s="14" t="s">
        <v>15</v>
      </c>
      <c r="G37864" s="16">
        <v>3.380280109477968</v>
      </c>
    </row>
    <row r="37865" spans="1:7" x14ac:dyDescent="0.3">
      <c r="A37865" s="13" t="s">
        <v>226</v>
      </c>
      <c r="B37865" s="14" t="s">
        <v>1</v>
      </c>
      <c r="C37865" s="14" t="s">
        <v>157</v>
      </c>
      <c r="D37865" s="14" t="s">
        <v>227</v>
      </c>
      <c r="E37865" s="15">
        <v>45646</v>
      </c>
      <c r="F37865" s="14" t="s">
        <v>15</v>
      </c>
      <c r="G37865" s="16">
        <v>3.3802816920173919</v>
      </c>
    </row>
    <row r="37866" spans="1:7" x14ac:dyDescent="0.3">
      <c r="A37866" s="13" t="s">
        <v>226</v>
      </c>
      <c r="B37866" s="14" t="s">
        <v>1</v>
      </c>
      <c r="C37866" s="14" t="s">
        <v>157</v>
      </c>
      <c r="D37866" s="14" t="s">
        <v>227</v>
      </c>
      <c r="E37866" s="15">
        <v>45647</v>
      </c>
      <c r="F37866" s="14" t="s">
        <v>15</v>
      </c>
      <c r="G37866" s="16">
        <v>3.3802816920173919</v>
      </c>
    </row>
    <row r="37867" spans="1:7" x14ac:dyDescent="0.3">
      <c r="A37867" s="13" t="s">
        <v>226</v>
      </c>
      <c r="B37867" s="14" t="s">
        <v>1</v>
      </c>
      <c r="C37867" s="14" t="s">
        <v>157</v>
      </c>
      <c r="D37867" s="14" t="s">
        <v>227</v>
      </c>
      <c r="E37867" s="15">
        <v>45648</v>
      </c>
      <c r="F37867" s="14" t="s">
        <v>15</v>
      </c>
      <c r="G37867" s="16">
        <v>3.3802816920173919</v>
      </c>
    </row>
    <row r="37868" spans="1:7" x14ac:dyDescent="0.3">
      <c r="A37868" s="13" t="s">
        <v>226</v>
      </c>
      <c r="B37868" s="14" t="s">
        <v>1</v>
      </c>
      <c r="C37868" s="14" t="s">
        <v>157</v>
      </c>
      <c r="D37868" s="14" t="s">
        <v>227</v>
      </c>
      <c r="E37868" s="15">
        <v>45649</v>
      </c>
      <c r="F37868" s="14" t="s">
        <v>15</v>
      </c>
      <c r="G37868" s="16">
        <v>3.3802832745568154</v>
      </c>
    </row>
    <row r="37869" spans="1:7" x14ac:dyDescent="0.3">
      <c r="A37869" s="13" t="s">
        <v>226</v>
      </c>
      <c r="B37869" s="14" t="s">
        <v>1</v>
      </c>
      <c r="C37869" s="14" t="s">
        <v>157</v>
      </c>
      <c r="D37869" s="14" t="s">
        <v>227</v>
      </c>
      <c r="E37869" s="15">
        <v>45650</v>
      </c>
      <c r="F37869" s="14" t="s">
        <v>15</v>
      </c>
      <c r="G37869" s="16">
        <v>3.3762848570962389</v>
      </c>
    </row>
    <row r="37870" spans="1:7" x14ac:dyDescent="0.3">
      <c r="A37870" s="13" t="s">
        <v>226</v>
      </c>
      <c r="B37870" s="14" t="s">
        <v>1</v>
      </c>
      <c r="C37870" s="14" t="s">
        <v>157</v>
      </c>
      <c r="D37870" s="14" t="s">
        <v>227</v>
      </c>
      <c r="E37870" s="15">
        <v>45651</v>
      </c>
      <c r="F37870" s="14" t="s">
        <v>15</v>
      </c>
      <c r="G37870" s="16">
        <v>3.3762848570962389</v>
      </c>
    </row>
    <row r="37871" spans="1:7" x14ac:dyDescent="0.3">
      <c r="A37871" s="13" t="s">
        <v>226</v>
      </c>
      <c r="B37871" s="14" t="s">
        <v>1</v>
      </c>
      <c r="C37871" s="14" t="s">
        <v>157</v>
      </c>
      <c r="D37871" s="14" t="s">
        <v>227</v>
      </c>
      <c r="E37871" s="15">
        <v>45652</v>
      </c>
      <c r="F37871" s="14" t="s">
        <v>15</v>
      </c>
      <c r="G37871" s="16">
        <v>3.3762848570962389</v>
      </c>
    </row>
    <row r="37872" spans="1:7" x14ac:dyDescent="0.3">
      <c r="A37872" s="13" t="s">
        <v>226</v>
      </c>
      <c r="B37872" s="14" t="s">
        <v>1</v>
      </c>
      <c r="C37872" s="14" t="s">
        <v>157</v>
      </c>
      <c r="D37872" s="14" t="s">
        <v>227</v>
      </c>
      <c r="E37872" s="15">
        <v>45653</v>
      </c>
      <c r="F37872" s="14" t="s">
        <v>15</v>
      </c>
      <c r="G37872" s="16">
        <v>3.3762848570962389</v>
      </c>
    </row>
    <row r="37873" spans="1:7" x14ac:dyDescent="0.3">
      <c r="A37873" s="13" t="s">
        <v>226</v>
      </c>
      <c r="B37873" s="14" t="s">
        <v>1</v>
      </c>
      <c r="C37873" s="14" t="s">
        <v>157</v>
      </c>
      <c r="D37873" s="14" t="s">
        <v>227</v>
      </c>
      <c r="E37873" s="15">
        <v>45654</v>
      </c>
      <c r="F37873" s="14" t="s">
        <v>15</v>
      </c>
      <c r="G37873" s="16">
        <v>3.3762848570962389</v>
      </c>
    </row>
    <row r="37874" spans="1:7" x14ac:dyDescent="0.3">
      <c r="A37874" s="13" t="s">
        <v>226</v>
      </c>
      <c r="B37874" s="14" t="s">
        <v>1</v>
      </c>
      <c r="C37874" s="14" t="s">
        <v>157</v>
      </c>
      <c r="D37874" s="14" t="s">
        <v>227</v>
      </c>
      <c r="E37874" s="15">
        <v>45655</v>
      </c>
      <c r="F37874" s="14" t="s">
        <v>15</v>
      </c>
      <c r="G37874" s="16">
        <v>3.3762848570962389</v>
      </c>
    </row>
    <row r="37875" spans="1:7" x14ac:dyDescent="0.3">
      <c r="A37875" s="13" t="s">
        <v>226</v>
      </c>
      <c r="B37875" s="14" t="s">
        <v>1</v>
      </c>
      <c r="C37875" s="14" t="s">
        <v>157</v>
      </c>
      <c r="D37875" s="14" t="s">
        <v>227</v>
      </c>
      <c r="E37875" s="15">
        <v>45656</v>
      </c>
      <c r="F37875" s="14" t="s">
        <v>15</v>
      </c>
      <c r="G37875" s="16">
        <v>3.375286439635663</v>
      </c>
    </row>
    <row r="37876" spans="1:7" x14ac:dyDescent="0.3">
      <c r="A37876" s="13" t="s">
        <v>226</v>
      </c>
      <c r="B37876" s="14" t="s">
        <v>1</v>
      </c>
      <c r="C37876" s="14" t="s">
        <v>157</v>
      </c>
      <c r="D37876" s="14" t="s">
        <v>227</v>
      </c>
      <c r="E37876" s="15">
        <v>45657</v>
      </c>
      <c r="F37876" s="14" t="s">
        <v>15</v>
      </c>
      <c r="G37876" s="16">
        <v>3.4472880221750861</v>
      </c>
    </row>
    <row r="37877" spans="1:7" x14ac:dyDescent="0.3">
      <c r="A37877" s="13" t="s">
        <v>226</v>
      </c>
      <c r="B37877" s="14" t="s">
        <v>1</v>
      </c>
      <c r="C37877" s="14" t="s">
        <v>157</v>
      </c>
      <c r="D37877" s="14" t="s">
        <v>227</v>
      </c>
      <c r="E37877" s="15">
        <v>45658</v>
      </c>
      <c r="F37877" s="14" t="s">
        <v>15</v>
      </c>
      <c r="G37877" s="16">
        <v>3.4472880221750861</v>
      </c>
    </row>
    <row r="37878" spans="1:7" x14ac:dyDescent="0.3">
      <c r="A37878" s="13" t="s">
        <v>226</v>
      </c>
      <c r="B37878" s="14" t="s">
        <v>1</v>
      </c>
      <c r="C37878" s="14" t="s">
        <v>157</v>
      </c>
      <c r="D37878" s="14" t="s">
        <v>227</v>
      </c>
      <c r="E37878" s="15">
        <v>45659</v>
      </c>
      <c r="F37878" s="14" t="s">
        <v>15</v>
      </c>
      <c r="G37878" s="16">
        <v>3.4462896047145102</v>
      </c>
    </row>
    <row r="37879" spans="1:7" x14ac:dyDescent="0.3">
      <c r="A37879" s="13" t="s">
        <v>226</v>
      </c>
      <c r="B37879" s="14" t="s">
        <v>1</v>
      </c>
      <c r="C37879" s="14" t="s">
        <v>157</v>
      </c>
      <c r="D37879" s="14" t="s">
        <v>227</v>
      </c>
      <c r="E37879" s="15">
        <v>45660</v>
      </c>
      <c r="F37879" s="14" t="s">
        <v>15</v>
      </c>
      <c r="G37879" s="16">
        <v>3.6882911872539337</v>
      </c>
    </row>
    <row r="37880" spans="1:7" x14ac:dyDescent="0.3">
      <c r="A37880" s="13" t="s">
        <v>226</v>
      </c>
      <c r="B37880" s="14" t="s">
        <v>1</v>
      </c>
      <c r="C37880" s="14" t="s">
        <v>157</v>
      </c>
      <c r="D37880" s="14" t="s">
        <v>227</v>
      </c>
      <c r="E37880" s="15">
        <v>45661</v>
      </c>
      <c r="F37880" s="14" t="s">
        <v>15</v>
      </c>
      <c r="G37880" s="16">
        <v>3.6882911872539337</v>
      </c>
    </row>
    <row r="37881" spans="1:7" x14ac:dyDescent="0.3">
      <c r="A37881" s="13" t="s">
        <v>226</v>
      </c>
      <c r="B37881" s="14" t="s">
        <v>1</v>
      </c>
      <c r="C37881" s="14" t="s">
        <v>157</v>
      </c>
      <c r="D37881" s="14" t="s">
        <v>227</v>
      </c>
      <c r="E37881" s="15">
        <v>45662</v>
      </c>
      <c r="F37881" s="14" t="s">
        <v>15</v>
      </c>
      <c r="G37881" s="16">
        <v>3.6882911872539337</v>
      </c>
    </row>
    <row r="37882" spans="1:7" x14ac:dyDescent="0.3">
      <c r="A37882" s="13" t="s">
        <v>226</v>
      </c>
      <c r="B37882" s="14" t="s">
        <v>1</v>
      </c>
      <c r="C37882" s="14" t="s">
        <v>157</v>
      </c>
      <c r="D37882" s="14" t="s">
        <v>227</v>
      </c>
      <c r="E37882" s="15">
        <v>45663</v>
      </c>
      <c r="F37882" s="14" t="s">
        <v>15</v>
      </c>
      <c r="G37882" s="16">
        <v>3.6872927697933577</v>
      </c>
    </row>
    <row r="37883" spans="1:7" x14ac:dyDescent="0.3">
      <c r="A37883" s="13" t="s">
        <v>226</v>
      </c>
      <c r="B37883" s="14" t="s">
        <v>1</v>
      </c>
      <c r="C37883" s="14" t="s">
        <v>157</v>
      </c>
      <c r="D37883" s="14" t="s">
        <v>227</v>
      </c>
      <c r="E37883" s="15">
        <v>45664</v>
      </c>
      <c r="F37883" s="14" t="s">
        <v>15</v>
      </c>
      <c r="G37883" s="16">
        <v>3.6832943523327812</v>
      </c>
    </row>
    <row r="37884" spans="1:7" x14ac:dyDescent="0.3">
      <c r="A37884" s="13" t="s">
        <v>226</v>
      </c>
      <c r="B37884" s="14" t="s">
        <v>1</v>
      </c>
      <c r="C37884" s="14" t="s">
        <v>157</v>
      </c>
      <c r="D37884" s="14" t="s">
        <v>227</v>
      </c>
      <c r="E37884" s="15">
        <v>45665</v>
      </c>
      <c r="F37884" s="14" t="s">
        <v>15</v>
      </c>
      <c r="G37884" s="16">
        <v>3.6822959348722053</v>
      </c>
    </row>
    <row r="37885" spans="1:7" x14ac:dyDescent="0.3">
      <c r="A37885" s="13" t="s">
        <v>226</v>
      </c>
      <c r="B37885" s="14" t="s">
        <v>1</v>
      </c>
      <c r="C37885" s="14" t="s">
        <v>157</v>
      </c>
      <c r="D37885" s="14" t="s">
        <v>227</v>
      </c>
      <c r="E37885" s="15">
        <v>45666</v>
      </c>
      <c r="F37885" s="14" t="s">
        <v>15</v>
      </c>
      <c r="G37885" s="16">
        <v>3.6812975174116289</v>
      </c>
    </row>
    <row r="37886" spans="1:7" x14ac:dyDescent="0.3">
      <c r="A37886" s="13" t="s">
        <v>226</v>
      </c>
      <c r="B37886" s="14" t="s">
        <v>1</v>
      </c>
      <c r="C37886" s="14" t="s">
        <v>157</v>
      </c>
      <c r="D37886" s="14" t="s">
        <v>227</v>
      </c>
      <c r="E37886" s="15">
        <v>45667</v>
      </c>
      <c r="F37886" s="14" t="s">
        <v>15</v>
      </c>
      <c r="G37886" s="16">
        <v>3.6892990999510524</v>
      </c>
    </row>
    <row r="37887" spans="1:7" x14ac:dyDescent="0.3">
      <c r="A37887" s="13" t="s">
        <v>226</v>
      </c>
      <c r="B37887" s="14" t="s">
        <v>1</v>
      </c>
      <c r="C37887" s="14" t="s">
        <v>157</v>
      </c>
      <c r="D37887" s="14" t="s">
        <v>227</v>
      </c>
      <c r="E37887" s="15">
        <v>45668</v>
      </c>
      <c r="F37887" s="14" t="s">
        <v>15</v>
      </c>
      <c r="G37887" s="16">
        <v>3.6892990999510524</v>
      </c>
    </row>
    <row r="37888" spans="1:7" x14ac:dyDescent="0.3">
      <c r="A37888" s="13" t="s">
        <v>226</v>
      </c>
      <c r="B37888" s="14" t="s">
        <v>1</v>
      </c>
      <c r="C37888" s="14" t="s">
        <v>157</v>
      </c>
      <c r="D37888" s="14" t="s">
        <v>227</v>
      </c>
      <c r="E37888" s="15">
        <v>45669</v>
      </c>
      <c r="F37888" s="14" t="s">
        <v>15</v>
      </c>
      <c r="G37888" s="16">
        <v>3.6892990999510524</v>
      </c>
    </row>
    <row r="37889" spans="1:7" x14ac:dyDescent="0.3">
      <c r="A37889" s="13" t="s">
        <v>226</v>
      </c>
      <c r="B37889" s="14" t="s">
        <v>1</v>
      </c>
      <c r="C37889" s="14" t="s">
        <v>157</v>
      </c>
      <c r="D37889" s="14" t="s">
        <v>227</v>
      </c>
      <c r="E37889" s="15">
        <v>45670</v>
      </c>
      <c r="F37889" s="14" t="s">
        <v>15</v>
      </c>
      <c r="G37889" s="16">
        <v>3.688300682490476</v>
      </c>
    </row>
    <row r="37890" spans="1:7" x14ac:dyDescent="0.3">
      <c r="A37890" s="13" t="s">
        <v>226</v>
      </c>
      <c r="B37890" s="14" t="s">
        <v>1</v>
      </c>
      <c r="C37890" s="14" t="s">
        <v>157</v>
      </c>
      <c r="D37890" s="14" t="s">
        <v>227</v>
      </c>
      <c r="E37890" s="15">
        <v>45671</v>
      </c>
      <c r="F37890" s="14" t="s">
        <v>15</v>
      </c>
      <c r="G37890" s="16">
        <v>3.6863022650298993</v>
      </c>
    </row>
    <row r="37891" spans="1:7" x14ac:dyDescent="0.3">
      <c r="A37891" s="13" t="s">
        <v>226</v>
      </c>
      <c r="B37891" s="14" t="s">
        <v>1</v>
      </c>
      <c r="C37891" s="14" t="s">
        <v>157</v>
      </c>
      <c r="D37891" s="14" t="s">
        <v>227</v>
      </c>
      <c r="E37891" s="15">
        <v>45672</v>
      </c>
      <c r="F37891" s="14" t="s">
        <v>15</v>
      </c>
      <c r="G37891" s="16">
        <v>3.6853038475693234</v>
      </c>
    </row>
    <row r="37892" spans="1:7" x14ac:dyDescent="0.3">
      <c r="A37892" s="13" t="s">
        <v>226</v>
      </c>
      <c r="B37892" s="14" t="s">
        <v>1</v>
      </c>
      <c r="C37892" s="14" t="s">
        <v>157</v>
      </c>
      <c r="D37892" s="14" t="s">
        <v>227</v>
      </c>
      <c r="E37892" s="15">
        <v>45673</v>
      </c>
      <c r="F37892" s="14" t="s">
        <v>15</v>
      </c>
      <c r="G37892" s="16">
        <v>3.684305430108747</v>
      </c>
    </row>
    <row r="37893" spans="1:7" x14ac:dyDescent="0.3">
      <c r="A37893" s="13" t="s">
        <v>226</v>
      </c>
      <c r="B37893" s="14" t="s">
        <v>1</v>
      </c>
      <c r="C37893" s="14" t="s">
        <v>157</v>
      </c>
      <c r="D37893" s="14" t="s">
        <v>227</v>
      </c>
      <c r="E37893" s="15">
        <v>45674</v>
      </c>
      <c r="F37893" s="14" t="s">
        <v>15</v>
      </c>
      <c r="G37893" s="16">
        <v>3.6833070126481706</v>
      </c>
    </row>
    <row r="37894" spans="1:7" x14ac:dyDescent="0.3">
      <c r="A37894" s="13" t="s">
        <v>226</v>
      </c>
      <c r="B37894" s="14" t="s">
        <v>1</v>
      </c>
      <c r="C37894" s="14" t="s">
        <v>157</v>
      </c>
      <c r="D37894" s="14" t="s">
        <v>227</v>
      </c>
      <c r="E37894" s="15">
        <v>45675</v>
      </c>
      <c r="F37894" s="14" t="s">
        <v>15</v>
      </c>
      <c r="G37894" s="16">
        <v>3.6833070126481706</v>
      </c>
    </row>
    <row r="37895" spans="1:7" x14ac:dyDescent="0.3">
      <c r="A37895" s="13" t="s">
        <v>226</v>
      </c>
      <c r="B37895" s="14" t="s">
        <v>1</v>
      </c>
      <c r="C37895" s="14" t="s">
        <v>157</v>
      </c>
      <c r="D37895" s="14" t="s">
        <v>227</v>
      </c>
      <c r="E37895" s="15">
        <v>45676</v>
      </c>
      <c r="F37895" s="14" t="s">
        <v>15</v>
      </c>
      <c r="G37895" s="16">
        <v>3.6833070126481706</v>
      </c>
    </row>
    <row r="37896" spans="1:7" x14ac:dyDescent="0.3">
      <c r="A37896" s="13" t="s">
        <v>226</v>
      </c>
      <c r="B37896" s="14" t="s">
        <v>1</v>
      </c>
      <c r="C37896" s="14" t="s">
        <v>157</v>
      </c>
      <c r="D37896" s="14" t="s">
        <v>227</v>
      </c>
      <c r="E37896" s="15">
        <v>45677</v>
      </c>
      <c r="F37896" s="14" t="s">
        <v>15</v>
      </c>
      <c r="G37896" s="16">
        <v>3.7033085951875941</v>
      </c>
    </row>
    <row r="37897" spans="1:7" x14ac:dyDescent="0.3">
      <c r="A37897" s="13" t="s">
        <v>226</v>
      </c>
      <c r="B37897" s="14" t="s">
        <v>1</v>
      </c>
      <c r="C37897" s="14" t="s">
        <v>157</v>
      </c>
      <c r="D37897" s="14" t="s">
        <v>227</v>
      </c>
      <c r="E37897" s="15">
        <v>45678</v>
      </c>
      <c r="F37897" s="14" t="s">
        <v>15</v>
      </c>
      <c r="G37897" s="16">
        <v>3.6993101777270176</v>
      </c>
    </row>
    <row r="37898" spans="1:7" x14ac:dyDescent="0.3">
      <c r="A37898" s="13" t="s">
        <v>226</v>
      </c>
      <c r="B37898" s="14" t="s">
        <v>1</v>
      </c>
      <c r="C37898" s="14" t="s">
        <v>157</v>
      </c>
      <c r="D37898" s="14" t="s">
        <v>227</v>
      </c>
      <c r="E37898" s="15">
        <v>45679</v>
      </c>
      <c r="F37898" s="14" t="s">
        <v>15</v>
      </c>
      <c r="G37898" s="16">
        <v>3.6983117602664413</v>
      </c>
    </row>
    <row r="37899" spans="1:7" x14ac:dyDescent="0.3">
      <c r="A37899" s="13" t="s">
        <v>226</v>
      </c>
      <c r="B37899" s="14" t="s">
        <v>1</v>
      </c>
      <c r="C37899" s="14" t="s">
        <v>157</v>
      </c>
      <c r="D37899" s="14" t="s">
        <v>227</v>
      </c>
      <c r="E37899" s="15">
        <v>45680</v>
      </c>
      <c r="F37899" s="14" t="s">
        <v>15</v>
      </c>
      <c r="G37899" s="16">
        <v>3.6973133428058653</v>
      </c>
    </row>
    <row r="37900" spans="1:7" x14ac:dyDescent="0.3">
      <c r="A37900" s="13" t="s">
        <v>226</v>
      </c>
      <c r="B37900" s="14" t="s">
        <v>1</v>
      </c>
      <c r="C37900" s="14" t="s">
        <v>157</v>
      </c>
      <c r="D37900" s="14" t="s">
        <v>227</v>
      </c>
      <c r="E37900" s="15">
        <v>45681</v>
      </c>
      <c r="F37900" s="14" t="s">
        <v>15</v>
      </c>
      <c r="G37900" s="16">
        <v>3.6963149253452889</v>
      </c>
    </row>
    <row r="37901" spans="1:7" x14ac:dyDescent="0.3">
      <c r="A37901" s="13" t="s">
        <v>226</v>
      </c>
      <c r="B37901" s="14" t="s">
        <v>1</v>
      </c>
      <c r="C37901" s="14" t="s">
        <v>157</v>
      </c>
      <c r="D37901" s="14" t="s">
        <v>227</v>
      </c>
      <c r="E37901" s="15">
        <v>45682</v>
      </c>
      <c r="F37901" s="14" t="s">
        <v>15</v>
      </c>
      <c r="G37901" s="16">
        <v>3.6963149253452889</v>
      </c>
    </row>
    <row r="37902" spans="1:7" x14ac:dyDescent="0.3">
      <c r="A37902" s="13" t="s">
        <v>226</v>
      </c>
      <c r="B37902" s="14" t="s">
        <v>1</v>
      </c>
      <c r="C37902" s="14" t="s">
        <v>157</v>
      </c>
      <c r="D37902" s="14" t="s">
        <v>227</v>
      </c>
      <c r="E37902" s="15">
        <v>45683</v>
      </c>
      <c r="F37902" s="14" t="s">
        <v>15</v>
      </c>
      <c r="G37902" s="16">
        <v>3.6963149253452889</v>
      </c>
    </row>
    <row r="37903" spans="1:7" x14ac:dyDescent="0.3">
      <c r="A37903" s="13" t="s">
        <v>226</v>
      </c>
      <c r="B37903" s="14" t="s">
        <v>1</v>
      </c>
      <c r="C37903" s="14" t="s">
        <v>157</v>
      </c>
      <c r="D37903" s="14" t="s">
        <v>227</v>
      </c>
      <c r="E37903" s="15">
        <v>45684</v>
      </c>
      <c r="F37903" s="14" t="s">
        <v>15</v>
      </c>
      <c r="G37903" s="16">
        <v>3.695316507884713</v>
      </c>
    </row>
    <row r="37904" spans="1:7" x14ac:dyDescent="0.3">
      <c r="A37904" s="13" t="s">
        <v>226</v>
      </c>
      <c r="B37904" s="14" t="s">
        <v>1</v>
      </c>
      <c r="C37904" s="14" t="s">
        <v>157</v>
      </c>
      <c r="D37904" s="14" t="s">
        <v>227</v>
      </c>
      <c r="E37904" s="15">
        <v>45685</v>
      </c>
      <c r="F37904" s="14" t="s">
        <v>15</v>
      </c>
      <c r="G37904" s="16">
        <v>3.6913180904241365</v>
      </c>
    </row>
    <row r="37905" spans="1:7" x14ac:dyDescent="0.3">
      <c r="A37905" s="13" t="s">
        <v>226</v>
      </c>
      <c r="B37905" s="14" t="s">
        <v>1</v>
      </c>
      <c r="C37905" s="14" t="s">
        <v>157</v>
      </c>
      <c r="D37905" s="14" t="s">
        <v>227</v>
      </c>
      <c r="E37905" s="15">
        <v>45686</v>
      </c>
      <c r="F37905" s="14" t="s">
        <v>15</v>
      </c>
      <c r="G37905" s="16">
        <v>3.6913180904241365</v>
      </c>
    </row>
    <row r="37906" spans="1:7" x14ac:dyDescent="0.3">
      <c r="A37906" s="13" t="s">
        <v>226</v>
      </c>
      <c r="B37906" s="14" t="s">
        <v>1</v>
      </c>
      <c r="C37906" s="14" t="s">
        <v>157</v>
      </c>
      <c r="D37906" s="14" t="s">
        <v>227</v>
      </c>
      <c r="E37906" s="15">
        <v>45687</v>
      </c>
      <c r="F37906" s="14" t="s">
        <v>15</v>
      </c>
      <c r="G37906" s="16">
        <v>3.6913180904241365</v>
      </c>
    </row>
    <row r="37907" spans="1:7" x14ac:dyDescent="0.3">
      <c r="A37907" s="13" t="s">
        <v>226</v>
      </c>
      <c r="B37907" s="14" t="s">
        <v>1</v>
      </c>
      <c r="C37907" s="14" t="s">
        <v>157</v>
      </c>
      <c r="D37907" s="14" t="s">
        <v>227</v>
      </c>
      <c r="E37907" s="15">
        <v>45688</v>
      </c>
      <c r="F37907" s="14" t="s">
        <v>15</v>
      </c>
      <c r="G37907" s="16">
        <v>3.6903196729635601</v>
      </c>
    </row>
    <row r="37908" spans="1:7" x14ac:dyDescent="0.3">
      <c r="A37908" s="13" t="s">
        <v>226</v>
      </c>
      <c r="B37908" s="14" t="s">
        <v>1</v>
      </c>
      <c r="C37908" s="14" t="s">
        <v>157</v>
      </c>
      <c r="D37908" s="14" t="s">
        <v>227</v>
      </c>
      <c r="E37908" s="15">
        <v>45689</v>
      </c>
      <c r="F37908" s="14" t="s">
        <v>15</v>
      </c>
      <c r="G37908" s="16">
        <v>3.6903196729635601</v>
      </c>
    </row>
    <row r="37909" spans="1:7" x14ac:dyDescent="0.3">
      <c r="A37909" s="13" t="s">
        <v>226</v>
      </c>
      <c r="B37909" s="14" t="s">
        <v>1</v>
      </c>
      <c r="C37909" s="14" t="s">
        <v>157</v>
      </c>
      <c r="D37909" s="14" t="s">
        <v>227</v>
      </c>
      <c r="E37909" s="15">
        <v>45690</v>
      </c>
      <c r="F37909" s="14" t="s">
        <v>15</v>
      </c>
      <c r="G37909" s="16">
        <v>3.6903196729635601</v>
      </c>
    </row>
    <row r="37910" spans="1:7" x14ac:dyDescent="0.3">
      <c r="A37910" s="13" t="s">
        <v>226</v>
      </c>
      <c r="B37910" s="14" t="s">
        <v>1</v>
      </c>
      <c r="C37910" s="14" t="s">
        <v>157</v>
      </c>
      <c r="D37910" s="14" t="s">
        <v>227</v>
      </c>
      <c r="E37910" s="15">
        <v>45691</v>
      </c>
      <c r="F37910" s="14" t="s">
        <v>15</v>
      </c>
      <c r="G37910" s="16">
        <v>3.6903196729635601</v>
      </c>
    </row>
    <row r="37911" spans="1:7" x14ac:dyDescent="0.3">
      <c r="A37911" s="13" t="s">
        <v>226</v>
      </c>
      <c r="B37911" s="14" t="s">
        <v>1</v>
      </c>
      <c r="C37911" s="14" t="s">
        <v>157</v>
      </c>
      <c r="D37911" s="14" t="s">
        <v>227</v>
      </c>
      <c r="E37911" s="15">
        <v>45692</v>
      </c>
      <c r="F37911" s="14" t="s">
        <v>15</v>
      </c>
      <c r="G37911" s="16">
        <v>3.6863212555029841</v>
      </c>
    </row>
    <row r="37912" spans="1:7" x14ac:dyDescent="0.3">
      <c r="A37912" s="13" t="s">
        <v>226</v>
      </c>
      <c r="B37912" s="14" t="s">
        <v>1</v>
      </c>
      <c r="C37912" s="14" t="s">
        <v>157</v>
      </c>
      <c r="D37912" s="14" t="s">
        <v>227</v>
      </c>
      <c r="E37912" s="15">
        <v>45693</v>
      </c>
      <c r="F37912" s="14" t="s">
        <v>15</v>
      </c>
      <c r="G37912" s="16">
        <v>3.6803228380424073</v>
      </c>
    </row>
    <row r="37913" spans="1:7" x14ac:dyDescent="0.3">
      <c r="A37913" s="13" t="s">
        <v>226</v>
      </c>
      <c r="B37913" s="14" t="s">
        <v>1</v>
      </c>
      <c r="C37913" s="14" t="s">
        <v>157</v>
      </c>
      <c r="D37913" s="14" t="s">
        <v>227</v>
      </c>
      <c r="E37913" s="15">
        <v>45694</v>
      </c>
      <c r="F37913" s="14" t="s">
        <v>15</v>
      </c>
      <c r="G37913" s="16">
        <v>3.679324420581831</v>
      </c>
    </row>
    <row r="37914" spans="1:7" x14ac:dyDescent="0.3">
      <c r="A37914" s="13" t="s">
        <v>226</v>
      </c>
      <c r="B37914" s="14" t="s">
        <v>1</v>
      </c>
      <c r="C37914" s="14" t="s">
        <v>157</v>
      </c>
      <c r="D37914" s="14" t="s">
        <v>227</v>
      </c>
      <c r="E37914" s="15">
        <v>45695</v>
      </c>
      <c r="F37914" s="14" t="s">
        <v>15</v>
      </c>
      <c r="G37914" s="16">
        <v>3.678326003121255</v>
      </c>
    </row>
    <row r="37915" spans="1:7" x14ac:dyDescent="0.3">
      <c r="A37915" s="13" t="s">
        <v>226</v>
      </c>
      <c r="B37915" s="14" t="s">
        <v>1</v>
      </c>
      <c r="C37915" s="14" t="s">
        <v>157</v>
      </c>
      <c r="D37915" s="14" t="s">
        <v>227</v>
      </c>
      <c r="E37915" s="15">
        <v>45696</v>
      </c>
      <c r="F37915" s="14" t="s">
        <v>15</v>
      </c>
      <c r="G37915" s="16">
        <v>3.678326003121255</v>
      </c>
    </row>
    <row r="37916" spans="1:7" x14ac:dyDescent="0.3">
      <c r="A37916" s="13" t="s">
        <v>226</v>
      </c>
      <c r="B37916" s="14" t="s">
        <v>1</v>
      </c>
      <c r="C37916" s="14" t="s">
        <v>157</v>
      </c>
      <c r="D37916" s="14" t="s">
        <v>227</v>
      </c>
      <c r="E37916" s="15">
        <v>45697</v>
      </c>
      <c r="F37916" s="14" t="s">
        <v>15</v>
      </c>
      <c r="G37916" s="16">
        <v>3.678326003121255</v>
      </c>
    </row>
    <row r="37917" spans="1:7" x14ac:dyDescent="0.3">
      <c r="A37917" s="13" t="s">
        <v>226</v>
      </c>
      <c r="B37917" s="14" t="s">
        <v>1</v>
      </c>
      <c r="C37917" s="14" t="s">
        <v>157</v>
      </c>
      <c r="D37917" s="14" t="s">
        <v>227</v>
      </c>
      <c r="E37917" s="15">
        <v>45698</v>
      </c>
      <c r="F37917" s="14" t="s">
        <v>15</v>
      </c>
      <c r="G37917" s="16">
        <v>3.6843275856606787</v>
      </c>
    </row>
    <row r="37918" spans="1:7" x14ac:dyDescent="0.3">
      <c r="A37918" s="13" t="s">
        <v>226</v>
      </c>
      <c r="B37918" s="14" t="s">
        <v>1</v>
      </c>
      <c r="C37918" s="14" t="s">
        <v>157</v>
      </c>
      <c r="D37918" s="14" t="s">
        <v>227</v>
      </c>
      <c r="E37918" s="15">
        <v>45699</v>
      </c>
      <c r="F37918" s="14" t="s">
        <v>15</v>
      </c>
      <c r="G37918" s="16">
        <v>3.6803291682001023</v>
      </c>
    </row>
    <row r="37919" spans="1:7" x14ac:dyDescent="0.3">
      <c r="A37919" s="13" t="s">
        <v>226</v>
      </c>
      <c r="B37919" s="14" t="s">
        <v>1</v>
      </c>
      <c r="C37919" s="14" t="s">
        <v>157</v>
      </c>
      <c r="D37919" s="14" t="s">
        <v>227</v>
      </c>
      <c r="E37919" s="15">
        <v>45700</v>
      </c>
      <c r="F37919" s="14" t="s">
        <v>15</v>
      </c>
      <c r="G37919" s="16">
        <v>3.6803307507395262</v>
      </c>
    </row>
    <row r="37920" spans="1:7" x14ac:dyDescent="0.3">
      <c r="A37920" s="13" t="s">
        <v>226</v>
      </c>
      <c r="B37920" s="14" t="s">
        <v>1</v>
      </c>
      <c r="C37920" s="14" t="s">
        <v>157</v>
      </c>
      <c r="D37920" s="14" t="s">
        <v>227</v>
      </c>
      <c r="E37920" s="15">
        <v>45701</v>
      </c>
      <c r="F37920" s="14" t="s">
        <v>15</v>
      </c>
      <c r="G37920" s="16">
        <v>3.7143323332789491</v>
      </c>
    </row>
    <row r="37921" spans="1:7" x14ac:dyDescent="0.3">
      <c r="A37921" s="13" t="s">
        <v>226</v>
      </c>
      <c r="B37921" s="14" t="s">
        <v>1</v>
      </c>
      <c r="C37921" s="14" t="s">
        <v>157</v>
      </c>
      <c r="D37921" s="14" t="s">
        <v>227</v>
      </c>
      <c r="E37921" s="15">
        <v>45702</v>
      </c>
      <c r="F37921" s="14" t="s">
        <v>15</v>
      </c>
      <c r="G37921" s="16">
        <v>3.7133339158183731</v>
      </c>
    </row>
    <row r="37922" spans="1:7" x14ac:dyDescent="0.3">
      <c r="A37922" s="13" t="s">
        <v>226</v>
      </c>
      <c r="B37922" s="14" t="s">
        <v>1</v>
      </c>
      <c r="C37922" s="14" t="s">
        <v>157</v>
      </c>
      <c r="D37922" s="14" t="s">
        <v>227</v>
      </c>
      <c r="E37922" s="15">
        <v>45703</v>
      </c>
      <c r="F37922" s="14" t="s">
        <v>15</v>
      </c>
      <c r="G37922" s="16">
        <v>3.7133339158183731</v>
      </c>
    </row>
    <row r="37923" spans="1:7" x14ac:dyDescent="0.3">
      <c r="A37923" s="13" t="s">
        <v>226</v>
      </c>
      <c r="B37923" s="14" t="s">
        <v>1</v>
      </c>
      <c r="C37923" s="14" t="s">
        <v>157</v>
      </c>
      <c r="D37923" s="14" t="s">
        <v>227</v>
      </c>
      <c r="E37923" s="15">
        <v>45704</v>
      </c>
      <c r="F37923" s="14" t="s">
        <v>15</v>
      </c>
      <c r="G37923" s="16">
        <v>3.7133339158183731</v>
      </c>
    </row>
    <row r="37924" spans="1:7" x14ac:dyDescent="0.3">
      <c r="A37924" s="13" t="s">
        <v>226</v>
      </c>
      <c r="B37924" s="14" t="s">
        <v>1</v>
      </c>
      <c r="C37924" s="14" t="s">
        <v>157</v>
      </c>
      <c r="D37924" s="14" t="s">
        <v>227</v>
      </c>
      <c r="E37924" s="15">
        <v>45705</v>
      </c>
      <c r="F37924" s="14" t="s">
        <v>15</v>
      </c>
      <c r="G37924" s="16">
        <v>3.7123354983577967</v>
      </c>
    </row>
    <row r="37925" spans="1:7" x14ac:dyDescent="0.3">
      <c r="A37925" s="13" t="s">
        <v>226</v>
      </c>
      <c r="B37925" s="14" t="s">
        <v>1</v>
      </c>
      <c r="C37925" s="14" t="s">
        <v>157</v>
      </c>
      <c r="D37925" s="14" t="s">
        <v>227</v>
      </c>
      <c r="E37925" s="15">
        <v>45706</v>
      </c>
      <c r="F37925" s="14" t="s">
        <v>15</v>
      </c>
      <c r="G37925" s="16">
        <v>3.7083370808972207</v>
      </c>
    </row>
    <row r="37926" spans="1:7" x14ac:dyDescent="0.3">
      <c r="A37926" s="13" t="s">
        <v>226</v>
      </c>
      <c r="B37926" s="14" t="s">
        <v>1</v>
      </c>
      <c r="C37926" s="14" t="s">
        <v>157</v>
      </c>
      <c r="D37926" s="14" t="s">
        <v>227</v>
      </c>
      <c r="E37926" s="15">
        <v>45707</v>
      </c>
      <c r="F37926" s="14" t="s">
        <v>15</v>
      </c>
      <c r="G37926" s="16">
        <v>3.7153386634366443</v>
      </c>
    </row>
    <row r="37927" spans="1:7" x14ac:dyDescent="0.3">
      <c r="A37927" s="13" t="s">
        <v>226</v>
      </c>
      <c r="B37927" s="14" t="s">
        <v>1</v>
      </c>
      <c r="C37927" s="14" t="s">
        <v>157</v>
      </c>
      <c r="D37927" s="14" t="s">
        <v>227</v>
      </c>
      <c r="E37927" s="15">
        <v>45708</v>
      </c>
      <c r="F37927" s="14" t="s">
        <v>15</v>
      </c>
      <c r="G37927" s="16">
        <v>3.7143402459760679</v>
      </c>
    </row>
    <row r="37928" spans="1:7" x14ac:dyDescent="0.3">
      <c r="A37928" s="13" t="s">
        <v>226</v>
      </c>
      <c r="B37928" s="14" t="s">
        <v>1</v>
      </c>
      <c r="C37928" s="14" t="s">
        <v>157</v>
      </c>
      <c r="D37928" s="14" t="s">
        <v>227</v>
      </c>
      <c r="E37928" s="15">
        <v>45709</v>
      </c>
      <c r="F37928" s="14" t="s">
        <v>15</v>
      </c>
      <c r="G37928" s="16">
        <v>3.7133418285154915</v>
      </c>
    </row>
    <row r="37929" spans="1:7" x14ac:dyDescent="0.3">
      <c r="A37929" s="13" t="s">
        <v>226</v>
      </c>
      <c r="B37929" s="14" t="s">
        <v>1</v>
      </c>
      <c r="C37929" s="14" t="s">
        <v>157</v>
      </c>
      <c r="D37929" s="14" t="s">
        <v>227</v>
      </c>
      <c r="E37929" s="15">
        <v>45710</v>
      </c>
      <c r="F37929" s="14" t="s">
        <v>15</v>
      </c>
      <c r="G37929" s="16">
        <v>3.7133418285154915</v>
      </c>
    </row>
    <row r="37930" spans="1:7" x14ac:dyDescent="0.3">
      <c r="A37930" s="13" t="s">
        <v>226</v>
      </c>
      <c r="B37930" s="14" t="s">
        <v>1</v>
      </c>
      <c r="C37930" s="14" t="s">
        <v>157</v>
      </c>
      <c r="D37930" s="14" t="s">
        <v>227</v>
      </c>
      <c r="E37930" s="15">
        <v>45711</v>
      </c>
      <c r="F37930" s="14" t="s">
        <v>15</v>
      </c>
      <c r="G37930" s="16">
        <v>3.7133418285154915</v>
      </c>
    </row>
    <row r="37931" spans="1:7" x14ac:dyDescent="0.3">
      <c r="A37931" s="13" t="s">
        <v>226</v>
      </c>
      <c r="B37931" s="14" t="s">
        <v>1</v>
      </c>
      <c r="C37931" s="14" t="s">
        <v>157</v>
      </c>
      <c r="D37931" s="14" t="s">
        <v>227</v>
      </c>
      <c r="E37931" s="15">
        <v>45712</v>
      </c>
      <c r="F37931" s="14" t="s">
        <v>15</v>
      </c>
      <c r="G37931" s="16">
        <v>3.7123434110549156</v>
      </c>
    </row>
    <row r="37932" spans="1:7" x14ac:dyDescent="0.3">
      <c r="A37932" s="13" t="s">
        <v>226</v>
      </c>
      <c r="B37932" s="14" t="s">
        <v>1</v>
      </c>
      <c r="C37932" s="14" t="s">
        <v>157</v>
      </c>
      <c r="D37932" s="14" t="s">
        <v>227</v>
      </c>
      <c r="E37932" s="15">
        <v>45713</v>
      </c>
      <c r="F37932" s="14" t="s">
        <v>15</v>
      </c>
      <c r="G37932" s="16">
        <v>3.7083449935943391</v>
      </c>
    </row>
    <row r="37933" spans="1:7" x14ac:dyDescent="0.3">
      <c r="A37933" s="13" t="s">
        <v>226</v>
      </c>
      <c r="B37933" s="14" t="s">
        <v>1</v>
      </c>
      <c r="C37933" s="14" t="s">
        <v>157</v>
      </c>
      <c r="D37933" s="14" t="s">
        <v>227</v>
      </c>
      <c r="E37933" s="15">
        <v>45714</v>
      </c>
      <c r="F37933" s="14" t="s">
        <v>15</v>
      </c>
      <c r="G37933" s="16">
        <v>3.7073465761337632</v>
      </c>
    </row>
    <row r="37934" spans="1:7" x14ac:dyDescent="0.3">
      <c r="A37934" s="13" t="s">
        <v>226</v>
      </c>
      <c r="B37934" s="14" t="s">
        <v>1</v>
      </c>
      <c r="C37934" s="14" t="s">
        <v>157</v>
      </c>
      <c r="D37934" s="14" t="s">
        <v>227</v>
      </c>
      <c r="E37934" s="15">
        <v>45715</v>
      </c>
      <c r="F37934" s="14" t="s">
        <v>15</v>
      </c>
      <c r="G37934" s="16">
        <v>3.7063481586731868</v>
      </c>
    </row>
    <row r="37935" spans="1:7" x14ac:dyDescent="0.3">
      <c r="A37935" s="13" t="s">
        <v>226</v>
      </c>
      <c r="B37935" s="14" t="s">
        <v>1</v>
      </c>
      <c r="C37935" s="14" t="s">
        <v>157</v>
      </c>
      <c r="D37935" s="14" t="s">
        <v>227</v>
      </c>
      <c r="E37935" s="15">
        <v>45716</v>
      </c>
      <c r="F37935" s="14" t="s">
        <v>15</v>
      </c>
      <c r="G37935" s="16">
        <v>3.7473497412126102</v>
      </c>
    </row>
    <row r="37936" spans="1:7" x14ac:dyDescent="0.3">
      <c r="A37936" s="13" t="s">
        <v>226</v>
      </c>
      <c r="B37936" s="14" t="s">
        <v>1</v>
      </c>
      <c r="C37936" s="14" t="s">
        <v>157</v>
      </c>
      <c r="D37936" s="14" t="s">
        <v>227</v>
      </c>
      <c r="E37936" s="15">
        <v>45717</v>
      </c>
      <c r="F37936" s="14" t="s">
        <v>15</v>
      </c>
      <c r="G37936" s="16">
        <v>3.7473497412126102</v>
      </c>
    </row>
    <row r="37937" spans="1:7" x14ac:dyDescent="0.3">
      <c r="A37937" s="13" t="s">
        <v>226</v>
      </c>
      <c r="B37937" s="14" t="s">
        <v>1</v>
      </c>
      <c r="C37937" s="14" t="s">
        <v>157</v>
      </c>
      <c r="D37937" s="14" t="s">
        <v>227</v>
      </c>
      <c r="E37937" s="15">
        <v>45718</v>
      </c>
      <c r="F37937" s="14" t="s">
        <v>15</v>
      </c>
      <c r="G37937" s="16">
        <v>3.7473497412126102</v>
      </c>
    </row>
    <row r="37938" spans="1:7" x14ac:dyDescent="0.3">
      <c r="A37938" s="13" t="s">
        <v>226</v>
      </c>
      <c r="B37938" s="14" t="s">
        <v>1</v>
      </c>
      <c r="C37938" s="14" t="s">
        <v>157</v>
      </c>
      <c r="D37938" s="14" t="s">
        <v>227</v>
      </c>
      <c r="E37938" s="15">
        <v>45719</v>
      </c>
      <c r="F37938" s="14" t="s">
        <v>15</v>
      </c>
      <c r="G37938" s="16">
        <v>3.7463513237520338</v>
      </c>
    </row>
    <row r="37939" spans="1:7" x14ac:dyDescent="0.3">
      <c r="A37939" s="13" t="s">
        <v>226</v>
      </c>
      <c r="B37939" s="14" t="s">
        <v>1</v>
      </c>
      <c r="C37939" s="14" t="s">
        <v>157</v>
      </c>
      <c r="D37939" s="14" t="s">
        <v>227</v>
      </c>
      <c r="E37939" s="15">
        <v>45720</v>
      </c>
      <c r="F37939" s="14" t="s">
        <v>15</v>
      </c>
      <c r="G37939" s="16">
        <v>3.7423529062914573</v>
      </c>
    </row>
    <row r="37940" spans="1:7" x14ac:dyDescent="0.3">
      <c r="A37940" s="13" t="s">
        <v>226</v>
      </c>
      <c r="B37940" s="14" t="s">
        <v>1</v>
      </c>
      <c r="C37940" s="14" t="s">
        <v>157</v>
      </c>
      <c r="D37940" s="14" t="s">
        <v>227</v>
      </c>
      <c r="E37940" s="15">
        <v>45721</v>
      </c>
      <c r="F37940" s="14" t="s">
        <v>15</v>
      </c>
      <c r="G37940" s="16">
        <v>3.7413544888308814</v>
      </c>
    </row>
    <row r="37941" spans="1:7" x14ac:dyDescent="0.3">
      <c r="A37941" s="13" t="s">
        <v>226</v>
      </c>
      <c r="B37941" s="14" t="s">
        <v>1</v>
      </c>
      <c r="C37941" s="14" t="s">
        <v>157</v>
      </c>
      <c r="D37941" s="14" t="s">
        <v>227</v>
      </c>
      <c r="E37941" s="15">
        <v>45722</v>
      </c>
      <c r="F37941" s="14" t="s">
        <v>15</v>
      </c>
      <c r="G37941" s="16">
        <v>3.8073560713703047</v>
      </c>
    </row>
    <row r="37942" spans="1:7" x14ac:dyDescent="0.3">
      <c r="A37942" s="13" t="s">
        <v>226</v>
      </c>
      <c r="B37942" s="14" t="s">
        <v>1</v>
      </c>
      <c r="C37942" s="14" t="s">
        <v>157</v>
      </c>
      <c r="D37942" s="14" t="s">
        <v>227</v>
      </c>
      <c r="E37942" s="15">
        <v>45723</v>
      </c>
      <c r="F37942" s="14" t="s">
        <v>15</v>
      </c>
      <c r="G37942" s="16">
        <v>3.9473576539097279</v>
      </c>
    </row>
    <row r="37943" spans="1:7" x14ac:dyDescent="0.3">
      <c r="A37943" s="13" t="s">
        <v>226</v>
      </c>
      <c r="B37943" s="14" t="s">
        <v>1</v>
      </c>
      <c r="C37943" s="14" t="s">
        <v>157</v>
      </c>
      <c r="D37943" s="14" t="s">
        <v>227</v>
      </c>
      <c r="E37943" s="15">
        <v>45724</v>
      </c>
      <c r="F37943" s="14" t="s">
        <v>15</v>
      </c>
      <c r="G37943" s="16">
        <v>3.9473576539097279</v>
      </c>
    </row>
    <row r="37944" spans="1:7" x14ac:dyDescent="0.3">
      <c r="A37944" s="13" t="s">
        <v>226</v>
      </c>
      <c r="B37944" s="14" t="s">
        <v>1</v>
      </c>
      <c r="C37944" s="14" t="s">
        <v>157</v>
      </c>
      <c r="D37944" s="14" t="s">
        <v>227</v>
      </c>
      <c r="E37944" s="15">
        <v>45725</v>
      </c>
      <c r="F37944" s="14" t="s">
        <v>15</v>
      </c>
      <c r="G37944" s="16">
        <v>3.9473576539097279</v>
      </c>
    </row>
    <row r="37945" spans="1:7" x14ac:dyDescent="0.3">
      <c r="A37945" s="13" t="s">
        <v>226</v>
      </c>
      <c r="B37945" s="14" t="s">
        <v>1</v>
      </c>
      <c r="C37945" s="14" t="s">
        <v>157</v>
      </c>
      <c r="D37945" s="14" t="s">
        <v>227</v>
      </c>
      <c r="E37945" s="15">
        <v>45726</v>
      </c>
      <c r="F37945" s="14" t="s">
        <v>15</v>
      </c>
      <c r="G37945" s="16">
        <v>3.9513592364491514</v>
      </c>
    </row>
    <row r="37946" spans="1:7" x14ac:dyDescent="0.3">
      <c r="A37946" s="13" t="s">
        <v>226</v>
      </c>
      <c r="B37946" s="14" t="s">
        <v>1</v>
      </c>
      <c r="C37946" s="14" t="s">
        <v>157</v>
      </c>
      <c r="D37946" s="14" t="s">
        <v>227</v>
      </c>
      <c r="E37946" s="15">
        <v>45727</v>
      </c>
      <c r="F37946" s="14" t="s">
        <v>15</v>
      </c>
      <c r="G37946" s="16">
        <v>3.9473608189885754</v>
      </c>
    </row>
    <row r="37947" spans="1:7" x14ac:dyDescent="0.3">
      <c r="A37947" s="13" t="s">
        <v>226</v>
      </c>
      <c r="B37947" s="14" t="s">
        <v>1</v>
      </c>
      <c r="C37947" s="14" t="s">
        <v>157</v>
      </c>
      <c r="D37947" s="14" t="s">
        <v>227</v>
      </c>
      <c r="E37947" s="15">
        <v>45728</v>
      </c>
      <c r="F37947" s="14" t="s">
        <v>15</v>
      </c>
      <c r="G37947" s="16">
        <v>3.946362401527999</v>
      </c>
    </row>
    <row r="37948" spans="1:7" x14ac:dyDescent="0.3">
      <c r="A37948" s="13" t="s">
        <v>226</v>
      </c>
      <c r="B37948" s="14" t="s">
        <v>1</v>
      </c>
      <c r="C37948" s="14" t="s">
        <v>157</v>
      </c>
      <c r="D37948" s="14" t="s">
        <v>227</v>
      </c>
      <c r="E37948" s="15">
        <v>45729</v>
      </c>
      <c r="F37948" s="14" t="s">
        <v>15</v>
      </c>
      <c r="G37948" s="16">
        <v>3.9453639840674226</v>
      </c>
    </row>
    <row r="37949" spans="1:7" x14ac:dyDescent="0.3">
      <c r="A37949" s="13" t="s">
        <v>226</v>
      </c>
      <c r="B37949" s="14" t="s">
        <v>1</v>
      </c>
      <c r="C37949" s="14" t="s">
        <v>157</v>
      </c>
      <c r="D37949" s="14" t="s">
        <v>227</v>
      </c>
      <c r="E37949" s="15">
        <v>45730</v>
      </c>
      <c r="F37949" s="14" t="s">
        <v>15</v>
      </c>
      <c r="G37949" s="16">
        <v>4.0303655666068465</v>
      </c>
    </row>
    <row r="37950" spans="1:7" x14ac:dyDescent="0.3">
      <c r="A37950" s="13" t="s">
        <v>226</v>
      </c>
      <c r="B37950" s="14" t="s">
        <v>1</v>
      </c>
      <c r="C37950" s="14" t="s">
        <v>157</v>
      </c>
      <c r="D37950" s="14" t="s">
        <v>227</v>
      </c>
      <c r="E37950" s="15">
        <v>45731</v>
      </c>
      <c r="F37950" s="14" t="s">
        <v>15</v>
      </c>
      <c r="G37950" s="16">
        <v>4.0303655666068465</v>
      </c>
    </row>
    <row r="37951" spans="1:7" x14ac:dyDescent="0.3">
      <c r="A37951" s="13" t="s">
        <v>226</v>
      </c>
      <c r="B37951" s="14" t="s">
        <v>1</v>
      </c>
      <c r="C37951" s="14" t="s">
        <v>157</v>
      </c>
      <c r="D37951" s="14" t="s">
        <v>227</v>
      </c>
      <c r="E37951" s="15">
        <v>45732</v>
      </c>
      <c r="F37951" s="14" t="s">
        <v>15</v>
      </c>
      <c r="G37951" s="16">
        <v>4.0303655666068465</v>
      </c>
    </row>
    <row r="37952" spans="1:7" x14ac:dyDescent="0.3">
      <c r="A37952" s="13" t="s">
        <v>226</v>
      </c>
      <c r="B37952" s="14" t="s">
        <v>1</v>
      </c>
      <c r="C37952" s="14" t="s">
        <v>157</v>
      </c>
      <c r="D37952" s="14" t="s">
        <v>227</v>
      </c>
      <c r="E37952" s="15">
        <v>45733</v>
      </c>
      <c r="F37952" s="14" t="s">
        <v>15</v>
      </c>
      <c r="G37952" s="16">
        <v>4.0303655666068465</v>
      </c>
    </row>
    <row r="37953" spans="1:7" x14ac:dyDescent="0.3">
      <c r="A37953" s="13" t="s">
        <v>226</v>
      </c>
      <c r="B37953" s="14" t="s">
        <v>1</v>
      </c>
      <c r="C37953" s="14" t="s">
        <v>157</v>
      </c>
      <c r="D37953" s="14" t="s">
        <v>227</v>
      </c>
      <c r="E37953" s="15">
        <v>45734</v>
      </c>
      <c r="F37953" s="14" t="s">
        <v>15</v>
      </c>
      <c r="G37953" s="16">
        <v>4.0303671491462705</v>
      </c>
    </row>
    <row r="37954" spans="1:7" x14ac:dyDescent="0.3">
      <c r="A37954" s="13" t="s">
        <v>226</v>
      </c>
      <c r="B37954" s="14" t="s">
        <v>1</v>
      </c>
      <c r="C37954" s="14" t="s">
        <v>157</v>
      </c>
      <c r="D37954" s="14" t="s">
        <v>227</v>
      </c>
      <c r="E37954" s="15">
        <v>45735</v>
      </c>
      <c r="F37954" s="14" t="s">
        <v>15</v>
      </c>
      <c r="G37954" s="16">
        <v>4.2483687316856935</v>
      </c>
    </row>
    <row r="37955" spans="1:7" x14ac:dyDescent="0.3">
      <c r="A37955" s="13" t="s">
        <v>226</v>
      </c>
      <c r="B37955" s="14" t="s">
        <v>1</v>
      </c>
      <c r="C37955" s="14" t="s">
        <v>157</v>
      </c>
      <c r="D37955" s="14" t="s">
        <v>227</v>
      </c>
      <c r="E37955" s="15">
        <v>45736</v>
      </c>
      <c r="F37955" s="14" t="s">
        <v>15</v>
      </c>
      <c r="G37955" s="16">
        <v>4.2473703142251171</v>
      </c>
    </row>
    <row r="37956" spans="1:7" x14ac:dyDescent="0.3">
      <c r="A37956" s="13" t="s">
        <v>226</v>
      </c>
      <c r="B37956" s="14" t="s">
        <v>1</v>
      </c>
      <c r="C37956" s="14" t="s">
        <v>157</v>
      </c>
      <c r="D37956" s="14" t="s">
        <v>227</v>
      </c>
      <c r="E37956" s="15">
        <v>45737</v>
      </c>
      <c r="F37956" s="14" t="s">
        <v>15</v>
      </c>
      <c r="G37956" s="16">
        <v>4.2463718967645416</v>
      </c>
    </row>
    <row r="37957" spans="1:7" x14ac:dyDescent="0.3">
      <c r="A37957" s="13" t="s">
        <v>226</v>
      </c>
      <c r="B37957" s="14" t="s">
        <v>1</v>
      </c>
      <c r="C37957" s="14" t="s">
        <v>157</v>
      </c>
      <c r="D37957" s="14" t="s">
        <v>227</v>
      </c>
      <c r="E37957" s="15">
        <v>45738</v>
      </c>
      <c r="F37957" s="14" t="s">
        <v>15</v>
      </c>
      <c r="G37957" s="16">
        <v>4.2463718967645416</v>
      </c>
    </row>
    <row r="37958" spans="1:7" x14ac:dyDescent="0.3">
      <c r="A37958" s="13" t="s">
        <v>226</v>
      </c>
      <c r="B37958" s="14" t="s">
        <v>1</v>
      </c>
      <c r="C37958" s="14" t="s">
        <v>157</v>
      </c>
      <c r="D37958" s="14" t="s">
        <v>227</v>
      </c>
      <c r="E37958" s="15">
        <v>45739</v>
      </c>
      <c r="F37958" s="14" t="s">
        <v>15</v>
      </c>
      <c r="G37958" s="16">
        <v>4.2463718967645416</v>
      </c>
    </row>
    <row r="37959" spans="1:7" x14ac:dyDescent="0.3">
      <c r="A37959" s="13" t="s">
        <v>226</v>
      </c>
      <c r="B37959" s="14" t="s">
        <v>1</v>
      </c>
      <c r="C37959" s="14" t="s">
        <v>157</v>
      </c>
      <c r="D37959" s="14" t="s">
        <v>227</v>
      </c>
      <c r="E37959" s="15">
        <v>45740</v>
      </c>
      <c r="F37959" s="14" t="s">
        <v>15</v>
      </c>
      <c r="G37959" s="16">
        <v>4.2453734793039652</v>
      </c>
    </row>
    <row r="37960" spans="1:7" x14ac:dyDescent="0.3">
      <c r="A37960" s="13" t="s">
        <v>226</v>
      </c>
      <c r="B37960" s="14" t="s">
        <v>1</v>
      </c>
      <c r="C37960" s="14" t="s">
        <v>157</v>
      </c>
      <c r="D37960" s="14" t="s">
        <v>227</v>
      </c>
      <c r="E37960" s="15">
        <v>45741</v>
      </c>
      <c r="F37960" s="14" t="s">
        <v>15</v>
      </c>
      <c r="G37960" s="16">
        <v>4.2413750618433887</v>
      </c>
    </row>
    <row r="37961" spans="1:7" x14ac:dyDescent="0.3">
      <c r="A37961" s="13" t="s">
        <v>226</v>
      </c>
      <c r="B37961" s="14" t="s">
        <v>1</v>
      </c>
      <c r="C37961" s="14" t="s">
        <v>157</v>
      </c>
      <c r="D37961" s="14" t="s">
        <v>227</v>
      </c>
      <c r="E37961" s="15">
        <v>45742</v>
      </c>
      <c r="F37961" s="14" t="s">
        <v>15</v>
      </c>
      <c r="G37961" s="16">
        <v>4.3873766443828126</v>
      </c>
    </row>
    <row r="37962" spans="1:7" x14ac:dyDescent="0.3">
      <c r="A37962" s="13" t="s">
        <v>226</v>
      </c>
      <c r="B37962" s="14" t="s">
        <v>1</v>
      </c>
      <c r="C37962" s="14" t="s">
        <v>157</v>
      </c>
      <c r="D37962" s="14" t="s">
        <v>227</v>
      </c>
      <c r="E37962" s="15">
        <v>45743</v>
      </c>
      <c r="F37962" s="14" t="s">
        <v>15</v>
      </c>
      <c r="G37962" s="16">
        <v>4.3863782269222362</v>
      </c>
    </row>
    <row r="37963" spans="1:7" x14ac:dyDescent="0.3">
      <c r="A37963" s="13" t="s">
        <v>226</v>
      </c>
      <c r="B37963" s="14" t="s">
        <v>1</v>
      </c>
      <c r="C37963" s="14" t="s">
        <v>157</v>
      </c>
      <c r="D37963" s="14" t="s">
        <v>227</v>
      </c>
      <c r="E37963" s="15">
        <v>45744</v>
      </c>
      <c r="F37963" s="14" t="s">
        <v>15</v>
      </c>
      <c r="G37963" s="16">
        <v>4.3853798094616598</v>
      </c>
    </row>
    <row r="37964" spans="1:7" x14ac:dyDescent="0.3">
      <c r="A37964" s="13" t="s">
        <v>226</v>
      </c>
      <c r="B37964" s="14" t="s">
        <v>1</v>
      </c>
      <c r="C37964" s="14" t="s">
        <v>157</v>
      </c>
      <c r="D37964" s="14" t="s">
        <v>227</v>
      </c>
      <c r="E37964" s="15">
        <v>45745</v>
      </c>
      <c r="F37964" s="14" t="s">
        <v>15</v>
      </c>
      <c r="G37964" s="16">
        <v>4.3853798094616598</v>
      </c>
    </row>
    <row r="37965" spans="1:7" x14ac:dyDescent="0.3">
      <c r="A37965" s="13" t="s">
        <v>226</v>
      </c>
      <c r="B37965" s="14" t="s">
        <v>1</v>
      </c>
      <c r="C37965" s="14" t="s">
        <v>157</v>
      </c>
      <c r="D37965" s="14" t="s">
        <v>227</v>
      </c>
      <c r="E37965" s="15">
        <v>45746</v>
      </c>
      <c r="F37965" s="14" t="s">
        <v>15</v>
      </c>
      <c r="G37965" s="16">
        <v>4.3853798094616598</v>
      </c>
    </row>
    <row r="37966" spans="1:7" x14ac:dyDescent="0.3">
      <c r="A37966" s="13" t="s">
        <v>226</v>
      </c>
      <c r="B37966" s="14" t="s">
        <v>1</v>
      </c>
      <c r="C37966" s="14" t="s">
        <v>157</v>
      </c>
      <c r="D37966" s="14" t="s">
        <v>227</v>
      </c>
      <c r="E37966" s="15">
        <v>45747</v>
      </c>
      <c r="F37966" s="14" t="s">
        <v>15</v>
      </c>
      <c r="G37966" s="16">
        <v>4.3853798094616598</v>
      </c>
    </row>
    <row r="37967" spans="1:7" x14ac:dyDescent="0.3">
      <c r="A37967" s="13" t="s">
        <v>228</v>
      </c>
      <c r="B37967" s="14" t="s">
        <v>1</v>
      </c>
      <c r="C37967" s="14" t="s">
        <v>70</v>
      </c>
      <c r="D37967" s="14" t="s">
        <v>229</v>
      </c>
      <c r="E37967" s="15">
        <v>45383</v>
      </c>
      <c r="F37967" s="14" t="s">
        <v>53</v>
      </c>
      <c r="G37967" s="16">
        <v>0</v>
      </c>
    </row>
    <row r="37968" spans="1:7" x14ac:dyDescent="0.3">
      <c r="A37968" s="13" t="s">
        <v>228</v>
      </c>
      <c r="B37968" s="14" t="s">
        <v>1</v>
      </c>
      <c r="C37968" s="14" t="s">
        <v>70</v>
      </c>
      <c r="D37968" s="14" t="s">
        <v>229</v>
      </c>
      <c r="E37968" s="15">
        <v>45384</v>
      </c>
      <c r="F37968" s="14" t="s">
        <v>53</v>
      </c>
      <c r="G37968" s="16">
        <v>0</v>
      </c>
    </row>
    <row r="37969" spans="1:7" x14ac:dyDescent="0.3">
      <c r="A37969" s="13" t="s">
        <v>228</v>
      </c>
      <c r="B37969" s="14" t="s">
        <v>1</v>
      </c>
      <c r="C37969" s="14" t="s">
        <v>70</v>
      </c>
      <c r="D37969" s="14" t="s">
        <v>229</v>
      </c>
      <c r="E37969" s="15">
        <v>45385</v>
      </c>
      <c r="F37969" s="14" t="s">
        <v>53</v>
      </c>
      <c r="G37969" s="16">
        <v>3.1842516092968377E-2</v>
      </c>
    </row>
    <row r="37970" spans="1:7" x14ac:dyDescent="0.3">
      <c r="A37970" s="13" t="s">
        <v>228</v>
      </c>
      <c r="B37970" s="14" t="s">
        <v>1</v>
      </c>
      <c r="C37970" s="14" t="s">
        <v>70</v>
      </c>
      <c r="D37970" s="14" t="s">
        <v>229</v>
      </c>
      <c r="E37970" s="15">
        <v>45386</v>
      </c>
      <c r="F37970" s="14" t="s">
        <v>53</v>
      </c>
      <c r="G37970" s="16">
        <v>4.0541255929953862E-2</v>
      </c>
    </row>
    <row r="37971" spans="1:7" x14ac:dyDescent="0.3">
      <c r="A37971" s="13" t="s">
        <v>228</v>
      </c>
      <c r="B37971" s="14" t="s">
        <v>1</v>
      </c>
      <c r="C37971" s="14" t="s">
        <v>70</v>
      </c>
      <c r="D37971" s="14" t="s">
        <v>229</v>
      </c>
      <c r="E37971" s="15">
        <v>45387</v>
      </c>
      <c r="F37971" s="14" t="s">
        <v>53</v>
      </c>
      <c r="G37971" s="16">
        <v>5.8115676460197392E-2</v>
      </c>
    </row>
    <row r="37972" spans="1:7" x14ac:dyDescent="0.3">
      <c r="A37972" s="13" t="s">
        <v>228</v>
      </c>
      <c r="B37972" s="14" t="s">
        <v>1</v>
      </c>
      <c r="C37972" s="14" t="s">
        <v>70</v>
      </c>
      <c r="D37972" s="14" t="s">
        <v>229</v>
      </c>
      <c r="E37972" s="15">
        <v>45388</v>
      </c>
      <c r="F37972" s="14" t="s">
        <v>53</v>
      </c>
      <c r="G37972" s="16">
        <v>5.8115676460197392E-2</v>
      </c>
    </row>
    <row r="37973" spans="1:7" x14ac:dyDescent="0.3">
      <c r="A37973" s="13" t="s">
        <v>228</v>
      </c>
      <c r="B37973" s="14" t="s">
        <v>1</v>
      </c>
      <c r="C37973" s="14" t="s">
        <v>70</v>
      </c>
      <c r="D37973" s="14" t="s">
        <v>229</v>
      </c>
      <c r="E37973" s="15">
        <v>45389</v>
      </c>
      <c r="F37973" s="14" t="s">
        <v>53</v>
      </c>
      <c r="G37973" s="16">
        <v>5.8115676460197392E-2</v>
      </c>
    </row>
    <row r="37974" spans="1:7" x14ac:dyDescent="0.3">
      <c r="A37974" s="13" t="s">
        <v>228</v>
      </c>
      <c r="B37974" s="14" t="s">
        <v>1</v>
      </c>
      <c r="C37974" s="14" t="s">
        <v>70</v>
      </c>
      <c r="D37974" s="14" t="s">
        <v>229</v>
      </c>
      <c r="E37974" s="15">
        <v>45390</v>
      </c>
      <c r="F37974" s="14" t="s">
        <v>53</v>
      </c>
      <c r="G37974" s="16">
        <v>7.7715208504564717E-2</v>
      </c>
    </row>
    <row r="37975" spans="1:7" x14ac:dyDescent="0.3">
      <c r="A37975" s="13" t="s">
        <v>228</v>
      </c>
      <c r="B37975" s="14" t="s">
        <v>1</v>
      </c>
      <c r="C37975" s="14" t="s">
        <v>70</v>
      </c>
      <c r="D37975" s="14" t="s">
        <v>229</v>
      </c>
      <c r="E37975" s="15">
        <v>45391</v>
      </c>
      <c r="F37975" s="14" t="s">
        <v>53</v>
      </c>
      <c r="G37975" s="16">
        <v>9.163980662326475E-2</v>
      </c>
    </row>
    <row r="37976" spans="1:7" x14ac:dyDescent="0.3">
      <c r="A37976" s="13" t="s">
        <v>228</v>
      </c>
      <c r="B37976" s="14" t="s">
        <v>1</v>
      </c>
      <c r="C37976" s="14" t="s">
        <v>70</v>
      </c>
      <c r="D37976" s="14" t="s">
        <v>229</v>
      </c>
      <c r="E37976" s="15">
        <v>45392</v>
      </c>
      <c r="F37976" s="14" t="s">
        <v>53</v>
      </c>
      <c r="G37976" s="16">
        <v>0.11014306606181559</v>
      </c>
    </row>
    <row r="37977" spans="1:7" x14ac:dyDescent="0.3">
      <c r="A37977" s="13" t="s">
        <v>228</v>
      </c>
      <c r="B37977" s="14" t="s">
        <v>1</v>
      </c>
      <c r="C37977" s="14" t="s">
        <v>70</v>
      </c>
      <c r="D37977" s="14" t="s">
        <v>229</v>
      </c>
      <c r="E37977" s="15">
        <v>45393</v>
      </c>
      <c r="F37977" s="14" t="s">
        <v>53</v>
      </c>
      <c r="G37977" s="16">
        <v>0.11357906720227616</v>
      </c>
    </row>
    <row r="37978" spans="1:7" x14ac:dyDescent="0.3">
      <c r="A37978" s="13" t="s">
        <v>228</v>
      </c>
      <c r="B37978" s="14" t="s">
        <v>1</v>
      </c>
      <c r="C37978" s="14" t="s">
        <v>70</v>
      </c>
      <c r="D37978" s="14" t="s">
        <v>229</v>
      </c>
      <c r="E37978" s="15">
        <v>45394</v>
      </c>
      <c r="F37978" s="14" t="s">
        <v>53</v>
      </c>
      <c r="G37978" s="16">
        <v>0.11841277754155721</v>
      </c>
    </row>
    <row r="37979" spans="1:7" x14ac:dyDescent="0.3">
      <c r="A37979" s="13" t="s">
        <v>228</v>
      </c>
      <c r="B37979" s="14" t="s">
        <v>1</v>
      </c>
      <c r="C37979" s="14" t="s">
        <v>70</v>
      </c>
      <c r="D37979" s="14" t="s">
        <v>229</v>
      </c>
      <c r="E37979" s="15">
        <v>45395</v>
      </c>
      <c r="F37979" s="14" t="s">
        <v>53</v>
      </c>
      <c r="G37979" s="16">
        <v>0.11841277754155721</v>
      </c>
    </row>
    <row r="37980" spans="1:7" x14ac:dyDescent="0.3">
      <c r="A37980" s="13" t="s">
        <v>228</v>
      </c>
      <c r="B37980" s="14" t="s">
        <v>1</v>
      </c>
      <c r="C37980" s="14" t="s">
        <v>70</v>
      </c>
      <c r="D37980" s="14" t="s">
        <v>229</v>
      </c>
      <c r="E37980" s="15">
        <v>45396</v>
      </c>
      <c r="F37980" s="14" t="s">
        <v>53</v>
      </c>
      <c r="G37980" s="16">
        <v>0.11841277754155721</v>
      </c>
    </row>
    <row r="37981" spans="1:7" x14ac:dyDescent="0.3">
      <c r="A37981" s="13" t="s">
        <v>228</v>
      </c>
      <c r="B37981" s="14" t="s">
        <v>1</v>
      </c>
      <c r="C37981" s="14" t="s">
        <v>70</v>
      </c>
      <c r="D37981" s="14" t="s">
        <v>229</v>
      </c>
      <c r="E37981" s="15">
        <v>45397</v>
      </c>
      <c r="F37981" s="14" t="s">
        <v>53</v>
      </c>
      <c r="G37981" s="16">
        <v>0.14389967061745221</v>
      </c>
    </row>
    <row r="37982" spans="1:7" x14ac:dyDescent="0.3">
      <c r="A37982" s="13" t="s">
        <v>228</v>
      </c>
      <c r="B37982" s="14" t="s">
        <v>1</v>
      </c>
      <c r="C37982" s="14" t="s">
        <v>70</v>
      </c>
      <c r="D37982" s="14" t="s">
        <v>229</v>
      </c>
      <c r="E37982" s="15">
        <v>45398</v>
      </c>
      <c r="F37982" s="14" t="s">
        <v>53</v>
      </c>
      <c r="G37982" s="16">
        <v>0.15836418924711868</v>
      </c>
    </row>
    <row r="37983" spans="1:7" x14ac:dyDescent="0.3">
      <c r="A37983" s="13" t="s">
        <v>228</v>
      </c>
      <c r="B37983" s="14" t="s">
        <v>1</v>
      </c>
      <c r="C37983" s="14" t="s">
        <v>70</v>
      </c>
      <c r="D37983" s="14" t="s">
        <v>229</v>
      </c>
      <c r="E37983" s="15">
        <v>45399</v>
      </c>
      <c r="F37983" s="14" t="s">
        <v>53</v>
      </c>
      <c r="G37983" s="16">
        <v>0.20047827808836613</v>
      </c>
    </row>
    <row r="37984" spans="1:7" x14ac:dyDescent="0.3">
      <c r="A37984" s="13" t="s">
        <v>228</v>
      </c>
      <c r="B37984" s="14" t="s">
        <v>1</v>
      </c>
      <c r="C37984" s="14" t="s">
        <v>70</v>
      </c>
      <c r="D37984" s="14" t="s">
        <v>229</v>
      </c>
      <c r="E37984" s="15">
        <v>45400</v>
      </c>
      <c r="F37984" s="14" t="s">
        <v>53</v>
      </c>
      <c r="G37984" s="16">
        <v>0.20470469167570565</v>
      </c>
    </row>
    <row r="37985" spans="1:7" x14ac:dyDescent="0.3">
      <c r="A37985" s="13" t="s">
        <v>228</v>
      </c>
      <c r="B37985" s="14" t="s">
        <v>1</v>
      </c>
      <c r="C37985" s="14" t="s">
        <v>70</v>
      </c>
      <c r="D37985" s="14" t="s">
        <v>229</v>
      </c>
      <c r="E37985" s="15">
        <v>45401</v>
      </c>
      <c r="F37985" s="14" t="s">
        <v>53</v>
      </c>
      <c r="G37985" s="16">
        <v>0.2147002939578663</v>
      </c>
    </row>
    <row r="37986" spans="1:7" x14ac:dyDescent="0.3">
      <c r="A37986" s="13" t="s">
        <v>228</v>
      </c>
      <c r="B37986" s="14" t="s">
        <v>1</v>
      </c>
      <c r="C37986" s="14" t="s">
        <v>70</v>
      </c>
      <c r="D37986" s="14" t="s">
        <v>229</v>
      </c>
      <c r="E37986" s="15">
        <v>45402</v>
      </c>
      <c r="F37986" s="14" t="s">
        <v>53</v>
      </c>
      <c r="G37986" s="16">
        <v>0.2147002939578663</v>
      </c>
    </row>
    <row r="37987" spans="1:7" x14ac:dyDescent="0.3">
      <c r="A37987" s="13" t="s">
        <v>228</v>
      </c>
      <c r="B37987" s="14" t="s">
        <v>1</v>
      </c>
      <c r="C37987" s="14" t="s">
        <v>70</v>
      </c>
      <c r="D37987" s="14" t="s">
        <v>229</v>
      </c>
      <c r="E37987" s="15">
        <v>45403</v>
      </c>
      <c r="F37987" s="14" t="s">
        <v>53</v>
      </c>
      <c r="G37987" s="16">
        <v>0.2147002939578663</v>
      </c>
    </row>
    <row r="37988" spans="1:7" x14ac:dyDescent="0.3">
      <c r="A37988" s="13" t="s">
        <v>228</v>
      </c>
      <c r="B37988" s="14" t="s">
        <v>1</v>
      </c>
      <c r="C37988" s="14" t="s">
        <v>70</v>
      </c>
      <c r="D37988" s="14" t="s">
        <v>229</v>
      </c>
      <c r="E37988" s="15">
        <v>45404</v>
      </c>
      <c r="F37988" s="14" t="s">
        <v>53</v>
      </c>
      <c r="G37988" s="16">
        <v>0.22377015177620463</v>
      </c>
    </row>
    <row r="37989" spans="1:7" x14ac:dyDescent="0.3">
      <c r="A37989" s="13" t="s">
        <v>228</v>
      </c>
      <c r="B37989" s="14" t="s">
        <v>1</v>
      </c>
      <c r="C37989" s="14" t="s">
        <v>70</v>
      </c>
      <c r="D37989" s="14" t="s">
        <v>229</v>
      </c>
      <c r="E37989" s="15">
        <v>45405</v>
      </c>
      <c r="F37989" s="14" t="s">
        <v>53</v>
      </c>
      <c r="G37989" s="16">
        <v>0.25255999248828126</v>
      </c>
    </row>
    <row r="37990" spans="1:7" x14ac:dyDescent="0.3">
      <c r="A37990" s="13" t="s">
        <v>228</v>
      </c>
      <c r="B37990" s="14" t="s">
        <v>1</v>
      </c>
      <c r="C37990" s="14" t="s">
        <v>70</v>
      </c>
      <c r="D37990" s="14" t="s">
        <v>229</v>
      </c>
      <c r="E37990" s="15">
        <v>45406</v>
      </c>
      <c r="F37990" s="14" t="s">
        <v>53</v>
      </c>
      <c r="G37990" s="16">
        <v>0.25987263119386012</v>
      </c>
    </row>
    <row r="37991" spans="1:7" x14ac:dyDescent="0.3">
      <c r="A37991" s="13" t="s">
        <v>228</v>
      </c>
      <c r="B37991" s="14" t="s">
        <v>1</v>
      </c>
      <c r="C37991" s="14" t="s">
        <v>70</v>
      </c>
      <c r="D37991" s="14" t="s">
        <v>229</v>
      </c>
      <c r="E37991" s="15">
        <v>45407</v>
      </c>
      <c r="F37991" s="14" t="s">
        <v>53</v>
      </c>
      <c r="G37991" s="16">
        <v>0.306013165294312</v>
      </c>
    </row>
    <row r="37992" spans="1:7" x14ac:dyDescent="0.3">
      <c r="A37992" s="13" t="s">
        <v>228</v>
      </c>
      <c r="B37992" s="14" t="s">
        <v>1</v>
      </c>
      <c r="C37992" s="14" t="s">
        <v>70</v>
      </c>
      <c r="D37992" s="14" t="s">
        <v>229</v>
      </c>
      <c r="E37992" s="15">
        <v>45408</v>
      </c>
      <c r="F37992" s="14" t="s">
        <v>53</v>
      </c>
      <c r="G37992" s="16">
        <v>0.31140931219926921</v>
      </c>
    </row>
    <row r="37993" spans="1:7" x14ac:dyDescent="0.3">
      <c r="A37993" s="13" t="s">
        <v>228</v>
      </c>
      <c r="B37993" s="14" t="s">
        <v>1</v>
      </c>
      <c r="C37993" s="14" t="s">
        <v>70</v>
      </c>
      <c r="D37993" s="14" t="s">
        <v>229</v>
      </c>
      <c r="E37993" s="15">
        <v>45409</v>
      </c>
      <c r="F37993" s="14" t="s">
        <v>53</v>
      </c>
      <c r="G37993" s="16">
        <v>0.31140931219926921</v>
      </c>
    </row>
    <row r="37994" spans="1:7" x14ac:dyDescent="0.3">
      <c r="A37994" s="13" t="s">
        <v>228</v>
      </c>
      <c r="B37994" s="14" t="s">
        <v>1</v>
      </c>
      <c r="C37994" s="14" t="s">
        <v>70</v>
      </c>
      <c r="D37994" s="14" t="s">
        <v>229</v>
      </c>
      <c r="E37994" s="15">
        <v>45410</v>
      </c>
      <c r="F37994" s="14" t="s">
        <v>53</v>
      </c>
      <c r="G37994" s="16">
        <v>0.31140931219926921</v>
      </c>
    </row>
    <row r="37995" spans="1:7" x14ac:dyDescent="0.3">
      <c r="A37995" s="13" t="s">
        <v>228</v>
      </c>
      <c r="B37995" s="14" t="s">
        <v>1</v>
      </c>
      <c r="C37995" s="14" t="s">
        <v>70</v>
      </c>
      <c r="D37995" s="14" t="s">
        <v>229</v>
      </c>
      <c r="E37995" s="15">
        <v>45411</v>
      </c>
      <c r="F37995" s="14" t="s">
        <v>53</v>
      </c>
      <c r="G37995" s="16">
        <v>0.31352168656644325</v>
      </c>
    </row>
    <row r="37996" spans="1:7" x14ac:dyDescent="0.3">
      <c r="A37996" s="13" t="s">
        <v>228</v>
      </c>
      <c r="B37996" s="14" t="s">
        <v>1</v>
      </c>
      <c r="C37996" s="14" t="s">
        <v>70</v>
      </c>
      <c r="D37996" s="14" t="s">
        <v>229</v>
      </c>
      <c r="E37996" s="15">
        <v>45412</v>
      </c>
      <c r="F37996" s="14" t="s">
        <v>53</v>
      </c>
      <c r="G37996" s="16">
        <v>0.32860850250792406</v>
      </c>
    </row>
    <row r="37997" spans="1:7" x14ac:dyDescent="0.3">
      <c r="A37997" s="13" t="s">
        <v>228</v>
      </c>
      <c r="B37997" s="14" t="s">
        <v>1</v>
      </c>
      <c r="C37997" s="14" t="s">
        <v>70</v>
      </c>
      <c r="D37997" s="14" t="s">
        <v>229</v>
      </c>
      <c r="E37997" s="15">
        <v>45413</v>
      </c>
      <c r="F37997" s="14" t="s">
        <v>53</v>
      </c>
      <c r="G37997" s="16">
        <v>0.32860850250792406</v>
      </c>
    </row>
    <row r="37998" spans="1:7" x14ac:dyDescent="0.3">
      <c r="A37998" s="13" t="s">
        <v>228</v>
      </c>
      <c r="B37998" s="14" t="s">
        <v>1</v>
      </c>
      <c r="C37998" s="14" t="s">
        <v>70</v>
      </c>
      <c r="D37998" s="14" t="s">
        <v>229</v>
      </c>
      <c r="E37998" s="15">
        <v>45414</v>
      </c>
      <c r="F37998" s="14" t="s">
        <v>53</v>
      </c>
      <c r="G37998" s="16">
        <v>0.36785969904197374</v>
      </c>
    </row>
    <row r="37999" spans="1:7" x14ac:dyDescent="0.3">
      <c r="A37999" s="13" t="s">
        <v>228</v>
      </c>
      <c r="B37999" s="14" t="s">
        <v>1</v>
      </c>
      <c r="C37999" s="14" t="s">
        <v>70</v>
      </c>
      <c r="D37999" s="14" t="s">
        <v>229</v>
      </c>
      <c r="E37999" s="15">
        <v>45415</v>
      </c>
      <c r="F37999" s="14" t="s">
        <v>53</v>
      </c>
      <c r="G37999" s="16">
        <v>0.37682672433577274</v>
      </c>
    </row>
    <row r="38000" spans="1:7" x14ac:dyDescent="0.3">
      <c r="A38000" s="13" t="s">
        <v>228</v>
      </c>
      <c r="B38000" s="14" t="s">
        <v>1</v>
      </c>
      <c r="C38000" s="14" t="s">
        <v>70</v>
      </c>
      <c r="D38000" s="14" t="s">
        <v>229</v>
      </c>
      <c r="E38000" s="15">
        <v>45416</v>
      </c>
      <c r="F38000" s="14" t="s">
        <v>53</v>
      </c>
      <c r="G38000" s="16">
        <v>0.37682672433577274</v>
      </c>
    </row>
    <row r="38001" spans="1:7" x14ac:dyDescent="0.3">
      <c r="A38001" s="13" t="s">
        <v>228</v>
      </c>
      <c r="B38001" s="14" t="s">
        <v>1</v>
      </c>
      <c r="C38001" s="14" t="s">
        <v>70</v>
      </c>
      <c r="D38001" s="14" t="s">
        <v>229</v>
      </c>
      <c r="E38001" s="15">
        <v>45417</v>
      </c>
      <c r="F38001" s="14" t="s">
        <v>53</v>
      </c>
      <c r="G38001" s="16">
        <v>0.37682672433577274</v>
      </c>
    </row>
    <row r="38002" spans="1:7" x14ac:dyDescent="0.3">
      <c r="A38002" s="13" t="s">
        <v>228</v>
      </c>
      <c r="B38002" s="14" t="s">
        <v>1</v>
      </c>
      <c r="C38002" s="14" t="s">
        <v>70</v>
      </c>
      <c r="D38002" s="14" t="s">
        <v>229</v>
      </c>
      <c r="E38002" s="15">
        <v>45418</v>
      </c>
      <c r="F38002" s="14" t="s">
        <v>53</v>
      </c>
      <c r="G38002" s="16">
        <v>0.37682672433577274</v>
      </c>
    </row>
    <row r="38003" spans="1:7" x14ac:dyDescent="0.3">
      <c r="A38003" s="13" t="s">
        <v>228</v>
      </c>
      <c r="B38003" s="14" t="s">
        <v>1</v>
      </c>
      <c r="C38003" s="14" t="s">
        <v>70</v>
      </c>
      <c r="D38003" s="14" t="s">
        <v>229</v>
      </c>
      <c r="E38003" s="15">
        <v>45419</v>
      </c>
      <c r="F38003" s="14" t="s">
        <v>53</v>
      </c>
      <c r="G38003" s="16">
        <v>0.40486636050663632</v>
      </c>
    </row>
    <row r="38004" spans="1:7" x14ac:dyDescent="0.3">
      <c r="A38004" s="13" t="s">
        <v>228</v>
      </c>
      <c r="B38004" s="14" t="s">
        <v>1</v>
      </c>
      <c r="C38004" s="14" t="s">
        <v>70</v>
      </c>
      <c r="D38004" s="14" t="s">
        <v>229</v>
      </c>
      <c r="E38004" s="15">
        <v>45420</v>
      </c>
      <c r="F38004" s="14" t="s">
        <v>53</v>
      </c>
      <c r="G38004" s="16">
        <v>0.42691899385537158</v>
      </c>
    </row>
    <row r="38005" spans="1:7" x14ac:dyDescent="0.3">
      <c r="A38005" s="13" t="s">
        <v>228</v>
      </c>
      <c r="B38005" s="14" t="s">
        <v>1</v>
      </c>
      <c r="C38005" s="14" t="s">
        <v>70</v>
      </c>
      <c r="D38005" s="14" t="s">
        <v>229</v>
      </c>
      <c r="E38005" s="15">
        <v>45421</v>
      </c>
      <c r="F38005" s="14" t="s">
        <v>53</v>
      </c>
      <c r="G38005" s="16">
        <v>0.42691899385537158</v>
      </c>
    </row>
    <row r="38006" spans="1:7" x14ac:dyDescent="0.3">
      <c r="A38006" s="13" t="s">
        <v>228</v>
      </c>
      <c r="B38006" s="14" t="s">
        <v>1</v>
      </c>
      <c r="C38006" s="14" t="s">
        <v>70</v>
      </c>
      <c r="D38006" s="14" t="s">
        <v>229</v>
      </c>
      <c r="E38006" s="15">
        <v>45422</v>
      </c>
      <c r="F38006" s="14" t="s">
        <v>53</v>
      </c>
      <c r="G38006" s="16">
        <v>0.42986566060962905</v>
      </c>
    </row>
    <row r="38007" spans="1:7" x14ac:dyDescent="0.3">
      <c r="A38007" s="13" t="s">
        <v>228</v>
      </c>
      <c r="B38007" s="14" t="s">
        <v>1</v>
      </c>
      <c r="C38007" s="14" t="s">
        <v>70</v>
      </c>
      <c r="D38007" s="14" t="s">
        <v>229</v>
      </c>
      <c r="E38007" s="15">
        <v>45423</v>
      </c>
      <c r="F38007" s="14" t="s">
        <v>53</v>
      </c>
      <c r="G38007" s="16">
        <v>0.42986566060962905</v>
      </c>
    </row>
    <row r="38008" spans="1:7" x14ac:dyDescent="0.3">
      <c r="A38008" s="13" t="s">
        <v>228</v>
      </c>
      <c r="B38008" s="14" t="s">
        <v>1</v>
      </c>
      <c r="C38008" s="14" t="s">
        <v>70</v>
      </c>
      <c r="D38008" s="14" t="s">
        <v>229</v>
      </c>
      <c r="E38008" s="15">
        <v>45424</v>
      </c>
      <c r="F38008" s="14" t="s">
        <v>53</v>
      </c>
      <c r="G38008" s="16">
        <v>0.42986566060962905</v>
      </c>
    </row>
    <row r="38009" spans="1:7" x14ac:dyDescent="0.3">
      <c r="A38009" s="13" t="s">
        <v>228</v>
      </c>
      <c r="B38009" s="14" t="s">
        <v>1</v>
      </c>
      <c r="C38009" s="14" t="s">
        <v>70</v>
      </c>
      <c r="D38009" s="14" t="s">
        <v>229</v>
      </c>
      <c r="E38009" s="15">
        <v>45425</v>
      </c>
      <c r="F38009" s="14" t="s">
        <v>53</v>
      </c>
      <c r="G38009" s="16">
        <v>0.541083093740379</v>
      </c>
    </row>
    <row r="38010" spans="1:7" x14ac:dyDescent="0.3">
      <c r="A38010" s="13" t="s">
        <v>228</v>
      </c>
      <c r="B38010" s="14" t="s">
        <v>1</v>
      </c>
      <c r="C38010" s="14" t="s">
        <v>70</v>
      </c>
      <c r="D38010" s="14" t="s">
        <v>229</v>
      </c>
      <c r="E38010" s="15">
        <v>45426</v>
      </c>
      <c r="F38010" s="14" t="s">
        <v>53</v>
      </c>
      <c r="G38010" s="16">
        <v>0.57539781786369493</v>
      </c>
    </row>
    <row r="38011" spans="1:7" x14ac:dyDescent="0.3">
      <c r="A38011" s="13" t="s">
        <v>228</v>
      </c>
      <c r="B38011" s="14" t="s">
        <v>1</v>
      </c>
      <c r="C38011" s="14" t="s">
        <v>70</v>
      </c>
      <c r="D38011" s="14" t="s">
        <v>229</v>
      </c>
      <c r="E38011" s="15">
        <v>45427</v>
      </c>
      <c r="F38011" s="14" t="s">
        <v>53</v>
      </c>
      <c r="G38011" s="16">
        <v>0.58111395840431646</v>
      </c>
    </row>
    <row r="38012" spans="1:7" x14ac:dyDescent="0.3">
      <c r="A38012" s="13" t="s">
        <v>228</v>
      </c>
      <c r="B38012" s="14" t="s">
        <v>1</v>
      </c>
      <c r="C38012" s="14" t="s">
        <v>70</v>
      </c>
      <c r="D38012" s="14" t="s">
        <v>229</v>
      </c>
      <c r="E38012" s="15">
        <v>45428</v>
      </c>
      <c r="F38012" s="14" t="s">
        <v>53</v>
      </c>
      <c r="G38012" s="16">
        <v>0.58741911584609219</v>
      </c>
    </row>
    <row r="38013" spans="1:7" x14ac:dyDescent="0.3">
      <c r="A38013" s="13" t="s">
        <v>228</v>
      </c>
      <c r="B38013" s="14" t="s">
        <v>1</v>
      </c>
      <c r="C38013" s="14" t="s">
        <v>70</v>
      </c>
      <c r="D38013" s="14" t="s">
        <v>229</v>
      </c>
      <c r="E38013" s="15">
        <v>45429</v>
      </c>
      <c r="F38013" s="14" t="s">
        <v>53</v>
      </c>
      <c r="G38013" s="16">
        <v>0.67442082528919955</v>
      </c>
    </row>
    <row r="38014" spans="1:7" x14ac:dyDescent="0.3">
      <c r="A38014" s="13" t="s">
        <v>228</v>
      </c>
      <c r="B38014" s="14" t="s">
        <v>1</v>
      </c>
      <c r="C38014" s="14" t="s">
        <v>70</v>
      </c>
      <c r="D38014" s="14" t="s">
        <v>229</v>
      </c>
      <c r="E38014" s="15">
        <v>45430</v>
      </c>
      <c r="F38014" s="14" t="s">
        <v>53</v>
      </c>
      <c r="G38014" s="16">
        <v>0.67442082528919955</v>
      </c>
    </row>
    <row r="38015" spans="1:7" x14ac:dyDescent="0.3">
      <c r="A38015" s="13" t="s">
        <v>228</v>
      </c>
      <c r="B38015" s="14" t="s">
        <v>1</v>
      </c>
      <c r="C38015" s="14" t="s">
        <v>70</v>
      </c>
      <c r="D38015" s="14" t="s">
        <v>229</v>
      </c>
      <c r="E38015" s="15">
        <v>45431</v>
      </c>
      <c r="F38015" s="14" t="s">
        <v>53</v>
      </c>
      <c r="G38015" s="16">
        <v>0.67442082528919955</v>
      </c>
    </row>
    <row r="38016" spans="1:7" x14ac:dyDescent="0.3">
      <c r="A38016" s="13" t="s">
        <v>228</v>
      </c>
      <c r="B38016" s="14" t="s">
        <v>1</v>
      </c>
      <c r="C38016" s="14" t="s">
        <v>70</v>
      </c>
      <c r="D38016" s="14" t="s">
        <v>229</v>
      </c>
      <c r="E38016" s="15">
        <v>45432</v>
      </c>
      <c r="F38016" s="14" t="s">
        <v>53</v>
      </c>
      <c r="G38016" s="16">
        <v>0.67442082528919955</v>
      </c>
    </row>
    <row r="38017" spans="1:7" x14ac:dyDescent="0.3">
      <c r="A38017" s="13" t="s">
        <v>228</v>
      </c>
      <c r="B38017" s="14" t="s">
        <v>1</v>
      </c>
      <c r="C38017" s="14" t="s">
        <v>70</v>
      </c>
      <c r="D38017" s="14" t="s">
        <v>229</v>
      </c>
      <c r="E38017" s="15">
        <v>45433</v>
      </c>
      <c r="F38017" s="14" t="s">
        <v>53</v>
      </c>
      <c r="G38017" s="16">
        <v>0.67755773714924838</v>
      </c>
    </row>
    <row r="38018" spans="1:7" x14ac:dyDescent="0.3">
      <c r="A38018" s="13" t="s">
        <v>228</v>
      </c>
      <c r="B38018" s="14" t="s">
        <v>1</v>
      </c>
      <c r="C38018" s="14" t="s">
        <v>70</v>
      </c>
      <c r="D38018" s="14" t="s">
        <v>229</v>
      </c>
      <c r="E38018" s="15">
        <v>45434</v>
      </c>
      <c r="F38018" s="14" t="s">
        <v>53</v>
      </c>
      <c r="G38018" s="16">
        <v>0.7119455905225216</v>
      </c>
    </row>
    <row r="38019" spans="1:7" x14ac:dyDescent="0.3">
      <c r="A38019" s="13" t="s">
        <v>228</v>
      </c>
      <c r="B38019" s="14" t="s">
        <v>1</v>
      </c>
      <c r="C38019" s="14" t="s">
        <v>70</v>
      </c>
      <c r="D38019" s="14" t="s">
        <v>229</v>
      </c>
      <c r="E38019" s="15">
        <v>45435</v>
      </c>
      <c r="F38019" s="14" t="s">
        <v>53</v>
      </c>
      <c r="G38019" s="16">
        <v>0.71761771036442368</v>
      </c>
    </row>
    <row r="38020" spans="1:7" x14ac:dyDescent="0.3">
      <c r="A38020" s="13" t="s">
        <v>228</v>
      </c>
      <c r="B38020" s="14" t="s">
        <v>1</v>
      </c>
      <c r="C38020" s="14" t="s">
        <v>70</v>
      </c>
      <c r="D38020" s="14" t="s">
        <v>229</v>
      </c>
      <c r="E38020" s="15">
        <v>45436</v>
      </c>
      <c r="F38020" s="14" t="s">
        <v>53</v>
      </c>
      <c r="G38020" s="16">
        <v>0.71925499590725783</v>
      </c>
    </row>
    <row r="38021" spans="1:7" x14ac:dyDescent="0.3">
      <c r="A38021" s="13" t="s">
        <v>228</v>
      </c>
      <c r="B38021" s="14" t="s">
        <v>1</v>
      </c>
      <c r="C38021" s="14" t="s">
        <v>70</v>
      </c>
      <c r="D38021" s="14" t="s">
        <v>229</v>
      </c>
      <c r="E38021" s="15">
        <v>45437</v>
      </c>
      <c r="F38021" s="14" t="s">
        <v>53</v>
      </c>
      <c r="G38021" s="16">
        <v>0.71925499590725783</v>
      </c>
    </row>
    <row r="38022" spans="1:7" x14ac:dyDescent="0.3">
      <c r="A38022" s="13" t="s">
        <v>228</v>
      </c>
      <c r="B38022" s="14" t="s">
        <v>1</v>
      </c>
      <c r="C38022" s="14" t="s">
        <v>70</v>
      </c>
      <c r="D38022" s="14" t="s">
        <v>229</v>
      </c>
      <c r="E38022" s="15">
        <v>45438</v>
      </c>
      <c r="F38022" s="14" t="s">
        <v>53</v>
      </c>
      <c r="G38022" s="16">
        <v>0.71925499590725783</v>
      </c>
    </row>
    <row r="38023" spans="1:7" x14ac:dyDescent="0.3">
      <c r="A38023" s="13" t="s">
        <v>228</v>
      </c>
      <c r="B38023" s="14" t="s">
        <v>1</v>
      </c>
      <c r="C38023" s="14" t="s">
        <v>70</v>
      </c>
      <c r="D38023" s="14" t="s">
        <v>229</v>
      </c>
      <c r="E38023" s="15">
        <v>45439</v>
      </c>
      <c r="F38023" s="14" t="s">
        <v>53</v>
      </c>
      <c r="G38023" s="16">
        <v>0.71338083365824589</v>
      </c>
    </row>
    <row r="38024" spans="1:7" x14ac:dyDescent="0.3">
      <c r="A38024" s="13" t="s">
        <v>228</v>
      </c>
      <c r="B38024" s="14" t="s">
        <v>1</v>
      </c>
      <c r="C38024" s="14" t="s">
        <v>70</v>
      </c>
      <c r="D38024" s="14" t="s">
        <v>229</v>
      </c>
      <c r="E38024" s="15">
        <v>45440</v>
      </c>
      <c r="F38024" s="14" t="s">
        <v>53</v>
      </c>
      <c r="G38024" s="16">
        <v>0.7252243180345096</v>
      </c>
    </row>
    <row r="38025" spans="1:7" x14ac:dyDescent="0.3">
      <c r="A38025" s="13" t="s">
        <v>228</v>
      </c>
      <c r="B38025" s="14" t="s">
        <v>1</v>
      </c>
      <c r="C38025" s="14" t="s">
        <v>70</v>
      </c>
      <c r="D38025" s="14" t="s">
        <v>229</v>
      </c>
      <c r="E38025" s="15">
        <v>45441</v>
      </c>
      <c r="F38025" s="14" t="s">
        <v>53</v>
      </c>
      <c r="G38025" s="16">
        <v>0.73429351755046524</v>
      </c>
    </row>
    <row r="38026" spans="1:7" x14ac:dyDescent="0.3">
      <c r="A38026" s="13" t="s">
        <v>228</v>
      </c>
      <c r="B38026" s="14" t="s">
        <v>1</v>
      </c>
      <c r="C38026" s="14" t="s">
        <v>70</v>
      </c>
      <c r="D38026" s="14" t="s">
        <v>229</v>
      </c>
      <c r="E38026" s="15">
        <v>45442</v>
      </c>
      <c r="F38026" s="14" t="s">
        <v>53</v>
      </c>
      <c r="G38026" s="16">
        <v>0.73330588339072456</v>
      </c>
    </row>
    <row r="38027" spans="1:7" x14ac:dyDescent="0.3">
      <c r="A38027" s="13" t="s">
        <v>228</v>
      </c>
      <c r="B38027" s="14" t="s">
        <v>1</v>
      </c>
      <c r="C38027" s="14" t="s">
        <v>70</v>
      </c>
      <c r="D38027" s="14" t="s">
        <v>229</v>
      </c>
      <c r="E38027" s="15">
        <v>45443</v>
      </c>
      <c r="F38027" s="14" t="s">
        <v>53</v>
      </c>
      <c r="G38027" s="16">
        <v>0.74024523052173141</v>
      </c>
    </row>
    <row r="38028" spans="1:7" x14ac:dyDescent="0.3">
      <c r="A38028" s="13" t="s">
        <v>228</v>
      </c>
      <c r="B38028" s="14" t="s">
        <v>1</v>
      </c>
      <c r="C38028" s="14" t="s">
        <v>70</v>
      </c>
      <c r="D38028" s="14" t="s">
        <v>229</v>
      </c>
      <c r="E38028" s="15">
        <v>45444</v>
      </c>
      <c r="F38028" s="14" t="s">
        <v>53</v>
      </c>
      <c r="G38028" s="16">
        <v>0.74024523052173141</v>
      </c>
    </row>
    <row r="38029" spans="1:7" x14ac:dyDescent="0.3">
      <c r="A38029" s="13" t="s">
        <v>228</v>
      </c>
      <c r="B38029" s="14" t="s">
        <v>1</v>
      </c>
      <c r="C38029" s="14" t="s">
        <v>70</v>
      </c>
      <c r="D38029" s="14" t="s">
        <v>229</v>
      </c>
      <c r="E38029" s="15">
        <v>45445</v>
      </c>
      <c r="F38029" s="14" t="s">
        <v>53</v>
      </c>
      <c r="G38029" s="16">
        <v>0.74024523052173141</v>
      </c>
    </row>
    <row r="38030" spans="1:7" x14ac:dyDescent="0.3">
      <c r="A38030" s="13" t="s">
        <v>228</v>
      </c>
      <c r="B38030" s="14" t="s">
        <v>1</v>
      </c>
      <c r="C38030" s="14" t="s">
        <v>70</v>
      </c>
      <c r="D38030" s="14" t="s">
        <v>229</v>
      </c>
      <c r="E38030" s="15">
        <v>45446</v>
      </c>
      <c r="F38030" s="14" t="s">
        <v>53</v>
      </c>
      <c r="G38030" s="16">
        <v>0.74024523052173141</v>
      </c>
    </row>
    <row r="38031" spans="1:7" x14ac:dyDescent="0.3">
      <c r="A38031" s="13" t="s">
        <v>228</v>
      </c>
      <c r="B38031" s="14" t="s">
        <v>1</v>
      </c>
      <c r="C38031" s="14" t="s">
        <v>70</v>
      </c>
      <c r="D38031" s="14" t="s">
        <v>229</v>
      </c>
      <c r="E38031" s="15">
        <v>45447</v>
      </c>
      <c r="F38031" s="14" t="s">
        <v>53</v>
      </c>
      <c r="G38031" s="16">
        <v>0.75451830488870808</v>
      </c>
    </row>
    <row r="38032" spans="1:7" x14ac:dyDescent="0.3">
      <c r="A38032" s="13" t="s">
        <v>228</v>
      </c>
      <c r="B38032" s="14" t="s">
        <v>1</v>
      </c>
      <c r="C38032" s="14" t="s">
        <v>70</v>
      </c>
      <c r="D38032" s="14" t="s">
        <v>229</v>
      </c>
      <c r="E38032" s="15">
        <v>45448</v>
      </c>
      <c r="F38032" s="14" t="s">
        <v>53</v>
      </c>
      <c r="G38032" s="16">
        <v>0.78760210317145873</v>
      </c>
    </row>
    <row r="38033" spans="1:7" x14ac:dyDescent="0.3">
      <c r="A38033" s="13" t="s">
        <v>228</v>
      </c>
      <c r="B38033" s="14" t="s">
        <v>1</v>
      </c>
      <c r="C38033" s="14" t="s">
        <v>70</v>
      </c>
      <c r="D38033" s="14" t="s">
        <v>229</v>
      </c>
      <c r="E38033" s="15">
        <v>45449</v>
      </c>
      <c r="F38033" s="14" t="s">
        <v>53</v>
      </c>
      <c r="G38033" s="16">
        <v>0.79123002812237586</v>
      </c>
    </row>
    <row r="38034" spans="1:7" x14ac:dyDescent="0.3">
      <c r="A38034" s="13" t="s">
        <v>228</v>
      </c>
      <c r="B38034" s="14" t="s">
        <v>1</v>
      </c>
      <c r="C38034" s="14" t="s">
        <v>70</v>
      </c>
      <c r="D38034" s="14" t="s">
        <v>229</v>
      </c>
      <c r="E38034" s="15">
        <v>45450</v>
      </c>
      <c r="F38034" s="14" t="s">
        <v>53</v>
      </c>
      <c r="G38034" s="16">
        <v>0.79928551092549993</v>
      </c>
    </row>
    <row r="38035" spans="1:7" x14ac:dyDescent="0.3">
      <c r="A38035" s="13" t="s">
        <v>228</v>
      </c>
      <c r="B38035" s="14" t="s">
        <v>1</v>
      </c>
      <c r="C38035" s="14" t="s">
        <v>70</v>
      </c>
      <c r="D38035" s="14" t="s">
        <v>229</v>
      </c>
      <c r="E38035" s="15">
        <v>45451</v>
      </c>
      <c r="F38035" s="14" t="s">
        <v>53</v>
      </c>
      <c r="G38035" s="16">
        <v>0.79928551092549993</v>
      </c>
    </row>
    <row r="38036" spans="1:7" x14ac:dyDescent="0.3">
      <c r="A38036" s="13" t="s">
        <v>228</v>
      </c>
      <c r="B38036" s="14" t="s">
        <v>1</v>
      </c>
      <c r="C38036" s="14" t="s">
        <v>70</v>
      </c>
      <c r="D38036" s="14" t="s">
        <v>229</v>
      </c>
      <c r="E38036" s="15">
        <v>45452</v>
      </c>
      <c r="F38036" s="14" t="s">
        <v>53</v>
      </c>
      <c r="G38036" s="16">
        <v>0.79928551092549993</v>
      </c>
    </row>
    <row r="38037" spans="1:7" x14ac:dyDescent="0.3">
      <c r="A38037" s="13" t="s">
        <v>228</v>
      </c>
      <c r="B38037" s="14" t="s">
        <v>1</v>
      </c>
      <c r="C38037" s="14" t="s">
        <v>70</v>
      </c>
      <c r="D38037" s="14" t="s">
        <v>229</v>
      </c>
      <c r="E38037" s="15">
        <v>45453</v>
      </c>
      <c r="F38037" s="14" t="s">
        <v>53</v>
      </c>
      <c r="G38037" s="16">
        <v>0.81171667914249601</v>
      </c>
    </row>
    <row r="38038" spans="1:7" x14ac:dyDescent="0.3">
      <c r="A38038" s="13" t="s">
        <v>228</v>
      </c>
      <c r="B38038" s="14" t="s">
        <v>1</v>
      </c>
      <c r="C38038" s="14" t="s">
        <v>70</v>
      </c>
      <c r="D38038" s="14" t="s">
        <v>229</v>
      </c>
      <c r="E38038" s="15">
        <v>45454</v>
      </c>
      <c r="F38038" s="14" t="s">
        <v>53</v>
      </c>
      <c r="G38038" s="16">
        <v>0.82364310607104196</v>
      </c>
    </row>
    <row r="38039" spans="1:7" x14ac:dyDescent="0.3">
      <c r="A38039" s="13" t="s">
        <v>228</v>
      </c>
      <c r="B38039" s="14" t="s">
        <v>1</v>
      </c>
      <c r="C38039" s="14" t="s">
        <v>70</v>
      </c>
      <c r="D38039" s="14" t="s">
        <v>229</v>
      </c>
      <c r="E38039" s="15">
        <v>45455</v>
      </c>
      <c r="F38039" s="14" t="s">
        <v>53</v>
      </c>
      <c r="G38039" s="16">
        <v>0.83194346854450385</v>
      </c>
    </row>
    <row r="38040" spans="1:7" x14ac:dyDescent="0.3">
      <c r="A38040" s="13" t="s">
        <v>228</v>
      </c>
      <c r="B38040" s="14" t="s">
        <v>1</v>
      </c>
      <c r="C38040" s="14" t="s">
        <v>70</v>
      </c>
      <c r="D38040" s="14" t="s">
        <v>229</v>
      </c>
      <c r="E38040" s="15">
        <v>45456</v>
      </c>
      <c r="F38040" s="14" t="s">
        <v>53</v>
      </c>
      <c r="G38040" s="16">
        <v>0.84225920768964091</v>
      </c>
    </row>
    <row r="38041" spans="1:7" x14ac:dyDescent="0.3">
      <c r="A38041" s="13" t="s">
        <v>228</v>
      </c>
      <c r="B38041" s="14" t="s">
        <v>1</v>
      </c>
      <c r="C38041" s="14" t="s">
        <v>70</v>
      </c>
      <c r="D38041" s="14" t="s">
        <v>229</v>
      </c>
      <c r="E38041" s="15">
        <v>45457</v>
      </c>
      <c r="F38041" s="14" t="s">
        <v>53</v>
      </c>
      <c r="G38041" s="16">
        <v>0.85615691620608836</v>
      </c>
    </row>
    <row r="38042" spans="1:7" x14ac:dyDescent="0.3">
      <c r="A38042" s="13" t="s">
        <v>228</v>
      </c>
      <c r="B38042" s="14" t="s">
        <v>1</v>
      </c>
      <c r="C38042" s="14" t="s">
        <v>70</v>
      </c>
      <c r="D38042" s="14" t="s">
        <v>229</v>
      </c>
      <c r="E38042" s="15">
        <v>45458</v>
      </c>
      <c r="F38042" s="14" t="s">
        <v>53</v>
      </c>
      <c r="G38042" s="16">
        <v>0.85615691620608836</v>
      </c>
    </row>
    <row r="38043" spans="1:7" x14ac:dyDescent="0.3">
      <c r="A38043" s="13" t="s">
        <v>228</v>
      </c>
      <c r="B38043" s="14" t="s">
        <v>1</v>
      </c>
      <c r="C38043" s="14" t="s">
        <v>70</v>
      </c>
      <c r="D38043" s="14" t="s">
        <v>229</v>
      </c>
      <c r="E38043" s="15">
        <v>45459</v>
      </c>
      <c r="F38043" s="14" t="s">
        <v>53</v>
      </c>
      <c r="G38043" s="16">
        <v>0.85615691620608836</v>
      </c>
    </row>
    <row r="38044" spans="1:7" x14ac:dyDescent="0.3">
      <c r="A38044" s="13" t="s">
        <v>228</v>
      </c>
      <c r="B38044" s="14" t="s">
        <v>1</v>
      </c>
      <c r="C38044" s="14" t="s">
        <v>70</v>
      </c>
      <c r="D38044" s="14" t="s">
        <v>229</v>
      </c>
      <c r="E38044" s="15">
        <v>45460</v>
      </c>
      <c r="F38044" s="14" t="s">
        <v>53</v>
      </c>
      <c r="G38044" s="16">
        <v>0.87586797286349716</v>
      </c>
    </row>
    <row r="38045" spans="1:7" x14ac:dyDescent="0.3">
      <c r="A38045" s="13" t="s">
        <v>228</v>
      </c>
      <c r="B38045" s="14" t="s">
        <v>1</v>
      </c>
      <c r="C38045" s="14" t="s">
        <v>70</v>
      </c>
      <c r="D38045" s="14" t="s">
        <v>229</v>
      </c>
      <c r="E38045" s="15">
        <v>45461</v>
      </c>
      <c r="F38045" s="14" t="s">
        <v>53</v>
      </c>
      <c r="G38045" s="16">
        <v>0.88573027377547409</v>
      </c>
    </row>
    <row r="38046" spans="1:7" x14ac:dyDescent="0.3">
      <c r="A38046" s="13" t="s">
        <v>228</v>
      </c>
      <c r="B38046" s="14" t="s">
        <v>1</v>
      </c>
      <c r="C38046" s="14" t="s">
        <v>70</v>
      </c>
      <c r="D38046" s="14" t="s">
        <v>229</v>
      </c>
      <c r="E38046" s="15">
        <v>45462</v>
      </c>
      <c r="F38046" s="14" t="s">
        <v>53</v>
      </c>
      <c r="G38046" s="16">
        <v>0.88968646545531149</v>
      </c>
    </row>
    <row r="38047" spans="1:7" x14ac:dyDescent="0.3">
      <c r="A38047" s="13" t="s">
        <v>228</v>
      </c>
      <c r="B38047" s="14" t="s">
        <v>1</v>
      </c>
      <c r="C38047" s="14" t="s">
        <v>70</v>
      </c>
      <c r="D38047" s="14" t="s">
        <v>229</v>
      </c>
      <c r="E38047" s="15">
        <v>45463</v>
      </c>
      <c r="F38047" s="14" t="s">
        <v>53</v>
      </c>
      <c r="G38047" s="16">
        <v>0.90491200652694359</v>
      </c>
    </row>
    <row r="38048" spans="1:7" x14ac:dyDescent="0.3">
      <c r="A38048" s="13" t="s">
        <v>228</v>
      </c>
      <c r="B38048" s="14" t="s">
        <v>1</v>
      </c>
      <c r="C38048" s="14" t="s">
        <v>70</v>
      </c>
      <c r="D38048" s="14" t="s">
        <v>229</v>
      </c>
      <c r="E38048" s="15">
        <v>45464</v>
      </c>
      <c r="F38048" s="14" t="s">
        <v>53</v>
      </c>
      <c r="G38048" s="16">
        <v>0.90932272953969961</v>
      </c>
    </row>
    <row r="38049" spans="1:7" x14ac:dyDescent="0.3">
      <c r="A38049" s="13" t="s">
        <v>228</v>
      </c>
      <c r="B38049" s="14" t="s">
        <v>1</v>
      </c>
      <c r="C38049" s="14" t="s">
        <v>70</v>
      </c>
      <c r="D38049" s="14" t="s">
        <v>229</v>
      </c>
      <c r="E38049" s="15">
        <v>45465</v>
      </c>
      <c r="F38049" s="14" t="s">
        <v>53</v>
      </c>
      <c r="G38049" s="16">
        <v>0.90932272953969961</v>
      </c>
    </row>
    <row r="38050" spans="1:7" x14ac:dyDescent="0.3">
      <c r="A38050" s="13" t="s">
        <v>228</v>
      </c>
      <c r="B38050" s="14" t="s">
        <v>1</v>
      </c>
      <c r="C38050" s="14" t="s">
        <v>70</v>
      </c>
      <c r="D38050" s="14" t="s">
        <v>229</v>
      </c>
      <c r="E38050" s="15">
        <v>45466</v>
      </c>
      <c r="F38050" s="14" t="s">
        <v>53</v>
      </c>
      <c r="G38050" s="16">
        <v>0.90932272953969961</v>
      </c>
    </row>
    <row r="38051" spans="1:7" x14ac:dyDescent="0.3">
      <c r="A38051" s="13" t="s">
        <v>228</v>
      </c>
      <c r="B38051" s="14" t="s">
        <v>1</v>
      </c>
      <c r="C38051" s="14" t="s">
        <v>70</v>
      </c>
      <c r="D38051" s="14" t="s">
        <v>229</v>
      </c>
      <c r="E38051" s="15">
        <v>45467</v>
      </c>
      <c r="F38051" s="14" t="s">
        <v>53</v>
      </c>
      <c r="G38051" s="16">
        <v>0.91031267419195527</v>
      </c>
    </row>
    <row r="38052" spans="1:7" x14ac:dyDescent="0.3">
      <c r="A38052" s="13" t="s">
        <v>228</v>
      </c>
      <c r="B38052" s="14" t="s">
        <v>1</v>
      </c>
      <c r="C38052" s="14" t="s">
        <v>70</v>
      </c>
      <c r="D38052" s="14" t="s">
        <v>229</v>
      </c>
      <c r="E38052" s="15">
        <v>45468</v>
      </c>
      <c r="F38052" s="14" t="s">
        <v>53</v>
      </c>
      <c r="G38052" s="16">
        <v>0.92791733702310819</v>
      </c>
    </row>
    <row r="38053" spans="1:7" x14ac:dyDescent="0.3">
      <c r="A38053" s="13" t="s">
        <v>228</v>
      </c>
      <c r="B38053" s="14" t="s">
        <v>1</v>
      </c>
      <c r="C38053" s="14" t="s">
        <v>70</v>
      </c>
      <c r="D38053" s="14" t="s">
        <v>229</v>
      </c>
      <c r="E38053" s="15">
        <v>45469</v>
      </c>
      <c r="F38053" s="14" t="s">
        <v>53</v>
      </c>
      <c r="G38053" s="16">
        <v>0.93630822837869088</v>
      </c>
    </row>
    <row r="38054" spans="1:7" x14ac:dyDescent="0.3">
      <c r="A38054" s="13" t="s">
        <v>228</v>
      </c>
      <c r="B38054" s="14" t="s">
        <v>1</v>
      </c>
      <c r="C38054" s="14" t="s">
        <v>70</v>
      </c>
      <c r="D38054" s="14" t="s">
        <v>229</v>
      </c>
      <c r="E38054" s="15">
        <v>45470</v>
      </c>
      <c r="F38054" s="14" t="s">
        <v>53</v>
      </c>
      <c r="G38054" s="16">
        <v>0.93885878813883983</v>
      </c>
    </row>
    <row r="38055" spans="1:7" x14ac:dyDescent="0.3">
      <c r="A38055" s="13" t="s">
        <v>228</v>
      </c>
      <c r="B38055" s="14" t="s">
        <v>1</v>
      </c>
      <c r="C38055" s="14" t="s">
        <v>70</v>
      </c>
      <c r="D38055" s="14" t="s">
        <v>229</v>
      </c>
      <c r="E38055" s="15">
        <v>45471</v>
      </c>
      <c r="F38055" s="14" t="s">
        <v>53</v>
      </c>
      <c r="G38055" s="16">
        <v>0.96692201677787692</v>
      </c>
    </row>
    <row r="38056" spans="1:7" x14ac:dyDescent="0.3">
      <c r="A38056" s="13" t="s">
        <v>228</v>
      </c>
      <c r="B38056" s="14" t="s">
        <v>1</v>
      </c>
      <c r="C38056" s="14" t="s">
        <v>70</v>
      </c>
      <c r="D38056" s="14" t="s">
        <v>229</v>
      </c>
      <c r="E38056" s="15">
        <v>45472</v>
      </c>
      <c r="F38056" s="14" t="s">
        <v>53</v>
      </c>
      <c r="G38056" s="16">
        <v>0.96692201677787692</v>
      </c>
    </row>
    <row r="38057" spans="1:7" x14ac:dyDescent="0.3">
      <c r="A38057" s="13" t="s">
        <v>228</v>
      </c>
      <c r="B38057" s="14" t="s">
        <v>1</v>
      </c>
      <c r="C38057" s="14" t="s">
        <v>70</v>
      </c>
      <c r="D38057" s="14" t="s">
        <v>229</v>
      </c>
      <c r="E38057" s="15">
        <v>45473</v>
      </c>
      <c r="F38057" s="14" t="s">
        <v>53</v>
      </c>
      <c r="G38057" s="16">
        <v>0.96692201677787692</v>
      </c>
    </row>
    <row r="38058" spans="1:7" x14ac:dyDescent="0.3">
      <c r="A38058" s="13" t="s">
        <v>228</v>
      </c>
      <c r="B38058" s="14" t="s">
        <v>1</v>
      </c>
      <c r="C38058" s="14" t="s">
        <v>70</v>
      </c>
      <c r="D38058" s="14" t="s">
        <v>229</v>
      </c>
      <c r="E38058" s="15">
        <v>45474</v>
      </c>
      <c r="F38058" s="14" t="s">
        <v>53</v>
      </c>
      <c r="G38058" s="16">
        <v>0</v>
      </c>
    </row>
    <row r="38059" spans="1:7" x14ac:dyDescent="0.3">
      <c r="A38059" s="13" t="s">
        <v>228</v>
      </c>
      <c r="B38059" s="14" t="s">
        <v>1</v>
      </c>
      <c r="C38059" s="14" t="s">
        <v>70</v>
      </c>
      <c r="D38059" s="14" t="s">
        <v>229</v>
      </c>
      <c r="E38059" s="15">
        <v>45475</v>
      </c>
      <c r="F38059" s="14" t="s">
        <v>53</v>
      </c>
      <c r="G38059" s="16">
        <v>0</v>
      </c>
    </row>
    <row r="38060" spans="1:7" x14ac:dyDescent="0.3">
      <c r="A38060" s="13" t="s">
        <v>228</v>
      </c>
      <c r="B38060" s="14" t="s">
        <v>1</v>
      </c>
      <c r="C38060" s="14" t="s">
        <v>70</v>
      </c>
      <c r="D38060" s="14" t="s">
        <v>229</v>
      </c>
      <c r="E38060" s="15">
        <v>45476</v>
      </c>
      <c r="F38060" s="14" t="s">
        <v>53</v>
      </c>
      <c r="G38060" s="16">
        <v>0</v>
      </c>
    </row>
    <row r="38061" spans="1:7" x14ac:dyDescent="0.3">
      <c r="A38061" s="13" t="s">
        <v>228</v>
      </c>
      <c r="B38061" s="14" t="s">
        <v>1</v>
      </c>
      <c r="C38061" s="14" t="s">
        <v>70</v>
      </c>
      <c r="D38061" s="14" t="s">
        <v>229</v>
      </c>
      <c r="E38061" s="15">
        <v>45477</v>
      </c>
      <c r="F38061" s="14" t="s">
        <v>53</v>
      </c>
      <c r="G38061" s="16">
        <v>0</v>
      </c>
    </row>
    <row r="38062" spans="1:7" x14ac:dyDescent="0.3">
      <c r="A38062" s="13" t="s">
        <v>228</v>
      </c>
      <c r="B38062" s="14" t="s">
        <v>1</v>
      </c>
      <c r="C38062" s="14" t="s">
        <v>70</v>
      </c>
      <c r="D38062" s="14" t="s">
        <v>229</v>
      </c>
      <c r="E38062" s="15">
        <v>45478</v>
      </c>
      <c r="F38062" s="14" t="s">
        <v>53</v>
      </c>
      <c r="G38062" s="16">
        <v>0</v>
      </c>
    </row>
    <row r="38063" spans="1:7" x14ac:dyDescent="0.3">
      <c r="A38063" s="13" t="s">
        <v>228</v>
      </c>
      <c r="B38063" s="14" t="s">
        <v>1</v>
      </c>
      <c r="C38063" s="14" t="s">
        <v>70</v>
      </c>
      <c r="D38063" s="14" t="s">
        <v>229</v>
      </c>
      <c r="E38063" s="15">
        <v>45479</v>
      </c>
      <c r="F38063" s="14" t="s">
        <v>53</v>
      </c>
      <c r="G38063" s="16">
        <v>0</v>
      </c>
    </row>
    <row r="38064" spans="1:7" x14ac:dyDescent="0.3">
      <c r="A38064" s="13" t="s">
        <v>228</v>
      </c>
      <c r="B38064" s="14" t="s">
        <v>1</v>
      </c>
      <c r="C38064" s="14" t="s">
        <v>70</v>
      </c>
      <c r="D38064" s="14" t="s">
        <v>229</v>
      </c>
      <c r="E38064" s="15">
        <v>45480</v>
      </c>
      <c r="F38064" s="14" t="s">
        <v>53</v>
      </c>
      <c r="G38064" s="16">
        <v>0</v>
      </c>
    </row>
    <row r="38065" spans="1:7" x14ac:dyDescent="0.3">
      <c r="A38065" s="13" t="s">
        <v>228</v>
      </c>
      <c r="B38065" s="14" t="s">
        <v>1</v>
      </c>
      <c r="C38065" s="14" t="s">
        <v>70</v>
      </c>
      <c r="D38065" s="14" t="s">
        <v>229</v>
      </c>
      <c r="E38065" s="15">
        <v>45481</v>
      </c>
      <c r="F38065" s="14" t="s">
        <v>53</v>
      </c>
      <c r="G38065" s="16">
        <v>0</v>
      </c>
    </row>
    <row r="38066" spans="1:7" x14ac:dyDescent="0.3">
      <c r="A38066" s="13" t="s">
        <v>228</v>
      </c>
      <c r="B38066" s="14" t="s">
        <v>1</v>
      </c>
      <c r="C38066" s="14" t="s">
        <v>70</v>
      </c>
      <c r="D38066" s="14" t="s">
        <v>229</v>
      </c>
      <c r="E38066" s="15">
        <v>45482</v>
      </c>
      <c r="F38066" s="14" t="s">
        <v>53</v>
      </c>
      <c r="G38066" s="16">
        <v>0</v>
      </c>
    </row>
    <row r="38067" spans="1:7" x14ac:dyDescent="0.3">
      <c r="A38067" s="13" t="s">
        <v>228</v>
      </c>
      <c r="B38067" s="14" t="s">
        <v>1</v>
      </c>
      <c r="C38067" s="14" t="s">
        <v>70</v>
      </c>
      <c r="D38067" s="14" t="s">
        <v>229</v>
      </c>
      <c r="E38067" s="15">
        <v>45483</v>
      </c>
      <c r="F38067" s="14" t="s">
        <v>53</v>
      </c>
      <c r="G38067" s="16">
        <v>0</v>
      </c>
    </row>
    <row r="38068" spans="1:7" x14ac:dyDescent="0.3">
      <c r="A38068" s="13" t="s">
        <v>228</v>
      </c>
      <c r="B38068" s="14" t="s">
        <v>1</v>
      </c>
      <c r="C38068" s="14" t="s">
        <v>70</v>
      </c>
      <c r="D38068" s="14" t="s">
        <v>229</v>
      </c>
      <c r="E38068" s="15">
        <v>45484</v>
      </c>
      <c r="F38068" s="14" t="s">
        <v>53</v>
      </c>
      <c r="G38068" s="16">
        <v>0</v>
      </c>
    </row>
    <row r="38069" spans="1:7" x14ac:dyDescent="0.3">
      <c r="A38069" s="13" t="s">
        <v>228</v>
      </c>
      <c r="B38069" s="14" t="s">
        <v>1</v>
      </c>
      <c r="C38069" s="14" t="s">
        <v>70</v>
      </c>
      <c r="D38069" s="14" t="s">
        <v>229</v>
      </c>
      <c r="E38069" s="15">
        <v>45485</v>
      </c>
      <c r="F38069" s="14" t="s">
        <v>53</v>
      </c>
      <c r="G38069" s="16">
        <v>0</v>
      </c>
    </row>
    <row r="38070" spans="1:7" x14ac:dyDescent="0.3">
      <c r="A38070" s="13" t="s">
        <v>228</v>
      </c>
      <c r="B38070" s="14" t="s">
        <v>1</v>
      </c>
      <c r="C38070" s="14" t="s">
        <v>70</v>
      </c>
      <c r="D38070" s="14" t="s">
        <v>229</v>
      </c>
      <c r="E38070" s="15">
        <v>45486</v>
      </c>
      <c r="F38070" s="14" t="s">
        <v>53</v>
      </c>
      <c r="G38070" s="16">
        <v>0</v>
      </c>
    </row>
    <row r="38071" spans="1:7" x14ac:dyDescent="0.3">
      <c r="A38071" s="13" t="s">
        <v>228</v>
      </c>
      <c r="B38071" s="14" t="s">
        <v>1</v>
      </c>
      <c r="C38071" s="14" t="s">
        <v>70</v>
      </c>
      <c r="D38071" s="14" t="s">
        <v>229</v>
      </c>
      <c r="E38071" s="15">
        <v>45487</v>
      </c>
      <c r="F38071" s="14" t="s">
        <v>53</v>
      </c>
      <c r="G38071" s="16">
        <v>0</v>
      </c>
    </row>
    <row r="38072" spans="1:7" x14ac:dyDescent="0.3">
      <c r="A38072" s="13" t="s">
        <v>228</v>
      </c>
      <c r="B38072" s="14" t="s">
        <v>1</v>
      </c>
      <c r="C38072" s="14" t="s">
        <v>70</v>
      </c>
      <c r="D38072" s="14" t="s">
        <v>229</v>
      </c>
      <c r="E38072" s="15">
        <v>45488</v>
      </c>
      <c r="F38072" s="14" t="s">
        <v>53</v>
      </c>
      <c r="G38072" s="16">
        <v>0</v>
      </c>
    </row>
    <row r="38073" spans="1:7" x14ac:dyDescent="0.3">
      <c r="A38073" s="13" t="s">
        <v>228</v>
      </c>
      <c r="B38073" s="14" t="s">
        <v>1</v>
      </c>
      <c r="C38073" s="14" t="s">
        <v>70</v>
      </c>
      <c r="D38073" s="14" t="s">
        <v>229</v>
      </c>
      <c r="E38073" s="15">
        <v>45489</v>
      </c>
      <c r="F38073" s="14" t="s">
        <v>53</v>
      </c>
      <c r="G38073" s="16">
        <v>0</v>
      </c>
    </row>
    <row r="38074" spans="1:7" x14ac:dyDescent="0.3">
      <c r="A38074" s="13" t="s">
        <v>228</v>
      </c>
      <c r="B38074" s="14" t="s">
        <v>1</v>
      </c>
      <c r="C38074" s="14" t="s">
        <v>70</v>
      </c>
      <c r="D38074" s="14" t="s">
        <v>229</v>
      </c>
      <c r="E38074" s="15">
        <v>45490</v>
      </c>
      <c r="F38074" s="14" t="s">
        <v>53</v>
      </c>
      <c r="G38074" s="16">
        <v>0</v>
      </c>
    </row>
    <row r="38075" spans="1:7" x14ac:dyDescent="0.3">
      <c r="A38075" s="13" t="s">
        <v>228</v>
      </c>
      <c r="B38075" s="14" t="s">
        <v>1</v>
      </c>
      <c r="C38075" s="14" t="s">
        <v>70</v>
      </c>
      <c r="D38075" s="14" t="s">
        <v>229</v>
      </c>
      <c r="E38075" s="15">
        <v>45491</v>
      </c>
      <c r="F38075" s="14" t="s">
        <v>53</v>
      </c>
      <c r="G38075" s="16">
        <v>0</v>
      </c>
    </row>
    <row r="38076" spans="1:7" x14ac:dyDescent="0.3">
      <c r="A38076" s="13" t="s">
        <v>228</v>
      </c>
      <c r="B38076" s="14" t="s">
        <v>1</v>
      </c>
      <c r="C38076" s="14" t="s">
        <v>70</v>
      </c>
      <c r="D38076" s="14" t="s">
        <v>229</v>
      </c>
      <c r="E38076" s="15">
        <v>45492</v>
      </c>
      <c r="F38076" s="14" t="s">
        <v>53</v>
      </c>
      <c r="G38076" s="16">
        <v>0</v>
      </c>
    </row>
    <row r="38077" spans="1:7" x14ac:dyDescent="0.3">
      <c r="A38077" s="13" t="s">
        <v>228</v>
      </c>
      <c r="B38077" s="14" t="s">
        <v>1</v>
      </c>
      <c r="C38077" s="14" t="s">
        <v>70</v>
      </c>
      <c r="D38077" s="14" t="s">
        <v>229</v>
      </c>
      <c r="E38077" s="15">
        <v>45493</v>
      </c>
      <c r="F38077" s="14" t="s">
        <v>53</v>
      </c>
      <c r="G38077" s="16">
        <v>0</v>
      </c>
    </row>
    <row r="38078" spans="1:7" x14ac:dyDescent="0.3">
      <c r="A38078" s="13" t="s">
        <v>228</v>
      </c>
      <c r="B38078" s="14" t="s">
        <v>1</v>
      </c>
      <c r="C38078" s="14" t="s">
        <v>70</v>
      </c>
      <c r="D38078" s="14" t="s">
        <v>229</v>
      </c>
      <c r="E38078" s="15">
        <v>45494</v>
      </c>
      <c r="F38078" s="14" t="s">
        <v>53</v>
      </c>
      <c r="G38078" s="16">
        <v>0</v>
      </c>
    </row>
    <row r="38079" spans="1:7" x14ac:dyDescent="0.3">
      <c r="A38079" s="13" t="s">
        <v>228</v>
      </c>
      <c r="B38079" s="14" t="s">
        <v>1</v>
      </c>
      <c r="C38079" s="14" t="s">
        <v>70</v>
      </c>
      <c r="D38079" s="14" t="s">
        <v>229</v>
      </c>
      <c r="E38079" s="15">
        <v>45495</v>
      </c>
      <c r="F38079" s="14" t="s">
        <v>53</v>
      </c>
      <c r="G38079" s="16">
        <v>0</v>
      </c>
    </row>
    <row r="38080" spans="1:7" x14ac:dyDescent="0.3">
      <c r="A38080" s="13" t="s">
        <v>228</v>
      </c>
      <c r="B38080" s="14" t="s">
        <v>1</v>
      </c>
      <c r="C38080" s="14" t="s">
        <v>70</v>
      </c>
      <c r="D38080" s="14" t="s">
        <v>229</v>
      </c>
      <c r="E38080" s="15">
        <v>45496</v>
      </c>
      <c r="F38080" s="14" t="s">
        <v>53</v>
      </c>
      <c r="G38080" s="16">
        <v>0</v>
      </c>
    </row>
    <row r="38081" spans="1:7" x14ac:dyDescent="0.3">
      <c r="A38081" s="13" t="s">
        <v>228</v>
      </c>
      <c r="B38081" s="14" t="s">
        <v>1</v>
      </c>
      <c r="C38081" s="14" t="s">
        <v>70</v>
      </c>
      <c r="D38081" s="14" t="s">
        <v>229</v>
      </c>
      <c r="E38081" s="15">
        <v>45497</v>
      </c>
      <c r="F38081" s="14" t="s">
        <v>53</v>
      </c>
      <c r="G38081" s="16">
        <v>0</v>
      </c>
    </row>
    <row r="38082" spans="1:7" x14ac:dyDescent="0.3">
      <c r="A38082" s="13" t="s">
        <v>228</v>
      </c>
      <c r="B38082" s="14" t="s">
        <v>1</v>
      </c>
      <c r="C38082" s="14" t="s">
        <v>70</v>
      </c>
      <c r="D38082" s="14" t="s">
        <v>229</v>
      </c>
      <c r="E38082" s="15">
        <v>45498</v>
      </c>
      <c r="F38082" s="14" t="s">
        <v>53</v>
      </c>
      <c r="G38082" s="16">
        <v>0</v>
      </c>
    </row>
    <row r="38083" spans="1:7" x14ac:dyDescent="0.3">
      <c r="A38083" s="13" t="s">
        <v>228</v>
      </c>
      <c r="B38083" s="14" t="s">
        <v>1</v>
      </c>
      <c r="C38083" s="14" t="s">
        <v>70</v>
      </c>
      <c r="D38083" s="14" t="s">
        <v>229</v>
      </c>
      <c r="E38083" s="15">
        <v>45499</v>
      </c>
      <c r="F38083" s="14" t="s">
        <v>53</v>
      </c>
      <c r="G38083" s="16">
        <v>0</v>
      </c>
    </row>
    <row r="38084" spans="1:7" x14ac:dyDescent="0.3">
      <c r="A38084" s="13" t="s">
        <v>228</v>
      </c>
      <c r="B38084" s="14" t="s">
        <v>1</v>
      </c>
      <c r="C38084" s="14" t="s">
        <v>70</v>
      </c>
      <c r="D38084" s="14" t="s">
        <v>229</v>
      </c>
      <c r="E38084" s="15">
        <v>45500</v>
      </c>
      <c r="F38084" s="14" t="s">
        <v>53</v>
      </c>
      <c r="G38084" s="16">
        <v>0</v>
      </c>
    </row>
    <row r="38085" spans="1:7" x14ac:dyDescent="0.3">
      <c r="A38085" s="13" t="s">
        <v>228</v>
      </c>
      <c r="B38085" s="14" t="s">
        <v>1</v>
      </c>
      <c r="C38085" s="14" t="s">
        <v>70</v>
      </c>
      <c r="D38085" s="14" t="s">
        <v>229</v>
      </c>
      <c r="E38085" s="15">
        <v>45501</v>
      </c>
      <c r="F38085" s="14" t="s">
        <v>53</v>
      </c>
      <c r="G38085" s="16">
        <v>0</v>
      </c>
    </row>
    <row r="38086" spans="1:7" x14ac:dyDescent="0.3">
      <c r="A38086" s="13" t="s">
        <v>228</v>
      </c>
      <c r="B38086" s="14" t="s">
        <v>1</v>
      </c>
      <c r="C38086" s="14" t="s">
        <v>70</v>
      </c>
      <c r="D38086" s="14" t="s">
        <v>229</v>
      </c>
      <c r="E38086" s="15">
        <v>45502</v>
      </c>
      <c r="F38086" s="14" t="s">
        <v>53</v>
      </c>
      <c r="G38086" s="16">
        <v>0</v>
      </c>
    </row>
    <row r="38087" spans="1:7" x14ac:dyDescent="0.3">
      <c r="A38087" s="13" t="s">
        <v>228</v>
      </c>
      <c r="B38087" s="14" t="s">
        <v>1</v>
      </c>
      <c r="C38087" s="14" t="s">
        <v>70</v>
      </c>
      <c r="D38087" s="14" t="s">
        <v>229</v>
      </c>
      <c r="E38087" s="15">
        <v>45503</v>
      </c>
      <c r="F38087" s="14" t="s">
        <v>53</v>
      </c>
      <c r="G38087" s="16">
        <v>0</v>
      </c>
    </row>
    <row r="38088" spans="1:7" x14ac:dyDescent="0.3">
      <c r="A38088" s="13" t="s">
        <v>228</v>
      </c>
      <c r="B38088" s="14" t="s">
        <v>1</v>
      </c>
      <c r="C38088" s="14" t="s">
        <v>70</v>
      </c>
      <c r="D38088" s="14" t="s">
        <v>229</v>
      </c>
      <c r="E38088" s="15">
        <v>45504</v>
      </c>
      <c r="F38088" s="14" t="s">
        <v>53</v>
      </c>
      <c r="G38088" s="16">
        <v>0</v>
      </c>
    </row>
    <row r="38089" spans="1:7" x14ac:dyDescent="0.3">
      <c r="A38089" s="13" t="s">
        <v>228</v>
      </c>
      <c r="B38089" s="14" t="s">
        <v>1</v>
      </c>
      <c r="C38089" s="14" t="s">
        <v>70</v>
      </c>
      <c r="D38089" s="14" t="s">
        <v>229</v>
      </c>
      <c r="E38089" s="15">
        <v>45505</v>
      </c>
      <c r="F38089" s="14" t="s">
        <v>53</v>
      </c>
      <c r="G38089" s="16">
        <v>0</v>
      </c>
    </row>
    <row r="38090" spans="1:7" x14ac:dyDescent="0.3">
      <c r="A38090" s="13" t="s">
        <v>228</v>
      </c>
      <c r="B38090" s="14" t="s">
        <v>1</v>
      </c>
      <c r="C38090" s="14" t="s">
        <v>70</v>
      </c>
      <c r="D38090" s="14" t="s">
        <v>229</v>
      </c>
      <c r="E38090" s="15">
        <v>45506</v>
      </c>
      <c r="F38090" s="14" t="s">
        <v>53</v>
      </c>
      <c r="G38090" s="16">
        <v>0</v>
      </c>
    </row>
    <row r="38091" spans="1:7" x14ac:dyDescent="0.3">
      <c r="A38091" s="13" t="s">
        <v>228</v>
      </c>
      <c r="B38091" s="14" t="s">
        <v>1</v>
      </c>
      <c r="C38091" s="14" t="s">
        <v>70</v>
      </c>
      <c r="D38091" s="14" t="s">
        <v>229</v>
      </c>
      <c r="E38091" s="15">
        <v>45507</v>
      </c>
      <c r="F38091" s="14" t="s">
        <v>53</v>
      </c>
      <c r="G38091" s="16">
        <v>0</v>
      </c>
    </row>
    <row r="38092" spans="1:7" x14ac:dyDescent="0.3">
      <c r="A38092" s="13" t="s">
        <v>228</v>
      </c>
      <c r="B38092" s="14" t="s">
        <v>1</v>
      </c>
      <c r="C38092" s="14" t="s">
        <v>70</v>
      </c>
      <c r="D38092" s="14" t="s">
        <v>229</v>
      </c>
      <c r="E38092" s="15">
        <v>45508</v>
      </c>
      <c r="F38092" s="14" t="s">
        <v>53</v>
      </c>
      <c r="G38092" s="16">
        <v>0</v>
      </c>
    </row>
    <row r="38093" spans="1:7" x14ac:dyDescent="0.3">
      <c r="A38093" s="13" t="s">
        <v>228</v>
      </c>
      <c r="B38093" s="14" t="s">
        <v>1</v>
      </c>
      <c r="C38093" s="14" t="s">
        <v>70</v>
      </c>
      <c r="D38093" s="14" t="s">
        <v>229</v>
      </c>
      <c r="E38093" s="15">
        <v>45509</v>
      </c>
      <c r="F38093" s="14" t="s">
        <v>53</v>
      </c>
      <c r="G38093" s="16">
        <v>0</v>
      </c>
    </row>
    <row r="38094" spans="1:7" x14ac:dyDescent="0.3">
      <c r="A38094" s="13" t="s">
        <v>228</v>
      </c>
      <c r="B38094" s="14" t="s">
        <v>1</v>
      </c>
      <c r="C38094" s="14" t="s">
        <v>70</v>
      </c>
      <c r="D38094" s="14" t="s">
        <v>229</v>
      </c>
      <c r="E38094" s="15">
        <v>45510</v>
      </c>
      <c r="F38094" s="14" t="s">
        <v>53</v>
      </c>
      <c r="G38094" s="16">
        <v>0</v>
      </c>
    </row>
    <row r="38095" spans="1:7" x14ac:dyDescent="0.3">
      <c r="A38095" s="13" t="s">
        <v>228</v>
      </c>
      <c r="B38095" s="14" t="s">
        <v>1</v>
      </c>
      <c r="C38095" s="14" t="s">
        <v>70</v>
      </c>
      <c r="D38095" s="14" t="s">
        <v>229</v>
      </c>
      <c r="E38095" s="15">
        <v>45511</v>
      </c>
      <c r="F38095" s="14" t="s">
        <v>53</v>
      </c>
      <c r="G38095" s="16">
        <v>0</v>
      </c>
    </row>
    <row r="38096" spans="1:7" x14ac:dyDescent="0.3">
      <c r="A38096" s="13" t="s">
        <v>228</v>
      </c>
      <c r="B38096" s="14" t="s">
        <v>1</v>
      </c>
      <c r="C38096" s="14" t="s">
        <v>70</v>
      </c>
      <c r="D38096" s="14" t="s">
        <v>229</v>
      </c>
      <c r="E38096" s="15">
        <v>45512</v>
      </c>
      <c r="F38096" s="14" t="s">
        <v>53</v>
      </c>
      <c r="G38096" s="16">
        <v>0</v>
      </c>
    </row>
    <row r="38097" spans="1:7" x14ac:dyDescent="0.3">
      <c r="A38097" s="13" t="s">
        <v>228</v>
      </c>
      <c r="B38097" s="14" t="s">
        <v>1</v>
      </c>
      <c r="C38097" s="14" t="s">
        <v>70</v>
      </c>
      <c r="D38097" s="14" t="s">
        <v>229</v>
      </c>
      <c r="E38097" s="15">
        <v>45513</v>
      </c>
      <c r="F38097" s="14" t="s">
        <v>53</v>
      </c>
      <c r="G38097" s="16">
        <v>0</v>
      </c>
    </row>
    <row r="38098" spans="1:7" x14ac:dyDescent="0.3">
      <c r="A38098" s="13" t="s">
        <v>228</v>
      </c>
      <c r="B38098" s="14" t="s">
        <v>1</v>
      </c>
      <c r="C38098" s="14" t="s">
        <v>70</v>
      </c>
      <c r="D38098" s="14" t="s">
        <v>229</v>
      </c>
      <c r="E38098" s="15">
        <v>45514</v>
      </c>
      <c r="F38098" s="14" t="s">
        <v>53</v>
      </c>
      <c r="G38098" s="16">
        <v>0</v>
      </c>
    </row>
    <row r="38099" spans="1:7" x14ac:dyDescent="0.3">
      <c r="A38099" s="13" t="s">
        <v>228</v>
      </c>
      <c r="B38099" s="14" t="s">
        <v>1</v>
      </c>
      <c r="C38099" s="14" t="s">
        <v>70</v>
      </c>
      <c r="D38099" s="14" t="s">
        <v>229</v>
      </c>
      <c r="E38099" s="15">
        <v>45515</v>
      </c>
      <c r="F38099" s="14" t="s">
        <v>53</v>
      </c>
      <c r="G38099" s="16">
        <v>0</v>
      </c>
    </row>
    <row r="38100" spans="1:7" x14ac:dyDescent="0.3">
      <c r="A38100" s="13" t="s">
        <v>228</v>
      </c>
      <c r="B38100" s="14" t="s">
        <v>1</v>
      </c>
      <c r="C38100" s="14" t="s">
        <v>70</v>
      </c>
      <c r="D38100" s="14" t="s">
        <v>229</v>
      </c>
      <c r="E38100" s="15">
        <v>45516</v>
      </c>
      <c r="F38100" s="14" t="s">
        <v>53</v>
      </c>
      <c r="G38100" s="16">
        <v>0</v>
      </c>
    </row>
    <row r="38101" spans="1:7" x14ac:dyDescent="0.3">
      <c r="A38101" s="13" t="s">
        <v>228</v>
      </c>
      <c r="B38101" s="14" t="s">
        <v>1</v>
      </c>
      <c r="C38101" s="14" t="s">
        <v>70</v>
      </c>
      <c r="D38101" s="14" t="s">
        <v>229</v>
      </c>
      <c r="E38101" s="15">
        <v>45517</v>
      </c>
      <c r="F38101" s="14" t="s">
        <v>53</v>
      </c>
      <c r="G38101" s="16">
        <v>0</v>
      </c>
    </row>
    <row r="38102" spans="1:7" x14ac:dyDescent="0.3">
      <c r="A38102" s="13" t="s">
        <v>228</v>
      </c>
      <c r="B38102" s="14" t="s">
        <v>1</v>
      </c>
      <c r="C38102" s="14" t="s">
        <v>70</v>
      </c>
      <c r="D38102" s="14" t="s">
        <v>229</v>
      </c>
      <c r="E38102" s="15">
        <v>45518</v>
      </c>
      <c r="F38102" s="14" t="s">
        <v>53</v>
      </c>
      <c r="G38102" s="16">
        <v>0</v>
      </c>
    </row>
    <row r="38103" spans="1:7" x14ac:dyDescent="0.3">
      <c r="A38103" s="13" t="s">
        <v>228</v>
      </c>
      <c r="B38103" s="14" t="s">
        <v>1</v>
      </c>
      <c r="C38103" s="14" t="s">
        <v>70</v>
      </c>
      <c r="D38103" s="14" t="s">
        <v>229</v>
      </c>
      <c r="E38103" s="15">
        <v>45519</v>
      </c>
      <c r="F38103" s="14" t="s">
        <v>53</v>
      </c>
      <c r="G38103" s="16">
        <v>0</v>
      </c>
    </row>
    <row r="38104" spans="1:7" x14ac:dyDescent="0.3">
      <c r="A38104" s="13" t="s">
        <v>228</v>
      </c>
      <c r="B38104" s="14" t="s">
        <v>1</v>
      </c>
      <c r="C38104" s="14" t="s">
        <v>70</v>
      </c>
      <c r="D38104" s="14" t="s">
        <v>229</v>
      </c>
      <c r="E38104" s="15">
        <v>45520</v>
      </c>
      <c r="F38104" s="14" t="s">
        <v>53</v>
      </c>
      <c r="G38104" s="16">
        <v>4.2633582679126245E-2</v>
      </c>
    </row>
    <row r="38105" spans="1:7" x14ac:dyDescent="0.3">
      <c r="A38105" s="13" t="s">
        <v>228</v>
      </c>
      <c r="B38105" s="14" t="s">
        <v>1</v>
      </c>
      <c r="C38105" s="14" t="s">
        <v>70</v>
      </c>
      <c r="D38105" s="14" t="s">
        <v>229</v>
      </c>
      <c r="E38105" s="15">
        <v>45521</v>
      </c>
      <c r="F38105" s="14" t="s">
        <v>53</v>
      </c>
      <c r="G38105" s="16">
        <v>4.2633582679126245E-2</v>
      </c>
    </row>
    <row r="38106" spans="1:7" x14ac:dyDescent="0.3">
      <c r="A38106" s="13" t="s">
        <v>228</v>
      </c>
      <c r="B38106" s="14" t="s">
        <v>1</v>
      </c>
      <c r="C38106" s="14" t="s">
        <v>70</v>
      </c>
      <c r="D38106" s="14" t="s">
        <v>229</v>
      </c>
      <c r="E38106" s="15">
        <v>45522</v>
      </c>
      <c r="F38106" s="14" t="s">
        <v>53</v>
      </c>
      <c r="G38106" s="16">
        <v>4.2633582679126245E-2</v>
      </c>
    </row>
    <row r="38107" spans="1:7" x14ac:dyDescent="0.3">
      <c r="A38107" s="13" t="s">
        <v>228</v>
      </c>
      <c r="B38107" s="14" t="s">
        <v>1</v>
      </c>
      <c r="C38107" s="14" t="s">
        <v>70</v>
      </c>
      <c r="D38107" s="14" t="s">
        <v>229</v>
      </c>
      <c r="E38107" s="15">
        <v>45523</v>
      </c>
      <c r="F38107" s="14" t="s">
        <v>53</v>
      </c>
      <c r="G38107" s="16">
        <v>5.8666729808372071E-2</v>
      </c>
    </row>
    <row r="38108" spans="1:7" x14ac:dyDescent="0.3">
      <c r="A38108" s="13" t="s">
        <v>228</v>
      </c>
      <c r="B38108" s="14" t="s">
        <v>1</v>
      </c>
      <c r="C38108" s="14" t="s">
        <v>70</v>
      </c>
      <c r="D38108" s="14" t="s">
        <v>229</v>
      </c>
      <c r="E38108" s="15">
        <v>45524</v>
      </c>
      <c r="F38108" s="14" t="s">
        <v>53</v>
      </c>
      <c r="G38108" s="16">
        <v>8.1436785408500009E-2</v>
      </c>
    </row>
    <row r="38109" spans="1:7" x14ac:dyDescent="0.3">
      <c r="A38109" s="13" t="s">
        <v>228</v>
      </c>
      <c r="B38109" s="14" t="s">
        <v>1</v>
      </c>
      <c r="C38109" s="14" t="s">
        <v>70</v>
      </c>
      <c r="D38109" s="14" t="s">
        <v>229</v>
      </c>
      <c r="E38109" s="15">
        <v>45525</v>
      </c>
      <c r="F38109" s="14" t="s">
        <v>53</v>
      </c>
      <c r="G38109" s="16">
        <v>9.2160465930375288E-2</v>
      </c>
    </row>
    <row r="38110" spans="1:7" x14ac:dyDescent="0.3">
      <c r="A38110" s="13" t="s">
        <v>228</v>
      </c>
      <c r="B38110" s="14" t="s">
        <v>1</v>
      </c>
      <c r="C38110" s="14" t="s">
        <v>70</v>
      </c>
      <c r="D38110" s="14" t="s">
        <v>229</v>
      </c>
      <c r="E38110" s="15">
        <v>45526</v>
      </c>
      <c r="F38110" s="14" t="s">
        <v>53</v>
      </c>
      <c r="G38110" s="16">
        <v>9.6977138219826689E-2</v>
      </c>
    </row>
    <row r="38111" spans="1:7" x14ac:dyDescent="0.3">
      <c r="A38111" s="13" t="s">
        <v>228</v>
      </c>
      <c r="B38111" s="14" t="s">
        <v>1</v>
      </c>
      <c r="C38111" s="14" t="s">
        <v>70</v>
      </c>
      <c r="D38111" s="14" t="s">
        <v>229</v>
      </c>
      <c r="E38111" s="15">
        <v>45527</v>
      </c>
      <c r="F38111" s="14" t="s">
        <v>53</v>
      </c>
      <c r="G38111" s="16">
        <v>0.10061234372844462</v>
      </c>
    </row>
    <row r="38112" spans="1:7" x14ac:dyDescent="0.3">
      <c r="A38112" s="13" t="s">
        <v>228</v>
      </c>
      <c r="B38112" s="14" t="s">
        <v>1</v>
      </c>
      <c r="C38112" s="14" t="s">
        <v>70</v>
      </c>
      <c r="D38112" s="14" t="s">
        <v>229</v>
      </c>
      <c r="E38112" s="15">
        <v>45528</v>
      </c>
      <c r="F38112" s="14" t="s">
        <v>53</v>
      </c>
      <c r="G38112" s="16">
        <v>0.10061234372844462</v>
      </c>
    </row>
    <row r="38113" spans="1:7" x14ac:dyDescent="0.3">
      <c r="A38113" s="13" t="s">
        <v>228</v>
      </c>
      <c r="B38113" s="14" t="s">
        <v>1</v>
      </c>
      <c r="C38113" s="14" t="s">
        <v>70</v>
      </c>
      <c r="D38113" s="14" t="s">
        <v>229</v>
      </c>
      <c r="E38113" s="15">
        <v>45529</v>
      </c>
      <c r="F38113" s="14" t="s">
        <v>53</v>
      </c>
      <c r="G38113" s="16">
        <v>0.10061234372844462</v>
      </c>
    </row>
    <row r="38114" spans="1:7" x14ac:dyDescent="0.3">
      <c r="A38114" s="13" t="s">
        <v>228</v>
      </c>
      <c r="B38114" s="14" t="s">
        <v>1</v>
      </c>
      <c r="C38114" s="14" t="s">
        <v>70</v>
      </c>
      <c r="D38114" s="14" t="s">
        <v>229</v>
      </c>
      <c r="E38114" s="15">
        <v>45530</v>
      </c>
      <c r="F38114" s="14" t="s">
        <v>53</v>
      </c>
      <c r="G38114" s="16">
        <v>0.10413369406338575</v>
      </c>
    </row>
    <row r="38115" spans="1:7" x14ac:dyDescent="0.3">
      <c r="A38115" s="13" t="s">
        <v>228</v>
      </c>
      <c r="B38115" s="14" t="s">
        <v>1</v>
      </c>
      <c r="C38115" s="14" t="s">
        <v>70</v>
      </c>
      <c r="D38115" s="14" t="s">
        <v>229</v>
      </c>
      <c r="E38115" s="15">
        <v>45531</v>
      </c>
      <c r="F38115" s="14" t="s">
        <v>53</v>
      </c>
      <c r="G38115" s="16">
        <v>0.11440287738835299</v>
      </c>
    </row>
    <row r="38116" spans="1:7" x14ac:dyDescent="0.3">
      <c r="A38116" s="13" t="s">
        <v>228</v>
      </c>
      <c r="B38116" s="14" t="s">
        <v>1</v>
      </c>
      <c r="C38116" s="14" t="s">
        <v>70</v>
      </c>
      <c r="D38116" s="14" t="s">
        <v>229</v>
      </c>
      <c r="E38116" s="15">
        <v>45532</v>
      </c>
      <c r="F38116" s="14" t="s">
        <v>53</v>
      </c>
      <c r="G38116" s="16">
        <v>0.12755415641848922</v>
      </c>
    </row>
    <row r="38117" spans="1:7" x14ac:dyDescent="0.3">
      <c r="A38117" s="13" t="s">
        <v>228</v>
      </c>
      <c r="B38117" s="14" t="s">
        <v>1</v>
      </c>
      <c r="C38117" s="14" t="s">
        <v>70</v>
      </c>
      <c r="D38117" s="14" t="s">
        <v>229</v>
      </c>
      <c r="E38117" s="15">
        <v>45533</v>
      </c>
      <c r="F38117" s="14" t="s">
        <v>53</v>
      </c>
      <c r="G38117" s="16">
        <v>0.13196835656138051</v>
      </c>
    </row>
    <row r="38118" spans="1:7" x14ac:dyDescent="0.3">
      <c r="A38118" s="13" t="s">
        <v>228</v>
      </c>
      <c r="B38118" s="14" t="s">
        <v>1</v>
      </c>
      <c r="C38118" s="14" t="s">
        <v>70</v>
      </c>
      <c r="D38118" s="14" t="s">
        <v>229</v>
      </c>
      <c r="E38118" s="15">
        <v>45534</v>
      </c>
      <c r="F38118" s="14" t="s">
        <v>53</v>
      </c>
      <c r="G38118" s="16">
        <v>0.13981584855816928</v>
      </c>
    </row>
    <row r="38119" spans="1:7" x14ac:dyDescent="0.3">
      <c r="A38119" s="13" t="s">
        <v>228</v>
      </c>
      <c r="B38119" s="14" t="s">
        <v>1</v>
      </c>
      <c r="C38119" s="14" t="s">
        <v>70</v>
      </c>
      <c r="D38119" s="14" t="s">
        <v>229</v>
      </c>
      <c r="E38119" s="15">
        <v>45535</v>
      </c>
      <c r="F38119" s="14" t="s">
        <v>53</v>
      </c>
      <c r="G38119" s="16">
        <v>0.13981584855816928</v>
      </c>
    </row>
    <row r="38120" spans="1:7" x14ac:dyDescent="0.3">
      <c r="A38120" s="13" t="s">
        <v>228</v>
      </c>
      <c r="B38120" s="14" t="s">
        <v>1</v>
      </c>
      <c r="C38120" s="14" t="s">
        <v>70</v>
      </c>
      <c r="D38120" s="14" t="s">
        <v>229</v>
      </c>
      <c r="E38120" s="15">
        <v>45536</v>
      </c>
      <c r="F38120" s="14" t="s">
        <v>53</v>
      </c>
      <c r="G38120" s="16">
        <v>0.13981584855816928</v>
      </c>
    </row>
    <row r="38121" spans="1:7" x14ac:dyDescent="0.3">
      <c r="A38121" s="13" t="s">
        <v>228</v>
      </c>
      <c r="B38121" s="14" t="s">
        <v>1</v>
      </c>
      <c r="C38121" s="14" t="s">
        <v>70</v>
      </c>
      <c r="D38121" s="14" t="s">
        <v>229</v>
      </c>
      <c r="E38121" s="15">
        <v>45537</v>
      </c>
      <c r="F38121" s="14" t="s">
        <v>53</v>
      </c>
      <c r="G38121" s="16">
        <v>0.14897568915353826</v>
      </c>
    </row>
    <row r="38122" spans="1:7" x14ac:dyDescent="0.3">
      <c r="A38122" s="13" t="s">
        <v>228</v>
      </c>
      <c r="B38122" s="14" t="s">
        <v>1</v>
      </c>
      <c r="C38122" s="14" t="s">
        <v>70</v>
      </c>
      <c r="D38122" s="14" t="s">
        <v>229</v>
      </c>
      <c r="E38122" s="15">
        <v>45538</v>
      </c>
      <c r="F38122" s="14" t="s">
        <v>53</v>
      </c>
      <c r="G38122" s="16">
        <v>0.15507707664406392</v>
      </c>
    </row>
    <row r="38123" spans="1:7" x14ac:dyDescent="0.3">
      <c r="A38123" s="13" t="s">
        <v>228</v>
      </c>
      <c r="B38123" s="14" t="s">
        <v>1</v>
      </c>
      <c r="C38123" s="14" t="s">
        <v>70</v>
      </c>
      <c r="D38123" s="14" t="s">
        <v>229</v>
      </c>
      <c r="E38123" s="15">
        <v>45539</v>
      </c>
      <c r="F38123" s="14" t="s">
        <v>53</v>
      </c>
      <c r="G38123" s="16">
        <v>0.15829578236654393</v>
      </c>
    </row>
    <row r="38124" spans="1:7" x14ac:dyDescent="0.3">
      <c r="A38124" s="13" t="s">
        <v>228</v>
      </c>
      <c r="B38124" s="14" t="s">
        <v>1</v>
      </c>
      <c r="C38124" s="14" t="s">
        <v>70</v>
      </c>
      <c r="D38124" s="14" t="s">
        <v>229</v>
      </c>
      <c r="E38124" s="15">
        <v>45540</v>
      </c>
      <c r="F38124" s="14" t="s">
        <v>53</v>
      </c>
      <c r="G38124" s="16">
        <v>0.16982377942153998</v>
      </c>
    </row>
    <row r="38125" spans="1:7" x14ac:dyDescent="0.3">
      <c r="A38125" s="13" t="s">
        <v>228</v>
      </c>
      <c r="B38125" s="14" t="s">
        <v>1</v>
      </c>
      <c r="C38125" s="14" t="s">
        <v>70</v>
      </c>
      <c r="D38125" s="14" t="s">
        <v>229</v>
      </c>
      <c r="E38125" s="15">
        <v>45541</v>
      </c>
      <c r="F38125" s="14" t="s">
        <v>53</v>
      </c>
      <c r="G38125" s="16">
        <v>0.17413613016627025</v>
      </c>
    </row>
    <row r="38126" spans="1:7" x14ac:dyDescent="0.3">
      <c r="A38126" s="13" t="s">
        <v>228</v>
      </c>
      <c r="B38126" s="14" t="s">
        <v>1</v>
      </c>
      <c r="C38126" s="14" t="s">
        <v>70</v>
      </c>
      <c r="D38126" s="14" t="s">
        <v>229</v>
      </c>
      <c r="E38126" s="15">
        <v>45542</v>
      </c>
      <c r="F38126" s="14" t="s">
        <v>53</v>
      </c>
      <c r="G38126" s="16">
        <v>0.17413613016627025</v>
      </c>
    </row>
    <row r="38127" spans="1:7" x14ac:dyDescent="0.3">
      <c r="A38127" s="13" t="s">
        <v>228</v>
      </c>
      <c r="B38127" s="14" t="s">
        <v>1</v>
      </c>
      <c r="C38127" s="14" t="s">
        <v>70</v>
      </c>
      <c r="D38127" s="14" t="s">
        <v>229</v>
      </c>
      <c r="E38127" s="15">
        <v>45543</v>
      </c>
      <c r="F38127" s="14" t="s">
        <v>53</v>
      </c>
      <c r="G38127" s="16">
        <v>0.17413613016627025</v>
      </c>
    </row>
    <row r="38128" spans="1:7" x14ac:dyDescent="0.3">
      <c r="A38128" s="13" t="s">
        <v>228</v>
      </c>
      <c r="B38128" s="14" t="s">
        <v>1</v>
      </c>
      <c r="C38128" s="14" t="s">
        <v>70</v>
      </c>
      <c r="D38128" s="14" t="s">
        <v>229</v>
      </c>
      <c r="E38128" s="15">
        <v>45544</v>
      </c>
      <c r="F38128" s="14" t="s">
        <v>53</v>
      </c>
      <c r="G38128" s="16">
        <v>0.17837339865705321</v>
      </c>
    </row>
    <row r="38129" spans="1:7" x14ac:dyDescent="0.3">
      <c r="A38129" s="13" t="s">
        <v>228</v>
      </c>
      <c r="B38129" s="14" t="s">
        <v>1</v>
      </c>
      <c r="C38129" s="14" t="s">
        <v>70</v>
      </c>
      <c r="D38129" s="14" t="s">
        <v>229</v>
      </c>
      <c r="E38129" s="15">
        <v>45545</v>
      </c>
      <c r="F38129" s="14" t="s">
        <v>53</v>
      </c>
      <c r="G38129" s="16">
        <v>0.19020654216330868</v>
      </c>
    </row>
    <row r="38130" spans="1:7" x14ac:dyDescent="0.3">
      <c r="A38130" s="13" t="s">
        <v>228</v>
      </c>
      <c r="B38130" s="14" t="s">
        <v>1</v>
      </c>
      <c r="C38130" s="14" t="s">
        <v>70</v>
      </c>
      <c r="D38130" s="14" t="s">
        <v>229</v>
      </c>
      <c r="E38130" s="15">
        <v>45546</v>
      </c>
      <c r="F38130" s="14" t="s">
        <v>53</v>
      </c>
      <c r="G38130" s="16">
        <v>0.19743451852985383</v>
      </c>
    </row>
    <row r="38131" spans="1:7" x14ac:dyDescent="0.3">
      <c r="A38131" s="13" t="s">
        <v>228</v>
      </c>
      <c r="B38131" s="14" t="s">
        <v>1</v>
      </c>
      <c r="C38131" s="14" t="s">
        <v>70</v>
      </c>
      <c r="D38131" s="14" t="s">
        <v>229</v>
      </c>
      <c r="E38131" s="15">
        <v>45547</v>
      </c>
      <c r="F38131" s="14" t="s">
        <v>53</v>
      </c>
      <c r="G38131" s="16">
        <v>0.1998399825390568</v>
      </c>
    </row>
    <row r="38132" spans="1:7" x14ac:dyDescent="0.3">
      <c r="A38132" s="13" t="s">
        <v>228</v>
      </c>
      <c r="B38132" s="14" t="s">
        <v>1</v>
      </c>
      <c r="C38132" s="14" t="s">
        <v>70</v>
      </c>
      <c r="D38132" s="14" t="s">
        <v>229</v>
      </c>
      <c r="E38132" s="15">
        <v>45548</v>
      </c>
      <c r="F38132" s="14" t="s">
        <v>53</v>
      </c>
      <c r="G38132" s="16">
        <v>0.22532893859188308</v>
      </c>
    </row>
    <row r="38133" spans="1:7" x14ac:dyDescent="0.3">
      <c r="A38133" s="13" t="s">
        <v>228</v>
      </c>
      <c r="B38133" s="14" t="s">
        <v>1</v>
      </c>
      <c r="C38133" s="14" t="s">
        <v>70</v>
      </c>
      <c r="D38133" s="14" t="s">
        <v>229</v>
      </c>
      <c r="E38133" s="15">
        <v>45549</v>
      </c>
      <c r="F38133" s="14" t="s">
        <v>53</v>
      </c>
      <c r="G38133" s="16">
        <v>0.22532893859188308</v>
      </c>
    </row>
    <row r="38134" spans="1:7" x14ac:dyDescent="0.3">
      <c r="A38134" s="13" t="s">
        <v>228</v>
      </c>
      <c r="B38134" s="14" t="s">
        <v>1</v>
      </c>
      <c r="C38134" s="14" t="s">
        <v>70</v>
      </c>
      <c r="D38134" s="14" t="s">
        <v>229</v>
      </c>
      <c r="E38134" s="15">
        <v>45550</v>
      </c>
      <c r="F38134" s="14" t="s">
        <v>53</v>
      </c>
      <c r="G38134" s="16">
        <v>0.22532893859188308</v>
      </c>
    </row>
    <row r="38135" spans="1:7" x14ac:dyDescent="0.3">
      <c r="A38135" s="13" t="s">
        <v>228</v>
      </c>
      <c r="B38135" s="14" t="s">
        <v>1</v>
      </c>
      <c r="C38135" s="14" t="s">
        <v>70</v>
      </c>
      <c r="D38135" s="14" t="s">
        <v>229</v>
      </c>
      <c r="E38135" s="15">
        <v>45551</v>
      </c>
      <c r="F38135" s="14" t="s">
        <v>53</v>
      </c>
      <c r="G38135" s="16">
        <v>0.23869249877936166</v>
      </c>
    </row>
    <row r="38136" spans="1:7" x14ac:dyDescent="0.3">
      <c r="A38136" s="13" t="s">
        <v>228</v>
      </c>
      <c r="B38136" s="14" t="s">
        <v>1</v>
      </c>
      <c r="C38136" s="14" t="s">
        <v>70</v>
      </c>
      <c r="D38136" s="14" t="s">
        <v>229</v>
      </c>
      <c r="E38136" s="15">
        <v>45552</v>
      </c>
      <c r="F38136" s="14" t="s">
        <v>53</v>
      </c>
      <c r="G38136" s="16">
        <v>0.25272538295712466</v>
      </c>
    </row>
    <row r="38137" spans="1:7" x14ac:dyDescent="0.3">
      <c r="A38137" s="13" t="s">
        <v>228</v>
      </c>
      <c r="B38137" s="14" t="s">
        <v>1</v>
      </c>
      <c r="C38137" s="14" t="s">
        <v>70</v>
      </c>
      <c r="D38137" s="14" t="s">
        <v>229</v>
      </c>
      <c r="E38137" s="15">
        <v>45553</v>
      </c>
      <c r="F38137" s="14" t="s">
        <v>53</v>
      </c>
      <c r="G38137" s="16">
        <v>0.25639137807869777</v>
      </c>
    </row>
    <row r="38138" spans="1:7" x14ac:dyDescent="0.3">
      <c r="A38138" s="13" t="s">
        <v>228</v>
      </c>
      <c r="B38138" s="14" t="s">
        <v>1</v>
      </c>
      <c r="C38138" s="14" t="s">
        <v>70</v>
      </c>
      <c r="D38138" s="14" t="s">
        <v>229</v>
      </c>
      <c r="E38138" s="15">
        <v>45554</v>
      </c>
      <c r="F38138" s="14" t="s">
        <v>53</v>
      </c>
      <c r="G38138" s="16">
        <v>0.25852757289586814</v>
      </c>
    </row>
    <row r="38139" spans="1:7" x14ac:dyDescent="0.3">
      <c r="A38139" s="13" t="s">
        <v>228</v>
      </c>
      <c r="B38139" s="14" t="s">
        <v>1</v>
      </c>
      <c r="C38139" s="14" t="s">
        <v>70</v>
      </c>
      <c r="D38139" s="14" t="s">
        <v>229</v>
      </c>
      <c r="E38139" s="15">
        <v>45555</v>
      </c>
      <c r="F38139" s="14" t="s">
        <v>53</v>
      </c>
      <c r="G38139" s="16">
        <v>0.26128087779443704</v>
      </c>
    </row>
    <row r="38140" spans="1:7" x14ac:dyDescent="0.3">
      <c r="A38140" s="13" t="s">
        <v>228</v>
      </c>
      <c r="B38140" s="14" t="s">
        <v>1</v>
      </c>
      <c r="C38140" s="14" t="s">
        <v>70</v>
      </c>
      <c r="D38140" s="14" t="s">
        <v>229</v>
      </c>
      <c r="E38140" s="15">
        <v>45556</v>
      </c>
      <c r="F38140" s="14" t="s">
        <v>53</v>
      </c>
      <c r="G38140" s="16">
        <v>0.26128087779443704</v>
      </c>
    </row>
    <row r="38141" spans="1:7" x14ac:dyDescent="0.3">
      <c r="A38141" s="13" t="s">
        <v>228</v>
      </c>
      <c r="B38141" s="14" t="s">
        <v>1</v>
      </c>
      <c r="C38141" s="14" t="s">
        <v>70</v>
      </c>
      <c r="D38141" s="14" t="s">
        <v>229</v>
      </c>
      <c r="E38141" s="15">
        <v>45557</v>
      </c>
      <c r="F38141" s="14" t="s">
        <v>53</v>
      </c>
      <c r="G38141" s="16">
        <v>0.26128087779443704</v>
      </c>
    </row>
    <row r="38142" spans="1:7" x14ac:dyDescent="0.3">
      <c r="A38142" s="13" t="s">
        <v>228</v>
      </c>
      <c r="B38142" s="14" t="s">
        <v>1</v>
      </c>
      <c r="C38142" s="14" t="s">
        <v>70</v>
      </c>
      <c r="D38142" s="14" t="s">
        <v>229</v>
      </c>
      <c r="E38142" s="15">
        <v>45558</v>
      </c>
      <c r="F38142" s="14" t="s">
        <v>53</v>
      </c>
      <c r="G38142" s="16">
        <v>0.26429332800814787</v>
      </c>
    </row>
    <row r="38143" spans="1:7" x14ac:dyDescent="0.3">
      <c r="A38143" s="13" t="s">
        <v>228</v>
      </c>
      <c r="B38143" s="14" t="s">
        <v>1</v>
      </c>
      <c r="C38143" s="14" t="s">
        <v>70</v>
      </c>
      <c r="D38143" s="14" t="s">
        <v>229</v>
      </c>
      <c r="E38143" s="15">
        <v>45559</v>
      </c>
      <c r="F38143" s="14" t="s">
        <v>53</v>
      </c>
      <c r="G38143" s="16">
        <v>0.27473410957131611</v>
      </c>
    </row>
    <row r="38144" spans="1:7" x14ac:dyDescent="0.3">
      <c r="A38144" s="13" t="s">
        <v>228</v>
      </c>
      <c r="B38144" s="14" t="s">
        <v>1</v>
      </c>
      <c r="C38144" s="14" t="s">
        <v>70</v>
      </c>
      <c r="D38144" s="14" t="s">
        <v>229</v>
      </c>
      <c r="E38144" s="15">
        <v>45560</v>
      </c>
      <c r="F38144" s="14" t="s">
        <v>53</v>
      </c>
      <c r="G38144" s="16">
        <v>0.28014400294461639</v>
      </c>
    </row>
    <row r="38145" spans="1:7" x14ac:dyDescent="0.3">
      <c r="A38145" s="13" t="s">
        <v>228</v>
      </c>
      <c r="B38145" s="14" t="s">
        <v>1</v>
      </c>
      <c r="C38145" s="14" t="s">
        <v>70</v>
      </c>
      <c r="D38145" s="14" t="s">
        <v>229</v>
      </c>
      <c r="E38145" s="15">
        <v>45561</v>
      </c>
      <c r="F38145" s="14" t="s">
        <v>53</v>
      </c>
      <c r="G38145" s="16">
        <v>0.28865096090686676</v>
      </c>
    </row>
    <row r="38146" spans="1:7" x14ac:dyDescent="0.3">
      <c r="A38146" s="13" t="s">
        <v>228</v>
      </c>
      <c r="B38146" s="14" t="s">
        <v>1</v>
      </c>
      <c r="C38146" s="14" t="s">
        <v>70</v>
      </c>
      <c r="D38146" s="14" t="s">
        <v>229</v>
      </c>
      <c r="E38146" s="15">
        <v>45562</v>
      </c>
      <c r="F38146" s="14" t="s">
        <v>53</v>
      </c>
      <c r="G38146" s="16">
        <v>0.2971792295887376</v>
      </c>
    </row>
    <row r="38147" spans="1:7" x14ac:dyDescent="0.3">
      <c r="A38147" s="13" t="s">
        <v>228</v>
      </c>
      <c r="B38147" s="14" t="s">
        <v>1</v>
      </c>
      <c r="C38147" s="14" t="s">
        <v>70</v>
      </c>
      <c r="D38147" s="14" t="s">
        <v>229</v>
      </c>
      <c r="E38147" s="15">
        <v>45563</v>
      </c>
      <c r="F38147" s="14" t="s">
        <v>53</v>
      </c>
      <c r="G38147" s="16">
        <v>0.2971792295887376</v>
      </c>
    </row>
    <row r="38148" spans="1:7" x14ac:dyDescent="0.3">
      <c r="A38148" s="13" t="s">
        <v>228</v>
      </c>
      <c r="B38148" s="14" t="s">
        <v>1</v>
      </c>
      <c r="C38148" s="14" t="s">
        <v>70</v>
      </c>
      <c r="D38148" s="14" t="s">
        <v>229</v>
      </c>
      <c r="E38148" s="15">
        <v>45564</v>
      </c>
      <c r="F38148" s="14" t="s">
        <v>53</v>
      </c>
      <c r="G38148" s="16">
        <v>0.2971792295887376</v>
      </c>
    </row>
    <row r="38149" spans="1:7" x14ac:dyDescent="0.3">
      <c r="A38149" s="13" t="s">
        <v>228</v>
      </c>
      <c r="B38149" s="14" t="s">
        <v>1</v>
      </c>
      <c r="C38149" s="14" t="s">
        <v>70</v>
      </c>
      <c r="D38149" s="14" t="s">
        <v>229</v>
      </c>
      <c r="E38149" s="15">
        <v>45565</v>
      </c>
      <c r="F38149" s="14" t="s">
        <v>53</v>
      </c>
      <c r="G38149" s="16">
        <v>0.31514268485184238</v>
      </c>
    </row>
    <row r="38150" spans="1:7" x14ac:dyDescent="0.3">
      <c r="A38150" s="13" t="s">
        <v>228</v>
      </c>
      <c r="B38150" s="14" t="s">
        <v>1</v>
      </c>
      <c r="C38150" s="14" t="s">
        <v>70</v>
      </c>
      <c r="D38150" s="14" t="s">
        <v>229</v>
      </c>
      <c r="E38150" s="15">
        <v>45566</v>
      </c>
      <c r="F38150" s="14" t="s">
        <v>53</v>
      </c>
      <c r="G38150" s="16">
        <v>0</v>
      </c>
    </row>
    <row r="38151" spans="1:7" x14ac:dyDescent="0.3">
      <c r="A38151" s="13" t="s">
        <v>228</v>
      </c>
      <c r="B38151" s="14" t="s">
        <v>1</v>
      </c>
      <c r="C38151" s="14" t="s">
        <v>70</v>
      </c>
      <c r="D38151" s="14" t="s">
        <v>229</v>
      </c>
      <c r="E38151" s="15">
        <v>45567</v>
      </c>
      <c r="F38151" s="14" t="s">
        <v>53</v>
      </c>
      <c r="G38151" s="16">
        <v>0</v>
      </c>
    </row>
    <row r="38152" spans="1:7" x14ac:dyDescent="0.3">
      <c r="A38152" s="13" t="s">
        <v>228</v>
      </c>
      <c r="B38152" s="14" t="s">
        <v>1</v>
      </c>
      <c r="C38152" s="14" t="s">
        <v>70</v>
      </c>
      <c r="D38152" s="14" t="s">
        <v>229</v>
      </c>
      <c r="E38152" s="15">
        <v>45568</v>
      </c>
      <c r="F38152" s="14" t="s">
        <v>53</v>
      </c>
      <c r="G38152" s="16">
        <v>0</v>
      </c>
    </row>
    <row r="38153" spans="1:7" x14ac:dyDescent="0.3">
      <c r="A38153" s="13" t="s">
        <v>228</v>
      </c>
      <c r="B38153" s="14" t="s">
        <v>1</v>
      </c>
      <c r="C38153" s="14" t="s">
        <v>70</v>
      </c>
      <c r="D38153" s="14" t="s">
        <v>229</v>
      </c>
      <c r="E38153" s="15">
        <v>45569</v>
      </c>
      <c r="F38153" s="14" t="s">
        <v>53</v>
      </c>
      <c r="G38153" s="16">
        <v>0</v>
      </c>
    </row>
    <row r="38154" spans="1:7" x14ac:dyDescent="0.3">
      <c r="A38154" s="13" t="s">
        <v>228</v>
      </c>
      <c r="B38154" s="14" t="s">
        <v>1</v>
      </c>
      <c r="C38154" s="14" t="s">
        <v>70</v>
      </c>
      <c r="D38154" s="14" t="s">
        <v>229</v>
      </c>
      <c r="E38154" s="15">
        <v>45570</v>
      </c>
      <c r="F38154" s="14" t="s">
        <v>53</v>
      </c>
      <c r="G38154" s="16">
        <v>0</v>
      </c>
    </row>
    <row r="38155" spans="1:7" x14ac:dyDescent="0.3">
      <c r="A38155" s="13" t="s">
        <v>228</v>
      </c>
      <c r="B38155" s="14" t="s">
        <v>1</v>
      </c>
      <c r="C38155" s="14" t="s">
        <v>70</v>
      </c>
      <c r="D38155" s="14" t="s">
        <v>229</v>
      </c>
      <c r="E38155" s="15">
        <v>45571</v>
      </c>
      <c r="F38155" s="14" t="s">
        <v>53</v>
      </c>
      <c r="G38155" s="16">
        <v>0</v>
      </c>
    </row>
    <row r="38156" spans="1:7" x14ac:dyDescent="0.3">
      <c r="A38156" s="13" t="s">
        <v>228</v>
      </c>
      <c r="B38156" s="14" t="s">
        <v>1</v>
      </c>
      <c r="C38156" s="14" t="s">
        <v>70</v>
      </c>
      <c r="D38156" s="14" t="s">
        <v>229</v>
      </c>
      <c r="E38156" s="15">
        <v>45572</v>
      </c>
      <c r="F38156" s="14" t="s">
        <v>53</v>
      </c>
      <c r="G38156" s="16">
        <v>0</v>
      </c>
    </row>
    <row r="38157" spans="1:7" x14ac:dyDescent="0.3">
      <c r="A38157" s="13" t="s">
        <v>228</v>
      </c>
      <c r="B38157" s="14" t="s">
        <v>1</v>
      </c>
      <c r="C38157" s="14" t="s">
        <v>70</v>
      </c>
      <c r="D38157" s="14" t="s">
        <v>229</v>
      </c>
      <c r="E38157" s="15">
        <v>45573</v>
      </c>
      <c r="F38157" s="14" t="s">
        <v>53</v>
      </c>
      <c r="G38157" s="16">
        <v>0</v>
      </c>
    </row>
    <row r="38158" spans="1:7" x14ac:dyDescent="0.3">
      <c r="A38158" s="13" t="s">
        <v>228</v>
      </c>
      <c r="B38158" s="14" t="s">
        <v>1</v>
      </c>
      <c r="C38158" s="14" t="s">
        <v>70</v>
      </c>
      <c r="D38158" s="14" t="s">
        <v>229</v>
      </c>
      <c r="E38158" s="15">
        <v>45574</v>
      </c>
      <c r="F38158" s="14" t="s">
        <v>53</v>
      </c>
      <c r="G38158" s="16">
        <v>0</v>
      </c>
    </row>
    <row r="38159" spans="1:7" x14ac:dyDescent="0.3">
      <c r="A38159" s="13" t="s">
        <v>228</v>
      </c>
      <c r="B38159" s="14" t="s">
        <v>1</v>
      </c>
      <c r="C38159" s="14" t="s">
        <v>70</v>
      </c>
      <c r="D38159" s="14" t="s">
        <v>229</v>
      </c>
      <c r="E38159" s="15">
        <v>45575</v>
      </c>
      <c r="F38159" s="14" t="s">
        <v>53</v>
      </c>
      <c r="G38159" s="16">
        <v>0</v>
      </c>
    </row>
    <row r="38160" spans="1:7" x14ac:dyDescent="0.3">
      <c r="A38160" s="13" t="s">
        <v>228</v>
      </c>
      <c r="B38160" s="14" t="s">
        <v>1</v>
      </c>
      <c r="C38160" s="14" t="s">
        <v>70</v>
      </c>
      <c r="D38160" s="14" t="s">
        <v>229</v>
      </c>
      <c r="E38160" s="15">
        <v>45576</v>
      </c>
      <c r="F38160" s="14" t="s">
        <v>53</v>
      </c>
      <c r="G38160" s="16">
        <v>0</v>
      </c>
    </row>
    <row r="38161" spans="1:7" x14ac:dyDescent="0.3">
      <c r="A38161" s="13" t="s">
        <v>228</v>
      </c>
      <c r="B38161" s="14" t="s">
        <v>1</v>
      </c>
      <c r="C38161" s="14" t="s">
        <v>70</v>
      </c>
      <c r="D38161" s="14" t="s">
        <v>229</v>
      </c>
      <c r="E38161" s="15">
        <v>45577</v>
      </c>
      <c r="F38161" s="14" t="s">
        <v>53</v>
      </c>
      <c r="G38161" s="16">
        <v>0</v>
      </c>
    </row>
    <row r="38162" spans="1:7" x14ac:dyDescent="0.3">
      <c r="A38162" s="13" t="s">
        <v>228</v>
      </c>
      <c r="B38162" s="14" t="s">
        <v>1</v>
      </c>
      <c r="C38162" s="14" t="s">
        <v>70</v>
      </c>
      <c r="D38162" s="14" t="s">
        <v>229</v>
      </c>
      <c r="E38162" s="15">
        <v>45578</v>
      </c>
      <c r="F38162" s="14" t="s">
        <v>53</v>
      </c>
      <c r="G38162" s="16">
        <v>0</v>
      </c>
    </row>
    <row r="38163" spans="1:7" x14ac:dyDescent="0.3">
      <c r="A38163" s="13" t="s">
        <v>228</v>
      </c>
      <c r="B38163" s="14" t="s">
        <v>1</v>
      </c>
      <c r="C38163" s="14" t="s">
        <v>70</v>
      </c>
      <c r="D38163" s="14" t="s">
        <v>229</v>
      </c>
      <c r="E38163" s="15">
        <v>45579</v>
      </c>
      <c r="F38163" s="14" t="s">
        <v>53</v>
      </c>
      <c r="G38163" s="16">
        <v>0</v>
      </c>
    </row>
    <row r="38164" spans="1:7" x14ac:dyDescent="0.3">
      <c r="A38164" s="13" t="s">
        <v>228</v>
      </c>
      <c r="B38164" s="14" t="s">
        <v>1</v>
      </c>
      <c r="C38164" s="14" t="s">
        <v>70</v>
      </c>
      <c r="D38164" s="14" t="s">
        <v>229</v>
      </c>
      <c r="E38164" s="15">
        <v>45580</v>
      </c>
      <c r="F38164" s="14" t="s">
        <v>53</v>
      </c>
      <c r="G38164" s="16">
        <v>0</v>
      </c>
    </row>
    <row r="38165" spans="1:7" x14ac:dyDescent="0.3">
      <c r="A38165" s="13" t="s">
        <v>228</v>
      </c>
      <c r="B38165" s="14" t="s">
        <v>1</v>
      </c>
      <c r="C38165" s="14" t="s">
        <v>70</v>
      </c>
      <c r="D38165" s="14" t="s">
        <v>229</v>
      </c>
      <c r="E38165" s="15">
        <v>45581</v>
      </c>
      <c r="F38165" s="14" t="s">
        <v>53</v>
      </c>
      <c r="G38165" s="16">
        <v>0</v>
      </c>
    </row>
    <row r="38166" spans="1:7" x14ac:dyDescent="0.3">
      <c r="A38166" s="13" t="s">
        <v>228</v>
      </c>
      <c r="B38166" s="14" t="s">
        <v>1</v>
      </c>
      <c r="C38166" s="14" t="s">
        <v>70</v>
      </c>
      <c r="D38166" s="14" t="s">
        <v>229</v>
      </c>
      <c r="E38166" s="15">
        <v>45582</v>
      </c>
      <c r="F38166" s="14" t="s">
        <v>53</v>
      </c>
      <c r="G38166" s="16">
        <v>0</v>
      </c>
    </row>
    <row r="38167" spans="1:7" x14ac:dyDescent="0.3">
      <c r="A38167" s="13" t="s">
        <v>228</v>
      </c>
      <c r="B38167" s="14" t="s">
        <v>1</v>
      </c>
      <c r="C38167" s="14" t="s">
        <v>70</v>
      </c>
      <c r="D38167" s="14" t="s">
        <v>229</v>
      </c>
      <c r="E38167" s="15">
        <v>45583</v>
      </c>
      <c r="F38167" s="14" t="s">
        <v>53</v>
      </c>
      <c r="G38167" s="16">
        <v>0</v>
      </c>
    </row>
    <row r="38168" spans="1:7" x14ac:dyDescent="0.3">
      <c r="A38168" s="13" t="s">
        <v>228</v>
      </c>
      <c r="B38168" s="14" t="s">
        <v>1</v>
      </c>
      <c r="C38168" s="14" t="s">
        <v>70</v>
      </c>
      <c r="D38168" s="14" t="s">
        <v>229</v>
      </c>
      <c r="E38168" s="15">
        <v>45584</v>
      </c>
      <c r="F38168" s="14" t="s">
        <v>53</v>
      </c>
      <c r="G38168" s="16">
        <v>0</v>
      </c>
    </row>
    <row r="38169" spans="1:7" x14ac:dyDescent="0.3">
      <c r="A38169" s="13" t="s">
        <v>228</v>
      </c>
      <c r="B38169" s="14" t="s">
        <v>1</v>
      </c>
      <c r="C38169" s="14" t="s">
        <v>70</v>
      </c>
      <c r="D38169" s="14" t="s">
        <v>229</v>
      </c>
      <c r="E38169" s="15">
        <v>45585</v>
      </c>
      <c r="F38169" s="14" t="s">
        <v>53</v>
      </c>
      <c r="G38169" s="16">
        <v>0</v>
      </c>
    </row>
    <row r="38170" spans="1:7" x14ac:dyDescent="0.3">
      <c r="A38170" s="13" t="s">
        <v>228</v>
      </c>
      <c r="B38170" s="14" t="s">
        <v>1</v>
      </c>
      <c r="C38170" s="14" t="s">
        <v>70</v>
      </c>
      <c r="D38170" s="14" t="s">
        <v>229</v>
      </c>
      <c r="E38170" s="15">
        <v>45586</v>
      </c>
      <c r="F38170" s="14" t="s">
        <v>53</v>
      </c>
      <c r="G38170" s="16">
        <v>0</v>
      </c>
    </row>
    <row r="38171" spans="1:7" x14ac:dyDescent="0.3">
      <c r="A38171" s="13" t="s">
        <v>228</v>
      </c>
      <c r="B38171" s="14" t="s">
        <v>1</v>
      </c>
      <c r="C38171" s="14" t="s">
        <v>70</v>
      </c>
      <c r="D38171" s="14" t="s">
        <v>229</v>
      </c>
      <c r="E38171" s="15">
        <v>45587</v>
      </c>
      <c r="F38171" s="14" t="s">
        <v>53</v>
      </c>
      <c r="G38171" s="16">
        <v>0</v>
      </c>
    </row>
    <row r="38172" spans="1:7" x14ac:dyDescent="0.3">
      <c r="A38172" s="13" t="s">
        <v>228</v>
      </c>
      <c r="B38172" s="14" t="s">
        <v>1</v>
      </c>
      <c r="C38172" s="14" t="s">
        <v>70</v>
      </c>
      <c r="D38172" s="14" t="s">
        <v>229</v>
      </c>
      <c r="E38172" s="15">
        <v>45588</v>
      </c>
      <c r="F38172" s="14" t="s">
        <v>53</v>
      </c>
      <c r="G38172" s="16">
        <v>0</v>
      </c>
    </row>
    <row r="38173" spans="1:7" x14ac:dyDescent="0.3">
      <c r="A38173" s="13" t="s">
        <v>228</v>
      </c>
      <c r="B38173" s="14" t="s">
        <v>1</v>
      </c>
      <c r="C38173" s="14" t="s">
        <v>70</v>
      </c>
      <c r="D38173" s="14" t="s">
        <v>229</v>
      </c>
      <c r="E38173" s="15">
        <v>45589</v>
      </c>
      <c r="F38173" s="14" t="s">
        <v>53</v>
      </c>
      <c r="G38173" s="16">
        <v>0</v>
      </c>
    </row>
    <row r="38174" spans="1:7" x14ac:dyDescent="0.3">
      <c r="A38174" s="13" t="s">
        <v>228</v>
      </c>
      <c r="B38174" s="14" t="s">
        <v>1</v>
      </c>
      <c r="C38174" s="14" t="s">
        <v>70</v>
      </c>
      <c r="D38174" s="14" t="s">
        <v>229</v>
      </c>
      <c r="E38174" s="15">
        <v>45590</v>
      </c>
      <c r="F38174" s="14" t="s">
        <v>53</v>
      </c>
      <c r="G38174" s="16">
        <v>0</v>
      </c>
    </row>
    <row r="38175" spans="1:7" x14ac:dyDescent="0.3">
      <c r="A38175" s="13" t="s">
        <v>228</v>
      </c>
      <c r="B38175" s="14" t="s">
        <v>1</v>
      </c>
      <c r="C38175" s="14" t="s">
        <v>70</v>
      </c>
      <c r="D38175" s="14" t="s">
        <v>229</v>
      </c>
      <c r="E38175" s="15">
        <v>45591</v>
      </c>
      <c r="F38175" s="14" t="s">
        <v>53</v>
      </c>
      <c r="G38175" s="16">
        <v>0</v>
      </c>
    </row>
    <row r="38176" spans="1:7" x14ac:dyDescent="0.3">
      <c r="A38176" s="13" t="s">
        <v>228</v>
      </c>
      <c r="B38176" s="14" t="s">
        <v>1</v>
      </c>
      <c r="C38176" s="14" t="s">
        <v>70</v>
      </c>
      <c r="D38176" s="14" t="s">
        <v>229</v>
      </c>
      <c r="E38176" s="15">
        <v>45592</v>
      </c>
      <c r="F38176" s="14" t="s">
        <v>53</v>
      </c>
      <c r="G38176" s="16">
        <v>0</v>
      </c>
    </row>
    <row r="38177" spans="1:7" x14ac:dyDescent="0.3">
      <c r="A38177" s="13" t="s">
        <v>228</v>
      </c>
      <c r="B38177" s="14" t="s">
        <v>1</v>
      </c>
      <c r="C38177" s="14" t="s">
        <v>70</v>
      </c>
      <c r="D38177" s="14" t="s">
        <v>229</v>
      </c>
      <c r="E38177" s="15">
        <v>45593</v>
      </c>
      <c r="F38177" s="14" t="s">
        <v>53</v>
      </c>
      <c r="G38177" s="16">
        <v>0</v>
      </c>
    </row>
    <row r="38178" spans="1:7" x14ac:dyDescent="0.3">
      <c r="A38178" s="13" t="s">
        <v>228</v>
      </c>
      <c r="B38178" s="14" t="s">
        <v>1</v>
      </c>
      <c r="C38178" s="14" t="s">
        <v>70</v>
      </c>
      <c r="D38178" s="14" t="s">
        <v>229</v>
      </c>
      <c r="E38178" s="15">
        <v>45594</v>
      </c>
      <c r="F38178" s="14" t="s">
        <v>53</v>
      </c>
      <c r="G38178" s="16">
        <v>0</v>
      </c>
    </row>
    <row r="38179" spans="1:7" x14ac:dyDescent="0.3">
      <c r="A38179" s="13" t="s">
        <v>228</v>
      </c>
      <c r="B38179" s="14" t="s">
        <v>1</v>
      </c>
      <c r="C38179" s="14" t="s">
        <v>70</v>
      </c>
      <c r="D38179" s="14" t="s">
        <v>229</v>
      </c>
      <c r="E38179" s="15">
        <v>45595</v>
      </c>
      <c r="F38179" s="14" t="s">
        <v>53</v>
      </c>
      <c r="G38179" s="16">
        <v>0</v>
      </c>
    </row>
    <row r="38180" spans="1:7" x14ac:dyDescent="0.3">
      <c r="A38180" s="13" t="s">
        <v>228</v>
      </c>
      <c r="B38180" s="14" t="s">
        <v>1</v>
      </c>
      <c r="C38180" s="14" t="s">
        <v>70</v>
      </c>
      <c r="D38180" s="14" t="s">
        <v>229</v>
      </c>
      <c r="E38180" s="15">
        <v>45596</v>
      </c>
      <c r="F38180" s="14" t="s">
        <v>53</v>
      </c>
      <c r="G38180" s="16">
        <v>0</v>
      </c>
    </row>
    <row r="38181" spans="1:7" x14ac:dyDescent="0.3">
      <c r="A38181" s="13" t="s">
        <v>228</v>
      </c>
      <c r="B38181" s="14" t="s">
        <v>1</v>
      </c>
      <c r="C38181" s="14" t="s">
        <v>70</v>
      </c>
      <c r="D38181" s="14" t="s">
        <v>229</v>
      </c>
      <c r="E38181" s="15">
        <v>45597</v>
      </c>
      <c r="F38181" s="14" t="s">
        <v>53</v>
      </c>
      <c r="G38181" s="16">
        <v>0</v>
      </c>
    </row>
    <row r="38182" spans="1:7" x14ac:dyDescent="0.3">
      <c r="A38182" s="13" t="s">
        <v>228</v>
      </c>
      <c r="B38182" s="14" t="s">
        <v>1</v>
      </c>
      <c r="C38182" s="14" t="s">
        <v>70</v>
      </c>
      <c r="D38182" s="14" t="s">
        <v>229</v>
      </c>
      <c r="E38182" s="15">
        <v>45598</v>
      </c>
      <c r="F38182" s="14" t="s">
        <v>53</v>
      </c>
      <c r="G38182" s="16">
        <v>0</v>
      </c>
    </row>
    <row r="38183" spans="1:7" x14ac:dyDescent="0.3">
      <c r="A38183" s="13" t="s">
        <v>228</v>
      </c>
      <c r="B38183" s="14" t="s">
        <v>1</v>
      </c>
      <c r="C38183" s="14" t="s">
        <v>70</v>
      </c>
      <c r="D38183" s="14" t="s">
        <v>229</v>
      </c>
      <c r="E38183" s="15">
        <v>45599</v>
      </c>
      <c r="F38183" s="14" t="s">
        <v>53</v>
      </c>
      <c r="G38183" s="16">
        <v>0</v>
      </c>
    </row>
    <row r="38184" spans="1:7" x14ac:dyDescent="0.3">
      <c r="A38184" s="13" t="s">
        <v>228</v>
      </c>
      <c r="B38184" s="14" t="s">
        <v>1</v>
      </c>
      <c r="C38184" s="14" t="s">
        <v>70</v>
      </c>
      <c r="D38184" s="14" t="s">
        <v>229</v>
      </c>
      <c r="E38184" s="15">
        <v>45600</v>
      </c>
      <c r="F38184" s="14" t="s">
        <v>53</v>
      </c>
      <c r="G38184" s="16">
        <v>0</v>
      </c>
    </row>
    <row r="38185" spans="1:7" x14ac:dyDescent="0.3">
      <c r="A38185" s="13" t="s">
        <v>228</v>
      </c>
      <c r="B38185" s="14" t="s">
        <v>1</v>
      </c>
      <c r="C38185" s="14" t="s">
        <v>70</v>
      </c>
      <c r="D38185" s="14" t="s">
        <v>229</v>
      </c>
      <c r="E38185" s="15">
        <v>45601</v>
      </c>
      <c r="F38185" s="14" t="s">
        <v>53</v>
      </c>
      <c r="G38185" s="16">
        <v>0</v>
      </c>
    </row>
    <row r="38186" spans="1:7" x14ac:dyDescent="0.3">
      <c r="A38186" s="13" t="s">
        <v>228</v>
      </c>
      <c r="B38186" s="14" t="s">
        <v>1</v>
      </c>
      <c r="C38186" s="14" t="s">
        <v>70</v>
      </c>
      <c r="D38186" s="14" t="s">
        <v>229</v>
      </c>
      <c r="E38186" s="15">
        <v>45602</v>
      </c>
      <c r="F38186" s="14" t="s">
        <v>53</v>
      </c>
      <c r="G38186" s="16">
        <v>0</v>
      </c>
    </row>
    <row r="38187" spans="1:7" x14ac:dyDescent="0.3">
      <c r="A38187" s="13" t="s">
        <v>228</v>
      </c>
      <c r="B38187" s="14" t="s">
        <v>1</v>
      </c>
      <c r="C38187" s="14" t="s">
        <v>70</v>
      </c>
      <c r="D38187" s="14" t="s">
        <v>229</v>
      </c>
      <c r="E38187" s="15">
        <v>45603</v>
      </c>
      <c r="F38187" s="14" t="s">
        <v>53</v>
      </c>
      <c r="G38187" s="16">
        <v>0</v>
      </c>
    </row>
    <row r="38188" spans="1:7" x14ac:dyDescent="0.3">
      <c r="A38188" s="13" t="s">
        <v>228</v>
      </c>
      <c r="B38188" s="14" t="s">
        <v>1</v>
      </c>
      <c r="C38188" s="14" t="s">
        <v>70</v>
      </c>
      <c r="D38188" s="14" t="s">
        <v>229</v>
      </c>
      <c r="E38188" s="15">
        <v>45604</v>
      </c>
      <c r="F38188" s="14" t="s">
        <v>53</v>
      </c>
      <c r="G38188" s="16">
        <v>0</v>
      </c>
    </row>
    <row r="38189" spans="1:7" x14ac:dyDescent="0.3">
      <c r="A38189" s="13" t="s">
        <v>228</v>
      </c>
      <c r="B38189" s="14" t="s">
        <v>1</v>
      </c>
      <c r="C38189" s="14" t="s">
        <v>70</v>
      </c>
      <c r="D38189" s="14" t="s">
        <v>229</v>
      </c>
      <c r="E38189" s="15">
        <v>45605</v>
      </c>
      <c r="F38189" s="14" t="s">
        <v>53</v>
      </c>
      <c r="G38189" s="16">
        <v>0</v>
      </c>
    </row>
    <row r="38190" spans="1:7" x14ac:dyDescent="0.3">
      <c r="A38190" s="13" t="s">
        <v>228</v>
      </c>
      <c r="B38190" s="14" t="s">
        <v>1</v>
      </c>
      <c r="C38190" s="14" t="s">
        <v>70</v>
      </c>
      <c r="D38190" s="14" t="s">
        <v>229</v>
      </c>
      <c r="E38190" s="15">
        <v>45606</v>
      </c>
      <c r="F38190" s="14" t="s">
        <v>53</v>
      </c>
      <c r="G38190" s="16">
        <v>0</v>
      </c>
    </row>
    <row r="38191" spans="1:7" x14ac:dyDescent="0.3">
      <c r="A38191" s="13" t="s">
        <v>228</v>
      </c>
      <c r="B38191" s="14" t="s">
        <v>1</v>
      </c>
      <c r="C38191" s="14" t="s">
        <v>70</v>
      </c>
      <c r="D38191" s="14" t="s">
        <v>229</v>
      </c>
      <c r="E38191" s="15">
        <v>45607</v>
      </c>
      <c r="F38191" s="14" t="s">
        <v>53</v>
      </c>
      <c r="G38191" s="16">
        <v>0</v>
      </c>
    </row>
    <row r="38192" spans="1:7" x14ac:dyDescent="0.3">
      <c r="A38192" s="13" t="s">
        <v>228</v>
      </c>
      <c r="B38192" s="14" t="s">
        <v>1</v>
      </c>
      <c r="C38192" s="14" t="s">
        <v>70</v>
      </c>
      <c r="D38192" s="14" t="s">
        <v>229</v>
      </c>
      <c r="E38192" s="15">
        <v>45608</v>
      </c>
      <c r="F38192" s="14" t="s">
        <v>53</v>
      </c>
      <c r="G38192" s="16">
        <v>0</v>
      </c>
    </row>
    <row r="38193" spans="1:7" x14ac:dyDescent="0.3">
      <c r="A38193" s="13" t="s">
        <v>228</v>
      </c>
      <c r="B38193" s="14" t="s">
        <v>1</v>
      </c>
      <c r="C38193" s="14" t="s">
        <v>70</v>
      </c>
      <c r="D38193" s="14" t="s">
        <v>229</v>
      </c>
      <c r="E38193" s="15">
        <v>45609</v>
      </c>
      <c r="F38193" s="14" t="s">
        <v>53</v>
      </c>
      <c r="G38193" s="16">
        <v>0</v>
      </c>
    </row>
    <row r="38194" spans="1:7" x14ac:dyDescent="0.3">
      <c r="A38194" s="13" t="s">
        <v>228</v>
      </c>
      <c r="B38194" s="14" t="s">
        <v>1</v>
      </c>
      <c r="C38194" s="14" t="s">
        <v>70</v>
      </c>
      <c r="D38194" s="14" t="s">
        <v>229</v>
      </c>
      <c r="E38194" s="15">
        <v>45610</v>
      </c>
      <c r="F38194" s="14" t="s">
        <v>53</v>
      </c>
      <c r="G38194" s="16">
        <v>0</v>
      </c>
    </row>
    <row r="38195" spans="1:7" x14ac:dyDescent="0.3">
      <c r="A38195" s="13" t="s">
        <v>228</v>
      </c>
      <c r="B38195" s="14" t="s">
        <v>1</v>
      </c>
      <c r="C38195" s="14" t="s">
        <v>70</v>
      </c>
      <c r="D38195" s="14" t="s">
        <v>229</v>
      </c>
      <c r="E38195" s="15">
        <v>45611</v>
      </c>
      <c r="F38195" s="14" t="s">
        <v>53</v>
      </c>
      <c r="G38195" s="16">
        <v>0</v>
      </c>
    </row>
    <row r="38196" spans="1:7" x14ac:dyDescent="0.3">
      <c r="A38196" s="13" t="s">
        <v>228</v>
      </c>
      <c r="B38196" s="14" t="s">
        <v>1</v>
      </c>
      <c r="C38196" s="14" t="s">
        <v>70</v>
      </c>
      <c r="D38196" s="14" t="s">
        <v>229</v>
      </c>
      <c r="E38196" s="15">
        <v>45612</v>
      </c>
      <c r="F38196" s="14" t="s">
        <v>53</v>
      </c>
      <c r="G38196" s="16">
        <v>0</v>
      </c>
    </row>
    <row r="38197" spans="1:7" x14ac:dyDescent="0.3">
      <c r="A38197" s="13" t="s">
        <v>228</v>
      </c>
      <c r="B38197" s="14" t="s">
        <v>1</v>
      </c>
      <c r="C38197" s="14" t="s">
        <v>70</v>
      </c>
      <c r="D38197" s="14" t="s">
        <v>229</v>
      </c>
      <c r="E38197" s="15">
        <v>45613</v>
      </c>
      <c r="F38197" s="14" t="s">
        <v>53</v>
      </c>
      <c r="G38197" s="16">
        <v>0</v>
      </c>
    </row>
    <row r="38198" spans="1:7" x14ac:dyDescent="0.3">
      <c r="A38198" s="13" t="s">
        <v>228</v>
      </c>
      <c r="B38198" s="14" t="s">
        <v>1</v>
      </c>
      <c r="C38198" s="14" t="s">
        <v>70</v>
      </c>
      <c r="D38198" s="14" t="s">
        <v>229</v>
      </c>
      <c r="E38198" s="15">
        <v>45614</v>
      </c>
      <c r="F38198" s="14" t="s">
        <v>53</v>
      </c>
      <c r="G38198" s="16">
        <v>0</v>
      </c>
    </row>
    <row r="38199" spans="1:7" x14ac:dyDescent="0.3">
      <c r="A38199" s="13" t="s">
        <v>228</v>
      </c>
      <c r="B38199" s="14" t="s">
        <v>1</v>
      </c>
      <c r="C38199" s="14" t="s">
        <v>70</v>
      </c>
      <c r="D38199" s="14" t="s">
        <v>229</v>
      </c>
      <c r="E38199" s="15">
        <v>45615</v>
      </c>
      <c r="F38199" s="14" t="s">
        <v>53</v>
      </c>
      <c r="G38199" s="16">
        <v>0</v>
      </c>
    </row>
    <row r="38200" spans="1:7" x14ac:dyDescent="0.3">
      <c r="A38200" s="13" t="s">
        <v>228</v>
      </c>
      <c r="B38200" s="14" t="s">
        <v>1</v>
      </c>
      <c r="C38200" s="14" t="s">
        <v>70</v>
      </c>
      <c r="D38200" s="14" t="s">
        <v>229</v>
      </c>
      <c r="E38200" s="15">
        <v>45616</v>
      </c>
      <c r="F38200" s="14" t="s">
        <v>53</v>
      </c>
      <c r="G38200" s="16">
        <v>0</v>
      </c>
    </row>
    <row r="38201" spans="1:7" x14ac:dyDescent="0.3">
      <c r="A38201" s="13" t="s">
        <v>228</v>
      </c>
      <c r="B38201" s="14" t="s">
        <v>1</v>
      </c>
      <c r="C38201" s="14" t="s">
        <v>70</v>
      </c>
      <c r="D38201" s="14" t="s">
        <v>229</v>
      </c>
      <c r="E38201" s="15">
        <v>45617</v>
      </c>
      <c r="F38201" s="14" t="s">
        <v>53</v>
      </c>
      <c r="G38201" s="16">
        <v>0</v>
      </c>
    </row>
    <row r="38202" spans="1:7" x14ac:dyDescent="0.3">
      <c r="A38202" s="13" t="s">
        <v>228</v>
      </c>
      <c r="B38202" s="14" t="s">
        <v>1</v>
      </c>
      <c r="C38202" s="14" t="s">
        <v>70</v>
      </c>
      <c r="D38202" s="14" t="s">
        <v>229</v>
      </c>
      <c r="E38202" s="15">
        <v>45618</v>
      </c>
      <c r="F38202" s="14" t="s">
        <v>53</v>
      </c>
      <c r="G38202" s="16">
        <v>0</v>
      </c>
    </row>
    <row r="38203" spans="1:7" x14ac:dyDescent="0.3">
      <c r="A38203" s="13" t="s">
        <v>228</v>
      </c>
      <c r="B38203" s="14" t="s">
        <v>1</v>
      </c>
      <c r="C38203" s="14" t="s">
        <v>70</v>
      </c>
      <c r="D38203" s="14" t="s">
        <v>229</v>
      </c>
      <c r="E38203" s="15">
        <v>45619</v>
      </c>
      <c r="F38203" s="14" t="s">
        <v>53</v>
      </c>
      <c r="G38203" s="16">
        <v>0</v>
      </c>
    </row>
    <row r="38204" spans="1:7" x14ac:dyDescent="0.3">
      <c r="A38204" s="13" t="s">
        <v>228</v>
      </c>
      <c r="B38204" s="14" t="s">
        <v>1</v>
      </c>
      <c r="C38204" s="14" t="s">
        <v>70</v>
      </c>
      <c r="D38204" s="14" t="s">
        <v>229</v>
      </c>
      <c r="E38204" s="15">
        <v>45620</v>
      </c>
      <c r="F38204" s="14" t="s">
        <v>53</v>
      </c>
      <c r="G38204" s="16">
        <v>0</v>
      </c>
    </row>
    <row r="38205" spans="1:7" x14ac:dyDescent="0.3">
      <c r="A38205" s="13" t="s">
        <v>228</v>
      </c>
      <c r="B38205" s="14" t="s">
        <v>1</v>
      </c>
      <c r="C38205" s="14" t="s">
        <v>70</v>
      </c>
      <c r="D38205" s="14" t="s">
        <v>229</v>
      </c>
      <c r="E38205" s="15">
        <v>45621</v>
      </c>
      <c r="F38205" s="14" t="s">
        <v>53</v>
      </c>
      <c r="G38205" s="16">
        <v>0</v>
      </c>
    </row>
    <row r="38206" spans="1:7" x14ac:dyDescent="0.3">
      <c r="A38206" s="13" t="s">
        <v>228</v>
      </c>
      <c r="B38206" s="14" t="s">
        <v>1</v>
      </c>
      <c r="C38206" s="14" t="s">
        <v>70</v>
      </c>
      <c r="D38206" s="14" t="s">
        <v>229</v>
      </c>
      <c r="E38206" s="15">
        <v>45622</v>
      </c>
      <c r="F38206" s="14" t="s">
        <v>53</v>
      </c>
      <c r="G38206" s="16">
        <v>0</v>
      </c>
    </row>
    <row r="38207" spans="1:7" x14ac:dyDescent="0.3">
      <c r="A38207" s="13" t="s">
        <v>228</v>
      </c>
      <c r="B38207" s="14" t="s">
        <v>1</v>
      </c>
      <c r="C38207" s="14" t="s">
        <v>70</v>
      </c>
      <c r="D38207" s="14" t="s">
        <v>229</v>
      </c>
      <c r="E38207" s="15">
        <v>45623</v>
      </c>
      <c r="F38207" s="14" t="s">
        <v>53</v>
      </c>
      <c r="G38207" s="16">
        <v>0</v>
      </c>
    </row>
    <row r="38208" spans="1:7" x14ac:dyDescent="0.3">
      <c r="A38208" s="13" t="s">
        <v>228</v>
      </c>
      <c r="B38208" s="14" t="s">
        <v>1</v>
      </c>
      <c r="C38208" s="14" t="s">
        <v>70</v>
      </c>
      <c r="D38208" s="14" t="s">
        <v>229</v>
      </c>
      <c r="E38208" s="15">
        <v>45624</v>
      </c>
      <c r="F38208" s="14" t="s">
        <v>53</v>
      </c>
      <c r="G38208" s="16">
        <v>0</v>
      </c>
    </row>
    <row r="38209" spans="1:7" x14ac:dyDescent="0.3">
      <c r="A38209" s="13" t="s">
        <v>228</v>
      </c>
      <c r="B38209" s="14" t="s">
        <v>1</v>
      </c>
      <c r="C38209" s="14" t="s">
        <v>70</v>
      </c>
      <c r="D38209" s="14" t="s">
        <v>229</v>
      </c>
      <c r="E38209" s="15">
        <v>45625</v>
      </c>
      <c r="F38209" s="14" t="s">
        <v>53</v>
      </c>
      <c r="G38209" s="16">
        <v>0</v>
      </c>
    </row>
    <row r="38210" spans="1:7" x14ac:dyDescent="0.3">
      <c r="A38210" s="13" t="s">
        <v>228</v>
      </c>
      <c r="B38210" s="14" t="s">
        <v>1</v>
      </c>
      <c r="C38210" s="14" t="s">
        <v>70</v>
      </c>
      <c r="D38210" s="14" t="s">
        <v>229</v>
      </c>
      <c r="E38210" s="15">
        <v>45626</v>
      </c>
      <c r="F38210" s="14" t="s">
        <v>53</v>
      </c>
      <c r="G38210" s="16">
        <v>0</v>
      </c>
    </row>
    <row r="38211" spans="1:7" x14ac:dyDescent="0.3">
      <c r="A38211" s="13" t="s">
        <v>228</v>
      </c>
      <c r="B38211" s="14" t="s">
        <v>1</v>
      </c>
      <c r="C38211" s="14" t="s">
        <v>70</v>
      </c>
      <c r="D38211" s="14" t="s">
        <v>229</v>
      </c>
      <c r="E38211" s="15">
        <v>45627</v>
      </c>
      <c r="F38211" s="14" t="s">
        <v>53</v>
      </c>
      <c r="G38211" s="16">
        <v>0</v>
      </c>
    </row>
    <row r="38212" spans="1:7" x14ac:dyDescent="0.3">
      <c r="A38212" s="13" t="s">
        <v>228</v>
      </c>
      <c r="B38212" s="14" t="s">
        <v>1</v>
      </c>
      <c r="C38212" s="14" t="s">
        <v>70</v>
      </c>
      <c r="D38212" s="14" t="s">
        <v>229</v>
      </c>
      <c r="E38212" s="15">
        <v>45628</v>
      </c>
      <c r="F38212" s="14" t="s">
        <v>53</v>
      </c>
      <c r="G38212" s="16">
        <v>0</v>
      </c>
    </row>
    <row r="38213" spans="1:7" x14ac:dyDescent="0.3">
      <c r="A38213" s="13" t="s">
        <v>228</v>
      </c>
      <c r="B38213" s="14" t="s">
        <v>1</v>
      </c>
      <c r="C38213" s="14" t="s">
        <v>70</v>
      </c>
      <c r="D38213" s="14" t="s">
        <v>229</v>
      </c>
      <c r="E38213" s="15">
        <v>45629</v>
      </c>
      <c r="F38213" s="14" t="s">
        <v>53</v>
      </c>
      <c r="G38213" s="16">
        <v>0</v>
      </c>
    </row>
    <row r="38214" spans="1:7" x14ac:dyDescent="0.3">
      <c r="A38214" s="13" t="s">
        <v>228</v>
      </c>
      <c r="B38214" s="14" t="s">
        <v>1</v>
      </c>
      <c r="C38214" s="14" t="s">
        <v>70</v>
      </c>
      <c r="D38214" s="14" t="s">
        <v>229</v>
      </c>
      <c r="E38214" s="15">
        <v>45630</v>
      </c>
      <c r="F38214" s="14" t="s">
        <v>53</v>
      </c>
      <c r="G38214" s="16">
        <v>0</v>
      </c>
    </row>
    <row r="38215" spans="1:7" x14ac:dyDescent="0.3">
      <c r="A38215" s="13" t="s">
        <v>228</v>
      </c>
      <c r="B38215" s="14" t="s">
        <v>1</v>
      </c>
      <c r="C38215" s="14" t="s">
        <v>70</v>
      </c>
      <c r="D38215" s="14" t="s">
        <v>229</v>
      </c>
      <c r="E38215" s="15">
        <v>45631</v>
      </c>
      <c r="F38215" s="14" t="s">
        <v>53</v>
      </c>
      <c r="G38215" s="16">
        <v>0</v>
      </c>
    </row>
    <row r="38216" spans="1:7" x14ac:dyDescent="0.3">
      <c r="A38216" s="13" t="s">
        <v>228</v>
      </c>
      <c r="B38216" s="14" t="s">
        <v>1</v>
      </c>
      <c r="C38216" s="14" t="s">
        <v>70</v>
      </c>
      <c r="D38216" s="14" t="s">
        <v>229</v>
      </c>
      <c r="E38216" s="15">
        <v>45632</v>
      </c>
      <c r="F38216" s="14" t="s">
        <v>53</v>
      </c>
      <c r="G38216" s="16">
        <v>0</v>
      </c>
    </row>
    <row r="38217" spans="1:7" x14ac:dyDescent="0.3">
      <c r="A38217" s="13" t="s">
        <v>228</v>
      </c>
      <c r="B38217" s="14" t="s">
        <v>1</v>
      </c>
      <c r="C38217" s="14" t="s">
        <v>70</v>
      </c>
      <c r="D38217" s="14" t="s">
        <v>229</v>
      </c>
      <c r="E38217" s="15">
        <v>45633</v>
      </c>
      <c r="F38217" s="14" t="s">
        <v>53</v>
      </c>
      <c r="G38217" s="16">
        <v>0</v>
      </c>
    </row>
    <row r="38218" spans="1:7" x14ac:dyDescent="0.3">
      <c r="A38218" s="13" t="s">
        <v>228</v>
      </c>
      <c r="B38218" s="14" t="s">
        <v>1</v>
      </c>
      <c r="C38218" s="14" t="s">
        <v>70</v>
      </c>
      <c r="D38218" s="14" t="s">
        <v>229</v>
      </c>
      <c r="E38218" s="15">
        <v>45634</v>
      </c>
      <c r="F38218" s="14" t="s">
        <v>53</v>
      </c>
      <c r="G38218" s="16">
        <v>0</v>
      </c>
    </row>
    <row r="38219" spans="1:7" x14ac:dyDescent="0.3">
      <c r="A38219" s="13" t="s">
        <v>228</v>
      </c>
      <c r="B38219" s="14" t="s">
        <v>1</v>
      </c>
      <c r="C38219" s="14" t="s">
        <v>70</v>
      </c>
      <c r="D38219" s="14" t="s">
        <v>229</v>
      </c>
      <c r="E38219" s="15">
        <v>45635</v>
      </c>
      <c r="F38219" s="14" t="s">
        <v>53</v>
      </c>
      <c r="G38219" s="16">
        <v>0</v>
      </c>
    </row>
    <row r="38220" spans="1:7" x14ac:dyDescent="0.3">
      <c r="A38220" s="13" t="s">
        <v>228</v>
      </c>
      <c r="B38220" s="14" t="s">
        <v>1</v>
      </c>
      <c r="C38220" s="14" t="s">
        <v>70</v>
      </c>
      <c r="D38220" s="14" t="s">
        <v>229</v>
      </c>
      <c r="E38220" s="15">
        <v>45636</v>
      </c>
      <c r="F38220" s="14" t="s">
        <v>53</v>
      </c>
      <c r="G38220" s="16">
        <v>0</v>
      </c>
    </row>
    <row r="38221" spans="1:7" x14ac:dyDescent="0.3">
      <c r="A38221" s="13" t="s">
        <v>228</v>
      </c>
      <c r="B38221" s="14" t="s">
        <v>1</v>
      </c>
      <c r="C38221" s="14" t="s">
        <v>70</v>
      </c>
      <c r="D38221" s="14" t="s">
        <v>229</v>
      </c>
      <c r="E38221" s="15">
        <v>45637</v>
      </c>
      <c r="F38221" s="14" t="s">
        <v>53</v>
      </c>
      <c r="G38221" s="16">
        <v>0</v>
      </c>
    </row>
    <row r="38222" spans="1:7" x14ac:dyDescent="0.3">
      <c r="A38222" s="13" t="s">
        <v>228</v>
      </c>
      <c r="B38222" s="14" t="s">
        <v>1</v>
      </c>
      <c r="C38222" s="14" t="s">
        <v>70</v>
      </c>
      <c r="D38222" s="14" t="s">
        <v>229</v>
      </c>
      <c r="E38222" s="15">
        <v>45638</v>
      </c>
      <c r="F38222" s="14" t="s">
        <v>53</v>
      </c>
      <c r="G38222" s="16">
        <v>0</v>
      </c>
    </row>
    <row r="38223" spans="1:7" x14ac:dyDescent="0.3">
      <c r="A38223" s="13" t="s">
        <v>228</v>
      </c>
      <c r="B38223" s="14" t="s">
        <v>1</v>
      </c>
      <c r="C38223" s="14" t="s">
        <v>70</v>
      </c>
      <c r="D38223" s="14" t="s">
        <v>229</v>
      </c>
      <c r="E38223" s="15">
        <v>45639</v>
      </c>
      <c r="F38223" s="14" t="s">
        <v>53</v>
      </c>
      <c r="G38223" s="16">
        <v>0</v>
      </c>
    </row>
    <row r="38224" spans="1:7" x14ac:dyDescent="0.3">
      <c r="A38224" s="13" t="s">
        <v>228</v>
      </c>
      <c r="B38224" s="14" t="s">
        <v>1</v>
      </c>
      <c r="C38224" s="14" t="s">
        <v>70</v>
      </c>
      <c r="D38224" s="14" t="s">
        <v>229</v>
      </c>
      <c r="E38224" s="15">
        <v>45640</v>
      </c>
      <c r="F38224" s="14" t="s">
        <v>53</v>
      </c>
      <c r="G38224" s="16">
        <v>0</v>
      </c>
    </row>
    <row r="38225" spans="1:7" x14ac:dyDescent="0.3">
      <c r="A38225" s="13" t="s">
        <v>228</v>
      </c>
      <c r="B38225" s="14" t="s">
        <v>1</v>
      </c>
      <c r="C38225" s="14" t="s">
        <v>70</v>
      </c>
      <c r="D38225" s="14" t="s">
        <v>229</v>
      </c>
      <c r="E38225" s="15">
        <v>45641</v>
      </c>
      <c r="F38225" s="14" t="s">
        <v>53</v>
      </c>
      <c r="G38225" s="16">
        <v>0</v>
      </c>
    </row>
    <row r="38226" spans="1:7" x14ac:dyDescent="0.3">
      <c r="A38226" s="13" t="s">
        <v>228</v>
      </c>
      <c r="B38226" s="14" t="s">
        <v>1</v>
      </c>
      <c r="C38226" s="14" t="s">
        <v>70</v>
      </c>
      <c r="D38226" s="14" t="s">
        <v>229</v>
      </c>
      <c r="E38226" s="15">
        <v>45642</v>
      </c>
      <c r="F38226" s="14" t="s">
        <v>53</v>
      </c>
      <c r="G38226" s="16">
        <v>0</v>
      </c>
    </row>
    <row r="38227" spans="1:7" x14ac:dyDescent="0.3">
      <c r="A38227" s="13" t="s">
        <v>228</v>
      </c>
      <c r="B38227" s="14" t="s">
        <v>1</v>
      </c>
      <c r="C38227" s="14" t="s">
        <v>70</v>
      </c>
      <c r="D38227" s="14" t="s">
        <v>229</v>
      </c>
      <c r="E38227" s="15">
        <v>45643</v>
      </c>
      <c r="F38227" s="14" t="s">
        <v>53</v>
      </c>
      <c r="G38227" s="16">
        <v>0</v>
      </c>
    </row>
    <row r="38228" spans="1:7" x14ac:dyDescent="0.3">
      <c r="A38228" s="13" t="s">
        <v>228</v>
      </c>
      <c r="B38228" s="14" t="s">
        <v>1</v>
      </c>
      <c r="C38228" s="14" t="s">
        <v>70</v>
      </c>
      <c r="D38228" s="14" t="s">
        <v>229</v>
      </c>
      <c r="E38228" s="15">
        <v>45644</v>
      </c>
      <c r="F38228" s="14" t="s">
        <v>53</v>
      </c>
      <c r="G38228" s="16">
        <v>0</v>
      </c>
    </row>
    <row r="38229" spans="1:7" x14ac:dyDescent="0.3">
      <c r="A38229" s="13" t="s">
        <v>228</v>
      </c>
      <c r="B38229" s="14" t="s">
        <v>1</v>
      </c>
      <c r="C38229" s="14" t="s">
        <v>70</v>
      </c>
      <c r="D38229" s="14" t="s">
        <v>229</v>
      </c>
      <c r="E38229" s="15">
        <v>45645</v>
      </c>
      <c r="F38229" s="14" t="s">
        <v>53</v>
      </c>
      <c r="G38229" s="16">
        <v>0</v>
      </c>
    </row>
    <row r="38230" spans="1:7" x14ac:dyDescent="0.3">
      <c r="A38230" s="13" t="s">
        <v>228</v>
      </c>
      <c r="B38230" s="14" t="s">
        <v>1</v>
      </c>
      <c r="C38230" s="14" t="s">
        <v>70</v>
      </c>
      <c r="D38230" s="14" t="s">
        <v>229</v>
      </c>
      <c r="E38230" s="15">
        <v>45646</v>
      </c>
      <c r="F38230" s="14" t="s">
        <v>53</v>
      </c>
      <c r="G38230" s="16">
        <v>0</v>
      </c>
    </row>
    <row r="38231" spans="1:7" x14ac:dyDescent="0.3">
      <c r="A38231" s="13" t="s">
        <v>228</v>
      </c>
      <c r="B38231" s="14" t="s">
        <v>1</v>
      </c>
      <c r="C38231" s="14" t="s">
        <v>70</v>
      </c>
      <c r="D38231" s="14" t="s">
        <v>229</v>
      </c>
      <c r="E38231" s="15">
        <v>45647</v>
      </c>
      <c r="F38231" s="14" t="s">
        <v>53</v>
      </c>
      <c r="G38231" s="16">
        <v>0</v>
      </c>
    </row>
    <row r="38232" spans="1:7" x14ac:dyDescent="0.3">
      <c r="A38232" s="13" t="s">
        <v>228</v>
      </c>
      <c r="B38232" s="14" t="s">
        <v>1</v>
      </c>
      <c r="C38232" s="14" t="s">
        <v>70</v>
      </c>
      <c r="D38232" s="14" t="s">
        <v>229</v>
      </c>
      <c r="E38232" s="15">
        <v>45648</v>
      </c>
      <c r="F38232" s="14" t="s">
        <v>53</v>
      </c>
      <c r="G38232" s="16">
        <v>0</v>
      </c>
    </row>
    <row r="38233" spans="1:7" x14ac:dyDescent="0.3">
      <c r="A38233" s="13" t="s">
        <v>228</v>
      </c>
      <c r="B38233" s="14" t="s">
        <v>1</v>
      </c>
      <c r="C38233" s="14" t="s">
        <v>70</v>
      </c>
      <c r="D38233" s="14" t="s">
        <v>229</v>
      </c>
      <c r="E38233" s="15">
        <v>45649</v>
      </c>
      <c r="F38233" s="14" t="s">
        <v>53</v>
      </c>
      <c r="G38233" s="16">
        <v>0</v>
      </c>
    </row>
    <row r="38234" spans="1:7" x14ac:dyDescent="0.3">
      <c r="A38234" s="13" t="s">
        <v>228</v>
      </c>
      <c r="B38234" s="14" t="s">
        <v>1</v>
      </c>
      <c r="C38234" s="14" t="s">
        <v>70</v>
      </c>
      <c r="D38234" s="14" t="s">
        <v>229</v>
      </c>
      <c r="E38234" s="15">
        <v>45650</v>
      </c>
      <c r="F38234" s="14" t="s">
        <v>53</v>
      </c>
      <c r="G38234" s="16">
        <v>0</v>
      </c>
    </row>
    <row r="38235" spans="1:7" x14ac:dyDescent="0.3">
      <c r="A38235" s="13" t="s">
        <v>228</v>
      </c>
      <c r="B38235" s="14" t="s">
        <v>1</v>
      </c>
      <c r="C38235" s="14" t="s">
        <v>70</v>
      </c>
      <c r="D38235" s="14" t="s">
        <v>229</v>
      </c>
      <c r="E38235" s="15">
        <v>45651</v>
      </c>
      <c r="F38235" s="14" t="s">
        <v>53</v>
      </c>
      <c r="G38235" s="16">
        <v>0</v>
      </c>
    </row>
    <row r="38236" spans="1:7" x14ac:dyDescent="0.3">
      <c r="A38236" s="13" t="s">
        <v>228</v>
      </c>
      <c r="B38236" s="14" t="s">
        <v>1</v>
      </c>
      <c r="C38236" s="14" t="s">
        <v>70</v>
      </c>
      <c r="D38236" s="14" t="s">
        <v>229</v>
      </c>
      <c r="E38236" s="15">
        <v>45652</v>
      </c>
      <c r="F38236" s="14" t="s">
        <v>53</v>
      </c>
      <c r="G38236" s="16">
        <v>0</v>
      </c>
    </row>
    <row r="38237" spans="1:7" x14ac:dyDescent="0.3">
      <c r="A38237" s="13" t="s">
        <v>228</v>
      </c>
      <c r="B38237" s="14" t="s">
        <v>1</v>
      </c>
      <c r="C38237" s="14" t="s">
        <v>70</v>
      </c>
      <c r="D38237" s="14" t="s">
        <v>229</v>
      </c>
      <c r="E38237" s="15">
        <v>45653</v>
      </c>
      <c r="F38237" s="14" t="s">
        <v>53</v>
      </c>
      <c r="G38237" s="16">
        <v>0</v>
      </c>
    </row>
    <row r="38238" spans="1:7" x14ac:dyDescent="0.3">
      <c r="A38238" s="13" t="s">
        <v>228</v>
      </c>
      <c r="B38238" s="14" t="s">
        <v>1</v>
      </c>
      <c r="C38238" s="14" t="s">
        <v>70</v>
      </c>
      <c r="D38238" s="14" t="s">
        <v>229</v>
      </c>
      <c r="E38238" s="15">
        <v>45654</v>
      </c>
      <c r="F38238" s="14" t="s">
        <v>53</v>
      </c>
      <c r="G38238" s="16">
        <v>0</v>
      </c>
    </row>
    <row r="38239" spans="1:7" x14ac:dyDescent="0.3">
      <c r="A38239" s="13" t="s">
        <v>228</v>
      </c>
      <c r="B38239" s="14" t="s">
        <v>1</v>
      </c>
      <c r="C38239" s="14" t="s">
        <v>70</v>
      </c>
      <c r="D38239" s="14" t="s">
        <v>229</v>
      </c>
      <c r="E38239" s="15">
        <v>45655</v>
      </c>
      <c r="F38239" s="14" t="s">
        <v>53</v>
      </c>
      <c r="G38239" s="16">
        <v>0</v>
      </c>
    </row>
    <row r="38240" spans="1:7" x14ac:dyDescent="0.3">
      <c r="A38240" s="13" t="s">
        <v>228</v>
      </c>
      <c r="B38240" s="14" t="s">
        <v>1</v>
      </c>
      <c r="C38240" s="14" t="s">
        <v>70</v>
      </c>
      <c r="D38240" s="14" t="s">
        <v>229</v>
      </c>
      <c r="E38240" s="15">
        <v>45656</v>
      </c>
      <c r="F38240" s="14" t="s">
        <v>53</v>
      </c>
      <c r="G38240" s="16">
        <v>0</v>
      </c>
    </row>
    <row r="38241" spans="1:7" x14ac:dyDescent="0.3">
      <c r="A38241" s="13" t="s">
        <v>228</v>
      </c>
      <c r="B38241" s="14" t="s">
        <v>1</v>
      </c>
      <c r="C38241" s="14" t="s">
        <v>70</v>
      </c>
      <c r="D38241" s="14" t="s">
        <v>229</v>
      </c>
      <c r="E38241" s="15">
        <v>45657</v>
      </c>
      <c r="F38241" s="14" t="s">
        <v>53</v>
      </c>
      <c r="G38241" s="16">
        <v>0</v>
      </c>
    </row>
    <row r="38242" spans="1:7" x14ac:dyDescent="0.3">
      <c r="A38242" s="13" t="s">
        <v>228</v>
      </c>
      <c r="B38242" s="14" t="s">
        <v>1</v>
      </c>
      <c r="C38242" s="14" t="s">
        <v>70</v>
      </c>
      <c r="D38242" s="14" t="s">
        <v>229</v>
      </c>
      <c r="E38242" s="15">
        <v>45658</v>
      </c>
      <c r="F38242" s="14" t="s">
        <v>53</v>
      </c>
      <c r="G38242" s="16">
        <v>0</v>
      </c>
    </row>
    <row r="38243" spans="1:7" x14ac:dyDescent="0.3">
      <c r="A38243" s="13" t="s">
        <v>228</v>
      </c>
      <c r="B38243" s="14" t="s">
        <v>1</v>
      </c>
      <c r="C38243" s="14" t="s">
        <v>70</v>
      </c>
      <c r="D38243" s="14" t="s">
        <v>229</v>
      </c>
      <c r="E38243" s="15">
        <v>45659</v>
      </c>
      <c r="F38243" s="14" t="s">
        <v>53</v>
      </c>
      <c r="G38243" s="16">
        <v>0</v>
      </c>
    </row>
    <row r="38244" spans="1:7" x14ac:dyDescent="0.3">
      <c r="A38244" s="13" t="s">
        <v>228</v>
      </c>
      <c r="B38244" s="14" t="s">
        <v>1</v>
      </c>
      <c r="C38244" s="14" t="s">
        <v>70</v>
      </c>
      <c r="D38244" s="14" t="s">
        <v>229</v>
      </c>
      <c r="E38244" s="15">
        <v>45660</v>
      </c>
      <c r="F38244" s="14" t="s">
        <v>53</v>
      </c>
      <c r="G38244" s="16">
        <v>0</v>
      </c>
    </row>
    <row r="38245" spans="1:7" x14ac:dyDescent="0.3">
      <c r="A38245" s="13" t="s">
        <v>228</v>
      </c>
      <c r="B38245" s="14" t="s">
        <v>1</v>
      </c>
      <c r="C38245" s="14" t="s">
        <v>70</v>
      </c>
      <c r="D38245" s="14" t="s">
        <v>229</v>
      </c>
      <c r="E38245" s="15">
        <v>45661</v>
      </c>
      <c r="F38245" s="14" t="s">
        <v>53</v>
      </c>
      <c r="G38245" s="16">
        <v>0</v>
      </c>
    </row>
    <row r="38246" spans="1:7" x14ac:dyDescent="0.3">
      <c r="A38246" s="13" t="s">
        <v>228</v>
      </c>
      <c r="B38246" s="14" t="s">
        <v>1</v>
      </c>
      <c r="C38246" s="14" t="s">
        <v>70</v>
      </c>
      <c r="D38246" s="14" t="s">
        <v>229</v>
      </c>
      <c r="E38246" s="15">
        <v>45662</v>
      </c>
      <c r="F38246" s="14" t="s">
        <v>53</v>
      </c>
      <c r="G38246" s="16">
        <v>0</v>
      </c>
    </row>
    <row r="38247" spans="1:7" x14ac:dyDescent="0.3">
      <c r="A38247" s="13" t="s">
        <v>228</v>
      </c>
      <c r="B38247" s="14" t="s">
        <v>1</v>
      </c>
      <c r="C38247" s="14" t="s">
        <v>70</v>
      </c>
      <c r="D38247" s="14" t="s">
        <v>229</v>
      </c>
      <c r="E38247" s="15">
        <v>45663</v>
      </c>
      <c r="F38247" s="14" t="s">
        <v>53</v>
      </c>
      <c r="G38247" s="16">
        <v>0</v>
      </c>
    </row>
    <row r="38248" spans="1:7" x14ac:dyDescent="0.3">
      <c r="A38248" s="13" t="s">
        <v>228</v>
      </c>
      <c r="B38248" s="14" t="s">
        <v>1</v>
      </c>
      <c r="C38248" s="14" t="s">
        <v>70</v>
      </c>
      <c r="D38248" s="14" t="s">
        <v>229</v>
      </c>
      <c r="E38248" s="15">
        <v>45664</v>
      </c>
      <c r="F38248" s="14" t="s">
        <v>53</v>
      </c>
      <c r="G38248" s="16">
        <v>0</v>
      </c>
    </row>
    <row r="38249" spans="1:7" x14ac:dyDescent="0.3">
      <c r="A38249" s="13" t="s">
        <v>228</v>
      </c>
      <c r="B38249" s="14" t="s">
        <v>1</v>
      </c>
      <c r="C38249" s="14" t="s">
        <v>70</v>
      </c>
      <c r="D38249" s="14" t="s">
        <v>229</v>
      </c>
      <c r="E38249" s="15">
        <v>45665</v>
      </c>
      <c r="F38249" s="14" t="s">
        <v>53</v>
      </c>
      <c r="G38249" s="16">
        <v>0</v>
      </c>
    </row>
    <row r="38250" spans="1:7" x14ac:dyDescent="0.3">
      <c r="A38250" s="13" t="s">
        <v>228</v>
      </c>
      <c r="B38250" s="14" t="s">
        <v>1</v>
      </c>
      <c r="C38250" s="14" t="s">
        <v>70</v>
      </c>
      <c r="D38250" s="14" t="s">
        <v>229</v>
      </c>
      <c r="E38250" s="15">
        <v>45666</v>
      </c>
      <c r="F38250" s="14" t="s">
        <v>53</v>
      </c>
      <c r="G38250" s="16">
        <v>0</v>
      </c>
    </row>
    <row r="38251" spans="1:7" x14ac:dyDescent="0.3">
      <c r="A38251" s="13" t="s">
        <v>228</v>
      </c>
      <c r="B38251" s="14" t="s">
        <v>1</v>
      </c>
      <c r="C38251" s="14" t="s">
        <v>70</v>
      </c>
      <c r="D38251" s="14" t="s">
        <v>229</v>
      </c>
      <c r="E38251" s="15">
        <v>45667</v>
      </c>
      <c r="F38251" s="14" t="s">
        <v>53</v>
      </c>
      <c r="G38251" s="16">
        <v>0</v>
      </c>
    </row>
    <row r="38252" spans="1:7" x14ac:dyDescent="0.3">
      <c r="A38252" s="13" t="s">
        <v>228</v>
      </c>
      <c r="B38252" s="14" t="s">
        <v>1</v>
      </c>
      <c r="C38252" s="14" t="s">
        <v>70</v>
      </c>
      <c r="D38252" s="14" t="s">
        <v>229</v>
      </c>
      <c r="E38252" s="15">
        <v>45668</v>
      </c>
      <c r="F38252" s="14" t="s">
        <v>53</v>
      </c>
      <c r="G38252" s="16">
        <v>0</v>
      </c>
    </row>
    <row r="38253" spans="1:7" x14ac:dyDescent="0.3">
      <c r="A38253" s="13" t="s">
        <v>228</v>
      </c>
      <c r="B38253" s="14" t="s">
        <v>1</v>
      </c>
      <c r="C38253" s="14" t="s">
        <v>70</v>
      </c>
      <c r="D38253" s="14" t="s">
        <v>229</v>
      </c>
      <c r="E38253" s="15">
        <v>45669</v>
      </c>
      <c r="F38253" s="14" t="s">
        <v>53</v>
      </c>
      <c r="G38253" s="16">
        <v>0</v>
      </c>
    </row>
    <row r="38254" spans="1:7" x14ac:dyDescent="0.3">
      <c r="A38254" s="13" t="s">
        <v>228</v>
      </c>
      <c r="B38254" s="14" t="s">
        <v>1</v>
      </c>
      <c r="C38254" s="14" t="s">
        <v>70</v>
      </c>
      <c r="D38254" s="14" t="s">
        <v>229</v>
      </c>
      <c r="E38254" s="15">
        <v>45670</v>
      </c>
      <c r="F38254" s="14" t="s">
        <v>53</v>
      </c>
      <c r="G38254" s="16">
        <v>0</v>
      </c>
    </row>
    <row r="38255" spans="1:7" x14ac:dyDescent="0.3">
      <c r="A38255" s="13" t="s">
        <v>228</v>
      </c>
      <c r="B38255" s="14" t="s">
        <v>1</v>
      </c>
      <c r="C38255" s="14" t="s">
        <v>70</v>
      </c>
      <c r="D38255" s="14" t="s">
        <v>229</v>
      </c>
      <c r="E38255" s="15">
        <v>45671</v>
      </c>
      <c r="F38255" s="14" t="s">
        <v>53</v>
      </c>
      <c r="G38255" s="16">
        <v>0</v>
      </c>
    </row>
    <row r="38256" spans="1:7" x14ac:dyDescent="0.3">
      <c r="A38256" s="13" t="s">
        <v>228</v>
      </c>
      <c r="B38256" s="14" t="s">
        <v>1</v>
      </c>
      <c r="C38256" s="14" t="s">
        <v>70</v>
      </c>
      <c r="D38256" s="14" t="s">
        <v>229</v>
      </c>
      <c r="E38256" s="15">
        <v>45672</v>
      </c>
      <c r="F38256" s="14" t="s">
        <v>53</v>
      </c>
      <c r="G38256" s="16">
        <v>0</v>
      </c>
    </row>
    <row r="38257" spans="1:7" x14ac:dyDescent="0.3">
      <c r="A38257" s="13" t="s">
        <v>228</v>
      </c>
      <c r="B38257" s="14" t="s">
        <v>1</v>
      </c>
      <c r="C38257" s="14" t="s">
        <v>70</v>
      </c>
      <c r="D38257" s="14" t="s">
        <v>229</v>
      </c>
      <c r="E38257" s="15">
        <v>45673</v>
      </c>
      <c r="F38257" s="14" t="s">
        <v>53</v>
      </c>
      <c r="G38257" s="16">
        <v>0</v>
      </c>
    </row>
    <row r="38258" spans="1:7" x14ac:dyDescent="0.3">
      <c r="A38258" s="13" t="s">
        <v>228</v>
      </c>
      <c r="B38258" s="14" t="s">
        <v>1</v>
      </c>
      <c r="C38258" s="14" t="s">
        <v>70</v>
      </c>
      <c r="D38258" s="14" t="s">
        <v>229</v>
      </c>
      <c r="E38258" s="15">
        <v>45674</v>
      </c>
      <c r="F38258" s="14" t="s">
        <v>53</v>
      </c>
      <c r="G38258" s="16">
        <v>0</v>
      </c>
    </row>
    <row r="38259" spans="1:7" x14ac:dyDescent="0.3">
      <c r="A38259" s="13" t="s">
        <v>228</v>
      </c>
      <c r="B38259" s="14" t="s">
        <v>1</v>
      </c>
      <c r="C38259" s="14" t="s">
        <v>70</v>
      </c>
      <c r="D38259" s="14" t="s">
        <v>229</v>
      </c>
      <c r="E38259" s="15">
        <v>45675</v>
      </c>
      <c r="F38259" s="14" t="s">
        <v>53</v>
      </c>
      <c r="G38259" s="16">
        <v>0</v>
      </c>
    </row>
    <row r="38260" spans="1:7" x14ac:dyDescent="0.3">
      <c r="A38260" s="13" t="s">
        <v>228</v>
      </c>
      <c r="B38260" s="14" t="s">
        <v>1</v>
      </c>
      <c r="C38260" s="14" t="s">
        <v>70</v>
      </c>
      <c r="D38260" s="14" t="s">
        <v>229</v>
      </c>
      <c r="E38260" s="15">
        <v>45676</v>
      </c>
      <c r="F38260" s="14" t="s">
        <v>53</v>
      </c>
      <c r="G38260" s="16">
        <v>0</v>
      </c>
    </row>
    <row r="38261" spans="1:7" x14ac:dyDescent="0.3">
      <c r="A38261" s="13" t="s">
        <v>228</v>
      </c>
      <c r="B38261" s="14" t="s">
        <v>1</v>
      </c>
      <c r="C38261" s="14" t="s">
        <v>70</v>
      </c>
      <c r="D38261" s="14" t="s">
        <v>229</v>
      </c>
      <c r="E38261" s="15">
        <v>45677</v>
      </c>
      <c r="F38261" s="14" t="s">
        <v>53</v>
      </c>
      <c r="G38261" s="16">
        <v>0</v>
      </c>
    </row>
    <row r="38262" spans="1:7" x14ac:dyDescent="0.3">
      <c r="A38262" s="13" t="s">
        <v>228</v>
      </c>
      <c r="B38262" s="14" t="s">
        <v>1</v>
      </c>
      <c r="C38262" s="14" t="s">
        <v>70</v>
      </c>
      <c r="D38262" s="14" t="s">
        <v>229</v>
      </c>
      <c r="E38262" s="15">
        <v>45678</v>
      </c>
      <c r="F38262" s="14" t="s">
        <v>53</v>
      </c>
      <c r="G38262" s="16">
        <v>0</v>
      </c>
    </row>
    <row r="38263" spans="1:7" x14ac:dyDescent="0.3">
      <c r="A38263" s="13" t="s">
        <v>228</v>
      </c>
      <c r="B38263" s="14" t="s">
        <v>1</v>
      </c>
      <c r="C38263" s="14" t="s">
        <v>70</v>
      </c>
      <c r="D38263" s="14" t="s">
        <v>229</v>
      </c>
      <c r="E38263" s="15">
        <v>45679</v>
      </c>
      <c r="F38263" s="14" t="s">
        <v>53</v>
      </c>
      <c r="G38263" s="16">
        <v>0</v>
      </c>
    </row>
    <row r="38264" spans="1:7" x14ac:dyDescent="0.3">
      <c r="A38264" s="13" t="s">
        <v>228</v>
      </c>
      <c r="B38264" s="14" t="s">
        <v>1</v>
      </c>
      <c r="C38264" s="14" t="s">
        <v>70</v>
      </c>
      <c r="D38264" s="14" t="s">
        <v>229</v>
      </c>
      <c r="E38264" s="15">
        <v>45680</v>
      </c>
      <c r="F38264" s="14" t="s">
        <v>53</v>
      </c>
      <c r="G38264" s="16">
        <v>0</v>
      </c>
    </row>
    <row r="38265" spans="1:7" x14ac:dyDescent="0.3">
      <c r="A38265" s="13" t="s">
        <v>228</v>
      </c>
      <c r="B38265" s="14" t="s">
        <v>1</v>
      </c>
      <c r="C38265" s="14" t="s">
        <v>70</v>
      </c>
      <c r="D38265" s="14" t="s">
        <v>229</v>
      </c>
      <c r="E38265" s="15">
        <v>45681</v>
      </c>
      <c r="F38265" s="14" t="s">
        <v>53</v>
      </c>
      <c r="G38265" s="16">
        <v>0</v>
      </c>
    </row>
    <row r="38266" spans="1:7" x14ac:dyDescent="0.3">
      <c r="A38266" s="13" t="s">
        <v>228</v>
      </c>
      <c r="B38266" s="14" t="s">
        <v>1</v>
      </c>
      <c r="C38266" s="14" t="s">
        <v>70</v>
      </c>
      <c r="D38266" s="14" t="s">
        <v>229</v>
      </c>
      <c r="E38266" s="15">
        <v>45682</v>
      </c>
      <c r="F38266" s="14" t="s">
        <v>53</v>
      </c>
      <c r="G38266" s="16">
        <v>0</v>
      </c>
    </row>
    <row r="38267" spans="1:7" x14ac:dyDescent="0.3">
      <c r="A38267" s="13" t="s">
        <v>228</v>
      </c>
      <c r="B38267" s="14" t="s">
        <v>1</v>
      </c>
      <c r="C38267" s="14" t="s">
        <v>70</v>
      </c>
      <c r="D38267" s="14" t="s">
        <v>229</v>
      </c>
      <c r="E38267" s="15">
        <v>45683</v>
      </c>
      <c r="F38267" s="14" t="s">
        <v>53</v>
      </c>
      <c r="G38267" s="16">
        <v>0</v>
      </c>
    </row>
    <row r="38268" spans="1:7" x14ac:dyDescent="0.3">
      <c r="A38268" s="13" t="s">
        <v>228</v>
      </c>
      <c r="B38268" s="14" t="s">
        <v>1</v>
      </c>
      <c r="C38268" s="14" t="s">
        <v>70</v>
      </c>
      <c r="D38268" s="14" t="s">
        <v>229</v>
      </c>
      <c r="E38268" s="15">
        <v>45684</v>
      </c>
      <c r="F38268" s="14" t="s">
        <v>53</v>
      </c>
      <c r="G38268" s="16">
        <v>0</v>
      </c>
    </row>
    <row r="38269" spans="1:7" x14ac:dyDescent="0.3">
      <c r="A38269" s="13" t="s">
        <v>228</v>
      </c>
      <c r="B38269" s="14" t="s">
        <v>1</v>
      </c>
      <c r="C38269" s="14" t="s">
        <v>70</v>
      </c>
      <c r="D38269" s="14" t="s">
        <v>229</v>
      </c>
      <c r="E38269" s="15">
        <v>45685</v>
      </c>
      <c r="F38269" s="14" t="s">
        <v>53</v>
      </c>
      <c r="G38269" s="16">
        <v>0</v>
      </c>
    </row>
    <row r="38270" spans="1:7" x14ac:dyDescent="0.3">
      <c r="A38270" s="13" t="s">
        <v>228</v>
      </c>
      <c r="B38270" s="14" t="s">
        <v>1</v>
      </c>
      <c r="C38270" s="14" t="s">
        <v>70</v>
      </c>
      <c r="D38270" s="14" t="s">
        <v>229</v>
      </c>
      <c r="E38270" s="15">
        <v>45686</v>
      </c>
      <c r="F38270" s="14" t="s">
        <v>53</v>
      </c>
      <c r="G38270" s="16">
        <v>0</v>
      </c>
    </row>
    <row r="38271" spans="1:7" x14ac:dyDescent="0.3">
      <c r="A38271" s="13" t="s">
        <v>228</v>
      </c>
      <c r="B38271" s="14" t="s">
        <v>1</v>
      </c>
      <c r="C38271" s="14" t="s">
        <v>70</v>
      </c>
      <c r="D38271" s="14" t="s">
        <v>229</v>
      </c>
      <c r="E38271" s="15">
        <v>45687</v>
      </c>
      <c r="F38271" s="14" t="s">
        <v>53</v>
      </c>
      <c r="G38271" s="16">
        <v>0</v>
      </c>
    </row>
    <row r="38272" spans="1:7" x14ac:dyDescent="0.3">
      <c r="A38272" s="13" t="s">
        <v>228</v>
      </c>
      <c r="B38272" s="14" t="s">
        <v>1</v>
      </c>
      <c r="C38272" s="14" t="s">
        <v>70</v>
      </c>
      <c r="D38272" s="14" t="s">
        <v>229</v>
      </c>
      <c r="E38272" s="15">
        <v>45688</v>
      </c>
      <c r="F38272" s="14" t="s">
        <v>53</v>
      </c>
      <c r="G38272" s="16">
        <v>0</v>
      </c>
    </row>
    <row r="38273" spans="1:7" x14ac:dyDescent="0.3">
      <c r="A38273" s="13" t="s">
        <v>228</v>
      </c>
      <c r="B38273" s="14" t="s">
        <v>1</v>
      </c>
      <c r="C38273" s="14" t="s">
        <v>70</v>
      </c>
      <c r="D38273" s="14" t="s">
        <v>229</v>
      </c>
      <c r="E38273" s="15">
        <v>45689</v>
      </c>
      <c r="F38273" s="14" t="s">
        <v>53</v>
      </c>
      <c r="G38273" s="16">
        <v>0</v>
      </c>
    </row>
    <row r="38274" spans="1:7" x14ac:dyDescent="0.3">
      <c r="A38274" s="13" t="s">
        <v>228</v>
      </c>
      <c r="B38274" s="14" t="s">
        <v>1</v>
      </c>
      <c r="C38274" s="14" t="s">
        <v>70</v>
      </c>
      <c r="D38274" s="14" t="s">
        <v>229</v>
      </c>
      <c r="E38274" s="15">
        <v>45690</v>
      </c>
      <c r="F38274" s="14" t="s">
        <v>53</v>
      </c>
      <c r="G38274" s="16">
        <v>0</v>
      </c>
    </row>
    <row r="38275" spans="1:7" x14ac:dyDescent="0.3">
      <c r="A38275" s="13" t="s">
        <v>228</v>
      </c>
      <c r="B38275" s="14" t="s">
        <v>1</v>
      </c>
      <c r="C38275" s="14" t="s">
        <v>70</v>
      </c>
      <c r="D38275" s="14" t="s">
        <v>229</v>
      </c>
      <c r="E38275" s="15">
        <v>45691</v>
      </c>
      <c r="F38275" s="14" t="s">
        <v>53</v>
      </c>
      <c r="G38275" s="16">
        <v>0</v>
      </c>
    </row>
    <row r="38276" spans="1:7" x14ac:dyDescent="0.3">
      <c r="A38276" s="13" t="s">
        <v>228</v>
      </c>
      <c r="B38276" s="14" t="s">
        <v>1</v>
      </c>
      <c r="C38276" s="14" t="s">
        <v>70</v>
      </c>
      <c r="D38276" s="14" t="s">
        <v>229</v>
      </c>
      <c r="E38276" s="15">
        <v>45692</v>
      </c>
      <c r="F38276" s="14" t="s">
        <v>53</v>
      </c>
      <c r="G38276" s="16">
        <v>0</v>
      </c>
    </row>
    <row r="38277" spans="1:7" x14ac:dyDescent="0.3">
      <c r="A38277" s="13" t="s">
        <v>228</v>
      </c>
      <c r="B38277" s="14" t="s">
        <v>1</v>
      </c>
      <c r="C38277" s="14" t="s">
        <v>70</v>
      </c>
      <c r="D38277" s="14" t="s">
        <v>229</v>
      </c>
      <c r="E38277" s="15">
        <v>45693</v>
      </c>
      <c r="F38277" s="14" t="s">
        <v>53</v>
      </c>
      <c r="G38277" s="16">
        <v>0</v>
      </c>
    </row>
    <row r="38278" spans="1:7" x14ac:dyDescent="0.3">
      <c r="A38278" s="13" t="s">
        <v>228</v>
      </c>
      <c r="B38278" s="14" t="s">
        <v>1</v>
      </c>
      <c r="C38278" s="14" t="s">
        <v>70</v>
      </c>
      <c r="D38278" s="14" t="s">
        <v>229</v>
      </c>
      <c r="E38278" s="15">
        <v>45694</v>
      </c>
      <c r="F38278" s="14" t="s">
        <v>53</v>
      </c>
      <c r="G38278" s="16">
        <v>0</v>
      </c>
    </row>
    <row r="38279" spans="1:7" x14ac:dyDescent="0.3">
      <c r="A38279" s="13" t="s">
        <v>228</v>
      </c>
      <c r="B38279" s="14" t="s">
        <v>1</v>
      </c>
      <c r="C38279" s="14" t="s">
        <v>70</v>
      </c>
      <c r="D38279" s="14" t="s">
        <v>229</v>
      </c>
      <c r="E38279" s="15">
        <v>45695</v>
      </c>
      <c r="F38279" s="14" t="s">
        <v>53</v>
      </c>
      <c r="G38279" s="16">
        <v>0</v>
      </c>
    </row>
    <row r="38280" spans="1:7" x14ac:dyDescent="0.3">
      <c r="A38280" s="13" t="s">
        <v>228</v>
      </c>
      <c r="B38280" s="14" t="s">
        <v>1</v>
      </c>
      <c r="C38280" s="14" t="s">
        <v>70</v>
      </c>
      <c r="D38280" s="14" t="s">
        <v>229</v>
      </c>
      <c r="E38280" s="15">
        <v>45696</v>
      </c>
      <c r="F38280" s="14" t="s">
        <v>53</v>
      </c>
      <c r="G38280" s="16">
        <v>0</v>
      </c>
    </row>
    <row r="38281" spans="1:7" x14ac:dyDescent="0.3">
      <c r="A38281" s="13" t="s">
        <v>228</v>
      </c>
      <c r="B38281" s="14" t="s">
        <v>1</v>
      </c>
      <c r="C38281" s="14" t="s">
        <v>70</v>
      </c>
      <c r="D38281" s="14" t="s">
        <v>229</v>
      </c>
      <c r="E38281" s="15">
        <v>45697</v>
      </c>
      <c r="F38281" s="14" t="s">
        <v>53</v>
      </c>
      <c r="G38281" s="16">
        <v>0</v>
      </c>
    </row>
    <row r="38282" spans="1:7" x14ac:dyDescent="0.3">
      <c r="A38282" s="13" t="s">
        <v>228</v>
      </c>
      <c r="B38282" s="14" t="s">
        <v>1</v>
      </c>
      <c r="C38282" s="14" t="s">
        <v>70</v>
      </c>
      <c r="D38282" s="14" t="s">
        <v>229</v>
      </c>
      <c r="E38282" s="15">
        <v>45698</v>
      </c>
      <c r="F38282" s="14" t="s">
        <v>53</v>
      </c>
      <c r="G38282" s="16">
        <v>0</v>
      </c>
    </row>
    <row r="38283" spans="1:7" x14ac:dyDescent="0.3">
      <c r="A38283" s="13" t="s">
        <v>228</v>
      </c>
      <c r="B38283" s="14" t="s">
        <v>1</v>
      </c>
      <c r="C38283" s="14" t="s">
        <v>70</v>
      </c>
      <c r="D38283" s="14" t="s">
        <v>229</v>
      </c>
      <c r="E38283" s="15">
        <v>45699</v>
      </c>
      <c r="F38283" s="14" t="s">
        <v>53</v>
      </c>
      <c r="G38283" s="16">
        <v>0</v>
      </c>
    </row>
    <row r="38284" spans="1:7" x14ac:dyDescent="0.3">
      <c r="A38284" s="13" t="s">
        <v>228</v>
      </c>
      <c r="B38284" s="14" t="s">
        <v>1</v>
      </c>
      <c r="C38284" s="14" t="s">
        <v>70</v>
      </c>
      <c r="D38284" s="14" t="s">
        <v>229</v>
      </c>
      <c r="E38284" s="15">
        <v>45700</v>
      </c>
      <c r="F38284" s="14" t="s">
        <v>53</v>
      </c>
      <c r="G38284" s="16">
        <v>0</v>
      </c>
    </row>
    <row r="38285" spans="1:7" x14ac:dyDescent="0.3">
      <c r="A38285" s="13" t="s">
        <v>228</v>
      </c>
      <c r="B38285" s="14" t="s">
        <v>1</v>
      </c>
      <c r="C38285" s="14" t="s">
        <v>70</v>
      </c>
      <c r="D38285" s="14" t="s">
        <v>229</v>
      </c>
      <c r="E38285" s="15">
        <v>45701</v>
      </c>
      <c r="F38285" s="14" t="s">
        <v>53</v>
      </c>
      <c r="G38285" s="16">
        <v>0</v>
      </c>
    </row>
    <row r="38286" spans="1:7" x14ac:dyDescent="0.3">
      <c r="A38286" s="13" t="s">
        <v>228</v>
      </c>
      <c r="B38286" s="14" t="s">
        <v>1</v>
      </c>
      <c r="C38286" s="14" t="s">
        <v>70</v>
      </c>
      <c r="D38286" s="14" t="s">
        <v>229</v>
      </c>
      <c r="E38286" s="15">
        <v>45702</v>
      </c>
      <c r="F38286" s="14" t="s">
        <v>53</v>
      </c>
      <c r="G38286" s="16">
        <v>0</v>
      </c>
    </row>
    <row r="38287" spans="1:7" x14ac:dyDescent="0.3">
      <c r="A38287" s="13" t="s">
        <v>228</v>
      </c>
      <c r="B38287" s="14" t="s">
        <v>1</v>
      </c>
      <c r="C38287" s="14" t="s">
        <v>70</v>
      </c>
      <c r="D38287" s="14" t="s">
        <v>229</v>
      </c>
      <c r="E38287" s="15">
        <v>45703</v>
      </c>
      <c r="F38287" s="14" t="s">
        <v>53</v>
      </c>
      <c r="G38287" s="16">
        <v>0</v>
      </c>
    </row>
    <row r="38288" spans="1:7" x14ac:dyDescent="0.3">
      <c r="A38288" s="13" t="s">
        <v>228</v>
      </c>
      <c r="B38288" s="14" t="s">
        <v>1</v>
      </c>
      <c r="C38288" s="14" t="s">
        <v>70</v>
      </c>
      <c r="D38288" s="14" t="s">
        <v>229</v>
      </c>
      <c r="E38288" s="15">
        <v>45704</v>
      </c>
      <c r="F38288" s="14" t="s">
        <v>53</v>
      </c>
      <c r="G38288" s="16">
        <v>0</v>
      </c>
    </row>
    <row r="38289" spans="1:7" x14ac:dyDescent="0.3">
      <c r="A38289" s="13" t="s">
        <v>228</v>
      </c>
      <c r="B38289" s="14" t="s">
        <v>1</v>
      </c>
      <c r="C38289" s="14" t="s">
        <v>70</v>
      </c>
      <c r="D38289" s="14" t="s">
        <v>229</v>
      </c>
      <c r="E38289" s="15">
        <v>45705</v>
      </c>
      <c r="F38289" s="14" t="s">
        <v>53</v>
      </c>
      <c r="G38289" s="16">
        <v>0</v>
      </c>
    </row>
    <row r="38290" spans="1:7" x14ac:dyDescent="0.3">
      <c r="A38290" s="13" t="s">
        <v>228</v>
      </c>
      <c r="B38290" s="14" t="s">
        <v>1</v>
      </c>
      <c r="C38290" s="14" t="s">
        <v>70</v>
      </c>
      <c r="D38290" s="14" t="s">
        <v>229</v>
      </c>
      <c r="E38290" s="15">
        <v>45706</v>
      </c>
      <c r="F38290" s="14" t="s">
        <v>53</v>
      </c>
      <c r="G38290" s="16">
        <v>0</v>
      </c>
    </row>
    <row r="38291" spans="1:7" x14ac:dyDescent="0.3">
      <c r="A38291" s="13" t="s">
        <v>228</v>
      </c>
      <c r="B38291" s="14" t="s">
        <v>1</v>
      </c>
      <c r="C38291" s="14" t="s">
        <v>70</v>
      </c>
      <c r="D38291" s="14" t="s">
        <v>229</v>
      </c>
      <c r="E38291" s="15">
        <v>45707</v>
      </c>
      <c r="F38291" s="14" t="s">
        <v>53</v>
      </c>
      <c r="G38291" s="16">
        <v>0</v>
      </c>
    </row>
    <row r="38292" spans="1:7" x14ac:dyDescent="0.3">
      <c r="A38292" s="13" t="s">
        <v>228</v>
      </c>
      <c r="B38292" s="14" t="s">
        <v>1</v>
      </c>
      <c r="C38292" s="14" t="s">
        <v>70</v>
      </c>
      <c r="D38292" s="14" t="s">
        <v>229</v>
      </c>
      <c r="E38292" s="15">
        <v>45708</v>
      </c>
      <c r="F38292" s="14" t="s">
        <v>53</v>
      </c>
      <c r="G38292" s="16">
        <v>0</v>
      </c>
    </row>
    <row r="38293" spans="1:7" x14ac:dyDescent="0.3">
      <c r="A38293" s="13" t="s">
        <v>228</v>
      </c>
      <c r="B38293" s="14" t="s">
        <v>1</v>
      </c>
      <c r="C38293" s="14" t="s">
        <v>70</v>
      </c>
      <c r="D38293" s="14" t="s">
        <v>229</v>
      </c>
      <c r="E38293" s="15">
        <v>45709</v>
      </c>
      <c r="F38293" s="14" t="s">
        <v>53</v>
      </c>
      <c r="G38293" s="16">
        <v>0</v>
      </c>
    </row>
    <row r="38294" spans="1:7" x14ac:dyDescent="0.3">
      <c r="A38294" s="13" t="s">
        <v>228</v>
      </c>
      <c r="B38294" s="14" t="s">
        <v>1</v>
      </c>
      <c r="C38294" s="14" t="s">
        <v>70</v>
      </c>
      <c r="D38294" s="14" t="s">
        <v>229</v>
      </c>
      <c r="E38294" s="15">
        <v>45710</v>
      </c>
      <c r="F38294" s="14" t="s">
        <v>53</v>
      </c>
      <c r="G38294" s="16">
        <v>0</v>
      </c>
    </row>
    <row r="38295" spans="1:7" x14ac:dyDescent="0.3">
      <c r="A38295" s="13" t="s">
        <v>228</v>
      </c>
      <c r="B38295" s="14" t="s">
        <v>1</v>
      </c>
      <c r="C38295" s="14" t="s">
        <v>70</v>
      </c>
      <c r="D38295" s="14" t="s">
        <v>229</v>
      </c>
      <c r="E38295" s="15">
        <v>45711</v>
      </c>
      <c r="F38295" s="14" t="s">
        <v>53</v>
      </c>
      <c r="G38295" s="16">
        <v>0</v>
      </c>
    </row>
    <row r="38296" spans="1:7" x14ac:dyDescent="0.3">
      <c r="A38296" s="13" t="s">
        <v>228</v>
      </c>
      <c r="B38296" s="14" t="s">
        <v>1</v>
      </c>
      <c r="C38296" s="14" t="s">
        <v>70</v>
      </c>
      <c r="D38296" s="14" t="s">
        <v>229</v>
      </c>
      <c r="E38296" s="15">
        <v>45712</v>
      </c>
      <c r="F38296" s="14" t="s">
        <v>53</v>
      </c>
      <c r="G38296" s="16">
        <v>0</v>
      </c>
    </row>
    <row r="38297" spans="1:7" x14ac:dyDescent="0.3">
      <c r="A38297" s="13" t="s">
        <v>228</v>
      </c>
      <c r="B38297" s="14" t="s">
        <v>1</v>
      </c>
      <c r="C38297" s="14" t="s">
        <v>70</v>
      </c>
      <c r="D38297" s="14" t="s">
        <v>229</v>
      </c>
      <c r="E38297" s="15">
        <v>45713</v>
      </c>
      <c r="F38297" s="14" t="s">
        <v>53</v>
      </c>
      <c r="G38297" s="16">
        <v>0</v>
      </c>
    </row>
    <row r="38298" spans="1:7" x14ac:dyDescent="0.3">
      <c r="A38298" s="13" t="s">
        <v>228</v>
      </c>
      <c r="B38298" s="14" t="s">
        <v>1</v>
      </c>
      <c r="C38298" s="14" t="s">
        <v>70</v>
      </c>
      <c r="D38298" s="14" t="s">
        <v>229</v>
      </c>
      <c r="E38298" s="15">
        <v>45714</v>
      </c>
      <c r="F38298" s="14" t="s">
        <v>53</v>
      </c>
      <c r="G38298" s="16">
        <v>0</v>
      </c>
    </row>
    <row r="38299" spans="1:7" x14ac:dyDescent="0.3">
      <c r="A38299" s="13" t="s">
        <v>228</v>
      </c>
      <c r="B38299" s="14" t="s">
        <v>1</v>
      </c>
      <c r="C38299" s="14" t="s">
        <v>70</v>
      </c>
      <c r="D38299" s="14" t="s">
        <v>229</v>
      </c>
      <c r="E38299" s="15">
        <v>45715</v>
      </c>
      <c r="F38299" s="14" t="s">
        <v>53</v>
      </c>
      <c r="G38299" s="16">
        <v>0</v>
      </c>
    </row>
    <row r="38300" spans="1:7" x14ac:dyDescent="0.3">
      <c r="A38300" s="13" t="s">
        <v>228</v>
      </c>
      <c r="B38300" s="14" t="s">
        <v>1</v>
      </c>
      <c r="C38300" s="14" t="s">
        <v>70</v>
      </c>
      <c r="D38300" s="14" t="s">
        <v>229</v>
      </c>
      <c r="E38300" s="15">
        <v>45716</v>
      </c>
      <c r="F38300" s="14" t="s">
        <v>53</v>
      </c>
      <c r="G38300" s="16">
        <v>0</v>
      </c>
    </row>
    <row r="38301" spans="1:7" x14ac:dyDescent="0.3">
      <c r="A38301" s="13" t="s">
        <v>228</v>
      </c>
      <c r="B38301" s="14" t="s">
        <v>1</v>
      </c>
      <c r="C38301" s="14" t="s">
        <v>70</v>
      </c>
      <c r="D38301" s="14" t="s">
        <v>229</v>
      </c>
      <c r="E38301" s="15">
        <v>45717</v>
      </c>
      <c r="F38301" s="14" t="s">
        <v>53</v>
      </c>
      <c r="G38301" s="16">
        <v>0</v>
      </c>
    </row>
    <row r="38302" spans="1:7" x14ac:dyDescent="0.3">
      <c r="A38302" s="13" t="s">
        <v>228</v>
      </c>
      <c r="B38302" s="14" t="s">
        <v>1</v>
      </c>
      <c r="C38302" s="14" t="s">
        <v>70</v>
      </c>
      <c r="D38302" s="14" t="s">
        <v>229</v>
      </c>
      <c r="E38302" s="15">
        <v>45718</v>
      </c>
      <c r="F38302" s="14" t="s">
        <v>53</v>
      </c>
      <c r="G38302" s="16">
        <v>0</v>
      </c>
    </row>
    <row r="38303" spans="1:7" x14ac:dyDescent="0.3">
      <c r="A38303" s="13" t="s">
        <v>228</v>
      </c>
      <c r="B38303" s="14" t="s">
        <v>1</v>
      </c>
      <c r="C38303" s="14" t="s">
        <v>70</v>
      </c>
      <c r="D38303" s="14" t="s">
        <v>229</v>
      </c>
      <c r="E38303" s="15">
        <v>45719</v>
      </c>
      <c r="F38303" s="14" t="s">
        <v>53</v>
      </c>
      <c r="G38303" s="16">
        <v>0</v>
      </c>
    </row>
    <row r="38304" spans="1:7" x14ac:dyDescent="0.3">
      <c r="A38304" s="13" t="s">
        <v>228</v>
      </c>
      <c r="B38304" s="14" t="s">
        <v>1</v>
      </c>
      <c r="C38304" s="14" t="s">
        <v>70</v>
      </c>
      <c r="D38304" s="14" t="s">
        <v>229</v>
      </c>
      <c r="E38304" s="15">
        <v>45720</v>
      </c>
      <c r="F38304" s="14" t="s">
        <v>53</v>
      </c>
      <c r="G38304" s="16">
        <v>0</v>
      </c>
    </row>
    <row r="38305" spans="1:7" x14ac:dyDescent="0.3">
      <c r="A38305" s="13" t="s">
        <v>228</v>
      </c>
      <c r="B38305" s="14" t="s">
        <v>1</v>
      </c>
      <c r="C38305" s="14" t="s">
        <v>70</v>
      </c>
      <c r="D38305" s="14" t="s">
        <v>229</v>
      </c>
      <c r="E38305" s="15">
        <v>45721</v>
      </c>
      <c r="F38305" s="14" t="s">
        <v>53</v>
      </c>
      <c r="G38305" s="16">
        <v>0</v>
      </c>
    </row>
    <row r="38306" spans="1:7" x14ac:dyDescent="0.3">
      <c r="A38306" s="13" t="s">
        <v>228</v>
      </c>
      <c r="B38306" s="14" t="s">
        <v>1</v>
      </c>
      <c r="C38306" s="14" t="s">
        <v>70</v>
      </c>
      <c r="D38306" s="14" t="s">
        <v>229</v>
      </c>
      <c r="E38306" s="15">
        <v>45722</v>
      </c>
      <c r="F38306" s="14" t="s">
        <v>53</v>
      </c>
      <c r="G38306" s="16">
        <v>0</v>
      </c>
    </row>
    <row r="38307" spans="1:7" x14ac:dyDescent="0.3">
      <c r="A38307" s="13" t="s">
        <v>228</v>
      </c>
      <c r="B38307" s="14" t="s">
        <v>1</v>
      </c>
      <c r="C38307" s="14" t="s">
        <v>70</v>
      </c>
      <c r="D38307" s="14" t="s">
        <v>229</v>
      </c>
      <c r="E38307" s="15">
        <v>45723</v>
      </c>
      <c r="F38307" s="14" t="s">
        <v>53</v>
      </c>
      <c r="G38307" s="16">
        <v>0</v>
      </c>
    </row>
    <row r="38308" spans="1:7" x14ac:dyDescent="0.3">
      <c r="A38308" s="13" t="s">
        <v>228</v>
      </c>
      <c r="B38308" s="14" t="s">
        <v>1</v>
      </c>
      <c r="C38308" s="14" t="s">
        <v>70</v>
      </c>
      <c r="D38308" s="14" t="s">
        <v>229</v>
      </c>
      <c r="E38308" s="15">
        <v>45724</v>
      </c>
      <c r="F38308" s="14" t="s">
        <v>53</v>
      </c>
      <c r="G38308" s="16">
        <v>0</v>
      </c>
    </row>
    <row r="38309" spans="1:7" x14ac:dyDescent="0.3">
      <c r="A38309" s="13" t="s">
        <v>228</v>
      </c>
      <c r="B38309" s="14" t="s">
        <v>1</v>
      </c>
      <c r="C38309" s="14" t="s">
        <v>70</v>
      </c>
      <c r="D38309" s="14" t="s">
        <v>229</v>
      </c>
      <c r="E38309" s="15">
        <v>45725</v>
      </c>
      <c r="F38309" s="14" t="s">
        <v>53</v>
      </c>
      <c r="G38309" s="16">
        <v>0</v>
      </c>
    </row>
    <row r="38310" spans="1:7" x14ac:dyDescent="0.3">
      <c r="A38310" s="13" t="s">
        <v>228</v>
      </c>
      <c r="B38310" s="14" t="s">
        <v>1</v>
      </c>
      <c r="C38310" s="14" t="s">
        <v>70</v>
      </c>
      <c r="D38310" s="14" t="s">
        <v>229</v>
      </c>
      <c r="E38310" s="15">
        <v>45726</v>
      </c>
      <c r="F38310" s="14" t="s">
        <v>53</v>
      </c>
      <c r="G38310" s="16">
        <v>0</v>
      </c>
    </row>
    <row r="38311" spans="1:7" x14ac:dyDescent="0.3">
      <c r="A38311" s="13" t="s">
        <v>228</v>
      </c>
      <c r="B38311" s="14" t="s">
        <v>1</v>
      </c>
      <c r="C38311" s="14" t="s">
        <v>70</v>
      </c>
      <c r="D38311" s="14" t="s">
        <v>229</v>
      </c>
      <c r="E38311" s="15">
        <v>45727</v>
      </c>
      <c r="F38311" s="14" t="s">
        <v>53</v>
      </c>
      <c r="G38311" s="16">
        <v>0</v>
      </c>
    </row>
    <row r="38312" spans="1:7" x14ac:dyDescent="0.3">
      <c r="A38312" s="13" t="s">
        <v>228</v>
      </c>
      <c r="B38312" s="14" t="s">
        <v>1</v>
      </c>
      <c r="C38312" s="14" t="s">
        <v>70</v>
      </c>
      <c r="D38312" s="14" t="s">
        <v>229</v>
      </c>
      <c r="E38312" s="15">
        <v>45728</v>
      </c>
      <c r="F38312" s="14" t="s">
        <v>53</v>
      </c>
      <c r="G38312" s="16">
        <v>0</v>
      </c>
    </row>
    <row r="38313" spans="1:7" x14ac:dyDescent="0.3">
      <c r="A38313" s="13" t="s">
        <v>228</v>
      </c>
      <c r="B38313" s="14" t="s">
        <v>1</v>
      </c>
      <c r="C38313" s="14" t="s">
        <v>70</v>
      </c>
      <c r="D38313" s="14" t="s">
        <v>229</v>
      </c>
      <c r="E38313" s="15">
        <v>45729</v>
      </c>
      <c r="F38313" s="14" t="s">
        <v>53</v>
      </c>
      <c r="G38313" s="16">
        <v>0</v>
      </c>
    </row>
    <row r="38314" spans="1:7" x14ac:dyDescent="0.3">
      <c r="A38314" s="13" t="s">
        <v>228</v>
      </c>
      <c r="B38314" s="14" t="s">
        <v>1</v>
      </c>
      <c r="C38314" s="14" t="s">
        <v>70</v>
      </c>
      <c r="D38314" s="14" t="s">
        <v>229</v>
      </c>
      <c r="E38314" s="15">
        <v>45730</v>
      </c>
      <c r="F38314" s="14" t="s">
        <v>53</v>
      </c>
      <c r="G38314" s="16">
        <v>0</v>
      </c>
    </row>
    <row r="38315" spans="1:7" x14ac:dyDescent="0.3">
      <c r="A38315" s="13" t="s">
        <v>228</v>
      </c>
      <c r="B38315" s="14" t="s">
        <v>1</v>
      </c>
      <c r="C38315" s="14" t="s">
        <v>70</v>
      </c>
      <c r="D38315" s="14" t="s">
        <v>229</v>
      </c>
      <c r="E38315" s="15">
        <v>45731</v>
      </c>
      <c r="F38315" s="14" t="s">
        <v>53</v>
      </c>
      <c r="G38315" s="16">
        <v>0</v>
      </c>
    </row>
    <row r="38316" spans="1:7" x14ac:dyDescent="0.3">
      <c r="A38316" s="13" t="s">
        <v>228</v>
      </c>
      <c r="B38316" s="14" t="s">
        <v>1</v>
      </c>
      <c r="C38316" s="14" t="s">
        <v>70</v>
      </c>
      <c r="D38316" s="14" t="s">
        <v>229</v>
      </c>
      <c r="E38316" s="15">
        <v>45732</v>
      </c>
      <c r="F38316" s="14" t="s">
        <v>53</v>
      </c>
      <c r="G38316" s="16">
        <v>0</v>
      </c>
    </row>
    <row r="38317" spans="1:7" x14ac:dyDescent="0.3">
      <c r="A38317" s="13" t="s">
        <v>228</v>
      </c>
      <c r="B38317" s="14" t="s">
        <v>1</v>
      </c>
      <c r="C38317" s="14" t="s">
        <v>70</v>
      </c>
      <c r="D38317" s="14" t="s">
        <v>229</v>
      </c>
      <c r="E38317" s="15">
        <v>45733</v>
      </c>
      <c r="F38317" s="14" t="s">
        <v>53</v>
      </c>
      <c r="G38317" s="16">
        <v>0</v>
      </c>
    </row>
    <row r="38318" spans="1:7" x14ac:dyDescent="0.3">
      <c r="A38318" s="13" t="s">
        <v>228</v>
      </c>
      <c r="B38318" s="14" t="s">
        <v>1</v>
      </c>
      <c r="C38318" s="14" t="s">
        <v>70</v>
      </c>
      <c r="D38318" s="14" t="s">
        <v>229</v>
      </c>
      <c r="E38318" s="15">
        <v>45734</v>
      </c>
      <c r="F38318" s="14" t="s">
        <v>53</v>
      </c>
      <c r="G38318" s="16">
        <v>0</v>
      </c>
    </row>
    <row r="38319" spans="1:7" x14ac:dyDescent="0.3">
      <c r="A38319" s="13" t="s">
        <v>228</v>
      </c>
      <c r="B38319" s="14" t="s">
        <v>1</v>
      </c>
      <c r="C38319" s="14" t="s">
        <v>70</v>
      </c>
      <c r="D38319" s="14" t="s">
        <v>229</v>
      </c>
      <c r="E38319" s="15">
        <v>45735</v>
      </c>
      <c r="F38319" s="14" t="s">
        <v>53</v>
      </c>
      <c r="G38319" s="16">
        <v>0</v>
      </c>
    </row>
    <row r="38320" spans="1:7" x14ac:dyDescent="0.3">
      <c r="A38320" s="13" t="s">
        <v>228</v>
      </c>
      <c r="B38320" s="14" t="s">
        <v>1</v>
      </c>
      <c r="C38320" s="14" t="s">
        <v>70</v>
      </c>
      <c r="D38320" s="14" t="s">
        <v>229</v>
      </c>
      <c r="E38320" s="15">
        <v>45736</v>
      </c>
      <c r="F38320" s="14" t="s">
        <v>53</v>
      </c>
      <c r="G38320" s="16">
        <v>0</v>
      </c>
    </row>
    <row r="38321" spans="1:7" x14ac:dyDescent="0.3">
      <c r="A38321" s="13" t="s">
        <v>228</v>
      </c>
      <c r="B38321" s="14" t="s">
        <v>1</v>
      </c>
      <c r="C38321" s="14" t="s">
        <v>70</v>
      </c>
      <c r="D38321" s="14" t="s">
        <v>229</v>
      </c>
      <c r="E38321" s="15">
        <v>45737</v>
      </c>
      <c r="F38321" s="14" t="s">
        <v>53</v>
      </c>
      <c r="G38321" s="16">
        <v>0</v>
      </c>
    </row>
    <row r="38322" spans="1:7" x14ac:dyDescent="0.3">
      <c r="A38322" s="13" t="s">
        <v>228</v>
      </c>
      <c r="B38322" s="14" t="s">
        <v>1</v>
      </c>
      <c r="C38322" s="14" t="s">
        <v>70</v>
      </c>
      <c r="D38322" s="14" t="s">
        <v>229</v>
      </c>
      <c r="E38322" s="15">
        <v>45738</v>
      </c>
      <c r="F38322" s="14" t="s">
        <v>53</v>
      </c>
      <c r="G38322" s="16">
        <v>0</v>
      </c>
    </row>
    <row r="38323" spans="1:7" x14ac:dyDescent="0.3">
      <c r="A38323" s="13" t="s">
        <v>228</v>
      </c>
      <c r="B38323" s="14" t="s">
        <v>1</v>
      </c>
      <c r="C38323" s="14" t="s">
        <v>70</v>
      </c>
      <c r="D38323" s="14" t="s">
        <v>229</v>
      </c>
      <c r="E38323" s="15">
        <v>45739</v>
      </c>
      <c r="F38323" s="14" t="s">
        <v>53</v>
      </c>
      <c r="G38323" s="16">
        <v>0</v>
      </c>
    </row>
    <row r="38324" spans="1:7" x14ac:dyDescent="0.3">
      <c r="A38324" s="13" t="s">
        <v>228</v>
      </c>
      <c r="B38324" s="14" t="s">
        <v>1</v>
      </c>
      <c r="C38324" s="14" t="s">
        <v>70</v>
      </c>
      <c r="D38324" s="14" t="s">
        <v>229</v>
      </c>
      <c r="E38324" s="15">
        <v>45740</v>
      </c>
      <c r="F38324" s="14" t="s">
        <v>53</v>
      </c>
      <c r="G38324" s="16">
        <v>0</v>
      </c>
    </row>
    <row r="38325" spans="1:7" x14ac:dyDescent="0.3">
      <c r="A38325" s="13" t="s">
        <v>228</v>
      </c>
      <c r="B38325" s="14" t="s">
        <v>1</v>
      </c>
      <c r="C38325" s="14" t="s">
        <v>70</v>
      </c>
      <c r="D38325" s="14" t="s">
        <v>229</v>
      </c>
      <c r="E38325" s="15">
        <v>45741</v>
      </c>
      <c r="F38325" s="14" t="s">
        <v>53</v>
      </c>
      <c r="G38325" s="16">
        <v>0</v>
      </c>
    </row>
    <row r="38326" spans="1:7" x14ac:dyDescent="0.3">
      <c r="A38326" s="13" t="s">
        <v>228</v>
      </c>
      <c r="B38326" s="14" t="s">
        <v>1</v>
      </c>
      <c r="C38326" s="14" t="s">
        <v>70</v>
      </c>
      <c r="D38326" s="14" t="s">
        <v>229</v>
      </c>
      <c r="E38326" s="15">
        <v>45742</v>
      </c>
      <c r="F38326" s="14" t="s">
        <v>53</v>
      </c>
      <c r="G38326" s="16">
        <v>0</v>
      </c>
    </row>
    <row r="38327" spans="1:7" x14ac:dyDescent="0.3">
      <c r="A38327" s="13" t="s">
        <v>228</v>
      </c>
      <c r="B38327" s="14" t="s">
        <v>1</v>
      </c>
      <c r="C38327" s="14" t="s">
        <v>70</v>
      </c>
      <c r="D38327" s="14" t="s">
        <v>229</v>
      </c>
      <c r="E38327" s="15">
        <v>45743</v>
      </c>
      <c r="F38327" s="14" t="s">
        <v>53</v>
      </c>
      <c r="G38327" s="16">
        <v>0</v>
      </c>
    </row>
    <row r="38328" spans="1:7" x14ac:dyDescent="0.3">
      <c r="A38328" s="13" t="s">
        <v>228</v>
      </c>
      <c r="B38328" s="14" t="s">
        <v>1</v>
      </c>
      <c r="C38328" s="14" t="s">
        <v>70</v>
      </c>
      <c r="D38328" s="14" t="s">
        <v>229</v>
      </c>
      <c r="E38328" s="15">
        <v>45744</v>
      </c>
      <c r="F38328" s="14" t="s">
        <v>53</v>
      </c>
      <c r="G38328" s="16">
        <v>0</v>
      </c>
    </row>
    <row r="38329" spans="1:7" x14ac:dyDescent="0.3">
      <c r="A38329" s="13" t="s">
        <v>228</v>
      </c>
      <c r="B38329" s="14" t="s">
        <v>1</v>
      </c>
      <c r="C38329" s="14" t="s">
        <v>70</v>
      </c>
      <c r="D38329" s="14" t="s">
        <v>229</v>
      </c>
      <c r="E38329" s="15">
        <v>45745</v>
      </c>
      <c r="F38329" s="14" t="s">
        <v>53</v>
      </c>
      <c r="G38329" s="16">
        <v>0</v>
      </c>
    </row>
    <row r="38330" spans="1:7" x14ac:dyDescent="0.3">
      <c r="A38330" s="13" t="s">
        <v>228</v>
      </c>
      <c r="B38330" s="14" t="s">
        <v>1</v>
      </c>
      <c r="C38330" s="14" t="s">
        <v>70</v>
      </c>
      <c r="D38330" s="14" t="s">
        <v>229</v>
      </c>
      <c r="E38330" s="15">
        <v>45746</v>
      </c>
      <c r="F38330" s="14" t="s">
        <v>53</v>
      </c>
      <c r="G38330" s="16">
        <v>0</v>
      </c>
    </row>
    <row r="38331" spans="1:7" x14ac:dyDescent="0.3">
      <c r="A38331" s="13" t="s">
        <v>228</v>
      </c>
      <c r="B38331" s="14" t="s">
        <v>1</v>
      </c>
      <c r="C38331" s="14" t="s">
        <v>70</v>
      </c>
      <c r="D38331" s="14" t="s">
        <v>229</v>
      </c>
      <c r="E38331" s="15">
        <v>45747</v>
      </c>
      <c r="F38331" s="14" t="s">
        <v>53</v>
      </c>
      <c r="G38331" s="16">
        <v>0</v>
      </c>
    </row>
    <row r="38332" spans="1:7" x14ac:dyDescent="0.3">
      <c r="A38332" s="13" t="s">
        <v>230</v>
      </c>
      <c r="B38332" s="14" t="s">
        <v>1</v>
      </c>
      <c r="C38332" s="14" t="s">
        <v>41</v>
      </c>
      <c r="D38332" s="14" t="s">
        <v>231</v>
      </c>
      <c r="E38332" s="15">
        <v>45383</v>
      </c>
      <c r="F38332" s="14" t="s">
        <v>15</v>
      </c>
      <c r="G38332" s="16">
        <v>0</v>
      </c>
    </row>
    <row r="38333" spans="1:7" x14ac:dyDescent="0.3">
      <c r="A38333" s="13" t="s">
        <v>230</v>
      </c>
      <c r="B38333" s="14" t="s">
        <v>1</v>
      </c>
      <c r="C38333" s="14" t="s">
        <v>41</v>
      </c>
      <c r="D38333" s="14" t="s">
        <v>231</v>
      </c>
      <c r="E38333" s="15">
        <v>45384</v>
      </c>
      <c r="F38333" s="14" t="s">
        <v>15</v>
      </c>
      <c r="G38333" s="16">
        <v>0</v>
      </c>
    </row>
    <row r="38334" spans="1:7" x14ac:dyDescent="0.3">
      <c r="A38334" s="13" t="s">
        <v>230</v>
      </c>
      <c r="B38334" s="14" t="s">
        <v>1</v>
      </c>
      <c r="C38334" s="14" t="s">
        <v>41</v>
      </c>
      <c r="D38334" s="14" t="s">
        <v>231</v>
      </c>
      <c r="E38334" s="15">
        <v>45385</v>
      </c>
      <c r="F38334" s="14" t="s">
        <v>15</v>
      </c>
      <c r="G38334" s="16">
        <v>0</v>
      </c>
    </row>
    <row r="38335" spans="1:7" x14ac:dyDescent="0.3">
      <c r="A38335" s="13" t="s">
        <v>230</v>
      </c>
      <c r="B38335" s="14" t="s">
        <v>1</v>
      </c>
      <c r="C38335" s="14" t="s">
        <v>41</v>
      </c>
      <c r="D38335" s="14" t="s">
        <v>231</v>
      </c>
      <c r="E38335" s="15">
        <v>45386</v>
      </c>
      <c r="F38335" s="14" t="s">
        <v>15</v>
      </c>
      <c r="G38335" s="16">
        <v>0</v>
      </c>
    </row>
    <row r="38336" spans="1:7" x14ac:dyDescent="0.3">
      <c r="A38336" s="13" t="s">
        <v>230</v>
      </c>
      <c r="B38336" s="14" t="s">
        <v>1</v>
      </c>
      <c r="C38336" s="14" t="s">
        <v>41</v>
      </c>
      <c r="D38336" s="14" t="s">
        <v>231</v>
      </c>
      <c r="E38336" s="15">
        <v>45387</v>
      </c>
      <c r="F38336" s="14" t="s">
        <v>15</v>
      </c>
      <c r="G38336" s="16">
        <v>0</v>
      </c>
    </row>
    <row r="38337" spans="1:7" x14ac:dyDescent="0.3">
      <c r="A38337" s="13" t="s">
        <v>230</v>
      </c>
      <c r="B38337" s="14" t="s">
        <v>1</v>
      </c>
      <c r="C38337" s="14" t="s">
        <v>41</v>
      </c>
      <c r="D38337" s="14" t="s">
        <v>231</v>
      </c>
      <c r="E38337" s="15">
        <v>45388</v>
      </c>
      <c r="F38337" s="14" t="s">
        <v>15</v>
      </c>
      <c r="G38337" s="16">
        <v>0</v>
      </c>
    </row>
    <row r="38338" spans="1:7" x14ac:dyDescent="0.3">
      <c r="A38338" s="13" t="s">
        <v>230</v>
      </c>
      <c r="B38338" s="14" t="s">
        <v>1</v>
      </c>
      <c r="C38338" s="14" t="s">
        <v>41</v>
      </c>
      <c r="D38338" s="14" t="s">
        <v>231</v>
      </c>
      <c r="E38338" s="15">
        <v>45389</v>
      </c>
      <c r="F38338" s="14" t="s">
        <v>15</v>
      </c>
      <c r="G38338" s="16">
        <v>0</v>
      </c>
    </row>
    <row r="38339" spans="1:7" x14ac:dyDescent="0.3">
      <c r="A38339" s="13" t="s">
        <v>230</v>
      </c>
      <c r="B38339" s="14" t="s">
        <v>1</v>
      </c>
      <c r="C38339" s="14" t="s">
        <v>41</v>
      </c>
      <c r="D38339" s="14" t="s">
        <v>231</v>
      </c>
      <c r="E38339" s="15">
        <v>45390</v>
      </c>
      <c r="F38339" s="14" t="s">
        <v>15</v>
      </c>
      <c r="G38339" s="16">
        <v>0</v>
      </c>
    </row>
    <row r="38340" spans="1:7" x14ac:dyDescent="0.3">
      <c r="A38340" s="13" t="s">
        <v>230</v>
      </c>
      <c r="B38340" s="14" t="s">
        <v>1</v>
      </c>
      <c r="C38340" s="14" t="s">
        <v>41</v>
      </c>
      <c r="D38340" s="14" t="s">
        <v>231</v>
      </c>
      <c r="E38340" s="15">
        <v>45391</v>
      </c>
      <c r="F38340" s="14" t="s">
        <v>15</v>
      </c>
      <c r="G38340" s="16">
        <v>0</v>
      </c>
    </row>
    <row r="38341" spans="1:7" x14ac:dyDescent="0.3">
      <c r="A38341" s="13" t="s">
        <v>230</v>
      </c>
      <c r="B38341" s="14" t="s">
        <v>1</v>
      </c>
      <c r="C38341" s="14" t="s">
        <v>41</v>
      </c>
      <c r="D38341" s="14" t="s">
        <v>231</v>
      </c>
      <c r="E38341" s="15">
        <v>45392</v>
      </c>
      <c r="F38341" s="14" t="s">
        <v>15</v>
      </c>
      <c r="G38341" s="16">
        <v>0</v>
      </c>
    </row>
    <row r="38342" spans="1:7" x14ac:dyDescent="0.3">
      <c r="A38342" s="13" t="s">
        <v>230</v>
      </c>
      <c r="B38342" s="14" t="s">
        <v>1</v>
      </c>
      <c r="C38342" s="14" t="s">
        <v>41</v>
      </c>
      <c r="D38342" s="14" t="s">
        <v>231</v>
      </c>
      <c r="E38342" s="15">
        <v>45393</v>
      </c>
      <c r="F38342" s="14" t="s">
        <v>15</v>
      </c>
      <c r="G38342" s="16">
        <v>0</v>
      </c>
    </row>
    <row r="38343" spans="1:7" x14ac:dyDescent="0.3">
      <c r="A38343" s="13" t="s">
        <v>230</v>
      </c>
      <c r="B38343" s="14" t="s">
        <v>1</v>
      </c>
      <c r="C38343" s="14" t="s">
        <v>41</v>
      </c>
      <c r="D38343" s="14" t="s">
        <v>231</v>
      </c>
      <c r="E38343" s="15">
        <v>45394</v>
      </c>
      <c r="F38343" s="14" t="s">
        <v>15</v>
      </c>
      <c r="G38343" s="16">
        <v>0</v>
      </c>
    </row>
    <row r="38344" spans="1:7" x14ac:dyDescent="0.3">
      <c r="A38344" s="13" t="s">
        <v>230</v>
      </c>
      <c r="B38344" s="14" t="s">
        <v>1</v>
      </c>
      <c r="C38344" s="14" t="s">
        <v>41</v>
      </c>
      <c r="D38344" s="14" t="s">
        <v>231</v>
      </c>
      <c r="E38344" s="15">
        <v>45395</v>
      </c>
      <c r="F38344" s="14" t="s">
        <v>15</v>
      </c>
      <c r="G38344" s="16">
        <v>0</v>
      </c>
    </row>
    <row r="38345" spans="1:7" x14ac:dyDescent="0.3">
      <c r="A38345" s="13" t="s">
        <v>230</v>
      </c>
      <c r="B38345" s="14" t="s">
        <v>1</v>
      </c>
      <c r="C38345" s="14" t="s">
        <v>41</v>
      </c>
      <c r="D38345" s="14" t="s">
        <v>231</v>
      </c>
      <c r="E38345" s="15">
        <v>45396</v>
      </c>
      <c r="F38345" s="14" t="s">
        <v>15</v>
      </c>
      <c r="G38345" s="16">
        <v>0</v>
      </c>
    </row>
    <row r="38346" spans="1:7" x14ac:dyDescent="0.3">
      <c r="A38346" s="13" t="s">
        <v>230</v>
      </c>
      <c r="B38346" s="14" t="s">
        <v>1</v>
      </c>
      <c r="C38346" s="14" t="s">
        <v>41</v>
      </c>
      <c r="D38346" s="14" t="s">
        <v>231</v>
      </c>
      <c r="E38346" s="15">
        <v>45397</v>
      </c>
      <c r="F38346" s="14" t="s">
        <v>15</v>
      </c>
      <c r="G38346" s="16">
        <v>0</v>
      </c>
    </row>
    <row r="38347" spans="1:7" x14ac:dyDescent="0.3">
      <c r="A38347" s="13" t="s">
        <v>230</v>
      </c>
      <c r="B38347" s="14" t="s">
        <v>1</v>
      </c>
      <c r="C38347" s="14" t="s">
        <v>41</v>
      </c>
      <c r="D38347" s="14" t="s">
        <v>231</v>
      </c>
      <c r="E38347" s="15">
        <v>45398</v>
      </c>
      <c r="F38347" s="14" t="s">
        <v>15</v>
      </c>
      <c r="G38347" s="16">
        <v>0</v>
      </c>
    </row>
    <row r="38348" spans="1:7" x14ac:dyDescent="0.3">
      <c r="A38348" s="13" t="s">
        <v>230</v>
      </c>
      <c r="B38348" s="14" t="s">
        <v>1</v>
      </c>
      <c r="C38348" s="14" t="s">
        <v>41</v>
      </c>
      <c r="D38348" s="14" t="s">
        <v>231</v>
      </c>
      <c r="E38348" s="15">
        <v>45399</v>
      </c>
      <c r="F38348" s="14" t="s">
        <v>15</v>
      </c>
      <c r="G38348" s="16">
        <v>0</v>
      </c>
    </row>
    <row r="38349" spans="1:7" x14ac:dyDescent="0.3">
      <c r="A38349" s="13" t="s">
        <v>230</v>
      </c>
      <c r="B38349" s="14" t="s">
        <v>1</v>
      </c>
      <c r="C38349" s="14" t="s">
        <v>41</v>
      </c>
      <c r="D38349" s="14" t="s">
        <v>231</v>
      </c>
      <c r="E38349" s="15">
        <v>45400</v>
      </c>
      <c r="F38349" s="14" t="s">
        <v>15</v>
      </c>
      <c r="G38349" s="16">
        <v>0</v>
      </c>
    </row>
    <row r="38350" spans="1:7" x14ac:dyDescent="0.3">
      <c r="A38350" s="13" t="s">
        <v>230</v>
      </c>
      <c r="B38350" s="14" t="s">
        <v>1</v>
      </c>
      <c r="C38350" s="14" t="s">
        <v>41</v>
      </c>
      <c r="D38350" s="14" t="s">
        <v>231</v>
      </c>
      <c r="E38350" s="15">
        <v>45401</v>
      </c>
      <c r="F38350" s="14" t="s">
        <v>15</v>
      </c>
      <c r="G38350" s="16">
        <v>0</v>
      </c>
    </row>
    <row r="38351" spans="1:7" x14ac:dyDescent="0.3">
      <c r="A38351" s="13" t="s">
        <v>230</v>
      </c>
      <c r="B38351" s="14" t="s">
        <v>1</v>
      </c>
      <c r="C38351" s="14" t="s">
        <v>41</v>
      </c>
      <c r="D38351" s="14" t="s">
        <v>231</v>
      </c>
      <c r="E38351" s="15">
        <v>45402</v>
      </c>
      <c r="F38351" s="14" t="s">
        <v>15</v>
      </c>
      <c r="G38351" s="16">
        <v>0</v>
      </c>
    </row>
    <row r="38352" spans="1:7" x14ac:dyDescent="0.3">
      <c r="A38352" s="13" t="s">
        <v>230</v>
      </c>
      <c r="B38352" s="14" t="s">
        <v>1</v>
      </c>
      <c r="C38352" s="14" t="s">
        <v>41</v>
      </c>
      <c r="D38352" s="14" t="s">
        <v>231</v>
      </c>
      <c r="E38352" s="15">
        <v>45403</v>
      </c>
      <c r="F38352" s="14" t="s">
        <v>15</v>
      </c>
      <c r="G38352" s="16">
        <v>0</v>
      </c>
    </row>
    <row r="38353" spans="1:7" x14ac:dyDescent="0.3">
      <c r="A38353" s="13" t="s">
        <v>230</v>
      </c>
      <c r="B38353" s="14" t="s">
        <v>1</v>
      </c>
      <c r="C38353" s="14" t="s">
        <v>41</v>
      </c>
      <c r="D38353" s="14" t="s">
        <v>231</v>
      </c>
      <c r="E38353" s="15">
        <v>45404</v>
      </c>
      <c r="F38353" s="14" t="s">
        <v>15</v>
      </c>
      <c r="G38353" s="16">
        <v>0</v>
      </c>
    </row>
    <row r="38354" spans="1:7" x14ac:dyDescent="0.3">
      <c r="A38354" s="13" t="s">
        <v>230</v>
      </c>
      <c r="B38354" s="14" t="s">
        <v>1</v>
      </c>
      <c r="C38354" s="14" t="s">
        <v>41</v>
      </c>
      <c r="D38354" s="14" t="s">
        <v>231</v>
      </c>
      <c r="E38354" s="15">
        <v>45405</v>
      </c>
      <c r="F38354" s="14" t="s">
        <v>15</v>
      </c>
      <c r="G38354" s="16">
        <v>0</v>
      </c>
    </row>
    <row r="38355" spans="1:7" x14ac:dyDescent="0.3">
      <c r="A38355" s="13" t="s">
        <v>230</v>
      </c>
      <c r="B38355" s="14" t="s">
        <v>1</v>
      </c>
      <c r="C38355" s="14" t="s">
        <v>41</v>
      </c>
      <c r="D38355" s="14" t="s">
        <v>231</v>
      </c>
      <c r="E38355" s="15">
        <v>45406</v>
      </c>
      <c r="F38355" s="14" t="s">
        <v>15</v>
      </c>
      <c r="G38355" s="16">
        <v>0</v>
      </c>
    </row>
    <row r="38356" spans="1:7" x14ac:dyDescent="0.3">
      <c r="A38356" s="13" t="s">
        <v>230</v>
      </c>
      <c r="B38356" s="14" t="s">
        <v>1</v>
      </c>
      <c r="C38356" s="14" t="s">
        <v>41</v>
      </c>
      <c r="D38356" s="14" t="s">
        <v>231</v>
      </c>
      <c r="E38356" s="15">
        <v>45407</v>
      </c>
      <c r="F38356" s="14" t="s">
        <v>15</v>
      </c>
      <c r="G38356" s="16">
        <v>0</v>
      </c>
    </row>
    <row r="38357" spans="1:7" x14ac:dyDescent="0.3">
      <c r="A38357" s="13" t="s">
        <v>230</v>
      </c>
      <c r="B38357" s="14" t="s">
        <v>1</v>
      </c>
      <c r="C38357" s="14" t="s">
        <v>41</v>
      </c>
      <c r="D38357" s="14" t="s">
        <v>231</v>
      </c>
      <c r="E38357" s="15">
        <v>45408</v>
      </c>
      <c r="F38357" s="14" t="s">
        <v>15</v>
      </c>
      <c r="G38357" s="16">
        <v>0</v>
      </c>
    </row>
    <row r="38358" spans="1:7" x14ac:dyDescent="0.3">
      <c r="A38358" s="13" t="s">
        <v>230</v>
      </c>
      <c r="B38358" s="14" t="s">
        <v>1</v>
      </c>
      <c r="C38358" s="14" t="s">
        <v>41</v>
      </c>
      <c r="D38358" s="14" t="s">
        <v>231</v>
      </c>
      <c r="E38358" s="15">
        <v>45409</v>
      </c>
      <c r="F38358" s="14" t="s">
        <v>15</v>
      </c>
      <c r="G38358" s="16">
        <v>0</v>
      </c>
    </row>
    <row r="38359" spans="1:7" x14ac:dyDescent="0.3">
      <c r="A38359" s="13" t="s">
        <v>230</v>
      </c>
      <c r="B38359" s="14" t="s">
        <v>1</v>
      </c>
      <c r="C38359" s="14" t="s">
        <v>41</v>
      </c>
      <c r="D38359" s="14" t="s">
        <v>231</v>
      </c>
      <c r="E38359" s="15">
        <v>45410</v>
      </c>
      <c r="F38359" s="14" t="s">
        <v>15</v>
      </c>
      <c r="G38359" s="16">
        <v>0</v>
      </c>
    </row>
    <row r="38360" spans="1:7" x14ac:dyDescent="0.3">
      <c r="A38360" s="13" t="s">
        <v>230</v>
      </c>
      <c r="B38360" s="14" t="s">
        <v>1</v>
      </c>
      <c r="C38360" s="14" t="s">
        <v>41</v>
      </c>
      <c r="D38360" s="14" t="s">
        <v>231</v>
      </c>
      <c r="E38360" s="15">
        <v>45411</v>
      </c>
      <c r="F38360" s="14" t="s">
        <v>15</v>
      </c>
      <c r="G38360" s="16">
        <v>0</v>
      </c>
    </row>
    <row r="38361" spans="1:7" x14ac:dyDescent="0.3">
      <c r="A38361" s="13" t="s">
        <v>230</v>
      </c>
      <c r="B38361" s="14" t="s">
        <v>1</v>
      </c>
      <c r="C38361" s="14" t="s">
        <v>41</v>
      </c>
      <c r="D38361" s="14" t="s">
        <v>231</v>
      </c>
      <c r="E38361" s="15">
        <v>45412</v>
      </c>
      <c r="F38361" s="14" t="s">
        <v>15</v>
      </c>
      <c r="G38361" s="16">
        <v>0</v>
      </c>
    </row>
    <row r="38362" spans="1:7" x14ac:dyDescent="0.3">
      <c r="A38362" s="13" t="s">
        <v>230</v>
      </c>
      <c r="B38362" s="14" t="s">
        <v>1</v>
      </c>
      <c r="C38362" s="14" t="s">
        <v>41</v>
      </c>
      <c r="D38362" s="14" t="s">
        <v>231</v>
      </c>
      <c r="E38362" s="15">
        <v>45413</v>
      </c>
      <c r="F38362" s="14" t="s">
        <v>15</v>
      </c>
      <c r="G38362" s="16">
        <v>0</v>
      </c>
    </row>
    <row r="38363" spans="1:7" x14ac:dyDescent="0.3">
      <c r="A38363" s="13" t="s">
        <v>230</v>
      </c>
      <c r="B38363" s="14" t="s">
        <v>1</v>
      </c>
      <c r="C38363" s="14" t="s">
        <v>41</v>
      </c>
      <c r="D38363" s="14" t="s">
        <v>231</v>
      </c>
      <c r="E38363" s="15">
        <v>45414</v>
      </c>
      <c r="F38363" s="14" t="s">
        <v>15</v>
      </c>
      <c r="G38363" s="16">
        <v>0</v>
      </c>
    </row>
    <row r="38364" spans="1:7" x14ac:dyDescent="0.3">
      <c r="A38364" s="13" t="s">
        <v>230</v>
      </c>
      <c r="B38364" s="14" t="s">
        <v>1</v>
      </c>
      <c r="C38364" s="14" t="s">
        <v>41</v>
      </c>
      <c r="D38364" s="14" t="s">
        <v>231</v>
      </c>
      <c r="E38364" s="15">
        <v>45415</v>
      </c>
      <c r="F38364" s="14" t="s">
        <v>15</v>
      </c>
      <c r="G38364" s="16">
        <v>0</v>
      </c>
    </row>
    <row r="38365" spans="1:7" x14ac:dyDescent="0.3">
      <c r="A38365" s="13" t="s">
        <v>230</v>
      </c>
      <c r="B38365" s="14" t="s">
        <v>1</v>
      </c>
      <c r="C38365" s="14" t="s">
        <v>41</v>
      </c>
      <c r="D38365" s="14" t="s">
        <v>231</v>
      </c>
      <c r="E38365" s="15">
        <v>45416</v>
      </c>
      <c r="F38365" s="14" t="s">
        <v>15</v>
      </c>
      <c r="G38365" s="16">
        <v>0</v>
      </c>
    </row>
    <row r="38366" spans="1:7" x14ac:dyDescent="0.3">
      <c r="A38366" s="13" t="s">
        <v>230</v>
      </c>
      <c r="B38366" s="14" t="s">
        <v>1</v>
      </c>
      <c r="C38366" s="14" t="s">
        <v>41</v>
      </c>
      <c r="D38366" s="14" t="s">
        <v>231</v>
      </c>
      <c r="E38366" s="15">
        <v>45417</v>
      </c>
      <c r="F38366" s="14" t="s">
        <v>15</v>
      </c>
      <c r="G38366" s="16">
        <v>0</v>
      </c>
    </row>
    <row r="38367" spans="1:7" x14ac:dyDescent="0.3">
      <c r="A38367" s="13" t="s">
        <v>230</v>
      </c>
      <c r="B38367" s="14" t="s">
        <v>1</v>
      </c>
      <c r="C38367" s="14" t="s">
        <v>41</v>
      </c>
      <c r="D38367" s="14" t="s">
        <v>231</v>
      </c>
      <c r="E38367" s="15">
        <v>45418</v>
      </c>
      <c r="F38367" s="14" t="s">
        <v>15</v>
      </c>
      <c r="G38367" s="16">
        <v>0</v>
      </c>
    </row>
    <row r="38368" spans="1:7" x14ac:dyDescent="0.3">
      <c r="A38368" s="13" t="s">
        <v>230</v>
      </c>
      <c r="B38368" s="14" t="s">
        <v>1</v>
      </c>
      <c r="C38368" s="14" t="s">
        <v>41</v>
      </c>
      <c r="D38368" s="14" t="s">
        <v>231</v>
      </c>
      <c r="E38368" s="15">
        <v>45419</v>
      </c>
      <c r="F38368" s="14" t="s">
        <v>15</v>
      </c>
      <c r="G38368" s="16">
        <v>0</v>
      </c>
    </row>
    <row r="38369" spans="1:7" x14ac:dyDescent="0.3">
      <c r="A38369" s="13" t="s">
        <v>230</v>
      </c>
      <c r="B38369" s="14" t="s">
        <v>1</v>
      </c>
      <c r="C38369" s="14" t="s">
        <v>41</v>
      </c>
      <c r="D38369" s="14" t="s">
        <v>231</v>
      </c>
      <c r="E38369" s="15">
        <v>45420</v>
      </c>
      <c r="F38369" s="14" t="s">
        <v>15</v>
      </c>
      <c r="G38369" s="16">
        <v>0</v>
      </c>
    </row>
    <row r="38370" spans="1:7" x14ac:dyDescent="0.3">
      <c r="A38370" s="13" t="s">
        <v>230</v>
      </c>
      <c r="B38370" s="14" t="s">
        <v>1</v>
      </c>
      <c r="C38370" s="14" t="s">
        <v>41</v>
      </c>
      <c r="D38370" s="14" t="s">
        <v>231</v>
      </c>
      <c r="E38370" s="15">
        <v>45421</v>
      </c>
      <c r="F38370" s="14" t="s">
        <v>15</v>
      </c>
      <c r="G38370" s="16">
        <v>0</v>
      </c>
    </row>
    <row r="38371" spans="1:7" x14ac:dyDescent="0.3">
      <c r="A38371" s="13" t="s">
        <v>230</v>
      </c>
      <c r="B38371" s="14" t="s">
        <v>1</v>
      </c>
      <c r="C38371" s="14" t="s">
        <v>41</v>
      </c>
      <c r="D38371" s="14" t="s">
        <v>231</v>
      </c>
      <c r="E38371" s="15">
        <v>45422</v>
      </c>
      <c r="F38371" s="14" t="s">
        <v>15</v>
      </c>
      <c r="G38371" s="16">
        <v>0</v>
      </c>
    </row>
    <row r="38372" spans="1:7" x14ac:dyDescent="0.3">
      <c r="A38372" s="13" t="s">
        <v>230</v>
      </c>
      <c r="B38372" s="14" t="s">
        <v>1</v>
      </c>
      <c r="C38372" s="14" t="s">
        <v>41</v>
      </c>
      <c r="D38372" s="14" t="s">
        <v>231</v>
      </c>
      <c r="E38372" s="15">
        <v>45423</v>
      </c>
      <c r="F38372" s="14" t="s">
        <v>15</v>
      </c>
      <c r="G38372" s="16">
        <v>0</v>
      </c>
    </row>
    <row r="38373" spans="1:7" x14ac:dyDescent="0.3">
      <c r="A38373" s="13" t="s">
        <v>230</v>
      </c>
      <c r="B38373" s="14" t="s">
        <v>1</v>
      </c>
      <c r="C38373" s="14" t="s">
        <v>41</v>
      </c>
      <c r="D38373" s="14" t="s">
        <v>231</v>
      </c>
      <c r="E38373" s="15">
        <v>45424</v>
      </c>
      <c r="F38373" s="14" t="s">
        <v>15</v>
      </c>
      <c r="G38373" s="16">
        <v>0</v>
      </c>
    </row>
    <row r="38374" spans="1:7" x14ac:dyDescent="0.3">
      <c r="A38374" s="13" t="s">
        <v>230</v>
      </c>
      <c r="B38374" s="14" t="s">
        <v>1</v>
      </c>
      <c r="C38374" s="14" t="s">
        <v>41</v>
      </c>
      <c r="D38374" s="14" t="s">
        <v>231</v>
      </c>
      <c r="E38374" s="15">
        <v>45425</v>
      </c>
      <c r="F38374" s="14" t="s">
        <v>15</v>
      </c>
      <c r="G38374" s="16">
        <v>0</v>
      </c>
    </row>
    <row r="38375" spans="1:7" x14ac:dyDescent="0.3">
      <c r="A38375" s="13" t="s">
        <v>230</v>
      </c>
      <c r="B38375" s="14" t="s">
        <v>1</v>
      </c>
      <c r="C38375" s="14" t="s">
        <v>41</v>
      </c>
      <c r="D38375" s="14" t="s">
        <v>231</v>
      </c>
      <c r="E38375" s="15">
        <v>45426</v>
      </c>
      <c r="F38375" s="14" t="s">
        <v>15</v>
      </c>
      <c r="G38375" s="16">
        <v>0</v>
      </c>
    </row>
    <row r="38376" spans="1:7" x14ac:dyDescent="0.3">
      <c r="A38376" s="13" t="s">
        <v>230</v>
      </c>
      <c r="B38376" s="14" t="s">
        <v>1</v>
      </c>
      <c r="C38376" s="14" t="s">
        <v>41</v>
      </c>
      <c r="D38376" s="14" t="s">
        <v>231</v>
      </c>
      <c r="E38376" s="15">
        <v>45427</v>
      </c>
      <c r="F38376" s="14" t="s">
        <v>15</v>
      </c>
      <c r="G38376" s="16">
        <v>0</v>
      </c>
    </row>
    <row r="38377" spans="1:7" x14ac:dyDescent="0.3">
      <c r="A38377" s="13" t="s">
        <v>230</v>
      </c>
      <c r="B38377" s="14" t="s">
        <v>1</v>
      </c>
      <c r="C38377" s="14" t="s">
        <v>41</v>
      </c>
      <c r="D38377" s="14" t="s">
        <v>231</v>
      </c>
      <c r="E38377" s="15">
        <v>45428</v>
      </c>
      <c r="F38377" s="14" t="s">
        <v>15</v>
      </c>
      <c r="G38377" s="16">
        <v>0</v>
      </c>
    </row>
    <row r="38378" spans="1:7" x14ac:dyDescent="0.3">
      <c r="A38378" s="13" t="s">
        <v>230</v>
      </c>
      <c r="B38378" s="14" t="s">
        <v>1</v>
      </c>
      <c r="C38378" s="14" t="s">
        <v>41</v>
      </c>
      <c r="D38378" s="14" t="s">
        <v>231</v>
      </c>
      <c r="E38378" s="15">
        <v>45429</v>
      </c>
      <c r="F38378" s="14" t="s">
        <v>15</v>
      </c>
      <c r="G38378" s="16">
        <v>0</v>
      </c>
    </row>
    <row r="38379" spans="1:7" x14ac:dyDescent="0.3">
      <c r="A38379" s="13" t="s">
        <v>230</v>
      </c>
      <c r="B38379" s="14" t="s">
        <v>1</v>
      </c>
      <c r="C38379" s="14" t="s">
        <v>41</v>
      </c>
      <c r="D38379" s="14" t="s">
        <v>231</v>
      </c>
      <c r="E38379" s="15">
        <v>45430</v>
      </c>
      <c r="F38379" s="14" t="s">
        <v>15</v>
      </c>
      <c r="G38379" s="16">
        <v>0</v>
      </c>
    </row>
    <row r="38380" spans="1:7" x14ac:dyDescent="0.3">
      <c r="A38380" s="13" t="s">
        <v>230</v>
      </c>
      <c r="B38380" s="14" t="s">
        <v>1</v>
      </c>
      <c r="C38380" s="14" t="s">
        <v>41</v>
      </c>
      <c r="D38380" s="14" t="s">
        <v>231</v>
      </c>
      <c r="E38380" s="15">
        <v>45431</v>
      </c>
      <c r="F38380" s="14" t="s">
        <v>15</v>
      </c>
      <c r="G38380" s="16">
        <v>0</v>
      </c>
    </row>
    <row r="38381" spans="1:7" x14ac:dyDescent="0.3">
      <c r="A38381" s="13" t="s">
        <v>230</v>
      </c>
      <c r="B38381" s="14" t="s">
        <v>1</v>
      </c>
      <c r="C38381" s="14" t="s">
        <v>41</v>
      </c>
      <c r="D38381" s="14" t="s">
        <v>231</v>
      </c>
      <c r="E38381" s="15">
        <v>45432</v>
      </c>
      <c r="F38381" s="14" t="s">
        <v>15</v>
      </c>
      <c r="G38381" s="16">
        <v>0</v>
      </c>
    </row>
    <row r="38382" spans="1:7" x14ac:dyDescent="0.3">
      <c r="A38382" s="13" t="s">
        <v>230</v>
      </c>
      <c r="B38382" s="14" t="s">
        <v>1</v>
      </c>
      <c r="C38382" s="14" t="s">
        <v>41</v>
      </c>
      <c r="D38382" s="14" t="s">
        <v>231</v>
      </c>
      <c r="E38382" s="15">
        <v>45433</v>
      </c>
      <c r="F38382" s="14" t="s">
        <v>15</v>
      </c>
      <c r="G38382" s="16">
        <v>0</v>
      </c>
    </row>
    <row r="38383" spans="1:7" x14ac:dyDescent="0.3">
      <c r="A38383" s="13" t="s">
        <v>230</v>
      </c>
      <c r="B38383" s="14" t="s">
        <v>1</v>
      </c>
      <c r="C38383" s="14" t="s">
        <v>41</v>
      </c>
      <c r="D38383" s="14" t="s">
        <v>231</v>
      </c>
      <c r="E38383" s="15">
        <v>45434</v>
      </c>
      <c r="F38383" s="14" t="s">
        <v>15</v>
      </c>
      <c r="G38383" s="16">
        <v>0</v>
      </c>
    </row>
    <row r="38384" spans="1:7" x14ac:dyDescent="0.3">
      <c r="A38384" s="13" t="s">
        <v>230</v>
      </c>
      <c r="B38384" s="14" t="s">
        <v>1</v>
      </c>
      <c r="C38384" s="14" t="s">
        <v>41</v>
      </c>
      <c r="D38384" s="14" t="s">
        <v>231</v>
      </c>
      <c r="E38384" s="15">
        <v>45435</v>
      </c>
      <c r="F38384" s="14" t="s">
        <v>15</v>
      </c>
      <c r="G38384" s="16">
        <v>0</v>
      </c>
    </row>
    <row r="38385" spans="1:7" x14ac:dyDescent="0.3">
      <c r="A38385" s="13" t="s">
        <v>230</v>
      </c>
      <c r="B38385" s="14" t="s">
        <v>1</v>
      </c>
      <c r="C38385" s="14" t="s">
        <v>41</v>
      </c>
      <c r="D38385" s="14" t="s">
        <v>231</v>
      </c>
      <c r="E38385" s="15">
        <v>45436</v>
      </c>
      <c r="F38385" s="14" t="s">
        <v>15</v>
      </c>
      <c r="G38385" s="16">
        <v>0</v>
      </c>
    </row>
    <row r="38386" spans="1:7" x14ac:dyDescent="0.3">
      <c r="A38386" s="13" t="s">
        <v>230</v>
      </c>
      <c r="B38386" s="14" t="s">
        <v>1</v>
      </c>
      <c r="C38386" s="14" t="s">
        <v>41</v>
      </c>
      <c r="D38386" s="14" t="s">
        <v>231</v>
      </c>
      <c r="E38386" s="15">
        <v>45437</v>
      </c>
      <c r="F38386" s="14" t="s">
        <v>15</v>
      </c>
      <c r="G38386" s="16">
        <v>0</v>
      </c>
    </row>
    <row r="38387" spans="1:7" x14ac:dyDescent="0.3">
      <c r="A38387" s="13" t="s">
        <v>230</v>
      </c>
      <c r="B38387" s="14" t="s">
        <v>1</v>
      </c>
      <c r="C38387" s="14" t="s">
        <v>41</v>
      </c>
      <c r="D38387" s="14" t="s">
        <v>231</v>
      </c>
      <c r="E38387" s="15">
        <v>45438</v>
      </c>
      <c r="F38387" s="14" t="s">
        <v>15</v>
      </c>
      <c r="G38387" s="16">
        <v>0</v>
      </c>
    </row>
    <row r="38388" spans="1:7" x14ac:dyDescent="0.3">
      <c r="A38388" s="13" t="s">
        <v>230</v>
      </c>
      <c r="B38388" s="14" t="s">
        <v>1</v>
      </c>
      <c r="C38388" s="14" t="s">
        <v>41</v>
      </c>
      <c r="D38388" s="14" t="s">
        <v>231</v>
      </c>
      <c r="E38388" s="15">
        <v>45439</v>
      </c>
      <c r="F38388" s="14" t="s">
        <v>15</v>
      </c>
      <c r="G38388" s="16">
        <v>0</v>
      </c>
    </row>
    <row r="38389" spans="1:7" x14ac:dyDescent="0.3">
      <c r="A38389" s="13" t="s">
        <v>230</v>
      </c>
      <c r="B38389" s="14" t="s">
        <v>1</v>
      </c>
      <c r="C38389" s="14" t="s">
        <v>41</v>
      </c>
      <c r="D38389" s="14" t="s">
        <v>231</v>
      </c>
      <c r="E38389" s="15">
        <v>45440</v>
      </c>
      <c r="F38389" s="14" t="s">
        <v>15</v>
      </c>
      <c r="G38389" s="16">
        <v>0</v>
      </c>
    </row>
    <row r="38390" spans="1:7" x14ac:dyDescent="0.3">
      <c r="A38390" s="13" t="s">
        <v>230</v>
      </c>
      <c r="B38390" s="14" t="s">
        <v>1</v>
      </c>
      <c r="C38390" s="14" t="s">
        <v>41</v>
      </c>
      <c r="D38390" s="14" t="s">
        <v>231</v>
      </c>
      <c r="E38390" s="15">
        <v>45441</v>
      </c>
      <c r="F38390" s="14" t="s">
        <v>15</v>
      </c>
      <c r="G38390" s="16">
        <v>0</v>
      </c>
    </row>
    <row r="38391" spans="1:7" x14ac:dyDescent="0.3">
      <c r="A38391" s="13" t="s">
        <v>230</v>
      </c>
      <c r="B38391" s="14" t="s">
        <v>1</v>
      </c>
      <c r="C38391" s="14" t="s">
        <v>41</v>
      </c>
      <c r="D38391" s="14" t="s">
        <v>231</v>
      </c>
      <c r="E38391" s="15">
        <v>45442</v>
      </c>
      <c r="F38391" s="14" t="s">
        <v>15</v>
      </c>
      <c r="G38391" s="16">
        <v>0</v>
      </c>
    </row>
    <row r="38392" spans="1:7" x14ac:dyDescent="0.3">
      <c r="A38392" s="13" t="s">
        <v>230</v>
      </c>
      <c r="B38392" s="14" t="s">
        <v>1</v>
      </c>
      <c r="C38392" s="14" t="s">
        <v>41</v>
      </c>
      <c r="D38392" s="14" t="s">
        <v>231</v>
      </c>
      <c r="E38392" s="15">
        <v>45443</v>
      </c>
      <c r="F38392" s="14" t="s">
        <v>15</v>
      </c>
      <c r="G38392" s="16">
        <v>0</v>
      </c>
    </row>
    <row r="38393" spans="1:7" x14ac:dyDescent="0.3">
      <c r="A38393" s="13" t="s">
        <v>230</v>
      </c>
      <c r="B38393" s="14" t="s">
        <v>1</v>
      </c>
      <c r="C38393" s="14" t="s">
        <v>41</v>
      </c>
      <c r="D38393" s="14" t="s">
        <v>231</v>
      </c>
      <c r="E38393" s="15">
        <v>45444</v>
      </c>
      <c r="F38393" s="14" t="s">
        <v>15</v>
      </c>
      <c r="G38393" s="16">
        <v>0</v>
      </c>
    </row>
    <row r="38394" spans="1:7" x14ac:dyDescent="0.3">
      <c r="A38394" s="13" t="s">
        <v>230</v>
      </c>
      <c r="B38394" s="14" t="s">
        <v>1</v>
      </c>
      <c r="C38394" s="14" t="s">
        <v>41</v>
      </c>
      <c r="D38394" s="14" t="s">
        <v>231</v>
      </c>
      <c r="E38394" s="15">
        <v>45445</v>
      </c>
      <c r="F38394" s="14" t="s">
        <v>15</v>
      </c>
      <c r="G38394" s="16">
        <v>0</v>
      </c>
    </row>
    <row r="38395" spans="1:7" x14ac:dyDescent="0.3">
      <c r="A38395" s="13" t="s">
        <v>230</v>
      </c>
      <c r="B38395" s="14" t="s">
        <v>1</v>
      </c>
      <c r="C38395" s="14" t="s">
        <v>41</v>
      </c>
      <c r="D38395" s="14" t="s">
        <v>231</v>
      </c>
      <c r="E38395" s="15">
        <v>45446</v>
      </c>
      <c r="F38395" s="14" t="s">
        <v>15</v>
      </c>
      <c r="G38395" s="16">
        <v>0</v>
      </c>
    </row>
    <row r="38396" spans="1:7" x14ac:dyDescent="0.3">
      <c r="A38396" s="13" t="s">
        <v>230</v>
      </c>
      <c r="B38396" s="14" t="s">
        <v>1</v>
      </c>
      <c r="C38396" s="14" t="s">
        <v>41</v>
      </c>
      <c r="D38396" s="14" t="s">
        <v>231</v>
      </c>
      <c r="E38396" s="15">
        <v>45447</v>
      </c>
      <c r="F38396" s="14" t="s">
        <v>15</v>
      </c>
      <c r="G38396" s="16">
        <v>0</v>
      </c>
    </row>
    <row r="38397" spans="1:7" x14ac:dyDescent="0.3">
      <c r="A38397" s="13" t="s">
        <v>230</v>
      </c>
      <c r="B38397" s="14" t="s">
        <v>1</v>
      </c>
      <c r="C38397" s="14" t="s">
        <v>41</v>
      </c>
      <c r="D38397" s="14" t="s">
        <v>231</v>
      </c>
      <c r="E38397" s="15">
        <v>45448</v>
      </c>
      <c r="F38397" s="14" t="s">
        <v>15</v>
      </c>
      <c r="G38397" s="16">
        <v>0</v>
      </c>
    </row>
    <row r="38398" spans="1:7" x14ac:dyDescent="0.3">
      <c r="A38398" s="13" t="s">
        <v>230</v>
      </c>
      <c r="B38398" s="14" t="s">
        <v>1</v>
      </c>
      <c r="C38398" s="14" t="s">
        <v>41</v>
      </c>
      <c r="D38398" s="14" t="s">
        <v>231</v>
      </c>
      <c r="E38398" s="15">
        <v>45449</v>
      </c>
      <c r="F38398" s="14" t="s">
        <v>15</v>
      </c>
      <c r="G38398" s="16">
        <v>0</v>
      </c>
    </row>
    <row r="38399" spans="1:7" x14ac:dyDescent="0.3">
      <c r="A38399" s="13" t="s">
        <v>230</v>
      </c>
      <c r="B38399" s="14" t="s">
        <v>1</v>
      </c>
      <c r="C38399" s="14" t="s">
        <v>41</v>
      </c>
      <c r="D38399" s="14" t="s">
        <v>231</v>
      </c>
      <c r="E38399" s="15">
        <v>45450</v>
      </c>
      <c r="F38399" s="14" t="s">
        <v>15</v>
      </c>
      <c r="G38399" s="16">
        <v>0</v>
      </c>
    </row>
    <row r="38400" spans="1:7" x14ac:dyDescent="0.3">
      <c r="A38400" s="13" t="s">
        <v>230</v>
      </c>
      <c r="B38400" s="14" t="s">
        <v>1</v>
      </c>
      <c r="C38400" s="14" t="s">
        <v>41</v>
      </c>
      <c r="D38400" s="14" t="s">
        <v>231</v>
      </c>
      <c r="E38400" s="15">
        <v>45451</v>
      </c>
      <c r="F38400" s="14" t="s">
        <v>15</v>
      </c>
      <c r="G38400" s="16">
        <v>0</v>
      </c>
    </row>
    <row r="38401" spans="1:7" x14ac:dyDescent="0.3">
      <c r="A38401" s="13" t="s">
        <v>230</v>
      </c>
      <c r="B38401" s="14" t="s">
        <v>1</v>
      </c>
      <c r="C38401" s="14" t="s">
        <v>41</v>
      </c>
      <c r="D38401" s="14" t="s">
        <v>231</v>
      </c>
      <c r="E38401" s="15">
        <v>45452</v>
      </c>
      <c r="F38401" s="14" t="s">
        <v>15</v>
      </c>
      <c r="G38401" s="16">
        <v>0</v>
      </c>
    </row>
    <row r="38402" spans="1:7" x14ac:dyDescent="0.3">
      <c r="A38402" s="13" t="s">
        <v>230</v>
      </c>
      <c r="B38402" s="14" t="s">
        <v>1</v>
      </c>
      <c r="C38402" s="14" t="s">
        <v>41</v>
      </c>
      <c r="D38402" s="14" t="s">
        <v>231</v>
      </c>
      <c r="E38402" s="15">
        <v>45453</v>
      </c>
      <c r="F38402" s="14" t="s">
        <v>15</v>
      </c>
      <c r="G38402" s="16">
        <v>0</v>
      </c>
    </row>
    <row r="38403" spans="1:7" x14ac:dyDescent="0.3">
      <c r="A38403" s="13" t="s">
        <v>230</v>
      </c>
      <c r="B38403" s="14" t="s">
        <v>1</v>
      </c>
      <c r="C38403" s="14" t="s">
        <v>41</v>
      </c>
      <c r="D38403" s="14" t="s">
        <v>231</v>
      </c>
      <c r="E38403" s="15">
        <v>45454</v>
      </c>
      <c r="F38403" s="14" t="s">
        <v>15</v>
      </c>
      <c r="G38403" s="16">
        <v>0</v>
      </c>
    </row>
    <row r="38404" spans="1:7" x14ac:dyDescent="0.3">
      <c r="A38404" s="13" t="s">
        <v>230</v>
      </c>
      <c r="B38404" s="14" t="s">
        <v>1</v>
      </c>
      <c r="C38404" s="14" t="s">
        <v>41</v>
      </c>
      <c r="D38404" s="14" t="s">
        <v>231</v>
      </c>
      <c r="E38404" s="15">
        <v>45455</v>
      </c>
      <c r="F38404" s="14" t="s">
        <v>15</v>
      </c>
      <c r="G38404" s="16">
        <v>0</v>
      </c>
    </row>
    <row r="38405" spans="1:7" x14ac:dyDescent="0.3">
      <c r="A38405" s="13" t="s">
        <v>230</v>
      </c>
      <c r="B38405" s="14" t="s">
        <v>1</v>
      </c>
      <c r="C38405" s="14" t="s">
        <v>41</v>
      </c>
      <c r="D38405" s="14" t="s">
        <v>231</v>
      </c>
      <c r="E38405" s="15">
        <v>45456</v>
      </c>
      <c r="F38405" s="14" t="s">
        <v>15</v>
      </c>
      <c r="G38405" s="16">
        <v>0</v>
      </c>
    </row>
    <row r="38406" spans="1:7" x14ac:dyDescent="0.3">
      <c r="A38406" s="13" t="s">
        <v>230</v>
      </c>
      <c r="B38406" s="14" t="s">
        <v>1</v>
      </c>
      <c r="C38406" s="14" t="s">
        <v>41</v>
      </c>
      <c r="D38406" s="14" t="s">
        <v>231</v>
      </c>
      <c r="E38406" s="15">
        <v>45457</v>
      </c>
      <c r="F38406" s="14" t="s">
        <v>15</v>
      </c>
      <c r="G38406" s="16">
        <v>0</v>
      </c>
    </row>
    <row r="38407" spans="1:7" x14ac:dyDescent="0.3">
      <c r="A38407" s="13" t="s">
        <v>230</v>
      </c>
      <c r="B38407" s="14" t="s">
        <v>1</v>
      </c>
      <c r="C38407" s="14" t="s">
        <v>41</v>
      </c>
      <c r="D38407" s="14" t="s">
        <v>231</v>
      </c>
      <c r="E38407" s="15">
        <v>45458</v>
      </c>
      <c r="F38407" s="14" t="s">
        <v>15</v>
      </c>
      <c r="G38407" s="16">
        <v>0</v>
      </c>
    </row>
    <row r="38408" spans="1:7" x14ac:dyDescent="0.3">
      <c r="A38408" s="13" t="s">
        <v>230</v>
      </c>
      <c r="B38408" s="14" t="s">
        <v>1</v>
      </c>
      <c r="C38408" s="14" t="s">
        <v>41</v>
      </c>
      <c r="D38408" s="14" t="s">
        <v>231</v>
      </c>
      <c r="E38408" s="15">
        <v>45459</v>
      </c>
      <c r="F38408" s="14" t="s">
        <v>15</v>
      </c>
      <c r="G38408" s="16">
        <v>0</v>
      </c>
    </row>
    <row r="38409" spans="1:7" x14ac:dyDescent="0.3">
      <c r="A38409" s="13" t="s">
        <v>230</v>
      </c>
      <c r="B38409" s="14" t="s">
        <v>1</v>
      </c>
      <c r="C38409" s="14" t="s">
        <v>41</v>
      </c>
      <c r="D38409" s="14" t="s">
        <v>231</v>
      </c>
      <c r="E38409" s="15">
        <v>45460</v>
      </c>
      <c r="F38409" s="14" t="s">
        <v>15</v>
      </c>
      <c r="G38409" s="16">
        <v>0</v>
      </c>
    </row>
    <row r="38410" spans="1:7" x14ac:dyDescent="0.3">
      <c r="A38410" s="13" t="s">
        <v>230</v>
      </c>
      <c r="B38410" s="14" t="s">
        <v>1</v>
      </c>
      <c r="C38410" s="14" t="s">
        <v>41</v>
      </c>
      <c r="D38410" s="14" t="s">
        <v>231</v>
      </c>
      <c r="E38410" s="15">
        <v>45461</v>
      </c>
      <c r="F38410" s="14" t="s">
        <v>15</v>
      </c>
      <c r="G38410" s="16">
        <v>0</v>
      </c>
    </row>
    <row r="38411" spans="1:7" x14ac:dyDescent="0.3">
      <c r="A38411" s="13" t="s">
        <v>230</v>
      </c>
      <c r="B38411" s="14" t="s">
        <v>1</v>
      </c>
      <c r="C38411" s="14" t="s">
        <v>41</v>
      </c>
      <c r="D38411" s="14" t="s">
        <v>231</v>
      </c>
      <c r="E38411" s="15">
        <v>45462</v>
      </c>
      <c r="F38411" s="14" t="s">
        <v>15</v>
      </c>
      <c r="G38411" s="16">
        <v>0</v>
      </c>
    </row>
    <row r="38412" spans="1:7" x14ac:dyDescent="0.3">
      <c r="A38412" s="13" t="s">
        <v>230</v>
      </c>
      <c r="B38412" s="14" t="s">
        <v>1</v>
      </c>
      <c r="C38412" s="14" t="s">
        <v>41</v>
      </c>
      <c r="D38412" s="14" t="s">
        <v>231</v>
      </c>
      <c r="E38412" s="15">
        <v>45463</v>
      </c>
      <c r="F38412" s="14" t="s">
        <v>15</v>
      </c>
      <c r="G38412" s="16">
        <v>0</v>
      </c>
    </row>
    <row r="38413" spans="1:7" x14ac:dyDescent="0.3">
      <c r="A38413" s="13" t="s">
        <v>230</v>
      </c>
      <c r="B38413" s="14" t="s">
        <v>1</v>
      </c>
      <c r="C38413" s="14" t="s">
        <v>41</v>
      </c>
      <c r="D38413" s="14" t="s">
        <v>231</v>
      </c>
      <c r="E38413" s="15">
        <v>45464</v>
      </c>
      <c r="F38413" s="14" t="s">
        <v>15</v>
      </c>
      <c r="G38413" s="16">
        <v>0</v>
      </c>
    </row>
    <row r="38414" spans="1:7" x14ac:dyDescent="0.3">
      <c r="A38414" s="13" t="s">
        <v>230</v>
      </c>
      <c r="B38414" s="14" t="s">
        <v>1</v>
      </c>
      <c r="C38414" s="14" t="s">
        <v>41</v>
      </c>
      <c r="D38414" s="14" t="s">
        <v>231</v>
      </c>
      <c r="E38414" s="15">
        <v>45465</v>
      </c>
      <c r="F38414" s="14" t="s">
        <v>15</v>
      </c>
      <c r="G38414" s="16">
        <v>0</v>
      </c>
    </row>
    <row r="38415" spans="1:7" x14ac:dyDescent="0.3">
      <c r="A38415" s="13" t="s">
        <v>230</v>
      </c>
      <c r="B38415" s="14" t="s">
        <v>1</v>
      </c>
      <c r="C38415" s="14" t="s">
        <v>41</v>
      </c>
      <c r="D38415" s="14" t="s">
        <v>231</v>
      </c>
      <c r="E38415" s="15">
        <v>45466</v>
      </c>
      <c r="F38415" s="14" t="s">
        <v>15</v>
      </c>
      <c r="G38415" s="16">
        <v>0</v>
      </c>
    </row>
    <row r="38416" spans="1:7" x14ac:dyDescent="0.3">
      <c r="A38416" s="13" t="s">
        <v>230</v>
      </c>
      <c r="B38416" s="14" t="s">
        <v>1</v>
      </c>
      <c r="C38416" s="14" t="s">
        <v>41</v>
      </c>
      <c r="D38416" s="14" t="s">
        <v>231</v>
      </c>
      <c r="E38416" s="15">
        <v>45467</v>
      </c>
      <c r="F38416" s="14" t="s">
        <v>15</v>
      </c>
      <c r="G38416" s="16">
        <v>0</v>
      </c>
    </row>
    <row r="38417" spans="1:7" x14ac:dyDescent="0.3">
      <c r="A38417" s="13" t="s">
        <v>230</v>
      </c>
      <c r="B38417" s="14" t="s">
        <v>1</v>
      </c>
      <c r="C38417" s="14" t="s">
        <v>41</v>
      </c>
      <c r="D38417" s="14" t="s">
        <v>231</v>
      </c>
      <c r="E38417" s="15">
        <v>45468</v>
      </c>
      <c r="F38417" s="14" t="s">
        <v>15</v>
      </c>
      <c r="G38417" s="16">
        <v>0</v>
      </c>
    </row>
    <row r="38418" spans="1:7" x14ac:dyDescent="0.3">
      <c r="A38418" s="13" t="s">
        <v>230</v>
      </c>
      <c r="B38418" s="14" t="s">
        <v>1</v>
      </c>
      <c r="C38418" s="14" t="s">
        <v>41</v>
      </c>
      <c r="D38418" s="14" t="s">
        <v>231</v>
      </c>
      <c r="E38418" s="15">
        <v>45469</v>
      </c>
      <c r="F38418" s="14" t="s">
        <v>15</v>
      </c>
      <c r="G38418" s="16">
        <v>0</v>
      </c>
    </row>
    <row r="38419" spans="1:7" x14ac:dyDescent="0.3">
      <c r="A38419" s="13" t="s">
        <v>230</v>
      </c>
      <c r="B38419" s="14" t="s">
        <v>1</v>
      </c>
      <c r="C38419" s="14" t="s">
        <v>41</v>
      </c>
      <c r="D38419" s="14" t="s">
        <v>231</v>
      </c>
      <c r="E38419" s="15">
        <v>45470</v>
      </c>
      <c r="F38419" s="14" t="s">
        <v>15</v>
      </c>
      <c r="G38419" s="16">
        <v>0</v>
      </c>
    </row>
    <row r="38420" spans="1:7" x14ac:dyDescent="0.3">
      <c r="A38420" s="13" t="s">
        <v>230</v>
      </c>
      <c r="B38420" s="14" t="s">
        <v>1</v>
      </c>
      <c r="C38420" s="14" t="s">
        <v>41</v>
      </c>
      <c r="D38420" s="14" t="s">
        <v>231</v>
      </c>
      <c r="E38420" s="15">
        <v>45471</v>
      </c>
      <c r="F38420" s="14" t="s">
        <v>15</v>
      </c>
      <c r="G38420" s="16">
        <v>0</v>
      </c>
    </row>
    <row r="38421" spans="1:7" x14ac:dyDescent="0.3">
      <c r="A38421" s="13" t="s">
        <v>230</v>
      </c>
      <c r="B38421" s="14" t="s">
        <v>1</v>
      </c>
      <c r="C38421" s="14" t="s">
        <v>41</v>
      </c>
      <c r="D38421" s="14" t="s">
        <v>231</v>
      </c>
      <c r="E38421" s="15">
        <v>45472</v>
      </c>
      <c r="F38421" s="14" t="s">
        <v>15</v>
      </c>
      <c r="G38421" s="16">
        <v>0</v>
      </c>
    </row>
    <row r="38422" spans="1:7" x14ac:dyDescent="0.3">
      <c r="A38422" s="13" t="s">
        <v>230</v>
      </c>
      <c r="B38422" s="14" t="s">
        <v>1</v>
      </c>
      <c r="C38422" s="14" t="s">
        <v>41</v>
      </c>
      <c r="D38422" s="14" t="s">
        <v>231</v>
      </c>
      <c r="E38422" s="15">
        <v>45473</v>
      </c>
      <c r="F38422" s="14" t="s">
        <v>15</v>
      </c>
      <c r="G38422" s="16">
        <v>0</v>
      </c>
    </row>
    <row r="38423" spans="1:7" x14ac:dyDescent="0.3">
      <c r="A38423" s="13" t="s">
        <v>230</v>
      </c>
      <c r="B38423" s="14" t="s">
        <v>1</v>
      </c>
      <c r="C38423" s="14" t="s">
        <v>41</v>
      </c>
      <c r="D38423" s="14" t="s">
        <v>231</v>
      </c>
      <c r="E38423" s="15">
        <v>45474</v>
      </c>
      <c r="F38423" s="14" t="s">
        <v>15</v>
      </c>
      <c r="G38423" s="16">
        <v>0</v>
      </c>
    </row>
    <row r="38424" spans="1:7" x14ac:dyDescent="0.3">
      <c r="A38424" s="13" t="s">
        <v>230</v>
      </c>
      <c r="B38424" s="14" t="s">
        <v>1</v>
      </c>
      <c r="C38424" s="14" t="s">
        <v>41</v>
      </c>
      <c r="D38424" s="14" t="s">
        <v>231</v>
      </c>
      <c r="E38424" s="15">
        <v>45475</v>
      </c>
      <c r="F38424" s="14" t="s">
        <v>15</v>
      </c>
      <c r="G38424" s="16">
        <v>0</v>
      </c>
    </row>
    <row r="38425" spans="1:7" x14ac:dyDescent="0.3">
      <c r="A38425" s="13" t="s">
        <v>230</v>
      </c>
      <c r="B38425" s="14" t="s">
        <v>1</v>
      </c>
      <c r="C38425" s="14" t="s">
        <v>41</v>
      </c>
      <c r="D38425" s="14" t="s">
        <v>231</v>
      </c>
      <c r="E38425" s="15">
        <v>45476</v>
      </c>
      <c r="F38425" s="14" t="s">
        <v>15</v>
      </c>
      <c r="G38425" s="16">
        <v>0</v>
      </c>
    </row>
    <row r="38426" spans="1:7" x14ac:dyDescent="0.3">
      <c r="A38426" s="13" t="s">
        <v>230</v>
      </c>
      <c r="B38426" s="14" t="s">
        <v>1</v>
      </c>
      <c r="C38426" s="14" t="s">
        <v>41</v>
      </c>
      <c r="D38426" s="14" t="s">
        <v>231</v>
      </c>
      <c r="E38426" s="15">
        <v>45477</v>
      </c>
      <c r="F38426" s="14" t="s">
        <v>15</v>
      </c>
      <c r="G38426" s="16">
        <v>0</v>
      </c>
    </row>
    <row r="38427" spans="1:7" x14ac:dyDescent="0.3">
      <c r="A38427" s="13" t="s">
        <v>230</v>
      </c>
      <c r="B38427" s="14" t="s">
        <v>1</v>
      </c>
      <c r="C38427" s="14" t="s">
        <v>41</v>
      </c>
      <c r="D38427" s="14" t="s">
        <v>231</v>
      </c>
      <c r="E38427" s="15">
        <v>45478</v>
      </c>
      <c r="F38427" s="14" t="s">
        <v>15</v>
      </c>
      <c r="G38427" s="16">
        <v>0</v>
      </c>
    </row>
    <row r="38428" spans="1:7" x14ac:dyDescent="0.3">
      <c r="A38428" s="13" t="s">
        <v>230</v>
      </c>
      <c r="B38428" s="14" t="s">
        <v>1</v>
      </c>
      <c r="C38428" s="14" t="s">
        <v>41</v>
      </c>
      <c r="D38428" s="14" t="s">
        <v>231</v>
      </c>
      <c r="E38428" s="15">
        <v>45479</v>
      </c>
      <c r="F38428" s="14" t="s">
        <v>15</v>
      </c>
      <c r="G38428" s="16">
        <v>0</v>
      </c>
    </row>
    <row r="38429" spans="1:7" x14ac:dyDescent="0.3">
      <c r="A38429" s="13" t="s">
        <v>230</v>
      </c>
      <c r="B38429" s="14" t="s">
        <v>1</v>
      </c>
      <c r="C38429" s="14" t="s">
        <v>41</v>
      </c>
      <c r="D38429" s="14" t="s">
        <v>231</v>
      </c>
      <c r="E38429" s="15">
        <v>45480</v>
      </c>
      <c r="F38429" s="14" t="s">
        <v>15</v>
      </c>
      <c r="G38429" s="16">
        <v>0</v>
      </c>
    </row>
    <row r="38430" spans="1:7" x14ac:dyDescent="0.3">
      <c r="A38430" s="13" t="s">
        <v>230</v>
      </c>
      <c r="B38430" s="14" t="s">
        <v>1</v>
      </c>
      <c r="C38430" s="14" t="s">
        <v>41</v>
      </c>
      <c r="D38430" s="14" t="s">
        <v>231</v>
      </c>
      <c r="E38430" s="15">
        <v>45481</v>
      </c>
      <c r="F38430" s="14" t="s">
        <v>15</v>
      </c>
      <c r="G38430" s="16">
        <v>0</v>
      </c>
    </row>
    <row r="38431" spans="1:7" x14ac:dyDescent="0.3">
      <c r="A38431" s="13" t="s">
        <v>230</v>
      </c>
      <c r="B38431" s="14" t="s">
        <v>1</v>
      </c>
      <c r="C38431" s="14" t="s">
        <v>41</v>
      </c>
      <c r="D38431" s="14" t="s">
        <v>231</v>
      </c>
      <c r="E38431" s="15">
        <v>45482</v>
      </c>
      <c r="F38431" s="14" t="s">
        <v>15</v>
      </c>
      <c r="G38431" s="16">
        <v>0</v>
      </c>
    </row>
    <row r="38432" spans="1:7" x14ac:dyDescent="0.3">
      <c r="A38432" s="13" t="s">
        <v>230</v>
      </c>
      <c r="B38432" s="14" t="s">
        <v>1</v>
      </c>
      <c r="C38432" s="14" t="s">
        <v>41</v>
      </c>
      <c r="D38432" s="14" t="s">
        <v>231</v>
      </c>
      <c r="E38432" s="15">
        <v>45483</v>
      </c>
      <c r="F38432" s="14" t="s">
        <v>15</v>
      </c>
      <c r="G38432" s="16">
        <v>0</v>
      </c>
    </row>
    <row r="38433" spans="1:7" x14ac:dyDescent="0.3">
      <c r="A38433" s="13" t="s">
        <v>230</v>
      </c>
      <c r="B38433" s="14" t="s">
        <v>1</v>
      </c>
      <c r="C38433" s="14" t="s">
        <v>41</v>
      </c>
      <c r="D38433" s="14" t="s">
        <v>231</v>
      </c>
      <c r="E38433" s="15">
        <v>45484</v>
      </c>
      <c r="F38433" s="14" t="s">
        <v>15</v>
      </c>
      <c r="G38433" s="16">
        <v>0</v>
      </c>
    </row>
    <row r="38434" spans="1:7" x14ac:dyDescent="0.3">
      <c r="A38434" s="13" t="s">
        <v>230</v>
      </c>
      <c r="B38434" s="14" t="s">
        <v>1</v>
      </c>
      <c r="C38434" s="14" t="s">
        <v>41</v>
      </c>
      <c r="D38434" s="14" t="s">
        <v>231</v>
      </c>
      <c r="E38434" s="15">
        <v>45485</v>
      </c>
      <c r="F38434" s="14" t="s">
        <v>15</v>
      </c>
      <c r="G38434" s="16">
        <v>0</v>
      </c>
    </row>
    <row r="38435" spans="1:7" x14ac:dyDescent="0.3">
      <c r="A38435" s="13" t="s">
        <v>230</v>
      </c>
      <c r="B38435" s="14" t="s">
        <v>1</v>
      </c>
      <c r="C38435" s="14" t="s">
        <v>41</v>
      </c>
      <c r="D38435" s="14" t="s">
        <v>231</v>
      </c>
      <c r="E38435" s="15">
        <v>45486</v>
      </c>
      <c r="F38435" s="14" t="s">
        <v>15</v>
      </c>
      <c r="G38435" s="16">
        <v>0</v>
      </c>
    </row>
    <row r="38436" spans="1:7" x14ac:dyDescent="0.3">
      <c r="A38436" s="13" t="s">
        <v>230</v>
      </c>
      <c r="B38436" s="14" t="s">
        <v>1</v>
      </c>
      <c r="C38436" s="14" t="s">
        <v>41</v>
      </c>
      <c r="D38436" s="14" t="s">
        <v>231</v>
      </c>
      <c r="E38436" s="15">
        <v>45487</v>
      </c>
      <c r="F38436" s="14" t="s">
        <v>15</v>
      </c>
      <c r="G38436" s="16">
        <v>0</v>
      </c>
    </row>
    <row r="38437" spans="1:7" x14ac:dyDescent="0.3">
      <c r="A38437" s="13" t="s">
        <v>230</v>
      </c>
      <c r="B38437" s="14" t="s">
        <v>1</v>
      </c>
      <c r="C38437" s="14" t="s">
        <v>41</v>
      </c>
      <c r="D38437" s="14" t="s">
        <v>231</v>
      </c>
      <c r="E38437" s="15">
        <v>45488</v>
      </c>
      <c r="F38437" s="14" t="s">
        <v>15</v>
      </c>
      <c r="G38437" s="16">
        <v>0</v>
      </c>
    </row>
    <row r="38438" spans="1:7" x14ac:dyDescent="0.3">
      <c r="A38438" s="13" t="s">
        <v>230</v>
      </c>
      <c r="B38438" s="14" t="s">
        <v>1</v>
      </c>
      <c r="C38438" s="14" t="s">
        <v>41</v>
      </c>
      <c r="D38438" s="14" t="s">
        <v>231</v>
      </c>
      <c r="E38438" s="15">
        <v>45489</v>
      </c>
      <c r="F38438" s="14" t="s">
        <v>15</v>
      </c>
      <c r="G38438" s="16">
        <v>0</v>
      </c>
    </row>
    <row r="38439" spans="1:7" x14ac:dyDescent="0.3">
      <c r="A38439" s="13" t="s">
        <v>230</v>
      </c>
      <c r="B38439" s="14" t="s">
        <v>1</v>
      </c>
      <c r="C38439" s="14" t="s">
        <v>41</v>
      </c>
      <c r="D38439" s="14" t="s">
        <v>231</v>
      </c>
      <c r="E38439" s="15">
        <v>45490</v>
      </c>
      <c r="F38439" s="14" t="s">
        <v>15</v>
      </c>
      <c r="G38439" s="16">
        <v>0</v>
      </c>
    </row>
    <row r="38440" spans="1:7" x14ac:dyDescent="0.3">
      <c r="A38440" s="13" t="s">
        <v>230</v>
      </c>
      <c r="B38440" s="14" t="s">
        <v>1</v>
      </c>
      <c r="C38440" s="14" t="s">
        <v>41</v>
      </c>
      <c r="D38440" s="14" t="s">
        <v>231</v>
      </c>
      <c r="E38440" s="15">
        <v>45491</v>
      </c>
      <c r="F38440" s="14" t="s">
        <v>15</v>
      </c>
      <c r="G38440" s="16">
        <v>0</v>
      </c>
    </row>
    <row r="38441" spans="1:7" x14ac:dyDescent="0.3">
      <c r="A38441" s="13" t="s">
        <v>230</v>
      </c>
      <c r="B38441" s="14" t="s">
        <v>1</v>
      </c>
      <c r="C38441" s="14" t="s">
        <v>41</v>
      </c>
      <c r="D38441" s="14" t="s">
        <v>231</v>
      </c>
      <c r="E38441" s="15">
        <v>45492</v>
      </c>
      <c r="F38441" s="14" t="s">
        <v>15</v>
      </c>
      <c r="G38441" s="16">
        <v>0</v>
      </c>
    </row>
    <row r="38442" spans="1:7" x14ac:dyDescent="0.3">
      <c r="A38442" s="13" t="s">
        <v>230</v>
      </c>
      <c r="B38442" s="14" t="s">
        <v>1</v>
      </c>
      <c r="C38442" s="14" t="s">
        <v>41</v>
      </c>
      <c r="D38442" s="14" t="s">
        <v>231</v>
      </c>
      <c r="E38442" s="15">
        <v>45493</v>
      </c>
      <c r="F38442" s="14" t="s">
        <v>15</v>
      </c>
      <c r="G38442" s="16">
        <v>0</v>
      </c>
    </row>
    <row r="38443" spans="1:7" x14ac:dyDescent="0.3">
      <c r="A38443" s="13" t="s">
        <v>230</v>
      </c>
      <c r="B38443" s="14" t="s">
        <v>1</v>
      </c>
      <c r="C38443" s="14" t="s">
        <v>41</v>
      </c>
      <c r="D38443" s="14" t="s">
        <v>231</v>
      </c>
      <c r="E38443" s="15">
        <v>45494</v>
      </c>
      <c r="F38443" s="14" t="s">
        <v>15</v>
      </c>
      <c r="G38443" s="16">
        <v>0</v>
      </c>
    </row>
    <row r="38444" spans="1:7" x14ac:dyDescent="0.3">
      <c r="A38444" s="13" t="s">
        <v>230</v>
      </c>
      <c r="B38444" s="14" t="s">
        <v>1</v>
      </c>
      <c r="C38444" s="14" t="s">
        <v>41</v>
      </c>
      <c r="D38444" s="14" t="s">
        <v>231</v>
      </c>
      <c r="E38444" s="15">
        <v>45495</v>
      </c>
      <c r="F38444" s="14" t="s">
        <v>15</v>
      </c>
      <c r="G38444" s="16">
        <v>0</v>
      </c>
    </row>
    <row r="38445" spans="1:7" x14ac:dyDescent="0.3">
      <c r="A38445" s="13" t="s">
        <v>230</v>
      </c>
      <c r="B38445" s="14" t="s">
        <v>1</v>
      </c>
      <c r="C38445" s="14" t="s">
        <v>41</v>
      </c>
      <c r="D38445" s="14" t="s">
        <v>231</v>
      </c>
      <c r="E38445" s="15">
        <v>45496</v>
      </c>
      <c r="F38445" s="14" t="s">
        <v>15</v>
      </c>
      <c r="G38445" s="16">
        <v>0</v>
      </c>
    </row>
    <row r="38446" spans="1:7" x14ac:dyDescent="0.3">
      <c r="A38446" s="13" t="s">
        <v>230</v>
      </c>
      <c r="B38446" s="14" t="s">
        <v>1</v>
      </c>
      <c r="C38446" s="14" t="s">
        <v>41</v>
      </c>
      <c r="D38446" s="14" t="s">
        <v>231</v>
      </c>
      <c r="E38446" s="15">
        <v>45497</v>
      </c>
      <c r="F38446" s="14" t="s">
        <v>15</v>
      </c>
      <c r="G38446" s="16">
        <v>0</v>
      </c>
    </row>
    <row r="38447" spans="1:7" x14ac:dyDescent="0.3">
      <c r="A38447" s="13" t="s">
        <v>230</v>
      </c>
      <c r="B38447" s="14" t="s">
        <v>1</v>
      </c>
      <c r="C38447" s="14" t="s">
        <v>41</v>
      </c>
      <c r="D38447" s="14" t="s">
        <v>231</v>
      </c>
      <c r="E38447" s="15">
        <v>45498</v>
      </c>
      <c r="F38447" s="14" t="s">
        <v>15</v>
      </c>
      <c r="G38447" s="16">
        <v>0</v>
      </c>
    </row>
    <row r="38448" spans="1:7" x14ac:dyDescent="0.3">
      <c r="A38448" s="13" t="s">
        <v>230</v>
      </c>
      <c r="B38448" s="14" t="s">
        <v>1</v>
      </c>
      <c r="C38448" s="14" t="s">
        <v>41</v>
      </c>
      <c r="D38448" s="14" t="s">
        <v>231</v>
      </c>
      <c r="E38448" s="15">
        <v>45499</v>
      </c>
      <c r="F38448" s="14" t="s">
        <v>15</v>
      </c>
      <c r="G38448" s="16">
        <v>0</v>
      </c>
    </row>
    <row r="38449" spans="1:7" x14ac:dyDescent="0.3">
      <c r="A38449" s="13" t="s">
        <v>230</v>
      </c>
      <c r="B38449" s="14" t="s">
        <v>1</v>
      </c>
      <c r="C38449" s="14" t="s">
        <v>41</v>
      </c>
      <c r="D38449" s="14" t="s">
        <v>231</v>
      </c>
      <c r="E38449" s="15">
        <v>45500</v>
      </c>
      <c r="F38449" s="14" t="s">
        <v>15</v>
      </c>
      <c r="G38449" s="16">
        <v>0</v>
      </c>
    </row>
    <row r="38450" spans="1:7" x14ac:dyDescent="0.3">
      <c r="A38450" s="13" t="s">
        <v>230</v>
      </c>
      <c r="B38450" s="14" t="s">
        <v>1</v>
      </c>
      <c r="C38450" s="14" t="s">
        <v>41</v>
      </c>
      <c r="D38450" s="14" t="s">
        <v>231</v>
      </c>
      <c r="E38450" s="15">
        <v>45501</v>
      </c>
      <c r="F38450" s="14" t="s">
        <v>15</v>
      </c>
      <c r="G38450" s="16">
        <v>0</v>
      </c>
    </row>
    <row r="38451" spans="1:7" x14ac:dyDescent="0.3">
      <c r="A38451" s="13" t="s">
        <v>230</v>
      </c>
      <c r="B38451" s="14" t="s">
        <v>1</v>
      </c>
      <c r="C38451" s="14" t="s">
        <v>41</v>
      </c>
      <c r="D38451" s="14" t="s">
        <v>231</v>
      </c>
      <c r="E38451" s="15">
        <v>45502</v>
      </c>
      <c r="F38451" s="14" t="s">
        <v>15</v>
      </c>
      <c r="G38451" s="16">
        <v>0</v>
      </c>
    </row>
    <row r="38452" spans="1:7" x14ac:dyDescent="0.3">
      <c r="A38452" s="13" t="s">
        <v>230</v>
      </c>
      <c r="B38452" s="14" t="s">
        <v>1</v>
      </c>
      <c r="C38452" s="14" t="s">
        <v>41</v>
      </c>
      <c r="D38452" s="14" t="s">
        <v>231</v>
      </c>
      <c r="E38452" s="15">
        <v>45503</v>
      </c>
      <c r="F38452" s="14" t="s">
        <v>15</v>
      </c>
      <c r="G38452" s="16">
        <v>0</v>
      </c>
    </row>
    <row r="38453" spans="1:7" x14ac:dyDescent="0.3">
      <c r="A38453" s="13" t="s">
        <v>230</v>
      </c>
      <c r="B38453" s="14" t="s">
        <v>1</v>
      </c>
      <c r="C38453" s="14" t="s">
        <v>41</v>
      </c>
      <c r="D38453" s="14" t="s">
        <v>231</v>
      </c>
      <c r="E38453" s="15">
        <v>45504</v>
      </c>
      <c r="F38453" s="14" t="s">
        <v>15</v>
      </c>
      <c r="G38453" s="16">
        <v>0</v>
      </c>
    </row>
    <row r="38454" spans="1:7" x14ac:dyDescent="0.3">
      <c r="A38454" s="13" t="s">
        <v>230</v>
      </c>
      <c r="B38454" s="14" t="s">
        <v>1</v>
      </c>
      <c r="C38454" s="14" t="s">
        <v>41</v>
      </c>
      <c r="D38454" s="14" t="s">
        <v>231</v>
      </c>
      <c r="E38454" s="15">
        <v>45505</v>
      </c>
      <c r="F38454" s="14" t="s">
        <v>15</v>
      </c>
      <c r="G38454" s="16">
        <v>0</v>
      </c>
    </row>
    <row r="38455" spans="1:7" x14ac:dyDescent="0.3">
      <c r="A38455" s="13" t="s">
        <v>230</v>
      </c>
      <c r="B38455" s="14" t="s">
        <v>1</v>
      </c>
      <c r="C38455" s="14" t="s">
        <v>41</v>
      </c>
      <c r="D38455" s="14" t="s">
        <v>231</v>
      </c>
      <c r="E38455" s="15">
        <v>45506</v>
      </c>
      <c r="F38455" s="14" t="s">
        <v>15</v>
      </c>
      <c r="G38455" s="16">
        <v>0</v>
      </c>
    </row>
    <row r="38456" spans="1:7" x14ac:dyDescent="0.3">
      <c r="A38456" s="13" t="s">
        <v>230</v>
      </c>
      <c r="B38456" s="14" t="s">
        <v>1</v>
      </c>
      <c r="C38456" s="14" t="s">
        <v>41</v>
      </c>
      <c r="D38456" s="14" t="s">
        <v>231</v>
      </c>
      <c r="E38456" s="15">
        <v>45507</v>
      </c>
      <c r="F38456" s="14" t="s">
        <v>15</v>
      </c>
      <c r="G38456" s="16">
        <v>0</v>
      </c>
    </row>
    <row r="38457" spans="1:7" x14ac:dyDescent="0.3">
      <c r="A38457" s="13" t="s">
        <v>230</v>
      </c>
      <c r="B38457" s="14" t="s">
        <v>1</v>
      </c>
      <c r="C38457" s="14" t="s">
        <v>41</v>
      </c>
      <c r="D38457" s="14" t="s">
        <v>231</v>
      </c>
      <c r="E38457" s="15">
        <v>45508</v>
      </c>
      <c r="F38457" s="14" t="s">
        <v>15</v>
      </c>
      <c r="G38457" s="16">
        <v>0</v>
      </c>
    </row>
    <row r="38458" spans="1:7" x14ac:dyDescent="0.3">
      <c r="A38458" s="13" t="s">
        <v>230</v>
      </c>
      <c r="B38458" s="14" t="s">
        <v>1</v>
      </c>
      <c r="C38458" s="14" t="s">
        <v>41</v>
      </c>
      <c r="D38458" s="14" t="s">
        <v>231</v>
      </c>
      <c r="E38458" s="15">
        <v>45509</v>
      </c>
      <c r="F38458" s="14" t="s">
        <v>15</v>
      </c>
      <c r="G38458" s="16">
        <v>0</v>
      </c>
    </row>
    <row r="38459" spans="1:7" x14ac:dyDescent="0.3">
      <c r="A38459" s="13" t="s">
        <v>230</v>
      </c>
      <c r="B38459" s="14" t="s">
        <v>1</v>
      </c>
      <c r="C38459" s="14" t="s">
        <v>41</v>
      </c>
      <c r="D38459" s="14" t="s">
        <v>231</v>
      </c>
      <c r="E38459" s="15">
        <v>45510</v>
      </c>
      <c r="F38459" s="14" t="s">
        <v>15</v>
      </c>
      <c r="G38459" s="16">
        <v>0</v>
      </c>
    </row>
    <row r="38460" spans="1:7" x14ac:dyDescent="0.3">
      <c r="A38460" s="13" t="s">
        <v>230</v>
      </c>
      <c r="B38460" s="14" t="s">
        <v>1</v>
      </c>
      <c r="C38460" s="14" t="s">
        <v>41</v>
      </c>
      <c r="D38460" s="14" t="s">
        <v>231</v>
      </c>
      <c r="E38460" s="15">
        <v>45511</v>
      </c>
      <c r="F38460" s="14" t="s">
        <v>15</v>
      </c>
      <c r="G38460" s="16">
        <v>0</v>
      </c>
    </row>
    <row r="38461" spans="1:7" x14ac:dyDescent="0.3">
      <c r="A38461" s="13" t="s">
        <v>230</v>
      </c>
      <c r="B38461" s="14" t="s">
        <v>1</v>
      </c>
      <c r="C38461" s="14" t="s">
        <v>41</v>
      </c>
      <c r="D38461" s="14" t="s">
        <v>231</v>
      </c>
      <c r="E38461" s="15">
        <v>45512</v>
      </c>
      <c r="F38461" s="14" t="s">
        <v>15</v>
      </c>
      <c r="G38461" s="16">
        <v>0</v>
      </c>
    </row>
    <row r="38462" spans="1:7" x14ac:dyDescent="0.3">
      <c r="A38462" s="13" t="s">
        <v>230</v>
      </c>
      <c r="B38462" s="14" t="s">
        <v>1</v>
      </c>
      <c r="C38462" s="14" t="s">
        <v>41</v>
      </c>
      <c r="D38462" s="14" t="s">
        <v>231</v>
      </c>
      <c r="E38462" s="15">
        <v>45513</v>
      </c>
      <c r="F38462" s="14" t="s">
        <v>15</v>
      </c>
      <c r="G38462" s="16">
        <v>0</v>
      </c>
    </row>
    <row r="38463" spans="1:7" x14ac:dyDescent="0.3">
      <c r="A38463" s="13" t="s">
        <v>230</v>
      </c>
      <c r="B38463" s="14" t="s">
        <v>1</v>
      </c>
      <c r="C38463" s="14" t="s">
        <v>41</v>
      </c>
      <c r="D38463" s="14" t="s">
        <v>231</v>
      </c>
      <c r="E38463" s="15">
        <v>45514</v>
      </c>
      <c r="F38463" s="14" t="s">
        <v>15</v>
      </c>
      <c r="G38463" s="16">
        <v>0</v>
      </c>
    </row>
    <row r="38464" spans="1:7" x14ac:dyDescent="0.3">
      <c r="A38464" s="13" t="s">
        <v>230</v>
      </c>
      <c r="B38464" s="14" t="s">
        <v>1</v>
      </c>
      <c r="C38464" s="14" t="s">
        <v>41</v>
      </c>
      <c r="D38464" s="14" t="s">
        <v>231</v>
      </c>
      <c r="E38464" s="15">
        <v>45515</v>
      </c>
      <c r="F38464" s="14" t="s">
        <v>15</v>
      </c>
      <c r="G38464" s="16">
        <v>0</v>
      </c>
    </row>
    <row r="38465" spans="1:7" x14ac:dyDescent="0.3">
      <c r="A38465" s="13" t="s">
        <v>230</v>
      </c>
      <c r="B38465" s="14" t="s">
        <v>1</v>
      </c>
      <c r="C38465" s="14" t="s">
        <v>41</v>
      </c>
      <c r="D38465" s="14" t="s">
        <v>231</v>
      </c>
      <c r="E38465" s="15">
        <v>45516</v>
      </c>
      <c r="F38465" s="14" t="s">
        <v>15</v>
      </c>
      <c r="G38465" s="16">
        <v>0</v>
      </c>
    </row>
    <row r="38466" spans="1:7" x14ac:dyDescent="0.3">
      <c r="A38466" s="13" t="s">
        <v>230</v>
      </c>
      <c r="B38466" s="14" t="s">
        <v>1</v>
      </c>
      <c r="C38466" s="14" t="s">
        <v>41</v>
      </c>
      <c r="D38466" s="14" t="s">
        <v>231</v>
      </c>
      <c r="E38466" s="15">
        <v>45517</v>
      </c>
      <c r="F38466" s="14" t="s">
        <v>15</v>
      </c>
      <c r="G38466" s="16">
        <v>0</v>
      </c>
    </row>
    <row r="38467" spans="1:7" x14ac:dyDescent="0.3">
      <c r="A38467" s="13" t="s">
        <v>230</v>
      </c>
      <c r="B38467" s="14" t="s">
        <v>1</v>
      </c>
      <c r="C38467" s="14" t="s">
        <v>41</v>
      </c>
      <c r="D38467" s="14" t="s">
        <v>231</v>
      </c>
      <c r="E38467" s="15">
        <v>45518</v>
      </c>
      <c r="F38467" s="14" t="s">
        <v>15</v>
      </c>
      <c r="G38467" s="16">
        <v>0</v>
      </c>
    </row>
    <row r="38468" spans="1:7" x14ac:dyDescent="0.3">
      <c r="A38468" s="13" t="s">
        <v>230</v>
      </c>
      <c r="B38468" s="14" t="s">
        <v>1</v>
      </c>
      <c r="C38468" s="14" t="s">
        <v>41</v>
      </c>
      <c r="D38468" s="14" t="s">
        <v>231</v>
      </c>
      <c r="E38468" s="15">
        <v>45519</v>
      </c>
      <c r="F38468" s="14" t="s">
        <v>15</v>
      </c>
      <c r="G38468" s="16">
        <v>0</v>
      </c>
    </row>
    <row r="38469" spans="1:7" x14ac:dyDescent="0.3">
      <c r="A38469" s="13" t="s">
        <v>230</v>
      </c>
      <c r="B38469" s="14" t="s">
        <v>1</v>
      </c>
      <c r="C38469" s="14" t="s">
        <v>41</v>
      </c>
      <c r="D38469" s="14" t="s">
        <v>231</v>
      </c>
      <c r="E38469" s="15">
        <v>45520</v>
      </c>
      <c r="F38469" s="14" t="s">
        <v>15</v>
      </c>
      <c r="G38469" s="16">
        <v>0</v>
      </c>
    </row>
    <row r="38470" spans="1:7" x14ac:dyDescent="0.3">
      <c r="A38470" s="13" t="s">
        <v>230</v>
      </c>
      <c r="B38470" s="14" t="s">
        <v>1</v>
      </c>
      <c r="C38470" s="14" t="s">
        <v>41</v>
      </c>
      <c r="D38470" s="14" t="s">
        <v>231</v>
      </c>
      <c r="E38470" s="15">
        <v>45521</v>
      </c>
      <c r="F38470" s="14" t="s">
        <v>15</v>
      </c>
      <c r="G38470" s="16">
        <v>0</v>
      </c>
    </row>
    <row r="38471" spans="1:7" x14ac:dyDescent="0.3">
      <c r="A38471" s="13" t="s">
        <v>230</v>
      </c>
      <c r="B38471" s="14" t="s">
        <v>1</v>
      </c>
      <c r="C38471" s="14" t="s">
        <v>41</v>
      </c>
      <c r="D38471" s="14" t="s">
        <v>231</v>
      </c>
      <c r="E38471" s="15">
        <v>45522</v>
      </c>
      <c r="F38471" s="14" t="s">
        <v>15</v>
      </c>
      <c r="G38471" s="16">
        <v>0</v>
      </c>
    </row>
    <row r="38472" spans="1:7" x14ac:dyDescent="0.3">
      <c r="A38472" s="13" t="s">
        <v>230</v>
      </c>
      <c r="B38472" s="14" t="s">
        <v>1</v>
      </c>
      <c r="C38472" s="14" t="s">
        <v>41</v>
      </c>
      <c r="D38472" s="14" t="s">
        <v>231</v>
      </c>
      <c r="E38472" s="15">
        <v>45523</v>
      </c>
      <c r="F38472" s="14" t="s">
        <v>15</v>
      </c>
      <c r="G38472" s="16">
        <v>0</v>
      </c>
    </row>
    <row r="38473" spans="1:7" x14ac:dyDescent="0.3">
      <c r="A38473" s="13" t="s">
        <v>230</v>
      </c>
      <c r="B38473" s="14" t="s">
        <v>1</v>
      </c>
      <c r="C38473" s="14" t="s">
        <v>41</v>
      </c>
      <c r="D38473" s="14" t="s">
        <v>231</v>
      </c>
      <c r="E38473" s="15">
        <v>45524</v>
      </c>
      <c r="F38473" s="14" t="s">
        <v>15</v>
      </c>
      <c r="G38473" s="16">
        <v>0</v>
      </c>
    </row>
    <row r="38474" spans="1:7" x14ac:dyDescent="0.3">
      <c r="A38474" s="13" t="s">
        <v>230</v>
      </c>
      <c r="B38474" s="14" t="s">
        <v>1</v>
      </c>
      <c r="C38474" s="14" t="s">
        <v>41</v>
      </c>
      <c r="D38474" s="14" t="s">
        <v>231</v>
      </c>
      <c r="E38474" s="15">
        <v>45525</v>
      </c>
      <c r="F38474" s="14" t="s">
        <v>15</v>
      </c>
      <c r="G38474" s="16">
        <v>0</v>
      </c>
    </row>
    <row r="38475" spans="1:7" x14ac:dyDescent="0.3">
      <c r="A38475" s="13" t="s">
        <v>230</v>
      </c>
      <c r="B38475" s="14" t="s">
        <v>1</v>
      </c>
      <c r="C38475" s="14" t="s">
        <v>41</v>
      </c>
      <c r="D38475" s="14" t="s">
        <v>231</v>
      </c>
      <c r="E38475" s="15">
        <v>45526</v>
      </c>
      <c r="F38475" s="14" t="s">
        <v>15</v>
      </c>
      <c r="G38475" s="16">
        <v>0</v>
      </c>
    </row>
    <row r="38476" spans="1:7" x14ac:dyDescent="0.3">
      <c r="A38476" s="13" t="s">
        <v>230</v>
      </c>
      <c r="B38476" s="14" t="s">
        <v>1</v>
      </c>
      <c r="C38476" s="14" t="s">
        <v>41</v>
      </c>
      <c r="D38476" s="14" t="s">
        <v>231</v>
      </c>
      <c r="E38476" s="15">
        <v>45527</v>
      </c>
      <c r="F38476" s="14" t="s">
        <v>15</v>
      </c>
      <c r="G38476" s="16">
        <v>0</v>
      </c>
    </row>
    <row r="38477" spans="1:7" x14ac:dyDescent="0.3">
      <c r="A38477" s="13" t="s">
        <v>230</v>
      </c>
      <c r="B38477" s="14" t="s">
        <v>1</v>
      </c>
      <c r="C38477" s="14" t="s">
        <v>41</v>
      </c>
      <c r="D38477" s="14" t="s">
        <v>231</v>
      </c>
      <c r="E38477" s="15">
        <v>45528</v>
      </c>
      <c r="F38477" s="14" t="s">
        <v>15</v>
      </c>
      <c r="G38477" s="16">
        <v>0</v>
      </c>
    </row>
    <row r="38478" spans="1:7" x14ac:dyDescent="0.3">
      <c r="A38478" s="13" t="s">
        <v>230</v>
      </c>
      <c r="B38478" s="14" t="s">
        <v>1</v>
      </c>
      <c r="C38478" s="14" t="s">
        <v>41</v>
      </c>
      <c r="D38478" s="14" t="s">
        <v>231</v>
      </c>
      <c r="E38478" s="15">
        <v>45529</v>
      </c>
      <c r="F38478" s="14" t="s">
        <v>15</v>
      </c>
      <c r="G38478" s="16">
        <v>0</v>
      </c>
    </row>
    <row r="38479" spans="1:7" x14ac:dyDescent="0.3">
      <c r="A38479" s="13" t="s">
        <v>230</v>
      </c>
      <c r="B38479" s="14" t="s">
        <v>1</v>
      </c>
      <c r="C38479" s="14" t="s">
        <v>41</v>
      </c>
      <c r="D38479" s="14" t="s">
        <v>231</v>
      </c>
      <c r="E38479" s="15">
        <v>45530</v>
      </c>
      <c r="F38479" s="14" t="s">
        <v>15</v>
      </c>
      <c r="G38479" s="16">
        <v>0</v>
      </c>
    </row>
    <row r="38480" spans="1:7" x14ac:dyDescent="0.3">
      <c r="A38480" s="13" t="s">
        <v>230</v>
      </c>
      <c r="B38480" s="14" t="s">
        <v>1</v>
      </c>
      <c r="C38480" s="14" t="s">
        <v>41</v>
      </c>
      <c r="D38480" s="14" t="s">
        <v>231</v>
      </c>
      <c r="E38480" s="15">
        <v>45531</v>
      </c>
      <c r="F38480" s="14" t="s">
        <v>15</v>
      </c>
      <c r="G38480" s="16">
        <v>0</v>
      </c>
    </row>
    <row r="38481" spans="1:7" x14ac:dyDescent="0.3">
      <c r="A38481" s="13" t="s">
        <v>230</v>
      </c>
      <c r="B38481" s="14" t="s">
        <v>1</v>
      </c>
      <c r="C38481" s="14" t="s">
        <v>41</v>
      </c>
      <c r="D38481" s="14" t="s">
        <v>231</v>
      </c>
      <c r="E38481" s="15">
        <v>45532</v>
      </c>
      <c r="F38481" s="14" t="s">
        <v>15</v>
      </c>
      <c r="G38481" s="16">
        <v>0</v>
      </c>
    </row>
    <row r="38482" spans="1:7" x14ac:dyDescent="0.3">
      <c r="A38482" s="13" t="s">
        <v>230</v>
      </c>
      <c r="B38482" s="14" t="s">
        <v>1</v>
      </c>
      <c r="C38482" s="14" t="s">
        <v>41</v>
      </c>
      <c r="D38482" s="14" t="s">
        <v>231</v>
      </c>
      <c r="E38482" s="15">
        <v>45533</v>
      </c>
      <c r="F38482" s="14" t="s">
        <v>15</v>
      </c>
      <c r="G38482" s="16">
        <v>0</v>
      </c>
    </row>
    <row r="38483" spans="1:7" x14ac:dyDescent="0.3">
      <c r="A38483" s="13" t="s">
        <v>230</v>
      </c>
      <c r="B38483" s="14" t="s">
        <v>1</v>
      </c>
      <c r="C38483" s="14" t="s">
        <v>41</v>
      </c>
      <c r="D38483" s="14" t="s">
        <v>231</v>
      </c>
      <c r="E38483" s="15">
        <v>45534</v>
      </c>
      <c r="F38483" s="14" t="s">
        <v>15</v>
      </c>
      <c r="G38483" s="16">
        <v>0</v>
      </c>
    </row>
    <row r="38484" spans="1:7" x14ac:dyDescent="0.3">
      <c r="A38484" s="13" t="s">
        <v>230</v>
      </c>
      <c r="B38484" s="14" t="s">
        <v>1</v>
      </c>
      <c r="C38484" s="14" t="s">
        <v>41</v>
      </c>
      <c r="D38484" s="14" t="s">
        <v>231</v>
      </c>
      <c r="E38484" s="15">
        <v>45535</v>
      </c>
      <c r="F38484" s="14" t="s">
        <v>15</v>
      </c>
      <c r="G38484" s="16">
        <v>0</v>
      </c>
    </row>
    <row r="38485" spans="1:7" x14ac:dyDescent="0.3">
      <c r="A38485" s="13" t="s">
        <v>230</v>
      </c>
      <c r="B38485" s="14" t="s">
        <v>1</v>
      </c>
      <c r="C38485" s="14" t="s">
        <v>41</v>
      </c>
      <c r="D38485" s="14" t="s">
        <v>231</v>
      </c>
      <c r="E38485" s="15">
        <v>45536</v>
      </c>
      <c r="F38485" s="14" t="s">
        <v>15</v>
      </c>
      <c r="G38485" s="16">
        <v>0</v>
      </c>
    </row>
    <row r="38486" spans="1:7" x14ac:dyDescent="0.3">
      <c r="A38486" s="13" t="s">
        <v>230</v>
      </c>
      <c r="B38486" s="14" t="s">
        <v>1</v>
      </c>
      <c r="C38486" s="14" t="s">
        <v>41</v>
      </c>
      <c r="D38486" s="14" t="s">
        <v>231</v>
      </c>
      <c r="E38486" s="15">
        <v>45537</v>
      </c>
      <c r="F38486" s="14" t="s">
        <v>15</v>
      </c>
      <c r="G38486" s="16">
        <v>0</v>
      </c>
    </row>
    <row r="38487" spans="1:7" x14ac:dyDescent="0.3">
      <c r="A38487" s="13" t="s">
        <v>230</v>
      </c>
      <c r="B38487" s="14" t="s">
        <v>1</v>
      </c>
      <c r="C38487" s="14" t="s">
        <v>41</v>
      </c>
      <c r="D38487" s="14" t="s">
        <v>231</v>
      </c>
      <c r="E38487" s="15">
        <v>45538</v>
      </c>
      <c r="F38487" s="14" t="s">
        <v>15</v>
      </c>
      <c r="G38487" s="16">
        <v>0</v>
      </c>
    </row>
    <row r="38488" spans="1:7" x14ac:dyDescent="0.3">
      <c r="A38488" s="13" t="s">
        <v>230</v>
      </c>
      <c r="B38488" s="14" t="s">
        <v>1</v>
      </c>
      <c r="C38488" s="14" t="s">
        <v>41</v>
      </c>
      <c r="D38488" s="14" t="s">
        <v>231</v>
      </c>
      <c r="E38488" s="15">
        <v>45539</v>
      </c>
      <c r="F38488" s="14" t="s">
        <v>15</v>
      </c>
      <c r="G38488" s="16">
        <v>0</v>
      </c>
    </row>
    <row r="38489" spans="1:7" x14ac:dyDescent="0.3">
      <c r="A38489" s="13" t="s">
        <v>230</v>
      </c>
      <c r="B38489" s="14" t="s">
        <v>1</v>
      </c>
      <c r="C38489" s="14" t="s">
        <v>41</v>
      </c>
      <c r="D38489" s="14" t="s">
        <v>231</v>
      </c>
      <c r="E38489" s="15">
        <v>45540</v>
      </c>
      <c r="F38489" s="14" t="s">
        <v>15</v>
      </c>
      <c r="G38489" s="16">
        <v>0</v>
      </c>
    </row>
    <row r="38490" spans="1:7" x14ac:dyDescent="0.3">
      <c r="A38490" s="13" t="s">
        <v>230</v>
      </c>
      <c r="B38490" s="14" t="s">
        <v>1</v>
      </c>
      <c r="C38490" s="14" t="s">
        <v>41</v>
      </c>
      <c r="D38490" s="14" t="s">
        <v>231</v>
      </c>
      <c r="E38490" s="15">
        <v>45541</v>
      </c>
      <c r="F38490" s="14" t="s">
        <v>15</v>
      </c>
      <c r="G38490" s="16">
        <v>0</v>
      </c>
    </row>
    <row r="38491" spans="1:7" x14ac:dyDescent="0.3">
      <c r="A38491" s="13" t="s">
        <v>230</v>
      </c>
      <c r="B38491" s="14" t="s">
        <v>1</v>
      </c>
      <c r="C38491" s="14" t="s">
        <v>41</v>
      </c>
      <c r="D38491" s="14" t="s">
        <v>231</v>
      </c>
      <c r="E38491" s="15">
        <v>45542</v>
      </c>
      <c r="F38491" s="14" t="s">
        <v>15</v>
      </c>
      <c r="G38491" s="16">
        <v>0</v>
      </c>
    </row>
    <row r="38492" spans="1:7" x14ac:dyDescent="0.3">
      <c r="A38492" s="13" t="s">
        <v>230</v>
      </c>
      <c r="B38492" s="14" t="s">
        <v>1</v>
      </c>
      <c r="C38492" s="14" t="s">
        <v>41</v>
      </c>
      <c r="D38492" s="14" t="s">
        <v>231</v>
      </c>
      <c r="E38492" s="15">
        <v>45543</v>
      </c>
      <c r="F38492" s="14" t="s">
        <v>15</v>
      </c>
      <c r="G38492" s="16">
        <v>0</v>
      </c>
    </row>
    <row r="38493" spans="1:7" x14ac:dyDescent="0.3">
      <c r="A38493" s="13" t="s">
        <v>230</v>
      </c>
      <c r="B38493" s="14" t="s">
        <v>1</v>
      </c>
      <c r="C38493" s="14" t="s">
        <v>41</v>
      </c>
      <c r="D38493" s="14" t="s">
        <v>231</v>
      </c>
      <c r="E38493" s="15">
        <v>45544</v>
      </c>
      <c r="F38493" s="14" t="s">
        <v>15</v>
      </c>
      <c r="G38493" s="16">
        <v>0</v>
      </c>
    </row>
    <row r="38494" spans="1:7" x14ac:dyDescent="0.3">
      <c r="A38494" s="13" t="s">
        <v>230</v>
      </c>
      <c r="B38494" s="14" t="s">
        <v>1</v>
      </c>
      <c r="C38494" s="14" t="s">
        <v>41</v>
      </c>
      <c r="D38494" s="14" t="s">
        <v>231</v>
      </c>
      <c r="E38494" s="15">
        <v>45545</v>
      </c>
      <c r="F38494" s="14" t="s">
        <v>15</v>
      </c>
      <c r="G38494" s="16">
        <v>0</v>
      </c>
    </row>
    <row r="38495" spans="1:7" x14ac:dyDescent="0.3">
      <c r="A38495" s="13" t="s">
        <v>230</v>
      </c>
      <c r="B38495" s="14" t="s">
        <v>1</v>
      </c>
      <c r="C38495" s="14" t="s">
        <v>41</v>
      </c>
      <c r="D38495" s="14" t="s">
        <v>231</v>
      </c>
      <c r="E38495" s="15">
        <v>45546</v>
      </c>
      <c r="F38495" s="14" t="s">
        <v>15</v>
      </c>
      <c r="G38495" s="16">
        <v>0</v>
      </c>
    </row>
    <row r="38496" spans="1:7" x14ac:dyDescent="0.3">
      <c r="A38496" s="13" t="s">
        <v>230</v>
      </c>
      <c r="B38496" s="14" t="s">
        <v>1</v>
      </c>
      <c r="C38496" s="14" t="s">
        <v>41</v>
      </c>
      <c r="D38496" s="14" t="s">
        <v>231</v>
      </c>
      <c r="E38496" s="15">
        <v>45547</v>
      </c>
      <c r="F38496" s="14" t="s">
        <v>15</v>
      </c>
      <c r="G38496" s="16">
        <v>0</v>
      </c>
    </row>
    <row r="38497" spans="1:7" x14ac:dyDescent="0.3">
      <c r="A38497" s="13" t="s">
        <v>230</v>
      </c>
      <c r="B38497" s="14" t="s">
        <v>1</v>
      </c>
      <c r="C38497" s="14" t="s">
        <v>41</v>
      </c>
      <c r="D38497" s="14" t="s">
        <v>231</v>
      </c>
      <c r="E38497" s="15">
        <v>45548</v>
      </c>
      <c r="F38497" s="14" t="s">
        <v>15</v>
      </c>
      <c r="G38497" s="16">
        <v>0</v>
      </c>
    </row>
    <row r="38498" spans="1:7" x14ac:dyDescent="0.3">
      <c r="A38498" s="13" t="s">
        <v>230</v>
      </c>
      <c r="B38498" s="14" t="s">
        <v>1</v>
      </c>
      <c r="C38498" s="14" t="s">
        <v>41</v>
      </c>
      <c r="D38498" s="14" t="s">
        <v>231</v>
      </c>
      <c r="E38498" s="15">
        <v>45549</v>
      </c>
      <c r="F38498" s="14" t="s">
        <v>15</v>
      </c>
      <c r="G38498" s="16">
        <v>0</v>
      </c>
    </row>
    <row r="38499" spans="1:7" x14ac:dyDescent="0.3">
      <c r="A38499" s="13" t="s">
        <v>230</v>
      </c>
      <c r="B38499" s="14" t="s">
        <v>1</v>
      </c>
      <c r="C38499" s="14" t="s">
        <v>41</v>
      </c>
      <c r="D38499" s="14" t="s">
        <v>231</v>
      </c>
      <c r="E38499" s="15">
        <v>45550</v>
      </c>
      <c r="F38499" s="14" t="s">
        <v>15</v>
      </c>
      <c r="G38499" s="16">
        <v>0</v>
      </c>
    </row>
    <row r="38500" spans="1:7" x14ac:dyDescent="0.3">
      <c r="A38500" s="13" t="s">
        <v>230</v>
      </c>
      <c r="B38500" s="14" t="s">
        <v>1</v>
      </c>
      <c r="C38500" s="14" t="s">
        <v>41</v>
      </c>
      <c r="D38500" s="14" t="s">
        <v>231</v>
      </c>
      <c r="E38500" s="15">
        <v>45551</v>
      </c>
      <c r="F38500" s="14" t="s">
        <v>15</v>
      </c>
      <c r="G38500" s="16">
        <v>0</v>
      </c>
    </row>
    <row r="38501" spans="1:7" x14ac:dyDescent="0.3">
      <c r="A38501" s="13" t="s">
        <v>230</v>
      </c>
      <c r="B38501" s="14" t="s">
        <v>1</v>
      </c>
      <c r="C38501" s="14" t="s">
        <v>41</v>
      </c>
      <c r="D38501" s="14" t="s">
        <v>231</v>
      </c>
      <c r="E38501" s="15">
        <v>45552</v>
      </c>
      <c r="F38501" s="14" t="s">
        <v>15</v>
      </c>
      <c r="G38501" s="16">
        <v>0</v>
      </c>
    </row>
    <row r="38502" spans="1:7" x14ac:dyDescent="0.3">
      <c r="A38502" s="13" t="s">
        <v>230</v>
      </c>
      <c r="B38502" s="14" t="s">
        <v>1</v>
      </c>
      <c r="C38502" s="14" t="s">
        <v>41</v>
      </c>
      <c r="D38502" s="14" t="s">
        <v>231</v>
      </c>
      <c r="E38502" s="15">
        <v>45553</v>
      </c>
      <c r="F38502" s="14" t="s">
        <v>15</v>
      </c>
      <c r="G38502" s="16">
        <v>0</v>
      </c>
    </row>
    <row r="38503" spans="1:7" x14ac:dyDescent="0.3">
      <c r="A38503" s="13" t="s">
        <v>230</v>
      </c>
      <c r="B38503" s="14" t="s">
        <v>1</v>
      </c>
      <c r="C38503" s="14" t="s">
        <v>41</v>
      </c>
      <c r="D38503" s="14" t="s">
        <v>231</v>
      </c>
      <c r="E38503" s="15">
        <v>45554</v>
      </c>
      <c r="F38503" s="14" t="s">
        <v>15</v>
      </c>
      <c r="G38503" s="16">
        <v>0</v>
      </c>
    </row>
    <row r="38504" spans="1:7" x14ac:dyDescent="0.3">
      <c r="A38504" s="13" t="s">
        <v>230</v>
      </c>
      <c r="B38504" s="14" t="s">
        <v>1</v>
      </c>
      <c r="C38504" s="14" t="s">
        <v>41</v>
      </c>
      <c r="D38504" s="14" t="s">
        <v>231</v>
      </c>
      <c r="E38504" s="15">
        <v>45555</v>
      </c>
      <c r="F38504" s="14" t="s">
        <v>15</v>
      </c>
      <c r="G38504" s="16">
        <v>0</v>
      </c>
    </row>
    <row r="38505" spans="1:7" x14ac:dyDescent="0.3">
      <c r="A38505" s="13" t="s">
        <v>230</v>
      </c>
      <c r="B38505" s="14" t="s">
        <v>1</v>
      </c>
      <c r="C38505" s="14" t="s">
        <v>41</v>
      </c>
      <c r="D38505" s="14" t="s">
        <v>231</v>
      </c>
      <c r="E38505" s="15">
        <v>45556</v>
      </c>
      <c r="F38505" s="14" t="s">
        <v>15</v>
      </c>
      <c r="G38505" s="16">
        <v>0</v>
      </c>
    </row>
    <row r="38506" spans="1:7" x14ac:dyDescent="0.3">
      <c r="A38506" s="13" t="s">
        <v>230</v>
      </c>
      <c r="B38506" s="14" t="s">
        <v>1</v>
      </c>
      <c r="C38506" s="14" t="s">
        <v>41</v>
      </c>
      <c r="D38506" s="14" t="s">
        <v>231</v>
      </c>
      <c r="E38506" s="15">
        <v>45557</v>
      </c>
      <c r="F38506" s="14" t="s">
        <v>15</v>
      </c>
      <c r="G38506" s="16">
        <v>0</v>
      </c>
    </row>
    <row r="38507" spans="1:7" x14ac:dyDescent="0.3">
      <c r="A38507" s="13" t="s">
        <v>230</v>
      </c>
      <c r="B38507" s="14" t="s">
        <v>1</v>
      </c>
      <c r="C38507" s="14" t="s">
        <v>41</v>
      </c>
      <c r="D38507" s="14" t="s">
        <v>231</v>
      </c>
      <c r="E38507" s="15">
        <v>45558</v>
      </c>
      <c r="F38507" s="14" t="s">
        <v>15</v>
      </c>
      <c r="G38507" s="16">
        <v>0</v>
      </c>
    </row>
    <row r="38508" spans="1:7" x14ac:dyDescent="0.3">
      <c r="A38508" s="13" t="s">
        <v>230</v>
      </c>
      <c r="B38508" s="14" t="s">
        <v>1</v>
      </c>
      <c r="C38508" s="14" t="s">
        <v>41</v>
      </c>
      <c r="D38508" s="14" t="s">
        <v>231</v>
      </c>
      <c r="E38508" s="15">
        <v>45559</v>
      </c>
      <c r="F38508" s="14" t="s">
        <v>15</v>
      </c>
      <c r="G38508" s="16">
        <v>0</v>
      </c>
    </row>
    <row r="38509" spans="1:7" x14ac:dyDescent="0.3">
      <c r="A38509" s="13" t="s">
        <v>230</v>
      </c>
      <c r="B38509" s="14" t="s">
        <v>1</v>
      </c>
      <c r="C38509" s="14" t="s">
        <v>41</v>
      </c>
      <c r="D38509" s="14" t="s">
        <v>231</v>
      </c>
      <c r="E38509" s="15">
        <v>45560</v>
      </c>
      <c r="F38509" s="14" t="s">
        <v>15</v>
      </c>
      <c r="G38509" s="16">
        <v>0</v>
      </c>
    </row>
    <row r="38510" spans="1:7" x14ac:dyDescent="0.3">
      <c r="A38510" s="13" t="s">
        <v>230</v>
      </c>
      <c r="B38510" s="14" t="s">
        <v>1</v>
      </c>
      <c r="C38510" s="14" t="s">
        <v>41</v>
      </c>
      <c r="D38510" s="14" t="s">
        <v>231</v>
      </c>
      <c r="E38510" s="15">
        <v>45561</v>
      </c>
      <c r="F38510" s="14" t="s">
        <v>15</v>
      </c>
      <c r="G38510" s="16">
        <v>0</v>
      </c>
    </row>
    <row r="38511" spans="1:7" x14ac:dyDescent="0.3">
      <c r="A38511" s="13" t="s">
        <v>230</v>
      </c>
      <c r="B38511" s="14" t="s">
        <v>1</v>
      </c>
      <c r="C38511" s="14" t="s">
        <v>41</v>
      </c>
      <c r="D38511" s="14" t="s">
        <v>231</v>
      </c>
      <c r="E38511" s="15">
        <v>45562</v>
      </c>
      <c r="F38511" s="14" t="s">
        <v>15</v>
      </c>
      <c r="G38511" s="16">
        <v>0</v>
      </c>
    </row>
    <row r="38512" spans="1:7" x14ac:dyDescent="0.3">
      <c r="A38512" s="13" t="s">
        <v>230</v>
      </c>
      <c r="B38512" s="14" t="s">
        <v>1</v>
      </c>
      <c r="C38512" s="14" t="s">
        <v>41</v>
      </c>
      <c r="D38512" s="14" t="s">
        <v>231</v>
      </c>
      <c r="E38512" s="15">
        <v>45563</v>
      </c>
      <c r="F38512" s="14" t="s">
        <v>15</v>
      </c>
      <c r="G38512" s="16">
        <v>0</v>
      </c>
    </row>
    <row r="38513" spans="1:7" x14ac:dyDescent="0.3">
      <c r="A38513" s="13" t="s">
        <v>230</v>
      </c>
      <c r="B38513" s="14" t="s">
        <v>1</v>
      </c>
      <c r="C38513" s="14" t="s">
        <v>41</v>
      </c>
      <c r="D38513" s="14" t="s">
        <v>231</v>
      </c>
      <c r="E38513" s="15">
        <v>45564</v>
      </c>
      <c r="F38513" s="14" t="s">
        <v>15</v>
      </c>
      <c r="G38513" s="16">
        <v>0</v>
      </c>
    </row>
    <row r="38514" spans="1:7" x14ac:dyDescent="0.3">
      <c r="A38514" s="13" t="s">
        <v>230</v>
      </c>
      <c r="B38514" s="14" t="s">
        <v>1</v>
      </c>
      <c r="C38514" s="14" t="s">
        <v>41</v>
      </c>
      <c r="D38514" s="14" t="s">
        <v>231</v>
      </c>
      <c r="E38514" s="15">
        <v>45565</v>
      </c>
      <c r="F38514" s="14" t="s">
        <v>15</v>
      </c>
      <c r="G38514" s="16">
        <v>0.48790998076822517</v>
      </c>
    </row>
    <row r="38515" spans="1:7" x14ac:dyDescent="0.3">
      <c r="A38515" s="13" t="s">
        <v>230</v>
      </c>
      <c r="B38515" s="14" t="s">
        <v>1</v>
      </c>
      <c r="C38515" s="14" t="s">
        <v>41</v>
      </c>
      <c r="D38515" s="14" t="s">
        <v>231</v>
      </c>
      <c r="E38515" s="15">
        <v>45566</v>
      </c>
      <c r="F38515" s="14" t="s">
        <v>15</v>
      </c>
      <c r="G38515" s="16">
        <v>0.47539211023120514</v>
      </c>
    </row>
    <row r="38516" spans="1:7" x14ac:dyDescent="0.3">
      <c r="A38516" s="13" t="s">
        <v>230</v>
      </c>
      <c r="B38516" s="14" t="s">
        <v>1</v>
      </c>
      <c r="C38516" s="14" t="s">
        <v>41</v>
      </c>
      <c r="D38516" s="14" t="s">
        <v>231</v>
      </c>
      <c r="E38516" s="15">
        <v>45567</v>
      </c>
      <c r="F38516" s="14" t="s">
        <v>15</v>
      </c>
      <c r="G38516" s="16">
        <v>0.46190412689007992</v>
      </c>
    </row>
    <row r="38517" spans="1:7" x14ac:dyDescent="0.3">
      <c r="A38517" s="13" t="s">
        <v>230</v>
      </c>
      <c r="B38517" s="14" t="s">
        <v>1</v>
      </c>
      <c r="C38517" s="14" t="s">
        <v>41</v>
      </c>
      <c r="D38517" s="14" t="s">
        <v>231</v>
      </c>
      <c r="E38517" s="15">
        <v>45568</v>
      </c>
      <c r="F38517" s="14" t="s">
        <v>15</v>
      </c>
      <c r="G38517" s="16">
        <v>0.45626584363198092</v>
      </c>
    </row>
    <row r="38518" spans="1:7" x14ac:dyDescent="0.3">
      <c r="A38518" s="13" t="s">
        <v>230</v>
      </c>
      <c r="B38518" s="14" t="s">
        <v>1</v>
      </c>
      <c r="C38518" s="14" t="s">
        <v>41</v>
      </c>
      <c r="D38518" s="14" t="s">
        <v>231</v>
      </c>
      <c r="E38518" s="15">
        <v>45569</v>
      </c>
      <c r="F38518" s="14" t="s">
        <v>15</v>
      </c>
      <c r="G38518" s="16">
        <v>0.44669356524868759</v>
      </c>
    </row>
    <row r="38519" spans="1:7" x14ac:dyDescent="0.3">
      <c r="A38519" s="13" t="s">
        <v>230</v>
      </c>
      <c r="B38519" s="14" t="s">
        <v>1</v>
      </c>
      <c r="C38519" s="14" t="s">
        <v>41</v>
      </c>
      <c r="D38519" s="14" t="s">
        <v>231</v>
      </c>
      <c r="E38519" s="15">
        <v>45570</v>
      </c>
      <c r="F38519" s="14" t="s">
        <v>15</v>
      </c>
      <c r="G38519" s="16">
        <v>0.44669356524868759</v>
      </c>
    </row>
    <row r="38520" spans="1:7" x14ac:dyDescent="0.3">
      <c r="A38520" s="13" t="s">
        <v>230</v>
      </c>
      <c r="B38520" s="14" t="s">
        <v>1</v>
      </c>
      <c r="C38520" s="14" t="s">
        <v>41</v>
      </c>
      <c r="D38520" s="14" t="s">
        <v>231</v>
      </c>
      <c r="E38520" s="15">
        <v>45571</v>
      </c>
      <c r="F38520" s="14" t="s">
        <v>15</v>
      </c>
      <c r="G38520" s="16">
        <v>0.44669356524868759</v>
      </c>
    </row>
    <row r="38521" spans="1:7" x14ac:dyDescent="0.3">
      <c r="A38521" s="13" t="s">
        <v>230</v>
      </c>
      <c r="B38521" s="14" t="s">
        <v>1</v>
      </c>
      <c r="C38521" s="14" t="s">
        <v>41</v>
      </c>
      <c r="D38521" s="14" t="s">
        <v>231</v>
      </c>
      <c r="E38521" s="15">
        <v>45572</v>
      </c>
      <c r="F38521" s="14" t="s">
        <v>15</v>
      </c>
      <c r="G38521" s="16">
        <v>0.44416254414013517</v>
      </c>
    </row>
    <row r="38522" spans="1:7" x14ac:dyDescent="0.3">
      <c r="A38522" s="13" t="s">
        <v>230</v>
      </c>
      <c r="B38522" s="14" t="s">
        <v>1</v>
      </c>
      <c r="C38522" s="14" t="s">
        <v>41</v>
      </c>
      <c r="D38522" s="14" t="s">
        <v>231</v>
      </c>
      <c r="E38522" s="15">
        <v>45573</v>
      </c>
      <c r="F38522" s="14" t="s">
        <v>15</v>
      </c>
      <c r="G38522" s="16">
        <v>0.43165630819650175</v>
      </c>
    </row>
    <row r="38523" spans="1:7" x14ac:dyDescent="0.3">
      <c r="A38523" s="13" t="s">
        <v>230</v>
      </c>
      <c r="B38523" s="14" t="s">
        <v>1</v>
      </c>
      <c r="C38523" s="14" t="s">
        <v>41</v>
      </c>
      <c r="D38523" s="14" t="s">
        <v>231</v>
      </c>
      <c r="E38523" s="15">
        <v>45574</v>
      </c>
      <c r="F38523" s="14" t="s">
        <v>15</v>
      </c>
      <c r="G38523" s="16">
        <v>0.42408669006023308</v>
      </c>
    </row>
    <row r="38524" spans="1:7" x14ac:dyDescent="0.3">
      <c r="A38524" s="13" t="s">
        <v>230</v>
      </c>
      <c r="B38524" s="14" t="s">
        <v>1</v>
      </c>
      <c r="C38524" s="14" t="s">
        <v>41</v>
      </c>
      <c r="D38524" s="14" t="s">
        <v>231</v>
      </c>
      <c r="E38524" s="15">
        <v>45575</v>
      </c>
      <c r="F38524" s="14" t="s">
        <v>15</v>
      </c>
      <c r="G38524" s="16">
        <v>0.4219372070966329</v>
      </c>
    </row>
    <row r="38525" spans="1:7" x14ac:dyDescent="0.3">
      <c r="A38525" s="13" t="s">
        <v>230</v>
      </c>
      <c r="B38525" s="14" t="s">
        <v>1</v>
      </c>
      <c r="C38525" s="14" t="s">
        <v>41</v>
      </c>
      <c r="D38525" s="14" t="s">
        <v>231</v>
      </c>
      <c r="E38525" s="15">
        <v>45576</v>
      </c>
      <c r="F38525" s="14" t="s">
        <v>15</v>
      </c>
      <c r="G38525" s="16">
        <v>0.41604749498861476</v>
      </c>
    </row>
    <row r="38526" spans="1:7" x14ac:dyDescent="0.3">
      <c r="A38526" s="13" t="s">
        <v>230</v>
      </c>
      <c r="B38526" s="14" t="s">
        <v>1</v>
      </c>
      <c r="C38526" s="14" t="s">
        <v>41</v>
      </c>
      <c r="D38526" s="14" t="s">
        <v>231</v>
      </c>
      <c r="E38526" s="15">
        <v>45577</v>
      </c>
      <c r="F38526" s="14" t="s">
        <v>15</v>
      </c>
      <c r="G38526" s="16">
        <v>0.41604749498861476</v>
      </c>
    </row>
    <row r="38527" spans="1:7" x14ac:dyDescent="0.3">
      <c r="A38527" s="13" t="s">
        <v>230</v>
      </c>
      <c r="B38527" s="14" t="s">
        <v>1</v>
      </c>
      <c r="C38527" s="14" t="s">
        <v>41</v>
      </c>
      <c r="D38527" s="14" t="s">
        <v>231</v>
      </c>
      <c r="E38527" s="15">
        <v>45578</v>
      </c>
      <c r="F38527" s="14" t="s">
        <v>15</v>
      </c>
      <c r="G38527" s="16">
        <v>0.41604749498861476</v>
      </c>
    </row>
    <row r="38528" spans="1:7" x14ac:dyDescent="0.3">
      <c r="A38528" s="13" t="s">
        <v>230</v>
      </c>
      <c r="B38528" s="14" t="s">
        <v>1</v>
      </c>
      <c r="C38528" s="14" t="s">
        <v>41</v>
      </c>
      <c r="D38528" s="14" t="s">
        <v>231</v>
      </c>
      <c r="E38528" s="15">
        <v>45579</v>
      </c>
      <c r="F38528" s="14" t="s">
        <v>15</v>
      </c>
      <c r="G38528" s="16">
        <v>0.41604749498861476</v>
      </c>
    </row>
    <row r="38529" spans="1:7" x14ac:dyDescent="0.3">
      <c r="A38529" s="13" t="s">
        <v>230</v>
      </c>
      <c r="B38529" s="14" t="s">
        <v>1</v>
      </c>
      <c r="C38529" s="14" t="s">
        <v>41</v>
      </c>
      <c r="D38529" s="14" t="s">
        <v>231</v>
      </c>
      <c r="E38529" s="15">
        <v>45580</v>
      </c>
      <c r="F38529" s="14" t="s">
        <v>15</v>
      </c>
      <c r="G38529" s="16">
        <v>0.41164313826964982</v>
      </c>
    </row>
    <row r="38530" spans="1:7" x14ac:dyDescent="0.3">
      <c r="A38530" s="13" t="s">
        <v>230</v>
      </c>
      <c r="B38530" s="14" t="s">
        <v>1</v>
      </c>
      <c r="C38530" s="14" t="s">
        <v>41</v>
      </c>
      <c r="D38530" s="14" t="s">
        <v>231</v>
      </c>
      <c r="E38530" s="15">
        <v>45581</v>
      </c>
      <c r="F38530" s="14" t="s">
        <v>15</v>
      </c>
      <c r="G38530" s="16">
        <v>0.39351668931557232</v>
      </c>
    </row>
    <row r="38531" spans="1:7" x14ac:dyDescent="0.3">
      <c r="A38531" s="13" t="s">
        <v>230</v>
      </c>
      <c r="B38531" s="14" t="s">
        <v>1</v>
      </c>
      <c r="C38531" s="14" t="s">
        <v>41</v>
      </c>
      <c r="D38531" s="14" t="s">
        <v>231</v>
      </c>
      <c r="E38531" s="15">
        <v>45582</v>
      </c>
      <c r="F38531" s="14" t="s">
        <v>15</v>
      </c>
      <c r="G38531" s="16">
        <v>0.38776885459036275</v>
      </c>
    </row>
    <row r="38532" spans="1:7" x14ac:dyDescent="0.3">
      <c r="A38532" s="13" t="s">
        <v>230</v>
      </c>
      <c r="B38532" s="14" t="s">
        <v>1</v>
      </c>
      <c r="C38532" s="14" t="s">
        <v>41</v>
      </c>
      <c r="D38532" s="14" t="s">
        <v>231</v>
      </c>
      <c r="E38532" s="15">
        <v>45583</v>
      </c>
      <c r="F38532" s="14" t="s">
        <v>15</v>
      </c>
      <c r="G38532" s="16">
        <v>0.38520516911345071</v>
      </c>
    </row>
    <row r="38533" spans="1:7" x14ac:dyDescent="0.3">
      <c r="A38533" s="13" t="s">
        <v>230</v>
      </c>
      <c r="B38533" s="14" t="s">
        <v>1</v>
      </c>
      <c r="C38533" s="14" t="s">
        <v>41</v>
      </c>
      <c r="D38533" s="14" t="s">
        <v>231</v>
      </c>
      <c r="E38533" s="15">
        <v>45584</v>
      </c>
      <c r="F38533" s="14" t="s">
        <v>15</v>
      </c>
      <c r="G38533" s="16">
        <v>0.38520516911345071</v>
      </c>
    </row>
    <row r="38534" spans="1:7" x14ac:dyDescent="0.3">
      <c r="A38534" s="13" t="s">
        <v>230</v>
      </c>
      <c r="B38534" s="14" t="s">
        <v>1</v>
      </c>
      <c r="C38534" s="14" t="s">
        <v>41</v>
      </c>
      <c r="D38534" s="14" t="s">
        <v>231</v>
      </c>
      <c r="E38534" s="15">
        <v>45585</v>
      </c>
      <c r="F38534" s="14" t="s">
        <v>15</v>
      </c>
      <c r="G38534" s="16">
        <v>0.38520516911345071</v>
      </c>
    </row>
    <row r="38535" spans="1:7" x14ac:dyDescent="0.3">
      <c r="A38535" s="13" t="s">
        <v>230</v>
      </c>
      <c r="B38535" s="14" t="s">
        <v>1</v>
      </c>
      <c r="C38535" s="14" t="s">
        <v>41</v>
      </c>
      <c r="D38535" s="14" t="s">
        <v>231</v>
      </c>
      <c r="E38535" s="15">
        <v>45586</v>
      </c>
      <c r="F38535" s="14" t="s">
        <v>15</v>
      </c>
      <c r="G38535" s="16">
        <v>0.377705859696705</v>
      </c>
    </row>
    <row r="38536" spans="1:7" x14ac:dyDescent="0.3">
      <c r="A38536" s="13" t="s">
        <v>230</v>
      </c>
      <c r="B38536" s="14" t="s">
        <v>1</v>
      </c>
      <c r="C38536" s="14" t="s">
        <v>41</v>
      </c>
      <c r="D38536" s="14" t="s">
        <v>231</v>
      </c>
      <c r="E38536" s="15">
        <v>45587</v>
      </c>
      <c r="F38536" s="14" t="s">
        <v>15</v>
      </c>
      <c r="G38536" s="16">
        <v>0.36458283905263039</v>
      </c>
    </row>
    <row r="38537" spans="1:7" x14ac:dyDescent="0.3">
      <c r="A38537" s="13" t="s">
        <v>230</v>
      </c>
      <c r="B38537" s="14" t="s">
        <v>1</v>
      </c>
      <c r="C38537" s="14" t="s">
        <v>41</v>
      </c>
      <c r="D38537" s="14" t="s">
        <v>231</v>
      </c>
      <c r="E38537" s="15">
        <v>45588</v>
      </c>
      <c r="F38537" s="14" t="s">
        <v>15</v>
      </c>
      <c r="G38537" s="16">
        <v>0.36797181141895702</v>
      </c>
    </row>
    <row r="38538" spans="1:7" x14ac:dyDescent="0.3">
      <c r="A38538" s="13" t="s">
        <v>230</v>
      </c>
      <c r="B38538" s="14" t="s">
        <v>1</v>
      </c>
      <c r="C38538" s="14" t="s">
        <v>41</v>
      </c>
      <c r="D38538" s="14" t="s">
        <v>231</v>
      </c>
      <c r="E38538" s="15">
        <v>45589</v>
      </c>
      <c r="F38538" s="14" t="s">
        <v>15</v>
      </c>
      <c r="G38538" s="16">
        <v>0.36606101669041075</v>
      </c>
    </row>
    <row r="38539" spans="1:7" x14ac:dyDescent="0.3">
      <c r="A38539" s="13" t="s">
        <v>230</v>
      </c>
      <c r="B38539" s="14" t="s">
        <v>1</v>
      </c>
      <c r="C38539" s="14" t="s">
        <v>41</v>
      </c>
      <c r="D38539" s="14" t="s">
        <v>231</v>
      </c>
      <c r="E38539" s="15">
        <v>45590</v>
      </c>
      <c r="F38539" s="14" t="s">
        <v>15</v>
      </c>
      <c r="G38539" s="16">
        <v>0.36077537382774905</v>
      </c>
    </row>
    <row r="38540" spans="1:7" x14ac:dyDescent="0.3">
      <c r="A38540" s="13" t="s">
        <v>230</v>
      </c>
      <c r="B38540" s="14" t="s">
        <v>1</v>
      </c>
      <c r="C38540" s="14" t="s">
        <v>41</v>
      </c>
      <c r="D38540" s="14" t="s">
        <v>231</v>
      </c>
      <c r="E38540" s="15">
        <v>45591</v>
      </c>
      <c r="F38540" s="14" t="s">
        <v>15</v>
      </c>
      <c r="G38540" s="16">
        <v>0.36077537382774905</v>
      </c>
    </row>
    <row r="38541" spans="1:7" x14ac:dyDescent="0.3">
      <c r="A38541" s="13" t="s">
        <v>230</v>
      </c>
      <c r="B38541" s="14" t="s">
        <v>1</v>
      </c>
      <c r="C38541" s="14" t="s">
        <v>41</v>
      </c>
      <c r="D38541" s="14" t="s">
        <v>231</v>
      </c>
      <c r="E38541" s="15">
        <v>45592</v>
      </c>
      <c r="F38541" s="14" t="s">
        <v>15</v>
      </c>
      <c r="G38541" s="16">
        <v>0.36077537382774905</v>
      </c>
    </row>
    <row r="38542" spans="1:7" x14ac:dyDescent="0.3">
      <c r="A38542" s="13" t="s">
        <v>230</v>
      </c>
      <c r="B38542" s="14" t="s">
        <v>1</v>
      </c>
      <c r="C38542" s="14" t="s">
        <v>41</v>
      </c>
      <c r="D38542" s="14" t="s">
        <v>231</v>
      </c>
      <c r="E38542" s="15">
        <v>45593</v>
      </c>
      <c r="F38542" s="14" t="s">
        <v>15</v>
      </c>
      <c r="G38542" s="16">
        <v>0.36077537382774905</v>
      </c>
    </row>
    <row r="38543" spans="1:7" x14ac:dyDescent="0.3">
      <c r="A38543" s="13" t="s">
        <v>230</v>
      </c>
      <c r="B38543" s="14" t="s">
        <v>1</v>
      </c>
      <c r="C38543" s="14" t="s">
        <v>41</v>
      </c>
      <c r="D38543" s="14" t="s">
        <v>231</v>
      </c>
      <c r="E38543" s="15">
        <v>45594</v>
      </c>
      <c r="F38543" s="14" t="s">
        <v>15</v>
      </c>
      <c r="G38543" s="16">
        <v>0.35549165069113309</v>
      </c>
    </row>
    <row r="38544" spans="1:7" x14ac:dyDescent="0.3">
      <c r="A38544" s="13" t="s">
        <v>230</v>
      </c>
      <c r="B38544" s="14" t="s">
        <v>1</v>
      </c>
      <c r="C38544" s="14" t="s">
        <v>41</v>
      </c>
      <c r="D38544" s="14" t="s">
        <v>231</v>
      </c>
      <c r="E38544" s="15">
        <v>45595</v>
      </c>
      <c r="F38544" s="14" t="s">
        <v>15</v>
      </c>
      <c r="G38544" s="16">
        <v>0.33972357380812751</v>
      </c>
    </row>
    <row r="38545" spans="1:7" x14ac:dyDescent="0.3">
      <c r="A38545" s="13" t="s">
        <v>230</v>
      </c>
      <c r="B38545" s="14" t="s">
        <v>1</v>
      </c>
      <c r="C38545" s="14" t="s">
        <v>41</v>
      </c>
      <c r="D38545" s="14" t="s">
        <v>231</v>
      </c>
      <c r="E38545" s="15">
        <v>45596</v>
      </c>
      <c r="F38545" s="14" t="s">
        <v>15</v>
      </c>
      <c r="G38545" s="16">
        <v>0.34258378754628255</v>
      </c>
    </row>
    <row r="38546" spans="1:7" x14ac:dyDescent="0.3">
      <c r="A38546" s="13" t="s">
        <v>230</v>
      </c>
      <c r="B38546" s="14" t="s">
        <v>1</v>
      </c>
      <c r="C38546" s="14" t="s">
        <v>41</v>
      </c>
      <c r="D38546" s="14" t="s">
        <v>231</v>
      </c>
      <c r="E38546" s="15">
        <v>45597</v>
      </c>
      <c r="F38546" s="14" t="s">
        <v>15</v>
      </c>
      <c r="G38546" s="16">
        <v>0.33701903195283284</v>
      </c>
    </row>
    <row r="38547" spans="1:7" x14ac:dyDescent="0.3">
      <c r="A38547" s="13" t="s">
        <v>230</v>
      </c>
      <c r="B38547" s="14" t="s">
        <v>1</v>
      </c>
      <c r="C38547" s="14" t="s">
        <v>41</v>
      </c>
      <c r="D38547" s="14" t="s">
        <v>231</v>
      </c>
      <c r="E38547" s="15">
        <v>45598</v>
      </c>
      <c r="F38547" s="14" t="s">
        <v>15</v>
      </c>
      <c r="G38547" s="16">
        <v>0.33701903195283284</v>
      </c>
    </row>
    <row r="38548" spans="1:7" x14ac:dyDescent="0.3">
      <c r="A38548" s="13" t="s">
        <v>230</v>
      </c>
      <c r="B38548" s="14" t="s">
        <v>1</v>
      </c>
      <c r="C38548" s="14" t="s">
        <v>41</v>
      </c>
      <c r="D38548" s="14" t="s">
        <v>231</v>
      </c>
      <c r="E38548" s="15">
        <v>45599</v>
      </c>
      <c r="F38548" s="14" t="s">
        <v>15</v>
      </c>
      <c r="G38548" s="16">
        <v>0.33701903195283284</v>
      </c>
    </row>
    <row r="38549" spans="1:7" x14ac:dyDescent="0.3">
      <c r="A38549" s="13" t="s">
        <v>230</v>
      </c>
      <c r="B38549" s="14" t="s">
        <v>1</v>
      </c>
      <c r="C38549" s="14" t="s">
        <v>41</v>
      </c>
      <c r="D38549" s="14" t="s">
        <v>231</v>
      </c>
      <c r="E38549" s="15">
        <v>45600</v>
      </c>
      <c r="F38549" s="14" t="s">
        <v>15</v>
      </c>
      <c r="G38549" s="16">
        <v>0.33701903195283284</v>
      </c>
    </row>
    <row r="38550" spans="1:7" x14ac:dyDescent="0.3">
      <c r="A38550" s="13" t="s">
        <v>230</v>
      </c>
      <c r="B38550" s="14" t="s">
        <v>1</v>
      </c>
      <c r="C38550" s="14" t="s">
        <v>41</v>
      </c>
      <c r="D38550" s="14" t="s">
        <v>231</v>
      </c>
      <c r="E38550" s="15">
        <v>45601</v>
      </c>
      <c r="F38550" s="14" t="s">
        <v>15</v>
      </c>
      <c r="G38550" s="16">
        <v>0.33584750237637157</v>
      </c>
    </row>
    <row r="38551" spans="1:7" x14ac:dyDescent="0.3">
      <c r="A38551" s="13" t="s">
        <v>230</v>
      </c>
      <c r="B38551" s="14" t="s">
        <v>1</v>
      </c>
      <c r="C38551" s="14" t="s">
        <v>41</v>
      </c>
      <c r="D38551" s="14" t="s">
        <v>231</v>
      </c>
      <c r="E38551" s="15">
        <v>45602</v>
      </c>
      <c r="F38551" s="14" t="s">
        <v>15</v>
      </c>
      <c r="G38551" s="16">
        <v>0.31301208171486206</v>
      </c>
    </row>
    <row r="38552" spans="1:7" x14ac:dyDescent="0.3">
      <c r="A38552" s="13" t="s">
        <v>230</v>
      </c>
      <c r="B38552" s="14" t="s">
        <v>1</v>
      </c>
      <c r="C38552" s="14" t="s">
        <v>41</v>
      </c>
      <c r="D38552" s="14" t="s">
        <v>231</v>
      </c>
      <c r="E38552" s="15">
        <v>45603</v>
      </c>
      <c r="F38552" s="14" t="s">
        <v>15</v>
      </c>
      <c r="G38552" s="16">
        <v>0.31225606336121869</v>
      </c>
    </row>
    <row r="38553" spans="1:7" x14ac:dyDescent="0.3">
      <c r="A38553" s="13" t="s">
        <v>230</v>
      </c>
      <c r="B38553" s="14" t="s">
        <v>1</v>
      </c>
      <c r="C38553" s="14" t="s">
        <v>41</v>
      </c>
      <c r="D38553" s="14" t="s">
        <v>231</v>
      </c>
      <c r="E38553" s="15">
        <v>45604</v>
      </c>
      <c r="F38553" s="14" t="s">
        <v>15</v>
      </c>
      <c r="G38553" s="16">
        <v>0.31962998977877938</v>
      </c>
    </row>
    <row r="38554" spans="1:7" x14ac:dyDescent="0.3">
      <c r="A38554" s="13" t="s">
        <v>230</v>
      </c>
      <c r="B38554" s="14" t="s">
        <v>1</v>
      </c>
      <c r="C38554" s="14" t="s">
        <v>41</v>
      </c>
      <c r="D38554" s="14" t="s">
        <v>231</v>
      </c>
      <c r="E38554" s="15">
        <v>45605</v>
      </c>
      <c r="F38554" s="14" t="s">
        <v>15</v>
      </c>
      <c r="G38554" s="16">
        <v>0.31962998977877938</v>
      </c>
    </row>
    <row r="38555" spans="1:7" x14ac:dyDescent="0.3">
      <c r="A38555" s="13" t="s">
        <v>230</v>
      </c>
      <c r="B38555" s="14" t="s">
        <v>1</v>
      </c>
      <c r="C38555" s="14" t="s">
        <v>41</v>
      </c>
      <c r="D38555" s="14" t="s">
        <v>231</v>
      </c>
      <c r="E38555" s="15">
        <v>45606</v>
      </c>
      <c r="F38555" s="14" t="s">
        <v>15</v>
      </c>
      <c r="G38555" s="16">
        <v>0.31962998977877938</v>
      </c>
    </row>
    <row r="38556" spans="1:7" x14ac:dyDescent="0.3">
      <c r="A38556" s="13" t="s">
        <v>230</v>
      </c>
      <c r="B38556" s="14" t="s">
        <v>1</v>
      </c>
      <c r="C38556" s="14" t="s">
        <v>41</v>
      </c>
      <c r="D38556" s="14" t="s">
        <v>231</v>
      </c>
      <c r="E38556" s="15">
        <v>45607</v>
      </c>
      <c r="F38556" s="14" t="s">
        <v>15</v>
      </c>
      <c r="G38556" s="16">
        <v>0.32055649956723464</v>
      </c>
    </row>
    <row r="38557" spans="1:7" x14ac:dyDescent="0.3">
      <c r="A38557" s="13" t="s">
        <v>230</v>
      </c>
      <c r="B38557" s="14" t="s">
        <v>1</v>
      </c>
      <c r="C38557" s="14" t="s">
        <v>41</v>
      </c>
      <c r="D38557" s="14" t="s">
        <v>231</v>
      </c>
      <c r="E38557" s="15">
        <v>45608</v>
      </c>
      <c r="F38557" s="14" t="s">
        <v>15</v>
      </c>
      <c r="G38557" s="16">
        <v>0.30588953102198863</v>
      </c>
    </row>
    <row r="38558" spans="1:7" x14ac:dyDescent="0.3">
      <c r="A38558" s="13" t="s">
        <v>230</v>
      </c>
      <c r="B38558" s="14" t="s">
        <v>1</v>
      </c>
      <c r="C38558" s="14" t="s">
        <v>41</v>
      </c>
      <c r="D38558" s="14" t="s">
        <v>231</v>
      </c>
      <c r="E38558" s="15">
        <v>45609</v>
      </c>
      <c r="F38558" s="14" t="s">
        <v>15</v>
      </c>
      <c r="G38558" s="16">
        <v>0.3015558184749792</v>
      </c>
    </row>
    <row r="38559" spans="1:7" x14ac:dyDescent="0.3">
      <c r="A38559" s="13" t="s">
        <v>230</v>
      </c>
      <c r="B38559" s="14" t="s">
        <v>1</v>
      </c>
      <c r="C38559" s="14" t="s">
        <v>41</v>
      </c>
      <c r="D38559" s="14" t="s">
        <v>231</v>
      </c>
      <c r="E38559" s="15">
        <v>45610</v>
      </c>
      <c r="F38559" s="14" t="s">
        <v>15</v>
      </c>
      <c r="G38559" s="16">
        <v>0.2957085482318183</v>
      </c>
    </row>
    <row r="38560" spans="1:7" x14ac:dyDescent="0.3">
      <c r="A38560" s="13" t="s">
        <v>230</v>
      </c>
      <c r="B38560" s="14" t="s">
        <v>1</v>
      </c>
      <c r="C38560" s="14" t="s">
        <v>41</v>
      </c>
      <c r="D38560" s="14" t="s">
        <v>231</v>
      </c>
      <c r="E38560" s="15">
        <v>45611</v>
      </c>
      <c r="F38560" s="14" t="s">
        <v>15</v>
      </c>
      <c r="G38560" s="16">
        <v>0.29508590669669316</v>
      </c>
    </row>
    <row r="38561" spans="1:7" x14ac:dyDescent="0.3">
      <c r="A38561" s="13" t="s">
        <v>230</v>
      </c>
      <c r="B38561" s="14" t="s">
        <v>1</v>
      </c>
      <c r="C38561" s="14" t="s">
        <v>41</v>
      </c>
      <c r="D38561" s="14" t="s">
        <v>231</v>
      </c>
      <c r="E38561" s="15">
        <v>45612</v>
      </c>
      <c r="F38561" s="14" t="s">
        <v>15</v>
      </c>
      <c r="G38561" s="16">
        <v>0.29508590669669316</v>
      </c>
    </row>
    <row r="38562" spans="1:7" x14ac:dyDescent="0.3">
      <c r="A38562" s="13" t="s">
        <v>230</v>
      </c>
      <c r="B38562" s="14" t="s">
        <v>1</v>
      </c>
      <c r="C38562" s="14" t="s">
        <v>41</v>
      </c>
      <c r="D38562" s="14" t="s">
        <v>231</v>
      </c>
      <c r="E38562" s="15">
        <v>45613</v>
      </c>
      <c r="F38562" s="14" t="s">
        <v>15</v>
      </c>
      <c r="G38562" s="16">
        <v>0.29508590669669316</v>
      </c>
    </row>
    <row r="38563" spans="1:7" x14ac:dyDescent="0.3">
      <c r="A38563" s="13" t="s">
        <v>230</v>
      </c>
      <c r="B38563" s="14" t="s">
        <v>1</v>
      </c>
      <c r="C38563" s="14" t="s">
        <v>41</v>
      </c>
      <c r="D38563" s="14" t="s">
        <v>231</v>
      </c>
      <c r="E38563" s="15">
        <v>45614</v>
      </c>
      <c r="F38563" s="14" t="s">
        <v>15</v>
      </c>
      <c r="G38563" s="16">
        <v>0.29758942234130015</v>
      </c>
    </row>
    <row r="38564" spans="1:7" x14ac:dyDescent="0.3">
      <c r="A38564" s="13" t="s">
        <v>230</v>
      </c>
      <c r="B38564" s="14" t="s">
        <v>1</v>
      </c>
      <c r="C38564" s="14" t="s">
        <v>41</v>
      </c>
      <c r="D38564" s="14" t="s">
        <v>231</v>
      </c>
      <c r="E38564" s="15">
        <v>45615</v>
      </c>
      <c r="F38564" s="14" t="s">
        <v>15</v>
      </c>
      <c r="G38564" s="16">
        <v>0.2846510847292501</v>
      </c>
    </row>
    <row r="38565" spans="1:7" x14ac:dyDescent="0.3">
      <c r="A38565" s="13" t="s">
        <v>230</v>
      </c>
      <c r="B38565" s="14" t="s">
        <v>1</v>
      </c>
      <c r="C38565" s="14" t="s">
        <v>41</v>
      </c>
      <c r="D38565" s="14" t="s">
        <v>231</v>
      </c>
      <c r="E38565" s="15">
        <v>45616</v>
      </c>
      <c r="F38565" s="14" t="s">
        <v>15</v>
      </c>
      <c r="G38565" s="16">
        <v>0.27989374181924698</v>
      </c>
    </row>
    <row r="38566" spans="1:7" x14ac:dyDescent="0.3">
      <c r="A38566" s="13" t="s">
        <v>230</v>
      </c>
      <c r="B38566" s="14" t="s">
        <v>1</v>
      </c>
      <c r="C38566" s="14" t="s">
        <v>41</v>
      </c>
      <c r="D38566" s="14" t="s">
        <v>231</v>
      </c>
      <c r="E38566" s="15">
        <v>45617</v>
      </c>
      <c r="F38566" s="14" t="s">
        <v>15</v>
      </c>
      <c r="G38566" s="16">
        <v>0.27719047006031311</v>
      </c>
    </row>
    <row r="38567" spans="1:7" x14ac:dyDescent="0.3">
      <c r="A38567" s="13" t="s">
        <v>230</v>
      </c>
      <c r="B38567" s="14" t="s">
        <v>1</v>
      </c>
      <c r="C38567" s="14" t="s">
        <v>41</v>
      </c>
      <c r="D38567" s="14" t="s">
        <v>231</v>
      </c>
      <c r="E38567" s="15">
        <v>45618</v>
      </c>
      <c r="F38567" s="14" t="s">
        <v>15</v>
      </c>
      <c r="G38567" s="16">
        <v>0.27247728546284733</v>
      </c>
    </row>
    <row r="38568" spans="1:7" x14ac:dyDescent="0.3">
      <c r="A38568" s="13" t="s">
        <v>230</v>
      </c>
      <c r="B38568" s="14" t="s">
        <v>1</v>
      </c>
      <c r="C38568" s="14" t="s">
        <v>41</v>
      </c>
      <c r="D38568" s="14" t="s">
        <v>231</v>
      </c>
      <c r="E38568" s="15">
        <v>45619</v>
      </c>
      <c r="F38568" s="14" t="s">
        <v>15</v>
      </c>
      <c r="G38568" s="16">
        <v>0.27247728546284733</v>
      </c>
    </row>
    <row r="38569" spans="1:7" x14ac:dyDescent="0.3">
      <c r="A38569" s="13" t="s">
        <v>230</v>
      </c>
      <c r="B38569" s="14" t="s">
        <v>1</v>
      </c>
      <c r="C38569" s="14" t="s">
        <v>41</v>
      </c>
      <c r="D38569" s="14" t="s">
        <v>231</v>
      </c>
      <c r="E38569" s="15">
        <v>45620</v>
      </c>
      <c r="F38569" s="14" t="s">
        <v>15</v>
      </c>
      <c r="G38569" s="16">
        <v>0.27247728546284733</v>
      </c>
    </row>
    <row r="38570" spans="1:7" x14ac:dyDescent="0.3">
      <c r="A38570" s="13" t="s">
        <v>230</v>
      </c>
      <c r="B38570" s="14" t="s">
        <v>1</v>
      </c>
      <c r="C38570" s="14" t="s">
        <v>41</v>
      </c>
      <c r="D38570" s="14" t="s">
        <v>231</v>
      </c>
      <c r="E38570" s="15">
        <v>45621</v>
      </c>
      <c r="F38570" s="14" t="s">
        <v>15</v>
      </c>
      <c r="G38570" s="16">
        <v>0.26916438821447636</v>
      </c>
    </row>
    <row r="38571" spans="1:7" x14ac:dyDescent="0.3">
      <c r="A38571" s="13" t="s">
        <v>230</v>
      </c>
      <c r="B38571" s="14" t="s">
        <v>1</v>
      </c>
      <c r="C38571" s="14" t="s">
        <v>41</v>
      </c>
      <c r="D38571" s="14" t="s">
        <v>231</v>
      </c>
      <c r="E38571" s="15">
        <v>45622</v>
      </c>
      <c r="F38571" s="14" t="s">
        <v>15</v>
      </c>
      <c r="G38571" s="16">
        <v>0.25819754507558063</v>
      </c>
    </row>
    <row r="38572" spans="1:7" x14ac:dyDescent="0.3">
      <c r="A38572" s="13" t="s">
        <v>230</v>
      </c>
      <c r="B38572" s="14" t="s">
        <v>1</v>
      </c>
      <c r="C38572" s="14" t="s">
        <v>41</v>
      </c>
      <c r="D38572" s="14" t="s">
        <v>231</v>
      </c>
      <c r="E38572" s="15">
        <v>45623</v>
      </c>
      <c r="F38572" s="14" t="s">
        <v>15</v>
      </c>
      <c r="G38572" s="16">
        <v>0.25716978049880035</v>
      </c>
    </row>
    <row r="38573" spans="1:7" x14ac:dyDescent="0.3">
      <c r="A38573" s="13" t="s">
        <v>230</v>
      </c>
      <c r="B38573" s="14" t="s">
        <v>1</v>
      </c>
      <c r="C38573" s="14" t="s">
        <v>41</v>
      </c>
      <c r="D38573" s="14" t="s">
        <v>231</v>
      </c>
      <c r="E38573" s="15">
        <v>45624</v>
      </c>
      <c r="F38573" s="14" t="s">
        <v>15</v>
      </c>
      <c r="G38573" s="16">
        <v>0.25212761195673644</v>
      </c>
    </row>
    <row r="38574" spans="1:7" x14ac:dyDescent="0.3">
      <c r="A38574" s="13" t="s">
        <v>230</v>
      </c>
      <c r="B38574" s="14" t="s">
        <v>1</v>
      </c>
      <c r="C38574" s="14" t="s">
        <v>41</v>
      </c>
      <c r="D38574" s="14" t="s">
        <v>231</v>
      </c>
      <c r="E38574" s="15">
        <v>45625</v>
      </c>
      <c r="F38574" s="14" t="s">
        <v>15</v>
      </c>
      <c r="G38574" s="16">
        <v>0.25579141094091135</v>
      </c>
    </row>
    <row r="38575" spans="1:7" x14ac:dyDescent="0.3">
      <c r="A38575" s="13" t="s">
        <v>230</v>
      </c>
      <c r="B38575" s="14" t="s">
        <v>1</v>
      </c>
      <c r="C38575" s="14" t="s">
        <v>41</v>
      </c>
      <c r="D38575" s="14" t="s">
        <v>231</v>
      </c>
      <c r="E38575" s="15">
        <v>45626</v>
      </c>
      <c r="F38575" s="14" t="s">
        <v>15</v>
      </c>
      <c r="G38575" s="16">
        <v>0.25579141094091135</v>
      </c>
    </row>
    <row r="38576" spans="1:7" x14ac:dyDescent="0.3">
      <c r="A38576" s="13" t="s">
        <v>230</v>
      </c>
      <c r="B38576" s="14" t="s">
        <v>1</v>
      </c>
      <c r="C38576" s="14" t="s">
        <v>41</v>
      </c>
      <c r="D38576" s="14" t="s">
        <v>231</v>
      </c>
      <c r="E38576" s="15">
        <v>45627</v>
      </c>
      <c r="F38576" s="14" t="s">
        <v>15</v>
      </c>
      <c r="G38576" s="16">
        <v>0.25579141094091135</v>
      </c>
    </row>
    <row r="38577" spans="1:7" x14ac:dyDescent="0.3">
      <c r="A38577" s="13" t="s">
        <v>230</v>
      </c>
      <c r="B38577" s="14" t="s">
        <v>1</v>
      </c>
      <c r="C38577" s="14" t="s">
        <v>41</v>
      </c>
      <c r="D38577" s="14" t="s">
        <v>231</v>
      </c>
      <c r="E38577" s="15">
        <v>45628</v>
      </c>
      <c r="F38577" s="14" t="s">
        <v>15</v>
      </c>
      <c r="G38577" s="16">
        <v>0.25169988001648808</v>
      </c>
    </row>
    <row r="38578" spans="1:7" x14ac:dyDescent="0.3">
      <c r="A38578" s="13" t="s">
        <v>230</v>
      </c>
      <c r="B38578" s="14" t="s">
        <v>1</v>
      </c>
      <c r="C38578" s="14" t="s">
        <v>41</v>
      </c>
      <c r="D38578" s="14" t="s">
        <v>231</v>
      </c>
      <c r="E38578" s="15">
        <v>45629</v>
      </c>
      <c r="F38578" s="14" t="s">
        <v>15</v>
      </c>
      <c r="G38578" s="16">
        <v>0.24613790055811818</v>
      </c>
    </row>
    <row r="38579" spans="1:7" x14ac:dyDescent="0.3">
      <c r="A38579" s="13" t="s">
        <v>230</v>
      </c>
      <c r="B38579" s="14" t="s">
        <v>1</v>
      </c>
      <c r="C38579" s="14" t="s">
        <v>41</v>
      </c>
      <c r="D38579" s="14" t="s">
        <v>231</v>
      </c>
      <c r="E38579" s="15">
        <v>45630</v>
      </c>
      <c r="F38579" s="14" t="s">
        <v>15</v>
      </c>
      <c r="G38579" s="16">
        <v>0.24011991553520867</v>
      </c>
    </row>
    <row r="38580" spans="1:7" x14ac:dyDescent="0.3">
      <c r="A38580" s="13" t="s">
        <v>230</v>
      </c>
      <c r="B38580" s="14" t="s">
        <v>1</v>
      </c>
      <c r="C38580" s="14" t="s">
        <v>41</v>
      </c>
      <c r="D38580" s="14" t="s">
        <v>231</v>
      </c>
      <c r="E38580" s="15">
        <v>45631</v>
      </c>
      <c r="F38580" s="14" t="s">
        <v>15</v>
      </c>
      <c r="G38580" s="16">
        <v>0.236542368341709</v>
      </c>
    </row>
    <row r="38581" spans="1:7" x14ac:dyDescent="0.3">
      <c r="A38581" s="13" t="s">
        <v>230</v>
      </c>
      <c r="B38581" s="14" t="s">
        <v>1</v>
      </c>
      <c r="C38581" s="14" t="s">
        <v>41</v>
      </c>
      <c r="D38581" s="14" t="s">
        <v>231</v>
      </c>
      <c r="E38581" s="15">
        <v>45632</v>
      </c>
      <c r="F38581" s="14" t="s">
        <v>15</v>
      </c>
      <c r="G38581" s="16">
        <v>0.23220562353162094</v>
      </c>
    </row>
    <row r="38582" spans="1:7" x14ac:dyDescent="0.3">
      <c r="A38582" s="13" t="s">
        <v>230</v>
      </c>
      <c r="B38582" s="14" t="s">
        <v>1</v>
      </c>
      <c r="C38582" s="14" t="s">
        <v>41</v>
      </c>
      <c r="D38582" s="14" t="s">
        <v>231</v>
      </c>
      <c r="E38582" s="15">
        <v>45633</v>
      </c>
      <c r="F38582" s="14" t="s">
        <v>15</v>
      </c>
      <c r="G38582" s="16">
        <v>0.23220562353162094</v>
      </c>
    </row>
    <row r="38583" spans="1:7" x14ac:dyDescent="0.3">
      <c r="A38583" s="13" t="s">
        <v>230</v>
      </c>
      <c r="B38583" s="14" t="s">
        <v>1</v>
      </c>
      <c r="C38583" s="14" t="s">
        <v>41</v>
      </c>
      <c r="D38583" s="14" t="s">
        <v>231</v>
      </c>
      <c r="E38583" s="15">
        <v>45634</v>
      </c>
      <c r="F38583" s="14" t="s">
        <v>15</v>
      </c>
      <c r="G38583" s="16">
        <v>0.23220562353162094</v>
      </c>
    </row>
    <row r="38584" spans="1:7" x14ac:dyDescent="0.3">
      <c r="A38584" s="13" t="s">
        <v>230</v>
      </c>
      <c r="B38584" s="14" t="s">
        <v>1</v>
      </c>
      <c r="C38584" s="14" t="s">
        <v>41</v>
      </c>
      <c r="D38584" s="14" t="s">
        <v>231</v>
      </c>
      <c r="E38584" s="15">
        <v>45635</v>
      </c>
      <c r="F38584" s="14" t="s">
        <v>15</v>
      </c>
      <c r="G38584" s="16">
        <v>0.2259851873952127</v>
      </c>
    </row>
    <row r="38585" spans="1:7" x14ac:dyDescent="0.3">
      <c r="A38585" s="13" t="s">
        <v>230</v>
      </c>
      <c r="B38585" s="14" t="s">
        <v>1</v>
      </c>
      <c r="C38585" s="14" t="s">
        <v>41</v>
      </c>
      <c r="D38585" s="14" t="s">
        <v>231</v>
      </c>
      <c r="E38585" s="15">
        <v>45636</v>
      </c>
      <c r="F38585" s="14" t="s">
        <v>15</v>
      </c>
      <c r="G38585" s="16">
        <v>0.21198886865989477</v>
      </c>
    </row>
    <row r="38586" spans="1:7" x14ac:dyDescent="0.3">
      <c r="A38586" s="13" t="s">
        <v>230</v>
      </c>
      <c r="B38586" s="14" t="s">
        <v>1</v>
      </c>
      <c r="C38586" s="14" t="s">
        <v>41</v>
      </c>
      <c r="D38586" s="14" t="s">
        <v>231</v>
      </c>
      <c r="E38586" s="15">
        <v>45637</v>
      </c>
      <c r="F38586" s="14" t="s">
        <v>15</v>
      </c>
      <c r="G38586" s="16">
        <v>0.20696213807015121</v>
      </c>
    </row>
    <row r="38587" spans="1:7" x14ac:dyDescent="0.3">
      <c r="A38587" s="13" t="s">
        <v>230</v>
      </c>
      <c r="B38587" s="14" t="s">
        <v>1</v>
      </c>
      <c r="C38587" s="14" t="s">
        <v>41</v>
      </c>
      <c r="D38587" s="14" t="s">
        <v>231</v>
      </c>
      <c r="E38587" s="15">
        <v>45638</v>
      </c>
      <c r="F38587" s="14" t="s">
        <v>15</v>
      </c>
      <c r="G38587" s="16">
        <v>0.20241286315227527</v>
      </c>
    </row>
    <row r="38588" spans="1:7" x14ac:dyDescent="0.3">
      <c r="A38588" s="13" t="s">
        <v>230</v>
      </c>
      <c r="B38588" s="14" t="s">
        <v>1</v>
      </c>
      <c r="C38588" s="14" t="s">
        <v>41</v>
      </c>
      <c r="D38588" s="14" t="s">
        <v>231</v>
      </c>
      <c r="E38588" s="15">
        <v>45639</v>
      </c>
      <c r="F38588" s="14" t="s">
        <v>15</v>
      </c>
      <c r="G38588" s="16">
        <v>0.19664988218532312</v>
      </c>
    </row>
    <row r="38589" spans="1:7" x14ac:dyDescent="0.3">
      <c r="A38589" s="13" t="s">
        <v>230</v>
      </c>
      <c r="B38589" s="14" t="s">
        <v>1</v>
      </c>
      <c r="C38589" s="14" t="s">
        <v>41</v>
      </c>
      <c r="D38589" s="14" t="s">
        <v>231</v>
      </c>
      <c r="E38589" s="15">
        <v>45640</v>
      </c>
      <c r="F38589" s="14" t="s">
        <v>15</v>
      </c>
      <c r="G38589" s="16">
        <v>0.19664988218532312</v>
      </c>
    </row>
    <row r="38590" spans="1:7" x14ac:dyDescent="0.3">
      <c r="A38590" s="13" t="s">
        <v>230</v>
      </c>
      <c r="B38590" s="14" t="s">
        <v>1</v>
      </c>
      <c r="C38590" s="14" t="s">
        <v>41</v>
      </c>
      <c r="D38590" s="14" t="s">
        <v>231</v>
      </c>
      <c r="E38590" s="15">
        <v>45641</v>
      </c>
      <c r="F38590" s="14" t="s">
        <v>15</v>
      </c>
      <c r="G38590" s="16">
        <v>0.19664988218532312</v>
      </c>
    </row>
    <row r="38591" spans="1:7" x14ac:dyDescent="0.3">
      <c r="A38591" s="13" t="s">
        <v>230</v>
      </c>
      <c r="B38591" s="14" t="s">
        <v>1</v>
      </c>
      <c r="C38591" s="14" t="s">
        <v>41</v>
      </c>
      <c r="D38591" s="14" t="s">
        <v>231</v>
      </c>
      <c r="E38591" s="15">
        <v>45642</v>
      </c>
      <c r="F38591" s="14" t="s">
        <v>15</v>
      </c>
      <c r="G38591" s="16">
        <v>0.19162408299891689</v>
      </c>
    </row>
    <row r="38592" spans="1:7" x14ac:dyDescent="0.3">
      <c r="A38592" s="13" t="s">
        <v>230</v>
      </c>
      <c r="B38592" s="14" t="s">
        <v>1</v>
      </c>
      <c r="C38592" s="14" t="s">
        <v>41</v>
      </c>
      <c r="D38592" s="14" t="s">
        <v>231</v>
      </c>
      <c r="E38592" s="15">
        <v>45643</v>
      </c>
      <c r="F38592" s="14" t="s">
        <v>15</v>
      </c>
      <c r="G38592" s="16">
        <v>0.17934098794150821</v>
      </c>
    </row>
    <row r="38593" spans="1:7" x14ac:dyDescent="0.3">
      <c r="A38593" s="13" t="s">
        <v>230</v>
      </c>
      <c r="B38593" s="14" t="s">
        <v>1</v>
      </c>
      <c r="C38593" s="14" t="s">
        <v>41</v>
      </c>
      <c r="D38593" s="14" t="s">
        <v>231</v>
      </c>
      <c r="E38593" s="15">
        <v>45644</v>
      </c>
      <c r="F38593" s="14" t="s">
        <v>15</v>
      </c>
      <c r="G38593" s="16">
        <v>0.17348113365371048</v>
      </c>
    </row>
    <row r="38594" spans="1:7" x14ac:dyDescent="0.3">
      <c r="A38594" s="13" t="s">
        <v>230</v>
      </c>
      <c r="B38594" s="14" t="s">
        <v>1</v>
      </c>
      <c r="C38594" s="14" t="s">
        <v>41</v>
      </c>
      <c r="D38594" s="14" t="s">
        <v>231</v>
      </c>
      <c r="E38594" s="15">
        <v>45645</v>
      </c>
      <c r="F38594" s="14" t="s">
        <v>15</v>
      </c>
      <c r="G38594" s="16">
        <v>0.16629856062131174</v>
      </c>
    </row>
    <row r="38595" spans="1:7" x14ac:dyDescent="0.3">
      <c r="A38595" s="13" t="s">
        <v>230</v>
      </c>
      <c r="B38595" s="14" t="s">
        <v>1</v>
      </c>
      <c r="C38595" s="14" t="s">
        <v>41</v>
      </c>
      <c r="D38595" s="14" t="s">
        <v>231</v>
      </c>
      <c r="E38595" s="15">
        <v>45646</v>
      </c>
      <c r="F38595" s="14" t="s">
        <v>15</v>
      </c>
      <c r="G38595" s="16">
        <v>0.16315388792362526</v>
      </c>
    </row>
    <row r="38596" spans="1:7" x14ac:dyDescent="0.3">
      <c r="A38596" s="13" t="s">
        <v>230</v>
      </c>
      <c r="B38596" s="14" t="s">
        <v>1</v>
      </c>
      <c r="C38596" s="14" t="s">
        <v>41</v>
      </c>
      <c r="D38596" s="14" t="s">
        <v>231</v>
      </c>
      <c r="E38596" s="15">
        <v>45647</v>
      </c>
      <c r="F38596" s="14" t="s">
        <v>15</v>
      </c>
      <c r="G38596" s="16">
        <v>0.16315388792362526</v>
      </c>
    </row>
    <row r="38597" spans="1:7" x14ac:dyDescent="0.3">
      <c r="A38597" s="13" t="s">
        <v>230</v>
      </c>
      <c r="B38597" s="14" t="s">
        <v>1</v>
      </c>
      <c r="C38597" s="14" t="s">
        <v>41</v>
      </c>
      <c r="D38597" s="14" t="s">
        <v>231</v>
      </c>
      <c r="E38597" s="15">
        <v>45648</v>
      </c>
      <c r="F38597" s="14" t="s">
        <v>15</v>
      </c>
      <c r="G38597" s="16">
        <v>0.16315388792362526</v>
      </c>
    </row>
    <row r="38598" spans="1:7" x14ac:dyDescent="0.3">
      <c r="A38598" s="13" t="s">
        <v>230</v>
      </c>
      <c r="B38598" s="14" t="s">
        <v>1</v>
      </c>
      <c r="C38598" s="14" t="s">
        <v>41</v>
      </c>
      <c r="D38598" s="14" t="s">
        <v>231</v>
      </c>
      <c r="E38598" s="15">
        <v>45649</v>
      </c>
      <c r="F38598" s="14" t="s">
        <v>15</v>
      </c>
      <c r="G38598" s="16">
        <v>0.15801088270091251</v>
      </c>
    </row>
    <row r="38599" spans="1:7" x14ac:dyDescent="0.3">
      <c r="A38599" s="13" t="s">
        <v>230</v>
      </c>
      <c r="B38599" s="14" t="s">
        <v>1</v>
      </c>
      <c r="C38599" s="14" t="s">
        <v>41</v>
      </c>
      <c r="D38599" s="14" t="s">
        <v>231</v>
      </c>
      <c r="E38599" s="15">
        <v>45650</v>
      </c>
      <c r="F38599" s="14" t="s">
        <v>15</v>
      </c>
      <c r="G38599" s="16">
        <v>0.14518746239947955</v>
      </c>
    </row>
    <row r="38600" spans="1:7" x14ac:dyDescent="0.3">
      <c r="A38600" s="13" t="s">
        <v>230</v>
      </c>
      <c r="B38600" s="14" t="s">
        <v>1</v>
      </c>
      <c r="C38600" s="14" t="s">
        <v>41</v>
      </c>
      <c r="D38600" s="14" t="s">
        <v>231</v>
      </c>
      <c r="E38600" s="15">
        <v>45651</v>
      </c>
      <c r="F38600" s="14" t="s">
        <v>15</v>
      </c>
      <c r="G38600" s="16">
        <v>0.14518746239947955</v>
      </c>
    </row>
    <row r="38601" spans="1:7" x14ac:dyDescent="0.3">
      <c r="A38601" s="13" t="s">
        <v>230</v>
      </c>
      <c r="B38601" s="14" t="s">
        <v>1</v>
      </c>
      <c r="C38601" s="14" t="s">
        <v>41</v>
      </c>
      <c r="D38601" s="14" t="s">
        <v>231</v>
      </c>
      <c r="E38601" s="15">
        <v>45652</v>
      </c>
      <c r="F38601" s="14" t="s">
        <v>15</v>
      </c>
      <c r="G38601" s="16">
        <v>0.14518746239947955</v>
      </c>
    </row>
    <row r="38602" spans="1:7" x14ac:dyDescent="0.3">
      <c r="A38602" s="13" t="s">
        <v>230</v>
      </c>
      <c r="B38602" s="14" t="s">
        <v>1</v>
      </c>
      <c r="C38602" s="14" t="s">
        <v>41</v>
      </c>
      <c r="D38602" s="14" t="s">
        <v>231</v>
      </c>
      <c r="E38602" s="15">
        <v>45653</v>
      </c>
      <c r="F38602" s="14" t="s">
        <v>15</v>
      </c>
      <c r="G38602" s="16">
        <v>0.14518746239947955</v>
      </c>
    </row>
    <row r="38603" spans="1:7" x14ac:dyDescent="0.3">
      <c r="A38603" s="13" t="s">
        <v>230</v>
      </c>
      <c r="B38603" s="14" t="s">
        <v>1</v>
      </c>
      <c r="C38603" s="14" t="s">
        <v>41</v>
      </c>
      <c r="D38603" s="14" t="s">
        <v>231</v>
      </c>
      <c r="E38603" s="15">
        <v>45654</v>
      </c>
      <c r="F38603" s="14" t="s">
        <v>15</v>
      </c>
      <c r="G38603" s="16">
        <v>0.14518746239947955</v>
      </c>
    </row>
    <row r="38604" spans="1:7" x14ac:dyDescent="0.3">
      <c r="A38604" s="13" t="s">
        <v>230</v>
      </c>
      <c r="B38604" s="14" t="s">
        <v>1</v>
      </c>
      <c r="C38604" s="14" t="s">
        <v>41</v>
      </c>
      <c r="D38604" s="14" t="s">
        <v>231</v>
      </c>
      <c r="E38604" s="15">
        <v>45655</v>
      </c>
      <c r="F38604" s="14" t="s">
        <v>15</v>
      </c>
      <c r="G38604" s="16">
        <v>0.14518746239947955</v>
      </c>
    </row>
    <row r="38605" spans="1:7" x14ac:dyDescent="0.3">
      <c r="A38605" s="13" t="s">
        <v>230</v>
      </c>
      <c r="B38605" s="14" t="s">
        <v>1</v>
      </c>
      <c r="C38605" s="14" t="s">
        <v>41</v>
      </c>
      <c r="D38605" s="14" t="s">
        <v>231</v>
      </c>
      <c r="E38605" s="15">
        <v>45656</v>
      </c>
      <c r="F38605" s="14" t="s">
        <v>15</v>
      </c>
      <c r="G38605" s="16">
        <v>0.14114351870729008</v>
      </c>
    </row>
    <row r="38606" spans="1:7" x14ac:dyDescent="0.3">
      <c r="A38606" s="13" t="s">
        <v>230</v>
      </c>
      <c r="B38606" s="14" t="s">
        <v>1</v>
      </c>
      <c r="C38606" s="14" t="s">
        <v>41</v>
      </c>
      <c r="D38606" s="14" t="s">
        <v>231</v>
      </c>
      <c r="E38606" s="15">
        <v>45657</v>
      </c>
      <c r="F38606" s="14" t="s">
        <v>15</v>
      </c>
      <c r="G38606" s="16">
        <v>0.14114351870729008</v>
      </c>
    </row>
    <row r="38607" spans="1:7" x14ac:dyDescent="0.3">
      <c r="A38607" s="13" t="s">
        <v>230</v>
      </c>
      <c r="B38607" s="14" t="s">
        <v>1</v>
      </c>
      <c r="C38607" s="14" t="s">
        <v>41</v>
      </c>
      <c r="D38607" s="14" t="s">
        <v>231</v>
      </c>
      <c r="E38607" s="15">
        <v>45658</v>
      </c>
      <c r="F38607" s="14" t="s">
        <v>15</v>
      </c>
      <c r="G38607" s="16">
        <v>0.14114351870729008</v>
      </c>
    </row>
    <row r="38608" spans="1:7" x14ac:dyDescent="0.3">
      <c r="A38608" s="13" t="s">
        <v>230</v>
      </c>
      <c r="B38608" s="14" t="s">
        <v>1</v>
      </c>
      <c r="C38608" s="14" t="s">
        <v>41</v>
      </c>
      <c r="D38608" s="14" t="s">
        <v>231</v>
      </c>
      <c r="E38608" s="15">
        <v>45659</v>
      </c>
      <c r="F38608" s="14" t="s">
        <v>15</v>
      </c>
      <c r="G38608" s="16">
        <v>0.14114351870729008</v>
      </c>
    </row>
    <row r="38609" spans="1:7" x14ac:dyDescent="0.3">
      <c r="A38609" s="13" t="s">
        <v>230</v>
      </c>
      <c r="B38609" s="14" t="s">
        <v>1</v>
      </c>
      <c r="C38609" s="14" t="s">
        <v>41</v>
      </c>
      <c r="D38609" s="14" t="s">
        <v>231</v>
      </c>
      <c r="E38609" s="15">
        <v>45660</v>
      </c>
      <c r="F38609" s="14" t="s">
        <v>15</v>
      </c>
      <c r="G38609" s="16">
        <v>0.14114351870729008</v>
      </c>
    </row>
    <row r="38610" spans="1:7" x14ac:dyDescent="0.3">
      <c r="A38610" s="13" t="s">
        <v>230</v>
      </c>
      <c r="B38610" s="14" t="s">
        <v>1</v>
      </c>
      <c r="C38610" s="14" t="s">
        <v>41</v>
      </c>
      <c r="D38610" s="14" t="s">
        <v>231</v>
      </c>
      <c r="E38610" s="15">
        <v>45661</v>
      </c>
      <c r="F38610" s="14" t="s">
        <v>15</v>
      </c>
      <c r="G38610" s="16">
        <v>0.14114351870729008</v>
      </c>
    </row>
    <row r="38611" spans="1:7" x14ac:dyDescent="0.3">
      <c r="A38611" s="13" t="s">
        <v>230</v>
      </c>
      <c r="B38611" s="14" t="s">
        <v>1</v>
      </c>
      <c r="C38611" s="14" t="s">
        <v>41</v>
      </c>
      <c r="D38611" s="14" t="s">
        <v>231</v>
      </c>
      <c r="E38611" s="15">
        <v>45662</v>
      </c>
      <c r="F38611" s="14" t="s">
        <v>15</v>
      </c>
      <c r="G38611" s="16">
        <v>0.14114351870729008</v>
      </c>
    </row>
    <row r="38612" spans="1:7" x14ac:dyDescent="0.3">
      <c r="A38612" s="13" t="s">
        <v>230</v>
      </c>
      <c r="B38612" s="14" t="s">
        <v>1</v>
      </c>
      <c r="C38612" s="14" t="s">
        <v>41</v>
      </c>
      <c r="D38612" s="14" t="s">
        <v>231</v>
      </c>
      <c r="E38612" s="15">
        <v>45663</v>
      </c>
      <c r="F38612" s="14" t="s">
        <v>15</v>
      </c>
      <c r="G38612" s="16">
        <v>0.22686382608877942</v>
      </c>
    </row>
    <row r="38613" spans="1:7" x14ac:dyDescent="0.3">
      <c r="A38613" s="13" t="s">
        <v>230</v>
      </c>
      <c r="B38613" s="14" t="s">
        <v>1</v>
      </c>
      <c r="C38613" s="14" t="s">
        <v>41</v>
      </c>
      <c r="D38613" s="14" t="s">
        <v>231</v>
      </c>
      <c r="E38613" s="15">
        <v>45664</v>
      </c>
      <c r="F38613" s="14" t="s">
        <v>15</v>
      </c>
      <c r="G38613" s="16">
        <v>0.19607835110266311</v>
      </c>
    </row>
    <row r="38614" spans="1:7" x14ac:dyDescent="0.3">
      <c r="A38614" s="13" t="s">
        <v>230</v>
      </c>
      <c r="B38614" s="14" t="s">
        <v>1</v>
      </c>
      <c r="C38614" s="14" t="s">
        <v>41</v>
      </c>
      <c r="D38614" s="14" t="s">
        <v>231</v>
      </c>
      <c r="E38614" s="15">
        <v>45665</v>
      </c>
      <c r="F38614" s="14" t="s">
        <v>15</v>
      </c>
      <c r="G38614" s="16">
        <v>0.19134709584018816</v>
      </c>
    </row>
    <row r="38615" spans="1:7" x14ac:dyDescent="0.3">
      <c r="A38615" s="13" t="s">
        <v>230</v>
      </c>
      <c r="B38615" s="14" t="s">
        <v>1</v>
      </c>
      <c r="C38615" s="14" t="s">
        <v>41</v>
      </c>
      <c r="D38615" s="14" t="s">
        <v>231</v>
      </c>
      <c r="E38615" s="15">
        <v>45666</v>
      </c>
      <c r="F38615" s="14" t="s">
        <v>15</v>
      </c>
      <c r="G38615" s="16">
        <v>0.18712413495047375</v>
      </c>
    </row>
    <row r="38616" spans="1:7" x14ac:dyDescent="0.3">
      <c r="A38616" s="13" t="s">
        <v>230</v>
      </c>
      <c r="B38616" s="14" t="s">
        <v>1</v>
      </c>
      <c r="C38616" s="14" t="s">
        <v>41</v>
      </c>
      <c r="D38616" s="14" t="s">
        <v>231</v>
      </c>
      <c r="E38616" s="15">
        <v>45667</v>
      </c>
      <c r="F38616" s="14" t="s">
        <v>15</v>
      </c>
      <c r="G38616" s="16">
        <v>0.18315565726390132</v>
      </c>
    </row>
    <row r="38617" spans="1:7" x14ac:dyDescent="0.3">
      <c r="A38617" s="13" t="s">
        <v>230</v>
      </c>
      <c r="B38617" s="14" t="s">
        <v>1</v>
      </c>
      <c r="C38617" s="14" t="s">
        <v>41</v>
      </c>
      <c r="D38617" s="14" t="s">
        <v>231</v>
      </c>
      <c r="E38617" s="15">
        <v>45668</v>
      </c>
      <c r="F38617" s="14" t="s">
        <v>15</v>
      </c>
      <c r="G38617" s="16">
        <v>0.18315565726390132</v>
      </c>
    </row>
    <row r="38618" spans="1:7" x14ac:dyDescent="0.3">
      <c r="A38618" s="13" t="s">
        <v>230</v>
      </c>
      <c r="B38618" s="14" t="s">
        <v>1</v>
      </c>
      <c r="C38618" s="14" t="s">
        <v>41</v>
      </c>
      <c r="D38618" s="14" t="s">
        <v>231</v>
      </c>
      <c r="E38618" s="15">
        <v>45669</v>
      </c>
      <c r="F38618" s="14" t="s">
        <v>15</v>
      </c>
      <c r="G38618" s="16">
        <v>0.18315565726390132</v>
      </c>
    </row>
    <row r="38619" spans="1:7" x14ac:dyDescent="0.3">
      <c r="A38619" s="13" t="s">
        <v>230</v>
      </c>
      <c r="B38619" s="14" t="s">
        <v>1</v>
      </c>
      <c r="C38619" s="14" t="s">
        <v>41</v>
      </c>
      <c r="D38619" s="14" t="s">
        <v>231</v>
      </c>
      <c r="E38619" s="15">
        <v>45670</v>
      </c>
      <c r="F38619" s="14" t="s">
        <v>15</v>
      </c>
      <c r="G38619" s="16">
        <v>0.18315565726390132</v>
      </c>
    </row>
    <row r="38620" spans="1:7" x14ac:dyDescent="0.3">
      <c r="A38620" s="13" t="s">
        <v>230</v>
      </c>
      <c r="B38620" s="14" t="s">
        <v>1</v>
      </c>
      <c r="C38620" s="14" t="s">
        <v>41</v>
      </c>
      <c r="D38620" s="14" t="s">
        <v>231</v>
      </c>
      <c r="E38620" s="15">
        <v>45671</v>
      </c>
      <c r="F38620" s="14" t="s">
        <v>15</v>
      </c>
      <c r="G38620" s="16">
        <v>0.17845271856708397</v>
      </c>
    </row>
    <row r="38621" spans="1:7" x14ac:dyDescent="0.3">
      <c r="A38621" s="13" t="s">
        <v>230</v>
      </c>
      <c r="B38621" s="14" t="s">
        <v>1</v>
      </c>
      <c r="C38621" s="14" t="s">
        <v>41</v>
      </c>
      <c r="D38621" s="14" t="s">
        <v>231</v>
      </c>
      <c r="E38621" s="15">
        <v>45672</v>
      </c>
      <c r="F38621" s="14" t="s">
        <v>15</v>
      </c>
      <c r="G38621" s="16">
        <v>0.16274461027809137</v>
      </c>
    </row>
    <row r="38622" spans="1:7" x14ac:dyDescent="0.3">
      <c r="A38622" s="13" t="s">
        <v>230</v>
      </c>
      <c r="B38622" s="14" t="s">
        <v>1</v>
      </c>
      <c r="C38622" s="14" t="s">
        <v>41</v>
      </c>
      <c r="D38622" s="14" t="s">
        <v>231</v>
      </c>
      <c r="E38622" s="15">
        <v>45673</v>
      </c>
      <c r="F38622" s="14" t="s">
        <v>15</v>
      </c>
      <c r="G38622" s="16">
        <v>0.15973176500625788</v>
      </c>
    </row>
    <row r="38623" spans="1:7" x14ac:dyDescent="0.3">
      <c r="A38623" s="13" t="s">
        <v>230</v>
      </c>
      <c r="B38623" s="14" t="s">
        <v>1</v>
      </c>
      <c r="C38623" s="14" t="s">
        <v>41</v>
      </c>
      <c r="D38623" s="14" t="s">
        <v>231</v>
      </c>
      <c r="E38623" s="15">
        <v>45674</v>
      </c>
      <c r="F38623" s="14" t="s">
        <v>15</v>
      </c>
      <c r="G38623" s="16">
        <v>0.15422715351969996</v>
      </c>
    </row>
    <row r="38624" spans="1:7" x14ac:dyDescent="0.3">
      <c r="A38624" s="13" t="s">
        <v>230</v>
      </c>
      <c r="B38624" s="14" t="s">
        <v>1</v>
      </c>
      <c r="C38624" s="14" t="s">
        <v>41</v>
      </c>
      <c r="D38624" s="14" t="s">
        <v>231</v>
      </c>
      <c r="E38624" s="15">
        <v>45675</v>
      </c>
      <c r="F38624" s="14" t="s">
        <v>15</v>
      </c>
      <c r="G38624" s="16">
        <v>0.15422715351969996</v>
      </c>
    </row>
    <row r="38625" spans="1:7" x14ac:dyDescent="0.3">
      <c r="A38625" s="13" t="s">
        <v>230</v>
      </c>
      <c r="B38625" s="14" t="s">
        <v>1</v>
      </c>
      <c r="C38625" s="14" t="s">
        <v>41</v>
      </c>
      <c r="D38625" s="14" t="s">
        <v>231</v>
      </c>
      <c r="E38625" s="15">
        <v>45676</v>
      </c>
      <c r="F38625" s="14" t="s">
        <v>15</v>
      </c>
      <c r="G38625" s="16">
        <v>0.15422715351969996</v>
      </c>
    </row>
    <row r="38626" spans="1:7" x14ac:dyDescent="0.3">
      <c r="A38626" s="13" t="s">
        <v>230</v>
      </c>
      <c r="B38626" s="14" t="s">
        <v>1</v>
      </c>
      <c r="C38626" s="14" t="s">
        <v>41</v>
      </c>
      <c r="D38626" s="14" t="s">
        <v>231</v>
      </c>
      <c r="E38626" s="15">
        <v>45677</v>
      </c>
      <c r="F38626" s="14" t="s">
        <v>15</v>
      </c>
      <c r="G38626" s="16">
        <v>0.15058176103388332</v>
      </c>
    </row>
    <row r="38627" spans="1:7" x14ac:dyDescent="0.3">
      <c r="A38627" s="13" t="s">
        <v>230</v>
      </c>
      <c r="B38627" s="14" t="s">
        <v>1</v>
      </c>
      <c r="C38627" s="14" t="s">
        <v>41</v>
      </c>
      <c r="D38627" s="14" t="s">
        <v>231</v>
      </c>
      <c r="E38627" s="15">
        <v>45678</v>
      </c>
      <c r="F38627" s="14" t="s">
        <v>15</v>
      </c>
      <c r="G38627" s="16">
        <v>0.13783063891344047</v>
      </c>
    </row>
    <row r="38628" spans="1:7" x14ac:dyDescent="0.3">
      <c r="A38628" s="13" t="s">
        <v>230</v>
      </c>
      <c r="B38628" s="14" t="s">
        <v>1</v>
      </c>
      <c r="C38628" s="14" t="s">
        <v>41</v>
      </c>
      <c r="D38628" s="14" t="s">
        <v>231</v>
      </c>
      <c r="E38628" s="15">
        <v>45679</v>
      </c>
      <c r="F38628" s="14" t="s">
        <v>15</v>
      </c>
      <c r="G38628" s="16">
        <v>0.13260745166567794</v>
      </c>
    </row>
    <row r="38629" spans="1:7" x14ac:dyDescent="0.3">
      <c r="A38629" s="13" t="s">
        <v>230</v>
      </c>
      <c r="B38629" s="14" t="s">
        <v>1</v>
      </c>
      <c r="C38629" s="14" t="s">
        <v>41</v>
      </c>
      <c r="D38629" s="14" t="s">
        <v>231</v>
      </c>
      <c r="E38629" s="15">
        <v>45680</v>
      </c>
      <c r="F38629" s="14" t="s">
        <v>15</v>
      </c>
      <c r="G38629" s="16">
        <v>0.12867476716758308</v>
      </c>
    </row>
    <row r="38630" spans="1:7" x14ac:dyDescent="0.3">
      <c r="A38630" s="13" t="s">
        <v>230</v>
      </c>
      <c r="B38630" s="14" t="s">
        <v>1</v>
      </c>
      <c r="C38630" s="14" t="s">
        <v>41</v>
      </c>
      <c r="D38630" s="14" t="s">
        <v>231</v>
      </c>
      <c r="E38630" s="15">
        <v>45681</v>
      </c>
      <c r="F38630" s="14" t="s">
        <v>15</v>
      </c>
      <c r="G38630" s="16">
        <v>0.12431025193439195</v>
      </c>
    </row>
    <row r="38631" spans="1:7" x14ac:dyDescent="0.3">
      <c r="A38631" s="13" t="s">
        <v>230</v>
      </c>
      <c r="B38631" s="14" t="s">
        <v>1</v>
      </c>
      <c r="C38631" s="14" t="s">
        <v>41</v>
      </c>
      <c r="D38631" s="14" t="s">
        <v>231</v>
      </c>
      <c r="E38631" s="15">
        <v>45682</v>
      </c>
      <c r="F38631" s="14" t="s">
        <v>15</v>
      </c>
      <c r="G38631" s="16">
        <v>0.12431025193439195</v>
      </c>
    </row>
    <row r="38632" spans="1:7" x14ac:dyDescent="0.3">
      <c r="A38632" s="13" t="s">
        <v>230</v>
      </c>
      <c r="B38632" s="14" t="s">
        <v>1</v>
      </c>
      <c r="C38632" s="14" t="s">
        <v>41</v>
      </c>
      <c r="D38632" s="14" t="s">
        <v>231</v>
      </c>
      <c r="E38632" s="15">
        <v>45683</v>
      </c>
      <c r="F38632" s="14" t="s">
        <v>15</v>
      </c>
      <c r="G38632" s="16">
        <v>0.12431025193439195</v>
      </c>
    </row>
    <row r="38633" spans="1:7" x14ac:dyDescent="0.3">
      <c r="A38633" s="13" t="s">
        <v>230</v>
      </c>
      <c r="B38633" s="14" t="s">
        <v>1</v>
      </c>
      <c r="C38633" s="14" t="s">
        <v>41</v>
      </c>
      <c r="D38633" s="14" t="s">
        <v>231</v>
      </c>
      <c r="E38633" s="15">
        <v>45684</v>
      </c>
      <c r="F38633" s="14" t="s">
        <v>15</v>
      </c>
      <c r="G38633" s="16">
        <v>0.12413060664821002</v>
      </c>
    </row>
    <row r="38634" spans="1:7" x14ac:dyDescent="0.3">
      <c r="A38634" s="13" t="s">
        <v>230</v>
      </c>
      <c r="B38634" s="14" t="s">
        <v>1</v>
      </c>
      <c r="C38634" s="14" t="s">
        <v>41</v>
      </c>
      <c r="D38634" s="14" t="s">
        <v>231</v>
      </c>
      <c r="E38634" s="15">
        <v>45685</v>
      </c>
      <c r="F38634" s="14" t="s">
        <v>15</v>
      </c>
      <c r="G38634" s="16">
        <v>0.11019263274791044</v>
      </c>
    </row>
    <row r="38635" spans="1:7" x14ac:dyDescent="0.3">
      <c r="A38635" s="13" t="s">
        <v>230</v>
      </c>
      <c r="B38635" s="14" t="s">
        <v>1</v>
      </c>
      <c r="C38635" s="14" t="s">
        <v>41</v>
      </c>
      <c r="D38635" s="14" t="s">
        <v>231</v>
      </c>
      <c r="E38635" s="15">
        <v>45686</v>
      </c>
      <c r="F38635" s="14" t="s">
        <v>15</v>
      </c>
      <c r="G38635" s="16">
        <v>0.10601244645694416</v>
      </c>
    </row>
    <row r="38636" spans="1:7" x14ac:dyDescent="0.3">
      <c r="A38636" s="13" t="s">
        <v>230</v>
      </c>
      <c r="B38636" s="14" t="s">
        <v>1</v>
      </c>
      <c r="C38636" s="14" t="s">
        <v>41</v>
      </c>
      <c r="D38636" s="14" t="s">
        <v>231</v>
      </c>
      <c r="E38636" s="15">
        <v>45687</v>
      </c>
      <c r="F38636" s="14" t="s">
        <v>15</v>
      </c>
      <c r="G38636" s="16">
        <v>0.1022287984558512</v>
      </c>
    </row>
    <row r="38637" spans="1:7" x14ac:dyDescent="0.3">
      <c r="A38637" s="13" t="s">
        <v>230</v>
      </c>
      <c r="B38637" s="14" t="s">
        <v>1</v>
      </c>
      <c r="C38637" s="14" t="s">
        <v>41</v>
      </c>
      <c r="D38637" s="14" t="s">
        <v>231</v>
      </c>
      <c r="E38637" s="15">
        <v>45688</v>
      </c>
      <c r="F38637" s="14" t="s">
        <v>15</v>
      </c>
      <c r="G38637" s="16">
        <v>0.11103393436225367</v>
      </c>
    </row>
    <row r="38638" spans="1:7" x14ac:dyDescent="0.3">
      <c r="A38638" s="13" t="s">
        <v>230</v>
      </c>
      <c r="B38638" s="14" t="s">
        <v>1</v>
      </c>
      <c r="C38638" s="14" t="s">
        <v>41</v>
      </c>
      <c r="D38638" s="14" t="s">
        <v>231</v>
      </c>
      <c r="E38638" s="15">
        <v>45689</v>
      </c>
      <c r="F38638" s="14" t="s">
        <v>15</v>
      </c>
      <c r="G38638" s="16">
        <v>0.11103393436225367</v>
      </c>
    </row>
    <row r="38639" spans="1:7" x14ac:dyDescent="0.3">
      <c r="A38639" s="13" t="s">
        <v>230</v>
      </c>
      <c r="B38639" s="14" t="s">
        <v>1</v>
      </c>
      <c r="C38639" s="14" t="s">
        <v>41</v>
      </c>
      <c r="D38639" s="14" t="s">
        <v>231</v>
      </c>
      <c r="E38639" s="15">
        <v>45690</v>
      </c>
      <c r="F38639" s="14" t="s">
        <v>15</v>
      </c>
      <c r="G38639" s="16">
        <v>0.11103393436225367</v>
      </c>
    </row>
    <row r="38640" spans="1:7" x14ac:dyDescent="0.3">
      <c r="A38640" s="13" t="s">
        <v>230</v>
      </c>
      <c r="B38640" s="14" t="s">
        <v>1</v>
      </c>
      <c r="C38640" s="14" t="s">
        <v>41</v>
      </c>
      <c r="D38640" s="14" t="s">
        <v>231</v>
      </c>
      <c r="E38640" s="15">
        <v>45691</v>
      </c>
      <c r="F38640" s="14" t="s">
        <v>15</v>
      </c>
      <c r="G38640" s="16">
        <v>0.11103393436225367</v>
      </c>
    </row>
    <row r="38641" spans="1:7" x14ac:dyDescent="0.3">
      <c r="A38641" s="13" t="s">
        <v>230</v>
      </c>
      <c r="B38641" s="14" t="s">
        <v>1</v>
      </c>
      <c r="C38641" s="14" t="s">
        <v>41</v>
      </c>
      <c r="D38641" s="14" t="s">
        <v>231</v>
      </c>
      <c r="E38641" s="15">
        <v>45692</v>
      </c>
      <c r="F38641" s="14" t="s">
        <v>15</v>
      </c>
      <c r="G38641" s="16">
        <v>0.1072273220170343</v>
      </c>
    </row>
    <row r="38642" spans="1:7" x14ac:dyDescent="0.3">
      <c r="A38642" s="13" t="s">
        <v>230</v>
      </c>
      <c r="B38642" s="14" t="s">
        <v>1</v>
      </c>
      <c r="C38642" s="14" t="s">
        <v>41</v>
      </c>
      <c r="D38642" s="14" t="s">
        <v>231</v>
      </c>
      <c r="E38642" s="15">
        <v>45693</v>
      </c>
      <c r="F38642" s="14" t="s">
        <v>15</v>
      </c>
      <c r="G38642" s="16">
        <v>9.2689652334579306E-2</v>
      </c>
    </row>
    <row r="38643" spans="1:7" x14ac:dyDescent="0.3">
      <c r="A38643" s="13" t="s">
        <v>230</v>
      </c>
      <c r="B38643" s="14" t="s">
        <v>1</v>
      </c>
      <c r="C38643" s="14" t="s">
        <v>41</v>
      </c>
      <c r="D38643" s="14" t="s">
        <v>231</v>
      </c>
      <c r="E38643" s="15">
        <v>45694</v>
      </c>
      <c r="F38643" s="14" t="s">
        <v>15</v>
      </c>
      <c r="G38643" s="16">
        <v>8.8908141118909198E-2</v>
      </c>
    </row>
    <row r="38644" spans="1:7" x14ac:dyDescent="0.3">
      <c r="A38644" s="13" t="s">
        <v>230</v>
      </c>
      <c r="B38644" s="14" t="s">
        <v>1</v>
      </c>
      <c r="C38644" s="14" t="s">
        <v>41</v>
      </c>
      <c r="D38644" s="14" t="s">
        <v>231</v>
      </c>
      <c r="E38644" s="15">
        <v>45695</v>
      </c>
      <c r="F38644" s="14" t="s">
        <v>15</v>
      </c>
      <c r="G38644" s="16">
        <v>8.4510910326936334E-2</v>
      </c>
    </row>
    <row r="38645" spans="1:7" x14ac:dyDescent="0.3">
      <c r="A38645" s="13" t="s">
        <v>230</v>
      </c>
      <c r="B38645" s="14" t="s">
        <v>1</v>
      </c>
      <c r="C38645" s="14" t="s">
        <v>41</v>
      </c>
      <c r="D38645" s="14" t="s">
        <v>231</v>
      </c>
      <c r="E38645" s="15">
        <v>45696</v>
      </c>
      <c r="F38645" s="14" t="s">
        <v>15</v>
      </c>
      <c r="G38645" s="16">
        <v>8.4510910326936334E-2</v>
      </c>
    </row>
    <row r="38646" spans="1:7" x14ac:dyDescent="0.3">
      <c r="A38646" s="13" t="s">
        <v>230</v>
      </c>
      <c r="B38646" s="14" t="s">
        <v>1</v>
      </c>
      <c r="C38646" s="14" t="s">
        <v>41</v>
      </c>
      <c r="D38646" s="14" t="s">
        <v>231</v>
      </c>
      <c r="E38646" s="15">
        <v>45697</v>
      </c>
      <c r="F38646" s="14" t="s">
        <v>15</v>
      </c>
      <c r="G38646" s="16">
        <v>8.4510910326936334E-2</v>
      </c>
    </row>
    <row r="38647" spans="1:7" x14ac:dyDescent="0.3">
      <c r="A38647" s="13" t="s">
        <v>230</v>
      </c>
      <c r="B38647" s="14" t="s">
        <v>1</v>
      </c>
      <c r="C38647" s="14" t="s">
        <v>41</v>
      </c>
      <c r="D38647" s="14" t="s">
        <v>231</v>
      </c>
      <c r="E38647" s="15">
        <v>45698</v>
      </c>
      <c r="F38647" s="14" t="s">
        <v>15</v>
      </c>
      <c r="G38647" s="16">
        <v>7.9806972068975454E-2</v>
      </c>
    </row>
    <row r="38648" spans="1:7" x14ac:dyDescent="0.3">
      <c r="A38648" s="13" t="s">
        <v>230</v>
      </c>
      <c r="B38648" s="14" t="s">
        <v>1</v>
      </c>
      <c r="C38648" s="14" t="s">
        <v>41</v>
      </c>
      <c r="D38648" s="14" t="s">
        <v>231</v>
      </c>
      <c r="E38648" s="15">
        <v>45699</v>
      </c>
      <c r="F38648" s="14" t="s">
        <v>15</v>
      </c>
      <c r="G38648" s="16">
        <v>7.9806972068975454E-2</v>
      </c>
    </row>
    <row r="38649" spans="1:7" x14ac:dyDescent="0.3">
      <c r="A38649" s="13" t="s">
        <v>230</v>
      </c>
      <c r="B38649" s="14" t="s">
        <v>1</v>
      </c>
      <c r="C38649" s="14" t="s">
        <v>41</v>
      </c>
      <c r="D38649" s="14" t="s">
        <v>231</v>
      </c>
      <c r="E38649" s="15">
        <v>45700</v>
      </c>
      <c r="F38649" s="14" t="s">
        <v>15</v>
      </c>
      <c r="G38649" s="16">
        <v>6.5775842488935421E-2</v>
      </c>
    </row>
    <row r="38650" spans="1:7" x14ac:dyDescent="0.3">
      <c r="A38650" s="13" t="s">
        <v>230</v>
      </c>
      <c r="B38650" s="14" t="s">
        <v>1</v>
      </c>
      <c r="C38650" s="14" t="s">
        <v>41</v>
      </c>
      <c r="D38650" s="14" t="s">
        <v>231</v>
      </c>
      <c r="E38650" s="15">
        <v>45701</v>
      </c>
      <c r="F38650" s="14" t="s">
        <v>15</v>
      </c>
      <c r="G38650" s="16">
        <v>5.8747103179113143E-2</v>
      </c>
    </row>
    <row r="38651" spans="1:7" x14ac:dyDescent="0.3">
      <c r="A38651" s="13" t="s">
        <v>230</v>
      </c>
      <c r="B38651" s="14" t="s">
        <v>1</v>
      </c>
      <c r="C38651" s="14" t="s">
        <v>41</v>
      </c>
      <c r="D38651" s="14" t="s">
        <v>231</v>
      </c>
      <c r="E38651" s="15">
        <v>45702</v>
      </c>
      <c r="F38651" s="14" t="s">
        <v>15</v>
      </c>
      <c r="G38651" s="16">
        <v>5.5925022684364022E-2</v>
      </c>
    </row>
    <row r="38652" spans="1:7" x14ac:dyDescent="0.3">
      <c r="A38652" s="13" t="s">
        <v>230</v>
      </c>
      <c r="B38652" s="14" t="s">
        <v>1</v>
      </c>
      <c r="C38652" s="14" t="s">
        <v>41</v>
      </c>
      <c r="D38652" s="14" t="s">
        <v>231</v>
      </c>
      <c r="E38652" s="15">
        <v>45703</v>
      </c>
      <c r="F38652" s="14" t="s">
        <v>15</v>
      </c>
      <c r="G38652" s="16">
        <v>5.5925022684364022E-2</v>
      </c>
    </row>
    <row r="38653" spans="1:7" x14ac:dyDescent="0.3">
      <c r="A38653" s="13" t="s">
        <v>230</v>
      </c>
      <c r="B38653" s="14" t="s">
        <v>1</v>
      </c>
      <c r="C38653" s="14" t="s">
        <v>41</v>
      </c>
      <c r="D38653" s="14" t="s">
        <v>231</v>
      </c>
      <c r="E38653" s="15">
        <v>45704</v>
      </c>
      <c r="F38653" s="14" t="s">
        <v>15</v>
      </c>
      <c r="G38653" s="16">
        <v>5.5925022684364022E-2</v>
      </c>
    </row>
    <row r="38654" spans="1:7" x14ac:dyDescent="0.3">
      <c r="A38654" s="13" t="s">
        <v>230</v>
      </c>
      <c r="B38654" s="14" t="s">
        <v>1</v>
      </c>
      <c r="C38654" s="14" t="s">
        <v>41</v>
      </c>
      <c r="D38654" s="14" t="s">
        <v>231</v>
      </c>
      <c r="E38654" s="15">
        <v>45705</v>
      </c>
      <c r="F38654" s="14" t="s">
        <v>15</v>
      </c>
      <c r="G38654" s="16">
        <v>5.1768527816218497E-2</v>
      </c>
    </row>
    <row r="38655" spans="1:7" x14ac:dyDescent="0.3">
      <c r="A38655" s="13" t="s">
        <v>230</v>
      </c>
      <c r="B38655" s="14" t="s">
        <v>1</v>
      </c>
      <c r="C38655" s="14" t="s">
        <v>41</v>
      </c>
      <c r="D38655" s="14" t="s">
        <v>231</v>
      </c>
      <c r="E38655" s="15">
        <v>45706</v>
      </c>
      <c r="F38655" s="14" t="s">
        <v>15</v>
      </c>
      <c r="G38655" s="16">
        <v>3.8419117927185463E-2</v>
      </c>
    </row>
    <row r="38656" spans="1:7" x14ac:dyDescent="0.3">
      <c r="A38656" s="13" t="s">
        <v>230</v>
      </c>
      <c r="B38656" s="14" t="s">
        <v>1</v>
      </c>
      <c r="C38656" s="14" t="s">
        <v>41</v>
      </c>
      <c r="D38656" s="14" t="s">
        <v>231</v>
      </c>
      <c r="E38656" s="15">
        <v>45707</v>
      </c>
      <c r="F38656" s="14" t="s">
        <v>15</v>
      </c>
      <c r="G38656" s="16">
        <v>3.4144496055156091E-2</v>
      </c>
    </row>
    <row r="38657" spans="1:7" x14ac:dyDescent="0.3">
      <c r="A38657" s="13" t="s">
        <v>230</v>
      </c>
      <c r="B38657" s="14" t="s">
        <v>1</v>
      </c>
      <c r="C38657" s="14" t="s">
        <v>41</v>
      </c>
      <c r="D38657" s="14" t="s">
        <v>231</v>
      </c>
      <c r="E38657" s="15">
        <v>45708</v>
      </c>
      <c r="F38657" s="14" t="s">
        <v>15</v>
      </c>
      <c r="G38657" s="16">
        <v>4.3096459542845814E-2</v>
      </c>
    </row>
    <row r="38658" spans="1:7" x14ac:dyDescent="0.3">
      <c r="A38658" s="13" t="s">
        <v>230</v>
      </c>
      <c r="B38658" s="14" t="s">
        <v>1</v>
      </c>
      <c r="C38658" s="14" t="s">
        <v>41</v>
      </c>
      <c r="D38658" s="14" t="s">
        <v>231</v>
      </c>
      <c r="E38658" s="15">
        <v>45709</v>
      </c>
      <c r="F38658" s="14" t="s">
        <v>15</v>
      </c>
      <c r="G38658" s="16">
        <v>3.8694673141587789E-2</v>
      </c>
    </row>
    <row r="38659" spans="1:7" x14ac:dyDescent="0.3">
      <c r="A38659" s="13" t="s">
        <v>230</v>
      </c>
      <c r="B38659" s="14" t="s">
        <v>1</v>
      </c>
      <c r="C38659" s="14" t="s">
        <v>41</v>
      </c>
      <c r="D38659" s="14" t="s">
        <v>231</v>
      </c>
      <c r="E38659" s="15">
        <v>45710</v>
      </c>
      <c r="F38659" s="14" t="s">
        <v>15</v>
      </c>
      <c r="G38659" s="16">
        <v>3.8694673141587789E-2</v>
      </c>
    </row>
    <row r="38660" spans="1:7" x14ac:dyDescent="0.3">
      <c r="A38660" s="13" t="s">
        <v>230</v>
      </c>
      <c r="B38660" s="14" t="s">
        <v>1</v>
      </c>
      <c r="C38660" s="14" t="s">
        <v>41</v>
      </c>
      <c r="D38660" s="14" t="s">
        <v>231</v>
      </c>
      <c r="E38660" s="15">
        <v>45711</v>
      </c>
      <c r="F38660" s="14" t="s">
        <v>15</v>
      </c>
      <c r="G38660" s="16">
        <v>3.8694673141587789E-2</v>
      </c>
    </row>
    <row r="38661" spans="1:7" x14ac:dyDescent="0.3">
      <c r="A38661" s="13" t="s">
        <v>230</v>
      </c>
      <c r="B38661" s="14" t="s">
        <v>1</v>
      </c>
      <c r="C38661" s="14" t="s">
        <v>41</v>
      </c>
      <c r="D38661" s="14" t="s">
        <v>231</v>
      </c>
      <c r="E38661" s="15">
        <v>45712</v>
      </c>
      <c r="F38661" s="14" t="s">
        <v>15</v>
      </c>
      <c r="G38661" s="16">
        <v>3.8694673141587789E-2</v>
      </c>
    </row>
    <row r="38662" spans="1:7" x14ac:dyDescent="0.3">
      <c r="A38662" s="13" t="s">
        <v>230</v>
      </c>
      <c r="B38662" s="14" t="s">
        <v>1</v>
      </c>
      <c r="C38662" s="14" t="s">
        <v>41</v>
      </c>
      <c r="D38662" s="14" t="s">
        <v>231</v>
      </c>
      <c r="E38662" s="15">
        <v>45713</v>
      </c>
      <c r="F38662" s="14" t="s">
        <v>15</v>
      </c>
      <c r="G38662" s="16">
        <v>3.4343625142412161E-2</v>
      </c>
    </row>
    <row r="38663" spans="1:7" x14ac:dyDescent="0.3">
      <c r="A38663" s="13" t="s">
        <v>230</v>
      </c>
      <c r="B38663" s="14" t="s">
        <v>1</v>
      </c>
      <c r="C38663" s="14" t="s">
        <v>41</v>
      </c>
      <c r="D38663" s="14" t="s">
        <v>231</v>
      </c>
      <c r="E38663" s="15">
        <v>45714</v>
      </c>
      <c r="F38663" s="14" t="s">
        <v>15</v>
      </c>
      <c r="G38663" s="16">
        <v>1.6777848996713026E-2</v>
      </c>
    </row>
    <row r="38664" spans="1:7" x14ac:dyDescent="0.3">
      <c r="A38664" s="13" t="s">
        <v>230</v>
      </c>
      <c r="B38664" s="14" t="s">
        <v>1</v>
      </c>
      <c r="C38664" s="14" t="s">
        <v>41</v>
      </c>
      <c r="D38664" s="14" t="s">
        <v>231</v>
      </c>
      <c r="E38664" s="15">
        <v>45715</v>
      </c>
      <c r="F38664" s="14" t="s">
        <v>15</v>
      </c>
      <c r="G38664" s="16">
        <v>1.2345720498170502E-2</v>
      </c>
    </row>
    <row r="38665" spans="1:7" x14ac:dyDescent="0.3">
      <c r="A38665" s="13" t="s">
        <v>230</v>
      </c>
      <c r="B38665" s="14" t="s">
        <v>1</v>
      </c>
      <c r="C38665" s="14" t="s">
        <v>41</v>
      </c>
      <c r="D38665" s="14" t="s">
        <v>231</v>
      </c>
      <c r="E38665" s="15">
        <v>45716</v>
      </c>
      <c r="F38665" s="14" t="s">
        <v>15</v>
      </c>
      <c r="G38665" s="16">
        <v>1.6548727591698106E-2</v>
      </c>
    </row>
    <row r="38666" spans="1:7" x14ac:dyDescent="0.3">
      <c r="A38666" s="13" t="s">
        <v>230</v>
      </c>
      <c r="B38666" s="14" t="s">
        <v>1</v>
      </c>
      <c r="C38666" s="14" t="s">
        <v>41</v>
      </c>
      <c r="D38666" s="14" t="s">
        <v>231</v>
      </c>
      <c r="E38666" s="15">
        <v>45717</v>
      </c>
      <c r="F38666" s="14" t="s">
        <v>15</v>
      </c>
      <c r="G38666" s="16">
        <v>1.6548727591698106E-2</v>
      </c>
    </row>
    <row r="38667" spans="1:7" x14ac:dyDescent="0.3">
      <c r="A38667" s="13" t="s">
        <v>230</v>
      </c>
      <c r="B38667" s="14" t="s">
        <v>1</v>
      </c>
      <c r="C38667" s="14" t="s">
        <v>41</v>
      </c>
      <c r="D38667" s="14" t="s">
        <v>231</v>
      </c>
      <c r="E38667" s="15">
        <v>45718</v>
      </c>
      <c r="F38667" s="14" t="s">
        <v>15</v>
      </c>
      <c r="G38667" s="16">
        <v>1.6548727591698106E-2</v>
      </c>
    </row>
    <row r="38668" spans="1:7" x14ac:dyDescent="0.3">
      <c r="A38668" s="13" t="s">
        <v>230</v>
      </c>
      <c r="B38668" s="14" t="s">
        <v>1</v>
      </c>
      <c r="C38668" s="14" t="s">
        <v>41</v>
      </c>
      <c r="D38668" s="14" t="s">
        <v>231</v>
      </c>
      <c r="E38668" s="15">
        <v>45719</v>
      </c>
      <c r="F38668" s="14" t="s">
        <v>15</v>
      </c>
      <c r="G38668" s="16">
        <v>1.2276300940728058E-2</v>
      </c>
    </row>
    <row r="38669" spans="1:7" x14ac:dyDescent="0.3">
      <c r="A38669" s="13" t="s">
        <v>230</v>
      </c>
      <c r="B38669" s="14" t="s">
        <v>1</v>
      </c>
      <c r="C38669" s="14" t="s">
        <v>41</v>
      </c>
      <c r="D38669" s="14" t="s">
        <v>231</v>
      </c>
      <c r="E38669" s="15">
        <v>45720</v>
      </c>
      <c r="F38669" s="14" t="s">
        <v>15</v>
      </c>
      <c r="G38669" s="16">
        <v>1.5867548152119998E-3</v>
      </c>
    </row>
    <row r="38670" spans="1:7" x14ac:dyDescent="0.3">
      <c r="A38670" s="13" t="s">
        <v>230</v>
      </c>
      <c r="B38670" s="14" t="s">
        <v>1</v>
      </c>
      <c r="C38670" s="14" t="s">
        <v>41</v>
      </c>
      <c r="D38670" s="14" t="s">
        <v>231</v>
      </c>
      <c r="E38670" s="15">
        <v>45721</v>
      </c>
      <c r="F38670" s="14" t="s">
        <v>15</v>
      </c>
      <c r="G38670" s="16">
        <v>0</v>
      </c>
    </row>
    <row r="38671" spans="1:7" x14ac:dyDescent="0.3">
      <c r="A38671" s="13" t="s">
        <v>230</v>
      </c>
      <c r="B38671" s="14" t="s">
        <v>1</v>
      </c>
      <c r="C38671" s="14" t="s">
        <v>41</v>
      </c>
      <c r="D38671" s="14" t="s">
        <v>231</v>
      </c>
      <c r="E38671" s="15">
        <v>45722</v>
      </c>
      <c r="F38671" s="14" t="s">
        <v>15</v>
      </c>
      <c r="G38671" s="16">
        <v>0</v>
      </c>
    </row>
    <row r="38672" spans="1:7" x14ac:dyDescent="0.3">
      <c r="A38672" s="13" t="s">
        <v>230</v>
      </c>
      <c r="B38672" s="14" t="s">
        <v>1</v>
      </c>
      <c r="C38672" s="14" t="s">
        <v>41</v>
      </c>
      <c r="D38672" s="14" t="s">
        <v>231</v>
      </c>
      <c r="E38672" s="15">
        <v>45723</v>
      </c>
      <c r="F38672" s="14" t="s">
        <v>15</v>
      </c>
      <c r="G38672" s="16">
        <v>0</v>
      </c>
    </row>
    <row r="38673" spans="1:7" x14ac:dyDescent="0.3">
      <c r="A38673" s="13" t="s">
        <v>230</v>
      </c>
      <c r="B38673" s="14" t="s">
        <v>1</v>
      </c>
      <c r="C38673" s="14" t="s">
        <v>41</v>
      </c>
      <c r="D38673" s="14" t="s">
        <v>231</v>
      </c>
      <c r="E38673" s="15">
        <v>45724</v>
      </c>
      <c r="F38673" s="14" t="s">
        <v>15</v>
      </c>
      <c r="G38673" s="16">
        <v>0</v>
      </c>
    </row>
    <row r="38674" spans="1:7" x14ac:dyDescent="0.3">
      <c r="A38674" s="13" t="s">
        <v>230</v>
      </c>
      <c r="B38674" s="14" t="s">
        <v>1</v>
      </c>
      <c r="C38674" s="14" t="s">
        <v>41</v>
      </c>
      <c r="D38674" s="14" t="s">
        <v>231</v>
      </c>
      <c r="E38674" s="15">
        <v>45725</v>
      </c>
      <c r="F38674" s="14" t="s">
        <v>15</v>
      </c>
      <c r="G38674" s="16">
        <v>0</v>
      </c>
    </row>
    <row r="38675" spans="1:7" x14ac:dyDescent="0.3">
      <c r="A38675" s="13" t="s">
        <v>230</v>
      </c>
      <c r="B38675" s="14" t="s">
        <v>1</v>
      </c>
      <c r="C38675" s="14" t="s">
        <v>41</v>
      </c>
      <c r="D38675" s="14" t="s">
        <v>231</v>
      </c>
      <c r="E38675" s="15">
        <v>45726</v>
      </c>
      <c r="F38675" s="14" t="s">
        <v>15</v>
      </c>
      <c r="G38675" s="16">
        <v>0</v>
      </c>
    </row>
    <row r="38676" spans="1:7" x14ac:dyDescent="0.3">
      <c r="A38676" s="13" t="s">
        <v>230</v>
      </c>
      <c r="B38676" s="14" t="s">
        <v>1</v>
      </c>
      <c r="C38676" s="14" t="s">
        <v>41</v>
      </c>
      <c r="D38676" s="14" t="s">
        <v>231</v>
      </c>
      <c r="E38676" s="15">
        <v>45727</v>
      </c>
      <c r="F38676" s="14" t="s">
        <v>15</v>
      </c>
      <c r="G38676" s="16">
        <v>0</v>
      </c>
    </row>
    <row r="38677" spans="1:7" x14ac:dyDescent="0.3">
      <c r="A38677" s="13" t="s">
        <v>230</v>
      </c>
      <c r="B38677" s="14" t="s">
        <v>1</v>
      </c>
      <c r="C38677" s="14" t="s">
        <v>41</v>
      </c>
      <c r="D38677" s="14" t="s">
        <v>231</v>
      </c>
      <c r="E38677" s="15">
        <v>45728</v>
      </c>
      <c r="F38677" s="14" t="s">
        <v>15</v>
      </c>
      <c r="G38677" s="16">
        <v>0</v>
      </c>
    </row>
    <row r="38678" spans="1:7" x14ac:dyDescent="0.3">
      <c r="A38678" s="13" t="s">
        <v>230</v>
      </c>
      <c r="B38678" s="14" t="s">
        <v>1</v>
      </c>
      <c r="C38678" s="14" t="s">
        <v>41</v>
      </c>
      <c r="D38678" s="14" t="s">
        <v>231</v>
      </c>
      <c r="E38678" s="15">
        <v>45729</v>
      </c>
      <c r="F38678" s="14" t="s">
        <v>15</v>
      </c>
      <c r="G38678" s="16">
        <v>0</v>
      </c>
    </row>
    <row r="38679" spans="1:7" x14ac:dyDescent="0.3">
      <c r="A38679" s="13" t="s">
        <v>230</v>
      </c>
      <c r="B38679" s="14" t="s">
        <v>1</v>
      </c>
      <c r="C38679" s="14" t="s">
        <v>41</v>
      </c>
      <c r="D38679" s="14" t="s">
        <v>231</v>
      </c>
      <c r="E38679" s="15">
        <v>45730</v>
      </c>
      <c r="F38679" s="14" t="s">
        <v>15</v>
      </c>
      <c r="G38679" s="16">
        <v>0</v>
      </c>
    </row>
    <row r="38680" spans="1:7" x14ac:dyDescent="0.3">
      <c r="A38680" s="13" t="s">
        <v>230</v>
      </c>
      <c r="B38680" s="14" t="s">
        <v>1</v>
      </c>
      <c r="C38680" s="14" t="s">
        <v>41</v>
      </c>
      <c r="D38680" s="14" t="s">
        <v>231</v>
      </c>
      <c r="E38680" s="15">
        <v>45731</v>
      </c>
      <c r="F38680" s="14" t="s">
        <v>15</v>
      </c>
      <c r="G38680" s="16">
        <v>0</v>
      </c>
    </row>
    <row r="38681" spans="1:7" x14ac:dyDescent="0.3">
      <c r="A38681" s="13" t="s">
        <v>230</v>
      </c>
      <c r="B38681" s="14" t="s">
        <v>1</v>
      </c>
      <c r="C38681" s="14" t="s">
        <v>41</v>
      </c>
      <c r="D38681" s="14" t="s">
        <v>231</v>
      </c>
      <c r="E38681" s="15">
        <v>45732</v>
      </c>
      <c r="F38681" s="14" t="s">
        <v>15</v>
      </c>
      <c r="G38681" s="16">
        <v>0</v>
      </c>
    </row>
    <row r="38682" spans="1:7" x14ac:dyDescent="0.3">
      <c r="A38682" s="13" t="s">
        <v>230</v>
      </c>
      <c r="B38682" s="14" t="s">
        <v>1</v>
      </c>
      <c r="C38682" s="14" t="s">
        <v>41</v>
      </c>
      <c r="D38682" s="14" t="s">
        <v>231</v>
      </c>
      <c r="E38682" s="15">
        <v>45733</v>
      </c>
      <c r="F38682" s="14" t="s">
        <v>15</v>
      </c>
      <c r="G38682" s="16">
        <v>0</v>
      </c>
    </row>
    <row r="38683" spans="1:7" x14ac:dyDescent="0.3">
      <c r="A38683" s="13" t="s">
        <v>230</v>
      </c>
      <c r="B38683" s="14" t="s">
        <v>1</v>
      </c>
      <c r="C38683" s="14" t="s">
        <v>41</v>
      </c>
      <c r="D38683" s="14" t="s">
        <v>231</v>
      </c>
      <c r="E38683" s="15">
        <v>45734</v>
      </c>
      <c r="F38683" s="14" t="s">
        <v>15</v>
      </c>
      <c r="G38683" s="16">
        <v>0</v>
      </c>
    </row>
    <row r="38684" spans="1:7" x14ac:dyDescent="0.3">
      <c r="A38684" s="13" t="s">
        <v>230</v>
      </c>
      <c r="B38684" s="14" t="s">
        <v>1</v>
      </c>
      <c r="C38684" s="14" t="s">
        <v>41</v>
      </c>
      <c r="D38684" s="14" t="s">
        <v>231</v>
      </c>
      <c r="E38684" s="15">
        <v>45735</v>
      </c>
      <c r="F38684" s="14" t="s">
        <v>15</v>
      </c>
      <c r="G38684" s="16">
        <v>0</v>
      </c>
    </row>
    <row r="38685" spans="1:7" x14ac:dyDescent="0.3">
      <c r="A38685" s="13" t="s">
        <v>230</v>
      </c>
      <c r="B38685" s="14" t="s">
        <v>1</v>
      </c>
      <c r="C38685" s="14" t="s">
        <v>41</v>
      </c>
      <c r="D38685" s="14" t="s">
        <v>231</v>
      </c>
      <c r="E38685" s="15">
        <v>45736</v>
      </c>
      <c r="F38685" s="14" t="s">
        <v>15</v>
      </c>
      <c r="G38685" s="16">
        <v>0</v>
      </c>
    </row>
    <row r="38686" spans="1:7" x14ac:dyDescent="0.3">
      <c r="A38686" s="13" t="s">
        <v>230</v>
      </c>
      <c r="B38686" s="14" t="s">
        <v>1</v>
      </c>
      <c r="C38686" s="14" t="s">
        <v>41</v>
      </c>
      <c r="D38686" s="14" t="s">
        <v>231</v>
      </c>
      <c r="E38686" s="15">
        <v>45737</v>
      </c>
      <c r="F38686" s="14" t="s">
        <v>15</v>
      </c>
      <c r="G38686" s="16">
        <v>0</v>
      </c>
    </row>
    <row r="38687" spans="1:7" x14ac:dyDescent="0.3">
      <c r="A38687" s="13" t="s">
        <v>230</v>
      </c>
      <c r="B38687" s="14" t="s">
        <v>1</v>
      </c>
      <c r="C38687" s="14" t="s">
        <v>41</v>
      </c>
      <c r="D38687" s="14" t="s">
        <v>231</v>
      </c>
      <c r="E38687" s="15">
        <v>45738</v>
      </c>
      <c r="F38687" s="14" t="s">
        <v>15</v>
      </c>
      <c r="G38687" s="16">
        <v>0</v>
      </c>
    </row>
    <row r="38688" spans="1:7" x14ac:dyDescent="0.3">
      <c r="A38688" s="13" t="s">
        <v>230</v>
      </c>
      <c r="B38688" s="14" t="s">
        <v>1</v>
      </c>
      <c r="C38688" s="14" t="s">
        <v>41</v>
      </c>
      <c r="D38688" s="14" t="s">
        <v>231</v>
      </c>
      <c r="E38688" s="15">
        <v>45739</v>
      </c>
      <c r="F38688" s="14" t="s">
        <v>15</v>
      </c>
      <c r="G38688" s="16">
        <v>0</v>
      </c>
    </row>
    <row r="38689" spans="1:7" x14ac:dyDescent="0.3">
      <c r="A38689" s="13" t="s">
        <v>230</v>
      </c>
      <c r="B38689" s="14" t="s">
        <v>1</v>
      </c>
      <c r="C38689" s="14" t="s">
        <v>41</v>
      </c>
      <c r="D38689" s="14" t="s">
        <v>231</v>
      </c>
      <c r="E38689" s="15">
        <v>45740</v>
      </c>
      <c r="F38689" s="14" t="s">
        <v>15</v>
      </c>
      <c r="G38689" s="16">
        <v>0</v>
      </c>
    </row>
    <row r="38690" spans="1:7" x14ac:dyDescent="0.3">
      <c r="A38690" s="13" t="s">
        <v>230</v>
      </c>
      <c r="B38690" s="14" t="s">
        <v>1</v>
      </c>
      <c r="C38690" s="14" t="s">
        <v>41</v>
      </c>
      <c r="D38690" s="14" t="s">
        <v>231</v>
      </c>
      <c r="E38690" s="15">
        <v>45741</v>
      </c>
      <c r="F38690" s="14" t="s">
        <v>15</v>
      </c>
      <c r="G38690" s="16">
        <v>0</v>
      </c>
    </row>
    <row r="38691" spans="1:7" x14ac:dyDescent="0.3">
      <c r="A38691" s="13" t="s">
        <v>230</v>
      </c>
      <c r="B38691" s="14" t="s">
        <v>1</v>
      </c>
      <c r="C38691" s="14" t="s">
        <v>41</v>
      </c>
      <c r="D38691" s="14" t="s">
        <v>231</v>
      </c>
      <c r="E38691" s="15">
        <v>45742</v>
      </c>
      <c r="F38691" s="14" t="s">
        <v>15</v>
      </c>
      <c r="G38691" s="16">
        <v>0</v>
      </c>
    </row>
    <row r="38692" spans="1:7" x14ac:dyDescent="0.3">
      <c r="A38692" s="13" t="s">
        <v>230</v>
      </c>
      <c r="B38692" s="14" t="s">
        <v>1</v>
      </c>
      <c r="C38692" s="14" t="s">
        <v>41</v>
      </c>
      <c r="D38692" s="14" t="s">
        <v>231</v>
      </c>
      <c r="E38692" s="15">
        <v>45743</v>
      </c>
      <c r="F38692" s="14" t="s">
        <v>15</v>
      </c>
      <c r="G38692" s="16">
        <v>0</v>
      </c>
    </row>
    <row r="38693" spans="1:7" x14ac:dyDescent="0.3">
      <c r="A38693" s="13" t="s">
        <v>230</v>
      </c>
      <c r="B38693" s="14" t="s">
        <v>1</v>
      </c>
      <c r="C38693" s="14" t="s">
        <v>41</v>
      </c>
      <c r="D38693" s="14" t="s">
        <v>231</v>
      </c>
      <c r="E38693" s="15">
        <v>45744</v>
      </c>
      <c r="F38693" s="14" t="s">
        <v>15</v>
      </c>
      <c r="G38693" s="16">
        <v>0</v>
      </c>
    </row>
    <row r="38694" spans="1:7" x14ac:dyDescent="0.3">
      <c r="A38694" s="13" t="s">
        <v>230</v>
      </c>
      <c r="B38694" s="14" t="s">
        <v>1</v>
      </c>
      <c r="C38694" s="14" t="s">
        <v>41</v>
      </c>
      <c r="D38694" s="14" t="s">
        <v>231</v>
      </c>
      <c r="E38694" s="15">
        <v>45745</v>
      </c>
      <c r="F38694" s="14" t="s">
        <v>15</v>
      </c>
      <c r="G38694" s="16">
        <v>0</v>
      </c>
    </row>
    <row r="38695" spans="1:7" x14ac:dyDescent="0.3">
      <c r="A38695" s="13" t="s">
        <v>230</v>
      </c>
      <c r="B38695" s="14" t="s">
        <v>1</v>
      </c>
      <c r="C38695" s="14" t="s">
        <v>41</v>
      </c>
      <c r="D38695" s="14" t="s">
        <v>231</v>
      </c>
      <c r="E38695" s="15">
        <v>45746</v>
      </c>
      <c r="F38695" s="14" t="s">
        <v>15</v>
      </c>
      <c r="G38695" s="16">
        <v>0</v>
      </c>
    </row>
    <row r="38696" spans="1:7" x14ac:dyDescent="0.3">
      <c r="A38696" s="13" t="s">
        <v>230</v>
      </c>
      <c r="B38696" s="14" t="s">
        <v>1</v>
      </c>
      <c r="C38696" s="14" t="s">
        <v>41</v>
      </c>
      <c r="D38696" s="14" t="s">
        <v>231</v>
      </c>
      <c r="E38696" s="15">
        <v>45747</v>
      </c>
      <c r="F38696" s="14" t="s">
        <v>15</v>
      </c>
      <c r="G38696" s="16">
        <v>0.82041048115022763</v>
      </c>
    </row>
    <row r="38697" spans="1:7" x14ac:dyDescent="0.3">
      <c r="A38697" s="13" t="s">
        <v>232</v>
      </c>
      <c r="B38697" s="14" t="s">
        <v>1</v>
      </c>
      <c r="C38697" s="14" t="s">
        <v>101</v>
      </c>
      <c r="D38697" s="14" t="s">
        <v>18</v>
      </c>
      <c r="E38697" s="15">
        <v>45383</v>
      </c>
      <c r="F38697" s="14" t="s">
        <v>15</v>
      </c>
      <c r="G38697" s="16">
        <v>0</v>
      </c>
    </row>
    <row r="38698" spans="1:7" x14ac:dyDescent="0.3">
      <c r="A38698" s="13" t="s">
        <v>232</v>
      </c>
      <c r="B38698" s="14" t="s">
        <v>1</v>
      </c>
      <c r="C38698" s="14" t="s">
        <v>101</v>
      </c>
      <c r="D38698" s="14" t="s">
        <v>18</v>
      </c>
      <c r="E38698" s="15">
        <v>45384</v>
      </c>
      <c r="F38698" s="14" t="s">
        <v>15</v>
      </c>
      <c r="G38698" s="16">
        <v>0</v>
      </c>
    </row>
    <row r="38699" spans="1:7" x14ac:dyDescent="0.3">
      <c r="A38699" s="13" t="s">
        <v>232</v>
      </c>
      <c r="B38699" s="14" t="s">
        <v>1</v>
      </c>
      <c r="C38699" s="14" t="s">
        <v>101</v>
      </c>
      <c r="D38699" s="14" t="s">
        <v>18</v>
      </c>
      <c r="E38699" s="15">
        <v>45385</v>
      </c>
      <c r="F38699" s="14" t="s">
        <v>15</v>
      </c>
      <c r="G38699" s="16">
        <v>0</v>
      </c>
    </row>
    <row r="38700" spans="1:7" x14ac:dyDescent="0.3">
      <c r="A38700" s="13" t="s">
        <v>232</v>
      </c>
      <c r="B38700" s="14" t="s">
        <v>1</v>
      </c>
      <c r="C38700" s="14" t="s">
        <v>101</v>
      </c>
      <c r="D38700" s="14" t="s">
        <v>18</v>
      </c>
      <c r="E38700" s="15">
        <v>45386</v>
      </c>
      <c r="F38700" s="14" t="s">
        <v>15</v>
      </c>
      <c r="G38700" s="16">
        <v>0</v>
      </c>
    </row>
    <row r="38701" spans="1:7" x14ac:dyDescent="0.3">
      <c r="A38701" s="13" t="s">
        <v>232</v>
      </c>
      <c r="B38701" s="14" t="s">
        <v>1</v>
      </c>
      <c r="C38701" s="14" t="s">
        <v>101</v>
      </c>
      <c r="D38701" s="14" t="s">
        <v>18</v>
      </c>
      <c r="E38701" s="15">
        <v>45387</v>
      </c>
      <c r="F38701" s="14" t="s">
        <v>15</v>
      </c>
      <c r="G38701" s="16">
        <v>0</v>
      </c>
    </row>
    <row r="38702" spans="1:7" x14ac:dyDescent="0.3">
      <c r="A38702" s="13" t="s">
        <v>232</v>
      </c>
      <c r="B38702" s="14" t="s">
        <v>1</v>
      </c>
      <c r="C38702" s="14" t="s">
        <v>101</v>
      </c>
      <c r="D38702" s="14" t="s">
        <v>18</v>
      </c>
      <c r="E38702" s="15">
        <v>45388</v>
      </c>
      <c r="F38702" s="14" t="s">
        <v>15</v>
      </c>
      <c r="G38702" s="16">
        <v>0</v>
      </c>
    </row>
    <row r="38703" spans="1:7" x14ac:dyDescent="0.3">
      <c r="A38703" s="13" t="s">
        <v>232</v>
      </c>
      <c r="B38703" s="14" t="s">
        <v>1</v>
      </c>
      <c r="C38703" s="14" t="s">
        <v>101</v>
      </c>
      <c r="D38703" s="14" t="s">
        <v>18</v>
      </c>
      <c r="E38703" s="15">
        <v>45389</v>
      </c>
      <c r="F38703" s="14" t="s">
        <v>15</v>
      </c>
      <c r="G38703" s="16">
        <v>0</v>
      </c>
    </row>
    <row r="38704" spans="1:7" x14ac:dyDescent="0.3">
      <c r="A38704" s="13" t="s">
        <v>232</v>
      </c>
      <c r="B38704" s="14" t="s">
        <v>1</v>
      </c>
      <c r="C38704" s="14" t="s">
        <v>101</v>
      </c>
      <c r="D38704" s="14" t="s">
        <v>18</v>
      </c>
      <c r="E38704" s="15">
        <v>45390</v>
      </c>
      <c r="F38704" s="14" t="s">
        <v>15</v>
      </c>
      <c r="G38704" s="16">
        <v>0</v>
      </c>
    </row>
    <row r="38705" spans="1:7" x14ac:dyDescent="0.3">
      <c r="A38705" s="13" t="s">
        <v>232</v>
      </c>
      <c r="B38705" s="14" t="s">
        <v>1</v>
      </c>
      <c r="C38705" s="14" t="s">
        <v>101</v>
      </c>
      <c r="D38705" s="14" t="s">
        <v>18</v>
      </c>
      <c r="E38705" s="15">
        <v>45391</v>
      </c>
      <c r="F38705" s="14" t="s">
        <v>15</v>
      </c>
      <c r="G38705" s="16">
        <v>0</v>
      </c>
    </row>
    <row r="38706" spans="1:7" x14ac:dyDescent="0.3">
      <c r="A38706" s="13" t="s">
        <v>232</v>
      </c>
      <c r="B38706" s="14" t="s">
        <v>1</v>
      </c>
      <c r="C38706" s="14" t="s">
        <v>101</v>
      </c>
      <c r="D38706" s="14" t="s">
        <v>18</v>
      </c>
      <c r="E38706" s="15">
        <v>45392</v>
      </c>
      <c r="F38706" s="14" t="s">
        <v>15</v>
      </c>
      <c r="G38706" s="16">
        <v>0</v>
      </c>
    </row>
    <row r="38707" spans="1:7" x14ac:dyDescent="0.3">
      <c r="A38707" s="13" t="s">
        <v>232</v>
      </c>
      <c r="B38707" s="14" t="s">
        <v>1</v>
      </c>
      <c r="C38707" s="14" t="s">
        <v>101</v>
      </c>
      <c r="D38707" s="14" t="s">
        <v>18</v>
      </c>
      <c r="E38707" s="15">
        <v>45393</v>
      </c>
      <c r="F38707" s="14" t="s">
        <v>15</v>
      </c>
      <c r="G38707" s="16">
        <v>0</v>
      </c>
    </row>
    <row r="38708" spans="1:7" x14ac:dyDescent="0.3">
      <c r="A38708" s="13" t="s">
        <v>232</v>
      </c>
      <c r="B38708" s="14" t="s">
        <v>1</v>
      </c>
      <c r="C38708" s="14" t="s">
        <v>101</v>
      </c>
      <c r="D38708" s="14" t="s">
        <v>18</v>
      </c>
      <c r="E38708" s="15">
        <v>45394</v>
      </c>
      <c r="F38708" s="14" t="s">
        <v>15</v>
      </c>
      <c r="G38708" s="16">
        <v>5.30857966511427E-2</v>
      </c>
    </row>
    <row r="38709" spans="1:7" x14ac:dyDescent="0.3">
      <c r="A38709" s="13" t="s">
        <v>232</v>
      </c>
      <c r="B38709" s="14" t="s">
        <v>1</v>
      </c>
      <c r="C38709" s="14" t="s">
        <v>101</v>
      </c>
      <c r="D38709" s="14" t="s">
        <v>18</v>
      </c>
      <c r="E38709" s="15">
        <v>45395</v>
      </c>
      <c r="F38709" s="14" t="s">
        <v>15</v>
      </c>
      <c r="G38709" s="16">
        <v>5.30857966511427E-2</v>
      </c>
    </row>
    <row r="38710" spans="1:7" x14ac:dyDescent="0.3">
      <c r="A38710" s="13" t="s">
        <v>232</v>
      </c>
      <c r="B38710" s="14" t="s">
        <v>1</v>
      </c>
      <c r="C38710" s="14" t="s">
        <v>101</v>
      </c>
      <c r="D38710" s="14" t="s">
        <v>18</v>
      </c>
      <c r="E38710" s="15">
        <v>45396</v>
      </c>
      <c r="F38710" s="14" t="s">
        <v>15</v>
      </c>
      <c r="G38710" s="16">
        <v>5.30857966511427E-2</v>
      </c>
    </row>
    <row r="38711" spans="1:7" x14ac:dyDescent="0.3">
      <c r="A38711" s="13" t="s">
        <v>232</v>
      </c>
      <c r="B38711" s="14" t="s">
        <v>1</v>
      </c>
      <c r="C38711" s="14" t="s">
        <v>101</v>
      </c>
      <c r="D38711" s="14" t="s">
        <v>18</v>
      </c>
      <c r="E38711" s="15">
        <v>45397</v>
      </c>
      <c r="F38711" s="14" t="s">
        <v>15</v>
      </c>
      <c r="G38711" s="16">
        <v>4.8846521232535536E-2</v>
      </c>
    </row>
    <row r="38712" spans="1:7" x14ac:dyDescent="0.3">
      <c r="A38712" s="13" t="s">
        <v>232</v>
      </c>
      <c r="B38712" s="14" t="s">
        <v>1</v>
      </c>
      <c r="C38712" s="14" t="s">
        <v>101</v>
      </c>
      <c r="D38712" s="14" t="s">
        <v>18</v>
      </c>
      <c r="E38712" s="15">
        <v>45398</v>
      </c>
      <c r="F38712" s="14" t="s">
        <v>15</v>
      </c>
      <c r="G38712" s="16">
        <v>3.9607245813928375E-2</v>
      </c>
    </row>
    <row r="38713" spans="1:7" x14ac:dyDescent="0.3">
      <c r="A38713" s="13" t="s">
        <v>232</v>
      </c>
      <c r="B38713" s="14" t="s">
        <v>1</v>
      </c>
      <c r="C38713" s="14" t="s">
        <v>101</v>
      </c>
      <c r="D38713" s="14" t="s">
        <v>18</v>
      </c>
      <c r="E38713" s="15">
        <v>45399</v>
      </c>
      <c r="F38713" s="14" t="s">
        <v>15</v>
      </c>
      <c r="G38713" s="16">
        <v>3.7367970395321214E-2</v>
      </c>
    </row>
    <row r="38714" spans="1:7" x14ac:dyDescent="0.3">
      <c r="A38714" s="13" t="s">
        <v>232</v>
      </c>
      <c r="B38714" s="14" t="s">
        <v>1</v>
      </c>
      <c r="C38714" s="14" t="s">
        <v>101</v>
      </c>
      <c r="D38714" s="14" t="s">
        <v>18</v>
      </c>
      <c r="E38714" s="15">
        <v>45400</v>
      </c>
      <c r="F38714" s="14" t="s">
        <v>15</v>
      </c>
      <c r="G38714" s="16">
        <v>3.312869497671405E-2</v>
      </c>
    </row>
    <row r="38715" spans="1:7" x14ac:dyDescent="0.3">
      <c r="A38715" s="13" t="s">
        <v>232</v>
      </c>
      <c r="B38715" s="14" t="s">
        <v>1</v>
      </c>
      <c r="C38715" s="14" t="s">
        <v>101</v>
      </c>
      <c r="D38715" s="14" t="s">
        <v>18</v>
      </c>
      <c r="E38715" s="15">
        <v>45401</v>
      </c>
      <c r="F38715" s="14" t="s">
        <v>15</v>
      </c>
      <c r="G38715" s="16">
        <v>3.4889419558106885E-2</v>
      </c>
    </row>
    <row r="38716" spans="1:7" x14ac:dyDescent="0.3">
      <c r="A38716" s="13" t="s">
        <v>232</v>
      </c>
      <c r="B38716" s="14" t="s">
        <v>1</v>
      </c>
      <c r="C38716" s="14" t="s">
        <v>101</v>
      </c>
      <c r="D38716" s="14" t="s">
        <v>18</v>
      </c>
      <c r="E38716" s="15">
        <v>45402</v>
      </c>
      <c r="F38716" s="14" t="s">
        <v>15</v>
      </c>
      <c r="G38716" s="16">
        <v>3.4889419558106885E-2</v>
      </c>
    </row>
    <row r="38717" spans="1:7" x14ac:dyDescent="0.3">
      <c r="A38717" s="13" t="s">
        <v>232</v>
      </c>
      <c r="B38717" s="14" t="s">
        <v>1</v>
      </c>
      <c r="C38717" s="14" t="s">
        <v>101</v>
      </c>
      <c r="D38717" s="14" t="s">
        <v>18</v>
      </c>
      <c r="E38717" s="15">
        <v>45403</v>
      </c>
      <c r="F38717" s="14" t="s">
        <v>15</v>
      </c>
      <c r="G38717" s="16">
        <v>3.4889419558106885E-2</v>
      </c>
    </row>
    <row r="38718" spans="1:7" x14ac:dyDescent="0.3">
      <c r="A38718" s="13" t="s">
        <v>232</v>
      </c>
      <c r="B38718" s="14" t="s">
        <v>1</v>
      </c>
      <c r="C38718" s="14" t="s">
        <v>101</v>
      </c>
      <c r="D38718" s="14" t="s">
        <v>18</v>
      </c>
      <c r="E38718" s="15">
        <v>45404</v>
      </c>
      <c r="F38718" s="14" t="s">
        <v>15</v>
      </c>
      <c r="G38718" s="16">
        <v>3.0650144139499725E-2</v>
      </c>
    </row>
    <row r="38719" spans="1:7" x14ac:dyDescent="0.3">
      <c r="A38719" s="13" t="s">
        <v>232</v>
      </c>
      <c r="B38719" s="14" t="s">
        <v>1</v>
      </c>
      <c r="C38719" s="14" t="s">
        <v>101</v>
      </c>
      <c r="D38719" s="14" t="s">
        <v>18</v>
      </c>
      <c r="E38719" s="15">
        <v>45405</v>
      </c>
      <c r="F38719" s="14" t="s">
        <v>15</v>
      </c>
      <c r="G38719" s="16">
        <v>9.7410868720892566E-2</v>
      </c>
    </row>
    <row r="38720" spans="1:7" x14ac:dyDescent="0.3">
      <c r="A38720" s="13" t="s">
        <v>232</v>
      </c>
      <c r="B38720" s="14" t="s">
        <v>1</v>
      </c>
      <c r="C38720" s="14" t="s">
        <v>101</v>
      </c>
      <c r="D38720" s="14" t="s">
        <v>18</v>
      </c>
      <c r="E38720" s="15">
        <v>45406</v>
      </c>
      <c r="F38720" s="14" t="s">
        <v>15</v>
      </c>
      <c r="G38720" s="16">
        <v>9.7171593302285392E-2</v>
      </c>
    </row>
    <row r="38721" spans="1:7" x14ac:dyDescent="0.3">
      <c r="A38721" s="13" t="s">
        <v>232</v>
      </c>
      <c r="B38721" s="14" t="s">
        <v>1</v>
      </c>
      <c r="C38721" s="14" t="s">
        <v>101</v>
      </c>
      <c r="D38721" s="14" t="s">
        <v>18</v>
      </c>
      <c r="E38721" s="15">
        <v>45407</v>
      </c>
      <c r="F38721" s="14" t="s">
        <v>15</v>
      </c>
      <c r="G38721" s="16">
        <v>8.8932317883678239E-2</v>
      </c>
    </row>
    <row r="38722" spans="1:7" x14ac:dyDescent="0.3">
      <c r="A38722" s="13" t="s">
        <v>232</v>
      </c>
      <c r="B38722" s="14" t="s">
        <v>1</v>
      </c>
      <c r="C38722" s="14" t="s">
        <v>101</v>
      </c>
      <c r="D38722" s="14" t="s">
        <v>18</v>
      </c>
      <c r="E38722" s="15">
        <v>45408</v>
      </c>
      <c r="F38722" s="14" t="s">
        <v>15</v>
      </c>
      <c r="G38722" s="16">
        <v>8.6693042465071077E-2</v>
      </c>
    </row>
    <row r="38723" spans="1:7" x14ac:dyDescent="0.3">
      <c r="A38723" s="13" t="s">
        <v>232</v>
      </c>
      <c r="B38723" s="14" t="s">
        <v>1</v>
      </c>
      <c r="C38723" s="14" t="s">
        <v>101</v>
      </c>
      <c r="D38723" s="14" t="s">
        <v>18</v>
      </c>
      <c r="E38723" s="15">
        <v>45409</v>
      </c>
      <c r="F38723" s="14" t="s">
        <v>15</v>
      </c>
      <c r="G38723" s="16">
        <v>8.6693042465071077E-2</v>
      </c>
    </row>
    <row r="38724" spans="1:7" x14ac:dyDescent="0.3">
      <c r="A38724" s="13" t="s">
        <v>232</v>
      </c>
      <c r="B38724" s="14" t="s">
        <v>1</v>
      </c>
      <c r="C38724" s="14" t="s">
        <v>101</v>
      </c>
      <c r="D38724" s="14" t="s">
        <v>18</v>
      </c>
      <c r="E38724" s="15">
        <v>45410</v>
      </c>
      <c r="F38724" s="14" t="s">
        <v>15</v>
      </c>
      <c r="G38724" s="16">
        <v>8.6693042465071077E-2</v>
      </c>
    </row>
    <row r="38725" spans="1:7" x14ac:dyDescent="0.3">
      <c r="A38725" s="13" t="s">
        <v>232</v>
      </c>
      <c r="B38725" s="14" t="s">
        <v>1</v>
      </c>
      <c r="C38725" s="14" t="s">
        <v>101</v>
      </c>
      <c r="D38725" s="14" t="s">
        <v>18</v>
      </c>
      <c r="E38725" s="15">
        <v>45411</v>
      </c>
      <c r="F38725" s="14" t="s">
        <v>15</v>
      </c>
      <c r="G38725" s="16">
        <v>8.2453767046463927E-2</v>
      </c>
    </row>
    <row r="38726" spans="1:7" x14ac:dyDescent="0.3">
      <c r="A38726" s="13" t="s">
        <v>232</v>
      </c>
      <c r="B38726" s="14" t="s">
        <v>1</v>
      </c>
      <c r="C38726" s="14" t="s">
        <v>101</v>
      </c>
      <c r="D38726" s="14" t="s">
        <v>18</v>
      </c>
      <c r="E38726" s="15">
        <v>45412</v>
      </c>
      <c r="F38726" s="14" t="s">
        <v>15</v>
      </c>
      <c r="G38726" s="16">
        <v>8.0214491627856765E-2</v>
      </c>
    </row>
    <row r="38727" spans="1:7" x14ac:dyDescent="0.3">
      <c r="A38727" s="13" t="s">
        <v>232</v>
      </c>
      <c r="B38727" s="14" t="s">
        <v>1</v>
      </c>
      <c r="C38727" s="14" t="s">
        <v>101</v>
      </c>
      <c r="D38727" s="14" t="s">
        <v>18</v>
      </c>
      <c r="E38727" s="15">
        <v>45413</v>
      </c>
      <c r="F38727" s="14" t="s">
        <v>15</v>
      </c>
      <c r="G38727" s="16">
        <v>0.2259752162092496</v>
      </c>
    </row>
    <row r="38728" spans="1:7" x14ac:dyDescent="0.3">
      <c r="A38728" s="13" t="s">
        <v>232</v>
      </c>
      <c r="B38728" s="14" t="s">
        <v>1</v>
      </c>
      <c r="C38728" s="14" t="s">
        <v>101</v>
      </c>
      <c r="D38728" s="14" t="s">
        <v>18</v>
      </c>
      <c r="E38728" s="15">
        <v>45414</v>
      </c>
      <c r="F38728" s="14" t="s">
        <v>15</v>
      </c>
      <c r="G38728" s="16">
        <v>0.22073594079064246</v>
      </c>
    </row>
    <row r="38729" spans="1:7" x14ac:dyDescent="0.3">
      <c r="A38729" s="13" t="s">
        <v>232</v>
      </c>
      <c r="B38729" s="14" t="s">
        <v>1</v>
      </c>
      <c r="C38729" s="14" t="s">
        <v>101</v>
      </c>
      <c r="D38729" s="14" t="s">
        <v>18</v>
      </c>
      <c r="E38729" s="15">
        <v>45415</v>
      </c>
      <c r="F38729" s="14" t="s">
        <v>15</v>
      </c>
      <c r="G38729" s="16">
        <v>0.21649666537203527</v>
      </c>
    </row>
    <row r="38730" spans="1:7" x14ac:dyDescent="0.3">
      <c r="A38730" s="13" t="s">
        <v>232</v>
      </c>
      <c r="B38730" s="14" t="s">
        <v>1</v>
      </c>
      <c r="C38730" s="14" t="s">
        <v>101</v>
      </c>
      <c r="D38730" s="14" t="s">
        <v>18</v>
      </c>
      <c r="E38730" s="15">
        <v>45416</v>
      </c>
      <c r="F38730" s="14" t="s">
        <v>15</v>
      </c>
      <c r="G38730" s="16">
        <v>0.21649666537203527</v>
      </c>
    </row>
    <row r="38731" spans="1:7" x14ac:dyDescent="0.3">
      <c r="A38731" s="13" t="s">
        <v>232</v>
      </c>
      <c r="B38731" s="14" t="s">
        <v>1</v>
      </c>
      <c r="C38731" s="14" t="s">
        <v>101</v>
      </c>
      <c r="D38731" s="14" t="s">
        <v>18</v>
      </c>
      <c r="E38731" s="15">
        <v>45417</v>
      </c>
      <c r="F38731" s="14" t="s">
        <v>15</v>
      </c>
      <c r="G38731" s="16">
        <v>0.21649666537203527</v>
      </c>
    </row>
    <row r="38732" spans="1:7" x14ac:dyDescent="0.3">
      <c r="A38732" s="13" t="s">
        <v>232</v>
      </c>
      <c r="B38732" s="14" t="s">
        <v>1</v>
      </c>
      <c r="C38732" s="14" t="s">
        <v>101</v>
      </c>
      <c r="D38732" s="14" t="s">
        <v>18</v>
      </c>
      <c r="E38732" s="15">
        <v>45418</v>
      </c>
      <c r="F38732" s="14" t="s">
        <v>15</v>
      </c>
      <c r="G38732" s="16">
        <v>0.21649666537203527</v>
      </c>
    </row>
    <row r="38733" spans="1:7" x14ac:dyDescent="0.3">
      <c r="A38733" s="13" t="s">
        <v>232</v>
      </c>
      <c r="B38733" s="14" t="s">
        <v>1</v>
      </c>
      <c r="C38733" s="14" t="s">
        <v>101</v>
      </c>
      <c r="D38733" s="14" t="s">
        <v>18</v>
      </c>
      <c r="E38733" s="15">
        <v>45419</v>
      </c>
      <c r="F38733" s="14" t="s">
        <v>15</v>
      </c>
      <c r="G38733" s="16">
        <v>0.22925738995342812</v>
      </c>
    </row>
    <row r="38734" spans="1:7" x14ac:dyDescent="0.3">
      <c r="A38734" s="13" t="s">
        <v>232</v>
      </c>
      <c r="B38734" s="14" t="s">
        <v>1</v>
      </c>
      <c r="C38734" s="14" t="s">
        <v>101</v>
      </c>
      <c r="D38734" s="14" t="s">
        <v>18</v>
      </c>
      <c r="E38734" s="15">
        <v>45420</v>
      </c>
      <c r="F38734" s="14" t="s">
        <v>15</v>
      </c>
      <c r="G38734" s="16">
        <v>0.27901811453482095</v>
      </c>
    </row>
    <row r="38735" spans="1:7" x14ac:dyDescent="0.3">
      <c r="A38735" s="13" t="s">
        <v>232</v>
      </c>
      <c r="B38735" s="14" t="s">
        <v>1</v>
      </c>
      <c r="C38735" s="14" t="s">
        <v>101</v>
      </c>
      <c r="D38735" s="14" t="s">
        <v>18</v>
      </c>
      <c r="E38735" s="15">
        <v>45421</v>
      </c>
      <c r="F38735" s="14" t="s">
        <v>15</v>
      </c>
      <c r="G38735" s="16">
        <v>0.33477883911621376</v>
      </c>
    </row>
    <row r="38736" spans="1:7" x14ac:dyDescent="0.3">
      <c r="A38736" s="13" t="s">
        <v>232</v>
      </c>
      <c r="B38736" s="14" t="s">
        <v>1</v>
      </c>
      <c r="C38736" s="14" t="s">
        <v>101</v>
      </c>
      <c r="D38736" s="14" t="s">
        <v>18</v>
      </c>
      <c r="E38736" s="15">
        <v>45422</v>
      </c>
      <c r="F38736" s="14" t="s">
        <v>15</v>
      </c>
      <c r="G38736" s="16">
        <v>0.34753956369760663</v>
      </c>
    </row>
    <row r="38737" spans="1:7" x14ac:dyDescent="0.3">
      <c r="A38737" s="13" t="s">
        <v>232</v>
      </c>
      <c r="B38737" s="14" t="s">
        <v>1</v>
      </c>
      <c r="C38737" s="14" t="s">
        <v>101</v>
      </c>
      <c r="D38737" s="14" t="s">
        <v>18</v>
      </c>
      <c r="E38737" s="15">
        <v>45423</v>
      </c>
      <c r="F38737" s="14" t="s">
        <v>15</v>
      </c>
      <c r="G38737" s="16">
        <v>0.34753956369760663</v>
      </c>
    </row>
    <row r="38738" spans="1:7" x14ac:dyDescent="0.3">
      <c r="A38738" s="13" t="s">
        <v>232</v>
      </c>
      <c r="B38738" s="14" t="s">
        <v>1</v>
      </c>
      <c r="C38738" s="14" t="s">
        <v>101</v>
      </c>
      <c r="D38738" s="14" t="s">
        <v>18</v>
      </c>
      <c r="E38738" s="15">
        <v>45424</v>
      </c>
      <c r="F38738" s="14" t="s">
        <v>15</v>
      </c>
      <c r="G38738" s="16">
        <v>0.34753956369760663</v>
      </c>
    </row>
    <row r="38739" spans="1:7" x14ac:dyDescent="0.3">
      <c r="A38739" s="13" t="s">
        <v>232</v>
      </c>
      <c r="B38739" s="14" t="s">
        <v>1</v>
      </c>
      <c r="C38739" s="14" t="s">
        <v>101</v>
      </c>
      <c r="D38739" s="14" t="s">
        <v>18</v>
      </c>
      <c r="E38739" s="15">
        <v>45425</v>
      </c>
      <c r="F38739" s="14" t="s">
        <v>15</v>
      </c>
      <c r="G38739" s="16">
        <v>0.3463002882789995</v>
      </c>
    </row>
    <row r="38740" spans="1:7" x14ac:dyDescent="0.3">
      <c r="A38740" s="13" t="s">
        <v>232</v>
      </c>
      <c r="B38740" s="14" t="s">
        <v>1</v>
      </c>
      <c r="C38740" s="14" t="s">
        <v>101</v>
      </c>
      <c r="D38740" s="14" t="s">
        <v>18</v>
      </c>
      <c r="E38740" s="15">
        <v>45426</v>
      </c>
      <c r="F38740" s="14" t="s">
        <v>15</v>
      </c>
      <c r="G38740" s="16">
        <v>0.33006101286039236</v>
      </c>
    </row>
    <row r="38741" spans="1:7" x14ac:dyDescent="0.3">
      <c r="A38741" s="13" t="s">
        <v>232</v>
      </c>
      <c r="B38741" s="14" t="s">
        <v>1</v>
      </c>
      <c r="C38741" s="14" t="s">
        <v>101</v>
      </c>
      <c r="D38741" s="14" t="s">
        <v>18</v>
      </c>
      <c r="E38741" s="15">
        <v>45427</v>
      </c>
      <c r="F38741" s="14" t="s">
        <v>15</v>
      </c>
      <c r="G38741" s="16">
        <v>0.32582173744178516</v>
      </c>
    </row>
    <row r="38742" spans="1:7" x14ac:dyDescent="0.3">
      <c r="A38742" s="13" t="s">
        <v>232</v>
      </c>
      <c r="B38742" s="14" t="s">
        <v>1</v>
      </c>
      <c r="C38742" s="14" t="s">
        <v>101</v>
      </c>
      <c r="D38742" s="14" t="s">
        <v>18</v>
      </c>
      <c r="E38742" s="15">
        <v>45428</v>
      </c>
      <c r="F38742" s="14" t="s">
        <v>15</v>
      </c>
      <c r="G38742" s="16">
        <v>0.36358246202317801</v>
      </c>
    </row>
    <row r="38743" spans="1:7" x14ac:dyDescent="0.3">
      <c r="A38743" s="13" t="s">
        <v>232</v>
      </c>
      <c r="B38743" s="14" t="s">
        <v>1</v>
      </c>
      <c r="C38743" s="14" t="s">
        <v>101</v>
      </c>
      <c r="D38743" s="14" t="s">
        <v>18</v>
      </c>
      <c r="E38743" s="15">
        <v>45429</v>
      </c>
      <c r="F38743" s="14" t="s">
        <v>15</v>
      </c>
      <c r="G38743" s="16">
        <v>0.39534318660457085</v>
      </c>
    </row>
    <row r="38744" spans="1:7" x14ac:dyDescent="0.3">
      <c r="A38744" s="13" t="s">
        <v>232</v>
      </c>
      <c r="B38744" s="14" t="s">
        <v>1</v>
      </c>
      <c r="C38744" s="14" t="s">
        <v>101</v>
      </c>
      <c r="D38744" s="14" t="s">
        <v>18</v>
      </c>
      <c r="E38744" s="15">
        <v>45430</v>
      </c>
      <c r="F38744" s="14" t="s">
        <v>15</v>
      </c>
      <c r="G38744" s="16">
        <v>0.39534318660457085</v>
      </c>
    </row>
    <row r="38745" spans="1:7" x14ac:dyDescent="0.3">
      <c r="A38745" s="13" t="s">
        <v>232</v>
      </c>
      <c r="B38745" s="14" t="s">
        <v>1</v>
      </c>
      <c r="C38745" s="14" t="s">
        <v>101</v>
      </c>
      <c r="D38745" s="14" t="s">
        <v>18</v>
      </c>
      <c r="E38745" s="15">
        <v>45431</v>
      </c>
      <c r="F38745" s="14" t="s">
        <v>15</v>
      </c>
      <c r="G38745" s="16">
        <v>0.39534318660457085</v>
      </c>
    </row>
    <row r="38746" spans="1:7" x14ac:dyDescent="0.3">
      <c r="A38746" s="13" t="s">
        <v>232</v>
      </c>
      <c r="B38746" s="14" t="s">
        <v>1</v>
      </c>
      <c r="C38746" s="14" t="s">
        <v>101</v>
      </c>
      <c r="D38746" s="14" t="s">
        <v>18</v>
      </c>
      <c r="E38746" s="15">
        <v>45432</v>
      </c>
      <c r="F38746" s="14" t="s">
        <v>15</v>
      </c>
      <c r="G38746" s="16">
        <v>0.39110391118596366</v>
      </c>
    </row>
    <row r="38747" spans="1:7" x14ac:dyDescent="0.3">
      <c r="A38747" s="13" t="s">
        <v>232</v>
      </c>
      <c r="B38747" s="14" t="s">
        <v>1</v>
      </c>
      <c r="C38747" s="14" t="s">
        <v>101</v>
      </c>
      <c r="D38747" s="14" t="s">
        <v>18</v>
      </c>
      <c r="E38747" s="15">
        <v>45433</v>
      </c>
      <c r="F38747" s="14" t="s">
        <v>15</v>
      </c>
      <c r="G38747" s="16">
        <v>0.38186463576735652</v>
      </c>
    </row>
    <row r="38748" spans="1:7" x14ac:dyDescent="0.3">
      <c r="A38748" s="13" t="s">
        <v>232</v>
      </c>
      <c r="B38748" s="14" t="s">
        <v>1</v>
      </c>
      <c r="C38748" s="14" t="s">
        <v>101</v>
      </c>
      <c r="D38748" s="14" t="s">
        <v>18</v>
      </c>
      <c r="E38748" s="15">
        <v>45434</v>
      </c>
      <c r="F38748" s="14" t="s">
        <v>15</v>
      </c>
      <c r="G38748" s="16">
        <v>0.37762536034874933</v>
      </c>
    </row>
    <row r="38749" spans="1:7" x14ac:dyDescent="0.3">
      <c r="A38749" s="13" t="s">
        <v>232</v>
      </c>
      <c r="B38749" s="14" t="s">
        <v>1</v>
      </c>
      <c r="C38749" s="14" t="s">
        <v>101</v>
      </c>
      <c r="D38749" s="14" t="s">
        <v>18</v>
      </c>
      <c r="E38749" s="15">
        <v>45435</v>
      </c>
      <c r="F38749" s="14" t="s">
        <v>15</v>
      </c>
      <c r="G38749" s="16">
        <v>0.37338608493014214</v>
      </c>
    </row>
    <row r="38750" spans="1:7" x14ac:dyDescent="0.3">
      <c r="A38750" s="13" t="s">
        <v>232</v>
      </c>
      <c r="B38750" s="14" t="s">
        <v>1</v>
      </c>
      <c r="C38750" s="14" t="s">
        <v>101</v>
      </c>
      <c r="D38750" s="14" t="s">
        <v>18</v>
      </c>
      <c r="E38750" s="15">
        <v>45436</v>
      </c>
      <c r="F38750" s="14" t="s">
        <v>15</v>
      </c>
      <c r="G38750" s="16">
        <v>0.37814680951153501</v>
      </c>
    </row>
    <row r="38751" spans="1:7" x14ac:dyDescent="0.3">
      <c r="A38751" s="13" t="s">
        <v>232</v>
      </c>
      <c r="B38751" s="14" t="s">
        <v>1</v>
      </c>
      <c r="C38751" s="14" t="s">
        <v>101</v>
      </c>
      <c r="D38751" s="14" t="s">
        <v>18</v>
      </c>
      <c r="E38751" s="15">
        <v>45437</v>
      </c>
      <c r="F38751" s="14" t="s">
        <v>15</v>
      </c>
      <c r="G38751" s="16">
        <v>0.37814680951153501</v>
      </c>
    </row>
    <row r="38752" spans="1:7" x14ac:dyDescent="0.3">
      <c r="A38752" s="13" t="s">
        <v>232</v>
      </c>
      <c r="B38752" s="14" t="s">
        <v>1</v>
      </c>
      <c r="C38752" s="14" t="s">
        <v>101</v>
      </c>
      <c r="D38752" s="14" t="s">
        <v>18</v>
      </c>
      <c r="E38752" s="15">
        <v>45438</v>
      </c>
      <c r="F38752" s="14" t="s">
        <v>15</v>
      </c>
      <c r="G38752" s="16">
        <v>0.37814680951153501</v>
      </c>
    </row>
    <row r="38753" spans="1:7" x14ac:dyDescent="0.3">
      <c r="A38753" s="13" t="s">
        <v>232</v>
      </c>
      <c r="B38753" s="14" t="s">
        <v>1</v>
      </c>
      <c r="C38753" s="14" t="s">
        <v>101</v>
      </c>
      <c r="D38753" s="14" t="s">
        <v>18</v>
      </c>
      <c r="E38753" s="15">
        <v>45439</v>
      </c>
      <c r="F38753" s="14" t="s">
        <v>15</v>
      </c>
      <c r="G38753" s="16">
        <v>0.37390753409292782</v>
      </c>
    </row>
    <row r="38754" spans="1:7" x14ac:dyDescent="0.3">
      <c r="A38754" s="13" t="s">
        <v>232</v>
      </c>
      <c r="B38754" s="14" t="s">
        <v>1</v>
      </c>
      <c r="C38754" s="14" t="s">
        <v>101</v>
      </c>
      <c r="D38754" s="14" t="s">
        <v>18</v>
      </c>
      <c r="E38754" s="15">
        <v>45440</v>
      </c>
      <c r="F38754" s="14" t="s">
        <v>15</v>
      </c>
      <c r="G38754" s="16">
        <v>0.36466825867432068</v>
      </c>
    </row>
    <row r="38755" spans="1:7" x14ac:dyDescent="0.3">
      <c r="A38755" s="13" t="s">
        <v>232</v>
      </c>
      <c r="B38755" s="14" t="s">
        <v>1</v>
      </c>
      <c r="C38755" s="14" t="s">
        <v>101</v>
      </c>
      <c r="D38755" s="14" t="s">
        <v>18</v>
      </c>
      <c r="E38755" s="15">
        <v>45441</v>
      </c>
      <c r="F38755" s="14" t="s">
        <v>15</v>
      </c>
      <c r="G38755" s="16">
        <v>0.39442898325571352</v>
      </c>
    </row>
    <row r="38756" spans="1:7" x14ac:dyDescent="0.3">
      <c r="A38756" s="13" t="s">
        <v>232</v>
      </c>
      <c r="B38756" s="14" t="s">
        <v>1</v>
      </c>
      <c r="C38756" s="14" t="s">
        <v>101</v>
      </c>
      <c r="D38756" s="14" t="s">
        <v>18</v>
      </c>
      <c r="E38756" s="15">
        <v>45442</v>
      </c>
      <c r="F38756" s="14" t="s">
        <v>15</v>
      </c>
      <c r="G38756" s="16">
        <v>0.39018970783710633</v>
      </c>
    </row>
    <row r="38757" spans="1:7" x14ac:dyDescent="0.3">
      <c r="A38757" s="13" t="s">
        <v>232</v>
      </c>
      <c r="B38757" s="14" t="s">
        <v>1</v>
      </c>
      <c r="C38757" s="14" t="s">
        <v>101</v>
      </c>
      <c r="D38757" s="14" t="s">
        <v>18</v>
      </c>
      <c r="E38757" s="15">
        <v>45443</v>
      </c>
      <c r="F38757" s="14" t="s">
        <v>15</v>
      </c>
      <c r="G38757" s="16">
        <v>0.39095043241849919</v>
      </c>
    </row>
    <row r="38758" spans="1:7" x14ac:dyDescent="0.3">
      <c r="A38758" s="13" t="s">
        <v>232</v>
      </c>
      <c r="B38758" s="14" t="s">
        <v>1</v>
      </c>
      <c r="C38758" s="14" t="s">
        <v>101</v>
      </c>
      <c r="D38758" s="14" t="s">
        <v>18</v>
      </c>
      <c r="E38758" s="15">
        <v>45444</v>
      </c>
      <c r="F38758" s="14" t="s">
        <v>15</v>
      </c>
      <c r="G38758" s="16">
        <v>0.39095043241849919</v>
      </c>
    </row>
    <row r="38759" spans="1:7" x14ac:dyDescent="0.3">
      <c r="A38759" s="13" t="s">
        <v>232</v>
      </c>
      <c r="B38759" s="14" t="s">
        <v>1</v>
      </c>
      <c r="C38759" s="14" t="s">
        <v>101</v>
      </c>
      <c r="D38759" s="14" t="s">
        <v>18</v>
      </c>
      <c r="E38759" s="15">
        <v>45445</v>
      </c>
      <c r="F38759" s="14" t="s">
        <v>15</v>
      </c>
      <c r="G38759" s="16">
        <v>0.39095043241849919</v>
      </c>
    </row>
    <row r="38760" spans="1:7" x14ac:dyDescent="0.3">
      <c r="A38760" s="13" t="s">
        <v>232</v>
      </c>
      <c r="B38760" s="14" t="s">
        <v>1</v>
      </c>
      <c r="C38760" s="14" t="s">
        <v>101</v>
      </c>
      <c r="D38760" s="14" t="s">
        <v>18</v>
      </c>
      <c r="E38760" s="15">
        <v>45446</v>
      </c>
      <c r="F38760" s="14" t="s">
        <v>15</v>
      </c>
      <c r="G38760" s="16">
        <v>0.39095043241849919</v>
      </c>
    </row>
    <row r="38761" spans="1:7" x14ac:dyDescent="0.3">
      <c r="A38761" s="13" t="s">
        <v>232</v>
      </c>
      <c r="B38761" s="14" t="s">
        <v>1</v>
      </c>
      <c r="C38761" s="14" t="s">
        <v>101</v>
      </c>
      <c r="D38761" s="14" t="s">
        <v>18</v>
      </c>
      <c r="E38761" s="15">
        <v>45447</v>
      </c>
      <c r="F38761" s="14" t="s">
        <v>15</v>
      </c>
      <c r="G38761" s="16">
        <v>0.42071115699989203</v>
      </c>
    </row>
    <row r="38762" spans="1:7" x14ac:dyDescent="0.3">
      <c r="A38762" s="13" t="s">
        <v>232</v>
      </c>
      <c r="B38762" s="14" t="s">
        <v>1</v>
      </c>
      <c r="C38762" s="14" t="s">
        <v>101</v>
      </c>
      <c r="D38762" s="14" t="s">
        <v>18</v>
      </c>
      <c r="E38762" s="15">
        <v>45448</v>
      </c>
      <c r="F38762" s="14" t="s">
        <v>15</v>
      </c>
      <c r="G38762" s="16">
        <v>0.42547188158128491</v>
      </c>
    </row>
    <row r="38763" spans="1:7" x14ac:dyDescent="0.3">
      <c r="A38763" s="13" t="s">
        <v>232</v>
      </c>
      <c r="B38763" s="14" t="s">
        <v>1</v>
      </c>
      <c r="C38763" s="14" t="s">
        <v>101</v>
      </c>
      <c r="D38763" s="14" t="s">
        <v>18</v>
      </c>
      <c r="E38763" s="15">
        <v>45449</v>
      </c>
      <c r="F38763" s="14" t="s">
        <v>15</v>
      </c>
      <c r="G38763" s="16">
        <v>0.43223260616267767</v>
      </c>
    </row>
    <row r="38764" spans="1:7" x14ac:dyDescent="0.3">
      <c r="A38764" s="13" t="s">
        <v>232</v>
      </c>
      <c r="B38764" s="14" t="s">
        <v>1</v>
      </c>
      <c r="C38764" s="14" t="s">
        <v>101</v>
      </c>
      <c r="D38764" s="14" t="s">
        <v>18</v>
      </c>
      <c r="E38764" s="15">
        <v>45450</v>
      </c>
      <c r="F38764" s="14" t="s">
        <v>15</v>
      </c>
      <c r="G38764" s="16">
        <v>0.43299333074407054</v>
      </c>
    </row>
    <row r="38765" spans="1:7" x14ac:dyDescent="0.3">
      <c r="A38765" s="13" t="s">
        <v>232</v>
      </c>
      <c r="B38765" s="14" t="s">
        <v>1</v>
      </c>
      <c r="C38765" s="14" t="s">
        <v>101</v>
      </c>
      <c r="D38765" s="14" t="s">
        <v>18</v>
      </c>
      <c r="E38765" s="15">
        <v>45451</v>
      </c>
      <c r="F38765" s="14" t="s">
        <v>15</v>
      </c>
      <c r="G38765" s="16">
        <v>0.43299333074407054</v>
      </c>
    </row>
    <row r="38766" spans="1:7" x14ac:dyDescent="0.3">
      <c r="A38766" s="13" t="s">
        <v>232</v>
      </c>
      <c r="B38766" s="14" t="s">
        <v>1</v>
      </c>
      <c r="C38766" s="14" t="s">
        <v>101</v>
      </c>
      <c r="D38766" s="14" t="s">
        <v>18</v>
      </c>
      <c r="E38766" s="15">
        <v>45452</v>
      </c>
      <c r="F38766" s="14" t="s">
        <v>15</v>
      </c>
      <c r="G38766" s="16">
        <v>0.43299333074407054</v>
      </c>
    </row>
    <row r="38767" spans="1:7" x14ac:dyDescent="0.3">
      <c r="A38767" s="13" t="s">
        <v>232</v>
      </c>
      <c r="B38767" s="14" t="s">
        <v>1</v>
      </c>
      <c r="C38767" s="14" t="s">
        <v>101</v>
      </c>
      <c r="D38767" s="14" t="s">
        <v>18</v>
      </c>
      <c r="E38767" s="15">
        <v>45453</v>
      </c>
      <c r="F38767" s="14" t="s">
        <v>15</v>
      </c>
      <c r="G38767" s="16">
        <v>0.43675405532546341</v>
      </c>
    </row>
    <row r="38768" spans="1:7" x14ac:dyDescent="0.3">
      <c r="A38768" s="13" t="s">
        <v>232</v>
      </c>
      <c r="B38768" s="14" t="s">
        <v>1</v>
      </c>
      <c r="C38768" s="14" t="s">
        <v>101</v>
      </c>
      <c r="D38768" s="14" t="s">
        <v>18</v>
      </c>
      <c r="E38768" s="15">
        <v>45454</v>
      </c>
      <c r="F38768" s="14" t="s">
        <v>15</v>
      </c>
      <c r="G38768" s="16">
        <v>0.49451477990685627</v>
      </c>
    </row>
    <row r="38769" spans="1:7" x14ac:dyDescent="0.3">
      <c r="A38769" s="13" t="s">
        <v>232</v>
      </c>
      <c r="B38769" s="14" t="s">
        <v>1</v>
      </c>
      <c r="C38769" s="14" t="s">
        <v>101</v>
      </c>
      <c r="D38769" s="14" t="s">
        <v>18</v>
      </c>
      <c r="E38769" s="15">
        <v>45455</v>
      </c>
      <c r="F38769" s="14" t="s">
        <v>15</v>
      </c>
      <c r="G38769" s="16">
        <v>0.49027550448824914</v>
      </c>
    </row>
    <row r="38770" spans="1:7" x14ac:dyDescent="0.3">
      <c r="A38770" s="13" t="s">
        <v>232</v>
      </c>
      <c r="B38770" s="14" t="s">
        <v>1</v>
      </c>
      <c r="C38770" s="14" t="s">
        <v>101</v>
      </c>
      <c r="D38770" s="14" t="s">
        <v>18</v>
      </c>
      <c r="E38770" s="15">
        <v>45456</v>
      </c>
      <c r="F38770" s="14" t="s">
        <v>15</v>
      </c>
      <c r="G38770" s="16">
        <v>0.486036229069642</v>
      </c>
    </row>
    <row r="38771" spans="1:7" x14ac:dyDescent="0.3">
      <c r="A38771" s="13" t="s">
        <v>232</v>
      </c>
      <c r="B38771" s="14" t="s">
        <v>1</v>
      </c>
      <c r="C38771" s="14" t="s">
        <v>101</v>
      </c>
      <c r="D38771" s="14" t="s">
        <v>18</v>
      </c>
      <c r="E38771" s="15">
        <v>45457</v>
      </c>
      <c r="F38771" s="14" t="s">
        <v>15</v>
      </c>
      <c r="G38771" s="16">
        <v>0.48679695365103487</v>
      </c>
    </row>
    <row r="38772" spans="1:7" x14ac:dyDescent="0.3">
      <c r="A38772" s="13" t="s">
        <v>232</v>
      </c>
      <c r="B38772" s="14" t="s">
        <v>1</v>
      </c>
      <c r="C38772" s="14" t="s">
        <v>101</v>
      </c>
      <c r="D38772" s="14" t="s">
        <v>18</v>
      </c>
      <c r="E38772" s="15">
        <v>45458</v>
      </c>
      <c r="F38772" s="14" t="s">
        <v>15</v>
      </c>
      <c r="G38772" s="16">
        <v>0.48679695365103487</v>
      </c>
    </row>
    <row r="38773" spans="1:7" x14ac:dyDescent="0.3">
      <c r="A38773" s="13" t="s">
        <v>232</v>
      </c>
      <c r="B38773" s="14" t="s">
        <v>1</v>
      </c>
      <c r="C38773" s="14" t="s">
        <v>101</v>
      </c>
      <c r="D38773" s="14" t="s">
        <v>18</v>
      </c>
      <c r="E38773" s="15">
        <v>45459</v>
      </c>
      <c r="F38773" s="14" t="s">
        <v>15</v>
      </c>
      <c r="G38773" s="16">
        <v>0.48679695365103487</v>
      </c>
    </row>
    <row r="38774" spans="1:7" x14ac:dyDescent="0.3">
      <c r="A38774" s="13" t="s">
        <v>232</v>
      </c>
      <c r="B38774" s="14" t="s">
        <v>1</v>
      </c>
      <c r="C38774" s="14" t="s">
        <v>101</v>
      </c>
      <c r="D38774" s="14" t="s">
        <v>18</v>
      </c>
      <c r="E38774" s="15">
        <v>45460</v>
      </c>
      <c r="F38774" s="14" t="s">
        <v>15</v>
      </c>
      <c r="G38774" s="16">
        <v>0.48455767823242768</v>
      </c>
    </row>
    <row r="38775" spans="1:7" x14ac:dyDescent="0.3">
      <c r="A38775" s="13" t="s">
        <v>232</v>
      </c>
      <c r="B38775" s="14" t="s">
        <v>1</v>
      </c>
      <c r="C38775" s="14" t="s">
        <v>101</v>
      </c>
      <c r="D38775" s="14" t="s">
        <v>18</v>
      </c>
      <c r="E38775" s="15">
        <v>45461</v>
      </c>
      <c r="F38775" s="14" t="s">
        <v>15</v>
      </c>
      <c r="G38775" s="16">
        <v>0.49731840281382056</v>
      </c>
    </row>
    <row r="38776" spans="1:7" x14ac:dyDescent="0.3">
      <c r="A38776" s="13" t="s">
        <v>232</v>
      </c>
      <c r="B38776" s="14" t="s">
        <v>1</v>
      </c>
      <c r="C38776" s="14" t="s">
        <v>101</v>
      </c>
      <c r="D38776" s="14" t="s">
        <v>18</v>
      </c>
      <c r="E38776" s="15">
        <v>45462</v>
      </c>
      <c r="F38776" s="14" t="s">
        <v>15</v>
      </c>
      <c r="G38776" s="16">
        <v>0.49907912739521337</v>
      </c>
    </row>
    <row r="38777" spans="1:7" x14ac:dyDescent="0.3">
      <c r="A38777" s="13" t="s">
        <v>232</v>
      </c>
      <c r="B38777" s="14" t="s">
        <v>1</v>
      </c>
      <c r="C38777" s="14" t="s">
        <v>101</v>
      </c>
      <c r="D38777" s="14" t="s">
        <v>18</v>
      </c>
      <c r="E38777" s="15">
        <v>45463</v>
      </c>
      <c r="F38777" s="14" t="s">
        <v>15</v>
      </c>
      <c r="G38777" s="16">
        <v>0.49483985197660624</v>
      </c>
    </row>
    <row r="38778" spans="1:7" x14ac:dyDescent="0.3">
      <c r="A38778" s="13" t="s">
        <v>232</v>
      </c>
      <c r="B38778" s="14" t="s">
        <v>1</v>
      </c>
      <c r="C38778" s="14" t="s">
        <v>101</v>
      </c>
      <c r="D38778" s="14" t="s">
        <v>18</v>
      </c>
      <c r="E38778" s="15">
        <v>45464</v>
      </c>
      <c r="F38778" s="14" t="s">
        <v>15</v>
      </c>
      <c r="G38778" s="16">
        <v>0.49560057655799905</v>
      </c>
    </row>
    <row r="38779" spans="1:7" x14ac:dyDescent="0.3">
      <c r="A38779" s="13" t="s">
        <v>232</v>
      </c>
      <c r="B38779" s="14" t="s">
        <v>1</v>
      </c>
      <c r="C38779" s="14" t="s">
        <v>101</v>
      </c>
      <c r="D38779" s="14" t="s">
        <v>18</v>
      </c>
      <c r="E38779" s="15">
        <v>45465</v>
      </c>
      <c r="F38779" s="14" t="s">
        <v>15</v>
      </c>
      <c r="G38779" s="16">
        <v>0.49560057655799905</v>
      </c>
    </row>
    <row r="38780" spans="1:7" x14ac:dyDescent="0.3">
      <c r="A38780" s="13" t="s">
        <v>232</v>
      </c>
      <c r="B38780" s="14" t="s">
        <v>1</v>
      </c>
      <c r="C38780" s="14" t="s">
        <v>101</v>
      </c>
      <c r="D38780" s="14" t="s">
        <v>18</v>
      </c>
      <c r="E38780" s="15">
        <v>45466</v>
      </c>
      <c r="F38780" s="14" t="s">
        <v>15</v>
      </c>
      <c r="G38780" s="16">
        <v>0.49560057655799905</v>
      </c>
    </row>
    <row r="38781" spans="1:7" x14ac:dyDescent="0.3">
      <c r="A38781" s="13" t="s">
        <v>232</v>
      </c>
      <c r="B38781" s="14" t="s">
        <v>1</v>
      </c>
      <c r="C38781" s="14" t="s">
        <v>101</v>
      </c>
      <c r="D38781" s="14" t="s">
        <v>18</v>
      </c>
      <c r="E38781" s="15">
        <v>45467</v>
      </c>
      <c r="F38781" s="14" t="s">
        <v>15</v>
      </c>
      <c r="G38781" s="16">
        <v>0.49136130113939191</v>
      </c>
    </row>
    <row r="38782" spans="1:7" x14ac:dyDescent="0.3">
      <c r="A38782" s="13" t="s">
        <v>232</v>
      </c>
      <c r="B38782" s="14" t="s">
        <v>1</v>
      </c>
      <c r="C38782" s="14" t="s">
        <v>101</v>
      </c>
      <c r="D38782" s="14" t="s">
        <v>18</v>
      </c>
      <c r="E38782" s="15">
        <v>45468</v>
      </c>
      <c r="F38782" s="14" t="s">
        <v>15</v>
      </c>
      <c r="G38782" s="16">
        <v>0.48212202572078483</v>
      </c>
    </row>
    <row r="38783" spans="1:7" x14ac:dyDescent="0.3">
      <c r="A38783" s="13" t="s">
        <v>232</v>
      </c>
      <c r="B38783" s="14" t="s">
        <v>1</v>
      </c>
      <c r="C38783" s="14" t="s">
        <v>101</v>
      </c>
      <c r="D38783" s="14" t="s">
        <v>18</v>
      </c>
      <c r="E38783" s="15">
        <v>45469</v>
      </c>
      <c r="F38783" s="14" t="s">
        <v>15</v>
      </c>
      <c r="G38783" s="16">
        <v>0.47788275030217769</v>
      </c>
    </row>
    <row r="38784" spans="1:7" x14ac:dyDescent="0.3">
      <c r="A38784" s="13" t="s">
        <v>232</v>
      </c>
      <c r="B38784" s="14" t="s">
        <v>1</v>
      </c>
      <c r="C38784" s="14" t="s">
        <v>101</v>
      </c>
      <c r="D38784" s="14" t="s">
        <v>18</v>
      </c>
      <c r="E38784" s="15">
        <v>45470</v>
      </c>
      <c r="F38784" s="14" t="s">
        <v>15</v>
      </c>
      <c r="G38784" s="16">
        <v>0.47364347488357056</v>
      </c>
    </row>
    <row r="38785" spans="1:7" x14ac:dyDescent="0.3">
      <c r="A38785" s="13" t="s">
        <v>232</v>
      </c>
      <c r="B38785" s="14" t="s">
        <v>1</v>
      </c>
      <c r="C38785" s="14" t="s">
        <v>101</v>
      </c>
      <c r="D38785" s="14" t="s">
        <v>18</v>
      </c>
      <c r="E38785" s="15">
        <v>45471</v>
      </c>
      <c r="F38785" s="14" t="s">
        <v>15</v>
      </c>
      <c r="G38785" s="16">
        <v>0.48340419946496338</v>
      </c>
    </row>
    <row r="38786" spans="1:7" x14ac:dyDescent="0.3">
      <c r="A38786" s="13" t="s">
        <v>232</v>
      </c>
      <c r="B38786" s="14" t="s">
        <v>1</v>
      </c>
      <c r="C38786" s="14" t="s">
        <v>101</v>
      </c>
      <c r="D38786" s="14" t="s">
        <v>18</v>
      </c>
      <c r="E38786" s="15">
        <v>45472</v>
      </c>
      <c r="F38786" s="14" t="s">
        <v>15</v>
      </c>
      <c r="G38786" s="16">
        <v>0.48340419946496338</v>
      </c>
    </row>
    <row r="38787" spans="1:7" x14ac:dyDescent="0.3">
      <c r="A38787" s="13" t="s">
        <v>232</v>
      </c>
      <c r="B38787" s="14" t="s">
        <v>1</v>
      </c>
      <c r="C38787" s="14" t="s">
        <v>101</v>
      </c>
      <c r="D38787" s="14" t="s">
        <v>18</v>
      </c>
      <c r="E38787" s="15">
        <v>45473</v>
      </c>
      <c r="F38787" s="14" t="s">
        <v>15</v>
      </c>
      <c r="G38787" s="16">
        <v>0.48340419946496338</v>
      </c>
    </row>
    <row r="38788" spans="1:7" x14ac:dyDescent="0.3">
      <c r="A38788" s="13" t="s">
        <v>232</v>
      </c>
      <c r="B38788" s="14" t="s">
        <v>1</v>
      </c>
      <c r="C38788" s="14" t="s">
        <v>101</v>
      </c>
      <c r="D38788" s="14" t="s">
        <v>18</v>
      </c>
      <c r="E38788" s="15">
        <v>45474</v>
      </c>
      <c r="F38788" s="14" t="s">
        <v>15</v>
      </c>
      <c r="G38788" s="16">
        <v>0.48416492404635625</v>
      </c>
    </row>
    <row r="38789" spans="1:7" x14ac:dyDescent="0.3">
      <c r="A38789" s="13" t="s">
        <v>232</v>
      </c>
      <c r="B38789" s="14" t="s">
        <v>1</v>
      </c>
      <c r="C38789" s="14" t="s">
        <v>101</v>
      </c>
      <c r="D38789" s="14" t="s">
        <v>18</v>
      </c>
      <c r="E38789" s="15">
        <v>45475</v>
      </c>
      <c r="F38789" s="14" t="s">
        <v>15</v>
      </c>
      <c r="G38789" s="16">
        <v>0.474925648627749</v>
      </c>
    </row>
    <row r="38790" spans="1:7" x14ac:dyDescent="0.3">
      <c r="A38790" s="13" t="s">
        <v>232</v>
      </c>
      <c r="B38790" s="14" t="s">
        <v>1</v>
      </c>
      <c r="C38790" s="14" t="s">
        <v>101</v>
      </c>
      <c r="D38790" s="14" t="s">
        <v>18</v>
      </c>
      <c r="E38790" s="15">
        <v>45476</v>
      </c>
      <c r="F38790" s="14" t="s">
        <v>15</v>
      </c>
      <c r="G38790" s="16">
        <v>0.47068637320914186</v>
      </c>
    </row>
    <row r="38791" spans="1:7" x14ac:dyDescent="0.3">
      <c r="A38791" s="13" t="s">
        <v>232</v>
      </c>
      <c r="B38791" s="14" t="s">
        <v>1</v>
      </c>
      <c r="C38791" s="14" t="s">
        <v>101</v>
      </c>
      <c r="D38791" s="14" t="s">
        <v>18</v>
      </c>
      <c r="E38791" s="15">
        <v>45477</v>
      </c>
      <c r="F38791" s="14" t="s">
        <v>15</v>
      </c>
      <c r="G38791" s="16">
        <v>0.47044709779053473</v>
      </c>
    </row>
    <row r="38792" spans="1:7" x14ac:dyDescent="0.3">
      <c r="A38792" s="13" t="s">
        <v>232</v>
      </c>
      <c r="B38792" s="14" t="s">
        <v>1</v>
      </c>
      <c r="C38792" s="14" t="s">
        <v>101</v>
      </c>
      <c r="D38792" s="14" t="s">
        <v>18</v>
      </c>
      <c r="E38792" s="15">
        <v>45478</v>
      </c>
      <c r="F38792" s="14" t="s">
        <v>15</v>
      </c>
      <c r="G38792" s="16">
        <v>0.46620782237192759</v>
      </c>
    </row>
    <row r="38793" spans="1:7" x14ac:dyDescent="0.3">
      <c r="A38793" s="13" t="s">
        <v>232</v>
      </c>
      <c r="B38793" s="14" t="s">
        <v>1</v>
      </c>
      <c r="C38793" s="14" t="s">
        <v>101</v>
      </c>
      <c r="D38793" s="14" t="s">
        <v>18</v>
      </c>
      <c r="E38793" s="15">
        <v>45479</v>
      </c>
      <c r="F38793" s="14" t="s">
        <v>15</v>
      </c>
      <c r="G38793" s="16">
        <v>0.46620782237192759</v>
      </c>
    </row>
    <row r="38794" spans="1:7" x14ac:dyDescent="0.3">
      <c r="A38794" s="13" t="s">
        <v>232</v>
      </c>
      <c r="B38794" s="14" t="s">
        <v>1</v>
      </c>
      <c r="C38794" s="14" t="s">
        <v>101</v>
      </c>
      <c r="D38794" s="14" t="s">
        <v>18</v>
      </c>
      <c r="E38794" s="15">
        <v>45480</v>
      </c>
      <c r="F38794" s="14" t="s">
        <v>15</v>
      </c>
      <c r="G38794" s="16">
        <v>0.46620782237192759</v>
      </c>
    </row>
    <row r="38795" spans="1:7" x14ac:dyDescent="0.3">
      <c r="A38795" s="13" t="s">
        <v>232</v>
      </c>
      <c r="B38795" s="14" t="s">
        <v>1</v>
      </c>
      <c r="C38795" s="14" t="s">
        <v>101</v>
      </c>
      <c r="D38795" s="14" t="s">
        <v>18</v>
      </c>
      <c r="E38795" s="15">
        <v>45481</v>
      </c>
      <c r="F38795" s="14" t="s">
        <v>15</v>
      </c>
      <c r="G38795" s="16">
        <v>0.46296854695332046</v>
      </c>
    </row>
    <row r="38796" spans="1:7" x14ac:dyDescent="0.3">
      <c r="A38796" s="13" t="s">
        <v>232</v>
      </c>
      <c r="B38796" s="14" t="s">
        <v>1</v>
      </c>
      <c r="C38796" s="14" t="s">
        <v>101</v>
      </c>
      <c r="D38796" s="14" t="s">
        <v>18</v>
      </c>
      <c r="E38796" s="15">
        <v>45482</v>
      </c>
      <c r="F38796" s="14" t="s">
        <v>15</v>
      </c>
      <c r="G38796" s="16">
        <v>0.45372927153471332</v>
      </c>
    </row>
    <row r="38797" spans="1:7" x14ac:dyDescent="0.3">
      <c r="A38797" s="13" t="s">
        <v>232</v>
      </c>
      <c r="B38797" s="14" t="s">
        <v>1</v>
      </c>
      <c r="C38797" s="14" t="s">
        <v>101</v>
      </c>
      <c r="D38797" s="14" t="s">
        <v>18</v>
      </c>
      <c r="E38797" s="15">
        <v>45483</v>
      </c>
      <c r="F38797" s="14" t="s">
        <v>15</v>
      </c>
      <c r="G38797" s="16">
        <v>0.44948999611610618</v>
      </c>
    </row>
    <row r="38798" spans="1:7" x14ac:dyDescent="0.3">
      <c r="A38798" s="13" t="s">
        <v>232</v>
      </c>
      <c r="B38798" s="14" t="s">
        <v>1</v>
      </c>
      <c r="C38798" s="14" t="s">
        <v>101</v>
      </c>
      <c r="D38798" s="14" t="s">
        <v>18</v>
      </c>
      <c r="E38798" s="15">
        <v>45484</v>
      </c>
      <c r="F38798" s="14" t="s">
        <v>15</v>
      </c>
      <c r="G38798" s="16">
        <v>0.44525072069749905</v>
      </c>
    </row>
    <row r="38799" spans="1:7" x14ac:dyDescent="0.3">
      <c r="A38799" s="13" t="s">
        <v>232</v>
      </c>
      <c r="B38799" s="14" t="s">
        <v>1</v>
      </c>
      <c r="C38799" s="14" t="s">
        <v>101</v>
      </c>
      <c r="D38799" s="14" t="s">
        <v>18</v>
      </c>
      <c r="E38799" s="15">
        <v>45485</v>
      </c>
      <c r="F38799" s="14" t="s">
        <v>15</v>
      </c>
      <c r="G38799" s="16">
        <v>0.45001144527889192</v>
      </c>
    </row>
    <row r="38800" spans="1:7" x14ac:dyDescent="0.3">
      <c r="A38800" s="13" t="s">
        <v>232</v>
      </c>
      <c r="B38800" s="14" t="s">
        <v>1</v>
      </c>
      <c r="C38800" s="14" t="s">
        <v>101</v>
      </c>
      <c r="D38800" s="14" t="s">
        <v>18</v>
      </c>
      <c r="E38800" s="15">
        <v>45486</v>
      </c>
      <c r="F38800" s="14" t="s">
        <v>15</v>
      </c>
      <c r="G38800" s="16">
        <v>0.45001144527889192</v>
      </c>
    </row>
    <row r="38801" spans="1:7" x14ac:dyDescent="0.3">
      <c r="A38801" s="13" t="s">
        <v>232</v>
      </c>
      <c r="B38801" s="14" t="s">
        <v>1</v>
      </c>
      <c r="C38801" s="14" t="s">
        <v>101</v>
      </c>
      <c r="D38801" s="14" t="s">
        <v>18</v>
      </c>
      <c r="E38801" s="15">
        <v>45487</v>
      </c>
      <c r="F38801" s="14" t="s">
        <v>15</v>
      </c>
      <c r="G38801" s="16">
        <v>0.45001144527889192</v>
      </c>
    </row>
    <row r="38802" spans="1:7" x14ac:dyDescent="0.3">
      <c r="A38802" s="13" t="s">
        <v>232</v>
      </c>
      <c r="B38802" s="14" t="s">
        <v>1</v>
      </c>
      <c r="C38802" s="14" t="s">
        <v>101</v>
      </c>
      <c r="D38802" s="14" t="s">
        <v>18</v>
      </c>
      <c r="E38802" s="15">
        <v>45488</v>
      </c>
      <c r="F38802" s="14" t="s">
        <v>15</v>
      </c>
      <c r="G38802" s="16">
        <v>0.45077216986028479</v>
      </c>
    </row>
    <row r="38803" spans="1:7" x14ac:dyDescent="0.3">
      <c r="A38803" s="13" t="s">
        <v>232</v>
      </c>
      <c r="B38803" s="14" t="s">
        <v>1</v>
      </c>
      <c r="C38803" s="14" t="s">
        <v>101</v>
      </c>
      <c r="D38803" s="14" t="s">
        <v>18</v>
      </c>
      <c r="E38803" s="15">
        <v>45489</v>
      </c>
      <c r="F38803" s="14" t="s">
        <v>15</v>
      </c>
      <c r="G38803" s="16">
        <v>0.44153289444167765</v>
      </c>
    </row>
    <row r="38804" spans="1:7" x14ac:dyDescent="0.3">
      <c r="A38804" s="13" t="s">
        <v>232</v>
      </c>
      <c r="B38804" s="14" t="s">
        <v>1</v>
      </c>
      <c r="C38804" s="14" t="s">
        <v>101</v>
      </c>
      <c r="D38804" s="14" t="s">
        <v>18</v>
      </c>
      <c r="E38804" s="15">
        <v>45490</v>
      </c>
      <c r="F38804" s="14" t="s">
        <v>15</v>
      </c>
      <c r="G38804" s="16">
        <v>0.43729361902307051</v>
      </c>
    </row>
    <row r="38805" spans="1:7" x14ac:dyDescent="0.3">
      <c r="A38805" s="13" t="s">
        <v>232</v>
      </c>
      <c r="B38805" s="14" t="s">
        <v>1</v>
      </c>
      <c r="C38805" s="14" t="s">
        <v>101</v>
      </c>
      <c r="D38805" s="14" t="s">
        <v>18</v>
      </c>
      <c r="E38805" s="15">
        <v>45491</v>
      </c>
      <c r="F38805" s="14" t="s">
        <v>15</v>
      </c>
      <c r="G38805" s="16">
        <v>0.43305434360446338</v>
      </c>
    </row>
    <row r="38806" spans="1:7" x14ac:dyDescent="0.3">
      <c r="A38806" s="13" t="s">
        <v>232</v>
      </c>
      <c r="B38806" s="14" t="s">
        <v>1</v>
      </c>
      <c r="C38806" s="14" t="s">
        <v>101</v>
      </c>
      <c r="D38806" s="14" t="s">
        <v>18</v>
      </c>
      <c r="E38806" s="15">
        <v>45492</v>
      </c>
      <c r="F38806" s="14" t="s">
        <v>15</v>
      </c>
      <c r="G38806" s="16">
        <v>0.43681506818585625</v>
      </c>
    </row>
    <row r="38807" spans="1:7" x14ac:dyDescent="0.3">
      <c r="A38807" s="13" t="s">
        <v>232</v>
      </c>
      <c r="B38807" s="14" t="s">
        <v>1</v>
      </c>
      <c r="C38807" s="14" t="s">
        <v>101</v>
      </c>
      <c r="D38807" s="14" t="s">
        <v>18</v>
      </c>
      <c r="E38807" s="15">
        <v>45493</v>
      </c>
      <c r="F38807" s="14" t="s">
        <v>15</v>
      </c>
      <c r="G38807" s="16">
        <v>0.43681506818585625</v>
      </c>
    </row>
    <row r="38808" spans="1:7" x14ac:dyDescent="0.3">
      <c r="A38808" s="13" t="s">
        <v>232</v>
      </c>
      <c r="B38808" s="14" t="s">
        <v>1</v>
      </c>
      <c r="C38808" s="14" t="s">
        <v>101</v>
      </c>
      <c r="D38808" s="14" t="s">
        <v>18</v>
      </c>
      <c r="E38808" s="15">
        <v>45494</v>
      </c>
      <c r="F38808" s="14" t="s">
        <v>15</v>
      </c>
      <c r="G38808" s="16">
        <v>0.43681506818585625</v>
      </c>
    </row>
    <row r="38809" spans="1:7" x14ac:dyDescent="0.3">
      <c r="A38809" s="13" t="s">
        <v>232</v>
      </c>
      <c r="B38809" s="14" t="s">
        <v>1</v>
      </c>
      <c r="C38809" s="14" t="s">
        <v>101</v>
      </c>
      <c r="D38809" s="14" t="s">
        <v>18</v>
      </c>
      <c r="E38809" s="15">
        <v>45495</v>
      </c>
      <c r="F38809" s="14" t="s">
        <v>15</v>
      </c>
      <c r="G38809" s="16">
        <v>0.43257579276724911</v>
      </c>
    </row>
    <row r="38810" spans="1:7" x14ac:dyDescent="0.3">
      <c r="A38810" s="13" t="s">
        <v>232</v>
      </c>
      <c r="B38810" s="14" t="s">
        <v>1</v>
      </c>
      <c r="C38810" s="14" t="s">
        <v>101</v>
      </c>
      <c r="D38810" s="14" t="s">
        <v>18</v>
      </c>
      <c r="E38810" s="15">
        <v>45496</v>
      </c>
      <c r="F38810" s="14" t="s">
        <v>15</v>
      </c>
      <c r="G38810" s="16">
        <v>0.42333651734864192</v>
      </c>
    </row>
    <row r="38811" spans="1:7" x14ac:dyDescent="0.3">
      <c r="A38811" s="13" t="s">
        <v>232</v>
      </c>
      <c r="B38811" s="14" t="s">
        <v>1</v>
      </c>
      <c r="C38811" s="14" t="s">
        <v>101</v>
      </c>
      <c r="D38811" s="14" t="s">
        <v>18</v>
      </c>
      <c r="E38811" s="15">
        <v>45497</v>
      </c>
      <c r="F38811" s="14" t="s">
        <v>15</v>
      </c>
      <c r="G38811" s="16">
        <v>0.41909724193003478</v>
      </c>
    </row>
    <row r="38812" spans="1:7" x14ac:dyDescent="0.3">
      <c r="A38812" s="13" t="s">
        <v>232</v>
      </c>
      <c r="B38812" s="14" t="s">
        <v>1</v>
      </c>
      <c r="C38812" s="14" t="s">
        <v>101</v>
      </c>
      <c r="D38812" s="14" t="s">
        <v>18</v>
      </c>
      <c r="E38812" s="15">
        <v>45498</v>
      </c>
      <c r="F38812" s="14" t="s">
        <v>15</v>
      </c>
      <c r="G38812" s="16">
        <v>0.41485796651142764</v>
      </c>
    </row>
    <row r="38813" spans="1:7" x14ac:dyDescent="0.3">
      <c r="A38813" s="13" t="s">
        <v>232</v>
      </c>
      <c r="B38813" s="14" t="s">
        <v>1</v>
      </c>
      <c r="C38813" s="14" t="s">
        <v>101</v>
      </c>
      <c r="D38813" s="14" t="s">
        <v>18</v>
      </c>
      <c r="E38813" s="15">
        <v>45499</v>
      </c>
      <c r="F38813" s="14" t="s">
        <v>15</v>
      </c>
      <c r="G38813" s="16">
        <v>0.47461869109282045</v>
      </c>
    </row>
    <row r="38814" spans="1:7" x14ac:dyDescent="0.3">
      <c r="A38814" s="13" t="s">
        <v>232</v>
      </c>
      <c r="B38814" s="14" t="s">
        <v>1</v>
      </c>
      <c r="C38814" s="14" t="s">
        <v>101</v>
      </c>
      <c r="D38814" s="14" t="s">
        <v>18</v>
      </c>
      <c r="E38814" s="15">
        <v>45500</v>
      </c>
      <c r="F38814" s="14" t="s">
        <v>15</v>
      </c>
      <c r="G38814" s="16">
        <v>0.47461869109282045</v>
      </c>
    </row>
    <row r="38815" spans="1:7" x14ac:dyDescent="0.3">
      <c r="A38815" s="13" t="s">
        <v>232</v>
      </c>
      <c r="B38815" s="14" t="s">
        <v>1</v>
      </c>
      <c r="C38815" s="14" t="s">
        <v>101</v>
      </c>
      <c r="D38815" s="14" t="s">
        <v>18</v>
      </c>
      <c r="E38815" s="15">
        <v>45501</v>
      </c>
      <c r="F38815" s="14" t="s">
        <v>15</v>
      </c>
      <c r="G38815" s="16">
        <v>0.47461869109282045</v>
      </c>
    </row>
    <row r="38816" spans="1:7" x14ac:dyDescent="0.3">
      <c r="A38816" s="13" t="s">
        <v>232</v>
      </c>
      <c r="B38816" s="14" t="s">
        <v>1</v>
      </c>
      <c r="C38816" s="14" t="s">
        <v>101</v>
      </c>
      <c r="D38816" s="14" t="s">
        <v>18</v>
      </c>
      <c r="E38816" s="15">
        <v>45502</v>
      </c>
      <c r="F38816" s="14" t="s">
        <v>15</v>
      </c>
      <c r="G38816" s="16">
        <v>0.47837941567421333</v>
      </c>
    </row>
    <row r="38817" spans="1:7" x14ac:dyDescent="0.3">
      <c r="A38817" s="13" t="s">
        <v>232</v>
      </c>
      <c r="B38817" s="14" t="s">
        <v>1</v>
      </c>
      <c r="C38817" s="14" t="s">
        <v>101</v>
      </c>
      <c r="D38817" s="14" t="s">
        <v>18</v>
      </c>
      <c r="E38817" s="15">
        <v>45503</v>
      </c>
      <c r="F38817" s="14" t="s">
        <v>15</v>
      </c>
      <c r="G38817" s="16">
        <v>0.47014014025560619</v>
      </c>
    </row>
    <row r="38818" spans="1:7" x14ac:dyDescent="0.3">
      <c r="A38818" s="13" t="s">
        <v>232</v>
      </c>
      <c r="B38818" s="14" t="s">
        <v>1</v>
      </c>
      <c r="C38818" s="14" t="s">
        <v>101</v>
      </c>
      <c r="D38818" s="14" t="s">
        <v>18</v>
      </c>
      <c r="E38818" s="15">
        <v>45504</v>
      </c>
      <c r="F38818" s="14" t="s">
        <v>15</v>
      </c>
      <c r="G38818" s="16">
        <v>0.46590086483699905</v>
      </c>
    </row>
    <row r="38819" spans="1:7" x14ac:dyDescent="0.3">
      <c r="A38819" s="13" t="s">
        <v>232</v>
      </c>
      <c r="B38819" s="14" t="s">
        <v>1</v>
      </c>
      <c r="C38819" s="14" t="s">
        <v>101</v>
      </c>
      <c r="D38819" s="14" t="s">
        <v>18</v>
      </c>
      <c r="E38819" s="15">
        <v>45505</v>
      </c>
      <c r="F38819" s="14" t="s">
        <v>15</v>
      </c>
      <c r="G38819" s="16">
        <v>0.47166158941839187</v>
      </c>
    </row>
    <row r="38820" spans="1:7" x14ac:dyDescent="0.3">
      <c r="A38820" s="13" t="s">
        <v>232</v>
      </c>
      <c r="B38820" s="14" t="s">
        <v>1</v>
      </c>
      <c r="C38820" s="14" t="s">
        <v>101</v>
      </c>
      <c r="D38820" s="14" t="s">
        <v>18</v>
      </c>
      <c r="E38820" s="15">
        <v>45506</v>
      </c>
      <c r="F38820" s="14" t="s">
        <v>15</v>
      </c>
      <c r="G38820" s="16">
        <v>0.46742231399978473</v>
      </c>
    </row>
    <row r="38821" spans="1:7" x14ac:dyDescent="0.3">
      <c r="A38821" s="13" t="s">
        <v>232</v>
      </c>
      <c r="B38821" s="14" t="s">
        <v>1</v>
      </c>
      <c r="C38821" s="14" t="s">
        <v>101</v>
      </c>
      <c r="D38821" s="14" t="s">
        <v>18</v>
      </c>
      <c r="E38821" s="15">
        <v>45507</v>
      </c>
      <c r="F38821" s="14" t="s">
        <v>15</v>
      </c>
      <c r="G38821" s="16">
        <v>0.46742231399978473</v>
      </c>
    </row>
    <row r="38822" spans="1:7" x14ac:dyDescent="0.3">
      <c r="A38822" s="13" t="s">
        <v>232</v>
      </c>
      <c r="B38822" s="14" t="s">
        <v>1</v>
      </c>
      <c r="C38822" s="14" t="s">
        <v>101</v>
      </c>
      <c r="D38822" s="14" t="s">
        <v>18</v>
      </c>
      <c r="E38822" s="15">
        <v>45508</v>
      </c>
      <c r="F38822" s="14" t="s">
        <v>15</v>
      </c>
      <c r="G38822" s="16">
        <v>0.46742231399978473</v>
      </c>
    </row>
    <row r="38823" spans="1:7" x14ac:dyDescent="0.3">
      <c r="A38823" s="13" t="s">
        <v>232</v>
      </c>
      <c r="B38823" s="14" t="s">
        <v>1</v>
      </c>
      <c r="C38823" s="14" t="s">
        <v>101</v>
      </c>
      <c r="D38823" s="14" t="s">
        <v>18</v>
      </c>
      <c r="E38823" s="15">
        <v>45509</v>
      </c>
      <c r="F38823" s="14" t="s">
        <v>15</v>
      </c>
      <c r="G38823" s="16">
        <v>0.46742231399978473</v>
      </c>
    </row>
    <row r="38824" spans="1:7" x14ac:dyDescent="0.3">
      <c r="A38824" s="13" t="s">
        <v>232</v>
      </c>
      <c r="B38824" s="14" t="s">
        <v>1</v>
      </c>
      <c r="C38824" s="14" t="s">
        <v>101</v>
      </c>
      <c r="D38824" s="14" t="s">
        <v>18</v>
      </c>
      <c r="E38824" s="15">
        <v>45510</v>
      </c>
      <c r="F38824" s="14" t="s">
        <v>15</v>
      </c>
      <c r="G38824" s="16">
        <v>0.4631830385811776</v>
      </c>
    </row>
    <row r="38825" spans="1:7" x14ac:dyDescent="0.3">
      <c r="A38825" s="13" t="s">
        <v>232</v>
      </c>
      <c r="B38825" s="14" t="s">
        <v>1</v>
      </c>
      <c r="C38825" s="14" t="s">
        <v>101</v>
      </c>
      <c r="D38825" s="14" t="s">
        <v>18</v>
      </c>
      <c r="E38825" s="15">
        <v>45511</v>
      </c>
      <c r="F38825" s="14" t="s">
        <v>15</v>
      </c>
      <c r="G38825" s="16">
        <v>0.45194376316257046</v>
      </c>
    </row>
    <row r="38826" spans="1:7" x14ac:dyDescent="0.3">
      <c r="A38826" s="13" t="s">
        <v>232</v>
      </c>
      <c r="B38826" s="14" t="s">
        <v>1</v>
      </c>
      <c r="C38826" s="14" t="s">
        <v>101</v>
      </c>
      <c r="D38826" s="14" t="s">
        <v>18</v>
      </c>
      <c r="E38826" s="15">
        <v>45512</v>
      </c>
      <c r="F38826" s="14" t="s">
        <v>15</v>
      </c>
      <c r="G38826" s="16">
        <v>0.44770448774396332</v>
      </c>
    </row>
    <row r="38827" spans="1:7" x14ac:dyDescent="0.3">
      <c r="A38827" s="13" t="s">
        <v>232</v>
      </c>
      <c r="B38827" s="14" t="s">
        <v>1</v>
      </c>
      <c r="C38827" s="14" t="s">
        <v>101</v>
      </c>
      <c r="D38827" s="14" t="s">
        <v>18</v>
      </c>
      <c r="E38827" s="15">
        <v>45513</v>
      </c>
      <c r="F38827" s="14" t="s">
        <v>15</v>
      </c>
      <c r="G38827" s="16">
        <v>0.44346521232535618</v>
      </c>
    </row>
    <row r="38828" spans="1:7" x14ac:dyDescent="0.3">
      <c r="A38828" s="13" t="s">
        <v>232</v>
      </c>
      <c r="B38828" s="14" t="s">
        <v>1</v>
      </c>
      <c r="C38828" s="14" t="s">
        <v>101</v>
      </c>
      <c r="D38828" s="14" t="s">
        <v>18</v>
      </c>
      <c r="E38828" s="15">
        <v>45514</v>
      </c>
      <c r="F38828" s="14" t="s">
        <v>15</v>
      </c>
      <c r="G38828" s="16">
        <v>0.44346521232535618</v>
      </c>
    </row>
    <row r="38829" spans="1:7" x14ac:dyDescent="0.3">
      <c r="A38829" s="13" t="s">
        <v>232</v>
      </c>
      <c r="B38829" s="14" t="s">
        <v>1</v>
      </c>
      <c r="C38829" s="14" t="s">
        <v>101</v>
      </c>
      <c r="D38829" s="14" t="s">
        <v>18</v>
      </c>
      <c r="E38829" s="15">
        <v>45515</v>
      </c>
      <c r="F38829" s="14" t="s">
        <v>15</v>
      </c>
      <c r="G38829" s="16">
        <v>0.44346521232535618</v>
      </c>
    </row>
    <row r="38830" spans="1:7" x14ac:dyDescent="0.3">
      <c r="A38830" s="13" t="s">
        <v>232</v>
      </c>
      <c r="B38830" s="14" t="s">
        <v>1</v>
      </c>
      <c r="C38830" s="14" t="s">
        <v>101</v>
      </c>
      <c r="D38830" s="14" t="s">
        <v>18</v>
      </c>
      <c r="E38830" s="15">
        <v>45516</v>
      </c>
      <c r="F38830" s="14" t="s">
        <v>15</v>
      </c>
      <c r="G38830" s="16">
        <v>0.43922593690674905</v>
      </c>
    </row>
    <row r="38831" spans="1:7" x14ac:dyDescent="0.3">
      <c r="A38831" s="13" t="s">
        <v>232</v>
      </c>
      <c r="B38831" s="14" t="s">
        <v>1</v>
      </c>
      <c r="C38831" s="14" t="s">
        <v>101</v>
      </c>
      <c r="D38831" s="14" t="s">
        <v>18</v>
      </c>
      <c r="E38831" s="15">
        <v>45517</v>
      </c>
      <c r="F38831" s="14" t="s">
        <v>15</v>
      </c>
      <c r="G38831" s="16">
        <v>0.42998666148814185</v>
      </c>
    </row>
    <row r="38832" spans="1:7" x14ac:dyDescent="0.3">
      <c r="A38832" s="13" t="s">
        <v>232</v>
      </c>
      <c r="B38832" s="14" t="s">
        <v>1</v>
      </c>
      <c r="C38832" s="14" t="s">
        <v>101</v>
      </c>
      <c r="D38832" s="14" t="s">
        <v>18</v>
      </c>
      <c r="E38832" s="15">
        <v>45518</v>
      </c>
      <c r="F38832" s="14" t="s">
        <v>15</v>
      </c>
      <c r="G38832" s="16">
        <v>0.43674738606953467</v>
      </c>
    </row>
    <row r="38833" spans="1:7" x14ac:dyDescent="0.3">
      <c r="A38833" s="13" t="s">
        <v>232</v>
      </c>
      <c r="B38833" s="14" t="s">
        <v>1</v>
      </c>
      <c r="C38833" s="14" t="s">
        <v>101</v>
      </c>
      <c r="D38833" s="14" t="s">
        <v>18</v>
      </c>
      <c r="E38833" s="15">
        <v>45519</v>
      </c>
      <c r="F38833" s="14" t="s">
        <v>15</v>
      </c>
      <c r="G38833" s="16">
        <v>0.43250811065092754</v>
      </c>
    </row>
    <row r="38834" spans="1:7" x14ac:dyDescent="0.3">
      <c r="A38834" s="13" t="s">
        <v>232</v>
      </c>
      <c r="B38834" s="14" t="s">
        <v>1</v>
      </c>
      <c r="C38834" s="14" t="s">
        <v>101</v>
      </c>
      <c r="D38834" s="14" t="s">
        <v>18</v>
      </c>
      <c r="E38834" s="15">
        <v>45520</v>
      </c>
      <c r="F38834" s="14" t="s">
        <v>15</v>
      </c>
      <c r="G38834" s="16">
        <v>0.44626883523232036</v>
      </c>
    </row>
    <row r="38835" spans="1:7" x14ac:dyDescent="0.3">
      <c r="A38835" s="13" t="s">
        <v>232</v>
      </c>
      <c r="B38835" s="14" t="s">
        <v>1</v>
      </c>
      <c r="C38835" s="14" t="s">
        <v>101</v>
      </c>
      <c r="D38835" s="14" t="s">
        <v>18</v>
      </c>
      <c r="E38835" s="15">
        <v>45521</v>
      </c>
      <c r="F38835" s="14" t="s">
        <v>15</v>
      </c>
      <c r="G38835" s="16">
        <v>0.44626883523232036</v>
      </c>
    </row>
    <row r="38836" spans="1:7" x14ac:dyDescent="0.3">
      <c r="A38836" s="13" t="s">
        <v>232</v>
      </c>
      <c r="B38836" s="14" t="s">
        <v>1</v>
      </c>
      <c r="C38836" s="14" t="s">
        <v>101</v>
      </c>
      <c r="D38836" s="14" t="s">
        <v>18</v>
      </c>
      <c r="E38836" s="15">
        <v>45522</v>
      </c>
      <c r="F38836" s="14" t="s">
        <v>15</v>
      </c>
      <c r="G38836" s="16">
        <v>0.44626883523232036</v>
      </c>
    </row>
    <row r="38837" spans="1:7" x14ac:dyDescent="0.3">
      <c r="A38837" s="13" t="s">
        <v>232</v>
      </c>
      <c r="B38837" s="14" t="s">
        <v>1</v>
      </c>
      <c r="C38837" s="14" t="s">
        <v>101</v>
      </c>
      <c r="D38837" s="14" t="s">
        <v>18</v>
      </c>
      <c r="E38837" s="15">
        <v>45523</v>
      </c>
      <c r="F38837" s="14" t="s">
        <v>15</v>
      </c>
      <c r="G38837" s="16">
        <v>0.44902955981371317</v>
      </c>
    </row>
    <row r="38838" spans="1:7" x14ac:dyDescent="0.3">
      <c r="A38838" s="13" t="s">
        <v>232</v>
      </c>
      <c r="B38838" s="14" t="s">
        <v>1</v>
      </c>
      <c r="C38838" s="14" t="s">
        <v>101</v>
      </c>
      <c r="D38838" s="14" t="s">
        <v>18</v>
      </c>
      <c r="E38838" s="15">
        <v>45524</v>
      </c>
      <c r="F38838" s="14" t="s">
        <v>15</v>
      </c>
      <c r="G38838" s="16">
        <v>0.43979028439510603</v>
      </c>
    </row>
    <row r="38839" spans="1:7" x14ac:dyDescent="0.3">
      <c r="A38839" s="13" t="s">
        <v>232</v>
      </c>
      <c r="B38839" s="14" t="s">
        <v>1</v>
      </c>
      <c r="C38839" s="14" t="s">
        <v>101</v>
      </c>
      <c r="D38839" s="14" t="s">
        <v>18</v>
      </c>
      <c r="E38839" s="15">
        <v>45525</v>
      </c>
      <c r="F38839" s="14" t="s">
        <v>15</v>
      </c>
      <c r="G38839" s="16">
        <v>0.4355510089764989</v>
      </c>
    </row>
    <row r="38840" spans="1:7" x14ac:dyDescent="0.3">
      <c r="A38840" s="13" t="s">
        <v>232</v>
      </c>
      <c r="B38840" s="14" t="s">
        <v>1</v>
      </c>
      <c r="C38840" s="14" t="s">
        <v>101</v>
      </c>
      <c r="D38840" s="14" t="s">
        <v>18</v>
      </c>
      <c r="E38840" s="15">
        <v>45526</v>
      </c>
      <c r="F38840" s="14" t="s">
        <v>15</v>
      </c>
      <c r="G38840" s="16">
        <v>0.48931173355789176</v>
      </c>
    </row>
    <row r="38841" spans="1:7" x14ac:dyDescent="0.3">
      <c r="A38841" s="13" t="s">
        <v>232</v>
      </c>
      <c r="B38841" s="14" t="s">
        <v>1</v>
      </c>
      <c r="C38841" s="14" t="s">
        <v>101</v>
      </c>
      <c r="D38841" s="14" t="s">
        <v>18</v>
      </c>
      <c r="E38841" s="15">
        <v>45527</v>
      </c>
      <c r="F38841" s="14" t="s">
        <v>15</v>
      </c>
      <c r="G38841" s="16">
        <v>0.48507245813928462</v>
      </c>
    </row>
    <row r="38842" spans="1:7" x14ac:dyDescent="0.3">
      <c r="A38842" s="13" t="s">
        <v>232</v>
      </c>
      <c r="B38842" s="14" t="s">
        <v>1</v>
      </c>
      <c r="C38842" s="14" t="s">
        <v>101</v>
      </c>
      <c r="D38842" s="14" t="s">
        <v>18</v>
      </c>
      <c r="E38842" s="15">
        <v>45528</v>
      </c>
      <c r="F38842" s="14" t="s">
        <v>15</v>
      </c>
      <c r="G38842" s="16">
        <v>0.48507245813928462</v>
      </c>
    </row>
    <row r="38843" spans="1:7" x14ac:dyDescent="0.3">
      <c r="A38843" s="13" t="s">
        <v>232</v>
      </c>
      <c r="B38843" s="14" t="s">
        <v>1</v>
      </c>
      <c r="C38843" s="14" t="s">
        <v>101</v>
      </c>
      <c r="D38843" s="14" t="s">
        <v>18</v>
      </c>
      <c r="E38843" s="15">
        <v>45529</v>
      </c>
      <c r="F38843" s="14" t="s">
        <v>15</v>
      </c>
      <c r="G38843" s="16">
        <v>0.48507245813928462</v>
      </c>
    </row>
    <row r="38844" spans="1:7" x14ac:dyDescent="0.3">
      <c r="A38844" s="13" t="s">
        <v>232</v>
      </c>
      <c r="B38844" s="14" t="s">
        <v>1</v>
      </c>
      <c r="C38844" s="14" t="s">
        <v>101</v>
      </c>
      <c r="D38844" s="14" t="s">
        <v>18</v>
      </c>
      <c r="E38844" s="15">
        <v>45530</v>
      </c>
      <c r="F38844" s="14" t="s">
        <v>15</v>
      </c>
      <c r="G38844" s="16">
        <v>0.4898331827206775</v>
      </c>
    </row>
    <row r="38845" spans="1:7" x14ac:dyDescent="0.3">
      <c r="A38845" s="13" t="s">
        <v>232</v>
      </c>
      <c r="B38845" s="14" t="s">
        <v>1</v>
      </c>
      <c r="C38845" s="14" t="s">
        <v>101</v>
      </c>
      <c r="D38845" s="14" t="s">
        <v>18</v>
      </c>
      <c r="E38845" s="15">
        <v>45531</v>
      </c>
      <c r="F38845" s="14" t="s">
        <v>15</v>
      </c>
      <c r="G38845" s="16">
        <v>0.4805939073020703</v>
      </c>
    </row>
    <row r="38846" spans="1:7" x14ac:dyDescent="0.3">
      <c r="A38846" s="13" t="s">
        <v>232</v>
      </c>
      <c r="B38846" s="14" t="s">
        <v>1</v>
      </c>
      <c r="C38846" s="14" t="s">
        <v>101</v>
      </c>
      <c r="D38846" s="14" t="s">
        <v>18</v>
      </c>
      <c r="E38846" s="15">
        <v>45532</v>
      </c>
      <c r="F38846" s="14" t="s">
        <v>15</v>
      </c>
      <c r="G38846" s="16">
        <v>0.47635463188346316</v>
      </c>
    </row>
    <row r="38847" spans="1:7" x14ac:dyDescent="0.3">
      <c r="A38847" s="13" t="s">
        <v>232</v>
      </c>
      <c r="B38847" s="14" t="s">
        <v>1</v>
      </c>
      <c r="C38847" s="14" t="s">
        <v>101</v>
      </c>
      <c r="D38847" s="14" t="s">
        <v>18</v>
      </c>
      <c r="E38847" s="15">
        <v>45533</v>
      </c>
      <c r="F38847" s="14" t="s">
        <v>15</v>
      </c>
      <c r="G38847" s="16">
        <v>0.47211535646485603</v>
      </c>
    </row>
    <row r="38848" spans="1:7" x14ac:dyDescent="0.3">
      <c r="A38848" s="13" t="s">
        <v>232</v>
      </c>
      <c r="B38848" s="14" t="s">
        <v>1</v>
      </c>
      <c r="C38848" s="14" t="s">
        <v>101</v>
      </c>
      <c r="D38848" s="14" t="s">
        <v>18</v>
      </c>
      <c r="E38848" s="15">
        <v>45534</v>
      </c>
      <c r="F38848" s="14" t="s">
        <v>15</v>
      </c>
      <c r="G38848" s="16">
        <v>0.47387608104624884</v>
      </c>
    </row>
    <row r="38849" spans="1:7" x14ac:dyDescent="0.3">
      <c r="A38849" s="13" t="s">
        <v>232</v>
      </c>
      <c r="B38849" s="14" t="s">
        <v>1</v>
      </c>
      <c r="C38849" s="14" t="s">
        <v>101</v>
      </c>
      <c r="D38849" s="14" t="s">
        <v>18</v>
      </c>
      <c r="E38849" s="15">
        <v>45535</v>
      </c>
      <c r="F38849" s="14" t="s">
        <v>15</v>
      </c>
      <c r="G38849" s="16">
        <v>0.47387608104624884</v>
      </c>
    </row>
    <row r="38850" spans="1:7" x14ac:dyDescent="0.3">
      <c r="A38850" s="13" t="s">
        <v>232</v>
      </c>
      <c r="B38850" s="14" t="s">
        <v>1</v>
      </c>
      <c r="C38850" s="14" t="s">
        <v>101</v>
      </c>
      <c r="D38850" s="14" t="s">
        <v>18</v>
      </c>
      <c r="E38850" s="15">
        <v>45536</v>
      </c>
      <c r="F38850" s="14" t="s">
        <v>15</v>
      </c>
      <c r="G38850" s="16">
        <v>0.47387608104624884</v>
      </c>
    </row>
    <row r="38851" spans="1:7" x14ac:dyDescent="0.3">
      <c r="A38851" s="13" t="s">
        <v>232</v>
      </c>
      <c r="B38851" s="14" t="s">
        <v>1</v>
      </c>
      <c r="C38851" s="14" t="s">
        <v>101</v>
      </c>
      <c r="D38851" s="14" t="s">
        <v>18</v>
      </c>
      <c r="E38851" s="15">
        <v>45537</v>
      </c>
      <c r="F38851" s="14" t="s">
        <v>15</v>
      </c>
      <c r="G38851" s="16">
        <v>0.53363680562764171</v>
      </c>
    </row>
    <row r="38852" spans="1:7" x14ac:dyDescent="0.3">
      <c r="A38852" s="13" t="s">
        <v>232</v>
      </c>
      <c r="B38852" s="14" t="s">
        <v>1</v>
      </c>
      <c r="C38852" s="14" t="s">
        <v>101</v>
      </c>
      <c r="D38852" s="14" t="s">
        <v>18</v>
      </c>
      <c r="E38852" s="15">
        <v>45538</v>
      </c>
      <c r="F38852" s="14" t="s">
        <v>15</v>
      </c>
      <c r="G38852" s="16">
        <v>0.52539753020903457</v>
      </c>
    </row>
    <row r="38853" spans="1:7" x14ac:dyDescent="0.3">
      <c r="A38853" s="13" t="s">
        <v>232</v>
      </c>
      <c r="B38853" s="14" t="s">
        <v>1</v>
      </c>
      <c r="C38853" s="14" t="s">
        <v>101</v>
      </c>
      <c r="D38853" s="14" t="s">
        <v>18</v>
      </c>
      <c r="E38853" s="15">
        <v>45539</v>
      </c>
      <c r="F38853" s="14" t="s">
        <v>15</v>
      </c>
      <c r="G38853" s="16">
        <v>0.52115825479042743</v>
      </c>
    </row>
    <row r="38854" spans="1:7" x14ac:dyDescent="0.3">
      <c r="A38854" s="13" t="s">
        <v>232</v>
      </c>
      <c r="B38854" s="14" t="s">
        <v>1</v>
      </c>
      <c r="C38854" s="14" t="s">
        <v>101</v>
      </c>
      <c r="D38854" s="14" t="s">
        <v>18</v>
      </c>
      <c r="E38854" s="15">
        <v>45540</v>
      </c>
      <c r="F38854" s="14" t="s">
        <v>15</v>
      </c>
      <c r="G38854" s="16">
        <v>0.5309189793718202</v>
      </c>
    </row>
    <row r="38855" spans="1:7" x14ac:dyDescent="0.3">
      <c r="A38855" s="13" t="s">
        <v>232</v>
      </c>
      <c r="B38855" s="14" t="s">
        <v>1</v>
      </c>
      <c r="C38855" s="14" t="s">
        <v>101</v>
      </c>
      <c r="D38855" s="14" t="s">
        <v>18</v>
      </c>
      <c r="E38855" s="15">
        <v>45541</v>
      </c>
      <c r="F38855" s="14" t="s">
        <v>15</v>
      </c>
      <c r="G38855" s="16">
        <v>0.52667970395321306</v>
      </c>
    </row>
    <row r="38856" spans="1:7" x14ac:dyDescent="0.3">
      <c r="A38856" s="13" t="s">
        <v>232</v>
      </c>
      <c r="B38856" s="14" t="s">
        <v>1</v>
      </c>
      <c r="C38856" s="14" t="s">
        <v>101</v>
      </c>
      <c r="D38856" s="14" t="s">
        <v>18</v>
      </c>
      <c r="E38856" s="15">
        <v>45542</v>
      </c>
      <c r="F38856" s="14" t="s">
        <v>15</v>
      </c>
      <c r="G38856" s="16">
        <v>0.52667970395321306</v>
      </c>
    </row>
    <row r="38857" spans="1:7" x14ac:dyDescent="0.3">
      <c r="A38857" s="13" t="s">
        <v>232</v>
      </c>
      <c r="B38857" s="14" t="s">
        <v>1</v>
      </c>
      <c r="C38857" s="14" t="s">
        <v>101</v>
      </c>
      <c r="D38857" s="14" t="s">
        <v>18</v>
      </c>
      <c r="E38857" s="15">
        <v>45543</v>
      </c>
      <c r="F38857" s="14" t="s">
        <v>15</v>
      </c>
      <c r="G38857" s="16">
        <v>0.52667970395321306</v>
      </c>
    </row>
    <row r="38858" spans="1:7" x14ac:dyDescent="0.3">
      <c r="A38858" s="13" t="s">
        <v>232</v>
      </c>
      <c r="B38858" s="14" t="s">
        <v>1</v>
      </c>
      <c r="C38858" s="14" t="s">
        <v>101</v>
      </c>
      <c r="D38858" s="14" t="s">
        <v>18</v>
      </c>
      <c r="E38858" s="15">
        <v>45544</v>
      </c>
      <c r="F38858" s="14" t="s">
        <v>15</v>
      </c>
      <c r="G38858" s="16">
        <v>0.52844042853460593</v>
      </c>
    </row>
    <row r="38859" spans="1:7" x14ac:dyDescent="0.3">
      <c r="A38859" s="13" t="s">
        <v>232</v>
      </c>
      <c r="B38859" s="14" t="s">
        <v>1</v>
      </c>
      <c r="C38859" s="14" t="s">
        <v>101</v>
      </c>
      <c r="D38859" s="14" t="s">
        <v>18</v>
      </c>
      <c r="E38859" s="15">
        <v>45545</v>
      </c>
      <c r="F38859" s="14" t="s">
        <v>15</v>
      </c>
      <c r="G38859" s="16">
        <v>0.51920115311599879</v>
      </c>
    </row>
    <row r="38860" spans="1:7" x14ac:dyDescent="0.3">
      <c r="A38860" s="13" t="s">
        <v>232</v>
      </c>
      <c r="B38860" s="14" t="s">
        <v>1</v>
      </c>
      <c r="C38860" s="14" t="s">
        <v>101</v>
      </c>
      <c r="D38860" s="14" t="s">
        <v>18</v>
      </c>
      <c r="E38860" s="15">
        <v>45546</v>
      </c>
      <c r="F38860" s="14" t="s">
        <v>15</v>
      </c>
      <c r="G38860" s="16">
        <v>0.51496187769739166</v>
      </c>
    </row>
    <row r="38861" spans="1:7" x14ac:dyDescent="0.3">
      <c r="A38861" s="13" t="s">
        <v>232</v>
      </c>
      <c r="B38861" s="14" t="s">
        <v>1</v>
      </c>
      <c r="C38861" s="14" t="s">
        <v>101</v>
      </c>
      <c r="D38861" s="14" t="s">
        <v>18</v>
      </c>
      <c r="E38861" s="15">
        <v>45547</v>
      </c>
      <c r="F38861" s="14" t="s">
        <v>15</v>
      </c>
      <c r="G38861" s="16">
        <v>0.53872260227878443</v>
      </c>
    </row>
    <row r="38862" spans="1:7" x14ac:dyDescent="0.3">
      <c r="A38862" s="13" t="s">
        <v>232</v>
      </c>
      <c r="B38862" s="14" t="s">
        <v>1</v>
      </c>
      <c r="C38862" s="14" t="s">
        <v>101</v>
      </c>
      <c r="D38862" s="14" t="s">
        <v>18</v>
      </c>
      <c r="E38862" s="15">
        <v>45548</v>
      </c>
      <c r="F38862" s="14" t="s">
        <v>15</v>
      </c>
      <c r="G38862" s="16">
        <v>0.5314833268601773</v>
      </c>
    </row>
    <row r="38863" spans="1:7" x14ac:dyDescent="0.3">
      <c r="A38863" s="13" t="s">
        <v>232</v>
      </c>
      <c r="B38863" s="14" t="s">
        <v>1</v>
      </c>
      <c r="C38863" s="14" t="s">
        <v>101</v>
      </c>
      <c r="D38863" s="14" t="s">
        <v>18</v>
      </c>
      <c r="E38863" s="15">
        <v>45549</v>
      </c>
      <c r="F38863" s="14" t="s">
        <v>15</v>
      </c>
      <c r="G38863" s="16">
        <v>0.5314833268601773</v>
      </c>
    </row>
    <row r="38864" spans="1:7" x14ac:dyDescent="0.3">
      <c r="A38864" s="13" t="s">
        <v>232</v>
      </c>
      <c r="B38864" s="14" t="s">
        <v>1</v>
      </c>
      <c r="C38864" s="14" t="s">
        <v>101</v>
      </c>
      <c r="D38864" s="14" t="s">
        <v>18</v>
      </c>
      <c r="E38864" s="15">
        <v>45550</v>
      </c>
      <c r="F38864" s="14" t="s">
        <v>15</v>
      </c>
      <c r="G38864" s="16">
        <v>0.5314833268601773</v>
      </c>
    </row>
    <row r="38865" spans="1:7" x14ac:dyDescent="0.3">
      <c r="A38865" s="13" t="s">
        <v>232</v>
      </c>
      <c r="B38865" s="14" t="s">
        <v>1</v>
      </c>
      <c r="C38865" s="14" t="s">
        <v>101</v>
      </c>
      <c r="D38865" s="14" t="s">
        <v>18</v>
      </c>
      <c r="E38865" s="15">
        <v>45551</v>
      </c>
      <c r="F38865" s="14" t="s">
        <v>15</v>
      </c>
      <c r="G38865" s="16">
        <v>0.53724405144157017</v>
      </c>
    </row>
    <row r="38866" spans="1:7" x14ac:dyDescent="0.3">
      <c r="A38866" s="13" t="s">
        <v>232</v>
      </c>
      <c r="B38866" s="14" t="s">
        <v>1</v>
      </c>
      <c r="C38866" s="14" t="s">
        <v>101</v>
      </c>
      <c r="D38866" s="14" t="s">
        <v>18</v>
      </c>
      <c r="E38866" s="15">
        <v>45552</v>
      </c>
      <c r="F38866" s="14" t="s">
        <v>15</v>
      </c>
      <c r="G38866" s="16">
        <v>0.52800477602296303</v>
      </c>
    </row>
    <row r="38867" spans="1:7" x14ac:dyDescent="0.3">
      <c r="A38867" s="13" t="s">
        <v>232</v>
      </c>
      <c r="B38867" s="14" t="s">
        <v>1</v>
      </c>
      <c r="C38867" s="14" t="s">
        <v>101</v>
      </c>
      <c r="D38867" s="14" t="s">
        <v>18</v>
      </c>
      <c r="E38867" s="15">
        <v>45553</v>
      </c>
      <c r="F38867" s="14" t="s">
        <v>15</v>
      </c>
      <c r="G38867" s="16">
        <v>0.5327655006043559</v>
      </c>
    </row>
    <row r="38868" spans="1:7" x14ac:dyDescent="0.3">
      <c r="A38868" s="13" t="s">
        <v>232</v>
      </c>
      <c r="B38868" s="14" t="s">
        <v>1</v>
      </c>
      <c r="C38868" s="14" t="s">
        <v>101</v>
      </c>
      <c r="D38868" s="14" t="s">
        <v>18</v>
      </c>
      <c r="E38868" s="15">
        <v>45554</v>
      </c>
      <c r="F38868" s="14" t="s">
        <v>15</v>
      </c>
      <c r="G38868" s="16">
        <v>0.52852622518574877</v>
      </c>
    </row>
    <row r="38869" spans="1:7" x14ac:dyDescent="0.3">
      <c r="A38869" s="13" t="s">
        <v>232</v>
      </c>
      <c r="B38869" s="14" t="s">
        <v>1</v>
      </c>
      <c r="C38869" s="14" t="s">
        <v>101</v>
      </c>
      <c r="D38869" s="14" t="s">
        <v>18</v>
      </c>
      <c r="E38869" s="15">
        <v>45555</v>
      </c>
      <c r="F38869" s="14" t="s">
        <v>15</v>
      </c>
      <c r="G38869" s="16">
        <v>0.53128694976714153</v>
      </c>
    </row>
    <row r="38870" spans="1:7" x14ac:dyDescent="0.3">
      <c r="A38870" s="13" t="s">
        <v>232</v>
      </c>
      <c r="B38870" s="14" t="s">
        <v>1</v>
      </c>
      <c r="C38870" s="14" t="s">
        <v>101</v>
      </c>
      <c r="D38870" s="14" t="s">
        <v>18</v>
      </c>
      <c r="E38870" s="15">
        <v>45556</v>
      </c>
      <c r="F38870" s="14" t="s">
        <v>15</v>
      </c>
      <c r="G38870" s="16">
        <v>0.53128694976714153</v>
      </c>
    </row>
    <row r="38871" spans="1:7" x14ac:dyDescent="0.3">
      <c r="A38871" s="13" t="s">
        <v>232</v>
      </c>
      <c r="B38871" s="14" t="s">
        <v>1</v>
      </c>
      <c r="C38871" s="14" t="s">
        <v>101</v>
      </c>
      <c r="D38871" s="14" t="s">
        <v>18</v>
      </c>
      <c r="E38871" s="15">
        <v>45557</v>
      </c>
      <c r="F38871" s="14" t="s">
        <v>15</v>
      </c>
      <c r="G38871" s="16">
        <v>0.53128694976714153</v>
      </c>
    </row>
    <row r="38872" spans="1:7" x14ac:dyDescent="0.3">
      <c r="A38872" s="13" t="s">
        <v>232</v>
      </c>
      <c r="B38872" s="14" t="s">
        <v>1</v>
      </c>
      <c r="C38872" s="14" t="s">
        <v>101</v>
      </c>
      <c r="D38872" s="14" t="s">
        <v>18</v>
      </c>
      <c r="E38872" s="15">
        <v>45558</v>
      </c>
      <c r="F38872" s="14" t="s">
        <v>15</v>
      </c>
      <c r="G38872" s="16">
        <v>0.52704767434853439</v>
      </c>
    </row>
    <row r="38873" spans="1:7" x14ac:dyDescent="0.3">
      <c r="A38873" s="13" t="s">
        <v>232</v>
      </c>
      <c r="B38873" s="14" t="s">
        <v>1</v>
      </c>
      <c r="C38873" s="14" t="s">
        <v>101</v>
      </c>
      <c r="D38873" s="14" t="s">
        <v>18</v>
      </c>
      <c r="E38873" s="15">
        <v>45559</v>
      </c>
      <c r="F38873" s="14" t="s">
        <v>15</v>
      </c>
      <c r="G38873" s="16">
        <v>0.51780839892992725</v>
      </c>
    </row>
    <row r="38874" spans="1:7" x14ac:dyDescent="0.3">
      <c r="A38874" s="13" t="s">
        <v>232</v>
      </c>
      <c r="B38874" s="14" t="s">
        <v>1</v>
      </c>
      <c r="C38874" s="14" t="s">
        <v>101</v>
      </c>
      <c r="D38874" s="14" t="s">
        <v>18</v>
      </c>
      <c r="E38874" s="15">
        <v>45560</v>
      </c>
      <c r="F38874" s="14" t="s">
        <v>15</v>
      </c>
      <c r="G38874" s="16">
        <v>0.52756912351132013</v>
      </c>
    </row>
    <row r="38875" spans="1:7" x14ac:dyDescent="0.3">
      <c r="A38875" s="13" t="s">
        <v>232</v>
      </c>
      <c r="B38875" s="14" t="s">
        <v>1</v>
      </c>
      <c r="C38875" s="14" t="s">
        <v>101</v>
      </c>
      <c r="D38875" s="14" t="s">
        <v>18</v>
      </c>
      <c r="E38875" s="15">
        <v>45561</v>
      </c>
      <c r="F38875" s="14" t="s">
        <v>15</v>
      </c>
      <c r="G38875" s="16">
        <v>0.52332984809271299</v>
      </c>
    </row>
    <row r="38876" spans="1:7" x14ac:dyDescent="0.3">
      <c r="A38876" s="13" t="s">
        <v>232</v>
      </c>
      <c r="B38876" s="14" t="s">
        <v>1</v>
      </c>
      <c r="C38876" s="14" t="s">
        <v>101</v>
      </c>
      <c r="D38876" s="14" t="s">
        <v>18</v>
      </c>
      <c r="E38876" s="15">
        <v>45562</v>
      </c>
      <c r="F38876" s="14" t="s">
        <v>15</v>
      </c>
      <c r="G38876" s="16">
        <v>0.51909057267410585</v>
      </c>
    </row>
    <row r="38877" spans="1:7" x14ac:dyDescent="0.3">
      <c r="A38877" s="13" t="s">
        <v>232</v>
      </c>
      <c r="B38877" s="14" t="s">
        <v>1</v>
      </c>
      <c r="C38877" s="14" t="s">
        <v>101</v>
      </c>
      <c r="D38877" s="14" t="s">
        <v>18</v>
      </c>
      <c r="E38877" s="15">
        <v>45563</v>
      </c>
      <c r="F38877" s="14" t="s">
        <v>15</v>
      </c>
      <c r="G38877" s="16">
        <v>0.51909057267410585</v>
      </c>
    </row>
    <row r="38878" spans="1:7" x14ac:dyDescent="0.3">
      <c r="A38878" s="13" t="s">
        <v>232</v>
      </c>
      <c r="B38878" s="14" t="s">
        <v>1</v>
      </c>
      <c r="C38878" s="14" t="s">
        <v>101</v>
      </c>
      <c r="D38878" s="14" t="s">
        <v>18</v>
      </c>
      <c r="E38878" s="15">
        <v>45564</v>
      </c>
      <c r="F38878" s="14" t="s">
        <v>15</v>
      </c>
      <c r="G38878" s="16">
        <v>0.51909057267410585</v>
      </c>
    </row>
    <row r="38879" spans="1:7" x14ac:dyDescent="0.3">
      <c r="A38879" s="13" t="s">
        <v>232</v>
      </c>
      <c r="B38879" s="14" t="s">
        <v>1</v>
      </c>
      <c r="C38879" s="14" t="s">
        <v>101</v>
      </c>
      <c r="D38879" s="14" t="s">
        <v>18</v>
      </c>
      <c r="E38879" s="15">
        <v>45565</v>
      </c>
      <c r="F38879" s="14" t="s">
        <v>15</v>
      </c>
      <c r="G38879" s="16">
        <v>0.6188512972554987</v>
      </c>
    </row>
    <row r="38880" spans="1:7" x14ac:dyDescent="0.3">
      <c r="A38880" s="13" t="s">
        <v>232</v>
      </c>
      <c r="B38880" s="14" t="s">
        <v>1</v>
      </c>
      <c r="C38880" s="14" t="s">
        <v>101</v>
      </c>
      <c r="D38880" s="14" t="s">
        <v>18</v>
      </c>
      <c r="E38880" s="15">
        <v>45566</v>
      </c>
      <c r="F38880" s="14" t="s">
        <v>15</v>
      </c>
      <c r="G38880" s="16">
        <v>0.61361202183689145</v>
      </c>
    </row>
    <row r="38881" spans="1:7" x14ac:dyDescent="0.3">
      <c r="A38881" s="13" t="s">
        <v>232</v>
      </c>
      <c r="B38881" s="14" t="s">
        <v>1</v>
      </c>
      <c r="C38881" s="14" t="s">
        <v>101</v>
      </c>
      <c r="D38881" s="14" t="s">
        <v>18</v>
      </c>
      <c r="E38881" s="15">
        <v>45567</v>
      </c>
      <c r="F38881" s="14" t="s">
        <v>15</v>
      </c>
      <c r="G38881" s="16">
        <v>0.60737274641828431</v>
      </c>
    </row>
    <row r="38882" spans="1:7" x14ac:dyDescent="0.3">
      <c r="A38882" s="13" t="s">
        <v>232</v>
      </c>
      <c r="B38882" s="14" t="s">
        <v>1</v>
      </c>
      <c r="C38882" s="14" t="s">
        <v>101</v>
      </c>
      <c r="D38882" s="14" t="s">
        <v>18</v>
      </c>
      <c r="E38882" s="15">
        <v>45568</v>
      </c>
      <c r="F38882" s="14" t="s">
        <v>15</v>
      </c>
      <c r="G38882" s="16">
        <v>0.59913347099967718</v>
      </c>
    </row>
    <row r="38883" spans="1:7" x14ac:dyDescent="0.3">
      <c r="A38883" s="13" t="s">
        <v>232</v>
      </c>
      <c r="B38883" s="14" t="s">
        <v>1</v>
      </c>
      <c r="C38883" s="14" t="s">
        <v>101</v>
      </c>
      <c r="D38883" s="14" t="s">
        <v>18</v>
      </c>
      <c r="E38883" s="15">
        <v>45569</v>
      </c>
      <c r="F38883" s="14" t="s">
        <v>15</v>
      </c>
      <c r="G38883" s="16">
        <v>0.59389419558106993</v>
      </c>
    </row>
    <row r="38884" spans="1:7" x14ac:dyDescent="0.3">
      <c r="A38884" s="13" t="s">
        <v>232</v>
      </c>
      <c r="B38884" s="14" t="s">
        <v>1</v>
      </c>
      <c r="C38884" s="14" t="s">
        <v>101</v>
      </c>
      <c r="D38884" s="14" t="s">
        <v>18</v>
      </c>
      <c r="E38884" s="15">
        <v>45570</v>
      </c>
      <c r="F38884" s="14" t="s">
        <v>15</v>
      </c>
      <c r="G38884" s="16">
        <v>0.59389419558106993</v>
      </c>
    </row>
    <row r="38885" spans="1:7" x14ac:dyDescent="0.3">
      <c r="A38885" s="13" t="s">
        <v>232</v>
      </c>
      <c r="B38885" s="14" t="s">
        <v>1</v>
      </c>
      <c r="C38885" s="14" t="s">
        <v>101</v>
      </c>
      <c r="D38885" s="14" t="s">
        <v>18</v>
      </c>
      <c r="E38885" s="15">
        <v>45571</v>
      </c>
      <c r="F38885" s="14" t="s">
        <v>15</v>
      </c>
      <c r="G38885" s="16">
        <v>0.59389419558106993</v>
      </c>
    </row>
    <row r="38886" spans="1:7" x14ac:dyDescent="0.3">
      <c r="A38886" s="13" t="s">
        <v>232</v>
      </c>
      <c r="B38886" s="14" t="s">
        <v>1</v>
      </c>
      <c r="C38886" s="14" t="s">
        <v>101</v>
      </c>
      <c r="D38886" s="14" t="s">
        <v>18</v>
      </c>
      <c r="E38886" s="15">
        <v>45572</v>
      </c>
      <c r="F38886" s="14" t="s">
        <v>15</v>
      </c>
      <c r="G38886" s="16">
        <v>0.5936549201624628</v>
      </c>
    </row>
    <row r="38887" spans="1:7" x14ac:dyDescent="0.3">
      <c r="A38887" s="13" t="s">
        <v>232</v>
      </c>
      <c r="B38887" s="14" t="s">
        <v>1</v>
      </c>
      <c r="C38887" s="14" t="s">
        <v>101</v>
      </c>
      <c r="D38887" s="14" t="s">
        <v>18</v>
      </c>
      <c r="E38887" s="15">
        <v>45573</v>
      </c>
      <c r="F38887" s="14" t="s">
        <v>15</v>
      </c>
      <c r="G38887" s="16">
        <v>0.58341564474385565</v>
      </c>
    </row>
    <row r="38888" spans="1:7" x14ac:dyDescent="0.3">
      <c r="A38888" s="13" t="s">
        <v>232</v>
      </c>
      <c r="B38888" s="14" t="s">
        <v>1</v>
      </c>
      <c r="C38888" s="14" t="s">
        <v>101</v>
      </c>
      <c r="D38888" s="14" t="s">
        <v>18</v>
      </c>
      <c r="E38888" s="15">
        <v>45574</v>
      </c>
      <c r="F38888" s="14" t="s">
        <v>15</v>
      </c>
      <c r="G38888" s="16">
        <v>0.57817636932524841</v>
      </c>
    </row>
    <row r="38889" spans="1:7" x14ac:dyDescent="0.3">
      <c r="A38889" s="13" t="s">
        <v>232</v>
      </c>
      <c r="B38889" s="14" t="s">
        <v>1</v>
      </c>
      <c r="C38889" s="14" t="s">
        <v>101</v>
      </c>
      <c r="D38889" s="14" t="s">
        <v>18</v>
      </c>
      <c r="E38889" s="15">
        <v>45575</v>
      </c>
      <c r="F38889" s="14" t="s">
        <v>15</v>
      </c>
      <c r="G38889" s="16">
        <v>0.57293709390664127</v>
      </c>
    </row>
    <row r="38890" spans="1:7" x14ac:dyDescent="0.3">
      <c r="A38890" s="13" t="s">
        <v>232</v>
      </c>
      <c r="B38890" s="14" t="s">
        <v>1</v>
      </c>
      <c r="C38890" s="14" t="s">
        <v>101</v>
      </c>
      <c r="D38890" s="14" t="s">
        <v>18</v>
      </c>
      <c r="E38890" s="15">
        <v>45576</v>
      </c>
      <c r="F38890" s="14" t="s">
        <v>15</v>
      </c>
      <c r="G38890" s="16">
        <v>0.57769781848803414</v>
      </c>
    </row>
    <row r="38891" spans="1:7" x14ac:dyDescent="0.3">
      <c r="A38891" s="13" t="s">
        <v>232</v>
      </c>
      <c r="B38891" s="14" t="s">
        <v>1</v>
      </c>
      <c r="C38891" s="14" t="s">
        <v>101</v>
      </c>
      <c r="D38891" s="14" t="s">
        <v>18</v>
      </c>
      <c r="E38891" s="15">
        <v>45577</v>
      </c>
      <c r="F38891" s="14" t="s">
        <v>15</v>
      </c>
      <c r="G38891" s="16">
        <v>0.57769781848803414</v>
      </c>
    </row>
    <row r="38892" spans="1:7" x14ac:dyDescent="0.3">
      <c r="A38892" s="13" t="s">
        <v>232</v>
      </c>
      <c r="B38892" s="14" t="s">
        <v>1</v>
      </c>
      <c r="C38892" s="14" t="s">
        <v>101</v>
      </c>
      <c r="D38892" s="14" t="s">
        <v>18</v>
      </c>
      <c r="E38892" s="15">
        <v>45578</v>
      </c>
      <c r="F38892" s="14" t="s">
        <v>15</v>
      </c>
      <c r="G38892" s="16">
        <v>0.57769781848803414</v>
      </c>
    </row>
    <row r="38893" spans="1:7" x14ac:dyDescent="0.3">
      <c r="A38893" s="13" t="s">
        <v>232</v>
      </c>
      <c r="B38893" s="14" t="s">
        <v>1</v>
      </c>
      <c r="C38893" s="14" t="s">
        <v>101</v>
      </c>
      <c r="D38893" s="14" t="s">
        <v>18</v>
      </c>
      <c r="E38893" s="15">
        <v>45579</v>
      </c>
      <c r="F38893" s="14" t="s">
        <v>15</v>
      </c>
      <c r="G38893" s="16">
        <v>0.57745854306942701</v>
      </c>
    </row>
    <row r="38894" spans="1:7" x14ac:dyDescent="0.3">
      <c r="A38894" s="13" t="s">
        <v>232</v>
      </c>
      <c r="B38894" s="14" t="s">
        <v>1</v>
      </c>
      <c r="C38894" s="14" t="s">
        <v>101</v>
      </c>
      <c r="D38894" s="14" t="s">
        <v>18</v>
      </c>
      <c r="E38894" s="15">
        <v>45580</v>
      </c>
      <c r="F38894" s="14" t="s">
        <v>15</v>
      </c>
      <c r="G38894" s="16">
        <v>0.56721926765081976</v>
      </c>
    </row>
    <row r="38895" spans="1:7" x14ac:dyDescent="0.3">
      <c r="A38895" s="13" t="s">
        <v>232</v>
      </c>
      <c r="B38895" s="14" t="s">
        <v>1</v>
      </c>
      <c r="C38895" s="14" t="s">
        <v>101</v>
      </c>
      <c r="D38895" s="14" t="s">
        <v>18</v>
      </c>
      <c r="E38895" s="15">
        <v>45581</v>
      </c>
      <c r="F38895" s="14" t="s">
        <v>15</v>
      </c>
      <c r="G38895" s="16">
        <v>0.56197999223221262</v>
      </c>
    </row>
    <row r="38896" spans="1:7" x14ac:dyDescent="0.3">
      <c r="A38896" s="13" t="s">
        <v>232</v>
      </c>
      <c r="B38896" s="14" t="s">
        <v>1</v>
      </c>
      <c r="C38896" s="14" t="s">
        <v>101</v>
      </c>
      <c r="D38896" s="14" t="s">
        <v>18</v>
      </c>
      <c r="E38896" s="15">
        <v>45582</v>
      </c>
      <c r="F38896" s="14" t="s">
        <v>15</v>
      </c>
      <c r="G38896" s="16">
        <v>0.55674071681360537</v>
      </c>
    </row>
    <row r="38897" spans="1:7" x14ac:dyDescent="0.3">
      <c r="A38897" s="13" t="s">
        <v>232</v>
      </c>
      <c r="B38897" s="14" t="s">
        <v>1</v>
      </c>
      <c r="C38897" s="14" t="s">
        <v>101</v>
      </c>
      <c r="D38897" s="14" t="s">
        <v>18</v>
      </c>
      <c r="E38897" s="15">
        <v>45583</v>
      </c>
      <c r="F38897" s="14" t="s">
        <v>15</v>
      </c>
      <c r="G38897" s="16">
        <v>0.55150144139499813</v>
      </c>
    </row>
    <row r="38898" spans="1:7" x14ac:dyDescent="0.3">
      <c r="A38898" s="13" t="s">
        <v>232</v>
      </c>
      <c r="B38898" s="14" t="s">
        <v>1</v>
      </c>
      <c r="C38898" s="14" t="s">
        <v>101</v>
      </c>
      <c r="D38898" s="14" t="s">
        <v>18</v>
      </c>
      <c r="E38898" s="15">
        <v>45584</v>
      </c>
      <c r="F38898" s="14" t="s">
        <v>15</v>
      </c>
      <c r="G38898" s="16">
        <v>0.55150144139499813</v>
      </c>
    </row>
    <row r="38899" spans="1:7" x14ac:dyDescent="0.3">
      <c r="A38899" s="13" t="s">
        <v>232</v>
      </c>
      <c r="B38899" s="14" t="s">
        <v>1</v>
      </c>
      <c r="C38899" s="14" t="s">
        <v>101</v>
      </c>
      <c r="D38899" s="14" t="s">
        <v>18</v>
      </c>
      <c r="E38899" s="15">
        <v>45585</v>
      </c>
      <c r="F38899" s="14" t="s">
        <v>15</v>
      </c>
      <c r="G38899" s="16">
        <v>0.55150144139499813</v>
      </c>
    </row>
    <row r="38900" spans="1:7" x14ac:dyDescent="0.3">
      <c r="A38900" s="13" t="s">
        <v>232</v>
      </c>
      <c r="B38900" s="14" t="s">
        <v>1</v>
      </c>
      <c r="C38900" s="14" t="s">
        <v>101</v>
      </c>
      <c r="D38900" s="14" t="s">
        <v>18</v>
      </c>
      <c r="E38900" s="15">
        <v>45586</v>
      </c>
      <c r="F38900" s="14" t="s">
        <v>15</v>
      </c>
      <c r="G38900" s="16">
        <v>0.54826216597639099</v>
      </c>
    </row>
    <row r="38901" spans="1:7" x14ac:dyDescent="0.3">
      <c r="A38901" s="13" t="s">
        <v>232</v>
      </c>
      <c r="B38901" s="14" t="s">
        <v>1</v>
      </c>
      <c r="C38901" s="14" t="s">
        <v>101</v>
      </c>
      <c r="D38901" s="14" t="s">
        <v>18</v>
      </c>
      <c r="E38901" s="15">
        <v>45587</v>
      </c>
      <c r="F38901" s="14" t="s">
        <v>15</v>
      </c>
      <c r="G38901" s="16">
        <v>0.53802289055778385</v>
      </c>
    </row>
    <row r="38902" spans="1:7" x14ac:dyDescent="0.3">
      <c r="A38902" s="13" t="s">
        <v>232</v>
      </c>
      <c r="B38902" s="14" t="s">
        <v>1</v>
      </c>
      <c r="C38902" s="14" t="s">
        <v>101</v>
      </c>
      <c r="D38902" s="14" t="s">
        <v>18</v>
      </c>
      <c r="E38902" s="15">
        <v>45588</v>
      </c>
      <c r="F38902" s="14" t="s">
        <v>15</v>
      </c>
      <c r="G38902" s="16">
        <v>0.5327836151391766</v>
      </c>
    </row>
    <row r="38903" spans="1:7" x14ac:dyDescent="0.3">
      <c r="A38903" s="13" t="s">
        <v>232</v>
      </c>
      <c r="B38903" s="14" t="s">
        <v>1</v>
      </c>
      <c r="C38903" s="14" t="s">
        <v>101</v>
      </c>
      <c r="D38903" s="14" t="s">
        <v>18</v>
      </c>
      <c r="E38903" s="15">
        <v>45589</v>
      </c>
      <c r="F38903" s="14" t="s">
        <v>15</v>
      </c>
      <c r="G38903" s="16">
        <v>0.52754433972056947</v>
      </c>
    </row>
    <row r="38904" spans="1:7" x14ac:dyDescent="0.3">
      <c r="A38904" s="13" t="s">
        <v>232</v>
      </c>
      <c r="B38904" s="14" t="s">
        <v>1</v>
      </c>
      <c r="C38904" s="14" t="s">
        <v>101</v>
      </c>
      <c r="D38904" s="14" t="s">
        <v>18</v>
      </c>
      <c r="E38904" s="15">
        <v>45590</v>
      </c>
      <c r="F38904" s="14" t="s">
        <v>15</v>
      </c>
      <c r="G38904" s="16">
        <v>0.52230506430196222</v>
      </c>
    </row>
    <row r="38905" spans="1:7" x14ac:dyDescent="0.3">
      <c r="A38905" s="13" t="s">
        <v>232</v>
      </c>
      <c r="B38905" s="14" t="s">
        <v>1</v>
      </c>
      <c r="C38905" s="14" t="s">
        <v>101</v>
      </c>
      <c r="D38905" s="14" t="s">
        <v>18</v>
      </c>
      <c r="E38905" s="15">
        <v>45591</v>
      </c>
      <c r="F38905" s="14" t="s">
        <v>15</v>
      </c>
      <c r="G38905" s="16">
        <v>0.52230506430196222</v>
      </c>
    </row>
    <row r="38906" spans="1:7" x14ac:dyDescent="0.3">
      <c r="A38906" s="13" t="s">
        <v>232</v>
      </c>
      <c r="B38906" s="14" t="s">
        <v>1</v>
      </c>
      <c r="C38906" s="14" t="s">
        <v>101</v>
      </c>
      <c r="D38906" s="14" t="s">
        <v>18</v>
      </c>
      <c r="E38906" s="15">
        <v>45592</v>
      </c>
      <c r="F38906" s="14" t="s">
        <v>15</v>
      </c>
      <c r="G38906" s="16">
        <v>0.52230506430196222</v>
      </c>
    </row>
    <row r="38907" spans="1:7" x14ac:dyDescent="0.3">
      <c r="A38907" s="13" t="s">
        <v>232</v>
      </c>
      <c r="B38907" s="14" t="s">
        <v>1</v>
      </c>
      <c r="C38907" s="14" t="s">
        <v>101</v>
      </c>
      <c r="D38907" s="14" t="s">
        <v>18</v>
      </c>
      <c r="E38907" s="15">
        <v>45593</v>
      </c>
      <c r="F38907" s="14" t="s">
        <v>15</v>
      </c>
      <c r="G38907" s="16">
        <v>0.52230506430196222</v>
      </c>
    </row>
    <row r="38908" spans="1:7" x14ac:dyDescent="0.3">
      <c r="A38908" s="13" t="s">
        <v>232</v>
      </c>
      <c r="B38908" s="14" t="s">
        <v>1</v>
      </c>
      <c r="C38908" s="14" t="s">
        <v>101</v>
      </c>
      <c r="D38908" s="14" t="s">
        <v>18</v>
      </c>
      <c r="E38908" s="15">
        <v>45594</v>
      </c>
      <c r="F38908" s="14" t="s">
        <v>15</v>
      </c>
      <c r="G38908" s="16">
        <v>0.51806578888335508</v>
      </c>
    </row>
    <row r="38909" spans="1:7" x14ac:dyDescent="0.3">
      <c r="A38909" s="13" t="s">
        <v>232</v>
      </c>
      <c r="B38909" s="14" t="s">
        <v>1</v>
      </c>
      <c r="C38909" s="14" t="s">
        <v>101</v>
      </c>
      <c r="D38909" s="14" t="s">
        <v>18</v>
      </c>
      <c r="E38909" s="15">
        <v>45595</v>
      </c>
      <c r="F38909" s="14" t="s">
        <v>15</v>
      </c>
      <c r="G38909" s="16">
        <v>0.50582651346474794</v>
      </c>
    </row>
    <row r="38910" spans="1:7" x14ac:dyDescent="0.3">
      <c r="A38910" s="13" t="s">
        <v>232</v>
      </c>
      <c r="B38910" s="14" t="s">
        <v>1</v>
      </c>
      <c r="C38910" s="14" t="s">
        <v>101</v>
      </c>
      <c r="D38910" s="14" t="s">
        <v>18</v>
      </c>
      <c r="E38910" s="15">
        <v>45596</v>
      </c>
      <c r="F38910" s="14" t="s">
        <v>15</v>
      </c>
      <c r="G38910" s="16">
        <v>0.50058723804614069</v>
      </c>
    </row>
    <row r="38911" spans="1:7" x14ac:dyDescent="0.3">
      <c r="A38911" s="13" t="s">
        <v>232</v>
      </c>
      <c r="B38911" s="14" t="s">
        <v>1</v>
      </c>
      <c r="C38911" s="14" t="s">
        <v>101</v>
      </c>
      <c r="D38911" s="14" t="s">
        <v>18</v>
      </c>
      <c r="E38911" s="15">
        <v>45597</v>
      </c>
      <c r="F38911" s="14" t="s">
        <v>15</v>
      </c>
      <c r="G38911" s="16">
        <v>0.51034796262753357</v>
      </c>
    </row>
    <row r="38912" spans="1:7" x14ac:dyDescent="0.3">
      <c r="A38912" s="13" t="s">
        <v>232</v>
      </c>
      <c r="B38912" s="14" t="s">
        <v>1</v>
      </c>
      <c r="C38912" s="14" t="s">
        <v>101</v>
      </c>
      <c r="D38912" s="14" t="s">
        <v>18</v>
      </c>
      <c r="E38912" s="15">
        <v>45598</v>
      </c>
      <c r="F38912" s="14" t="s">
        <v>15</v>
      </c>
      <c r="G38912" s="16">
        <v>0.51034796262753357</v>
      </c>
    </row>
    <row r="38913" spans="1:7" x14ac:dyDescent="0.3">
      <c r="A38913" s="13" t="s">
        <v>232</v>
      </c>
      <c r="B38913" s="14" t="s">
        <v>1</v>
      </c>
      <c r="C38913" s="14" t="s">
        <v>101</v>
      </c>
      <c r="D38913" s="14" t="s">
        <v>18</v>
      </c>
      <c r="E38913" s="15">
        <v>45599</v>
      </c>
      <c r="F38913" s="14" t="s">
        <v>15</v>
      </c>
      <c r="G38913" s="16">
        <v>0.51034796262753357</v>
      </c>
    </row>
    <row r="38914" spans="1:7" x14ac:dyDescent="0.3">
      <c r="A38914" s="13" t="s">
        <v>232</v>
      </c>
      <c r="B38914" s="14" t="s">
        <v>1</v>
      </c>
      <c r="C38914" s="14" t="s">
        <v>101</v>
      </c>
      <c r="D38914" s="14" t="s">
        <v>18</v>
      </c>
      <c r="E38914" s="15">
        <v>45600</v>
      </c>
      <c r="F38914" s="14" t="s">
        <v>15</v>
      </c>
      <c r="G38914" s="16">
        <v>0.50710868720892643</v>
      </c>
    </row>
    <row r="38915" spans="1:7" x14ac:dyDescent="0.3">
      <c r="A38915" s="13" t="s">
        <v>232</v>
      </c>
      <c r="B38915" s="14" t="s">
        <v>1</v>
      </c>
      <c r="C38915" s="14" t="s">
        <v>101</v>
      </c>
      <c r="D38915" s="14" t="s">
        <v>18</v>
      </c>
      <c r="E38915" s="15">
        <v>45601</v>
      </c>
      <c r="F38915" s="14" t="s">
        <v>15</v>
      </c>
      <c r="G38915" s="16">
        <v>0.49786941179031918</v>
      </c>
    </row>
    <row r="38916" spans="1:7" x14ac:dyDescent="0.3">
      <c r="A38916" s="13" t="s">
        <v>232</v>
      </c>
      <c r="B38916" s="14" t="s">
        <v>1</v>
      </c>
      <c r="C38916" s="14" t="s">
        <v>101</v>
      </c>
      <c r="D38916" s="14" t="s">
        <v>18</v>
      </c>
      <c r="E38916" s="15">
        <v>45602</v>
      </c>
      <c r="F38916" s="14" t="s">
        <v>15</v>
      </c>
      <c r="G38916" s="16">
        <v>0.49363013637171205</v>
      </c>
    </row>
    <row r="38917" spans="1:7" x14ac:dyDescent="0.3">
      <c r="A38917" s="13" t="s">
        <v>232</v>
      </c>
      <c r="B38917" s="14" t="s">
        <v>1</v>
      </c>
      <c r="C38917" s="14" t="s">
        <v>101</v>
      </c>
      <c r="D38917" s="14" t="s">
        <v>18</v>
      </c>
      <c r="E38917" s="15">
        <v>45603</v>
      </c>
      <c r="F38917" s="14" t="s">
        <v>15</v>
      </c>
      <c r="G38917" s="16">
        <v>0.48939086095310491</v>
      </c>
    </row>
    <row r="38918" spans="1:7" x14ac:dyDescent="0.3">
      <c r="A38918" s="13" t="s">
        <v>232</v>
      </c>
      <c r="B38918" s="14" t="s">
        <v>1</v>
      </c>
      <c r="C38918" s="14" t="s">
        <v>101</v>
      </c>
      <c r="D38918" s="14" t="s">
        <v>18</v>
      </c>
      <c r="E38918" s="15">
        <v>45604</v>
      </c>
      <c r="F38918" s="14" t="s">
        <v>15</v>
      </c>
      <c r="G38918" s="16">
        <v>0.48515158553449778</v>
      </c>
    </row>
    <row r="38919" spans="1:7" x14ac:dyDescent="0.3">
      <c r="A38919" s="13" t="s">
        <v>232</v>
      </c>
      <c r="B38919" s="14" t="s">
        <v>1</v>
      </c>
      <c r="C38919" s="14" t="s">
        <v>101</v>
      </c>
      <c r="D38919" s="14" t="s">
        <v>18</v>
      </c>
      <c r="E38919" s="15">
        <v>45605</v>
      </c>
      <c r="F38919" s="14" t="s">
        <v>15</v>
      </c>
      <c r="G38919" s="16">
        <v>0.48515158553449778</v>
      </c>
    </row>
    <row r="38920" spans="1:7" x14ac:dyDescent="0.3">
      <c r="A38920" s="13" t="s">
        <v>232</v>
      </c>
      <c r="B38920" s="14" t="s">
        <v>1</v>
      </c>
      <c r="C38920" s="14" t="s">
        <v>101</v>
      </c>
      <c r="D38920" s="14" t="s">
        <v>18</v>
      </c>
      <c r="E38920" s="15">
        <v>45606</v>
      </c>
      <c r="F38920" s="14" t="s">
        <v>15</v>
      </c>
      <c r="G38920" s="16">
        <v>0.48515158553449778</v>
      </c>
    </row>
    <row r="38921" spans="1:7" x14ac:dyDescent="0.3">
      <c r="A38921" s="13" t="s">
        <v>232</v>
      </c>
      <c r="B38921" s="14" t="s">
        <v>1</v>
      </c>
      <c r="C38921" s="14" t="s">
        <v>101</v>
      </c>
      <c r="D38921" s="14" t="s">
        <v>18</v>
      </c>
      <c r="E38921" s="15">
        <v>45607</v>
      </c>
      <c r="F38921" s="14" t="s">
        <v>15</v>
      </c>
      <c r="G38921" s="16">
        <v>0.48091231011589064</v>
      </c>
    </row>
    <row r="38922" spans="1:7" x14ac:dyDescent="0.3">
      <c r="A38922" s="13" t="s">
        <v>232</v>
      </c>
      <c r="B38922" s="14" t="s">
        <v>1</v>
      </c>
      <c r="C38922" s="14" t="s">
        <v>101</v>
      </c>
      <c r="D38922" s="14" t="s">
        <v>18</v>
      </c>
      <c r="E38922" s="15">
        <v>45608</v>
      </c>
      <c r="F38922" s="14" t="s">
        <v>15</v>
      </c>
      <c r="G38922" s="16">
        <v>0.47167303469728344</v>
      </c>
    </row>
    <row r="38923" spans="1:7" x14ac:dyDescent="0.3">
      <c r="A38923" s="13" t="s">
        <v>232</v>
      </c>
      <c r="B38923" s="14" t="s">
        <v>1</v>
      </c>
      <c r="C38923" s="14" t="s">
        <v>101</v>
      </c>
      <c r="D38923" s="14" t="s">
        <v>18</v>
      </c>
      <c r="E38923" s="15">
        <v>45609</v>
      </c>
      <c r="F38923" s="14" t="s">
        <v>15</v>
      </c>
      <c r="G38923" s="16">
        <v>0.48643375927867627</v>
      </c>
    </row>
    <row r="38924" spans="1:7" x14ac:dyDescent="0.3">
      <c r="A38924" s="13" t="s">
        <v>232</v>
      </c>
      <c r="B38924" s="14" t="s">
        <v>1</v>
      </c>
      <c r="C38924" s="14" t="s">
        <v>101</v>
      </c>
      <c r="D38924" s="14" t="s">
        <v>18</v>
      </c>
      <c r="E38924" s="15">
        <v>45610</v>
      </c>
      <c r="F38924" s="14" t="s">
        <v>15</v>
      </c>
      <c r="G38924" s="16">
        <v>0.48519448386006908</v>
      </c>
    </row>
    <row r="38925" spans="1:7" x14ac:dyDescent="0.3">
      <c r="A38925" s="13" t="s">
        <v>232</v>
      </c>
      <c r="B38925" s="14" t="s">
        <v>1</v>
      </c>
      <c r="C38925" s="14" t="s">
        <v>101</v>
      </c>
      <c r="D38925" s="14" t="s">
        <v>18</v>
      </c>
      <c r="E38925" s="15">
        <v>45611</v>
      </c>
      <c r="F38925" s="14" t="s">
        <v>15</v>
      </c>
      <c r="G38925" s="16">
        <v>0.48095520844146195</v>
      </c>
    </row>
    <row r="38926" spans="1:7" x14ac:dyDescent="0.3">
      <c r="A38926" s="13" t="s">
        <v>232</v>
      </c>
      <c r="B38926" s="14" t="s">
        <v>1</v>
      </c>
      <c r="C38926" s="14" t="s">
        <v>101</v>
      </c>
      <c r="D38926" s="14" t="s">
        <v>18</v>
      </c>
      <c r="E38926" s="15">
        <v>45612</v>
      </c>
      <c r="F38926" s="14" t="s">
        <v>15</v>
      </c>
      <c r="G38926" s="16">
        <v>0.48095520844146195</v>
      </c>
    </row>
    <row r="38927" spans="1:7" x14ac:dyDescent="0.3">
      <c r="A38927" s="13" t="s">
        <v>232</v>
      </c>
      <c r="B38927" s="14" t="s">
        <v>1</v>
      </c>
      <c r="C38927" s="14" t="s">
        <v>101</v>
      </c>
      <c r="D38927" s="14" t="s">
        <v>18</v>
      </c>
      <c r="E38927" s="15">
        <v>45613</v>
      </c>
      <c r="F38927" s="14" t="s">
        <v>15</v>
      </c>
      <c r="G38927" s="16">
        <v>0.48095520844146195</v>
      </c>
    </row>
    <row r="38928" spans="1:7" x14ac:dyDescent="0.3">
      <c r="A38928" s="13" t="s">
        <v>232</v>
      </c>
      <c r="B38928" s="14" t="s">
        <v>1</v>
      </c>
      <c r="C38928" s="14" t="s">
        <v>101</v>
      </c>
      <c r="D38928" s="14" t="s">
        <v>18</v>
      </c>
      <c r="E38928" s="15">
        <v>45614</v>
      </c>
      <c r="F38928" s="14" t="s">
        <v>15</v>
      </c>
      <c r="G38928" s="16">
        <v>0.52071593302285479</v>
      </c>
    </row>
    <row r="38929" spans="1:7" x14ac:dyDescent="0.3">
      <c r="A38929" s="13" t="s">
        <v>232</v>
      </c>
      <c r="B38929" s="14" t="s">
        <v>1</v>
      </c>
      <c r="C38929" s="14" t="s">
        <v>101</v>
      </c>
      <c r="D38929" s="14" t="s">
        <v>18</v>
      </c>
      <c r="E38929" s="15">
        <v>45615</v>
      </c>
      <c r="F38929" s="14" t="s">
        <v>15</v>
      </c>
      <c r="G38929" s="16">
        <v>0.51147665760424754</v>
      </c>
    </row>
    <row r="38930" spans="1:7" x14ac:dyDescent="0.3">
      <c r="A38930" s="13" t="s">
        <v>232</v>
      </c>
      <c r="B38930" s="14" t="s">
        <v>1</v>
      </c>
      <c r="C38930" s="14" t="s">
        <v>101</v>
      </c>
      <c r="D38930" s="14" t="s">
        <v>18</v>
      </c>
      <c r="E38930" s="15">
        <v>45616</v>
      </c>
      <c r="F38930" s="14" t="s">
        <v>15</v>
      </c>
      <c r="G38930" s="16">
        <v>0.50723738218564041</v>
      </c>
    </row>
    <row r="38931" spans="1:7" x14ac:dyDescent="0.3">
      <c r="A38931" s="13" t="s">
        <v>232</v>
      </c>
      <c r="B38931" s="14" t="s">
        <v>1</v>
      </c>
      <c r="C38931" s="14" t="s">
        <v>101</v>
      </c>
      <c r="D38931" s="14" t="s">
        <v>18</v>
      </c>
      <c r="E38931" s="15">
        <v>45617</v>
      </c>
      <c r="F38931" s="14" t="s">
        <v>15</v>
      </c>
      <c r="G38931" s="16">
        <v>0.50299810676703327</v>
      </c>
    </row>
    <row r="38932" spans="1:7" x14ac:dyDescent="0.3">
      <c r="A38932" s="13" t="s">
        <v>232</v>
      </c>
      <c r="B38932" s="14" t="s">
        <v>1</v>
      </c>
      <c r="C38932" s="14" t="s">
        <v>101</v>
      </c>
      <c r="D38932" s="14" t="s">
        <v>18</v>
      </c>
      <c r="E38932" s="15">
        <v>45618</v>
      </c>
      <c r="F38932" s="14" t="s">
        <v>15</v>
      </c>
      <c r="G38932" s="16">
        <v>0.49875883134842613</v>
      </c>
    </row>
    <row r="38933" spans="1:7" x14ac:dyDescent="0.3">
      <c r="A38933" s="13" t="s">
        <v>232</v>
      </c>
      <c r="B38933" s="14" t="s">
        <v>1</v>
      </c>
      <c r="C38933" s="14" t="s">
        <v>101</v>
      </c>
      <c r="D38933" s="14" t="s">
        <v>18</v>
      </c>
      <c r="E38933" s="15">
        <v>45619</v>
      </c>
      <c r="F38933" s="14" t="s">
        <v>15</v>
      </c>
      <c r="G38933" s="16">
        <v>0.49875883134842613</v>
      </c>
    </row>
    <row r="38934" spans="1:7" x14ac:dyDescent="0.3">
      <c r="A38934" s="13" t="s">
        <v>232</v>
      </c>
      <c r="B38934" s="14" t="s">
        <v>1</v>
      </c>
      <c r="C38934" s="14" t="s">
        <v>101</v>
      </c>
      <c r="D38934" s="14" t="s">
        <v>18</v>
      </c>
      <c r="E38934" s="15">
        <v>45620</v>
      </c>
      <c r="F38934" s="14" t="s">
        <v>15</v>
      </c>
      <c r="G38934" s="16">
        <v>0.49875883134842613</v>
      </c>
    </row>
    <row r="38935" spans="1:7" x14ac:dyDescent="0.3">
      <c r="A38935" s="13" t="s">
        <v>232</v>
      </c>
      <c r="B38935" s="14" t="s">
        <v>1</v>
      </c>
      <c r="C38935" s="14" t="s">
        <v>101</v>
      </c>
      <c r="D38935" s="14" t="s">
        <v>18</v>
      </c>
      <c r="E38935" s="15">
        <v>45621</v>
      </c>
      <c r="F38935" s="14" t="s">
        <v>15</v>
      </c>
      <c r="G38935" s="16">
        <v>0.5055195559298189</v>
      </c>
    </row>
    <row r="38936" spans="1:7" x14ac:dyDescent="0.3">
      <c r="A38936" s="13" t="s">
        <v>232</v>
      </c>
      <c r="B38936" s="14" t="s">
        <v>1</v>
      </c>
      <c r="C38936" s="14" t="s">
        <v>101</v>
      </c>
      <c r="D38936" s="14" t="s">
        <v>18</v>
      </c>
      <c r="E38936" s="15">
        <v>45622</v>
      </c>
      <c r="F38936" s="14" t="s">
        <v>15</v>
      </c>
      <c r="G38936" s="16">
        <v>0.49628028051121176</v>
      </c>
    </row>
    <row r="38937" spans="1:7" x14ac:dyDescent="0.3">
      <c r="A38937" s="13" t="s">
        <v>232</v>
      </c>
      <c r="B38937" s="14" t="s">
        <v>1</v>
      </c>
      <c r="C38937" s="14" t="s">
        <v>101</v>
      </c>
      <c r="D38937" s="14" t="s">
        <v>18</v>
      </c>
      <c r="E38937" s="15">
        <v>45623</v>
      </c>
      <c r="F38937" s="14" t="s">
        <v>15</v>
      </c>
      <c r="G38937" s="16">
        <v>0.49804100509260457</v>
      </c>
    </row>
    <row r="38938" spans="1:7" x14ac:dyDescent="0.3">
      <c r="A38938" s="13" t="s">
        <v>232</v>
      </c>
      <c r="B38938" s="14" t="s">
        <v>1</v>
      </c>
      <c r="C38938" s="14" t="s">
        <v>101</v>
      </c>
      <c r="D38938" s="14" t="s">
        <v>18</v>
      </c>
      <c r="E38938" s="15">
        <v>45624</v>
      </c>
      <c r="F38938" s="14" t="s">
        <v>15</v>
      </c>
      <c r="G38938" s="16">
        <v>0.49180172967399738</v>
      </c>
    </row>
    <row r="38939" spans="1:7" x14ac:dyDescent="0.3">
      <c r="A38939" s="13" t="s">
        <v>232</v>
      </c>
      <c r="B38939" s="14" t="s">
        <v>1</v>
      </c>
      <c r="C38939" s="14" t="s">
        <v>101</v>
      </c>
      <c r="D38939" s="14" t="s">
        <v>18</v>
      </c>
      <c r="E38939" s="15">
        <v>45625</v>
      </c>
      <c r="F38939" s="14" t="s">
        <v>15</v>
      </c>
      <c r="G38939" s="16">
        <v>0.48756245425539024</v>
      </c>
    </row>
    <row r="38940" spans="1:7" x14ac:dyDescent="0.3">
      <c r="A38940" s="13" t="s">
        <v>232</v>
      </c>
      <c r="B38940" s="14" t="s">
        <v>1</v>
      </c>
      <c r="C38940" s="14" t="s">
        <v>101</v>
      </c>
      <c r="D38940" s="14" t="s">
        <v>18</v>
      </c>
      <c r="E38940" s="15">
        <v>45626</v>
      </c>
      <c r="F38940" s="14" t="s">
        <v>15</v>
      </c>
      <c r="G38940" s="16">
        <v>0.48756245425539024</v>
      </c>
    </row>
    <row r="38941" spans="1:7" x14ac:dyDescent="0.3">
      <c r="A38941" s="13" t="s">
        <v>232</v>
      </c>
      <c r="B38941" s="14" t="s">
        <v>1</v>
      </c>
      <c r="C38941" s="14" t="s">
        <v>101</v>
      </c>
      <c r="D38941" s="14" t="s">
        <v>18</v>
      </c>
      <c r="E38941" s="15">
        <v>45627</v>
      </c>
      <c r="F38941" s="14" t="s">
        <v>15</v>
      </c>
      <c r="G38941" s="16">
        <v>0.48756245425539024</v>
      </c>
    </row>
    <row r="38942" spans="1:7" x14ac:dyDescent="0.3">
      <c r="A38942" s="13" t="s">
        <v>232</v>
      </c>
      <c r="B38942" s="14" t="s">
        <v>1</v>
      </c>
      <c r="C38942" s="14" t="s">
        <v>101</v>
      </c>
      <c r="D38942" s="14" t="s">
        <v>18</v>
      </c>
      <c r="E38942" s="15">
        <v>45628</v>
      </c>
      <c r="F38942" s="14" t="s">
        <v>15</v>
      </c>
      <c r="G38942" s="16">
        <v>0.52532317883678314</v>
      </c>
    </row>
    <row r="38943" spans="1:7" x14ac:dyDescent="0.3">
      <c r="A38943" s="13" t="s">
        <v>232</v>
      </c>
      <c r="B38943" s="14" t="s">
        <v>1</v>
      </c>
      <c r="C38943" s="14" t="s">
        <v>101</v>
      </c>
      <c r="D38943" s="14" t="s">
        <v>18</v>
      </c>
      <c r="E38943" s="15">
        <v>45629</v>
      </c>
      <c r="F38943" s="14" t="s">
        <v>15</v>
      </c>
      <c r="G38943" s="16">
        <v>0.5180839034181759</v>
      </c>
    </row>
    <row r="38944" spans="1:7" x14ac:dyDescent="0.3">
      <c r="A38944" s="13" t="s">
        <v>232</v>
      </c>
      <c r="B38944" s="14" t="s">
        <v>1</v>
      </c>
      <c r="C38944" s="14" t="s">
        <v>101</v>
      </c>
      <c r="D38944" s="14" t="s">
        <v>18</v>
      </c>
      <c r="E38944" s="15">
        <v>45630</v>
      </c>
      <c r="F38944" s="14" t="s">
        <v>15</v>
      </c>
      <c r="G38944" s="16">
        <v>0.52884462799956877</v>
      </c>
    </row>
    <row r="38945" spans="1:7" x14ac:dyDescent="0.3">
      <c r="A38945" s="13" t="s">
        <v>232</v>
      </c>
      <c r="B38945" s="14" t="s">
        <v>1</v>
      </c>
      <c r="C38945" s="14" t="s">
        <v>101</v>
      </c>
      <c r="D38945" s="14" t="s">
        <v>18</v>
      </c>
      <c r="E38945" s="15">
        <v>45631</v>
      </c>
      <c r="F38945" s="14" t="s">
        <v>15</v>
      </c>
      <c r="G38945" s="16">
        <v>0.52460535258096164</v>
      </c>
    </row>
    <row r="38946" spans="1:7" x14ac:dyDescent="0.3">
      <c r="A38946" s="13" t="s">
        <v>232</v>
      </c>
      <c r="B38946" s="14" t="s">
        <v>1</v>
      </c>
      <c r="C38946" s="14" t="s">
        <v>101</v>
      </c>
      <c r="D38946" s="14" t="s">
        <v>18</v>
      </c>
      <c r="E38946" s="15">
        <v>45632</v>
      </c>
      <c r="F38946" s="14" t="s">
        <v>15</v>
      </c>
      <c r="G38946" s="16">
        <v>0.5203660771623545</v>
      </c>
    </row>
    <row r="38947" spans="1:7" x14ac:dyDescent="0.3">
      <c r="A38947" s="13" t="s">
        <v>232</v>
      </c>
      <c r="B38947" s="14" t="s">
        <v>1</v>
      </c>
      <c r="C38947" s="14" t="s">
        <v>101</v>
      </c>
      <c r="D38947" s="14" t="s">
        <v>18</v>
      </c>
      <c r="E38947" s="15">
        <v>45633</v>
      </c>
      <c r="F38947" s="14" t="s">
        <v>15</v>
      </c>
      <c r="G38947" s="16">
        <v>0.5203660771623545</v>
      </c>
    </row>
    <row r="38948" spans="1:7" x14ac:dyDescent="0.3">
      <c r="A38948" s="13" t="s">
        <v>232</v>
      </c>
      <c r="B38948" s="14" t="s">
        <v>1</v>
      </c>
      <c r="C38948" s="14" t="s">
        <v>101</v>
      </c>
      <c r="D38948" s="14" t="s">
        <v>18</v>
      </c>
      <c r="E38948" s="15">
        <v>45634</v>
      </c>
      <c r="F38948" s="14" t="s">
        <v>15</v>
      </c>
      <c r="G38948" s="16">
        <v>0.5203660771623545</v>
      </c>
    </row>
    <row r="38949" spans="1:7" x14ac:dyDescent="0.3">
      <c r="A38949" s="13" t="s">
        <v>232</v>
      </c>
      <c r="B38949" s="14" t="s">
        <v>1</v>
      </c>
      <c r="C38949" s="14" t="s">
        <v>101</v>
      </c>
      <c r="D38949" s="14" t="s">
        <v>18</v>
      </c>
      <c r="E38949" s="15">
        <v>45635</v>
      </c>
      <c r="F38949" s="14" t="s">
        <v>15</v>
      </c>
      <c r="G38949" s="16">
        <v>0.53012680174374727</v>
      </c>
    </row>
    <row r="38950" spans="1:7" x14ac:dyDescent="0.3">
      <c r="A38950" s="13" t="s">
        <v>232</v>
      </c>
      <c r="B38950" s="14" t="s">
        <v>1</v>
      </c>
      <c r="C38950" s="14" t="s">
        <v>101</v>
      </c>
      <c r="D38950" s="14" t="s">
        <v>18</v>
      </c>
      <c r="E38950" s="15">
        <v>45636</v>
      </c>
      <c r="F38950" s="14" t="s">
        <v>15</v>
      </c>
      <c r="G38950" s="16">
        <v>0.52088752632514024</v>
      </c>
    </row>
    <row r="38951" spans="1:7" x14ac:dyDescent="0.3">
      <c r="A38951" s="13" t="s">
        <v>232</v>
      </c>
      <c r="B38951" s="14" t="s">
        <v>1</v>
      </c>
      <c r="C38951" s="14" t="s">
        <v>101</v>
      </c>
      <c r="D38951" s="14" t="s">
        <v>18</v>
      </c>
      <c r="E38951" s="15">
        <v>45637</v>
      </c>
      <c r="F38951" s="14" t="s">
        <v>15</v>
      </c>
      <c r="G38951" s="16">
        <v>0.5166482509065331</v>
      </c>
    </row>
    <row r="38952" spans="1:7" x14ac:dyDescent="0.3">
      <c r="A38952" s="13" t="s">
        <v>232</v>
      </c>
      <c r="B38952" s="14" t="s">
        <v>1</v>
      </c>
      <c r="C38952" s="14" t="s">
        <v>101</v>
      </c>
      <c r="D38952" s="14" t="s">
        <v>18</v>
      </c>
      <c r="E38952" s="15">
        <v>45638</v>
      </c>
      <c r="F38952" s="14" t="s">
        <v>15</v>
      </c>
      <c r="G38952" s="16">
        <v>0.51640897548792597</v>
      </c>
    </row>
    <row r="38953" spans="1:7" x14ac:dyDescent="0.3">
      <c r="A38953" s="13" t="s">
        <v>232</v>
      </c>
      <c r="B38953" s="14" t="s">
        <v>1</v>
      </c>
      <c r="C38953" s="14" t="s">
        <v>101</v>
      </c>
      <c r="D38953" s="14" t="s">
        <v>18</v>
      </c>
      <c r="E38953" s="15">
        <v>45639</v>
      </c>
      <c r="F38953" s="14" t="s">
        <v>15</v>
      </c>
      <c r="G38953" s="16">
        <v>0.51216970006931883</v>
      </c>
    </row>
    <row r="38954" spans="1:7" x14ac:dyDescent="0.3">
      <c r="A38954" s="13" t="s">
        <v>232</v>
      </c>
      <c r="B38954" s="14" t="s">
        <v>1</v>
      </c>
      <c r="C38954" s="14" t="s">
        <v>101</v>
      </c>
      <c r="D38954" s="14" t="s">
        <v>18</v>
      </c>
      <c r="E38954" s="15">
        <v>45640</v>
      </c>
      <c r="F38954" s="14" t="s">
        <v>15</v>
      </c>
      <c r="G38954" s="16">
        <v>0.51216970006931883</v>
      </c>
    </row>
    <row r="38955" spans="1:7" x14ac:dyDescent="0.3">
      <c r="A38955" s="13" t="s">
        <v>232</v>
      </c>
      <c r="B38955" s="14" t="s">
        <v>1</v>
      </c>
      <c r="C38955" s="14" t="s">
        <v>101</v>
      </c>
      <c r="D38955" s="14" t="s">
        <v>18</v>
      </c>
      <c r="E38955" s="15">
        <v>45641</v>
      </c>
      <c r="F38955" s="14" t="s">
        <v>15</v>
      </c>
      <c r="G38955" s="16">
        <v>0.51216970006931883</v>
      </c>
    </row>
    <row r="38956" spans="1:7" x14ac:dyDescent="0.3">
      <c r="A38956" s="13" t="s">
        <v>232</v>
      </c>
      <c r="B38956" s="14" t="s">
        <v>1</v>
      </c>
      <c r="C38956" s="14" t="s">
        <v>101</v>
      </c>
      <c r="D38956" s="14" t="s">
        <v>18</v>
      </c>
      <c r="E38956" s="15">
        <v>45642</v>
      </c>
      <c r="F38956" s="14" t="s">
        <v>15</v>
      </c>
      <c r="G38956" s="16">
        <v>0.50993042465071159</v>
      </c>
    </row>
    <row r="38957" spans="1:7" x14ac:dyDescent="0.3">
      <c r="A38957" s="13" t="s">
        <v>232</v>
      </c>
      <c r="B38957" s="14" t="s">
        <v>1</v>
      </c>
      <c r="C38957" s="14" t="s">
        <v>101</v>
      </c>
      <c r="D38957" s="14" t="s">
        <v>18</v>
      </c>
      <c r="E38957" s="15">
        <v>45643</v>
      </c>
      <c r="F38957" s="14" t="s">
        <v>15</v>
      </c>
      <c r="G38957" s="16">
        <v>0.50069114923210445</v>
      </c>
    </row>
    <row r="38958" spans="1:7" x14ac:dyDescent="0.3">
      <c r="A38958" s="13" t="s">
        <v>232</v>
      </c>
      <c r="B38958" s="14" t="s">
        <v>1</v>
      </c>
      <c r="C38958" s="14" t="s">
        <v>101</v>
      </c>
      <c r="D38958" s="14" t="s">
        <v>18</v>
      </c>
      <c r="E38958" s="15">
        <v>45644</v>
      </c>
      <c r="F38958" s="14" t="s">
        <v>15</v>
      </c>
      <c r="G38958" s="16">
        <v>0.50445187381349732</v>
      </c>
    </row>
    <row r="38959" spans="1:7" x14ac:dyDescent="0.3">
      <c r="A38959" s="13" t="s">
        <v>232</v>
      </c>
      <c r="B38959" s="14" t="s">
        <v>1</v>
      </c>
      <c r="C38959" s="14" t="s">
        <v>101</v>
      </c>
      <c r="D38959" s="14" t="s">
        <v>18</v>
      </c>
      <c r="E38959" s="15">
        <v>45645</v>
      </c>
      <c r="F38959" s="14" t="s">
        <v>15</v>
      </c>
      <c r="G38959" s="16">
        <v>0.50021259839489018</v>
      </c>
    </row>
    <row r="38960" spans="1:7" x14ac:dyDescent="0.3">
      <c r="A38960" s="13" t="s">
        <v>232</v>
      </c>
      <c r="B38960" s="14" t="s">
        <v>1</v>
      </c>
      <c r="C38960" s="14" t="s">
        <v>101</v>
      </c>
      <c r="D38960" s="14" t="s">
        <v>18</v>
      </c>
      <c r="E38960" s="15">
        <v>45646</v>
      </c>
      <c r="F38960" s="14" t="s">
        <v>15</v>
      </c>
      <c r="G38960" s="16">
        <v>0.50497332297628306</v>
      </c>
    </row>
    <row r="38961" spans="1:7" x14ac:dyDescent="0.3">
      <c r="A38961" s="13" t="s">
        <v>232</v>
      </c>
      <c r="B38961" s="14" t="s">
        <v>1</v>
      </c>
      <c r="C38961" s="14" t="s">
        <v>101</v>
      </c>
      <c r="D38961" s="14" t="s">
        <v>18</v>
      </c>
      <c r="E38961" s="15">
        <v>45647</v>
      </c>
      <c r="F38961" s="14" t="s">
        <v>15</v>
      </c>
      <c r="G38961" s="16">
        <v>0.50497332297628306</v>
      </c>
    </row>
    <row r="38962" spans="1:7" x14ac:dyDescent="0.3">
      <c r="A38962" s="13" t="s">
        <v>232</v>
      </c>
      <c r="B38962" s="14" t="s">
        <v>1</v>
      </c>
      <c r="C38962" s="14" t="s">
        <v>101</v>
      </c>
      <c r="D38962" s="14" t="s">
        <v>18</v>
      </c>
      <c r="E38962" s="15">
        <v>45648</v>
      </c>
      <c r="F38962" s="14" t="s">
        <v>15</v>
      </c>
      <c r="G38962" s="16">
        <v>0.50497332297628306</v>
      </c>
    </row>
    <row r="38963" spans="1:7" x14ac:dyDescent="0.3">
      <c r="A38963" s="13" t="s">
        <v>232</v>
      </c>
      <c r="B38963" s="14" t="s">
        <v>1</v>
      </c>
      <c r="C38963" s="14" t="s">
        <v>101</v>
      </c>
      <c r="D38963" s="14" t="s">
        <v>18</v>
      </c>
      <c r="E38963" s="15">
        <v>45649</v>
      </c>
      <c r="F38963" s="14" t="s">
        <v>15</v>
      </c>
      <c r="G38963" s="16">
        <v>0.50473404755767592</v>
      </c>
    </row>
    <row r="38964" spans="1:7" x14ac:dyDescent="0.3">
      <c r="A38964" s="13" t="s">
        <v>232</v>
      </c>
      <c r="B38964" s="14" t="s">
        <v>1</v>
      </c>
      <c r="C38964" s="14" t="s">
        <v>101</v>
      </c>
      <c r="D38964" s="14" t="s">
        <v>18</v>
      </c>
      <c r="E38964" s="15">
        <v>45650</v>
      </c>
      <c r="F38964" s="14" t="s">
        <v>15</v>
      </c>
      <c r="G38964" s="16">
        <v>0.50149477213906879</v>
      </c>
    </row>
    <row r="38965" spans="1:7" x14ac:dyDescent="0.3">
      <c r="A38965" s="13" t="s">
        <v>232</v>
      </c>
      <c r="B38965" s="14" t="s">
        <v>1</v>
      </c>
      <c r="C38965" s="14" t="s">
        <v>101</v>
      </c>
      <c r="D38965" s="14" t="s">
        <v>18</v>
      </c>
      <c r="E38965" s="15">
        <v>45651</v>
      </c>
      <c r="F38965" s="14" t="s">
        <v>15</v>
      </c>
      <c r="G38965" s="16">
        <v>0.50149477213906879</v>
      </c>
    </row>
    <row r="38966" spans="1:7" x14ac:dyDescent="0.3">
      <c r="A38966" s="13" t="s">
        <v>232</v>
      </c>
      <c r="B38966" s="14" t="s">
        <v>1</v>
      </c>
      <c r="C38966" s="14" t="s">
        <v>101</v>
      </c>
      <c r="D38966" s="14" t="s">
        <v>18</v>
      </c>
      <c r="E38966" s="15">
        <v>45652</v>
      </c>
      <c r="F38966" s="14" t="s">
        <v>15</v>
      </c>
      <c r="G38966" s="16">
        <v>0.50149477213906879</v>
      </c>
    </row>
    <row r="38967" spans="1:7" x14ac:dyDescent="0.3">
      <c r="A38967" s="13" t="s">
        <v>232</v>
      </c>
      <c r="B38967" s="14" t="s">
        <v>1</v>
      </c>
      <c r="C38967" s="14" t="s">
        <v>101</v>
      </c>
      <c r="D38967" s="14" t="s">
        <v>18</v>
      </c>
      <c r="E38967" s="15">
        <v>45653</v>
      </c>
      <c r="F38967" s="14" t="s">
        <v>15</v>
      </c>
      <c r="G38967" s="16">
        <v>0.50149477213906879</v>
      </c>
    </row>
    <row r="38968" spans="1:7" x14ac:dyDescent="0.3">
      <c r="A38968" s="13" t="s">
        <v>232</v>
      </c>
      <c r="B38968" s="14" t="s">
        <v>1</v>
      </c>
      <c r="C38968" s="14" t="s">
        <v>101</v>
      </c>
      <c r="D38968" s="14" t="s">
        <v>18</v>
      </c>
      <c r="E38968" s="15">
        <v>45654</v>
      </c>
      <c r="F38968" s="14" t="s">
        <v>15</v>
      </c>
      <c r="G38968" s="16">
        <v>0.50149477213906879</v>
      </c>
    </row>
    <row r="38969" spans="1:7" x14ac:dyDescent="0.3">
      <c r="A38969" s="13" t="s">
        <v>232</v>
      </c>
      <c r="B38969" s="14" t="s">
        <v>1</v>
      </c>
      <c r="C38969" s="14" t="s">
        <v>101</v>
      </c>
      <c r="D38969" s="14" t="s">
        <v>18</v>
      </c>
      <c r="E38969" s="15">
        <v>45655</v>
      </c>
      <c r="F38969" s="14" t="s">
        <v>15</v>
      </c>
      <c r="G38969" s="16">
        <v>0.50149477213906879</v>
      </c>
    </row>
    <row r="38970" spans="1:7" x14ac:dyDescent="0.3">
      <c r="A38970" s="13" t="s">
        <v>232</v>
      </c>
      <c r="B38970" s="14" t="s">
        <v>1</v>
      </c>
      <c r="C38970" s="14" t="s">
        <v>101</v>
      </c>
      <c r="D38970" s="14" t="s">
        <v>18</v>
      </c>
      <c r="E38970" s="15">
        <v>45656</v>
      </c>
      <c r="F38970" s="14" t="s">
        <v>15</v>
      </c>
      <c r="G38970" s="16">
        <v>0.49725549672046165</v>
      </c>
    </row>
    <row r="38971" spans="1:7" x14ac:dyDescent="0.3">
      <c r="A38971" s="13" t="s">
        <v>232</v>
      </c>
      <c r="B38971" s="14" t="s">
        <v>1</v>
      </c>
      <c r="C38971" s="14" t="s">
        <v>101</v>
      </c>
      <c r="D38971" s="14" t="s">
        <v>18</v>
      </c>
      <c r="E38971" s="15">
        <v>45657</v>
      </c>
      <c r="F38971" s="14" t="s">
        <v>15</v>
      </c>
      <c r="G38971" s="16">
        <v>0.49701622130185452</v>
      </c>
    </row>
    <row r="38972" spans="1:7" x14ac:dyDescent="0.3">
      <c r="A38972" s="13" t="s">
        <v>232</v>
      </c>
      <c r="B38972" s="14" t="s">
        <v>1</v>
      </c>
      <c r="C38972" s="14" t="s">
        <v>101</v>
      </c>
      <c r="D38972" s="14" t="s">
        <v>18</v>
      </c>
      <c r="E38972" s="15">
        <v>45658</v>
      </c>
      <c r="F38972" s="14" t="s">
        <v>15</v>
      </c>
      <c r="G38972" s="16">
        <v>0.49701622130185452</v>
      </c>
    </row>
    <row r="38973" spans="1:7" x14ac:dyDescent="0.3">
      <c r="A38973" s="13" t="s">
        <v>232</v>
      </c>
      <c r="B38973" s="14" t="s">
        <v>1</v>
      </c>
      <c r="C38973" s="14" t="s">
        <v>101</v>
      </c>
      <c r="D38973" s="14" t="s">
        <v>18</v>
      </c>
      <c r="E38973" s="15">
        <v>45659</v>
      </c>
      <c r="F38973" s="14" t="s">
        <v>15</v>
      </c>
      <c r="G38973" s="16">
        <v>0.49977694588324734</v>
      </c>
    </row>
    <row r="38974" spans="1:7" x14ac:dyDescent="0.3">
      <c r="A38974" s="13" t="s">
        <v>232</v>
      </c>
      <c r="B38974" s="14" t="s">
        <v>1</v>
      </c>
      <c r="C38974" s="14" t="s">
        <v>101</v>
      </c>
      <c r="D38974" s="14" t="s">
        <v>18</v>
      </c>
      <c r="E38974" s="15">
        <v>45660</v>
      </c>
      <c r="F38974" s="14" t="s">
        <v>15</v>
      </c>
      <c r="G38974" s="16">
        <v>0.49253767046464014</v>
      </c>
    </row>
    <row r="38975" spans="1:7" x14ac:dyDescent="0.3">
      <c r="A38975" s="13" t="s">
        <v>232</v>
      </c>
      <c r="B38975" s="14" t="s">
        <v>1</v>
      </c>
      <c r="C38975" s="14" t="s">
        <v>101</v>
      </c>
      <c r="D38975" s="14" t="s">
        <v>18</v>
      </c>
      <c r="E38975" s="15">
        <v>45661</v>
      </c>
      <c r="F38975" s="14" t="s">
        <v>15</v>
      </c>
      <c r="G38975" s="16">
        <v>0.49253767046464014</v>
      </c>
    </row>
    <row r="38976" spans="1:7" x14ac:dyDescent="0.3">
      <c r="A38976" s="13" t="s">
        <v>232</v>
      </c>
      <c r="B38976" s="14" t="s">
        <v>1</v>
      </c>
      <c r="C38976" s="14" t="s">
        <v>101</v>
      </c>
      <c r="D38976" s="14" t="s">
        <v>18</v>
      </c>
      <c r="E38976" s="15">
        <v>45662</v>
      </c>
      <c r="F38976" s="14" t="s">
        <v>15</v>
      </c>
      <c r="G38976" s="16">
        <v>0.49253767046464014</v>
      </c>
    </row>
    <row r="38977" spans="1:7" x14ac:dyDescent="0.3">
      <c r="A38977" s="13" t="s">
        <v>232</v>
      </c>
      <c r="B38977" s="14" t="s">
        <v>1</v>
      </c>
      <c r="C38977" s="14" t="s">
        <v>101</v>
      </c>
      <c r="D38977" s="14" t="s">
        <v>18</v>
      </c>
      <c r="E38977" s="15">
        <v>45663</v>
      </c>
      <c r="F38977" s="14" t="s">
        <v>15</v>
      </c>
      <c r="G38977" s="16">
        <v>0.48829839504603301</v>
      </c>
    </row>
    <row r="38978" spans="1:7" x14ac:dyDescent="0.3">
      <c r="A38978" s="13" t="s">
        <v>232</v>
      </c>
      <c r="B38978" s="14" t="s">
        <v>1</v>
      </c>
      <c r="C38978" s="14" t="s">
        <v>101</v>
      </c>
      <c r="D38978" s="14" t="s">
        <v>18</v>
      </c>
      <c r="E38978" s="15">
        <v>45664</v>
      </c>
      <c r="F38978" s="14" t="s">
        <v>15</v>
      </c>
      <c r="G38978" s="16">
        <v>0.47305911962742586</v>
      </c>
    </row>
    <row r="38979" spans="1:7" x14ac:dyDescent="0.3">
      <c r="A38979" s="13" t="s">
        <v>232</v>
      </c>
      <c r="B38979" s="14" t="s">
        <v>1</v>
      </c>
      <c r="C38979" s="14" t="s">
        <v>101</v>
      </c>
      <c r="D38979" s="14" t="s">
        <v>18</v>
      </c>
      <c r="E38979" s="15">
        <v>45665</v>
      </c>
      <c r="F38979" s="14" t="s">
        <v>15</v>
      </c>
      <c r="G38979" s="16">
        <v>0.46881984420881873</v>
      </c>
    </row>
    <row r="38980" spans="1:7" x14ac:dyDescent="0.3">
      <c r="A38980" s="13" t="s">
        <v>232</v>
      </c>
      <c r="B38980" s="14" t="s">
        <v>1</v>
      </c>
      <c r="C38980" s="14" t="s">
        <v>101</v>
      </c>
      <c r="D38980" s="14" t="s">
        <v>18</v>
      </c>
      <c r="E38980" s="15">
        <v>45666</v>
      </c>
      <c r="F38980" s="14" t="s">
        <v>15</v>
      </c>
      <c r="G38980" s="16">
        <v>0.46458056879021159</v>
      </c>
    </row>
    <row r="38981" spans="1:7" x14ac:dyDescent="0.3">
      <c r="A38981" s="13" t="s">
        <v>232</v>
      </c>
      <c r="B38981" s="14" t="s">
        <v>1</v>
      </c>
      <c r="C38981" s="14" t="s">
        <v>101</v>
      </c>
      <c r="D38981" s="14" t="s">
        <v>18</v>
      </c>
      <c r="E38981" s="15">
        <v>45667</v>
      </c>
      <c r="F38981" s="14" t="s">
        <v>15</v>
      </c>
      <c r="G38981" s="16">
        <v>0.47134129337160441</v>
      </c>
    </row>
    <row r="38982" spans="1:7" x14ac:dyDescent="0.3">
      <c r="A38982" s="13" t="s">
        <v>232</v>
      </c>
      <c r="B38982" s="14" t="s">
        <v>1</v>
      </c>
      <c r="C38982" s="14" t="s">
        <v>101</v>
      </c>
      <c r="D38982" s="14" t="s">
        <v>18</v>
      </c>
      <c r="E38982" s="15">
        <v>45668</v>
      </c>
      <c r="F38982" s="14" t="s">
        <v>15</v>
      </c>
      <c r="G38982" s="16">
        <v>0.47134129337160441</v>
      </c>
    </row>
    <row r="38983" spans="1:7" x14ac:dyDescent="0.3">
      <c r="A38983" s="13" t="s">
        <v>232</v>
      </c>
      <c r="B38983" s="14" t="s">
        <v>1</v>
      </c>
      <c r="C38983" s="14" t="s">
        <v>101</v>
      </c>
      <c r="D38983" s="14" t="s">
        <v>18</v>
      </c>
      <c r="E38983" s="15">
        <v>45669</v>
      </c>
      <c r="F38983" s="14" t="s">
        <v>15</v>
      </c>
      <c r="G38983" s="16">
        <v>0.47134129337160441</v>
      </c>
    </row>
    <row r="38984" spans="1:7" x14ac:dyDescent="0.3">
      <c r="A38984" s="13" t="s">
        <v>232</v>
      </c>
      <c r="B38984" s="14" t="s">
        <v>1</v>
      </c>
      <c r="C38984" s="14" t="s">
        <v>101</v>
      </c>
      <c r="D38984" s="14" t="s">
        <v>18</v>
      </c>
      <c r="E38984" s="15">
        <v>45670</v>
      </c>
      <c r="F38984" s="14" t="s">
        <v>15</v>
      </c>
      <c r="G38984" s="16">
        <v>0.46710201795299727</v>
      </c>
    </row>
    <row r="38985" spans="1:7" x14ac:dyDescent="0.3">
      <c r="A38985" s="13" t="s">
        <v>232</v>
      </c>
      <c r="B38985" s="14" t="s">
        <v>1</v>
      </c>
      <c r="C38985" s="14" t="s">
        <v>101</v>
      </c>
      <c r="D38985" s="14" t="s">
        <v>18</v>
      </c>
      <c r="E38985" s="15">
        <v>45671</v>
      </c>
      <c r="F38985" s="14" t="s">
        <v>15</v>
      </c>
      <c r="G38985" s="16">
        <v>0.45786274253439013</v>
      </c>
    </row>
    <row r="38986" spans="1:7" x14ac:dyDescent="0.3">
      <c r="A38986" s="13" t="s">
        <v>232</v>
      </c>
      <c r="B38986" s="14" t="s">
        <v>1</v>
      </c>
      <c r="C38986" s="14" t="s">
        <v>101</v>
      </c>
      <c r="D38986" s="14" t="s">
        <v>18</v>
      </c>
      <c r="E38986" s="15">
        <v>45672</v>
      </c>
      <c r="F38986" s="14" t="s">
        <v>15</v>
      </c>
      <c r="G38986" s="16">
        <v>0.453623467115783</v>
      </c>
    </row>
    <row r="38987" spans="1:7" x14ac:dyDescent="0.3">
      <c r="A38987" s="13" t="s">
        <v>232</v>
      </c>
      <c r="B38987" s="14" t="s">
        <v>1</v>
      </c>
      <c r="C38987" s="14" t="s">
        <v>101</v>
      </c>
      <c r="D38987" s="14" t="s">
        <v>18</v>
      </c>
      <c r="E38987" s="15">
        <v>45673</v>
      </c>
      <c r="F38987" s="14" t="s">
        <v>15</v>
      </c>
      <c r="G38987" s="16">
        <v>0.44938419169717586</v>
      </c>
    </row>
    <row r="38988" spans="1:7" x14ac:dyDescent="0.3">
      <c r="A38988" s="13" t="s">
        <v>232</v>
      </c>
      <c r="B38988" s="14" t="s">
        <v>1</v>
      </c>
      <c r="C38988" s="14" t="s">
        <v>101</v>
      </c>
      <c r="D38988" s="14" t="s">
        <v>18</v>
      </c>
      <c r="E38988" s="15">
        <v>45674</v>
      </c>
      <c r="F38988" s="14" t="s">
        <v>15</v>
      </c>
      <c r="G38988" s="16">
        <v>0.44514491627856873</v>
      </c>
    </row>
    <row r="38989" spans="1:7" x14ac:dyDescent="0.3">
      <c r="A38989" s="13" t="s">
        <v>232</v>
      </c>
      <c r="B38989" s="14" t="s">
        <v>1</v>
      </c>
      <c r="C38989" s="14" t="s">
        <v>101</v>
      </c>
      <c r="D38989" s="14" t="s">
        <v>18</v>
      </c>
      <c r="E38989" s="15">
        <v>45675</v>
      </c>
      <c r="F38989" s="14" t="s">
        <v>15</v>
      </c>
      <c r="G38989" s="16">
        <v>0.44514491627856873</v>
      </c>
    </row>
    <row r="38990" spans="1:7" x14ac:dyDescent="0.3">
      <c r="A38990" s="13" t="s">
        <v>232</v>
      </c>
      <c r="B38990" s="14" t="s">
        <v>1</v>
      </c>
      <c r="C38990" s="14" t="s">
        <v>101</v>
      </c>
      <c r="D38990" s="14" t="s">
        <v>18</v>
      </c>
      <c r="E38990" s="15">
        <v>45676</v>
      </c>
      <c r="F38990" s="14" t="s">
        <v>15</v>
      </c>
      <c r="G38990" s="16">
        <v>0.44514491627856873</v>
      </c>
    </row>
    <row r="38991" spans="1:7" x14ac:dyDescent="0.3">
      <c r="A38991" s="13" t="s">
        <v>232</v>
      </c>
      <c r="B38991" s="14" t="s">
        <v>1</v>
      </c>
      <c r="C38991" s="14" t="s">
        <v>101</v>
      </c>
      <c r="D38991" s="14" t="s">
        <v>18</v>
      </c>
      <c r="E38991" s="15">
        <v>45677</v>
      </c>
      <c r="F38991" s="14" t="s">
        <v>15</v>
      </c>
      <c r="G38991" s="16">
        <v>0.44590564085996159</v>
      </c>
    </row>
    <row r="38992" spans="1:7" x14ac:dyDescent="0.3">
      <c r="A38992" s="13" t="s">
        <v>232</v>
      </c>
      <c r="B38992" s="14" t="s">
        <v>1</v>
      </c>
      <c r="C38992" s="14" t="s">
        <v>101</v>
      </c>
      <c r="D38992" s="14" t="s">
        <v>18</v>
      </c>
      <c r="E38992" s="15">
        <v>45678</v>
      </c>
      <c r="F38992" s="14" t="s">
        <v>15</v>
      </c>
      <c r="G38992" s="16">
        <v>0.43666636544135445</v>
      </c>
    </row>
    <row r="38993" spans="1:7" x14ac:dyDescent="0.3">
      <c r="A38993" s="13" t="s">
        <v>232</v>
      </c>
      <c r="B38993" s="14" t="s">
        <v>1</v>
      </c>
      <c r="C38993" s="14" t="s">
        <v>101</v>
      </c>
      <c r="D38993" s="14" t="s">
        <v>18</v>
      </c>
      <c r="E38993" s="15">
        <v>45679</v>
      </c>
      <c r="F38993" s="14" t="s">
        <v>15</v>
      </c>
      <c r="G38993" s="16">
        <v>0.44142709002274733</v>
      </c>
    </row>
    <row r="38994" spans="1:7" x14ac:dyDescent="0.3">
      <c r="A38994" s="13" t="s">
        <v>232</v>
      </c>
      <c r="B38994" s="14" t="s">
        <v>1</v>
      </c>
      <c r="C38994" s="14" t="s">
        <v>101</v>
      </c>
      <c r="D38994" s="14" t="s">
        <v>18</v>
      </c>
      <c r="E38994" s="15">
        <v>45680</v>
      </c>
      <c r="F38994" s="14" t="s">
        <v>15</v>
      </c>
      <c r="G38994" s="16">
        <v>0.43718781460414019</v>
      </c>
    </row>
    <row r="38995" spans="1:7" x14ac:dyDescent="0.3">
      <c r="A38995" s="13" t="s">
        <v>232</v>
      </c>
      <c r="B38995" s="14" t="s">
        <v>1</v>
      </c>
      <c r="C38995" s="14" t="s">
        <v>101</v>
      </c>
      <c r="D38995" s="14" t="s">
        <v>18</v>
      </c>
      <c r="E38995" s="15">
        <v>45681</v>
      </c>
      <c r="F38995" s="14" t="s">
        <v>15</v>
      </c>
      <c r="G38995" s="16">
        <v>0.43294853918553305</v>
      </c>
    </row>
    <row r="38996" spans="1:7" x14ac:dyDescent="0.3">
      <c r="A38996" s="13" t="s">
        <v>232</v>
      </c>
      <c r="B38996" s="14" t="s">
        <v>1</v>
      </c>
      <c r="C38996" s="14" t="s">
        <v>101</v>
      </c>
      <c r="D38996" s="14" t="s">
        <v>18</v>
      </c>
      <c r="E38996" s="15">
        <v>45682</v>
      </c>
      <c r="F38996" s="14" t="s">
        <v>15</v>
      </c>
      <c r="G38996" s="16">
        <v>0.43294853918553305</v>
      </c>
    </row>
    <row r="38997" spans="1:7" x14ac:dyDescent="0.3">
      <c r="A38997" s="13" t="s">
        <v>232</v>
      </c>
      <c r="B38997" s="14" t="s">
        <v>1</v>
      </c>
      <c r="C38997" s="14" t="s">
        <v>101</v>
      </c>
      <c r="D38997" s="14" t="s">
        <v>18</v>
      </c>
      <c r="E38997" s="15">
        <v>45683</v>
      </c>
      <c r="F38997" s="14" t="s">
        <v>15</v>
      </c>
      <c r="G38997" s="16">
        <v>0.43294853918553305</v>
      </c>
    </row>
    <row r="38998" spans="1:7" x14ac:dyDescent="0.3">
      <c r="A38998" s="13" t="s">
        <v>232</v>
      </c>
      <c r="B38998" s="14" t="s">
        <v>1</v>
      </c>
      <c r="C38998" s="14" t="s">
        <v>101</v>
      </c>
      <c r="D38998" s="14" t="s">
        <v>18</v>
      </c>
      <c r="E38998" s="15">
        <v>45684</v>
      </c>
      <c r="F38998" s="14" t="s">
        <v>15</v>
      </c>
      <c r="G38998" s="16">
        <v>0.42870926376692592</v>
      </c>
    </row>
    <row r="38999" spans="1:7" x14ac:dyDescent="0.3">
      <c r="A38999" s="13" t="s">
        <v>232</v>
      </c>
      <c r="B38999" s="14" t="s">
        <v>1</v>
      </c>
      <c r="C38999" s="14" t="s">
        <v>101</v>
      </c>
      <c r="D38999" s="14" t="s">
        <v>18</v>
      </c>
      <c r="E38999" s="15">
        <v>45685</v>
      </c>
      <c r="F38999" s="14" t="s">
        <v>15</v>
      </c>
      <c r="G38999" s="16">
        <v>0.41946998834831872</v>
      </c>
    </row>
    <row r="39000" spans="1:7" x14ac:dyDescent="0.3">
      <c r="A39000" s="13" t="s">
        <v>232</v>
      </c>
      <c r="B39000" s="14" t="s">
        <v>1</v>
      </c>
      <c r="C39000" s="14" t="s">
        <v>101</v>
      </c>
      <c r="D39000" s="14" t="s">
        <v>18</v>
      </c>
      <c r="E39000" s="15">
        <v>45686</v>
      </c>
      <c r="F39000" s="14" t="s">
        <v>15</v>
      </c>
      <c r="G39000" s="16">
        <v>0.41523071292971159</v>
      </c>
    </row>
    <row r="39001" spans="1:7" x14ac:dyDescent="0.3">
      <c r="A39001" s="13" t="s">
        <v>232</v>
      </c>
      <c r="B39001" s="14" t="s">
        <v>1</v>
      </c>
      <c r="C39001" s="14" t="s">
        <v>101</v>
      </c>
      <c r="D39001" s="14" t="s">
        <v>18</v>
      </c>
      <c r="E39001" s="15">
        <v>45687</v>
      </c>
      <c r="F39001" s="14" t="s">
        <v>15</v>
      </c>
      <c r="G39001" s="16">
        <v>0.41099143751110445</v>
      </c>
    </row>
    <row r="39002" spans="1:7" x14ac:dyDescent="0.3">
      <c r="A39002" s="13" t="s">
        <v>232</v>
      </c>
      <c r="B39002" s="14" t="s">
        <v>1</v>
      </c>
      <c r="C39002" s="14" t="s">
        <v>101</v>
      </c>
      <c r="D39002" s="14" t="s">
        <v>18</v>
      </c>
      <c r="E39002" s="15">
        <v>45688</v>
      </c>
      <c r="F39002" s="14" t="s">
        <v>15</v>
      </c>
      <c r="G39002" s="16">
        <v>0.40675216209249732</v>
      </c>
    </row>
    <row r="39003" spans="1:7" x14ac:dyDescent="0.3">
      <c r="A39003" s="13" t="s">
        <v>232</v>
      </c>
      <c r="B39003" s="14" t="s">
        <v>1</v>
      </c>
      <c r="C39003" s="14" t="s">
        <v>101</v>
      </c>
      <c r="D39003" s="14" t="s">
        <v>18</v>
      </c>
      <c r="E39003" s="15">
        <v>45689</v>
      </c>
      <c r="F39003" s="14" t="s">
        <v>15</v>
      </c>
      <c r="G39003" s="16">
        <v>0.40675216209249732</v>
      </c>
    </row>
    <row r="39004" spans="1:7" x14ac:dyDescent="0.3">
      <c r="A39004" s="13" t="s">
        <v>232</v>
      </c>
      <c r="B39004" s="14" t="s">
        <v>1</v>
      </c>
      <c r="C39004" s="14" t="s">
        <v>101</v>
      </c>
      <c r="D39004" s="14" t="s">
        <v>18</v>
      </c>
      <c r="E39004" s="15">
        <v>45690</v>
      </c>
      <c r="F39004" s="14" t="s">
        <v>15</v>
      </c>
      <c r="G39004" s="16">
        <v>0.40675216209249732</v>
      </c>
    </row>
    <row r="39005" spans="1:7" x14ac:dyDescent="0.3">
      <c r="A39005" s="13" t="s">
        <v>232</v>
      </c>
      <c r="B39005" s="14" t="s">
        <v>1</v>
      </c>
      <c r="C39005" s="14" t="s">
        <v>101</v>
      </c>
      <c r="D39005" s="14" t="s">
        <v>18</v>
      </c>
      <c r="E39005" s="15">
        <v>45691</v>
      </c>
      <c r="F39005" s="14" t="s">
        <v>15</v>
      </c>
      <c r="G39005" s="16">
        <v>0.40675216209249732</v>
      </c>
    </row>
    <row r="39006" spans="1:7" x14ac:dyDescent="0.3">
      <c r="A39006" s="13" t="s">
        <v>232</v>
      </c>
      <c r="B39006" s="14" t="s">
        <v>1</v>
      </c>
      <c r="C39006" s="14" t="s">
        <v>101</v>
      </c>
      <c r="D39006" s="14" t="s">
        <v>18</v>
      </c>
      <c r="E39006" s="15">
        <v>45692</v>
      </c>
      <c r="F39006" s="14" t="s">
        <v>15</v>
      </c>
      <c r="G39006" s="16">
        <v>0.40251288667389018</v>
      </c>
    </row>
    <row r="39007" spans="1:7" x14ac:dyDescent="0.3">
      <c r="A39007" s="13" t="s">
        <v>232</v>
      </c>
      <c r="B39007" s="14" t="s">
        <v>1</v>
      </c>
      <c r="C39007" s="14" t="s">
        <v>101</v>
      </c>
      <c r="D39007" s="14" t="s">
        <v>18</v>
      </c>
      <c r="E39007" s="15">
        <v>45693</v>
      </c>
      <c r="F39007" s="14" t="s">
        <v>15</v>
      </c>
      <c r="G39007" s="16">
        <v>0.39127361125528298</v>
      </c>
    </row>
    <row r="39008" spans="1:7" x14ac:dyDescent="0.3">
      <c r="A39008" s="13" t="s">
        <v>232</v>
      </c>
      <c r="B39008" s="14" t="s">
        <v>1</v>
      </c>
      <c r="C39008" s="14" t="s">
        <v>101</v>
      </c>
      <c r="D39008" s="14" t="s">
        <v>18</v>
      </c>
      <c r="E39008" s="15">
        <v>45694</v>
      </c>
      <c r="F39008" s="14" t="s">
        <v>15</v>
      </c>
      <c r="G39008" s="16">
        <v>0.38703433583667579</v>
      </c>
    </row>
    <row r="39009" spans="1:7" x14ac:dyDescent="0.3">
      <c r="A39009" s="13" t="s">
        <v>232</v>
      </c>
      <c r="B39009" s="14" t="s">
        <v>1</v>
      </c>
      <c r="C39009" s="14" t="s">
        <v>101</v>
      </c>
      <c r="D39009" s="14" t="s">
        <v>18</v>
      </c>
      <c r="E39009" s="15">
        <v>45695</v>
      </c>
      <c r="F39009" s="14" t="s">
        <v>15</v>
      </c>
      <c r="G39009" s="16">
        <v>0.38279506041806866</v>
      </c>
    </row>
    <row r="39010" spans="1:7" x14ac:dyDescent="0.3">
      <c r="A39010" s="13" t="s">
        <v>232</v>
      </c>
      <c r="B39010" s="14" t="s">
        <v>1</v>
      </c>
      <c r="C39010" s="14" t="s">
        <v>101</v>
      </c>
      <c r="D39010" s="14" t="s">
        <v>18</v>
      </c>
      <c r="E39010" s="15">
        <v>45696</v>
      </c>
      <c r="F39010" s="14" t="s">
        <v>15</v>
      </c>
      <c r="G39010" s="16">
        <v>0.38279506041806866</v>
      </c>
    </row>
    <row r="39011" spans="1:7" x14ac:dyDescent="0.3">
      <c r="A39011" s="13" t="s">
        <v>232</v>
      </c>
      <c r="B39011" s="14" t="s">
        <v>1</v>
      </c>
      <c r="C39011" s="14" t="s">
        <v>101</v>
      </c>
      <c r="D39011" s="14" t="s">
        <v>18</v>
      </c>
      <c r="E39011" s="15">
        <v>45697</v>
      </c>
      <c r="F39011" s="14" t="s">
        <v>15</v>
      </c>
      <c r="G39011" s="16">
        <v>0.38279506041806866</v>
      </c>
    </row>
    <row r="39012" spans="1:7" x14ac:dyDescent="0.3">
      <c r="A39012" s="13" t="s">
        <v>232</v>
      </c>
      <c r="B39012" s="14" t="s">
        <v>1</v>
      </c>
      <c r="C39012" s="14" t="s">
        <v>101</v>
      </c>
      <c r="D39012" s="14" t="s">
        <v>18</v>
      </c>
      <c r="E39012" s="15">
        <v>45698</v>
      </c>
      <c r="F39012" s="14" t="s">
        <v>15</v>
      </c>
      <c r="G39012" s="16">
        <v>0.40255578499946143</v>
      </c>
    </row>
    <row r="39013" spans="1:7" x14ac:dyDescent="0.3">
      <c r="A39013" s="13" t="s">
        <v>232</v>
      </c>
      <c r="B39013" s="14" t="s">
        <v>1</v>
      </c>
      <c r="C39013" s="14" t="s">
        <v>101</v>
      </c>
      <c r="D39013" s="14" t="s">
        <v>18</v>
      </c>
      <c r="E39013" s="15">
        <v>45699</v>
      </c>
      <c r="F39013" s="14" t="s">
        <v>15</v>
      </c>
      <c r="G39013" s="16">
        <v>0.4183165095808542</v>
      </c>
    </row>
    <row r="39014" spans="1:7" x14ac:dyDescent="0.3">
      <c r="A39014" s="13" t="s">
        <v>232</v>
      </c>
      <c r="B39014" s="14" t="s">
        <v>1</v>
      </c>
      <c r="C39014" s="14" t="s">
        <v>101</v>
      </c>
      <c r="D39014" s="14" t="s">
        <v>18</v>
      </c>
      <c r="E39014" s="15">
        <v>45700</v>
      </c>
      <c r="F39014" s="14" t="s">
        <v>15</v>
      </c>
      <c r="G39014" s="16">
        <v>0.41407723416224707</v>
      </c>
    </row>
    <row r="39015" spans="1:7" x14ac:dyDescent="0.3">
      <c r="A39015" s="13" t="s">
        <v>232</v>
      </c>
      <c r="B39015" s="14" t="s">
        <v>1</v>
      </c>
      <c r="C39015" s="14" t="s">
        <v>101</v>
      </c>
      <c r="D39015" s="14" t="s">
        <v>18</v>
      </c>
      <c r="E39015" s="15">
        <v>45701</v>
      </c>
      <c r="F39015" s="14" t="s">
        <v>15</v>
      </c>
      <c r="G39015" s="16">
        <v>0.41283795874363988</v>
      </c>
    </row>
    <row r="39016" spans="1:7" x14ac:dyDescent="0.3">
      <c r="A39016" s="13" t="s">
        <v>232</v>
      </c>
      <c r="B39016" s="14" t="s">
        <v>1</v>
      </c>
      <c r="C39016" s="14" t="s">
        <v>101</v>
      </c>
      <c r="D39016" s="14" t="s">
        <v>18</v>
      </c>
      <c r="E39016" s="15">
        <v>45702</v>
      </c>
      <c r="F39016" s="14" t="s">
        <v>15</v>
      </c>
      <c r="G39016" s="16">
        <v>0.40859868332503274</v>
      </c>
    </row>
    <row r="39017" spans="1:7" x14ac:dyDescent="0.3">
      <c r="A39017" s="13" t="s">
        <v>232</v>
      </c>
      <c r="B39017" s="14" t="s">
        <v>1</v>
      </c>
      <c r="C39017" s="14" t="s">
        <v>101</v>
      </c>
      <c r="D39017" s="14" t="s">
        <v>18</v>
      </c>
      <c r="E39017" s="15">
        <v>45703</v>
      </c>
      <c r="F39017" s="14" t="s">
        <v>15</v>
      </c>
      <c r="G39017" s="16">
        <v>0.40859868332503274</v>
      </c>
    </row>
    <row r="39018" spans="1:7" x14ac:dyDescent="0.3">
      <c r="A39018" s="13" t="s">
        <v>232</v>
      </c>
      <c r="B39018" s="14" t="s">
        <v>1</v>
      </c>
      <c r="C39018" s="14" t="s">
        <v>101</v>
      </c>
      <c r="D39018" s="14" t="s">
        <v>18</v>
      </c>
      <c r="E39018" s="15">
        <v>45704</v>
      </c>
      <c r="F39018" s="14" t="s">
        <v>15</v>
      </c>
      <c r="G39018" s="16">
        <v>0.40859868332503274</v>
      </c>
    </row>
    <row r="39019" spans="1:7" x14ac:dyDescent="0.3">
      <c r="A39019" s="13" t="s">
        <v>232</v>
      </c>
      <c r="B39019" s="14" t="s">
        <v>1</v>
      </c>
      <c r="C39019" s="14" t="s">
        <v>101</v>
      </c>
      <c r="D39019" s="14" t="s">
        <v>18</v>
      </c>
      <c r="E39019" s="15">
        <v>45705</v>
      </c>
      <c r="F39019" s="14" t="s">
        <v>15</v>
      </c>
      <c r="G39019" s="16">
        <v>0.43535940790642558</v>
      </c>
    </row>
    <row r="39020" spans="1:7" x14ac:dyDescent="0.3">
      <c r="A39020" s="13" t="s">
        <v>232</v>
      </c>
      <c r="B39020" s="14" t="s">
        <v>1</v>
      </c>
      <c r="C39020" s="14" t="s">
        <v>101</v>
      </c>
      <c r="D39020" s="14" t="s">
        <v>18</v>
      </c>
      <c r="E39020" s="15">
        <v>45706</v>
      </c>
      <c r="F39020" s="14" t="s">
        <v>15</v>
      </c>
      <c r="G39020" s="16">
        <v>0.42612013248781844</v>
      </c>
    </row>
    <row r="39021" spans="1:7" x14ac:dyDescent="0.3">
      <c r="A39021" s="13" t="s">
        <v>232</v>
      </c>
      <c r="B39021" s="14" t="s">
        <v>1</v>
      </c>
      <c r="C39021" s="14" t="s">
        <v>101</v>
      </c>
      <c r="D39021" s="14" t="s">
        <v>18</v>
      </c>
      <c r="E39021" s="15">
        <v>45707</v>
      </c>
      <c r="F39021" s="14" t="s">
        <v>15</v>
      </c>
      <c r="G39021" s="16">
        <v>0.42988085706921131</v>
      </c>
    </row>
    <row r="39022" spans="1:7" x14ac:dyDescent="0.3">
      <c r="A39022" s="13" t="s">
        <v>232</v>
      </c>
      <c r="B39022" s="14" t="s">
        <v>1</v>
      </c>
      <c r="C39022" s="14" t="s">
        <v>101</v>
      </c>
      <c r="D39022" s="14" t="s">
        <v>18</v>
      </c>
      <c r="E39022" s="15">
        <v>45708</v>
      </c>
      <c r="F39022" s="14" t="s">
        <v>15</v>
      </c>
      <c r="G39022" s="16">
        <v>0.42564158165060417</v>
      </c>
    </row>
    <row r="39023" spans="1:7" x14ac:dyDescent="0.3">
      <c r="A39023" s="13" t="s">
        <v>232</v>
      </c>
      <c r="B39023" s="14" t="s">
        <v>1</v>
      </c>
      <c r="C39023" s="14" t="s">
        <v>101</v>
      </c>
      <c r="D39023" s="14" t="s">
        <v>18</v>
      </c>
      <c r="E39023" s="15">
        <v>45709</v>
      </c>
      <c r="F39023" s="14" t="s">
        <v>15</v>
      </c>
      <c r="G39023" s="16">
        <v>0.42140230623199704</v>
      </c>
    </row>
    <row r="39024" spans="1:7" x14ac:dyDescent="0.3">
      <c r="A39024" s="13" t="s">
        <v>232</v>
      </c>
      <c r="B39024" s="14" t="s">
        <v>1</v>
      </c>
      <c r="C39024" s="14" t="s">
        <v>101</v>
      </c>
      <c r="D39024" s="14" t="s">
        <v>18</v>
      </c>
      <c r="E39024" s="15">
        <v>45710</v>
      </c>
      <c r="F39024" s="14" t="s">
        <v>15</v>
      </c>
      <c r="G39024" s="16">
        <v>0.42140230623199704</v>
      </c>
    </row>
    <row r="39025" spans="1:7" x14ac:dyDescent="0.3">
      <c r="A39025" s="13" t="s">
        <v>232</v>
      </c>
      <c r="B39025" s="14" t="s">
        <v>1</v>
      </c>
      <c r="C39025" s="14" t="s">
        <v>101</v>
      </c>
      <c r="D39025" s="14" t="s">
        <v>18</v>
      </c>
      <c r="E39025" s="15">
        <v>45711</v>
      </c>
      <c r="F39025" s="14" t="s">
        <v>15</v>
      </c>
      <c r="G39025" s="16">
        <v>0.42140230623199704</v>
      </c>
    </row>
    <row r="39026" spans="1:7" x14ac:dyDescent="0.3">
      <c r="A39026" s="13" t="s">
        <v>232</v>
      </c>
      <c r="B39026" s="14" t="s">
        <v>1</v>
      </c>
      <c r="C39026" s="14" t="s">
        <v>101</v>
      </c>
      <c r="D39026" s="14" t="s">
        <v>18</v>
      </c>
      <c r="E39026" s="15">
        <v>45712</v>
      </c>
      <c r="F39026" s="14" t="s">
        <v>15</v>
      </c>
      <c r="G39026" s="16">
        <v>0.42816303081338986</v>
      </c>
    </row>
    <row r="39027" spans="1:7" x14ac:dyDescent="0.3">
      <c r="A39027" s="13" t="s">
        <v>232</v>
      </c>
      <c r="B39027" s="14" t="s">
        <v>1</v>
      </c>
      <c r="C39027" s="14" t="s">
        <v>101</v>
      </c>
      <c r="D39027" s="14" t="s">
        <v>18</v>
      </c>
      <c r="E39027" s="15">
        <v>45713</v>
      </c>
      <c r="F39027" s="14" t="s">
        <v>15</v>
      </c>
      <c r="G39027" s="16">
        <v>0.41892375539478266</v>
      </c>
    </row>
    <row r="39028" spans="1:7" x14ac:dyDescent="0.3">
      <c r="A39028" s="13" t="s">
        <v>232</v>
      </c>
      <c r="B39028" s="14" t="s">
        <v>1</v>
      </c>
      <c r="C39028" s="14" t="s">
        <v>101</v>
      </c>
      <c r="D39028" s="14" t="s">
        <v>18</v>
      </c>
      <c r="E39028" s="15">
        <v>45714</v>
      </c>
      <c r="F39028" s="14" t="s">
        <v>15</v>
      </c>
      <c r="G39028" s="16">
        <v>0.41468447997617552</v>
      </c>
    </row>
    <row r="39029" spans="1:7" x14ac:dyDescent="0.3">
      <c r="A39029" s="13" t="s">
        <v>232</v>
      </c>
      <c r="B39029" s="14" t="s">
        <v>1</v>
      </c>
      <c r="C39029" s="14" t="s">
        <v>101</v>
      </c>
      <c r="D39029" s="14" t="s">
        <v>18</v>
      </c>
      <c r="E39029" s="15">
        <v>45715</v>
      </c>
      <c r="F39029" s="14" t="s">
        <v>15</v>
      </c>
      <c r="G39029" s="16">
        <v>0.4194452045575684</v>
      </c>
    </row>
    <row r="39030" spans="1:7" x14ac:dyDescent="0.3">
      <c r="A39030" s="13" t="s">
        <v>232</v>
      </c>
      <c r="B39030" s="14" t="s">
        <v>1</v>
      </c>
      <c r="C39030" s="14" t="s">
        <v>101</v>
      </c>
      <c r="D39030" s="14" t="s">
        <v>18</v>
      </c>
      <c r="E39030" s="15">
        <v>45716</v>
      </c>
      <c r="F39030" s="14" t="s">
        <v>15</v>
      </c>
      <c r="G39030" s="16">
        <v>0.41520592913896126</v>
      </c>
    </row>
    <row r="39031" spans="1:7" x14ac:dyDescent="0.3">
      <c r="A39031" s="13" t="s">
        <v>232</v>
      </c>
      <c r="B39031" s="14" t="s">
        <v>1</v>
      </c>
      <c r="C39031" s="14" t="s">
        <v>101</v>
      </c>
      <c r="D39031" s="14" t="s">
        <v>18</v>
      </c>
      <c r="E39031" s="15">
        <v>45717</v>
      </c>
      <c r="F39031" s="14" t="s">
        <v>15</v>
      </c>
      <c r="G39031" s="16">
        <v>0.41520592913896126</v>
      </c>
    </row>
    <row r="39032" spans="1:7" x14ac:dyDescent="0.3">
      <c r="A39032" s="13" t="s">
        <v>232</v>
      </c>
      <c r="B39032" s="14" t="s">
        <v>1</v>
      </c>
      <c r="C39032" s="14" t="s">
        <v>101</v>
      </c>
      <c r="D39032" s="14" t="s">
        <v>18</v>
      </c>
      <c r="E39032" s="15">
        <v>45718</v>
      </c>
      <c r="F39032" s="14" t="s">
        <v>15</v>
      </c>
      <c r="G39032" s="16">
        <v>0.41520592913896126</v>
      </c>
    </row>
    <row r="39033" spans="1:7" x14ac:dyDescent="0.3">
      <c r="A39033" s="13" t="s">
        <v>232</v>
      </c>
      <c r="B39033" s="14" t="s">
        <v>1</v>
      </c>
      <c r="C39033" s="14" t="s">
        <v>101</v>
      </c>
      <c r="D39033" s="14" t="s">
        <v>18</v>
      </c>
      <c r="E39033" s="15">
        <v>45719</v>
      </c>
      <c r="F39033" s="14" t="s">
        <v>15</v>
      </c>
      <c r="G39033" s="16">
        <v>0.45396665372035405</v>
      </c>
    </row>
    <row r="39034" spans="1:7" x14ac:dyDescent="0.3">
      <c r="A39034" s="13" t="s">
        <v>232</v>
      </c>
      <c r="B39034" s="14" t="s">
        <v>1</v>
      </c>
      <c r="C39034" s="14" t="s">
        <v>101</v>
      </c>
      <c r="D39034" s="14" t="s">
        <v>18</v>
      </c>
      <c r="E39034" s="15">
        <v>45720</v>
      </c>
      <c r="F39034" s="14" t="s">
        <v>15</v>
      </c>
      <c r="G39034" s="16">
        <v>0.44472737830174686</v>
      </c>
    </row>
    <row r="39035" spans="1:7" x14ac:dyDescent="0.3">
      <c r="A39035" s="13" t="s">
        <v>232</v>
      </c>
      <c r="B39035" s="14" t="s">
        <v>1</v>
      </c>
      <c r="C39035" s="14" t="s">
        <v>101</v>
      </c>
      <c r="D39035" s="14" t="s">
        <v>18</v>
      </c>
      <c r="E39035" s="15">
        <v>45721</v>
      </c>
      <c r="F39035" s="14" t="s">
        <v>15</v>
      </c>
      <c r="G39035" s="16">
        <v>0.44048810288313972</v>
      </c>
    </row>
    <row r="39036" spans="1:7" x14ac:dyDescent="0.3">
      <c r="A39036" s="13" t="s">
        <v>232</v>
      </c>
      <c r="B39036" s="14" t="s">
        <v>1</v>
      </c>
      <c r="C39036" s="14" t="s">
        <v>101</v>
      </c>
      <c r="D39036" s="14" t="s">
        <v>18</v>
      </c>
      <c r="E39036" s="15">
        <v>45722</v>
      </c>
      <c r="F39036" s="14" t="s">
        <v>15</v>
      </c>
      <c r="G39036" s="16">
        <v>0.43624882746453258</v>
      </c>
    </row>
    <row r="39037" spans="1:7" x14ac:dyDescent="0.3">
      <c r="A39037" s="13" t="s">
        <v>232</v>
      </c>
      <c r="B39037" s="14" t="s">
        <v>1</v>
      </c>
      <c r="C39037" s="14" t="s">
        <v>101</v>
      </c>
      <c r="D39037" s="14" t="s">
        <v>18</v>
      </c>
      <c r="E39037" s="15">
        <v>45723</v>
      </c>
      <c r="F39037" s="14" t="s">
        <v>15</v>
      </c>
      <c r="G39037" s="16">
        <v>0.43200955204592545</v>
      </c>
    </row>
    <row r="39038" spans="1:7" x14ac:dyDescent="0.3">
      <c r="A39038" s="13" t="s">
        <v>232</v>
      </c>
      <c r="B39038" s="14" t="s">
        <v>1</v>
      </c>
      <c r="C39038" s="14" t="s">
        <v>101</v>
      </c>
      <c r="D39038" s="14" t="s">
        <v>18</v>
      </c>
      <c r="E39038" s="15">
        <v>45724</v>
      </c>
      <c r="F39038" s="14" t="s">
        <v>15</v>
      </c>
      <c r="G39038" s="16">
        <v>0.43200955204592545</v>
      </c>
    </row>
    <row r="39039" spans="1:7" x14ac:dyDescent="0.3">
      <c r="A39039" s="13" t="s">
        <v>232</v>
      </c>
      <c r="B39039" s="14" t="s">
        <v>1</v>
      </c>
      <c r="C39039" s="14" t="s">
        <v>101</v>
      </c>
      <c r="D39039" s="14" t="s">
        <v>18</v>
      </c>
      <c r="E39039" s="15">
        <v>45725</v>
      </c>
      <c r="F39039" s="14" t="s">
        <v>15</v>
      </c>
      <c r="G39039" s="16">
        <v>0.43200955204592545</v>
      </c>
    </row>
    <row r="39040" spans="1:7" x14ac:dyDescent="0.3">
      <c r="A39040" s="13" t="s">
        <v>232</v>
      </c>
      <c r="B39040" s="14" t="s">
        <v>1</v>
      </c>
      <c r="C39040" s="14" t="s">
        <v>101</v>
      </c>
      <c r="D39040" s="14" t="s">
        <v>18</v>
      </c>
      <c r="E39040" s="15">
        <v>45726</v>
      </c>
      <c r="F39040" s="14" t="s">
        <v>15</v>
      </c>
      <c r="G39040" s="16">
        <v>0.43877027662731827</v>
      </c>
    </row>
    <row r="39041" spans="1:7" x14ac:dyDescent="0.3">
      <c r="A39041" s="13" t="s">
        <v>232</v>
      </c>
      <c r="B39041" s="14" t="s">
        <v>1</v>
      </c>
      <c r="C39041" s="14" t="s">
        <v>101</v>
      </c>
      <c r="D39041" s="14" t="s">
        <v>18</v>
      </c>
      <c r="E39041" s="15">
        <v>45727</v>
      </c>
      <c r="F39041" s="14" t="s">
        <v>15</v>
      </c>
      <c r="G39041" s="16">
        <v>0.42953100120871107</v>
      </c>
    </row>
    <row r="39042" spans="1:7" x14ac:dyDescent="0.3">
      <c r="A39042" s="13" t="s">
        <v>232</v>
      </c>
      <c r="B39042" s="14" t="s">
        <v>1</v>
      </c>
      <c r="C39042" s="14" t="s">
        <v>101</v>
      </c>
      <c r="D39042" s="14" t="s">
        <v>18</v>
      </c>
      <c r="E39042" s="15">
        <v>45728</v>
      </c>
      <c r="F39042" s="14" t="s">
        <v>15</v>
      </c>
      <c r="G39042" s="16">
        <v>0.42529172579010394</v>
      </c>
    </row>
    <row r="39043" spans="1:7" x14ac:dyDescent="0.3">
      <c r="A39043" s="13" t="s">
        <v>232</v>
      </c>
      <c r="B39043" s="14" t="s">
        <v>1</v>
      </c>
      <c r="C39043" s="14" t="s">
        <v>101</v>
      </c>
      <c r="D39043" s="14" t="s">
        <v>18</v>
      </c>
      <c r="E39043" s="15">
        <v>45729</v>
      </c>
      <c r="F39043" s="14" t="s">
        <v>15</v>
      </c>
      <c r="G39043" s="16">
        <v>0.42605245037149675</v>
      </c>
    </row>
    <row r="39044" spans="1:7" x14ac:dyDescent="0.3">
      <c r="A39044" s="13" t="s">
        <v>232</v>
      </c>
      <c r="B39044" s="14" t="s">
        <v>1</v>
      </c>
      <c r="C39044" s="14" t="s">
        <v>101</v>
      </c>
      <c r="D39044" s="14" t="s">
        <v>18</v>
      </c>
      <c r="E39044" s="15">
        <v>45730</v>
      </c>
      <c r="F39044" s="14" t="s">
        <v>15</v>
      </c>
      <c r="G39044" s="16">
        <v>0.43581317495288963</v>
      </c>
    </row>
    <row r="39045" spans="1:7" x14ac:dyDescent="0.3">
      <c r="A39045" s="13" t="s">
        <v>232</v>
      </c>
      <c r="B39045" s="14" t="s">
        <v>1</v>
      </c>
      <c r="C39045" s="14" t="s">
        <v>101</v>
      </c>
      <c r="D39045" s="14" t="s">
        <v>18</v>
      </c>
      <c r="E39045" s="15">
        <v>45731</v>
      </c>
      <c r="F39045" s="14" t="s">
        <v>15</v>
      </c>
      <c r="G39045" s="16">
        <v>0.43581317495288963</v>
      </c>
    </row>
    <row r="39046" spans="1:7" x14ac:dyDescent="0.3">
      <c r="A39046" s="13" t="s">
        <v>232</v>
      </c>
      <c r="B39046" s="14" t="s">
        <v>1</v>
      </c>
      <c r="C39046" s="14" t="s">
        <v>101</v>
      </c>
      <c r="D39046" s="14" t="s">
        <v>18</v>
      </c>
      <c r="E39046" s="15">
        <v>45732</v>
      </c>
      <c r="F39046" s="14" t="s">
        <v>15</v>
      </c>
      <c r="G39046" s="16">
        <v>0.43581317495288963</v>
      </c>
    </row>
    <row r="39047" spans="1:7" x14ac:dyDescent="0.3">
      <c r="A39047" s="13" t="s">
        <v>232</v>
      </c>
      <c r="B39047" s="14" t="s">
        <v>1</v>
      </c>
      <c r="C39047" s="14" t="s">
        <v>101</v>
      </c>
      <c r="D39047" s="14" t="s">
        <v>18</v>
      </c>
      <c r="E39047" s="15">
        <v>45733</v>
      </c>
      <c r="F39047" s="14" t="s">
        <v>15</v>
      </c>
      <c r="G39047" s="16">
        <v>0.43581317495288963</v>
      </c>
    </row>
    <row r="39048" spans="1:7" x14ac:dyDescent="0.3">
      <c r="A39048" s="13" t="s">
        <v>232</v>
      </c>
      <c r="B39048" s="14" t="s">
        <v>1</v>
      </c>
      <c r="C39048" s="14" t="s">
        <v>101</v>
      </c>
      <c r="D39048" s="14" t="s">
        <v>18</v>
      </c>
      <c r="E39048" s="15">
        <v>45734</v>
      </c>
      <c r="F39048" s="14" t="s">
        <v>15</v>
      </c>
      <c r="G39048" s="16">
        <v>0.44257389953428239</v>
      </c>
    </row>
    <row r="39049" spans="1:7" x14ac:dyDescent="0.3">
      <c r="A39049" s="13" t="s">
        <v>232</v>
      </c>
      <c r="B39049" s="14" t="s">
        <v>1</v>
      </c>
      <c r="C39049" s="14" t="s">
        <v>101</v>
      </c>
      <c r="D39049" s="14" t="s">
        <v>18</v>
      </c>
      <c r="E39049" s="15">
        <v>45735</v>
      </c>
      <c r="F39049" s="14" t="s">
        <v>15</v>
      </c>
      <c r="G39049" s="16">
        <v>0.44933462411567521</v>
      </c>
    </row>
    <row r="39050" spans="1:7" x14ac:dyDescent="0.3">
      <c r="A39050" s="13" t="s">
        <v>232</v>
      </c>
      <c r="B39050" s="14" t="s">
        <v>1</v>
      </c>
      <c r="C39050" s="14" t="s">
        <v>101</v>
      </c>
      <c r="D39050" s="14" t="s">
        <v>18</v>
      </c>
      <c r="E39050" s="15">
        <v>45736</v>
      </c>
      <c r="F39050" s="14" t="s">
        <v>15</v>
      </c>
      <c r="G39050" s="16">
        <v>0.44809534869706802</v>
      </c>
    </row>
    <row r="39051" spans="1:7" x14ac:dyDescent="0.3">
      <c r="A39051" s="13" t="s">
        <v>232</v>
      </c>
      <c r="B39051" s="14" t="s">
        <v>1</v>
      </c>
      <c r="C39051" s="14" t="s">
        <v>101</v>
      </c>
      <c r="D39051" s="14" t="s">
        <v>18</v>
      </c>
      <c r="E39051" s="15">
        <v>45737</v>
      </c>
      <c r="F39051" s="14" t="s">
        <v>15</v>
      </c>
      <c r="G39051" s="16">
        <v>0.44385607327846088</v>
      </c>
    </row>
    <row r="39052" spans="1:7" x14ac:dyDescent="0.3">
      <c r="A39052" s="13" t="s">
        <v>232</v>
      </c>
      <c r="B39052" s="14" t="s">
        <v>1</v>
      </c>
      <c r="C39052" s="14" t="s">
        <v>101</v>
      </c>
      <c r="D39052" s="14" t="s">
        <v>18</v>
      </c>
      <c r="E39052" s="15">
        <v>45738</v>
      </c>
      <c r="F39052" s="14" t="s">
        <v>15</v>
      </c>
      <c r="G39052" s="16">
        <v>0.44385607327846088</v>
      </c>
    </row>
    <row r="39053" spans="1:7" x14ac:dyDescent="0.3">
      <c r="A39053" s="13" t="s">
        <v>232</v>
      </c>
      <c r="B39053" s="14" t="s">
        <v>1</v>
      </c>
      <c r="C39053" s="14" t="s">
        <v>101</v>
      </c>
      <c r="D39053" s="14" t="s">
        <v>18</v>
      </c>
      <c r="E39053" s="15">
        <v>45739</v>
      </c>
      <c r="F39053" s="14" t="s">
        <v>15</v>
      </c>
      <c r="G39053" s="16">
        <v>0.44385607327846088</v>
      </c>
    </row>
    <row r="39054" spans="1:7" x14ac:dyDescent="0.3">
      <c r="A39054" s="13" t="s">
        <v>232</v>
      </c>
      <c r="B39054" s="14" t="s">
        <v>1</v>
      </c>
      <c r="C39054" s="14" t="s">
        <v>101</v>
      </c>
      <c r="D39054" s="14" t="s">
        <v>18</v>
      </c>
      <c r="E39054" s="15">
        <v>45740</v>
      </c>
      <c r="F39054" s="14" t="s">
        <v>15</v>
      </c>
      <c r="G39054" s="16">
        <v>0.43961679785985375</v>
      </c>
    </row>
    <row r="39055" spans="1:7" x14ac:dyDescent="0.3">
      <c r="A39055" s="13" t="s">
        <v>232</v>
      </c>
      <c r="B39055" s="14" t="s">
        <v>1</v>
      </c>
      <c r="C39055" s="14" t="s">
        <v>101</v>
      </c>
      <c r="D39055" s="14" t="s">
        <v>18</v>
      </c>
      <c r="E39055" s="15">
        <v>45741</v>
      </c>
      <c r="F39055" s="14" t="s">
        <v>15</v>
      </c>
      <c r="G39055" s="16">
        <v>0.43037752244124655</v>
      </c>
    </row>
    <row r="39056" spans="1:7" x14ac:dyDescent="0.3">
      <c r="A39056" s="13" t="s">
        <v>232</v>
      </c>
      <c r="B39056" s="14" t="s">
        <v>1</v>
      </c>
      <c r="C39056" s="14" t="s">
        <v>101</v>
      </c>
      <c r="D39056" s="14" t="s">
        <v>18</v>
      </c>
      <c r="E39056" s="15">
        <v>45742</v>
      </c>
      <c r="F39056" s="14" t="s">
        <v>15</v>
      </c>
      <c r="G39056" s="16">
        <v>0.43713824702263937</v>
      </c>
    </row>
    <row r="39057" spans="1:7" x14ac:dyDescent="0.3">
      <c r="A39057" s="13" t="s">
        <v>232</v>
      </c>
      <c r="B39057" s="14" t="s">
        <v>1</v>
      </c>
      <c r="C39057" s="14" t="s">
        <v>101</v>
      </c>
      <c r="D39057" s="14" t="s">
        <v>18</v>
      </c>
      <c r="E39057" s="15">
        <v>45743</v>
      </c>
      <c r="F39057" s="14" t="s">
        <v>15</v>
      </c>
      <c r="G39057" s="16">
        <v>0.43289897160403223</v>
      </c>
    </row>
    <row r="39058" spans="1:7" x14ac:dyDescent="0.3">
      <c r="A39058" s="13" t="s">
        <v>232</v>
      </c>
      <c r="B39058" s="14" t="s">
        <v>1</v>
      </c>
      <c r="C39058" s="14" t="s">
        <v>101</v>
      </c>
      <c r="D39058" s="14" t="s">
        <v>18</v>
      </c>
      <c r="E39058" s="15">
        <v>45744</v>
      </c>
      <c r="F39058" s="14" t="s">
        <v>15</v>
      </c>
      <c r="G39058" s="16">
        <v>0.43665969618542511</v>
      </c>
    </row>
    <row r="39059" spans="1:7" x14ac:dyDescent="0.3">
      <c r="A39059" s="13" t="s">
        <v>232</v>
      </c>
      <c r="B39059" s="14" t="s">
        <v>1</v>
      </c>
      <c r="C39059" s="14" t="s">
        <v>101</v>
      </c>
      <c r="D39059" s="14" t="s">
        <v>18</v>
      </c>
      <c r="E39059" s="15">
        <v>45745</v>
      </c>
      <c r="F39059" s="14" t="s">
        <v>15</v>
      </c>
      <c r="G39059" s="16">
        <v>0.43665969618542511</v>
      </c>
    </row>
    <row r="39060" spans="1:7" x14ac:dyDescent="0.3">
      <c r="A39060" s="13" t="s">
        <v>232</v>
      </c>
      <c r="B39060" s="14" t="s">
        <v>1</v>
      </c>
      <c r="C39060" s="14" t="s">
        <v>101</v>
      </c>
      <c r="D39060" s="14" t="s">
        <v>18</v>
      </c>
      <c r="E39060" s="15">
        <v>45746</v>
      </c>
      <c r="F39060" s="14" t="s">
        <v>15</v>
      </c>
      <c r="G39060" s="16">
        <v>0.43665969618542511</v>
      </c>
    </row>
    <row r="39061" spans="1:7" x14ac:dyDescent="0.3">
      <c r="A39061" s="13" t="s">
        <v>232</v>
      </c>
      <c r="B39061" s="14" t="s">
        <v>1</v>
      </c>
      <c r="C39061" s="14" t="s">
        <v>101</v>
      </c>
      <c r="D39061" s="14" t="s">
        <v>18</v>
      </c>
      <c r="E39061" s="15">
        <v>45747</v>
      </c>
      <c r="F39061" s="14" t="s">
        <v>15</v>
      </c>
      <c r="G39061" s="16">
        <v>0.43742042076681792</v>
      </c>
    </row>
    <row r="39062" spans="1:7" x14ac:dyDescent="0.3">
      <c r="A39062" s="13" t="s">
        <v>233</v>
      </c>
      <c r="B39062" s="14" t="s">
        <v>1</v>
      </c>
      <c r="C39062" s="14" t="s">
        <v>70</v>
      </c>
      <c r="D39062" s="14" t="s">
        <v>234</v>
      </c>
      <c r="E39062" s="15">
        <v>45383</v>
      </c>
      <c r="F39062" s="14" t="s">
        <v>15</v>
      </c>
      <c r="G39062" s="16">
        <v>0</v>
      </c>
    </row>
    <row r="39063" spans="1:7" x14ac:dyDescent="0.3">
      <c r="A39063" s="13" t="s">
        <v>233</v>
      </c>
      <c r="B39063" s="14" t="s">
        <v>1</v>
      </c>
      <c r="C39063" s="14" t="s">
        <v>70</v>
      </c>
      <c r="D39063" s="14" t="s">
        <v>234</v>
      </c>
      <c r="E39063" s="15">
        <v>45384</v>
      </c>
      <c r="F39063" s="14" t="s">
        <v>15</v>
      </c>
      <c r="G39063" s="16">
        <v>0</v>
      </c>
    </row>
    <row r="39064" spans="1:7" x14ac:dyDescent="0.3">
      <c r="A39064" s="13" t="s">
        <v>233</v>
      </c>
      <c r="B39064" s="14" t="s">
        <v>1</v>
      </c>
      <c r="C39064" s="14" t="s">
        <v>70</v>
      </c>
      <c r="D39064" s="14" t="s">
        <v>234</v>
      </c>
      <c r="E39064" s="15">
        <v>45385</v>
      </c>
      <c r="F39064" s="14" t="s">
        <v>15</v>
      </c>
      <c r="G39064" s="16">
        <v>3.2260802552660776E-2</v>
      </c>
    </row>
    <row r="39065" spans="1:7" x14ac:dyDescent="0.3">
      <c r="A39065" s="13" t="s">
        <v>233</v>
      </c>
      <c r="B39065" s="14" t="s">
        <v>1</v>
      </c>
      <c r="C39065" s="14" t="s">
        <v>70</v>
      </c>
      <c r="D39065" s="14" t="s">
        <v>234</v>
      </c>
      <c r="E39065" s="15">
        <v>45386</v>
      </c>
      <c r="F39065" s="14" t="s">
        <v>15</v>
      </c>
      <c r="G39065" s="16">
        <v>4.1176943888154523E-2</v>
      </c>
    </row>
    <row r="39066" spans="1:7" x14ac:dyDescent="0.3">
      <c r="A39066" s="13" t="s">
        <v>233</v>
      </c>
      <c r="B39066" s="14" t="s">
        <v>1</v>
      </c>
      <c r="C39066" s="14" t="s">
        <v>70</v>
      </c>
      <c r="D39066" s="14" t="s">
        <v>234</v>
      </c>
      <c r="E39066" s="15">
        <v>45387</v>
      </c>
      <c r="F39066" s="14" t="s">
        <v>15</v>
      </c>
      <c r="G39066" s="16">
        <v>5.9164861692465501E-2</v>
      </c>
    </row>
    <row r="39067" spans="1:7" x14ac:dyDescent="0.3">
      <c r="A39067" s="13" t="s">
        <v>233</v>
      </c>
      <c r="B39067" s="14" t="s">
        <v>1</v>
      </c>
      <c r="C39067" s="14" t="s">
        <v>70</v>
      </c>
      <c r="D39067" s="14" t="s">
        <v>234</v>
      </c>
      <c r="E39067" s="15">
        <v>45388</v>
      </c>
      <c r="F39067" s="14" t="s">
        <v>15</v>
      </c>
      <c r="G39067" s="16">
        <v>5.9164861692465501E-2</v>
      </c>
    </row>
    <row r="39068" spans="1:7" x14ac:dyDescent="0.3">
      <c r="A39068" s="13" t="s">
        <v>233</v>
      </c>
      <c r="B39068" s="14" t="s">
        <v>1</v>
      </c>
      <c r="C39068" s="14" t="s">
        <v>70</v>
      </c>
      <c r="D39068" s="14" t="s">
        <v>234</v>
      </c>
      <c r="E39068" s="15">
        <v>45389</v>
      </c>
      <c r="F39068" s="14" t="s">
        <v>15</v>
      </c>
      <c r="G39068" s="16">
        <v>5.9164861692465501E-2</v>
      </c>
    </row>
    <row r="39069" spans="1:7" x14ac:dyDescent="0.3">
      <c r="A39069" s="13" t="s">
        <v>233</v>
      </c>
      <c r="B39069" s="14" t="s">
        <v>1</v>
      </c>
      <c r="C39069" s="14" t="s">
        <v>70</v>
      </c>
      <c r="D39069" s="14" t="s">
        <v>234</v>
      </c>
      <c r="E39069" s="15">
        <v>45390</v>
      </c>
      <c r="F39069" s="14" t="s">
        <v>15</v>
      </c>
      <c r="G39069" s="16">
        <v>7.9259577404813625E-2</v>
      </c>
    </row>
    <row r="39070" spans="1:7" x14ac:dyDescent="0.3">
      <c r="A39070" s="13" t="s">
        <v>233</v>
      </c>
      <c r="B39070" s="14" t="s">
        <v>1</v>
      </c>
      <c r="C39070" s="14" t="s">
        <v>70</v>
      </c>
      <c r="D39070" s="14" t="s">
        <v>234</v>
      </c>
      <c r="E39070" s="15">
        <v>45391</v>
      </c>
      <c r="F39070" s="14" t="s">
        <v>15</v>
      </c>
      <c r="G39070" s="16">
        <v>9.3722827452550325E-2</v>
      </c>
    </row>
    <row r="39071" spans="1:7" x14ac:dyDescent="0.3">
      <c r="A39071" s="13" t="s">
        <v>233</v>
      </c>
      <c r="B39071" s="14" t="s">
        <v>1</v>
      </c>
      <c r="C39071" s="14" t="s">
        <v>70</v>
      </c>
      <c r="D39071" s="14" t="s">
        <v>234</v>
      </c>
      <c r="E39071" s="15">
        <v>45392</v>
      </c>
      <c r="F39071" s="14" t="s">
        <v>15</v>
      </c>
      <c r="G39071" s="16">
        <v>0.11145837780998993</v>
      </c>
    </row>
    <row r="39072" spans="1:7" x14ac:dyDescent="0.3">
      <c r="A39072" s="13" t="s">
        <v>233</v>
      </c>
      <c r="B39072" s="14" t="s">
        <v>1</v>
      </c>
      <c r="C39072" s="14" t="s">
        <v>70</v>
      </c>
      <c r="D39072" s="14" t="s">
        <v>234</v>
      </c>
      <c r="E39072" s="15">
        <v>45393</v>
      </c>
      <c r="F39072" s="14" t="s">
        <v>15</v>
      </c>
      <c r="G39072" s="16">
        <v>0.11506058575855364</v>
      </c>
    </row>
    <row r="39073" spans="1:7" x14ac:dyDescent="0.3">
      <c r="A39073" s="13" t="s">
        <v>233</v>
      </c>
      <c r="B39073" s="14" t="s">
        <v>1</v>
      </c>
      <c r="C39073" s="14" t="s">
        <v>70</v>
      </c>
      <c r="D39073" s="14" t="s">
        <v>234</v>
      </c>
      <c r="E39073" s="15">
        <v>45394</v>
      </c>
      <c r="F39073" s="14" t="s">
        <v>15</v>
      </c>
      <c r="G39073" s="16">
        <v>0.11900147350739058</v>
      </c>
    </row>
    <row r="39074" spans="1:7" x14ac:dyDescent="0.3">
      <c r="A39074" s="13" t="s">
        <v>233</v>
      </c>
      <c r="B39074" s="14" t="s">
        <v>1</v>
      </c>
      <c r="C39074" s="14" t="s">
        <v>70</v>
      </c>
      <c r="D39074" s="14" t="s">
        <v>234</v>
      </c>
      <c r="E39074" s="15">
        <v>45395</v>
      </c>
      <c r="F39074" s="14" t="s">
        <v>15</v>
      </c>
      <c r="G39074" s="16">
        <v>0.11900147350739058</v>
      </c>
    </row>
    <row r="39075" spans="1:7" x14ac:dyDescent="0.3">
      <c r="A39075" s="13" t="s">
        <v>233</v>
      </c>
      <c r="B39075" s="14" t="s">
        <v>1</v>
      </c>
      <c r="C39075" s="14" t="s">
        <v>70</v>
      </c>
      <c r="D39075" s="14" t="s">
        <v>234</v>
      </c>
      <c r="E39075" s="15">
        <v>45396</v>
      </c>
      <c r="F39075" s="14" t="s">
        <v>15</v>
      </c>
      <c r="G39075" s="16">
        <v>0.11900147350739058</v>
      </c>
    </row>
    <row r="39076" spans="1:7" x14ac:dyDescent="0.3">
      <c r="A39076" s="13" t="s">
        <v>233</v>
      </c>
      <c r="B39076" s="14" t="s">
        <v>1</v>
      </c>
      <c r="C39076" s="14" t="s">
        <v>70</v>
      </c>
      <c r="D39076" s="14" t="s">
        <v>234</v>
      </c>
      <c r="E39076" s="15">
        <v>45397</v>
      </c>
      <c r="F39076" s="14" t="s">
        <v>15</v>
      </c>
      <c r="G39076" s="16">
        <v>0.14487430927281633</v>
      </c>
    </row>
    <row r="39077" spans="1:7" x14ac:dyDescent="0.3">
      <c r="A39077" s="13" t="s">
        <v>233</v>
      </c>
      <c r="B39077" s="14" t="s">
        <v>1</v>
      </c>
      <c r="C39077" s="14" t="s">
        <v>70</v>
      </c>
      <c r="D39077" s="14" t="s">
        <v>234</v>
      </c>
      <c r="E39077" s="15">
        <v>45398</v>
      </c>
      <c r="F39077" s="14" t="s">
        <v>15</v>
      </c>
      <c r="G39077" s="16">
        <v>0.15941977401223578</v>
      </c>
    </row>
    <row r="39078" spans="1:7" x14ac:dyDescent="0.3">
      <c r="A39078" s="13" t="s">
        <v>233</v>
      </c>
      <c r="B39078" s="14" t="s">
        <v>1</v>
      </c>
      <c r="C39078" s="14" t="s">
        <v>70</v>
      </c>
      <c r="D39078" s="14" t="s">
        <v>234</v>
      </c>
      <c r="E39078" s="15">
        <v>45399</v>
      </c>
      <c r="F39078" s="14" t="s">
        <v>15</v>
      </c>
      <c r="G39078" s="16">
        <v>0.20287724326349638</v>
      </c>
    </row>
    <row r="39079" spans="1:7" x14ac:dyDescent="0.3">
      <c r="A39079" s="13" t="s">
        <v>233</v>
      </c>
      <c r="B39079" s="14" t="s">
        <v>1</v>
      </c>
      <c r="C39079" s="14" t="s">
        <v>70</v>
      </c>
      <c r="D39079" s="14" t="s">
        <v>234</v>
      </c>
      <c r="E39079" s="15">
        <v>45400</v>
      </c>
      <c r="F39079" s="14" t="s">
        <v>15</v>
      </c>
      <c r="G39079" s="16">
        <v>0.20686179085451611</v>
      </c>
    </row>
    <row r="39080" spans="1:7" x14ac:dyDescent="0.3">
      <c r="A39080" s="13" t="s">
        <v>233</v>
      </c>
      <c r="B39080" s="14" t="s">
        <v>1</v>
      </c>
      <c r="C39080" s="14" t="s">
        <v>70</v>
      </c>
      <c r="D39080" s="14" t="s">
        <v>234</v>
      </c>
      <c r="E39080" s="15">
        <v>45401</v>
      </c>
      <c r="F39080" s="14" t="s">
        <v>15</v>
      </c>
      <c r="G39080" s="16">
        <v>0.21598419755746162</v>
      </c>
    </row>
    <row r="39081" spans="1:7" x14ac:dyDescent="0.3">
      <c r="A39081" s="13" t="s">
        <v>233</v>
      </c>
      <c r="B39081" s="14" t="s">
        <v>1</v>
      </c>
      <c r="C39081" s="14" t="s">
        <v>70</v>
      </c>
      <c r="D39081" s="14" t="s">
        <v>234</v>
      </c>
      <c r="E39081" s="15">
        <v>45402</v>
      </c>
      <c r="F39081" s="14" t="s">
        <v>15</v>
      </c>
      <c r="G39081" s="16">
        <v>0.21598419755746162</v>
      </c>
    </row>
    <row r="39082" spans="1:7" x14ac:dyDescent="0.3">
      <c r="A39082" s="13" t="s">
        <v>233</v>
      </c>
      <c r="B39082" s="14" t="s">
        <v>1</v>
      </c>
      <c r="C39082" s="14" t="s">
        <v>70</v>
      </c>
      <c r="D39082" s="14" t="s">
        <v>234</v>
      </c>
      <c r="E39082" s="15">
        <v>45403</v>
      </c>
      <c r="F39082" s="14" t="s">
        <v>15</v>
      </c>
      <c r="G39082" s="16">
        <v>0.21598419755746162</v>
      </c>
    </row>
    <row r="39083" spans="1:7" x14ac:dyDescent="0.3">
      <c r="A39083" s="13" t="s">
        <v>233</v>
      </c>
      <c r="B39083" s="14" t="s">
        <v>1</v>
      </c>
      <c r="C39083" s="14" t="s">
        <v>70</v>
      </c>
      <c r="D39083" s="14" t="s">
        <v>234</v>
      </c>
      <c r="E39083" s="15">
        <v>45404</v>
      </c>
      <c r="F39083" s="14" t="s">
        <v>15</v>
      </c>
      <c r="G39083" s="16">
        <v>0.2247552835258716</v>
      </c>
    </row>
    <row r="39084" spans="1:7" x14ac:dyDescent="0.3">
      <c r="A39084" s="13" t="s">
        <v>233</v>
      </c>
      <c r="B39084" s="14" t="s">
        <v>1</v>
      </c>
      <c r="C39084" s="14" t="s">
        <v>70</v>
      </c>
      <c r="D39084" s="14" t="s">
        <v>234</v>
      </c>
      <c r="E39084" s="15">
        <v>45405</v>
      </c>
      <c r="F39084" s="14" t="s">
        <v>15</v>
      </c>
      <c r="G39084" s="16">
        <v>0.2561133123815682</v>
      </c>
    </row>
    <row r="39085" spans="1:7" x14ac:dyDescent="0.3">
      <c r="A39085" s="13" t="s">
        <v>233</v>
      </c>
      <c r="B39085" s="14" t="s">
        <v>1</v>
      </c>
      <c r="C39085" s="14" t="s">
        <v>70</v>
      </c>
      <c r="D39085" s="14" t="s">
        <v>234</v>
      </c>
      <c r="E39085" s="15">
        <v>45406</v>
      </c>
      <c r="F39085" s="14" t="s">
        <v>15</v>
      </c>
      <c r="G39085" s="16">
        <v>0.26396323888459244</v>
      </c>
    </row>
    <row r="39086" spans="1:7" x14ac:dyDescent="0.3">
      <c r="A39086" s="13" t="s">
        <v>233</v>
      </c>
      <c r="B39086" s="14" t="s">
        <v>1</v>
      </c>
      <c r="C39086" s="14" t="s">
        <v>70</v>
      </c>
      <c r="D39086" s="14" t="s">
        <v>234</v>
      </c>
      <c r="E39086" s="15">
        <v>45407</v>
      </c>
      <c r="F39086" s="14" t="s">
        <v>15</v>
      </c>
      <c r="G39086" s="16">
        <v>0.31254125889163509</v>
      </c>
    </row>
    <row r="39087" spans="1:7" x14ac:dyDescent="0.3">
      <c r="A39087" s="13" t="s">
        <v>233</v>
      </c>
      <c r="B39087" s="14" t="s">
        <v>1</v>
      </c>
      <c r="C39087" s="14" t="s">
        <v>70</v>
      </c>
      <c r="D39087" s="14" t="s">
        <v>234</v>
      </c>
      <c r="E39087" s="15">
        <v>45408</v>
      </c>
      <c r="F39087" s="14" t="s">
        <v>15</v>
      </c>
      <c r="G39087" s="16">
        <v>0.31753268120613443</v>
      </c>
    </row>
    <row r="39088" spans="1:7" x14ac:dyDescent="0.3">
      <c r="A39088" s="13" t="s">
        <v>233</v>
      </c>
      <c r="B39088" s="14" t="s">
        <v>1</v>
      </c>
      <c r="C39088" s="14" t="s">
        <v>70</v>
      </c>
      <c r="D39088" s="14" t="s">
        <v>234</v>
      </c>
      <c r="E39088" s="15">
        <v>45409</v>
      </c>
      <c r="F39088" s="14" t="s">
        <v>15</v>
      </c>
      <c r="G39088" s="16">
        <v>0.31753268120613443</v>
      </c>
    </row>
    <row r="39089" spans="1:7" x14ac:dyDescent="0.3">
      <c r="A39089" s="13" t="s">
        <v>233</v>
      </c>
      <c r="B39089" s="14" t="s">
        <v>1</v>
      </c>
      <c r="C39089" s="14" t="s">
        <v>70</v>
      </c>
      <c r="D39089" s="14" t="s">
        <v>234</v>
      </c>
      <c r="E39089" s="15">
        <v>45410</v>
      </c>
      <c r="F39089" s="14" t="s">
        <v>15</v>
      </c>
      <c r="G39089" s="16">
        <v>0.31753268120613443</v>
      </c>
    </row>
    <row r="39090" spans="1:7" x14ac:dyDescent="0.3">
      <c r="A39090" s="13" t="s">
        <v>233</v>
      </c>
      <c r="B39090" s="14" t="s">
        <v>1</v>
      </c>
      <c r="C39090" s="14" t="s">
        <v>70</v>
      </c>
      <c r="D39090" s="14" t="s">
        <v>234</v>
      </c>
      <c r="E39090" s="15">
        <v>45411</v>
      </c>
      <c r="F39090" s="14" t="s">
        <v>15</v>
      </c>
      <c r="G39090" s="16">
        <v>0.32150354255486635</v>
      </c>
    </row>
    <row r="39091" spans="1:7" x14ac:dyDescent="0.3">
      <c r="A39091" s="13" t="s">
        <v>233</v>
      </c>
      <c r="B39091" s="14" t="s">
        <v>1</v>
      </c>
      <c r="C39091" s="14" t="s">
        <v>70</v>
      </c>
      <c r="D39091" s="14" t="s">
        <v>234</v>
      </c>
      <c r="E39091" s="15">
        <v>45412</v>
      </c>
      <c r="F39091" s="14" t="s">
        <v>15</v>
      </c>
      <c r="G39091" s="16">
        <v>0.33511359768351501</v>
      </c>
    </row>
    <row r="39092" spans="1:7" x14ac:dyDescent="0.3">
      <c r="A39092" s="13" t="s">
        <v>233</v>
      </c>
      <c r="B39092" s="14" t="s">
        <v>1</v>
      </c>
      <c r="C39092" s="14" t="s">
        <v>70</v>
      </c>
      <c r="D39092" s="14" t="s">
        <v>234</v>
      </c>
      <c r="E39092" s="15">
        <v>45413</v>
      </c>
      <c r="F39092" s="14" t="s">
        <v>15</v>
      </c>
      <c r="G39092" s="16">
        <v>0.33511359768351501</v>
      </c>
    </row>
    <row r="39093" spans="1:7" x14ac:dyDescent="0.3">
      <c r="A39093" s="13" t="s">
        <v>233</v>
      </c>
      <c r="B39093" s="14" t="s">
        <v>1</v>
      </c>
      <c r="C39093" s="14" t="s">
        <v>70</v>
      </c>
      <c r="D39093" s="14" t="s">
        <v>234</v>
      </c>
      <c r="E39093" s="15">
        <v>45414</v>
      </c>
      <c r="F39093" s="14" t="s">
        <v>15</v>
      </c>
      <c r="G39093" s="16">
        <v>0.37644928964545993</v>
      </c>
    </row>
    <row r="39094" spans="1:7" x14ac:dyDescent="0.3">
      <c r="A39094" s="13" t="s">
        <v>233</v>
      </c>
      <c r="B39094" s="14" t="s">
        <v>1</v>
      </c>
      <c r="C39094" s="14" t="s">
        <v>70</v>
      </c>
      <c r="D39094" s="14" t="s">
        <v>234</v>
      </c>
      <c r="E39094" s="15">
        <v>45415</v>
      </c>
      <c r="F39094" s="14" t="s">
        <v>15</v>
      </c>
      <c r="G39094" s="16">
        <v>0.38596982531356672</v>
      </c>
    </row>
    <row r="39095" spans="1:7" x14ac:dyDescent="0.3">
      <c r="A39095" s="13" t="s">
        <v>233</v>
      </c>
      <c r="B39095" s="14" t="s">
        <v>1</v>
      </c>
      <c r="C39095" s="14" t="s">
        <v>70</v>
      </c>
      <c r="D39095" s="14" t="s">
        <v>234</v>
      </c>
      <c r="E39095" s="15">
        <v>45416</v>
      </c>
      <c r="F39095" s="14" t="s">
        <v>15</v>
      </c>
      <c r="G39095" s="16">
        <v>0.38596982531356672</v>
      </c>
    </row>
    <row r="39096" spans="1:7" x14ac:dyDescent="0.3">
      <c r="A39096" s="13" t="s">
        <v>233</v>
      </c>
      <c r="B39096" s="14" t="s">
        <v>1</v>
      </c>
      <c r="C39096" s="14" t="s">
        <v>70</v>
      </c>
      <c r="D39096" s="14" t="s">
        <v>234</v>
      </c>
      <c r="E39096" s="15">
        <v>45417</v>
      </c>
      <c r="F39096" s="14" t="s">
        <v>15</v>
      </c>
      <c r="G39096" s="16">
        <v>0.38596982531356672</v>
      </c>
    </row>
    <row r="39097" spans="1:7" x14ac:dyDescent="0.3">
      <c r="A39097" s="13" t="s">
        <v>233</v>
      </c>
      <c r="B39097" s="14" t="s">
        <v>1</v>
      </c>
      <c r="C39097" s="14" t="s">
        <v>70</v>
      </c>
      <c r="D39097" s="14" t="s">
        <v>234</v>
      </c>
      <c r="E39097" s="15">
        <v>45418</v>
      </c>
      <c r="F39097" s="14" t="s">
        <v>15</v>
      </c>
      <c r="G39097" s="16">
        <v>0.38596982531356672</v>
      </c>
    </row>
    <row r="39098" spans="1:7" x14ac:dyDescent="0.3">
      <c r="A39098" s="13" t="s">
        <v>233</v>
      </c>
      <c r="B39098" s="14" t="s">
        <v>1</v>
      </c>
      <c r="C39098" s="14" t="s">
        <v>70</v>
      </c>
      <c r="D39098" s="14" t="s">
        <v>234</v>
      </c>
      <c r="E39098" s="15">
        <v>45419</v>
      </c>
      <c r="F39098" s="14" t="s">
        <v>15</v>
      </c>
      <c r="G39098" s="16">
        <v>0.41349629637441554</v>
      </c>
    </row>
    <row r="39099" spans="1:7" x14ac:dyDescent="0.3">
      <c r="A39099" s="13" t="s">
        <v>233</v>
      </c>
      <c r="B39099" s="14" t="s">
        <v>1</v>
      </c>
      <c r="C39099" s="14" t="s">
        <v>70</v>
      </c>
      <c r="D39099" s="14" t="s">
        <v>234</v>
      </c>
      <c r="E39099" s="15">
        <v>45420</v>
      </c>
      <c r="F39099" s="14" t="s">
        <v>15</v>
      </c>
      <c r="G39099" s="16">
        <v>0.43560608061309397</v>
      </c>
    </row>
    <row r="39100" spans="1:7" x14ac:dyDescent="0.3">
      <c r="A39100" s="13" t="s">
        <v>233</v>
      </c>
      <c r="B39100" s="14" t="s">
        <v>1</v>
      </c>
      <c r="C39100" s="14" t="s">
        <v>70</v>
      </c>
      <c r="D39100" s="14" t="s">
        <v>234</v>
      </c>
      <c r="E39100" s="15">
        <v>45421</v>
      </c>
      <c r="F39100" s="14" t="s">
        <v>15</v>
      </c>
      <c r="G39100" s="16">
        <v>0.43560608061309397</v>
      </c>
    </row>
    <row r="39101" spans="1:7" x14ac:dyDescent="0.3">
      <c r="A39101" s="13" t="s">
        <v>233</v>
      </c>
      <c r="B39101" s="14" t="s">
        <v>1</v>
      </c>
      <c r="C39101" s="14" t="s">
        <v>70</v>
      </c>
      <c r="D39101" s="14" t="s">
        <v>234</v>
      </c>
      <c r="E39101" s="15">
        <v>45422</v>
      </c>
      <c r="F39101" s="14" t="s">
        <v>15</v>
      </c>
      <c r="G39101" s="16">
        <v>0.43953614870576269</v>
      </c>
    </row>
    <row r="39102" spans="1:7" x14ac:dyDescent="0.3">
      <c r="A39102" s="13" t="s">
        <v>233</v>
      </c>
      <c r="B39102" s="14" t="s">
        <v>1</v>
      </c>
      <c r="C39102" s="14" t="s">
        <v>70</v>
      </c>
      <c r="D39102" s="14" t="s">
        <v>234</v>
      </c>
      <c r="E39102" s="15">
        <v>45423</v>
      </c>
      <c r="F39102" s="14" t="s">
        <v>15</v>
      </c>
      <c r="G39102" s="16">
        <v>0.43953614870576269</v>
      </c>
    </row>
    <row r="39103" spans="1:7" x14ac:dyDescent="0.3">
      <c r="A39103" s="13" t="s">
        <v>233</v>
      </c>
      <c r="B39103" s="14" t="s">
        <v>1</v>
      </c>
      <c r="C39103" s="14" t="s">
        <v>70</v>
      </c>
      <c r="D39103" s="14" t="s">
        <v>234</v>
      </c>
      <c r="E39103" s="15">
        <v>45424</v>
      </c>
      <c r="F39103" s="14" t="s">
        <v>15</v>
      </c>
      <c r="G39103" s="16">
        <v>0.43953614870576269</v>
      </c>
    </row>
    <row r="39104" spans="1:7" x14ac:dyDescent="0.3">
      <c r="A39104" s="13" t="s">
        <v>233</v>
      </c>
      <c r="B39104" s="14" t="s">
        <v>1</v>
      </c>
      <c r="C39104" s="14" t="s">
        <v>70</v>
      </c>
      <c r="D39104" s="14" t="s">
        <v>234</v>
      </c>
      <c r="E39104" s="15">
        <v>45425</v>
      </c>
      <c r="F39104" s="14" t="s">
        <v>15</v>
      </c>
      <c r="G39104" s="16">
        <v>0.55514063124073665</v>
      </c>
    </row>
    <row r="39105" spans="1:7" x14ac:dyDescent="0.3">
      <c r="A39105" s="13" t="s">
        <v>233</v>
      </c>
      <c r="B39105" s="14" t="s">
        <v>1</v>
      </c>
      <c r="C39105" s="14" t="s">
        <v>70</v>
      </c>
      <c r="D39105" s="14" t="s">
        <v>234</v>
      </c>
      <c r="E39105" s="15">
        <v>45426</v>
      </c>
      <c r="F39105" s="14" t="s">
        <v>15</v>
      </c>
      <c r="G39105" s="16">
        <v>0.5921042374044676</v>
      </c>
    </row>
    <row r="39106" spans="1:7" x14ac:dyDescent="0.3">
      <c r="A39106" s="13" t="s">
        <v>233</v>
      </c>
      <c r="B39106" s="14" t="s">
        <v>1</v>
      </c>
      <c r="C39106" s="14" t="s">
        <v>70</v>
      </c>
      <c r="D39106" s="14" t="s">
        <v>234</v>
      </c>
      <c r="E39106" s="15">
        <v>45427</v>
      </c>
      <c r="F39106" s="14" t="s">
        <v>15</v>
      </c>
      <c r="G39106" s="16">
        <v>0.60219919705298863</v>
      </c>
    </row>
    <row r="39107" spans="1:7" x14ac:dyDescent="0.3">
      <c r="A39107" s="13" t="s">
        <v>233</v>
      </c>
      <c r="B39107" s="14" t="s">
        <v>1</v>
      </c>
      <c r="C39107" s="14" t="s">
        <v>70</v>
      </c>
      <c r="D39107" s="14" t="s">
        <v>234</v>
      </c>
      <c r="E39107" s="15">
        <v>45428</v>
      </c>
      <c r="F39107" s="14" t="s">
        <v>15</v>
      </c>
      <c r="G39107" s="16">
        <v>0.60808162782203334</v>
      </c>
    </row>
    <row r="39108" spans="1:7" x14ac:dyDescent="0.3">
      <c r="A39108" s="13" t="s">
        <v>233</v>
      </c>
      <c r="B39108" s="14" t="s">
        <v>1</v>
      </c>
      <c r="C39108" s="14" t="s">
        <v>70</v>
      </c>
      <c r="D39108" s="14" t="s">
        <v>234</v>
      </c>
      <c r="E39108" s="15">
        <v>45429</v>
      </c>
      <c r="F39108" s="14" t="s">
        <v>15</v>
      </c>
      <c r="G39108" s="16">
        <v>0.69894432428226028</v>
      </c>
    </row>
    <row r="39109" spans="1:7" x14ac:dyDescent="0.3">
      <c r="A39109" s="13" t="s">
        <v>233</v>
      </c>
      <c r="B39109" s="14" t="s">
        <v>1</v>
      </c>
      <c r="C39109" s="14" t="s">
        <v>70</v>
      </c>
      <c r="D39109" s="14" t="s">
        <v>234</v>
      </c>
      <c r="E39109" s="15">
        <v>45430</v>
      </c>
      <c r="F39109" s="14" t="s">
        <v>15</v>
      </c>
      <c r="G39109" s="16">
        <v>0.69894432428226028</v>
      </c>
    </row>
    <row r="39110" spans="1:7" x14ac:dyDescent="0.3">
      <c r="A39110" s="13" t="s">
        <v>233</v>
      </c>
      <c r="B39110" s="14" t="s">
        <v>1</v>
      </c>
      <c r="C39110" s="14" t="s">
        <v>70</v>
      </c>
      <c r="D39110" s="14" t="s">
        <v>234</v>
      </c>
      <c r="E39110" s="15">
        <v>45431</v>
      </c>
      <c r="F39110" s="14" t="s">
        <v>15</v>
      </c>
      <c r="G39110" s="16">
        <v>0.69894432428226028</v>
      </c>
    </row>
    <row r="39111" spans="1:7" x14ac:dyDescent="0.3">
      <c r="A39111" s="13" t="s">
        <v>233</v>
      </c>
      <c r="B39111" s="14" t="s">
        <v>1</v>
      </c>
      <c r="C39111" s="14" t="s">
        <v>70</v>
      </c>
      <c r="D39111" s="14" t="s">
        <v>234</v>
      </c>
      <c r="E39111" s="15">
        <v>45432</v>
      </c>
      <c r="F39111" s="14" t="s">
        <v>15</v>
      </c>
      <c r="G39111" s="16">
        <v>0.69894432428226028</v>
      </c>
    </row>
    <row r="39112" spans="1:7" x14ac:dyDescent="0.3">
      <c r="A39112" s="13" t="s">
        <v>233</v>
      </c>
      <c r="B39112" s="14" t="s">
        <v>1</v>
      </c>
      <c r="C39112" s="14" t="s">
        <v>70</v>
      </c>
      <c r="D39112" s="14" t="s">
        <v>234</v>
      </c>
      <c r="E39112" s="15">
        <v>45433</v>
      </c>
      <c r="F39112" s="14" t="s">
        <v>15</v>
      </c>
      <c r="G39112" s="16">
        <v>0.70260067649798807</v>
      </c>
    </row>
    <row r="39113" spans="1:7" x14ac:dyDescent="0.3">
      <c r="A39113" s="13" t="s">
        <v>233</v>
      </c>
      <c r="B39113" s="14" t="s">
        <v>1</v>
      </c>
      <c r="C39113" s="14" t="s">
        <v>70</v>
      </c>
      <c r="D39113" s="14" t="s">
        <v>234</v>
      </c>
      <c r="E39113" s="15">
        <v>45434</v>
      </c>
      <c r="F39113" s="14" t="s">
        <v>15</v>
      </c>
      <c r="G39113" s="16">
        <v>0.73828606345902947</v>
      </c>
    </row>
    <row r="39114" spans="1:7" x14ac:dyDescent="0.3">
      <c r="A39114" s="13" t="s">
        <v>233</v>
      </c>
      <c r="B39114" s="14" t="s">
        <v>1</v>
      </c>
      <c r="C39114" s="14" t="s">
        <v>70</v>
      </c>
      <c r="D39114" s="14" t="s">
        <v>234</v>
      </c>
      <c r="E39114" s="15">
        <v>45435</v>
      </c>
      <c r="F39114" s="14" t="s">
        <v>15</v>
      </c>
      <c r="G39114" s="16">
        <v>0.74305893822528168</v>
      </c>
    </row>
    <row r="39115" spans="1:7" x14ac:dyDescent="0.3">
      <c r="A39115" s="13" t="s">
        <v>233</v>
      </c>
      <c r="B39115" s="14" t="s">
        <v>1</v>
      </c>
      <c r="C39115" s="14" t="s">
        <v>70</v>
      </c>
      <c r="D39115" s="14" t="s">
        <v>234</v>
      </c>
      <c r="E39115" s="15">
        <v>45436</v>
      </c>
      <c r="F39115" s="14" t="s">
        <v>15</v>
      </c>
      <c r="G39115" s="16">
        <v>0.74697333502090624</v>
      </c>
    </row>
    <row r="39116" spans="1:7" x14ac:dyDescent="0.3">
      <c r="A39116" s="13" t="s">
        <v>233</v>
      </c>
      <c r="B39116" s="14" t="s">
        <v>1</v>
      </c>
      <c r="C39116" s="14" t="s">
        <v>70</v>
      </c>
      <c r="D39116" s="14" t="s">
        <v>234</v>
      </c>
      <c r="E39116" s="15">
        <v>45437</v>
      </c>
      <c r="F39116" s="14" t="s">
        <v>15</v>
      </c>
      <c r="G39116" s="16">
        <v>0.74697333502090624</v>
      </c>
    </row>
    <row r="39117" spans="1:7" x14ac:dyDescent="0.3">
      <c r="A39117" s="13" t="s">
        <v>233</v>
      </c>
      <c r="B39117" s="14" t="s">
        <v>1</v>
      </c>
      <c r="C39117" s="14" t="s">
        <v>70</v>
      </c>
      <c r="D39117" s="14" t="s">
        <v>234</v>
      </c>
      <c r="E39117" s="15">
        <v>45438</v>
      </c>
      <c r="F39117" s="14" t="s">
        <v>15</v>
      </c>
      <c r="G39117" s="16">
        <v>0.74697333502090624</v>
      </c>
    </row>
    <row r="39118" spans="1:7" x14ac:dyDescent="0.3">
      <c r="A39118" s="13" t="s">
        <v>233</v>
      </c>
      <c r="B39118" s="14" t="s">
        <v>1</v>
      </c>
      <c r="C39118" s="14" t="s">
        <v>70</v>
      </c>
      <c r="D39118" s="14" t="s">
        <v>234</v>
      </c>
      <c r="E39118" s="15">
        <v>45439</v>
      </c>
      <c r="F39118" s="14" t="s">
        <v>15</v>
      </c>
      <c r="G39118" s="16">
        <v>0.74262542969942236</v>
      </c>
    </row>
    <row r="39119" spans="1:7" x14ac:dyDescent="0.3">
      <c r="A39119" s="13" t="s">
        <v>233</v>
      </c>
      <c r="B39119" s="14" t="s">
        <v>1</v>
      </c>
      <c r="C39119" s="14" t="s">
        <v>70</v>
      </c>
      <c r="D39119" s="14" t="s">
        <v>234</v>
      </c>
      <c r="E39119" s="15">
        <v>45440</v>
      </c>
      <c r="F39119" s="14" t="s">
        <v>15</v>
      </c>
      <c r="G39119" s="16">
        <v>0.75439076772660718</v>
      </c>
    </row>
    <row r="39120" spans="1:7" x14ac:dyDescent="0.3">
      <c r="A39120" s="13" t="s">
        <v>233</v>
      </c>
      <c r="B39120" s="14" t="s">
        <v>1</v>
      </c>
      <c r="C39120" s="14" t="s">
        <v>70</v>
      </c>
      <c r="D39120" s="14" t="s">
        <v>234</v>
      </c>
      <c r="E39120" s="15">
        <v>45441</v>
      </c>
      <c r="F39120" s="14" t="s">
        <v>15</v>
      </c>
      <c r="G39120" s="16">
        <v>0.76012898059360401</v>
      </c>
    </row>
    <row r="39121" spans="1:7" x14ac:dyDescent="0.3">
      <c r="A39121" s="13" t="s">
        <v>233</v>
      </c>
      <c r="B39121" s="14" t="s">
        <v>1</v>
      </c>
      <c r="C39121" s="14" t="s">
        <v>70</v>
      </c>
      <c r="D39121" s="14" t="s">
        <v>234</v>
      </c>
      <c r="E39121" s="15">
        <v>45442</v>
      </c>
      <c r="F39121" s="14" t="s">
        <v>15</v>
      </c>
      <c r="G39121" s="16">
        <v>0.76082960952122491</v>
      </c>
    </row>
    <row r="39122" spans="1:7" x14ac:dyDescent="0.3">
      <c r="A39122" s="13" t="s">
        <v>233</v>
      </c>
      <c r="B39122" s="14" t="s">
        <v>1</v>
      </c>
      <c r="C39122" s="14" t="s">
        <v>70</v>
      </c>
      <c r="D39122" s="14" t="s">
        <v>234</v>
      </c>
      <c r="E39122" s="15">
        <v>45443</v>
      </c>
      <c r="F39122" s="14" t="s">
        <v>15</v>
      </c>
      <c r="G39122" s="16">
        <v>0.76871087080387202</v>
      </c>
    </row>
    <row r="39123" spans="1:7" x14ac:dyDescent="0.3">
      <c r="A39123" s="13" t="s">
        <v>233</v>
      </c>
      <c r="B39123" s="14" t="s">
        <v>1</v>
      </c>
      <c r="C39123" s="14" t="s">
        <v>70</v>
      </c>
      <c r="D39123" s="14" t="s">
        <v>234</v>
      </c>
      <c r="E39123" s="15">
        <v>45444</v>
      </c>
      <c r="F39123" s="14" t="s">
        <v>15</v>
      </c>
      <c r="G39123" s="16">
        <v>0.76871087080387202</v>
      </c>
    </row>
    <row r="39124" spans="1:7" x14ac:dyDescent="0.3">
      <c r="A39124" s="13" t="s">
        <v>233</v>
      </c>
      <c r="B39124" s="14" t="s">
        <v>1</v>
      </c>
      <c r="C39124" s="14" t="s">
        <v>70</v>
      </c>
      <c r="D39124" s="14" t="s">
        <v>234</v>
      </c>
      <c r="E39124" s="15">
        <v>45445</v>
      </c>
      <c r="F39124" s="14" t="s">
        <v>15</v>
      </c>
      <c r="G39124" s="16">
        <v>0.76871087080387202</v>
      </c>
    </row>
    <row r="39125" spans="1:7" x14ac:dyDescent="0.3">
      <c r="A39125" s="13" t="s">
        <v>233</v>
      </c>
      <c r="B39125" s="14" t="s">
        <v>1</v>
      </c>
      <c r="C39125" s="14" t="s">
        <v>70</v>
      </c>
      <c r="D39125" s="14" t="s">
        <v>234</v>
      </c>
      <c r="E39125" s="15">
        <v>45446</v>
      </c>
      <c r="F39125" s="14" t="s">
        <v>15</v>
      </c>
      <c r="G39125" s="16">
        <v>0.76871087080387202</v>
      </c>
    </row>
    <row r="39126" spans="1:7" x14ac:dyDescent="0.3">
      <c r="A39126" s="13" t="s">
        <v>233</v>
      </c>
      <c r="B39126" s="14" t="s">
        <v>1</v>
      </c>
      <c r="C39126" s="14" t="s">
        <v>70</v>
      </c>
      <c r="D39126" s="14" t="s">
        <v>234</v>
      </c>
      <c r="E39126" s="15">
        <v>45447</v>
      </c>
      <c r="F39126" s="14" t="s">
        <v>15</v>
      </c>
      <c r="G39126" s="16">
        <v>0.78460449089364603</v>
      </c>
    </row>
    <row r="39127" spans="1:7" x14ac:dyDescent="0.3">
      <c r="A39127" s="13" t="s">
        <v>233</v>
      </c>
      <c r="B39127" s="14" t="s">
        <v>1</v>
      </c>
      <c r="C39127" s="14" t="s">
        <v>70</v>
      </c>
      <c r="D39127" s="14" t="s">
        <v>234</v>
      </c>
      <c r="E39127" s="15">
        <v>45448</v>
      </c>
      <c r="F39127" s="14" t="s">
        <v>15</v>
      </c>
      <c r="G39127" s="16">
        <v>0.82000037596875985</v>
      </c>
    </row>
    <row r="39128" spans="1:7" x14ac:dyDescent="0.3">
      <c r="A39128" s="13" t="s">
        <v>233</v>
      </c>
      <c r="B39128" s="14" t="s">
        <v>1</v>
      </c>
      <c r="C39128" s="14" t="s">
        <v>70</v>
      </c>
      <c r="D39128" s="14" t="s">
        <v>234</v>
      </c>
      <c r="E39128" s="15">
        <v>45449</v>
      </c>
      <c r="F39128" s="14" t="s">
        <v>15</v>
      </c>
      <c r="G39128" s="16">
        <v>0.82374256990305572</v>
      </c>
    </row>
    <row r="39129" spans="1:7" x14ac:dyDescent="0.3">
      <c r="A39129" s="13" t="s">
        <v>233</v>
      </c>
      <c r="B39129" s="14" t="s">
        <v>1</v>
      </c>
      <c r="C39129" s="14" t="s">
        <v>70</v>
      </c>
      <c r="D39129" s="14" t="s">
        <v>234</v>
      </c>
      <c r="E39129" s="15">
        <v>45450</v>
      </c>
      <c r="F39129" s="14" t="s">
        <v>15</v>
      </c>
      <c r="G39129" s="16">
        <v>0.82744650018616872</v>
      </c>
    </row>
    <row r="39130" spans="1:7" x14ac:dyDescent="0.3">
      <c r="A39130" s="13" t="s">
        <v>233</v>
      </c>
      <c r="B39130" s="14" t="s">
        <v>1</v>
      </c>
      <c r="C39130" s="14" t="s">
        <v>70</v>
      </c>
      <c r="D39130" s="14" t="s">
        <v>234</v>
      </c>
      <c r="E39130" s="15">
        <v>45451</v>
      </c>
      <c r="F39130" s="14" t="s">
        <v>15</v>
      </c>
      <c r="G39130" s="16">
        <v>0.82744650018616872</v>
      </c>
    </row>
    <row r="39131" spans="1:7" x14ac:dyDescent="0.3">
      <c r="A39131" s="13" t="s">
        <v>233</v>
      </c>
      <c r="B39131" s="14" t="s">
        <v>1</v>
      </c>
      <c r="C39131" s="14" t="s">
        <v>70</v>
      </c>
      <c r="D39131" s="14" t="s">
        <v>234</v>
      </c>
      <c r="E39131" s="15">
        <v>45452</v>
      </c>
      <c r="F39131" s="14" t="s">
        <v>15</v>
      </c>
      <c r="G39131" s="16">
        <v>0.82744650018616872</v>
      </c>
    </row>
    <row r="39132" spans="1:7" x14ac:dyDescent="0.3">
      <c r="A39132" s="13" t="s">
        <v>233</v>
      </c>
      <c r="B39132" s="14" t="s">
        <v>1</v>
      </c>
      <c r="C39132" s="14" t="s">
        <v>70</v>
      </c>
      <c r="D39132" s="14" t="s">
        <v>234</v>
      </c>
      <c r="E39132" s="15">
        <v>45453</v>
      </c>
      <c r="F39132" s="14" t="s">
        <v>15</v>
      </c>
      <c r="G39132" s="16">
        <v>0.84005083581735585</v>
      </c>
    </row>
    <row r="39133" spans="1:7" x14ac:dyDescent="0.3">
      <c r="A39133" s="13" t="s">
        <v>233</v>
      </c>
      <c r="B39133" s="14" t="s">
        <v>1</v>
      </c>
      <c r="C39133" s="14" t="s">
        <v>70</v>
      </c>
      <c r="D39133" s="14" t="s">
        <v>234</v>
      </c>
      <c r="E39133" s="15">
        <v>45454</v>
      </c>
      <c r="F39133" s="14" t="s">
        <v>15</v>
      </c>
      <c r="G39133" s="16">
        <v>0.85243318380827693</v>
      </c>
    </row>
    <row r="39134" spans="1:7" x14ac:dyDescent="0.3">
      <c r="A39134" s="13" t="s">
        <v>233</v>
      </c>
      <c r="B39134" s="14" t="s">
        <v>1</v>
      </c>
      <c r="C39134" s="14" t="s">
        <v>70</v>
      </c>
      <c r="D39134" s="14" t="s">
        <v>234</v>
      </c>
      <c r="E39134" s="15">
        <v>45455</v>
      </c>
      <c r="F39134" s="14" t="s">
        <v>15</v>
      </c>
      <c r="G39134" s="16">
        <v>0.86410495359938311</v>
      </c>
    </row>
    <row r="39135" spans="1:7" x14ac:dyDescent="0.3">
      <c r="A39135" s="13" t="s">
        <v>233</v>
      </c>
      <c r="B39135" s="14" t="s">
        <v>1</v>
      </c>
      <c r="C39135" s="14" t="s">
        <v>70</v>
      </c>
      <c r="D39135" s="14" t="s">
        <v>234</v>
      </c>
      <c r="E39135" s="15">
        <v>45456</v>
      </c>
      <c r="F39135" s="14" t="s">
        <v>15</v>
      </c>
      <c r="G39135" s="16">
        <v>0.87192575025669783</v>
      </c>
    </row>
    <row r="39136" spans="1:7" x14ac:dyDescent="0.3">
      <c r="A39136" s="13" t="s">
        <v>233</v>
      </c>
      <c r="B39136" s="14" t="s">
        <v>1</v>
      </c>
      <c r="C39136" s="14" t="s">
        <v>70</v>
      </c>
      <c r="D39136" s="14" t="s">
        <v>234</v>
      </c>
      <c r="E39136" s="15">
        <v>45457</v>
      </c>
      <c r="F39136" s="14" t="s">
        <v>15</v>
      </c>
      <c r="G39136" s="16">
        <v>0.88067468672906624</v>
      </c>
    </row>
    <row r="39137" spans="1:7" x14ac:dyDescent="0.3">
      <c r="A39137" s="13" t="s">
        <v>233</v>
      </c>
      <c r="B39137" s="14" t="s">
        <v>1</v>
      </c>
      <c r="C39137" s="14" t="s">
        <v>70</v>
      </c>
      <c r="D39137" s="14" t="s">
        <v>234</v>
      </c>
      <c r="E39137" s="15">
        <v>45458</v>
      </c>
      <c r="F39137" s="14" t="s">
        <v>15</v>
      </c>
      <c r="G39137" s="16">
        <v>0.88067468672906624</v>
      </c>
    </row>
    <row r="39138" spans="1:7" x14ac:dyDescent="0.3">
      <c r="A39138" s="13" t="s">
        <v>233</v>
      </c>
      <c r="B39138" s="14" t="s">
        <v>1</v>
      </c>
      <c r="C39138" s="14" t="s">
        <v>70</v>
      </c>
      <c r="D39138" s="14" t="s">
        <v>234</v>
      </c>
      <c r="E39138" s="15">
        <v>45459</v>
      </c>
      <c r="F39138" s="14" t="s">
        <v>15</v>
      </c>
      <c r="G39138" s="16">
        <v>0.88067468672906624</v>
      </c>
    </row>
    <row r="39139" spans="1:7" x14ac:dyDescent="0.3">
      <c r="A39139" s="13" t="s">
        <v>233</v>
      </c>
      <c r="B39139" s="14" t="s">
        <v>1</v>
      </c>
      <c r="C39139" s="14" t="s">
        <v>70</v>
      </c>
      <c r="D39139" s="14" t="s">
        <v>234</v>
      </c>
      <c r="E39139" s="15">
        <v>45460</v>
      </c>
      <c r="F39139" s="14" t="s">
        <v>15</v>
      </c>
      <c r="G39139" s="16">
        <v>0.90090544217937796</v>
      </c>
    </row>
    <row r="39140" spans="1:7" x14ac:dyDescent="0.3">
      <c r="A39140" s="13" t="s">
        <v>233</v>
      </c>
      <c r="B39140" s="14" t="s">
        <v>1</v>
      </c>
      <c r="C39140" s="14" t="s">
        <v>70</v>
      </c>
      <c r="D39140" s="14" t="s">
        <v>234</v>
      </c>
      <c r="E39140" s="15">
        <v>45461</v>
      </c>
      <c r="F39140" s="14" t="s">
        <v>15</v>
      </c>
      <c r="G39140" s="16">
        <v>0.91090296741248322</v>
      </c>
    </row>
    <row r="39141" spans="1:7" x14ac:dyDescent="0.3">
      <c r="A39141" s="13" t="s">
        <v>233</v>
      </c>
      <c r="B39141" s="14" t="s">
        <v>1</v>
      </c>
      <c r="C39141" s="14" t="s">
        <v>70</v>
      </c>
      <c r="D39141" s="14" t="s">
        <v>234</v>
      </c>
      <c r="E39141" s="15">
        <v>45462</v>
      </c>
      <c r="F39141" s="14" t="s">
        <v>15</v>
      </c>
      <c r="G39141" s="16">
        <v>0.91555170057172341</v>
      </c>
    </row>
    <row r="39142" spans="1:7" x14ac:dyDescent="0.3">
      <c r="A39142" s="13" t="s">
        <v>233</v>
      </c>
      <c r="B39142" s="14" t="s">
        <v>1</v>
      </c>
      <c r="C39142" s="14" t="s">
        <v>70</v>
      </c>
      <c r="D39142" s="14" t="s">
        <v>234</v>
      </c>
      <c r="E39142" s="15">
        <v>45463</v>
      </c>
      <c r="F39142" s="14" t="s">
        <v>15</v>
      </c>
      <c r="G39142" s="16">
        <v>0.92597831874958014</v>
      </c>
    </row>
    <row r="39143" spans="1:7" x14ac:dyDescent="0.3">
      <c r="A39143" s="13" t="s">
        <v>233</v>
      </c>
      <c r="B39143" s="14" t="s">
        <v>1</v>
      </c>
      <c r="C39143" s="14" t="s">
        <v>70</v>
      </c>
      <c r="D39143" s="14" t="s">
        <v>234</v>
      </c>
      <c r="E39143" s="15">
        <v>45464</v>
      </c>
      <c r="F39143" s="14" t="s">
        <v>15</v>
      </c>
      <c r="G39143" s="16">
        <v>0.92958995855639537</v>
      </c>
    </row>
    <row r="39144" spans="1:7" x14ac:dyDescent="0.3">
      <c r="A39144" s="13" t="s">
        <v>233</v>
      </c>
      <c r="B39144" s="14" t="s">
        <v>1</v>
      </c>
      <c r="C39144" s="14" t="s">
        <v>70</v>
      </c>
      <c r="D39144" s="14" t="s">
        <v>234</v>
      </c>
      <c r="E39144" s="15">
        <v>45465</v>
      </c>
      <c r="F39144" s="14" t="s">
        <v>15</v>
      </c>
      <c r="G39144" s="16">
        <v>0.92958995855639537</v>
      </c>
    </row>
    <row r="39145" spans="1:7" x14ac:dyDescent="0.3">
      <c r="A39145" s="13" t="s">
        <v>233</v>
      </c>
      <c r="B39145" s="14" t="s">
        <v>1</v>
      </c>
      <c r="C39145" s="14" t="s">
        <v>70</v>
      </c>
      <c r="D39145" s="14" t="s">
        <v>234</v>
      </c>
      <c r="E39145" s="15">
        <v>45466</v>
      </c>
      <c r="F39145" s="14" t="s">
        <v>15</v>
      </c>
      <c r="G39145" s="16">
        <v>0.92958995855639537</v>
      </c>
    </row>
    <row r="39146" spans="1:7" x14ac:dyDescent="0.3">
      <c r="A39146" s="13" t="s">
        <v>233</v>
      </c>
      <c r="B39146" s="14" t="s">
        <v>1</v>
      </c>
      <c r="C39146" s="14" t="s">
        <v>70</v>
      </c>
      <c r="D39146" s="14" t="s">
        <v>234</v>
      </c>
      <c r="E39146" s="15">
        <v>45467</v>
      </c>
      <c r="F39146" s="14" t="s">
        <v>15</v>
      </c>
      <c r="G39146" s="16">
        <v>0.93347846851092919</v>
      </c>
    </row>
    <row r="39147" spans="1:7" x14ac:dyDescent="0.3">
      <c r="A39147" s="13" t="s">
        <v>233</v>
      </c>
      <c r="B39147" s="14" t="s">
        <v>1</v>
      </c>
      <c r="C39147" s="14" t="s">
        <v>70</v>
      </c>
      <c r="D39147" s="14" t="s">
        <v>234</v>
      </c>
      <c r="E39147" s="15">
        <v>45468</v>
      </c>
      <c r="F39147" s="14" t="s">
        <v>15</v>
      </c>
      <c r="G39147" s="16">
        <v>0.95053787888504593</v>
      </c>
    </row>
    <row r="39148" spans="1:7" x14ac:dyDescent="0.3">
      <c r="A39148" s="13" t="s">
        <v>233</v>
      </c>
      <c r="B39148" s="14" t="s">
        <v>1</v>
      </c>
      <c r="C39148" s="14" t="s">
        <v>70</v>
      </c>
      <c r="D39148" s="14" t="s">
        <v>234</v>
      </c>
      <c r="E39148" s="15">
        <v>45469</v>
      </c>
      <c r="F39148" s="14" t="s">
        <v>15</v>
      </c>
      <c r="G39148" s="16">
        <v>0.95422927131084145</v>
      </c>
    </row>
    <row r="39149" spans="1:7" x14ac:dyDescent="0.3">
      <c r="A39149" s="13" t="s">
        <v>233</v>
      </c>
      <c r="B39149" s="14" t="s">
        <v>1</v>
      </c>
      <c r="C39149" s="14" t="s">
        <v>70</v>
      </c>
      <c r="D39149" s="14" t="s">
        <v>234</v>
      </c>
      <c r="E39149" s="15">
        <v>45470</v>
      </c>
      <c r="F39149" s="14" t="s">
        <v>15</v>
      </c>
      <c r="G39149" s="16">
        <v>0.95798064316706</v>
      </c>
    </row>
    <row r="39150" spans="1:7" x14ac:dyDescent="0.3">
      <c r="A39150" s="13" t="s">
        <v>233</v>
      </c>
      <c r="B39150" s="14" t="s">
        <v>1</v>
      </c>
      <c r="C39150" s="14" t="s">
        <v>70</v>
      </c>
      <c r="D39150" s="14" t="s">
        <v>234</v>
      </c>
      <c r="E39150" s="15">
        <v>45471</v>
      </c>
      <c r="F39150" s="14" t="s">
        <v>15</v>
      </c>
      <c r="G39150" s="16">
        <v>0.98569031612183955</v>
      </c>
    </row>
    <row r="39151" spans="1:7" x14ac:dyDescent="0.3">
      <c r="A39151" s="13" t="s">
        <v>233</v>
      </c>
      <c r="B39151" s="14" t="s">
        <v>1</v>
      </c>
      <c r="C39151" s="14" t="s">
        <v>70</v>
      </c>
      <c r="D39151" s="14" t="s">
        <v>234</v>
      </c>
      <c r="E39151" s="15">
        <v>45472</v>
      </c>
      <c r="F39151" s="14" t="s">
        <v>15</v>
      </c>
      <c r="G39151" s="16">
        <v>0.98569031612183955</v>
      </c>
    </row>
    <row r="39152" spans="1:7" x14ac:dyDescent="0.3">
      <c r="A39152" s="13" t="s">
        <v>233</v>
      </c>
      <c r="B39152" s="14" t="s">
        <v>1</v>
      </c>
      <c r="C39152" s="14" t="s">
        <v>70</v>
      </c>
      <c r="D39152" s="14" t="s">
        <v>234</v>
      </c>
      <c r="E39152" s="15">
        <v>45473</v>
      </c>
      <c r="F39152" s="14" t="s">
        <v>15</v>
      </c>
      <c r="G39152" s="16">
        <v>0.98569031612183955</v>
      </c>
    </row>
    <row r="39153" spans="1:7" x14ac:dyDescent="0.3">
      <c r="A39153" s="13" t="s">
        <v>233</v>
      </c>
      <c r="B39153" s="14" t="s">
        <v>1</v>
      </c>
      <c r="C39153" s="14" t="s">
        <v>70</v>
      </c>
      <c r="D39153" s="14" t="s">
        <v>234</v>
      </c>
      <c r="E39153" s="15">
        <v>45474</v>
      </c>
      <c r="F39153" s="14" t="s">
        <v>15</v>
      </c>
      <c r="G39153" s="16">
        <v>0.99447732067458394</v>
      </c>
    </row>
    <row r="39154" spans="1:7" x14ac:dyDescent="0.3">
      <c r="A39154" s="13" t="s">
        <v>233</v>
      </c>
      <c r="B39154" s="14" t="s">
        <v>1</v>
      </c>
      <c r="C39154" s="14" t="s">
        <v>70</v>
      </c>
      <c r="D39154" s="14" t="s">
        <v>234</v>
      </c>
      <c r="E39154" s="15">
        <v>45475</v>
      </c>
      <c r="F39154" s="14" t="s">
        <v>15</v>
      </c>
      <c r="G39154" s="16">
        <v>1.0078883388432962</v>
      </c>
    </row>
    <row r="39155" spans="1:7" x14ac:dyDescent="0.3">
      <c r="A39155" s="13" t="s">
        <v>233</v>
      </c>
      <c r="B39155" s="14" t="s">
        <v>1</v>
      </c>
      <c r="C39155" s="14" t="s">
        <v>70</v>
      </c>
      <c r="D39155" s="14" t="s">
        <v>234</v>
      </c>
      <c r="E39155" s="15">
        <v>45476</v>
      </c>
      <c r="F39155" s="14" t="s">
        <v>15</v>
      </c>
      <c r="G39155" s="16">
        <v>1.0438388351272527</v>
      </c>
    </row>
    <row r="39156" spans="1:7" x14ac:dyDescent="0.3">
      <c r="A39156" s="13" t="s">
        <v>233</v>
      </c>
      <c r="B39156" s="14" t="s">
        <v>1</v>
      </c>
      <c r="C39156" s="14" t="s">
        <v>70</v>
      </c>
      <c r="D39156" s="14" t="s">
        <v>234</v>
      </c>
      <c r="E39156" s="15">
        <v>45477</v>
      </c>
      <c r="F39156" s="14" t="s">
        <v>15</v>
      </c>
      <c r="G39156" s="16">
        <v>1.0475704565488706</v>
      </c>
    </row>
    <row r="39157" spans="1:7" x14ac:dyDescent="0.3">
      <c r="A39157" s="13" t="s">
        <v>233</v>
      </c>
      <c r="B39157" s="14" t="s">
        <v>1</v>
      </c>
      <c r="C39157" s="14" t="s">
        <v>70</v>
      </c>
      <c r="D39157" s="14" t="s">
        <v>234</v>
      </c>
      <c r="E39157" s="15">
        <v>45478</v>
      </c>
      <c r="F39157" s="14" t="s">
        <v>15</v>
      </c>
      <c r="G39157" s="16">
        <v>1.0513611927505488</v>
      </c>
    </row>
    <row r="39158" spans="1:7" x14ac:dyDescent="0.3">
      <c r="A39158" s="13" t="s">
        <v>233</v>
      </c>
      <c r="B39158" s="14" t="s">
        <v>1</v>
      </c>
      <c r="C39158" s="14" t="s">
        <v>70</v>
      </c>
      <c r="D39158" s="14" t="s">
        <v>234</v>
      </c>
      <c r="E39158" s="15">
        <v>45479</v>
      </c>
      <c r="F39158" s="14" t="s">
        <v>15</v>
      </c>
      <c r="G39158" s="16">
        <v>1.0513611927505488</v>
      </c>
    </row>
    <row r="39159" spans="1:7" x14ac:dyDescent="0.3">
      <c r="A39159" s="13" t="s">
        <v>233</v>
      </c>
      <c r="B39159" s="14" t="s">
        <v>1</v>
      </c>
      <c r="C39159" s="14" t="s">
        <v>70</v>
      </c>
      <c r="D39159" s="14" t="s">
        <v>234</v>
      </c>
      <c r="E39159" s="15">
        <v>45480</v>
      </c>
      <c r="F39159" s="14" t="s">
        <v>15</v>
      </c>
      <c r="G39159" s="16">
        <v>1.0513611927505488</v>
      </c>
    </row>
    <row r="39160" spans="1:7" x14ac:dyDescent="0.3">
      <c r="A39160" s="13" t="s">
        <v>233</v>
      </c>
      <c r="B39160" s="14" t="s">
        <v>1</v>
      </c>
      <c r="C39160" s="14" t="s">
        <v>70</v>
      </c>
      <c r="D39160" s="14" t="s">
        <v>234</v>
      </c>
      <c r="E39160" s="15">
        <v>45481</v>
      </c>
      <c r="F39160" s="14" t="s">
        <v>15</v>
      </c>
      <c r="G39160" s="16">
        <v>1.0735915991108675</v>
      </c>
    </row>
    <row r="39161" spans="1:7" x14ac:dyDescent="0.3">
      <c r="A39161" s="13" t="s">
        <v>233</v>
      </c>
      <c r="B39161" s="14" t="s">
        <v>1</v>
      </c>
      <c r="C39161" s="14" t="s">
        <v>70</v>
      </c>
      <c r="D39161" s="14" t="s">
        <v>234</v>
      </c>
      <c r="E39161" s="15">
        <v>45482</v>
      </c>
      <c r="F39161" s="14" t="s">
        <v>15</v>
      </c>
      <c r="G39161" s="16">
        <v>1.084485051224843</v>
      </c>
    </row>
    <row r="39162" spans="1:7" x14ac:dyDescent="0.3">
      <c r="A39162" s="13" t="s">
        <v>233</v>
      </c>
      <c r="B39162" s="14" t="s">
        <v>1</v>
      </c>
      <c r="C39162" s="14" t="s">
        <v>70</v>
      </c>
      <c r="D39162" s="14" t="s">
        <v>234</v>
      </c>
      <c r="E39162" s="15">
        <v>45483</v>
      </c>
      <c r="F39162" s="14" t="s">
        <v>15</v>
      </c>
      <c r="G39162" s="16">
        <v>1.091109252290086</v>
      </c>
    </row>
    <row r="39163" spans="1:7" x14ac:dyDescent="0.3">
      <c r="A39163" s="13" t="s">
        <v>233</v>
      </c>
      <c r="B39163" s="14" t="s">
        <v>1</v>
      </c>
      <c r="C39163" s="14" t="s">
        <v>70</v>
      </c>
      <c r="D39163" s="14" t="s">
        <v>234</v>
      </c>
      <c r="E39163" s="15">
        <v>45484</v>
      </c>
      <c r="F39163" s="14" t="s">
        <v>15</v>
      </c>
      <c r="G39163" s="16">
        <v>1.1076197375336416</v>
      </c>
    </row>
    <row r="39164" spans="1:7" x14ac:dyDescent="0.3">
      <c r="A39164" s="13" t="s">
        <v>233</v>
      </c>
      <c r="B39164" s="14" t="s">
        <v>1</v>
      </c>
      <c r="C39164" s="14" t="s">
        <v>70</v>
      </c>
      <c r="D39164" s="14" t="s">
        <v>234</v>
      </c>
      <c r="E39164" s="15">
        <v>45485</v>
      </c>
      <c r="F39164" s="14" t="s">
        <v>15</v>
      </c>
      <c r="G39164" s="16">
        <v>1.113802991822157</v>
      </c>
    </row>
    <row r="39165" spans="1:7" x14ac:dyDescent="0.3">
      <c r="A39165" s="13" t="s">
        <v>233</v>
      </c>
      <c r="B39165" s="14" t="s">
        <v>1</v>
      </c>
      <c r="C39165" s="14" t="s">
        <v>70</v>
      </c>
      <c r="D39165" s="14" t="s">
        <v>234</v>
      </c>
      <c r="E39165" s="15">
        <v>45486</v>
      </c>
      <c r="F39165" s="14" t="s">
        <v>15</v>
      </c>
      <c r="G39165" s="16">
        <v>1.113802991822157</v>
      </c>
    </row>
    <row r="39166" spans="1:7" x14ac:dyDescent="0.3">
      <c r="A39166" s="13" t="s">
        <v>233</v>
      </c>
      <c r="B39166" s="14" t="s">
        <v>1</v>
      </c>
      <c r="C39166" s="14" t="s">
        <v>70</v>
      </c>
      <c r="D39166" s="14" t="s">
        <v>234</v>
      </c>
      <c r="E39166" s="15">
        <v>45487</v>
      </c>
      <c r="F39166" s="14" t="s">
        <v>15</v>
      </c>
      <c r="G39166" s="16">
        <v>1.113802991822157</v>
      </c>
    </row>
    <row r="39167" spans="1:7" x14ac:dyDescent="0.3">
      <c r="A39167" s="13" t="s">
        <v>233</v>
      </c>
      <c r="B39167" s="14" t="s">
        <v>1</v>
      </c>
      <c r="C39167" s="14" t="s">
        <v>70</v>
      </c>
      <c r="D39167" s="14" t="s">
        <v>234</v>
      </c>
      <c r="E39167" s="15">
        <v>45488</v>
      </c>
      <c r="F39167" s="14" t="s">
        <v>15</v>
      </c>
      <c r="G39167" s="16">
        <v>1.1163593266311909</v>
      </c>
    </row>
    <row r="39168" spans="1:7" x14ac:dyDescent="0.3">
      <c r="A39168" s="13" t="s">
        <v>233</v>
      </c>
      <c r="B39168" s="14" t="s">
        <v>1</v>
      </c>
      <c r="C39168" s="14" t="s">
        <v>70</v>
      </c>
      <c r="D39168" s="14" t="s">
        <v>234</v>
      </c>
      <c r="E39168" s="15">
        <v>45489</v>
      </c>
      <c r="F39168" s="14" t="s">
        <v>15</v>
      </c>
      <c r="G39168" s="16">
        <v>1.1269337506330219</v>
      </c>
    </row>
    <row r="39169" spans="1:7" x14ac:dyDescent="0.3">
      <c r="A39169" s="13" t="s">
        <v>233</v>
      </c>
      <c r="B39169" s="14" t="s">
        <v>1</v>
      </c>
      <c r="C39169" s="14" t="s">
        <v>70</v>
      </c>
      <c r="D39169" s="14" t="s">
        <v>234</v>
      </c>
      <c r="E39169" s="15">
        <v>45490</v>
      </c>
      <c r="F39169" s="14" t="s">
        <v>15</v>
      </c>
      <c r="G39169" s="16">
        <v>1.1303545639594443</v>
      </c>
    </row>
    <row r="39170" spans="1:7" x14ac:dyDescent="0.3">
      <c r="A39170" s="13" t="s">
        <v>233</v>
      </c>
      <c r="B39170" s="14" t="s">
        <v>1</v>
      </c>
      <c r="C39170" s="14" t="s">
        <v>70</v>
      </c>
      <c r="D39170" s="14" t="s">
        <v>234</v>
      </c>
      <c r="E39170" s="15">
        <v>45491</v>
      </c>
      <c r="F39170" s="14" t="s">
        <v>15</v>
      </c>
      <c r="G39170" s="16">
        <v>1.1472288377562498</v>
      </c>
    </row>
    <row r="39171" spans="1:7" x14ac:dyDescent="0.3">
      <c r="A39171" s="13" t="s">
        <v>233</v>
      </c>
      <c r="B39171" s="14" t="s">
        <v>1</v>
      </c>
      <c r="C39171" s="14" t="s">
        <v>70</v>
      </c>
      <c r="D39171" s="14" t="s">
        <v>234</v>
      </c>
      <c r="E39171" s="15">
        <v>45492</v>
      </c>
      <c r="F39171" s="14" t="s">
        <v>15</v>
      </c>
      <c r="G39171" s="16">
        <v>1.1508326430359843</v>
      </c>
    </row>
    <row r="39172" spans="1:7" x14ac:dyDescent="0.3">
      <c r="A39172" s="13" t="s">
        <v>233</v>
      </c>
      <c r="B39172" s="14" t="s">
        <v>1</v>
      </c>
      <c r="C39172" s="14" t="s">
        <v>70</v>
      </c>
      <c r="D39172" s="14" t="s">
        <v>234</v>
      </c>
      <c r="E39172" s="15">
        <v>45493</v>
      </c>
      <c r="F39172" s="14" t="s">
        <v>15</v>
      </c>
      <c r="G39172" s="16">
        <v>1.1508326430359843</v>
      </c>
    </row>
    <row r="39173" spans="1:7" x14ac:dyDescent="0.3">
      <c r="A39173" s="13" t="s">
        <v>233</v>
      </c>
      <c r="B39173" s="14" t="s">
        <v>1</v>
      </c>
      <c r="C39173" s="14" t="s">
        <v>70</v>
      </c>
      <c r="D39173" s="14" t="s">
        <v>234</v>
      </c>
      <c r="E39173" s="15">
        <v>45494</v>
      </c>
      <c r="F39173" s="14" t="s">
        <v>15</v>
      </c>
      <c r="G39173" s="16">
        <v>1.1508326430359843</v>
      </c>
    </row>
    <row r="39174" spans="1:7" x14ac:dyDescent="0.3">
      <c r="A39174" s="13" t="s">
        <v>233</v>
      </c>
      <c r="B39174" s="14" t="s">
        <v>1</v>
      </c>
      <c r="C39174" s="14" t="s">
        <v>70</v>
      </c>
      <c r="D39174" s="14" t="s">
        <v>234</v>
      </c>
      <c r="E39174" s="15">
        <v>45495</v>
      </c>
      <c r="F39174" s="14" t="s">
        <v>15</v>
      </c>
      <c r="G39174" s="16">
        <v>1.1580526482016984</v>
      </c>
    </row>
    <row r="39175" spans="1:7" x14ac:dyDescent="0.3">
      <c r="A39175" s="13" t="s">
        <v>233</v>
      </c>
      <c r="B39175" s="14" t="s">
        <v>1</v>
      </c>
      <c r="C39175" s="14" t="s">
        <v>70</v>
      </c>
      <c r="D39175" s="14" t="s">
        <v>234</v>
      </c>
      <c r="E39175" s="15">
        <v>45496</v>
      </c>
      <c r="F39175" s="14" t="s">
        <v>15</v>
      </c>
      <c r="G39175" s="16">
        <v>1.188922745167365</v>
      </c>
    </row>
    <row r="39176" spans="1:7" x14ac:dyDescent="0.3">
      <c r="A39176" s="13" t="s">
        <v>233</v>
      </c>
      <c r="B39176" s="14" t="s">
        <v>1</v>
      </c>
      <c r="C39176" s="14" t="s">
        <v>70</v>
      </c>
      <c r="D39176" s="14" t="s">
        <v>234</v>
      </c>
      <c r="E39176" s="15">
        <v>45497</v>
      </c>
      <c r="F39176" s="14" t="s">
        <v>15</v>
      </c>
      <c r="G39176" s="16">
        <v>1.1937013878332472</v>
      </c>
    </row>
    <row r="39177" spans="1:7" x14ac:dyDescent="0.3">
      <c r="A39177" s="13" t="s">
        <v>233</v>
      </c>
      <c r="B39177" s="14" t="s">
        <v>1</v>
      </c>
      <c r="C39177" s="14" t="s">
        <v>70</v>
      </c>
      <c r="D39177" s="14" t="s">
        <v>234</v>
      </c>
      <c r="E39177" s="15">
        <v>45498</v>
      </c>
      <c r="F39177" s="14" t="s">
        <v>15</v>
      </c>
      <c r="G39177" s="16">
        <v>1.1973419130939484</v>
      </c>
    </row>
    <row r="39178" spans="1:7" x14ac:dyDescent="0.3">
      <c r="A39178" s="13" t="s">
        <v>233</v>
      </c>
      <c r="B39178" s="14" t="s">
        <v>1</v>
      </c>
      <c r="C39178" s="14" t="s">
        <v>70</v>
      </c>
      <c r="D39178" s="14" t="s">
        <v>234</v>
      </c>
      <c r="E39178" s="15">
        <v>45499</v>
      </c>
      <c r="F39178" s="14" t="s">
        <v>15</v>
      </c>
      <c r="G39178" s="16">
        <v>1.2009735052541455</v>
      </c>
    </row>
    <row r="39179" spans="1:7" x14ac:dyDescent="0.3">
      <c r="A39179" s="13" t="s">
        <v>233</v>
      </c>
      <c r="B39179" s="14" t="s">
        <v>1</v>
      </c>
      <c r="C39179" s="14" t="s">
        <v>70</v>
      </c>
      <c r="D39179" s="14" t="s">
        <v>234</v>
      </c>
      <c r="E39179" s="15">
        <v>45500</v>
      </c>
      <c r="F39179" s="14" t="s">
        <v>15</v>
      </c>
      <c r="G39179" s="16">
        <v>1.2009735052541455</v>
      </c>
    </row>
    <row r="39180" spans="1:7" x14ac:dyDescent="0.3">
      <c r="A39180" s="13" t="s">
        <v>233</v>
      </c>
      <c r="B39180" s="14" t="s">
        <v>1</v>
      </c>
      <c r="C39180" s="14" t="s">
        <v>70</v>
      </c>
      <c r="D39180" s="14" t="s">
        <v>234</v>
      </c>
      <c r="E39180" s="15">
        <v>45501</v>
      </c>
      <c r="F39180" s="14" t="s">
        <v>15</v>
      </c>
      <c r="G39180" s="16">
        <v>1.2009735052541455</v>
      </c>
    </row>
    <row r="39181" spans="1:7" x14ac:dyDescent="0.3">
      <c r="A39181" s="13" t="s">
        <v>233</v>
      </c>
      <c r="B39181" s="14" t="s">
        <v>1</v>
      </c>
      <c r="C39181" s="14" t="s">
        <v>70</v>
      </c>
      <c r="D39181" s="14" t="s">
        <v>234</v>
      </c>
      <c r="E39181" s="15">
        <v>45502</v>
      </c>
      <c r="F39181" s="14" t="s">
        <v>15</v>
      </c>
      <c r="G39181" s="16">
        <v>1.2057823139679613</v>
      </c>
    </row>
    <row r="39182" spans="1:7" x14ac:dyDescent="0.3">
      <c r="A39182" s="13" t="s">
        <v>233</v>
      </c>
      <c r="B39182" s="14" t="s">
        <v>1</v>
      </c>
      <c r="C39182" s="14" t="s">
        <v>70</v>
      </c>
      <c r="D39182" s="14" t="s">
        <v>234</v>
      </c>
      <c r="E39182" s="15">
        <v>45503</v>
      </c>
      <c r="F39182" s="14" t="s">
        <v>15</v>
      </c>
      <c r="G39182" s="16">
        <v>1.2165320834165358</v>
      </c>
    </row>
    <row r="39183" spans="1:7" x14ac:dyDescent="0.3">
      <c r="A39183" s="13" t="s">
        <v>233</v>
      </c>
      <c r="B39183" s="14" t="s">
        <v>1</v>
      </c>
      <c r="C39183" s="14" t="s">
        <v>70</v>
      </c>
      <c r="D39183" s="14" t="s">
        <v>234</v>
      </c>
      <c r="E39183" s="15">
        <v>45504</v>
      </c>
      <c r="F39183" s="14" t="s">
        <v>15</v>
      </c>
      <c r="G39183" s="16">
        <v>1.2207797901718032</v>
      </c>
    </row>
    <row r="39184" spans="1:7" x14ac:dyDescent="0.3">
      <c r="A39184" s="13" t="s">
        <v>233</v>
      </c>
      <c r="B39184" s="14" t="s">
        <v>1</v>
      </c>
      <c r="C39184" s="14" t="s">
        <v>70</v>
      </c>
      <c r="D39184" s="14" t="s">
        <v>234</v>
      </c>
      <c r="E39184" s="15">
        <v>45505</v>
      </c>
      <c r="F39184" s="14" t="s">
        <v>15</v>
      </c>
      <c r="G39184" s="16">
        <v>1.2207797901718032</v>
      </c>
    </row>
    <row r="39185" spans="1:7" x14ac:dyDescent="0.3">
      <c r="A39185" s="13" t="s">
        <v>233</v>
      </c>
      <c r="B39185" s="14" t="s">
        <v>1</v>
      </c>
      <c r="C39185" s="14" t="s">
        <v>70</v>
      </c>
      <c r="D39185" s="14" t="s">
        <v>234</v>
      </c>
      <c r="E39185" s="15">
        <v>45506</v>
      </c>
      <c r="F39185" s="14" t="s">
        <v>15</v>
      </c>
      <c r="G39185" s="16">
        <v>1.2352300700116432</v>
      </c>
    </row>
    <row r="39186" spans="1:7" x14ac:dyDescent="0.3">
      <c r="A39186" s="13" t="s">
        <v>233</v>
      </c>
      <c r="B39186" s="14" t="s">
        <v>1</v>
      </c>
      <c r="C39186" s="14" t="s">
        <v>70</v>
      </c>
      <c r="D39186" s="14" t="s">
        <v>234</v>
      </c>
      <c r="E39186" s="15">
        <v>45507</v>
      </c>
      <c r="F39186" s="14" t="s">
        <v>15</v>
      </c>
      <c r="G39186" s="16">
        <v>1.2352300700116432</v>
      </c>
    </row>
    <row r="39187" spans="1:7" x14ac:dyDescent="0.3">
      <c r="A39187" s="13" t="s">
        <v>233</v>
      </c>
      <c r="B39187" s="14" t="s">
        <v>1</v>
      </c>
      <c r="C39187" s="14" t="s">
        <v>70</v>
      </c>
      <c r="D39187" s="14" t="s">
        <v>234</v>
      </c>
      <c r="E39187" s="15">
        <v>45508</v>
      </c>
      <c r="F39187" s="14" t="s">
        <v>15</v>
      </c>
      <c r="G39187" s="16">
        <v>1.2352300700116432</v>
      </c>
    </row>
    <row r="39188" spans="1:7" x14ac:dyDescent="0.3">
      <c r="A39188" s="13" t="s">
        <v>233</v>
      </c>
      <c r="B39188" s="14" t="s">
        <v>1</v>
      </c>
      <c r="C39188" s="14" t="s">
        <v>70</v>
      </c>
      <c r="D39188" s="14" t="s">
        <v>234</v>
      </c>
      <c r="E39188" s="15">
        <v>45509</v>
      </c>
      <c r="F39188" s="14" t="s">
        <v>15</v>
      </c>
      <c r="G39188" s="16">
        <v>1.2352300700116432</v>
      </c>
    </row>
    <row r="39189" spans="1:7" x14ac:dyDescent="0.3">
      <c r="A39189" s="13" t="s">
        <v>233</v>
      </c>
      <c r="B39189" s="14" t="s">
        <v>1</v>
      </c>
      <c r="C39189" s="14" t="s">
        <v>70</v>
      </c>
      <c r="D39189" s="14" t="s">
        <v>234</v>
      </c>
      <c r="E39189" s="15">
        <v>45510</v>
      </c>
      <c r="F39189" s="14" t="s">
        <v>15</v>
      </c>
      <c r="G39189" s="16">
        <v>1.2398164381317491</v>
      </c>
    </row>
    <row r="39190" spans="1:7" x14ac:dyDescent="0.3">
      <c r="A39190" s="13" t="s">
        <v>233</v>
      </c>
      <c r="B39190" s="14" t="s">
        <v>1</v>
      </c>
      <c r="C39190" s="14" t="s">
        <v>70</v>
      </c>
      <c r="D39190" s="14" t="s">
        <v>234</v>
      </c>
      <c r="E39190" s="15">
        <v>45511</v>
      </c>
      <c r="F39190" s="14" t="s">
        <v>15</v>
      </c>
      <c r="G39190" s="16">
        <v>1.2842157577308904</v>
      </c>
    </row>
    <row r="39191" spans="1:7" x14ac:dyDescent="0.3">
      <c r="A39191" s="13" t="s">
        <v>233</v>
      </c>
      <c r="B39191" s="14" t="s">
        <v>1</v>
      </c>
      <c r="C39191" s="14" t="s">
        <v>70</v>
      </c>
      <c r="D39191" s="14" t="s">
        <v>234</v>
      </c>
      <c r="E39191" s="15">
        <v>45512</v>
      </c>
      <c r="F39191" s="14" t="s">
        <v>15</v>
      </c>
      <c r="G39191" s="16">
        <v>1.2879928675316181</v>
      </c>
    </row>
    <row r="39192" spans="1:7" x14ac:dyDescent="0.3">
      <c r="A39192" s="13" t="s">
        <v>233</v>
      </c>
      <c r="B39192" s="14" t="s">
        <v>1</v>
      </c>
      <c r="C39192" s="14" t="s">
        <v>70</v>
      </c>
      <c r="D39192" s="14" t="s">
        <v>234</v>
      </c>
      <c r="E39192" s="15">
        <v>45513</v>
      </c>
      <c r="F39192" s="14" t="s">
        <v>15</v>
      </c>
      <c r="G39192" s="16">
        <v>1.3054536505943182</v>
      </c>
    </row>
    <row r="39193" spans="1:7" x14ac:dyDescent="0.3">
      <c r="A39193" s="13" t="s">
        <v>233</v>
      </c>
      <c r="B39193" s="14" t="s">
        <v>1</v>
      </c>
      <c r="C39193" s="14" t="s">
        <v>70</v>
      </c>
      <c r="D39193" s="14" t="s">
        <v>234</v>
      </c>
      <c r="E39193" s="15">
        <v>45514</v>
      </c>
      <c r="F39193" s="14" t="s">
        <v>15</v>
      </c>
      <c r="G39193" s="16">
        <v>1.3054536505943182</v>
      </c>
    </row>
    <row r="39194" spans="1:7" x14ac:dyDescent="0.3">
      <c r="A39194" s="13" t="s">
        <v>233</v>
      </c>
      <c r="B39194" s="14" t="s">
        <v>1</v>
      </c>
      <c r="C39194" s="14" t="s">
        <v>70</v>
      </c>
      <c r="D39194" s="14" t="s">
        <v>234</v>
      </c>
      <c r="E39194" s="15">
        <v>45515</v>
      </c>
      <c r="F39194" s="14" t="s">
        <v>15</v>
      </c>
      <c r="G39194" s="16">
        <v>1.3054536505943182</v>
      </c>
    </row>
    <row r="39195" spans="1:7" x14ac:dyDescent="0.3">
      <c r="A39195" s="13" t="s">
        <v>233</v>
      </c>
      <c r="B39195" s="14" t="s">
        <v>1</v>
      </c>
      <c r="C39195" s="14" t="s">
        <v>70</v>
      </c>
      <c r="D39195" s="14" t="s">
        <v>234</v>
      </c>
      <c r="E39195" s="15">
        <v>45516</v>
      </c>
      <c r="F39195" s="14" t="s">
        <v>15</v>
      </c>
      <c r="G39195" s="16">
        <v>1.3227696851343185</v>
      </c>
    </row>
    <row r="39196" spans="1:7" x14ac:dyDescent="0.3">
      <c r="A39196" s="13" t="s">
        <v>233</v>
      </c>
      <c r="B39196" s="14" t="s">
        <v>1</v>
      </c>
      <c r="C39196" s="14" t="s">
        <v>70</v>
      </c>
      <c r="D39196" s="14" t="s">
        <v>234</v>
      </c>
      <c r="E39196" s="15">
        <v>45517</v>
      </c>
      <c r="F39196" s="14" t="s">
        <v>15</v>
      </c>
      <c r="G39196" s="16">
        <v>1.3372882419202055</v>
      </c>
    </row>
    <row r="39197" spans="1:7" x14ac:dyDescent="0.3">
      <c r="A39197" s="13" t="s">
        <v>233</v>
      </c>
      <c r="B39197" s="14" t="s">
        <v>1</v>
      </c>
      <c r="C39197" s="14" t="s">
        <v>70</v>
      </c>
      <c r="D39197" s="14" t="s">
        <v>234</v>
      </c>
      <c r="E39197" s="15">
        <v>45518</v>
      </c>
      <c r="F39197" s="14" t="s">
        <v>15</v>
      </c>
      <c r="G39197" s="16">
        <v>1.34032840016082</v>
      </c>
    </row>
    <row r="39198" spans="1:7" x14ac:dyDescent="0.3">
      <c r="A39198" s="13" t="s">
        <v>233</v>
      </c>
      <c r="B39198" s="14" t="s">
        <v>1</v>
      </c>
      <c r="C39198" s="14" t="s">
        <v>70</v>
      </c>
      <c r="D39198" s="14" t="s">
        <v>234</v>
      </c>
      <c r="E39198" s="15">
        <v>45519</v>
      </c>
      <c r="F39198" s="14" t="s">
        <v>15</v>
      </c>
      <c r="G39198" s="16">
        <v>1.3440309791259322</v>
      </c>
    </row>
    <row r="39199" spans="1:7" x14ac:dyDescent="0.3">
      <c r="A39199" s="13" t="s">
        <v>233</v>
      </c>
      <c r="B39199" s="14" t="s">
        <v>1</v>
      </c>
      <c r="C39199" s="14" t="s">
        <v>70</v>
      </c>
      <c r="D39199" s="14" t="s">
        <v>234</v>
      </c>
      <c r="E39199" s="15">
        <v>45520</v>
      </c>
      <c r="F39199" s="14" t="s">
        <v>15</v>
      </c>
      <c r="G39199" s="16">
        <v>1.3999968736881634</v>
      </c>
    </row>
    <row r="39200" spans="1:7" x14ac:dyDescent="0.3">
      <c r="A39200" s="13" t="s">
        <v>233</v>
      </c>
      <c r="B39200" s="14" t="s">
        <v>1</v>
      </c>
      <c r="C39200" s="14" t="s">
        <v>70</v>
      </c>
      <c r="D39200" s="14" t="s">
        <v>234</v>
      </c>
      <c r="E39200" s="15">
        <v>45521</v>
      </c>
      <c r="F39200" s="14" t="s">
        <v>15</v>
      </c>
      <c r="G39200" s="16">
        <v>1.3999968736881634</v>
      </c>
    </row>
    <row r="39201" spans="1:7" x14ac:dyDescent="0.3">
      <c r="A39201" s="13" t="s">
        <v>233</v>
      </c>
      <c r="B39201" s="14" t="s">
        <v>1</v>
      </c>
      <c r="C39201" s="14" t="s">
        <v>70</v>
      </c>
      <c r="D39201" s="14" t="s">
        <v>234</v>
      </c>
      <c r="E39201" s="15">
        <v>45522</v>
      </c>
      <c r="F39201" s="14" t="s">
        <v>15</v>
      </c>
      <c r="G39201" s="16">
        <v>1.3999968736881634</v>
      </c>
    </row>
    <row r="39202" spans="1:7" x14ac:dyDescent="0.3">
      <c r="A39202" s="13" t="s">
        <v>233</v>
      </c>
      <c r="B39202" s="14" t="s">
        <v>1</v>
      </c>
      <c r="C39202" s="14" t="s">
        <v>70</v>
      </c>
      <c r="D39202" s="14" t="s">
        <v>234</v>
      </c>
      <c r="E39202" s="15">
        <v>45523</v>
      </c>
      <c r="F39202" s="14" t="s">
        <v>15</v>
      </c>
      <c r="G39202" s="16">
        <v>1.4162075392619105</v>
      </c>
    </row>
    <row r="39203" spans="1:7" x14ac:dyDescent="0.3">
      <c r="A39203" s="13" t="s">
        <v>233</v>
      </c>
      <c r="B39203" s="14" t="s">
        <v>1</v>
      </c>
      <c r="C39203" s="14" t="s">
        <v>70</v>
      </c>
      <c r="D39203" s="14" t="s">
        <v>234</v>
      </c>
      <c r="E39203" s="15">
        <v>45524</v>
      </c>
      <c r="F39203" s="14" t="s">
        <v>15</v>
      </c>
      <c r="G39203" s="16">
        <v>1.43921906666281</v>
      </c>
    </row>
    <row r="39204" spans="1:7" x14ac:dyDescent="0.3">
      <c r="A39204" s="13" t="s">
        <v>233</v>
      </c>
      <c r="B39204" s="14" t="s">
        <v>1</v>
      </c>
      <c r="C39204" s="14" t="s">
        <v>70</v>
      </c>
      <c r="D39204" s="14" t="s">
        <v>234</v>
      </c>
      <c r="E39204" s="15">
        <v>45525</v>
      </c>
      <c r="F39204" s="14" t="s">
        <v>15</v>
      </c>
      <c r="G39204" s="16">
        <v>1.4502800454548173</v>
      </c>
    </row>
    <row r="39205" spans="1:7" x14ac:dyDescent="0.3">
      <c r="A39205" s="13" t="s">
        <v>233</v>
      </c>
      <c r="B39205" s="14" t="s">
        <v>1</v>
      </c>
      <c r="C39205" s="14" t="s">
        <v>70</v>
      </c>
      <c r="D39205" s="14" t="s">
        <v>234</v>
      </c>
      <c r="E39205" s="15">
        <v>45526</v>
      </c>
      <c r="F39205" s="14" t="s">
        <v>15</v>
      </c>
      <c r="G39205" s="16">
        <v>1.4550723306231175</v>
      </c>
    </row>
    <row r="39206" spans="1:7" x14ac:dyDescent="0.3">
      <c r="A39206" s="13" t="s">
        <v>233</v>
      </c>
      <c r="B39206" s="14" t="s">
        <v>1</v>
      </c>
      <c r="C39206" s="14" t="s">
        <v>70</v>
      </c>
      <c r="D39206" s="14" t="s">
        <v>234</v>
      </c>
      <c r="E39206" s="15">
        <v>45527</v>
      </c>
      <c r="F39206" s="14" t="s">
        <v>15</v>
      </c>
      <c r="G39206" s="16">
        <v>1.4596040731540065</v>
      </c>
    </row>
    <row r="39207" spans="1:7" x14ac:dyDescent="0.3">
      <c r="A39207" s="13" t="s">
        <v>233</v>
      </c>
      <c r="B39207" s="14" t="s">
        <v>1</v>
      </c>
      <c r="C39207" s="14" t="s">
        <v>70</v>
      </c>
      <c r="D39207" s="14" t="s">
        <v>234</v>
      </c>
      <c r="E39207" s="15">
        <v>45528</v>
      </c>
      <c r="F39207" s="14" t="s">
        <v>15</v>
      </c>
      <c r="G39207" s="16">
        <v>1.4596040731540065</v>
      </c>
    </row>
    <row r="39208" spans="1:7" x14ac:dyDescent="0.3">
      <c r="A39208" s="13" t="s">
        <v>233</v>
      </c>
      <c r="B39208" s="14" t="s">
        <v>1</v>
      </c>
      <c r="C39208" s="14" t="s">
        <v>70</v>
      </c>
      <c r="D39208" s="14" t="s">
        <v>234</v>
      </c>
      <c r="E39208" s="15">
        <v>45529</v>
      </c>
      <c r="F39208" s="14" t="s">
        <v>15</v>
      </c>
      <c r="G39208" s="16">
        <v>1.4596040731540065</v>
      </c>
    </row>
    <row r="39209" spans="1:7" x14ac:dyDescent="0.3">
      <c r="A39209" s="13" t="s">
        <v>233</v>
      </c>
      <c r="B39209" s="14" t="s">
        <v>1</v>
      </c>
      <c r="C39209" s="14" t="s">
        <v>70</v>
      </c>
      <c r="D39209" s="14" t="s">
        <v>234</v>
      </c>
      <c r="E39209" s="15">
        <v>45530</v>
      </c>
      <c r="F39209" s="14" t="s">
        <v>15</v>
      </c>
      <c r="G39209" s="16">
        <v>1.4629272010177192</v>
      </c>
    </row>
    <row r="39210" spans="1:7" x14ac:dyDescent="0.3">
      <c r="A39210" s="13" t="s">
        <v>233</v>
      </c>
      <c r="B39210" s="14" t="s">
        <v>1</v>
      </c>
      <c r="C39210" s="14" t="s">
        <v>70</v>
      </c>
      <c r="D39210" s="14" t="s">
        <v>234</v>
      </c>
      <c r="E39210" s="15">
        <v>45531</v>
      </c>
      <c r="F39210" s="14" t="s">
        <v>15</v>
      </c>
      <c r="G39210" s="16">
        <v>1.4737170943445268</v>
      </c>
    </row>
    <row r="39211" spans="1:7" x14ac:dyDescent="0.3">
      <c r="A39211" s="13" t="s">
        <v>233</v>
      </c>
      <c r="B39211" s="14" t="s">
        <v>1</v>
      </c>
      <c r="C39211" s="14" t="s">
        <v>70</v>
      </c>
      <c r="D39211" s="14" t="s">
        <v>234</v>
      </c>
      <c r="E39211" s="15">
        <v>45532</v>
      </c>
      <c r="F39211" s="14" t="s">
        <v>15</v>
      </c>
      <c r="G39211" s="16">
        <v>1.4861349243801403</v>
      </c>
    </row>
    <row r="39212" spans="1:7" x14ac:dyDescent="0.3">
      <c r="A39212" s="13" t="s">
        <v>233</v>
      </c>
      <c r="B39212" s="14" t="s">
        <v>1</v>
      </c>
      <c r="C39212" s="14" t="s">
        <v>70</v>
      </c>
      <c r="D39212" s="14" t="s">
        <v>234</v>
      </c>
      <c r="E39212" s="15">
        <v>45533</v>
      </c>
      <c r="F39212" s="14" t="s">
        <v>15</v>
      </c>
      <c r="G39212" s="16">
        <v>1.4902512674800723</v>
      </c>
    </row>
    <row r="39213" spans="1:7" x14ac:dyDescent="0.3">
      <c r="A39213" s="13" t="s">
        <v>233</v>
      </c>
      <c r="B39213" s="14" t="s">
        <v>1</v>
      </c>
      <c r="C39213" s="14" t="s">
        <v>70</v>
      </c>
      <c r="D39213" s="14" t="s">
        <v>234</v>
      </c>
      <c r="E39213" s="15">
        <v>45534</v>
      </c>
      <c r="F39213" s="14" t="s">
        <v>15</v>
      </c>
      <c r="G39213" s="16">
        <v>1.4976348169524618</v>
      </c>
    </row>
    <row r="39214" spans="1:7" x14ac:dyDescent="0.3">
      <c r="A39214" s="13" t="s">
        <v>233</v>
      </c>
      <c r="B39214" s="14" t="s">
        <v>1</v>
      </c>
      <c r="C39214" s="14" t="s">
        <v>70</v>
      </c>
      <c r="D39214" s="14" t="s">
        <v>234</v>
      </c>
      <c r="E39214" s="15">
        <v>45535</v>
      </c>
      <c r="F39214" s="14" t="s">
        <v>15</v>
      </c>
      <c r="G39214" s="16">
        <v>1.4976348169524618</v>
      </c>
    </row>
    <row r="39215" spans="1:7" x14ac:dyDescent="0.3">
      <c r="A39215" s="13" t="s">
        <v>233</v>
      </c>
      <c r="B39215" s="14" t="s">
        <v>1</v>
      </c>
      <c r="C39215" s="14" t="s">
        <v>70</v>
      </c>
      <c r="D39215" s="14" t="s">
        <v>234</v>
      </c>
      <c r="E39215" s="15">
        <v>45536</v>
      </c>
      <c r="F39215" s="14" t="s">
        <v>15</v>
      </c>
      <c r="G39215" s="16">
        <v>1.4976348169524618</v>
      </c>
    </row>
    <row r="39216" spans="1:7" x14ac:dyDescent="0.3">
      <c r="A39216" s="13" t="s">
        <v>233</v>
      </c>
      <c r="B39216" s="14" t="s">
        <v>1</v>
      </c>
      <c r="C39216" s="14" t="s">
        <v>70</v>
      </c>
      <c r="D39216" s="14" t="s">
        <v>234</v>
      </c>
      <c r="E39216" s="15">
        <v>45537</v>
      </c>
      <c r="F39216" s="14" t="s">
        <v>15</v>
      </c>
      <c r="G39216" s="16">
        <v>1.5069069610951125</v>
      </c>
    </row>
    <row r="39217" spans="1:7" x14ac:dyDescent="0.3">
      <c r="A39217" s="13" t="s">
        <v>233</v>
      </c>
      <c r="B39217" s="14" t="s">
        <v>1</v>
      </c>
      <c r="C39217" s="14" t="s">
        <v>70</v>
      </c>
      <c r="D39217" s="14" t="s">
        <v>234</v>
      </c>
      <c r="E39217" s="15">
        <v>45538</v>
      </c>
      <c r="F39217" s="14" t="s">
        <v>15</v>
      </c>
      <c r="G39217" s="16">
        <v>1.5125310235637734</v>
      </c>
    </row>
    <row r="39218" spans="1:7" x14ac:dyDescent="0.3">
      <c r="A39218" s="13" t="s">
        <v>233</v>
      </c>
      <c r="B39218" s="14" t="s">
        <v>1</v>
      </c>
      <c r="C39218" s="14" t="s">
        <v>70</v>
      </c>
      <c r="D39218" s="14" t="s">
        <v>234</v>
      </c>
      <c r="E39218" s="15">
        <v>45539</v>
      </c>
      <c r="F39218" s="14" t="s">
        <v>15</v>
      </c>
      <c r="G39218" s="16">
        <v>1.5160991407092153</v>
      </c>
    </row>
    <row r="39219" spans="1:7" x14ac:dyDescent="0.3">
      <c r="A39219" s="13" t="s">
        <v>233</v>
      </c>
      <c r="B39219" s="14" t="s">
        <v>1</v>
      </c>
      <c r="C39219" s="14" t="s">
        <v>70</v>
      </c>
      <c r="D39219" s="14" t="s">
        <v>234</v>
      </c>
      <c r="E39219" s="15">
        <v>45540</v>
      </c>
      <c r="F39219" s="14" t="s">
        <v>15</v>
      </c>
      <c r="G39219" s="16">
        <v>1.5279713198764664</v>
      </c>
    </row>
    <row r="39220" spans="1:7" x14ac:dyDescent="0.3">
      <c r="A39220" s="13" t="s">
        <v>233</v>
      </c>
      <c r="B39220" s="14" t="s">
        <v>1</v>
      </c>
      <c r="C39220" s="14" t="s">
        <v>70</v>
      </c>
      <c r="D39220" s="14" t="s">
        <v>234</v>
      </c>
      <c r="E39220" s="15">
        <v>45541</v>
      </c>
      <c r="F39220" s="14" t="s">
        <v>15</v>
      </c>
      <c r="G39220" s="16">
        <v>1.5315669272876635</v>
      </c>
    </row>
    <row r="39221" spans="1:7" x14ac:dyDescent="0.3">
      <c r="A39221" s="13" t="s">
        <v>233</v>
      </c>
      <c r="B39221" s="14" t="s">
        <v>1</v>
      </c>
      <c r="C39221" s="14" t="s">
        <v>70</v>
      </c>
      <c r="D39221" s="14" t="s">
        <v>234</v>
      </c>
      <c r="E39221" s="15">
        <v>45542</v>
      </c>
      <c r="F39221" s="14" t="s">
        <v>15</v>
      </c>
      <c r="G39221" s="16">
        <v>1.5315669272876635</v>
      </c>
    </row>
    <row r="39222" spans="1:7" x14ac:dyDescent="0.3">
      <c r="A39222" s="13" t="s">
        <v>233</v>
      </c>
      <c r="B39222" s="14" t="s">
        <v>1</v>
      </c>
      <c r="C39222" s="14" t="s">
        <v>70</v>
      </c>
      <c r="D39222" s="14" t="s">
        <v>234</v>
      </c>
      <c r="E39222" s="15">
        <v>45543</v>
      </c>
      <c r="F39222" s="14" t="s">
        <v>15</v>
      </c>
      <c r="G39222" s="16">
        <v>1.5315669272876635</v>
      </c>
    </row>
    <row r="39223" spans="1:7" x14ac:dyDescent="0.3">
      <c r="A39223" s="13" t="s">
        <v>233</v>
      </c>
      <c r="B39223" s="14" t="s">
        <v>1</v>
      </c>
      <c r="C39223" s="14" t="s">
        <v>70</v>
      </c>
      <c r="D39223" s="14" t="s">
        <v>234</v>
      </c>
      <c r="E39223" s="15">
        <v>45544</v>
      </c>
      <c r="F39223" s="14" t="s">
        <v>15</v>
      </c>
      <c r="G39223" s="16">
        <v>1.5350383757719992</v>
      </c>
    </row>
    <row r="39224" spans="1:7" x14ac:dyDescent="0.3">
      <c r="A39224" s="13" t="s">
        <v>233</v>
      </c>
      <c r="B39224" s="14" t="s">
        <v>1</v>
      </c>
      <c r="C39224" s="14" t="s">
        <v>70</v>
      </c>
      <c r="D39224" s="14" t="s">
        <v>234</v>
      </c>
      <c r="E39224" s="15">
        <v>45545</v>
      </c>
      <c r="F39224" s="14" t="s">
        <v>15</v>
      </c>
      <c r="G39224" s="16">
        <v>1.5467440762925175</v>
      </c>
    </row>
    <row r="39225" spans="1:7" x14ac:dyDescent="0.3">
      <c r="A39225" s="13" t="s">
        <v>233</v>
      </c>
      <c r="B39225" s="14" t="s">
        <v>1</v>
      </c>
      <c r="C39225" s="14" t="s">
        <v>70</v>
      </c>
      <c r="D39225" s="14" t="s">
        <v>234</v>
      </c>
      <c r="E39225" s="15">
        <v>45546</v>
      </c>
      <c r="F39225" s="14" t="s">
        <v>15</v>
      </c>
      <c r="G39225" s="16">
        <v>1.5533697843336964</v>
      </c>
    </row>
    <row r="39226" spans="1:7" x14ac:dyDescent="0.3">
      <c r="A39226" s="13" t="s">
        <v>233</v>
      </c>
      <c r="B39226" s="14" t="s">
        <v>1</v>
      </c>
      <c r="C39226" s="14" t="s">
        <v>70</v>
      </c>
      <c r="D39226" s="14" t="s">
        <v>234</v>
      </c>
      <c r="E39226" s="15">
        <v>45547</v>
      </c>
      <c r="F39226" s="14" t="s">
        <v>15</v>
      </c>
      <c r="G39226" s="16">
        <v>1.5569688442056593</v>
      </c>
    </row>
    <row r="39227" spans="1:7" x14ac:dyDescent="0.3">
      <c r="A39227" s="13" t="s">
        <v>233</v>
      </c>
      <c r="B39227" s="14" t="s">
        <v>1</v>
      </c>
      <c r="C39227" s="14" t="s">
        <v>70</v>
      </c>
      <c r="D39227" s="14" t="s">
        <v>234</v>
      </c>
      <c r="E39227" s="15">
        <v>45548</v>
      </c>
      <c r="F39227" s="14" t="s">
        <v>15</v>
      </c>
      <c r="G39227" s="16">
        <v>1.5824464275304895</v>
      </c>
    </row>
    <row r="39228" spans="1:7" x14ac:dyDescent="0.3">
      <c r="A39228" s="13" t="s">
        <v>233</v>
      </c>
      <c r="B39228" s="14" t="s">
        <v>1</v>
      </c>
      <c r="C39228" s="14" t="s">
        <v>70</v>
      </c>
      <c r="D39228" s="14" t="s">
        <v>234</v>
      </c>
      <c r="E39228" s="15">
        <v>45549</v>
      </c>
      <c r="F39228" s="14" t="s">
        <v>15</v>
      </c>
      <c r="G39228" s="16">
        <v>1.5824464275304895</v>
      </c>
    </row>
    <row r="39229" spans="1:7" x14ac:dyDescent="0.3">
      <c r="A39229" s="13" t="s">
        <v>233</v>
      </c>
      <c r="B39229" s="14" t="s">
        <v>1</v>
      </c>
      <c r="C39229" s="14" t="s">
        <v>70</v>
      </c>
      <c r="D39229" s="14" t="s">
        <v>234</v>
      </c>
      <c r="E39229" s="15">
        <v>45550</v>
      </c>
      <c r="F39229" s="14" t="s">
        <v>15</v>
      </c>
      <c r="G39229" s="16">
        <v>1.5824464275304895</v>
      </c>
    </row>
    <row r="39230" spans="1:7" x14ac:dyDescent="0.3">
      <c r="A39230" s="13" t="s">
        <v>233</v>
      </c>
      <c r="B39230" s="14" t="s">
        <v>1</v>
      </c>
      <c r="C39230" s="14" t="s">
        <v>70</v>
      </c>
      <c r="D39230" s="14" t="s">
        <v>234</v>
      </c>
      <c r="E39230" s="15">
        <v>45551</v>
      </c>
      <c r="F39230" s="14" t="s">
        <v>15</v>
      </c>
      <c r="G39230" s="16">
        <v>1.5973987057195218</v>
      </c>
    </row>
    <row r="39231" spans="1:7" x14ac:dyDescent="0.3">
      <c r="A39231" s="13" t="s">
        <v>233</v>
      </c>
      <c r="B39231" s="14" t="s">
        <v>1</v>
      </c>
      <c r="C39231" s="14" t="s">
        <v>70</v>
      </c>
      <c r="D39231" s="14" t="s">
        <v>234</v>
      </c>
      <c r="E39231" s="15">
        <v>45552</v>
      </c>
      <c r="F39231" s="14" t="s">
        <v>15</v>
      </c>
      <c r="G39231" s="16">
        <v>1.610314167941657</v>
      </c>
    </row>
    <row r="39232" spans="1:7" x14ac:dyDescent="0.3">
      <c r="A39232" s="13" t="s">
        <v>233</v>
      </c>
      <c r="B39232" s="14" t="s">
        <v>1</v>
      </c>
      <c r="C39232" s="14" t="s">
        <v>70</v>
      </c>
      <c r="D39232" s="14" t="s">
        <v>234</v>
      </c>
      <c r="E39232" s="15">
        <v>45553</v>
      </c>
      <c r="F39232" s="14" t="s">
        <v>15</v>
      </c>
      <c r="G39232" s="16">
        <v>1.61493975009395</v>
      </c>
    </row>
    <row r="39233" spans="1:7" x14ac:dyDescent="0.3">
      <c r="A39233" s="13" t="s">
        <v>233</v>
      </c>
      <c r="B39233" s="14" t="s">
        <v>1</v>
      </c>
      <c r="C39233" s="14" t="s">
        <v>70</v>
      </c>
      <c r="D39233" s="14" t="s">
        <v>234</v>
      </c>
      <c r="E39233" s="15">
        <v>45554</v>
      </c>
      <c r="F39233" s="14" t="s">
        <v>15</v>
      </c>
      <c r="G39233" s="16">
        <v>1.6184224483996412</v>
      </c>
    </row>
    <row r="39234" spans="1:7" x14ac:dyDescent="0.3">
      <c r="A39234" s="13" t="s">
        <v>233</v>
      </c>
      <c r="B39234" s="14" t="s">
        <v>1</v>
      </c>
      <c r="C39234" s="14" t="s">
        <v>70</v>
      </c>
      <c r="D39234" s="14" t="s">
        <v>234</v>
      </c>
      <c r="E39234" s="15">
        <v>45555</v>
      </c>
      <c r="F39234" s="14" t="s">
        <v>15</v>
      </c>
      <c r="G39234" s="16">
        <v>1.6219265157698943</v>
      </c>
    </row>
    <row r="39235" spans="1:7" x14ac:dyDescent="0.3">
      <c r="A39235" s="13" t="s">
        <v>233</v>
      </c>
      <c r="B39235" s="14" t="s">
        <v>1</v>
      </c>
      <c r="C39235" s="14" t="s">
        <v>70</v>
      </c>
      <c r="D39235" s="14" t="s">
        <v>234</v>
      </c>
      <c r="E39235" s="15">
        <v>45556</v>
      </c>
      <c r="F39235" s="14" t="s">
        <v>15</v>
      </c>
      <c r="G39235" s="16">
        <v>1.6219265157698943</v>
      </c>
    </row>
    <row r="39236" spans="1:7" x14ac:dyDescent="0.3">
      <c r="A39236" s="13" t="s">
        <v>233</v>
      </c>
      <c r="B39236" s="14" t="s">
        <v>1</v>
      </c>
      <c r="C39236" s="14" t="s">
        <v>70</v>
      </c>
      <c r="D39236" s="14" t="s">
        <v>234</v>
      </c>
      <c r="E39236" s="15">
        <v>45557</v>
      </c>
      <c r="F39236" s="14" t="s">
        <v>15</v>
      </c>
      <c r="G39236" s="16">
        <v>1.6219265157698943</v>
      </c>
    </row>
    <row r="39237" spans="1:7" x14ac:dyDescent="0.3">
      <c r="A39237" s="13" t="s">
        <v>233</v>
      </c>
      <c r="B39237" s="14" t="s">
        <v>1</v>
      </c>
      <c r="C39237" s="14" t="s">
        <v>70</v>
      </c>
      <c r="D39237" s="14" t="s">
        <v>234</v>
      </c>
      <c r="E39237" s="15">
        <v>45558</v>
      </c>
      <c r="F39237" s="14" t="s">
        <v>15</v>
      </c>
      <c r="G39237" s="16">
        <v>1.625417597099702</v>
      </c>
    </row>
    <row r="39238" spans="1:7" x14ac:dyDescent="0.3">
      <c r="A39238" s="13" t="s">
        <v>233</v>
      </c>
      <c r="B39238" s="14" t="s">
        <v>1</v>
      </c>
      <c r="C39238" s="14" t="s">
        <v>70</v>
      </c>
      <c r="D39238" s="14" t="s">
        <v>234</v>
      </c>
      <c r="E39238" s="15">
        <v>45559</v>
      </c>
      <c r="F39238" s="14" t="s">
        <v>15</v>
      </c>
      <c r="G39238" s="16">
        <v>1.6371778252634586</v>
      </c>
    </row>
    <row r="39239" spans="1:7" x14ac:dyDescent="0.3">
      <c r="A39239" s="13" t="s">
        <v>233</v>
      </c>
      <c r="B39239" s="14" t="s">
        <v>1</v>
      </c>
      <c r="C39239" s="14" t="s">
        <v>70</v>
      </c>
      <c r="D39239" s="14" t="s">
        <v>234</v>
      </c>
      <c r="E39239" s="15">
        <v>45560</v>
      </c>
      <c r="F39239" s="14" t="s">
        <v>15</v>
      </c>
      <c r="G39239" s="16">
        <v>1.6407039748206831</v>
      </c>
    </row>
    <row r="39240" spans="1:7" x14ac:dyDescent="0.3">
      <c r="A39240" s="13" t="s">
        <v>233</v>
      </c>
      <c r="B39240" s="14" t="s">
        <v>1</v>
      </c>
      <c r="C39240" s="14" t="s">
        <v>70</v>
      </c>
      <c r="D39240" s="14" t="s">
        <v>234</v>
      </c>
      <c r="E39240" s="15">
        <v>45561</v>
      </c>
      <c r="F39240" s="14" t="s">
        <v>15</v>
      </c>
      <c r="G39240" s="16">
        <v>1.6510459009143514</v>
      </c>
    </row>
    <row r="39241" spans="1:7" x14ac:dyDescent="0.3">
      <c r="A39241" s="13" t="s">
        <v>233</v>
      </c>
      <c r="B39241" s="14" t="s">
        <v>1</v>
      </c>
      <c r="C39241" s="14" t="s">
        <v>70</v>
      </c>
      <c r="D39241" s="14" t="s">
        <v>234</v>
      </c>
      <c r="E39241" s="15">
        <v>45562</v>
      </c>
      <c r="F39241" s="14" t="s">
        <v>15</v>
      </c>
      <c r="G39241" s="16">
        <v>1.65865521281585</v>
      </c>
    </row>
    <row r="39242" spans="1:7" x14ac:dyDescent="0.3">
      <c r="A39242" s="13" t="s">
        <v>233</v>
      </c>
      <c r="B39242" s="14" t="s">
        <v>1</v>
      </c>
      <c r="C39242" s="14" t="s">
        <v>70</v>
      </c>
      <c r="D39242" s="14" t="s">
        <v>234</v>
      </c>
      <c r="E39242" s="15">
        <v>45563</v>
      </c>
      <c r="F39242" s="14" t="s">
        <v>15</v>
      </c>
      <c r="G39242" s="16">
        <v>1.65865521281585</v>
      </c>
    </row>
    <row r="39243" spans="1:7" x14ac:dyDescent="0.3">
      <c r="A39243" s="13" t="s">
        <v>233</v>
      </c>
      <c r="B39243" s="14" t="s">
        <v>1</v>
      </c>
      <c r="C39243" s="14" t="s">
        <v>70</v>
      </c>
      <c r="D39243" s="14" t="s">
        <v>234</v>
      </c>
      <c r="E39243" s="15">
        <v>45564</v>
      </c>
      <c r="F39243" s="14" t="s">
        <v>15</v>
      </c>
      <c r="G39243" s="16">
        <v>1.65865521281585</v>
      </c>
    </row>
    <row r="39244" spans="1:7" x14ac:dyDescent="0.3">
      <c r="A39244" s="13" t="s">
        <v>233</v>
      </c>
      <c r="B39244" s="14" t="s">
        <v>1</v>
      </c>
      <c r="C39244" s="14" t="s">
        <v>70</v>
      </c>
      <c r="D39244" s="14" t="s">
        <v>234</v>
      </c>
      <c r="E39244" s="15">
        <v>45565</v>
      </c>
      <c r="F39244" s="14" t="s">
        <v>15</v>
      </c>
      <c r="G39244" s="16">
        <v>1.6765195020943353</v>
      </c>
    </row>
    <row r="39245" spans="1:7" x14ac:dyDescent="0.3">
      <c r="A39245" s="13" t="s">
        <v>233</v>
      </c>
      <c r="B39245" s="14" t="s">
        <v>1</v>
      </c>
      <c r="C39245" s="14" t="s">
        <v>70</v>
      </c>
      <c r="D39245" s="14" t="s">
        <v>234</v>
      </c>
      <c r="E39245" s="15">
        <v>45566</v>
      </c>
      <c r="F39245" s="14" t="s">
        <v>15</v>
      </c>
      <c r="G39245" s="16">
        <v>1.6918482608522702</v>
      </c>
    </row>
    <row r="39246" spans="1:7" x14ac:dyDescent="0.3">
      <c r="A39246" s="13" t="s">
        <v>233</v>
      </c>
      <c r="B39246" s="14" t="s">
        <v>1</v>
      </c>
      <c r="C39246" s="14" t="s">
        <v>70</v>
      </c>
      <c r="D39246" s="14" t="s">
        <v>234</v>
      </c>
      <c r="E39246" s="15">
        <v>45567</v>
      </c>
      <c r="F39246" s="14" t="s">
        <v>15</v>
      </c>
      <c r="G39246" s="16">
        <v>1.6967224353137991</v>
      </c>
    </row>
    <row r="39247" spans="1:7" x14ac:dyDescent="0.3">
      <c r="A39247" s="13" t="s">
        <v>233</v>
      </c>
      <c r="B39247" s="14" t="s">
        <v>1</v>
      </c>
      <c r="C39247" s="14" t="s">
        <v>70</v>
      </c>
      <c r="D39247" s="14" t="s">
        <v>234</v>
      </c>
      <c r="E39247" s="15">
        <v>45568</v>
      </c>
      <c r="F39247" s="14" t="s">
        <v>15</v>
      </c>
      <c r="G39247" s="16">
        <v>1.6994718330449752</v>
      </c>
    </row>
    <row r="39248" spans="1:7" x14ac:dyDescent="0.3">
      <c r="A39248" s="13" t="s">
        <v>233</v>
      </c>
      <c r="B39248" s="14" t="s">
        <v>1</v>
      </c>
      <c r="C39248" s="14" t="s">
        <v>70</v>
      </c>
      <c r="D39248" s="14" t="s">
        <v>234</v>
      </c>
      <c r="E39248" s="15">
        <v>45569</v>
      </c>
      <c r="F39248" s="14" t="s">
        <v>15</v>
      </c>
      <c r="G39248" s="16">
        <v>1.7052615983068158</v>
      </c>
    </row>
    <row r="39249" spans="1:7" x14ac:dyDescent="0.3">
      <c r="A39249" s="13" t="s">
        <v>233</v>
      </c>
      <c r="B39249" s="14" t="s">
        <v>1</v>
      </c>
      <c r="C39249" s="14" t="s">
        <v>70</v>
      </c>
      <c r="D39249" s="14" t="s">
        <v>234</v>
      </c>
      <c r="E39249" s="15">
        <v>45570</v>
      </c>
      <c r="F39249" s="14" t="s">
        <v>15</v>
      </c>
      <c r="G39249" s="16">
        <v>1.7052615983068158</v>
      </c>
    </row>
    <row r="39250" spans="1:7" x14ac:dyDescent="0.3">
      <c r="A39250" s="13" t="s">
        <v>233</v>
      </c>
      <c r="B39250" s="14" t="s">
        <v>1</v>
      </c>
      <c r="C39250" s="14" t="s">
        <v>70</v>
      </c>
      <c r="D39250" s="14" t="s">
        <v>234</v>
      </c>
      <c r="E39250" s="15">
        <v>45571</v>
      </c>
      <c r="F39250" s="14" t="s">
        <v>15</v>
      </c>
      <c r="G39250" s="16">
        <v>1.7052615983068158</v>
      </c>
    </row>
    <row r="39251" spans="1:7" x14ac:dyDescent="0.3">
      <c r="A39251" s="13" t="s">
        <v>233</v>
      </c>
      <c r="B39251" s="14" t="s">
        <v>1</v>
      </c>
      <c r="C39251" s="14" t="s">
        <v>70</v>
      </c>
      <c r="D39251" s="14" t="s">
        <v>234</v>
      </c>
      <c r="E39251" s="15">
        <v>45572</v>
      </c>
      <c r="F39251" s="14" t="s">
        <v>15</v>
      </c>
      <c r="G39251" s="16">
        <v>1.7243614400059972</v>
      </c>
    </row>
    <row r="39252" spans="1:7" x14ac:dyDescent="0.3">
      <c r="A39252" s="13" t="s">
        <v>233</v>
      </c>
      <c r="B39252" s="14" t="s">
        <v>1</v>
      </c>
      <c r="C39252" s="14" t="s">
        <v>70</v>
      </c>
      <c r="D39252" s="14" t="s">
        <v>234</v>
      </c>
      <c r="E39252" s="15">
        <v>45573</v>
      </c>
      <c r="F39252" s="14" t="s">
        <v>15</v>
      </c>
      <c r="G39252" s="16">
        <v>1.7350837783249775</v>
      </c>
    </row>
    <row r="39253" spans="1:7" x14ac:dyDescent="0.3">
      <c r="A39253" s="13" t="s">
        <v>233</v>
      </c>
      <c r="B39253" s="14" t="s">
        <v>1</v>
      </c>
      <c r="C39253" s="14" t="s">
        <v>70</v>
      </c>
      <c r="D39253" s="14" t="s">
        <v>234</v>
      </c>
      <c r="E39253" s="15">
        <v>45574</v>
      </c>
      <c r="F39253" s="14" t="s">
        <v>15</v>
      </c>
      <c r="G39253" s="16">
        <v>1.738586068717622</v>
      </c>
    </row>
    <row r="39254" spans="1:7" x14ac:dyDescent="0.3">
      <c r="A39254" s="13" t="s">
        <v>233</v>
      </c>
      <c r="B39254" s="14" t="s">
        <v>1</v>
      </c>
      <c r="C39254" s="14" t="s">
        <v>70</v>
      </c>
      <c r="D39254" s="14" t="s">
        <v>234</v>
      </c>
      <c r="E39254" s="15">
        <v>45575</v>
      </c>
      <c r="F39254" s="14" t="s">
        <v>15</v>
      </c>
      <c r="G39254" s="16">
        <v>1.742145820034813</v>
      </c>
    </row>
    <row r="39255" spans="1:7" x14ac:dyDescent="0.3">
      <c r="A39255" s="13" t="s">
        <v>233</v>
      </c>
      <c r="B39255" s="14" t="s">
        <v>1</v>
      </c>
      <c r="C39255" s="14" t="s">
        <v>70</v>
      </c>
      <c r="D39255" s="14" t="s">
        <v>234</v>
      </c>
      <c r="E39255" s="15">
        <v>45576</v>
      </c>
      <c r="F39255" s="14" t="s">
        <v>15</v>
      </c>
      <c r="G39255" s="16">
        <v>1.7590995001331604</v>
      </c>
    </row>
    <row r="39256" spans="1:7" x14ac:dyDescent="0.3">
      <c r="A39256" s="13" t="s">
        <v>233</v>
      </c>
      <c r="B39256" s="14" t="s">
        <v>1</v>
      </c>
      <c r="C39256" s="14" t="s">
        <v>70</v>
      </c>
      <c r="D39256" s="14" t="s">
        <v>234</v>
      </c>
      <c r="E39256" s="15">
        <v>45577</v>
      </c>
      <c r="F39256" s="14" t="s">
        <v>15</v>
      </c>
      <c r="G39256" s="16">
        <v>1.7590995001331604</v>
      </c>
    </row>
    <row r="39257" spans="1:7" x14ac:dyDescent="0.3">
      <c r="A39257" s="13" t="s">
        <v>233</v>
      </c>
      <c r="B39257" s="14" t="s">
        <v>1</v>
      </c>
      <c r="C39257" s="14" t="s">
        <v>70</v>
      </c>
      <c r="D39257" s="14" t="s">
        <v>234</v>
      </c>
      <c r="E39257" s="15">
        <v>45578</v>
      </c>
      <c r="F39257" s="14" t="s">
        <v>15</v>
      </c>
      <c r="G39257" s="16">
        <v>1.7590995001331604</v>
      </c>
    </row>
    <row r="39258" spans="1:7" x14ac:dyDescent="0.3">
      <c r="A39258" s="13" t="s">
        <v>233</v>
      </c>
      <c r="B39258" s="14" t="s">
        <v>1</v>
      </c>
      <c r="C39258" s="14" t="s">
        <v>70</v>
      </c>
      <c r="D39258" s="14" t="s">
        <v>234</v>
      </c>
      <c r="E39258" s="15">
        <v>45579</v>
      </c>
      <c r="F39258" s="14" t="s">
        <v>15</v>
      </c>
      <c r="G39258" s="16">
        <v>1.7626606338563708</v>
      </c>
    </row>
    <row r="39259" spans="1:7" x14ac:dyDescent="0.3">
      <c r="A39259" s="13" t="s">
        <v>233</v>
      </c>
      <c r="B39259" s="14" t="s">
        <v>1</v>
      </c>
      <c r="C39259" s="14" t="s">
        <v>70</v>
      </c>
      <c r="D39259" s="14" t="s">
        <v>234</v>
      </c>
      <c r="E39259" s="15">
        <v>45580</v>
      </c>
      <c r="F39259" s="14" t="s">
        <v>15</v>
      </c>
      <c r="G39259" s="16">
        <v>1.7732924228986948</v>
      </c>
    </row>
    <row r="39260" spans="1:7" x14ac:dyDescent="0.3">
      <c r="A39260" s="13" t="s">
        <v>233</v>
      </c>
      <c r="B39260" s="14" t="s">
        <v>1</v>
      </c>
      <c r="C39260" s="14" t="s">
        <v>70</v>
      </c>
      <c r="D39260" s="14" t="s">
        <v>234</v>
      </c>
      <c r="E39260" s="15">
        <v>45581</v>
      </c>
      <c r="F39260" s="14" t="s">
        <v>15</v>
      </c>
      <c r="G39260" s="16">
        <v>1.7804475960451795</v>
      </c>
    </row>
    <row r="39261" spans="1:7" x14ac:dyDescent="0.3">
      <c r="A39261" s="13" t="s">
        <v>233</v>
      </c>
      <c r="B39261" s="14" t="s">
        <v>1</v>
      </c>
      <c r="C39261" s="14" t="s">
        <v>70</v>
      </c>
      <c r="D39261" s="14" t="s">
        <v>234</v>
      </c>
      <c r="E39261" s="15">
        <v>45582</v>
      </c>
      <c r="F39261" s="14" t="s">
        <v>15</v>
      </c>
      <c r="G39261" s="16">
        <v>1.7846287658189273</v>
      </c>
    </row>
    <row r="39262" spans="1:7" x14ac:dyDescent="0.3">
      <c r="A39262" s="13" t="s">
        <v>233</v>
      </c>
      <c r="B39262" s="14" t="s">
        <v>1</v>
      </c>
      <c r="C39262" s="14" t="s">
        <v>70</v>
      </c>
      <c r="D39262" s="14" t="s">
        <v>234</v>
      </c>
      <c r="E39262" s="15">
        <v>45583</v>
      </c>
      <c r="F39262" s="14" t="s">
        <v>15</v>
      </c>
      <c r="G39262" s="16">
        <v>1.7942739566173147</v>
      </c>
    </row>
    <row r="39263" spans="1:7" x14ac:dyDescent="0.3">
      <c r="A39263" s="13" t="s">
        <v>233</v>
      </c>
      <c r="B39263" s="14" t="s">
        <v>1</v>
      </c>
      <c r="C39263" s="14" t="s">
        <v>70</v>
      </c>
      <c r="D39263" s="14" t="s">
        <v>234</v>
      </c>
      <c r="E39263" s="15">
        <v>45584</v>
      </c>
      <c r="F39263" s="14" t="s">
        <v>15</v>
      </c>
      <c r="G39263" s="16">
        <v>1.7942739566173147</v>
      </c>
    </row>
    <row r="39264" spans="1:7" x14ac:dyDescent="0.3">
      <c r="A39264" s="13" t="s">
        <v>233</v>
      </c>
      <c r="B39264" s="14" t="s">
        <v>1</v>
      </c>
      <c r="C39264" s="14" t="s">
        <v>70</v>
      </c>
      <c r="D39264" s="14" t="s">
        <v>234</v>
      </c>
      <c r="E39264" s="15">
        <v>45585</v>
      </c>
      <c r="F39264" s="14" t="s">
        <v>15</v>
      </c>
      <c r="G39264" s="16">
        <v>1.7942739566173147</v>
      </c>
    </row>
    <row r="39265" spans="1:7" x14ac:dyDescent="0.3">
      <c r="A39265" s="13" t="s">
        <v>233</v>
      </c>
      <c r="B39265" s="14" t="s">
        <v>1</v>
      </c>
      <c r="C39265" s="14" t="s">
        <v>70</v>
      </c>
      <c r="D39265" s="14" t="s">
        <v>234</v>
      </c>
      <c r="E39265" s="15">
        <v>45586</v>
      </c>
      <c r="F39265" s="14" t="s">
        <v>15</v>
      </c>
      <c r="G39265" s="16">
        <v>1.8031085911214819</v>
      </c>
    </row>
    <row r="39266" spans="1:7" x14ac:dyDescent="0.3">
      <c r="A39266" s="13" t="s">
        <v>233</v>
      </c>
      <c r="B39266" s="14" t="s">
        <v>1</v>
      </c>
      <c r="C39266" s="14" t="s">
        <v>70</v>
      </c>
      <c r="D39266" s="14" t="s">
        <v>234</v>
      </c>
      <c r="E39266" s="15">
        <v>45587</v>
      </c>
      <c r="F39266" s="14" t="s">
        <v>15</v>
      </c>
      <c r="G39266" s="16">
        <v>1.8137916893282602</v>
      </c>
    </row>
    <row r="39267" spans="1:7" x14ac:dyDescent="0.3">
      <c r="A39267" s="13" t="s">
        <v>233</v>
      </c>
      <c r="B39267" s="14" t="s">
        <v>1</v>
      </c>
      <c r="C39267" s="14" t="s">
        <v>70</v>
      </c>
      <c r="D39267" s="14" t="s">
        <v>234</v>
      </c>
      <c r="E39267" s="15">
        <v>45588</v>
      </c>
      <c r="F39267" s="14" t="s">
        <v>15</v>
      </c>
      <c r="G39267" s="16">
        <v>1.8175921689053633</v>
      </c>
    </row>
    <row r="39268" spans="1:7" x14ac:dyDescent="0.3">
      <c r="A39268" s="13" t="s">
        <v>233</v>
      </c>
      <c r="B39268" s="14" t="s">
        <v>1</v>
      </c>
      <c r="C39268" s="14" t="s">
        <v>70</v>
      </c>
      <c r="D39268" s="14" t="s">
        <v>234</v>
      </c>
      <c r="E39268" s="15">
        <v>45589</v>
      </c>
      <c r="F39268" s="14" t="s">
        <v>15</v>
      </c>
      <c r="G39268" s="16">
        <v>1.8233609175135133</v>
      </c>
    </row>
    <row r="39269" spans="1:7" x14ac:dyDescent="0.3">
      <c r="A39269" s="13" t="s">
        <v>233</v>
      </c>
      <c r="B39269" s="14" t="s">
        <v>1</v>
      </c>
      <c r="C39269" s="14" t="s">
        <v>70</v>
      </c>
      <c r="D39269" s="14" t="s">
        <v>234</v>
      </c>
      <c r="E39269" s="15">
        <v>45590</v>
      </c>
      <c r="F39269" s="14" t="s">
        <v>15</v>
      </c>
      <c r="G39269" s="16">
        <v>1.8269592654015971</v>
      </c>
    </row>
    <row r="39270" spans="1:7" x14ac:dyDescent="0.3">
      <c r="A39270" s="13" t="s">
        <v>233</v>
      </c>
      <c r="B39270" s="14" t="s">
        <v>1</v>
      </c>
      <c r="C39270" s="14" t="s">
        <v>70</v>
      </c>
      <c r="D39270" s="14" t="s">
        <v>234</v>
      </c>
      <c r="E39270" s="15">
        <v>45591</v>
      </c>
      <c r="F39270" s="14" t="s">
        <v>15</v>
      </c>
      <c r="G39270" s="16">
        <v>1.8269592654015971</v>
      </c>
    </row>
    <row r="39271" spans="1:7" x14ac:dyDescent="0.3">
      <c r="A39271" s="13" t="s">
        <v>233</v>
      </c>
      <c r="B39271" s="14" t="s">
        <v>1</v>
      </c>
      <c r="C39271" s="14" t="s">
        <v>70</v>
      </c>
      <c r="D39271" s="14" t="s">
        <v>234</v>
      </c>
      <c r="E39271" s="15">
        <v>45592</v>
      </c>
      <c r="F39271" s="14" t="s">
        <v>15</v>
      </c>
      <c r="G39271" s="16">
        <v>1.8269592654015971</v>
      </c>
    </row>
    <row r="39272" spans="1:7" x14ac:dyDescent="0.3">
      <c r="A39272" s="13" t="s">
        <v>233</v>
      </c>
      <c r="B39272" s="14" t="s">
        <v>1</v>
      </c>
      <c r="C39272" s="14" t="s">
        <v>70</v>
      </c>
      <c r="D39272" s="14" t="s">
        <v>234</v>
      </c>
      <c r="E39272" s="15">
        <v>45593</v>
      </c>
      <c r="F39272" s="14" t="s">
        <v>15</v>
      </c>
      <c r="G39272" s="16">
        <v>1.8269592654015971</v>
      </c>
    </row>
    <row r="39273" spans="1:7" x14ac:dyDescent="0.3">
      <c r="A39273" s="13" t="s">
        <v>233</v>
      </c>
      <c r="B39273" s="14" t="s">
        <v>1</v>
      </c>
      <c r="C39273" s="14" t="s">
        <v>70</v>
      </c>
      <c r="D39273" s="14" t="s">
        <v>234</v>
      </c>
      <c r="E39273" s="15">
        <v>45594</v>
      </c>
      <c r="F39273" s="14" t="s">
        <v>15</v>
      </c>
      <c r="G39273" s="16">
        <v>1.8309825256232573</v>
      </c>
    </row>
    <row r="39274" spans="1:7" x14ac:dyDescent="0.3">
      <c r="A39274" s="13" t="s">
        <v>233</v>
      </c>
      <c r="B39274" s="14" t="s">
        <v>1</v>
      </c>
      <c r="C39274" s="14" t="s">
        <v>70</v>
      </c>
      <c r="D39274" s="14" t="s">
        <v>234</v>
      </c>
      <c r="E39274" s="15">
        <v>45595</v>
      </c>
      <c r="F39274" s="14" t="s">
        <v>15</v>
      </c>
      <c r="G39274" s="16">
        <v>1.8536647848389427</v>
      </c>
    </row>
    <row r="39275" spans="1:7" x14ac:dyDescent="0.3">
      <c r="A39275" s="13" t="s">
        <v>233</v>
      </c>
      <c r="B39275" s="14" t="s">
        <v>1</v>
      </c>
      <c r="C39275" s="14" t="s">
        <v>70</v>
      </c>
      <c r="D39275" s="14" t="s">
        <v>234</v>
      </c>
      <c r="E39275" s="15">
        <v>45596</v>
      </c>
      <c r="F39275" s="14" t="s">
        <v>15</v>
      </c>
      <c r="G39275" s="16">
        <v>1.8572915735411177</v>
      </c>
    </row>
    <row r="39276" spans="1:7" x14ac:dyDescent="0.3">
      <c r="A39276" s="13" t="s">
        <v>233</v>
      </c>
      <c r="B39276" s="14" t="s">
        <v>1</v>
      </c>
      <c r="C39276" s="14" t="s">
        <v>70</v>
      </c>
      <c r="D39276" s="14" t="s">
        <v>234</v>
      </c>
      <c r="E39276" s="15">
        <v>45597</v>
      </c>
      <c r="F39276" s="14" t="s">
        <v>15</v>
      </c>
      <c r="G39276" s="16">
        <v>1.8628123296411354</v>
      </c>
    </row>
    <row r="39277" spans="1:7" x14ac:dyDescent="0.3">
      <c r="A39277" s="13" t="s">
        <v>233</v>
      </c>
      <c r="B39277" s="14" t="s">
        <v>1</v>
      </c>
      <c r="C39277" s="14" t="s">
        <v>70</v>
      </c>
      <c r="D39277" s="14" t="s">
        <v>234</v>
      </c>
      <c r="E39277" s="15">
        <v>45598</v>
      </c>
      <c r="F39277" s="14" t="s">
        <v>15</v>
      </c>
      <c r="G39277" s="16">
        <v>1.8628123296411354</v>
      </c>
    </row>
    <row r="39278" spans="1:7" x14ac:dyDescent="0.3">
      <c r="A39278" s="13" t="s">
        <v>233</v>
      </c>
      <c r="B39278" s="14" t="s">
        <v>1</v>
      </c>
      <c r="C39278" s="14" t="s">
        <v>70</v>
      </c>
      <c r="D39278" s="14" t="s">
        <v>234</v>
      </c>
      <c r="E39278" s="15">
        <v>45599</v>
      </c>
      <c r="F39278" s="14" t="s">
        <v>15</v>
      </c>
      <c r="G39278" s="16">
        <v>1.8628123296411354</v>
      </c>
    </row>
    <row r="39279" spans="1:7" x14ac:dyDescent="0.3">
      <c r="A39279" s="13" t="s">
        <v>233</v>
      </c>
      <c r="B39279" s="14" t="s">
        <v>1</v>
      </c>
      <c r="C39279" s="14" t="s">
        <v>70</v>
      </c>
      <c r="D39279" s="14" t="s">
        <v>234</v>
      </c>
      <c r="E39279" s="15">
        <v>45600</v>
      </c>
      <c r="F39279" s="14" t="s">
        <v>15</v>
      </c>
      <c r="G39279" s="16">
        <v>1.8610075265290829</v>
      </c>
    </row>
    <row r="39280" spans="1:7" x14ac:dyDescent="0.3">
      <c r="A39280" s="13" t="s">
        <v>233</v>
      </c>
      <c r="B39280" s="14" t="s">
        <v>1</v>
      </c>
      <c r="C39280" s="14" t="s">
        <v>70</v>
      </c>
      <c r="D39280" s="14" t="s">
        <v>234</v>
      </c>
      <c r="E39280" s="15">
        <v>45601</v>
      </c>
      <c r="F39280" s="14" t="s">
        <v>15</v>
      </c>
      <c r="G39280" s="16">
        <v>1.8712917396943387</v>
      </c>
    </row>
    <row r="39281" spans="1:7" x14ac:dyDescent="0.3">
      <c r="A39281" s="13" t="s">
        <v>233</v>
      </c>
      <c r="B39281" s="14" t="s">
        <v>1</v>
      </c>
      <c r="C39281" s="14" t="s">
        <v>70</v>
      </c>
      <c r="D39281" s="14" t="s">
        <v>234</v>
      </c>
      <c r="E39281" s="15">
        <v>45602</v>
      </c>
      <c r="F39281" s="14" t="s">
        <v>15</v>
      </c>
      <c r="G39281" s="16">
        <v>1.8766217556916347</v>
      </c>
    </row>
    <row r="39282" spans="1:7" x14ac:dyDescent="0.3">
      <c r="A39282" s="13" t="s">
        <v>233</v>
      </c>
      <c r="B39282" s="14" t="s">
        <v>1</v>
      </c>
      <c r="C39282" s="14" t="s">
        <v>70</v>
      </c>
      <c r="D39282" s="14" t="s">
        <v>234</v>
      </c>
      <c r="E39282" s="15">
        <v>45603</v>
      </c>
      <c r="F39282" s="14" t="s">
        <v>15</v>
      </c>
      <c r="G39282" s="16">
        <v>1.880167492862663</v>
      </c>
    </row>
    <row r="39283" spans="1:7" x14ac:dyDescent="0.3">
      <c r="A39283" s="13" t="s">
        <v>233</v>
      </c>
      <c r="B39283" s="14" t="s">
        <v>1</v>
      </c>
      <c r="C39283" s="14" t="s">
        <v>70</v>
      </c>
      <c r="D39283" s="14" t="s">
        <v>234</v>
      </c>
      <c r="E39283" s="15">
        <v>45604</v>
      </c>
      <c r="F39283" s="14" t="s">
        <v>15</v>
      </c>
      <c r="G39283" s="16">
        <v>1.8967177769507118</v>
      </c>
    </row>
    <row r="39284" spans="1:7" x14ac:dyDescent="0.3">
      <c r="A39284" s="13" t="s">
        <v>233</v>
      </c>
      <c r="B39284" s="14" t="s">
        <v>1</v>
      </c>
      <c r="C39284" s="14" t="s">
        <v>70</v>
      </c>
      <c r="D39284" s="14" t="s">
        <v>234</v>
      </c>
      <c r="E39284" s="15">
        <v>45605</v>
      </c>
      <c r="F39284" s="14" t="s">
        <v>15</v>
      </c>
      <c r="G39284" s="16">
        <v>1.8967177769507118</v>
      </c>
    </row>
    <row r="39285" spans="1:7" x14ac:dyDescent="0.3">
      <c r="A39285" s="13" t="s">
        <v>233</v>
      </c>
      <c r="B39285" s="14" t="s">
        <v>1</v>
      </c>
      <c r="C39285" s="14" t="s">
        <v>70</v>
      </c>
      <c r="D39285" s="14" t="s">
        <v>234</v>
      </c>
      <c r="E39285" s="15">
        <v>45606</v>
      </c>
      <c r="F39285" s="14" t="s">
        <v>15</v>
      </c>
      <c r="G39285" s="16">
        <v>1.8967177769507118</v>
      </c>
    </row>
    <row r="39286" spans="1:7" x14ac:dyDescent="0.3">
      <c r="A39286" s="13" t="s">
        <v>233</v>
      </c>
      <c r="B39286" s="14" t="s">
        <v>1</v>
      </c>
      <c r="C39286" s="14" t="s">
        <v>70</v>
      </c>
      <c r="D39286" s="14" t="s">
        <v>234</v>
      </c>
      <c r="E39286" s="15">
        <v>45607</v>
      </c>
      <c r="F39286" s="14" t="s">
        <v>15</v>
      </c>
      <c r="G39286" s="16">
        <v>1.9058846934062534</v>
      </c>
    </row>
    <row r="39287" spans="1:7" x14ac:dyDescent="0.3">
      <c r="A39287" s="13" t="s">
        <v>233</v>
      </c>
      <c r="B39287" s="14" t="s">
        <v>1</v>
      </c>
      <c r="C39287" s="14" t="s">
        <v>70</v>
      </c>
      <c r="D39287" s="14" t="s">
        <v>234</v>
      </c>
      <c r="E39287" s="15">
        <v>45608</v>
      </c>
      <c r="F39287" s="14" t="s">
        <v>15</v>
      </c>
      <c r="G39287" s="16">
        <v>1.9163547154040963</v>
      </c>
    </row>
    <row r="39288" spans="1:7" x14ac:dyDescent="0.3">
      <c r="A39288" s="13" t="s">
        <v>233</v>
      </c>
      <c r="B39288" s="14" t="s">
        <v>1</v>
      </c>
      <c r="C39288" s="14" t="s">
        <v>70</v>
      </c>
      <c r="D39288" s="14" t="s">
        <v>234</v>
      </c>
      <c r="E39288" s="15">
        <v>45609</v>
      </c>
      <c r="F39288" s="14" t="s">
        <v>15</v>
      </c>
      <c r="G39288" s="16">
        <v>1.9189752652449765</v>
      </c>
    </row>
    <row r="39289" spans="1:7" x14ac:dyDescent="0.3">
      <c r="A39289" s="13" t="s">
        <v>233</v>
      </c>
      <c r="B39289" s="14" t="s">
        <v>1</v>
      </c>
      <c r="C39289" s="14" t="s">
        <v>70</v>
      </c>
      <c r="D39289" s="14" t="s">
        <v>234</v>
      </c>
      <c r="E39289" s="15">
        <v>45610</v>
      </c>
      <c r="F39289" s="14" t="s">
        <v>15</v>
      </c>
      <c r="G39289" s="16">
        <v>1.9223812560477713</v>
      </c>
    </row>
    <row r="39290" spans="1:7" x14ac:dyDescent="0.3">
      <c r="A39290" s="13" t="s">
        <v>233</v>
      </c>
      <c r="B39290" s="14" t="s">
        <v>1</v>
      </c>
      <c r="C39290" s="14" t="s">
        <v>70</v>
      </c>
      <c r="D39290" s="14" t="s">
        <v>234</v>
      </c>
      <c r="E39290" s="15">
        <v>45611</v>
      </c>
      <c r="F39290" s="14" t="s">
        <v>15</v>
      </c>
      <c r="G39290" s="16">
        <v>1.9590502960457454</v>
      </c>
    </row>
    <row r="39291" spans="1:7" x14ac:dyDescent="0.3">
      <c r="A39291" s="13" t="s">
        <v>233</v>
      </c>
      <c r="B39291" s="14" t="s">
        <v>1</v>
      </c>
      <c r="C39291" s="14" t="s">
        <v>70</v>
      </c>
      <c r="D39291" s="14" t="s">
        <v>234</v>
      </c>
      <c r="E39291" s="15">
        <v>45612</v>
      </c>
      <c r="F39291" s="14" t="s">
        <v>15</v>
      </c>
      <c r="G39291" s="16">
        <v>1.9590502960457454</v>
      </c>
    </row>
    <row r="39292" spans="1:7" x14ac:dyDescent="0.3">
      <c r="A39292" s="13" t="s">
        <v>233</v>
      </c>
      <c r="B39292" s="14" t="s">
        <v>1</v>
      </c>
      <c r="C39292" s="14" t="s">
        <v>70</v>
      </c>
      <c r="D39292" s="14" t="s">
        <v>234</v>
      </c>
      <c r="E39292" s="15">
        <v>45613</v>
      </c>
      <c r="F39292" s="14" t="s">
        <v>15</v>
      </c>
      <c r="G39292" s="16">
        <v>1.9590502960457454</v>
      </c>
    </row>
    <row r="39293" spans="1:7" x14ac:dyDescent="0.3">
      <c r="A39293" s="13" t="s">
        <v>233</v>
      </c>
      <c r="B39293" s="14" t="s">
        <v>1</v>
      </c>
      <c r="C39293" s="14" t="s">
        <v>70</v>
      </c>
      <c r="D39293" s="14" t="s">
        <v>234</v>
      </c>
      <c r="E39293" s="15">
        <v>45614</v>
      </c>
      <c r="F39293" s="14" t="s">
        <v>15</v>
      </c>
      <c r="G39293" s="16">
        <v>1.9682407769014743</v>
      </c>
    </row>
    <row r="39294" spans="1:7" x14ac:dyDescent="0.3">
      <c r="A39294" s="13" t="s">
        <v>233</v>
      </c>
      <c r="B39294" s="14" t="s">
        <v>1</v>
      </c>
      <c r="C39294" s="14" t="s">
        <v>70</v>
      </c>
      <c r="D39294" s="14" t="s">
        <v>234</v>
      </c>
      <c r="E39294" s="15">
        <v>45615</v>
      </c>
      <c r="F39294" s="14" t="s">
        <v>15</v>
      </c>
      <c r="G39294" s="16">
        <v>1.9997053234014528</v>
      </c>
    </row>
    <row r="39295" spans="1:7" x14ac:dyDescent="0.3">
      <c r="A39295" s="13" t="s">
        <v>233</v>
      </c>
      <c r="B39295" s="14" t="s">
        <v>1</v>
      </c>
      <c r="C39295" s="14" t="s">
        <v>70</v>
      </c>
      <c r="D39295" s="14" t="s">
        <v>234</v>
      </c>
      <c r="E39295" s="15">
        <v>45616</v>
      </c>
      <c r="F39295" s="14" t="s">
        <v>15</v>
      </c>
      <c r="G39295" s="16">
        <v>2.0030580302126118</v>
      </c>
    </row>
    <row r="39296" spans="1:7" x14ac:dyDescent="0.3">
      <c r="A39296" s="13" t="s">
        <v>233</v>
      </c>
      <c r="B39296" s="14" t="s">
        <v>1</v>
      </c>
      <c r="C39296" s="14" t="s">
        <v>70</v>
      </c>
      <c r="D39296" s="14" t="s">
        <v>234</v>
      </c>
      <c r="E39296" s="15">
        <v>45617</v>
      </c>
      <c r="F39296" s="14" t="s">
        <v>15</v>
      </c>
      <c r="G39296" s="16">
        <v>2.0092436398339135</v>
      </c>
    </row>
    <row r="39297" spans="1:7" x14ac:dyDescent="0.3">
      <c r="A39297" s="13" t="s">
        <v>233</v>
      </c>
      <c r="B39297" s="14" t="s">
        <v>1</v>
      </c>
      <c r="C39297" s="14" t="s">
        <v>70</v>
      </c>
      <c r="D39297" s="14" t="s">
        <v>234</v>
      </c>
      <c r="E39297" s="15">
        <v>45618</v>
      </c>
      <c r="F39297" s="14" t="s">
        <v>15</v>
      </c>
      <c r="G39297" s="16">
        <v>2.0157094608431052</v>
      </c>
    </row>
    <row r="39298" spans="1:7" x14ac:dyDescent="0.3">
      <c r="A39298" s="13" t="s">
        <v>233</v>
      </c>
      <c r="B39298" s="14" t="s">
        <v>1</v>
      </c>
      <c r="C39298" s="14" t="s">
        <v>70</v>
      </c>
      <c r="D39298" s="14" t="s">
        <v>234</v>
      </c>
      <c r="E39298" s="15">
        <v>45619</v>
      </c>
      <c r="F39298" s="14" t="s">
        <v>15</v>
      </c>
      <c r="G39298" s="16">
        <v>2.0157094608431052</v>
      </c>
    </row>
    <row r="39299" spans="1:7" x14ac:dyDescent="0.3">
      <c r="A39299" s="13" t="s">
        <v>233</v>
      </c>
      <c r="B39299" s="14" t="s">
        <v>1</v>
      </c>
      <c r="C39299" s="14" t="s">
        <v>70</v>
      </c>
      <c r="D39299" s="14" t="s">
        <v>234</v>
      </c>
      <c r="E39299" s="15">
        <v>45620</v>
      </c>
      <c r="F39299" s="14" t="s">
        <v>15</v>
      </c>
      <c r="G39299" s="16">
        <v>2.0157094608431052</v>
      </c>
    </row>
    <row r="39300" spans="1:7" x14ac:dyDescent="0.3">
      <c r="A39300" s="13" t="s">
        <v>233</v>
      </c>
      <c r="B39300" s="14" t="s">
        <v>1</v>
      </c>
      <c r="C39300" s="14" t="s">
        <v>70</v>
      </c>
      <c r="D39300" s="14" t="s">
        <v>234</v>
      </c>
      <c r="E39300" s="15">
        <v>45621</v>
      </c>
      <c r="F39300" s="14" t="s">
        <v>15</v>
      </c>
      <c r="G39300" s="16">
        <v>2.0191663161315767</v>
      </c>
    </row>
    <row r="39301" spans="1:7" x14ac:dyDescent="0.3">
      <c r="A39301" s="13" t="s">
        <v>233</v>
      </c>
      <c r="B39301" s="14" t="s">
        <v>1</v>
      </c>
      <c r="C39301" s="14" t="s">
        <v>70</v>
      </c>
      <c r="D39301" s="14" t="s">
        <v>234</v>
      </c>
      <c r="E39301" s="15">
        <v>45622</v>
      </c>
      <c r="F39301" s="14" t="s">
        <v>15</v>
      </c>
      <c r="G39301" s="16">
        <v>2.0391474409960106</v>
      </c>
    </row>
    <row r="39302" spans="1:7" x14ac:dyDescent="0.3">
      <c r="A39302" s="13" t="s">
        <v>233</v>
      </c>
      <c r="B39302" s="14" t="s">
        <v>1</v>
      </c>
      <c r="C39302" s="14" t="s">
        <v>70</v>
      </c>
      <c r="D39302" s="14" t="s">
        <v>234</v>
      </c>
      <c r="E39302" s="15">
        <v>45623</v>
      </c>
      <c r="F39302" s="14" t="s">
        <v>15</v>
      </c>
      <c r="G39302" s="16">
        <v>2.0482529138919685</v>
      </c>
    </row>
    <row r="39303" spans="1:7" x14ac:dyDescent="0.3">
      <c r="A39303" s="13" t="s">
        <v>233</v>
      </c>
      <c r="B39303" s="14" t="s">
        <v>1</v>
      </c>
      <c r="C39303" s="14" t="s">
        <v>70</v>
      </c>
      <c r="D39303" s="14" t="s">
        <v>234</v>
      </c>
      <c r="E39303" s="15">
        <v>45624</v>
      </c>
      <c r="F39303" s="14" t="s">
        <v>15</v>
      </c>
      <c r="G39303" s="16">
        <v>2.0562357363449215</v>
      </c>
    </row>
    <row r="39304" spans="1:7" x14ac:dyDescent="0.3">
      <c r="A39304" s="13" t="s">
        <v>233</v>
      </c>
      <c r="B39304" s="14" t="s">
        <v>1</v>
      </c>
      <c r="C39304" s="14" t="s">
        <v>70</v>
      </c>
      <c r="D39304" s="14" t="s">
        <v>234</v>
      </c>
      <c r="E39304" s="15">
        <v>45625</v>
      </c>
      <c r="F39304" s="14" t="s">
        <v>15</v>
      </c>
      <c r="G39304" s="16">
        <v>2.0596657267385687</v>
      </c>
    </row>
    <row r="39305" spans="1:7" x14ac:dyDescent="0.3">
      <c r="A39305" s="13" t="s">
        <v>233</v>
      </c>
      <c r="B39305" s="14" t="s">
        <v>1</v>
      </c>
      <c r="C39305" s="14" t="s">
        <v>70</v>
      </c>
      <c r="D39305" s="14" t="s">
        <v>234</v>
      </c>
      <c r="E39305" s="15">
        <v>45626</v>
      </c>
      <c r="F39305" s="14" t="s">
        <v>15</v>
      </c>
      <c r="G39305" s="16">
        <v>2.0596657267385687</v>
      </c>
    </row>
    <row r="39306" spans="1:7" x14ac:dyDescent="0.3">
      <c r="A39306" s="13" t="s">
        <v>233</v>
      </c>
      <c r="B39306" s="14" t="s">
        <v>1</v>
      </c>
      <c r="C39306" s="14" t="s">
        <v>70</v>
      </c>
      <c r="D39306" s="14" t="s">
        <v>234</v>
      </c>
      <c r="E39306" s="15">
        <v>45627</v>
      </c>
      <c r="F39306" s="14" t="s">
        <v>15</v>
      </c>
      <c r="G39306" s="16">
        <v>2.0596657267385687</v>
      </c>
    </row>
    <row r="39307" spans="1:7" x14ac:dyDescent="0.3">
      <c r="A39307" s="13" t="s">
        <v>233</v>
      </c>
      <c r="B39307" s="14" t="s">
        <v>1</v>
      </c>
      <c r="C39307" s="14" t="s">
        <v>70</v>
      </c>
      <c r="D39307" s="14" t="s">
        <v>234</v>
      </c>
      <c r="E39307" s="15">
        <v>45628</v>
      </c>
      <c r="F39307" s="14" t="s">
        <v>15</v>
      </c>
      <c r="G39307" s="16">
        <v>2.0709725777040906</v>
      </c>
    </row>
    <row r="39308" spans="1:7" x14ac:dyDescent="0.3">
      <c r="A39308" s="13" t="s">
        <v>233</v>
      </c>
      <c r="B39308" s="14" t="s">
        <v>1</v>
      </c>
      <c r="C39308" s="14" t="s">
        <v>70</v>
      </c>
      <c r="D39308" s="14" t="s">
        <v>234</v>
      </c>
      <c r="E39308" s="15">
        <v>45629</v>
      </c>
      <c r="F39308" s="14" t="s">
        <v>15</v>
      </c>
      <c r="G39308" s="16">
        <v>2.0878994989842168</v>
      </c>
    </row>
    <row r="39309" spans="1:7" x14ac:dyDescent="0.3">
      <c r="A39309" s="13" t="s">
        <v>233</v>
      </c>
      <c r="B39309" s="14" t="s">
        <v>1</v>
      </c>
      <c r="C39309" s="14" t="s">
        <v>70</v>
      </c>
      <c r="D39309" s="14" t="s">
        <v>234</v>
      </c>
      <c r="E39309" s="15">
        <v>45630</v>
      </c>
      <c r="F39309" s="14" t="s">
        <v>15</v>
      </c>
      <c r="G39309" s="16">
        <v>2.0941406087223253</v>
      </c>
    </row>
    <row r="39310" spans="1:7" x14ac:dyDescent="0.3">
      <c r="A39310" s="13" t="s">
        <v>233</v>
      </c>
      <c r="B39310" s="14" t="s">
        <v>1</v>
      </c>
      <c r="C39310" s="14" t="s">
        <v>70</v>
      </c>
      <c r="D39310" s="14" t="s">
        <v>234</v>
      </c>
      <c r="E39310" s="15">
        <v>45631</v>
      </c>
      <c r="F39310" s="14" t="s">
        <v>15</v>
      </c>
      <c r="G39310" s="16">
        <v>2.0986331203847586</v>
      </c>
    </row>
    <row r="39311" spans="1:7" x14ac:dyDescent="0.3">
      <c r="A39311" s="13" t="s">
        <v>233</v>
      </c>
      <c r="B39311" s="14" t="s">
        <v>1</v>
      </c>
      <c r="C39311" s="14" t="s">
        <v>70</v>
      </c>
      <c r="D39311" s="14" t="s">
        <v>234</v>
      </c>
      <c r="E39311" s="15">
        <v>45632</v>
      </c>
      <c r="F39311" s="14" t="s">
        <v>15</v>
      </c>
      <c r="G39311" s="16">
        <v>2.1063455128098392</v>
      </c>
    </row>
    <row r="39312" spans="1:7" x14ac:dyDescent="0.3">
      <c r="A39312" s="13" t="s">
        <v>233</v>
      </c>
      <c r="B39312" s="14" t="s">
        <v>1</v>
      </c>
      <c r="C39312" s="14" t="s">
        <v>70</v>
      </c>
      <c r="D39312" s="14" t="s">
        <v>234</v>
      </c>
      <c r="E39312" s="15">
        <v>45633</v>
      </c>
      <c r="F39312" s="14" t="s">
        <v>15</v>
      </c>
      <c r="G39312" s="16">
        <v>2.1063455128098392</v>
      </c>
    </row>
    <row r="39313" spans="1:7" x14ac:dyDescent="0.3">
      <c r="A39313" s="13" t="s">
        <v>233</v>
      </c>
      <c r="B39313" s="14" t="s">
        <v>1</v>
      </c>
      <c r="C39313" s="14" t="s">
        <v>70</v>
      </c>
      <c r="D39313" s="14" t="s">
        <v>234</v>
      </c>
      <c r="E39313" s="15">
        <v>45634</v>
      </c>
      <c r="F39313" s="14" t="s">
        <v>15</v>
      </c>
      <c r="G39313" s="16">
        <v>2.1063455128098392</v>
      </c>
    </row>
    <row r="39314" spans="1:7" x14ac:dyDescent="0.3">
      <c r="A39314" s="13" t="s">
        <v>233</v>
      </c>
      <c r="B39314" s="14" t="s">
        <v>1</v>
      </c>
      <c r="C39314" s="14" t="s">
        <v>70</v>
      </c>
      <c r="D39314" s="14" t="s">
        <v>234</v>
      </c>
      <c r="E39314" s="15">
        <v>45635</v>
      </c>
      <c r="F39314" s="14" t="s">
        <v>15</v>
      </c>
      <c r="G39314" s="16">
        <v>2.1097028494530887</v>
      </c>
    </row>
    <row r="39315" spans="1:7" x14ac:dyDescent="0.3">
      <c r="A39315" s="13" t="s">
        <v>233</v>
      </c>
      <c r="B39315" s="14" t="s">
        <v>1</v>
      </c>
      <c r="C39315" s="14" t="s">
        <v>70</v>
      </c>
      <c r="D39315" s="14" t="s">
        <v>234</v>
      </c>
      <c r="E39315" s="15">
        <v>45636</v>
      </c>
      <c r="F39315" s="14" t="s">
        <v>15</v>
      </c>
      <c r="G39315" s="16">
        <v>2.1252088589413098</v>
      </c>
    </row>
    <row r="39316" spans="1:7" x14ac:dyDescent="0.3">
      <c r="A39316" s="13" t="s">
        <v>233</v>
      </c>
      <c r="B39316" s="14" t="s">
        <v>1</v>
      </c>
      <c r="C39316" s="14" t="s">
        <v>70</v>
      </c>
      <c r="D39316" s="14" t="s">
        <v>234</v>
      </c>
      <c r="E39316" s="15">
        <v>45637</v>
      </c>
      <c r="F39316" s="14" t="s">
        <v>15</v>
      </c>
      <c r="G39316" s="16">
        <v>2.12988504091516</v>
      </c>
    </row>
    <row r="39317" spans="1:7" x14ac:dyDescent="0.3">
      <c r="A39317" s="13" t="s">
        <v>233</v>
      </c>
      <c r="B39317" s="14" t="s">
        <v>1</v>
      </c>
      <c r="C39317" s="14" t="s">
        <v>70</v>
      </c>
      <c r="D39317" s="14" t="s">
        <v>234</v>
      </c>
      <c r="E39317" s="15">
        <v>45638</v>
      </c>
      <c r="F39317" s="14" t="s">
        <v>15</v>
      </c>
      <c r="G39317" s="16">
        <v>2.1344216721272229</v>
      </c>
    </row>
    <row r="39318" spans="1:7" x14ac:dyDescent="0.3">
      <c r="A39318" s="13" t="s">
        <v>233</v>
      </c>
      <c r="B39318" s="14" t="s">
        <v>1</v>
      </c>
      <c r="C39318" s="14" t="s">
        <v>70</v>
      </c>
      <c r="D39318" s="14" t="s">
        <v>234</v>
      </c>
      <c r="E39318" s="15">
        <v>45639</v>
      </c>
      <c r="F39318" s="14" t="s">
        <v>15</v>
      </c>
      <c r="G39318" s="16">
        <v>2.1398638441280866</v>
      </c>
    </row>
    <row r="39319" spans="1:7" x14ac:dyDescent="0.3">
      <c r="A39319" s="13" t="s">
        <v>233</v>
      </c>
      <c r="B39319" s="14" t="s">
        <v>1</v>
      </c>
      <c r="C39319" s="14" t="s">
        <v>70</v>
      </c>
      <c r="D39319" s="14" t="s">
        <v>234</v>
      </c>
      <c r="E39319" s="15">
        <v>45640</v>
      </c>
      <c r="F39319" s="14" t="s">
        <v>15</v>
      </c>
      <c r="G39319" s="16">
        <v>2.1398638441280866</v>
      </c>
    </row>
    <row r="39320" spans="1:7" x14ac:dyDescent="0.3">
      <c r="A39320" s="13" t="s">
        <v>233</v>
      </c>
      <c r="B39320" s="14" t="s">
        <v>1</v>
      </c>
      <c r="C39320" s="14" t="s">
        <v>70</v>
      </c>
      <c r="D39320" s="14" t="s">
        <v>234</v>
      </c>
      <c r="E39320" s="15">
        <v>45641</v>
      </c>
      <c r="F39320" s="14" t="s">
        <v>15</v>
      </c>
      <c r="G39320" s="16">
        <v>2.1398638441280866</v>
      </c>
    </row>
    <row r="39321" spans="1:7" x14ac:dyDescent="0.3">
      <c r="A39321" s="13" t="s">
        <v>233</v>
      </c>
      <c r="B39321" s="14" t="s">
        <v>1</v>
      </c>
      <c r="C39321" s="14" t="s">
        <v>70</v>
      </c>
      <c r="D39321" s="14" t="s">
        <v>234</v>
      </c>
      <c r="E39321" s="15">
        <v>45642</v>
      </c>
      <c r="F39321" s="14" t="s">
        <v>15</v>
      </c>
      <c r="G39321" s="16">
        <v>2.1470496705355933</v>
      </c>
    </row>
    <row r="39322" spans="1:7" x14ac:dyDescent="0.3">
      <c r="A39322" s="13" t="s">
        <v>233</v>
      </c>
      <c r="B39322" s="14" t="s">
        <v>1</v>
      </c>
      <c r="C39322" s="14" t="s">
        <v>70</v>
      </c>
      <c r="D39322" s="14" t="s">
        <v>234</v>
      </c>
      <c r="E39322" s="15">
        <v>45643</v>
      </c>
      <c r="F39322" s="14" t="s">
        <v>15</v>
      </c>
      <c r="G39322" s="16">
        <v>2.1621613961200432</v>
      </c>
    </row>
    <row r="39323" spans="1:7" x14ac:dyDescent="0.3">
      <c r="A39323" s="13" t="s">
        <v>233</v>
      </c>
      <c r="B39323" s="14" t="s">
        <v>1</v>
      </c>
      <c r="C39323" s="14" t="s">
        <v>70</v>
      </c>
      <c r="D39323" s="14" t="s">
        <v>234</v>
      </c>
      <c r="E39323" s="15">
        <v>45644</v>
      </c>
      <c r="F39323" s="14" t="s">
        <v>15</v>
      </c>
      <c r="G39323" s="16">
        <v>2.1630927160364268</v>
      </c>
    </row>
    <row r="39324" spans="1:7" x14ac:dyDescent="0.3">
      <c r="A39324" s="13" t="s">
        <v>233</v>
      </c>
      <c r="B39324" s="14" t="s">
        <v>1</v>
      </c>
      <c r="C39324" s="14" t="s">
        <v>70</v>
      </c>
      <c r="D39324" s="14" t="s">
        <v>234</v>
      </c>
      <c r="E39324" s="15">
        <v>45645</v>
      </c>
      <c r="F39324" s="14" t="s">
        <v>15</v>
      </c>
      <c r="G39324" s="16">
        <v>2.1666840842193777</v>
      </c>
    </row>
    <row r="39325" spans="1:7" x14ac:dyDescent="0.3">
      <c r="A39325" s="13" t="s">
        <v>233</v>
      </c>
      <c r="B39325" s="14" t="s">
        <v>1</v>
      </c>
      <c r="C39325" s="14" t="s">
        <v>70</v>
      </c>
      <c r="D39325" s="14" t="s">
        <v>234</v>
      </c>
      <c r="E39325" s="15">
        <v>45646</v>
      </c>
      <c r="F39325" s="14" t="s">
        <v>15</v>
      </c>
      <c r="G39325" s="16">
        <v>2.1733644337725386</v>
      </c>
    </row>
    <row r="39326" spans="1:7" x14ac:dyDescent="0.3">
      <c r="A39326" s="13" t="s">
        <v>233</v>
      </c>
      <c r="B39326" s="14" t="s">
        <v>1</v>
      </c>
      <c r="C39326" s="14" t="s">
        <v>70</v>
      </c>
      <c r="D39326" s="14" t="s">
        <v>234</v>
      </c>
      <c r="E39326" s="15">
        <v>45647</v>
      </c>
      <c r="F39326" s="14" t="s">
        <v>15</v>
      </c>
      <c r="G39326" s="16">
        <v>2.1733644337725386</v>
      </c>
    </row>
    <row r="39327" spans="1:7" x14ac:dyDescent="0.3">
      <c r="A39327" s="13" t="s">
        <v>233</v>
      </c>
      <c r="B39327" s="14" t="s">
        <v>1</v>
      </c>
      <c r="C39327" s="14" t="s">
        <v>70</v>
      </c>
      <c r="D39327" s="14" t="s">
        <v>234</v>
      </c>
      <c r="E39327" s="15">
        <v>45648</v>
      </c>
      <c r="F39327" s="14" t="s">
        <v>15</v>
      </c>
      <c r="G39327" s="16">
        <v>2.1733644337725386</v>
      </c>
    </row>
    <row r="39328" spans="1:7" x14ac:dyDescent="0.3">
      <c r="A39328" s="13" t="s">
        <v>233</v>
      </c>
      <c r="B39328" s="14" t="s">
        <v>1</v>
      </c>
      <c r="C39328" s="14" t="s">
        <v>70</v>
      </c>
      <c r="D39328" s="14" t="s">
        <v>234</v>
      </c>
      <c r="E39328" s="15">
        <v>45649</v>
      </c>
      <c r="F39328" s="14" t="s">
        <v>15</v>
      </c>
      <c r="G39328" s="16">
        <v>2.1768859673760268</v>
      </c>
    </row>
    <row r="39329" spans="1:7" x14ac:dyDescent="0.3">
      <c r="A39329" s="13" t="s">
        <v>233</v>
      </c>
      <c r="B39329" s="14" t="s">
        <v>1</v>
      </c>
      <c r="C39329" s="14" t="s">
        <v>70</v>
      </c>
      <c r="D39329" s="14" t="s">
        <v>234</v>
      </c>
      <c r="E39329" s="15">
        <v>45650</v>
      </c>
      <c r="F39329" s="14" t="s">
        <v>15</v>
      </c>
      <c r="G39329" s="16">
        <v>2.1892301450171381</v>
      </c>
    </row>
    <row r="39330" spans="1:7" x14ac:dyDescent="0.3">
      <c r="A39330" s="13" t="s">
        <v>233</v>
      </c>
      <c r="B39330" s="14" t="s">
        <v>1</v>
      </c>
      <c r="C39330" s="14" t="s">
        <v>70</v>
      </c>
      <c r="D39330" s="14" t="s">
        <v>234</v>
      </c>
      <c r="E39330" s="15">
        <v>45651</v>
      </c>
      <c r="F39330" s="14" t="s">
        <v>15</v>
      </c>
      <c r="G39330" s="16">
        <v>2.1892301450171381</v>
      </c>
    </row>
    <row r="39331" spans="1:7" x14ac:dyDescent="0.3">
      <c r="A39331" s="13" t="s">
        <v>233</v>
      </c>
      <c r="B39331" s="14" t="s">
        <v>1</v>
      </c>
      <c r="C39331" s="14" t="s">
        <v>70</v>
      </c>
      <c r="D39331" s="14" t="s">
        <v>234</v>
      </c>
      <c r="E39331" s="15">
        <v>45652</v>
      </c>
      <c r="F39331" s="14" t="s">
        <v>15</v>
      </c>
      <c r="G39331" s="16">
        <v>2.1892301450171381</v>
      </c>
    </row>
    <row r="39332" spans="1:7" x14ac:dyDescent="0.3">
      <c r="A39332" s="13" t="s">
        <v>233</v>
      </c>
      <c r="B39332" s="14" t="s">
        <v>1</v>
      </c>
      <c r="C39332" s="14" t="s">
        <v>70</v>
      </c>
      <c r="D39332" s="14" t="s">
        <v>234</v>
      </c>
      <c r="E39332" s="15">
        <v>45653</v>
      </c>
      <c r="F39332" s="14" t="s">
        <v>15</v>
      </c>
      <c r="G39332" s="16">
        <v>2.1892301450171381</v>
      </c>
    </row>
    <row r="39333" spans="1:7" x14ac:dyDescent="0.3">
      <c r="A39333" s="13" t="s">
        <v>233</v>
      </c>
      <c r="B39333" s="14" t="s">
        <v>1</v>
      </c>
      <c r="C39333" s="14" t="s">
        <v>70</v>
      </c>
      <c r="D39333" s="14" t="s">
        <v>234</v>
      </c>
      <c r="E39333" s="15">
        <v>45654</v>
      </c>
      <c r="F39333" s="14" t="s">
        <v>15</v>
      </c>
      <c r="G39333" s="16">
        <v>2.1892301450171381</v>
      </c>
    </row>
    <row r="39334" spans="1:7" x14ac:dyDescent="0.3">
      <c r="A39334" s="13" t="s">
        <v>233</v>
      </c>
      <c r="B39334" s="14" t="s">
        <v>1</v>
      </c>
      <c r="C39334" s="14" t="s">
        <v>70</v>
      </c>
      <c r="D39334" s="14" t="s">
        <v>234</v>
      </c>
      <c r="E39334" s="15">
        <v>45655</v>
      </c>
      <c r="F39334" s="14" t="s">
        <v>15</v>
      </c>
      <c r="G39334" s="16">
        <v>2.1892301450171381</v>
      </c>
    </row>
    <row r="39335" spans="1:7" x14ac:dyDescent="0.3">
      <c r="A39335" s="13" t="s">
        <v>233</v>
      </c>
      <c r="B39335" s="14" t="s">
        <v>1</v>
      </c>
      <c r="C39335" s="14" t="s">
        <v>70</v>
      </c>
      <c r="D39335" s="14" t="s">
        <v>234</v>
      </c>
      <c r="E39335" s="15">
        <v>45656</v>
      </c>
      <c r="F39335" s="14" t="s">
        <v>15</v>
      </c>
      <c r="G39335" s="16">
        <v>2.1928872953247067</v>
      </c>
    </row>
    <row r="39336" spans="1:7" x14ac:dyDescent="0.3">
      <c r="A39336" s="13" t="s">
        <v>233</v>
      </c>
      <c r="B39336" s="14" t="s">
        <v>1</v>
      </c>
      <c r="C39336" s="14" t="s">
        <v>70</v>
      </c>
      <c r="D39336" s="14" t="s">
        <v>234</v>
      </c>
      <c r="E39336" s="15">
        <v>45657</v>
      </c>
      <c r="F39336" s="14" t="s">
        <v>15</v>
      </c>
      <c r="G39336" s="16">
        <v>2.2153258649810801</v>
      </c>
    </row>
    <row r="39337" spans="1:7" x14ac:dyDescent="0.3">
      <c r="A39337" s="13" t="s">
        <v>233</v>
      </c>
      <c r="B39337" s="14" t="s">
        <v>1</v>
      </c>
      <c r="C39337" s="14" t="s">
        <v>70</v>
      </c>
      <c r="D39337" s="14" t="s">
        <v>234</v>
      </c>
      <c r="E39337" s="15">
        <v>45658</v>
      </c>
      <c r="F39337" s="14" t="s">
        <v>15</v>
      </c>
      <c r="G39337" s="16">
        <v>2.2153258649810801</v>
      </c>
    </row>
    <row r="39338" spans="1:7" x14ac:dyDescent="0.3">
      <c r="A39338" s="13" t="s">
        <v>233</v>
      </c>
      <c r="B39338" s="14" t="s">
        <v>1</v>
      </c>
      <c r="C39338" s="14" t="s">
        <v>70</v>
      </c>
      <c r="D39338" s="14" t="s">
        <v>234</v>
      </c>
      <c r="E39338" s="15">
        <v>45659</v>
      </c>
      <c r="F39338" s="14" t="s">
        <v>15</v>
      </c>
      <c r="G39338" s="16">
        <v>2.2153258649810801</v>
      </c>
    </row>
    <row r="39339" spans="1:7" x14ac:dyDescent="0.3">
      <c r="A39339" s="13" t="s">
        <v>233</v>
      </c>
      <c r="B39339" s="14" t="s">
        <v>1</v>
      </c>
      <c r="C39339" s="14" t="s">
        <v>70</v>
      </c>
      <c r="D39339" s="14" t="s">
        <v>234</v>
      </c>
      <c r="E39339" s="15">
        <v>45660</v>
      </c>
      <c r="F39339" s="14" t="s">
        <v>15</v>
      </c>
      <c r="G39339" s="16">
        <v>2.2259008927708104</v>
      </c>
    </row>
    <row r="39340" spans="1:7" x14ac:dyDescent="0.3">
      <c r="A39340" s="13" t="s">
        <v>233</v>
      </c>
      <c r="B39340" s="14" t="s">
        <v>1</v>
      </c>
      <c r="C39340" s="14" t="s">
        <v>70</v>
      </c>
      <c r="D39340" s="14" t="s">
        <v>234</v>
      </c>
      <c r="E39340" s="15">
        <v>45661</v>
      </c>
      <c r="F39340" s="14" t="s">
        <v>15</v>
      </c>
      <c r="G39340" s="16">
        <v>2.2259008927708104</v>
      </c>
    </row>
    <row r="39341" spans="1:7" x14ac:dyDescent="0.3">
      <c r="A39341" s="13" t="s">
        <v>233</v>
      </c>
      <c r="B39341" s="14" t="s">
        <v>1</v>
      </c>
      <c r="C39341" s="14" t="s">
        <v>70</v>
      </c>
      <c r="D39341" s="14" t="s">
        <v>234</v>
      </c>
      <c r="E39341" s="15">
        <v>45662</v>
      </c>
      <c r="F39341" s="14" t="s">
        <v>15</v>
      </c>
      <c r="G39341" s="16">
        <v>2.2259008927708104</v>
      </c>
    </row>
    <row r="39342" spans="1:7" x14ac:dyDescent="0.3">
      <c r="A39342" s="13" t="s">
        <v>233</v>
      </c>
      <c r="B39342" s="14" t="s">
        <v>1</v>
      </c>
      <c r="C39342" s="14" t="s">
        <v>70</v>
      </c>
      <c r="D39342" s="14" t="s">
        <v>234</v>
      </c>
      <c r="E39342" s="15">
        <v>45663</v>
      </c>
      <c r="F39342" s="14" t="s">
        <v>15</v>
      </c>
      <c r="G39342" s="16">
        <v>2.2526034414405576</v>
      </c>
    </row>
    <row r="39343" spans="1:7" x14ac:dyDescent="0.3">
      <c r="A39343" s="13" t="s">
        <v>233</v>
      </c>
      <c r="B39343" s="14" t="s">
        <v>1</v>
      </c>
      <c r="C39343" s="14" t="s">
        <v>70</v>
      </c>
      <c r="D39343" s="14" t="s">
        <v>234</v>
      </c>
      <c r="E39343" s="15">
        <v>45664</v>
      </c>
      <c r="F39343" s="14" t="s">
        <v>15</v>
      </c>
      <c r="G39343" s="16">
        <v>2.271130607673769</v>
      </c>
    </row>
    <row r="39344" spans="1:7" x14ac:dyDescent="0.3">
      <c r="A39344" s="13" t="s">
        <v>233</v>
      </c>
      <c r="B39344" s="14" t="s">
        <v>1</v>
      </c>
      <c r="C39344" s="14" t="s">
        <v>70</v>
      </c>
      <c r="D39344" s="14" t="s">
        <v>234</v>
      </c>
      <c r="E39344" s="15">
        <v>45665</v>
      </c>
      <c r="F39344" s="14" t="s">
        <v>15</v>
      </c>
      <c r="G39344" s="16">
        <v>2.2747356386646174</v>
      </c>
    </row>
    <row r="39345" spans="1:7" x14ac:dyDescent="0.3">
      <c r="A39345" s="13" t="s">
        <v>233</v>
      </c>
      <c r="B39345" s="14" t="s">
        <v>1</v>
      </c>
      <c r="C39345" s="14" t="s">
        <v>70</v>
      </c>
      <c r="D39345" s="14" t="s">
        <v>234</v>
      </c>
      <c r="E39345" s="15">
        <v>45666</v>
      </c>
      <c r="F39345" s="14" t="s">
        <v>15</v>
      </c>
      <c r="G39345" s="16">
        <v>2.2872687027142788</v>
      </c>
    </row>
    <row r="39346" spans="1:7" x14ac:dyDescent="0.3">
      <c r="A39346" s="13" t="s">
        <v>233</v>
      </c>
      <c r="B39346" s="14" t="s">
        <v>1</v>
      </c>
      <c r="C39346" s="14" t="s">
        <v>70</v>
      </c>
      <c r="D39346" s="14" t="s">
        <v>234</v>
      </c>
      <c r="E39346" s="15">
        <v>45667</v>
      </c>
      <c r="F39346" s="14" t="s">
        <v>15</v>
      </c>
      <c r="G39346" s="16">
        <v>2.2908933090235415</v>
      </c>
    </row>
    <row r="39347" spans="1:7" x14ac:dyDescent="0.3">
      <c r="A39347" s="13" t="s">
        <v>233</v>
      </c>
      <c r="B39347" s="14" t="s">
        <v>1</v>
      </c>
      <c r="C39347" s="14" t="s">
        <v>70</v>
      </c>
      <c r="D39347" s="14" t="s">
        <v>234</v>
      </c>
      <c r="E39347" s="15">
        <v>45668</v>
      </c>
      <c r="F39347" s="14" t="s">
        <v>15</v>
      </c>
      <c r="G39347" s="16">
        <v>2.2908933090235415</v>
      </c>
    </row>
    <row r="39348" spans="1:7" x14ac:dyDescent="0.3">
      <c r="A39348" s="13" t="s">
        <v>233</v>
      </c>
      <c r="B39348" s="14" t="s">
        <v>1</v>
      </c>
      <c r="C39348" s="14" t="s">
        <v>70</v>
      </c>
      <c r="D39348" s="14" t="s">
        <v>234</v>
      </c>
      <c r="E39348" s="15">
        <v>45669</v>
      </c>
      <c r="F39348" s="14" t="s">
        <v>15</v>
      </c>
      <c r="G39348" s="16">
        <v>2.2908933090235415</v>
      </c>
    </row>
    <row r="39349" spans="1:7" x14ac:dyDescent="0.3">
      <c r="A39349" s="13" t="s">
        <v>233</v>
      </c>
      <c r="B39349" s="14" t="s">
        <v>1</v>
      </c>
      <c r="C39349" s="14" t="s">
        <v>70</v>
      </c>
      <c r="D39349" s="14" t="s">
        <v>234</v>
      </c>
      <c r="E39349" s="15">
        <v>45670</v>
      </c>
      <c r="F39349" s="14" t="s">
        <v>15</v>
      </c>
      <c r="G39349" s="16">
        <v>2.309281313949533</v>
      </c>
    </row>
    <row r="39350" spans="1:7" x14ac:dyDescent="0.3">
      <c r="A39350" s="13" t="s">
        <v>233</v>
      </c>
      <c r="B39350" s="14" t="s">
        <v>1</v>
      </c>
      <c r="C39350" s="14" t="s">
        <v>70</v>
      </c>
      <c r="D39350" s="14" t="s">
        <v>234</v>
      </c>
      <c r="E39350" s="15">
        <v>45671</v>
      </c>
      <c r="F39350" s="14" t="s">
        <v>15</v>
      </c>
      <c r="G39350" s="16">
        <v>2.3205038599031802</v>
      </c>
    </row>
    <row r="39351" spans="1:7" x14ac:dyDescent="0.3">
      <c r="A39351" s="13" t="s">
        <v>233</v>
      </c>
      <c r="B39351" s="14" t="s">
        <v>1</v>
      </c>
      <c r="C39351" s="14" t="s">
        <v>70</v>
      </c>
      <c r="D39351" s="14" t="s">
        <v>234</v>
      </c>
      <c r="E39351" s="15">
        <v>45672</v>
      </c>
      <c r="F39351" s="14" t="s">
        <v>15</v>
      </c>
      <c r="G39351" s="16">
        <v>2.3242144501680539</v>
      </c>
    </row>
    <row r="39352" spans="1:7" x14ac:dyDescent="0.3">
      <c r="A39352" s="13" t="s">
        <v>233</v>
      </c>
      <c r="B39352" s="14" t="s">
        <v>1</v>
      </c>
      <c r="C39352" s="14" t="s">
        <v>70</v>
      </c>
      <c r="D39352" s="14" t="s">
        <v>234</v>
      </c>
      <c r="E39352" s="15">
        <v>45673</v>
      </c>
      <c r="F39352" s="14" t="s">
        <v>15</v>
      </c>
      <c r="G39352" s="16">
        <v>2.3318106732356512</v>
      </c>
    </row>
    <row r="39353" spans="1:7" x14ac:dyDescent="0.3">
      <c r="A39353" s="13" t="s">
        <v>233</v>
      </c>
      <c r="B39353" s="14" t="s">
        <v>1</v>
      </c>
      <c r="C39353" s="14" t="s">
        <v>70</v>
      </c>
      <c r="D39353" s="14" t="s">
        <v>234</v>
      </c>
      <c r="E39353" s="15">
        <v>45674</v>
      </c>
      <c r="F39353" s="14" t="s">
        <v>15</v>
      </c>
      <c r="G39353" s="16">
        <v>2.3351001516457197</v>
      </c>
    </row>
    <row r="39354" spans="1:7" x14ac:dyDescent="0.3">
      <c r="A39354" s="13" t="s">
        <v>233</v>
      </c>
      <c r="B39354" s="14" t="s">
        <v>1</v>
      </c>
      <c r="C39354" s="14" t="s">
        <v>70</v>
      </c>
      <c r="D39354" s="14" t="s">
        <v>234</v>
      </c>
      <c r="E39354" s="15">
        <v>45675</v>
      </c>
      <c r="F39354" s="14" t="s">
        <v>15</v>
      </c>
      <c r="G39354" s="16">
        <v>2.3351001516457197</v>
      </c>
    </row>
    <row r="39355" spans="1:7" x14ac:dyDescent="0.3">
      <c r="A39355" s="13" t="s">
        <v>233</v>
      </c>
      <c r="B39355" s="14" t="s">
        <v>1</v>
      </c>
      <c r="C39355" s="14" t="s">
        <v>70</v>
      </c>
      <c r="D39355" s="14" t="s">
        <v>234</v>
      </c>
      <c r="E39355" s="15">
        <v>45676</v>
      </c>
      <c r="F39355" s="14" t="s">
        <v>15</v>
      </c>
      <c r="G39355" s="16">
        <v>2.3351001516457197</v>
      </c>
    </row>
    <row r="39356" spans="1:7" x14ac:dyDescent="0.3">
      <c r="A39356" s="13" t="s">
        <v>233</v>
      </c>
      <c r="B39356" s="14" t="s">
        <v>1</v>
      </c>
      <c r="C39356" s="14" t="s">
        <v>70</v>
      </c>
      <c r="D39356" s="14" t="s">
        <v>234</v>
      </c>
      <c r="E39356" s="15">
        <v>45677</v>
      </c>
      <c r="F39356" s="14" t="s">
        <v>15</v>
      </c>
      <c r="G39356" s="16">
        <v>2.3437870633415896</v>
      </c>
    </row>
    <row r="39357" spans="1:7" x14ac:dyDescent="0.3">
      <c r="A39357" s="13" t="s">
        <v>233</v>
      </c>
      <c r="B39357" s="14" t="s">
        <v>1</v>
      </c>
      <c r="C39357" s="14" t="s">
        <v>70</v>
      </c>
      <c r="D39357" s="14" t="s">
        <v>234</v>
      </c>
      <c r="E39357" s="15">
        <v>45678</v>
      </c>
      <c r="F39357" s="14" t="s">
        <v>15</v>
      </c>
      <c r="G39357" s="16">
        <v>2.3725597455852387</v>
      </c>
    </row>
    <row r="39358" spans="1:7" x14ac:dyDescent="0.3">
      <c r="A39358" s="13" t="s">
        <v>233</v>
      </c>
      <c r="B39358" s="14" t="s">
        <v>1</v>
      </c>
      <c r="C39358" s="14" t="s">
        <v>70</v>
      </c>
      <c r="D39358" s="14" t="s">
        <v>234</v>
      </c>
      <c r="E39358" s="15">
        <v>45679</v>
      </c>
      <c r="F39358" s="14" t="s">
        <v>15</v>
      </c>
      <c r="G39358" s="16">
        <v>2.3761259557513625</v>
      </c>
    </row>
    <row r="39359" spans="1:7" x14ac:dyDescent="0.3">
      <c r="A39359" s="13" t="s">
        <v>233</v>
      </c>
      <c r="B39359" s="14" t="s">
        <v>1</v>
      </c>
      <c r="C39359" s="14" t="s">
        <v>70</v>
      </c>
      <c r="D39359" s="14" t="s">
        <v>234</v>
      </c>
      <c r="E39359" s="15">
        <v>45680</v>
      </c>
      <c r="F39359" s="14" t="s">
        <v>15</v>
      </c>
      <c r="G39359" s="16">
        <v>2.3796132438210456</v>
      </c>
    </row>
    <row r="39360" spans="1:7" x14ac:dyDescent="0.3">
      <c r="A39360" s="13" t="s">
        <v>233</v>
      </c>
      <c r="B39360" s="14" t="s">
        <v>1</v>
      </c>
      <c r="C39360" s="14" t="s">
        <v>70</v>
      </c>
      <c r="D39360" s="14" t="s">
        <v>234</v>
      </c>
      <c r="E39360" s="15">
        <v>45681</v>
      </c>
      <c r="F39360" s="14" t="s">
        <v>15</v>
      </c>
      <c r="G39360" s="16">
        <v>2.3828703812441998</v>
      </c>
    </row>
    <row r="39361" spans="1:7" x14ac:dyDescent="0.3">
      <c r="A39361" s="13" t="s">
        <v>233</v>
      </c>
      <c r="B39361" s="14" t="s">
        <v>1</v>
      </c>
      <c r="C39361" s="14" t="s">
        <v>70</v>
      </c>
      <c r="D39361" s="14" t="s">
        <v>234</v>
      </c>
      <c r="E39361" s="15">
        <v>45682</v>
      </c>
      <c r="F39361" s="14" t="s">
        <v>15</v>
      </c>
      <c r="G39361" s="16">
        <v>2.3828703812441998</v>
      </c>
    </row>
    <row r="39362" spans="1:7" x14ac:dyDescent="0.3">
      <c r="A39362" s="13" t="s">
        <v>233</v>
      </c>
      <c r="B39362" s="14" t="s">
        <v>1</v>
      </c>
      <c r="C39362" s="14" t="s">
        <v>70</v>
      </c>
      <c r="D39362" s="14" t="s">
        <v>234</v>
      </c>
      <c r="E39362" s="15">
        <v>45683</v>
      </c>
      <c r="F39362" s="14" t="s">
        <v>15</v>
      </c>
      <c r="G39362" s="16">
        <v>2.3828703812441998</v>
      </c>
    </row>
    <row r="39363" spans="1:7" x14ac:dyDescent="0.3">
      <c r="A39363" s="13" t="s">
        <v>233</v>
      </c>
      <c r="B39363" s="14" t="s">
        <v>1</v>
      </c>
      <c r="C39363" s="14" t="s">
        <v>70</v>
      </c>
      <c r="D39363" s="14" t="s">
        <v>234</v>
      </c>
      <c r="E39363" s="15">
        <v>45684</v>
      </c>
      <c r="F39363" s="14" t="s">
        <v>15</v>
      </c>
      <c r="G39363" s="16">
        <v>2.3930537371002494</v>
      </c>
    </row>
    <row r="39364" spans="1:7" x14ac:dyDescent="0.3">
      <c r="A39364" s="13" t="s">
        <v>233</v>
      </c>
      <c r="B39364" s="14" t="s">
        <v>1</v>
      </c>
      <c r="C39364" s="14" t="s">
        <v>70</v>
      </c>
      <c r="D39364" s="14" t="s">
        <v>234</v>
      </c>
      <c r="E39364" s="15">
        <v>45685</v>
      </c>
      <c r="F39364" s="14" t="s">
        <v>15</v>
      </c>
      <c r="G39364" s="16">
        <v>2.4011348657553531</v>
      </c>
    </row>
    <row r="39365" spans="1:7" x14ac:dyDescent="0.3">
      <c r="A39365" s="13" t="s">
        <v>233</v>
      </c>
      <c r="B39365" s="14" t="s">
        <v>1</v>
      </c>
      <c r="C39365" s="14" t="s">
        <v>70</v>
      </c>
      <c r="D39365" s="14" t="s">
        <v>234</v>
      </c>
      <c r="E39365" s="15">
        <v>45686</v>
      </c>
      <c r="F39365" s="14" t="s">
        <v>15</v>
      </c>
      <c r="G39365" s="16">
        <v>2.4048535044262485</v>
      </c>
    </row>
    <row r="39366" spans="1:7" x14ac:dyDescent="0.3">
      <c r="A39366" s="13" t="s">
        <v>233</v>
      </c>
      <c r="B39366" s="14" t="s">
        <v>1</v>
      </c>
      <c r="C39366" s="14" t="s">
        <v>70</v>
      </c>
      <c r="D39366" s="14" t="s">
        <v>234</v>
      </c>
      <c r="E39366" s="15">
        <v>45687</v>
      </c>
      <c r="F39366" s="14" t="s">
        <v>15</v>
      </c>
      <c r="G39366" s="16">
        <v>2.4095463782018145</v>
      </c>
    </row>
    <row r="39367" spans="1:7" x14ac:dyDescent="0.3">
      <c r="A39367" s="13" t="s">
        <v>233</v>
      </c>
      <c r="B39367" s="14" t="s">
        <v>1</v>
      </c>
      <c r="C39367" s="14" t="s">
        <v>70</v>
      </c>
      <c r="D39367" s="14" t="s">
        <v>234</v>
      </c>
      <c r="E39367" s="15">
        <v>45688</v>
      </c>
      <c r="F39367" s="14" t="s">
        <v>15</v>
      </c>
      <c r="G39367" s="16">
        <v>2.4132819756504329</v>
      </c>
    </row>
    <row r="39368" spans="1:7" x14ac:dyDescent="0.3">
      <c r="A39368" s="13" t="s">
        <v>233</v>
      </c>
      <c r="B39368" s="14" t="s">
        <v>1</v>
      </c>
      <c r="C39368" s="14" t="s">
        <v>70</v>
      </c>
      <c r="D39368" s="14" t="s">
        <v>234</v>
      </c>
      <c r="E39368" s="15">
        <v>45689</v>
      </c>
      <c r="F39368" s="14" t="s">
        <v>15</v>
      </c>
      <c r="G39368" s="16">
        <v>2.4132819756504329</v>
      </c>
    </row>
    <row r="39369" spans="1:7" x14ac:dyDescent="0.3">
      <c r="A39369" s="13" t="s">
        <v>233</v>
      </c>
      <c r="B39369" s="14" t="s">
        <v>1</v>
      </c>
      <c r="C39369" s="14" t="s">
        <v>70</v>
      </c>
      <c r="D39369" s="14" t="s">
        <v>234</v>
      </c>
      <c r="E39369" s="15">
        <v>45690</v>
      </c>
      <c r="F39369" s="14" t="s">
        <v>15</v>
      </c>
      <c r="G39369" s="16">
        <v>2.4132819756504329</v>
      </c>
    </row>
    <row r="39370" spans="1:7" x14ac:dyDescent="0.3">
      <c r="A39370" s="13" t="s">
        <v>233</v>
      </c>
      <c r="B39370" s="14" t="s">
        <v>1</v>
      </c>
      <c r="C39370" s="14" t="s">
        <v>70</v>
      </c>
      <c r="D39370" s="14" t="s">
        <v>234</v>
      </c>
      <c r="E39370" s="15">
        <v>45691</v>
      </c>
      <c r="F39370" s="14" t="s">
        <v>15</v>
      </c>
      <c r="G39370" s="16">
        <v>2.4132819756504329</v>
      </c>
    </row>
    <row r="39371" spans="1:7" x14ac:dyDescent="0.3">
      <c r="A39371" s="13" t="s">
        <v>233</v>
      </c>
      <c r="B39371" s="14" t="s">
        <v>1</v>
      </c>
      <c r="C39371" s="14" t="s">
        <v>70</v>
      </c>
      <c r="D39371" s="14" t="s">
        <v>234</v>
      </c>
      <c r="E39371" s="15">
        <v>45692</v>
      </c>
      <c r="F39371" s="14" t="s">
        <v>15</v>
      </c>
      <c r="G39371" s="16">
        <v>2.4188446285729253</v>
      </c>
    </row>
    <row r="39372" spans="1:7" x14ac:dyDescent="0.3">
      <c r="A39372" s="13" t="s">
        <v>233</v>
      </c>
      <c r="B39372" s="14" t="s">
        <v>1</v>
      </c>
      <c r="C39372" s="14" t="s">
        <v>70</v>
      </c>
      <c r="D39372" s="14" t="s">
        <v>234</v>
      </c>
      <c r="E39372" s="15">
        <v>45693</v>
      </c>
      <c r="F39372" s="14" t="s">
        <v>15</v>
      </c>
      <c r="G39372" s="16">
        <v>2.4286679021244484</v>
      </c>
    </row>
    <row r="39373" spans="1:7" x14ac:dyDescent="0.3">
      <c r="A39373" s="13" t="s">
        <v>233</v>
      </c>
      <c r="B39373" s="14" t="s">
        <v>1</v>
      </c>
      <c r="C39373" s="14" t="s">
        <v>70</v>
      </c>
      <c r="D39373" s="14" t="s">
        <v>234</v>
      </c>
      <c r="E39373" s="15">
        <v>45694</v>
      </c>
      <c r="F39373" s="14" t="s">
        <v>15</v>
      </c>
      <c r="G39373" s="16">
        <v>2.4323509312517531</v>
      </c>
    </row>
    <row r="39374" spans="1:7" x14ac:dyDescent="0.3">
      <c r="A39374" s="13" t="s">
        <v>233</v>
      </c>
      <c r="B39374" s="14" t="s">
        <v>1</v>
      </c>
      <c r="C39374" s="14" t="s">
        <v>70</v>
      </c>
      <c r="D39374" s="14" t="s">
        <v>234</v>
      </c>
      <c r="E39374" s="15">
        <v>45695</v>
      </c>
      <c r="F39374" s="14" t="s">
        <v>15</v>
      </c>
      <c r="G39374" s="16">
        <v>2.4382111178453645</v>
      </c>
    </row>
    <row r="39375" spans="1:7" x14ac:dyDescent="0.3">
      <c r="A39375" s="13" t="s">
        <v>233</v>
      </c>
      <c r="B39375" s="14" t="s">
        <v>1</v>
      </c>
      <c r="C39375" s="14" t="s">
        <v>70</v>
      </c>
      <c r="D39375" s="14" t="s">
        <v>234</v>
      </c>
      <c r="E39375" s="15">
        <v>45696</v>
      </c>
      <c r="F39375" s="14" t="s">
        <v>15</v>
      </c>
      <c r="G39375" s="16">
        <v>2.4382111178453645</v>
      </c>
    </row>
    <row r="39376" spans="1:7" x14ac:dyDescent="0.3">
      <c r="A39376" s="13" t="s">
        <v>233</v>
      </c>
      <c r="B39376" s="14" t="s">
        <v>1</v>
      </c>
      <c r="C39376" s="14" t="s">
        <v>70</v>
      </c>
      <c r="D39376" s="14" t="s">
        <v>234</v>
      </c>
      <c r="E39376" s="15">
        <v>45697</v>
      </c>
      <c r="F39376" s="14" t="s">
        <v>15</v>
      </c>
      <c r="G39376" s="16">
        <v>2.4382111178453645</v>
      </c>
    </row>
    <row r="39377" spans="1:7" x14ac:dyDescent="0.3">
      <c r="A39377" s="13" t="s">
        <v>233</v>
      </c>
      <c r="B39377" s="14" t="s">
        <v>1</v>
      </c>
      <c r="C39377" s="14" t="s">
        <v>70</v>
      </c>
      <c r="D39377" s="14" t="s">
        <v>234</v>
      </c>
      <c r="E39377" s="15">
        <v>45698</v>
      </c>
      <c r="F39377" s="14" t="s">
        <v>15</v>
      </c>
      <c r="G39377" s="16">
        <v>2.4418757607309423</v>
      </c>
    </row>
    <row r="39378" spans="1:7" x14ac:dyDescent="0.3">
      <c r="A39378" s="13" t="s">
        <v>233</v>
      </c>
      <c r="B39378" s="14" t="s">
        <v>1</v>
      </c>
      <c r="C39378" s="14" t="s">
        <v>70</v>
      </c>
      <c r="D39378" s="14" t="s">
        <v>234</v>
      </c>
      <c r="E39378" s="15">
        <v>45699</v>
      </c>
      <c r="F39378" s="14" t="s">
        <v>15</v>
      </c>
      <c r="G39378" s="16">
        <v>2.4535048403238076</v>
      </c>
    </row>
    <row r="39379" spans="1:7" x14ac:dyDescent="0.3">
      <c r="A39379" s="13" t="s">
        <v>233</v>
      </c>
      <c r="B39379" s="14" t="s">
        <v>1</v>
      </c>
      <c r="C39379" s="14" t="s">
        <v>70</v>
      </c>
      <c r="D39379" s="14" t="s">
        <v>234</v>
      </c>
      <c r="E39379" s="15">
        <v>45700</v>
      </c>
      <c r="F39379" s="14" t="s">
        <v>15</v>
      </c>
      <c r="G39379" s="16">
        <v>2.4571473144391796</v>
      </c>
    </row>
    <row r="39380" spans="1:7" x14ac:dyDescent="0.3">
      <c r="A39380" s="13" t="s">
        <v>233</v>
      </c>
      <c r="B39380" s="14" t="s">
        <v>1</v>
      </c>
      <c r="C39380" s="14" t="s">
        <v>70</v>
      </c>
      <c r="D39380" s="14" t="s">
        <v>234</v>
      </c>
      <c r="E39380" s="15">
        <v>45701</v>
      </c>
      <c r="F39380" s="14" t="s">
        <v>15</v>
      </c>
      <c r="G39380" s="16">
        <v>2.4676497503177943</v>
      </c>
    </row>
    <row r="39381" spans="1:7" x14ac:dyDescent="0.3">
      <c r="A39381" s="13" t="s">
        <v>233</v>
      </c>
      <c r="B39381" s="14" t="s">
        <v>1</v>
      </c>
      <c r="C39381" s="14" t="s">
        <v>70</v>
      </c>
      <c r="D39381" s="14" t="s">
        <v>234</v>
      </c>
      <c r="E39381" s="15">
        <v>45702</v>
      </c>
      <c r="F39381" s="14" t="s">
        <v>15</v>
      </c>
      <c r="G39381" s="16">
        <v>2.4814766325874751</v>
      </c>
    </row>
    <row r="39382" spans="1:7" x14ac:dyDescent="0.3">
      <c r="A39382" s="13" t="s">
        <v>233</v>
      </c>
      <c r="B39382" s="14" t="s">
        <v>1</v>
      </c>
      <c r="C39382" s="14" t="s">
        <v>70</v>
      </c>
      <c r="D39382" s="14" t="s">
        <v>234</v>
      </c>
      <c r="E39382" s="15">
        <v>45703</v>
      </c>
      <c r="F39382" s="14" t="s">
        <v>15</v>
      </c>
      <c r="G39382" s="16">
        <v>2.4814766325874751</v>
      </c>
    </row>
    <row r="39383" spans="1:7" x14ac:dyDescent="0.3">
      <c r="A39383" s="13" t="s">
        <v>233</v>
      </c>
      <c r="B39383" s="14" t="s">
        <v>1</v>
      </c>
      <c r="C39383" s="14" t="s">
        <v>70</v>
      </c>
      <c r="D39383" s="14" t="s">
        <v>234</v>
      </c>
      <c r="E39383" s="15">
        <v>45704</v>
      </c>
      <c r="F39383" s="14" t="s">
        <v>15</v>
      </c>
      <c r="G39383" s="16">
        <v>2.4814766325874751</v>
      </c>
    </row>
    <row r="39384" spans="1:7" x14ac:dyDescent="0.3">
      <c r="A39384" s="13" t="s">
        <v>233</v>
      </c>
      <c r="B39384" s="14" t="s">
        <v>1</v>
      </c>
      <c r="C39384" s="14" t="s">
        <v>70</v>
      </c>
      <c r="D39384" s="14" t="s">
        <v>234</v>
      </c>
      <c r="E39384" s="15">
        <v>45705</v>
      </c>
      <c r="F39384" s="14" t="s">
        <v>15</v>
      </c>
      <c r="G39384" s="16">
        <v>2.5277902471855587</v>
      </c>
    </row>
    <row r="39385" spans="1:7" x14ac:dyDescent="0.3">
      <c r="A39385" s="13" t="s">
        <v>233</v>
      </c>
      <c r="B39385" s="14" t="s">
        <v>1</v>
      </c>
      <c r="C39385" s="14" t="s">
        <v>70</v>
      </c>
      <c r="D39385" s="14" t="s">
        <v>234</v>
      </c>
      <c r="E39385" s="15">
        <v>45706</v>
      </c>
      <c r="F39385" s="14" t="s">
        <v>15</v>
      </c>
      <c r="G39385" s="16">
        <v>2.5385809998105735</v>
      </c>
    </row>
    <row r="39386" spans="1:7" x14ac:dyDescent="0.3">
      <c r="A39386" s="13" t="s">
        <v>233</v>
      </c>
      <c r="B39386" s="14" t="s">
        <v>1</v>
      </c>
      <c r="C39386" s="14" t="s">
        <v>70</v>
      </c>
      <c r="D39386" s="14" t="s">
        <v>234</v>
      </c>
      <c r="E39386" s="15">
        <v>45707</v>
      </c>
      <c r="F39386" s="14" t="s">
        <v>15</v>
      </c>
      <c r="G39386" s="16">
        <v>2.55489220210473</v>
      </c>
    </row>
    <row r="39387" spans="1:7" x14ac:dyDescent="0.3">
      <c r="A39387" s="13" t="s">
        <v>233</v>
      </c>
      <c r="B39387" s="14" t="s">
        <v>1</v>
      </c>
      <c r="C39387" s="14" t="s">
        <v>70</v>
      </c>
      <c r="D39387" s="14" t="s">
        <v>234</v>
      </c>
      <c r="E39387" s="15">
        <v>45708</v>
      </c>
      <c r="F39387" s="14" t="s">
        <v>15</v>
      </c>
      <c r="G39387" s="16">
        <v>2.5581753353795378</v>
      </c>
    </row>
    <row r="39388" spans="1:7" x14ac:dyDescent="0.3">
      <c r="A39388" s="13" t="s">
        <v>233</v>
      </c>
      <c r="B39388" s="14" t="s">
        <v>1</v>
      </c>
      <c r="C39388" s="14" t="s">
        <v>70</v>
      </c>
      <c r="D39388" s="14" t="s">
        <v>234</v>
      </c>
      <c r="E39388" s="15">
        <v>45709</v>
      </c>
      <c r="F39388" s="14" t="s">
        <v>15</v>
      </c>
      <c r="G39388" s="16">
        <v>2.5622355443143947</v>
      </c>
    </row>
    <row r="39389" spans="1:7" x14ac:dyDescent="0.3">
      <c r="A39389" s="13" t="s">
        <v>233</v>
      </c>
      <c r="B39389" s="14" t="s">
        <v>1</v>
      </c>
      <c r="C39389" s="14" t="s">
        <v>70</v>
      </c>
      <c r="D39389" s="14" t="s">
        <v>234</v>
      </c>
      <c r="E39389" s="15">
        <v>45710</v>
      </c>
      <c r="F39389" s="14" t="s">
        <v>15</v>
      </c>
      <c r="G39389" s="16">
        <v>2.5622355443143947</v>
      </c>
    </row>
    <row r="39390" spans="1:7" x14ac:dyDescent="0.3">
      <c r="A39390" s="13" t="s">
        <v>233</v>
      </c>
      <c r="B39390" s="14" t="s">
        <v>1</v>
      </c>
      <c r="C39390" s="14" t="s">
        <v>70</v>
      </c>
      <c r="D39390" s="14" t="s">
        <v>234</v>
      </c>
      <c r="E39390" s="15">
        <v>45711</v>
      </c>
      <c r="F39390" s="14" t="s">
        <v>15</v>
      </c>
      <c r="G39390" s="16">
        <v>2.5622355443143947</v>
      </c>
    </row>
    <row r="39391" spans="1:7" x14ac:dyDescent="0.3">
      <c r="A39391" s="13" t="s">
        <v>233</v>
      </c>
      <c r="B39391" s="14" t="s">
        <v>1</v>
      </c>
      <c r="C39391" s="14" t="s">
        <v>70</v>
      </c>
      <c r="D39391" s="14" t="s">
        <v>234</v>
      </c>
      <c r="E39391" s="15">
        <v>45712</v>
      </c>
      <c r="F39391" s="14" t="s">
        <v>15</v>
      </c>
      <c r="G39391" s="16">
        <v>2.5657647718141856</v>
      </c>
    </row>
    <row r="39392" spans="1:7" x14ac:dyDescent="0.3">
      <c r="A39392" s="13" t="s">
        <v>233</v>
      </c>
      <c r="B39392" s="14" t="s">
        <v>1</v>
      </c>
      <c r="C39392" s="14" t="s">
        <v>70</v>
      </c>
      <c r="D39392" s="14" t="s">
        <v>234</v>
      </c>
      <c r="E39392" s="15">
        <v>45713</v>
      </c>
      <c r="F39392" s="14" t="s">
        <v>15</v>
      </c>
      <c r="G39392" s="16">
        <v>2.5763519011309564</v>
      </c>
    </row>
    <row r="39393" spans="1:7" x14ac:dyDescent="0.3">
      <c r="A39393" s="13" t="s">
        <v>233</v>
      </c>
      <c r="B39393" s="14" t="s">
        <v>1</v>
      </c>
      <c r="C39393" s="14" t="s">
        <v>70</v>
      </c>
      <c r="D39393" s="14" t="s">
        <v>234</v>
      </c>
      <c r="E39393" s="15">
        <v>45714</v>
      </c>
      <c r="F39393" s="14" t="s">
        <v>15</v>
      </c>
      <c r="G39393" s="16">
        <v>2.5797990871380634</v>
      </c>
    </row>
    <row r="39394" spans="1:7" x14ac:dyDescent="0.3">
      <c r="A39394" s="13" t="s">
        <v>233</v>
      </c>
      <c r="B39394" s="14" t="s">
        <v>1</v>
      </c>
      <c r="C39394" s="14" t="s">
        <v>70</v>
      </c>
      <c r="D39394" s="14" t="s">
        <v>234</v>
      </c>
      <c r="E39394" s="15">
        <v>45715</v>
      </c>
      <c r="F39394" s="14" t="s">
        <v>15</v>
      </c>
      <c r="G39394" s="16">
        <v>2.5848949464719269</v>
      </c>
    </row>
    <row r="39395" spans="1:7" x14ac:dyDescent="0.3">
      <c r="A39395" s="13" t="s">
        <v>233</v>
      </c>
      <c r="B39395" s="14" t="s">
        <v>1</v>
      </c>
      <c r="C39395" s="14" t="s">
        <v>70</v>
      </c>
      <c r="D39395" s="14" t="s">
        <v>234</v>
      </c>
      <c r="E39395" s="15">
        <v>45716</v>
      </c>
      <c r="F39395" s="14" t="s">
        <v>15</v>
      </c>
      <c r="G39395" s="16">
        <v>2.5928089920435995</v>
      </c>
    </row>
    <row r="39396" spans="1:7" x14ac:dyDescent="0.3">
      <c r="A39396" s="13" t="s">
        <v>233</v>
      </c>
      <c r="B39396" s="14" t="s">
        <v>1</v>
      </c>
      <c r="C39396" s="14" t="s">
        <v>70</v>
      </c>
      <c r="D39396" s="14" t="s">
        <v>234</v>
      </c>
      <c r="E39396" s="15">
        <v>45717</v>
      </c>
      <c r="F39396" s="14" t="s">
        <v>15</v>
      </c>
      <c r="G39396" s="16">
        <v>2.5928089920435995</v>
      </c>
    </row>
    <row r="39397" spans="1:7" x14ac:dyDescent="0.3">
      <c r="A39397" s="13" t="s">
        <v>233</v>
      </c>
      <c r="B39397" s="14" t="s">
        <v>1</v>
      </c>
      <c r="C39397" s="14" t="s">
        <v>70</v>
      </c>
      <c r="D39397" s="14" t="s">
        <v>234</v>
      </c>
      <c r="E39397" s="15">
        <v>45718</v>
      </c>
      <c r="F39397" s="14" t="s">
        <v>15</v>
      </c>
      <c r="G39397" s="16">
        <v>2.5928089920435995</v>
      </c>
    </row>
    <row r="39398" spans="1:7" x14ac:dyDescent="0.3">
      <c r="A39398" s="13" t="s">
        <v>233</v>
      </c>
      <c r="B39398" s="14" t="s">
        <v>1</v>
      </c>
      <c r="C39398" s="14" t="s">
        <v>70</v>
      </c>
      <c r="D39398" s="14" t="s">
        <v>234</v>
      </c>
      <c r="E39398" s="15">
        <v>45719</v>
      </c>
      <c r="F39398" s="14" t="s">
        <v>15</v>
      </c>
      <c r="G39398" s="16">
        <v>2.6197004370992727</v>
      </c>
    </row>
    <row r="39399" spans="1:7" x14ac:dyDescent="0.3">
      <c r="A39399" s="13" t="s">
        <v>233</v>
      </c>
      <c r="B39399" s="14" t="s">
        <v>1</v>
      </c>
      <c r="C39399" s="14" t="s">
        <v>70</v>
      </c>
      <c r="D39399" s="14" t="s">
        <v>234</v>
      </c>
      <c r="E39399" s="15">
        <v>45720</v>
      </c>
      <c r="F39399" s="14" t="s">
        <v>15</v>
      </c>
      <c r="G39399" s="16">
        <v>2.6315691981331262</v>
      </c>
    </row>
    <row r="39400" spans="1:7" x14ac:dyDescent="0.3">
      <c r="A39400" s="13" t="s">
        <v>233</v>
      </c>
      <c r="B39400" s="14" t="s">
        <v>1</v>
      </c>
      <c r="C39400" s="14" t="s">
        <v>70</v>
      </c>
      <c r="D39400" s="14" t="s">
        <v>234</v>
      </c>
      <c r="E39400" s="15">
        <v>45721</v>
      </c>
      <c r="F39400" s="14" t="s">
        <v>15</v>
      </c>
      <c r="G39400" s="16">
        <v>2.6350554560356563</v>
      </c>
    </row>
    <row r="39401" spans="1:7" x14ac:dyDescent="0.3">
      <c r="A39401" s="13" t="s">
        <v>233</v>
      </c>
      <c r="B39401" s="14" t="s">
        <v>1</v>
      </c>
      <c r="C39401" s="14" t="s">
        <v>70</v>
      </c>
      <c r="D39401" s="14" t="s">
        <v>234</v>
      </c>
      <c r="E39401" s="15">
        <v>45722</v>
      </c>
      <c r="F39401" s="14" t="s">
        <v>15</v>
      </c>
      <c r="G39401" s="16">
        <v>2.6414009103925653</v>
      </c>
    </row>
    <row r="39402" spans="1:7" x14ac:dyDescent="0.3">
      <c r="A39402" s="13" t="s">
        <v>233</v>
      </c>
      <c r="B39402" s="14" t="s">
        <v>1</v>
      </c>
      <c r="C39402" s="14" t="s">
        <v>70</v>
      </c>
      <c r="D39402" s="14" t="s">
        <v>234</v>
      </c>
      <c r="E39402" s="15">
        <v>45723</v>
      </c>
      <c r="F39402" s="14" t="s">
        <v>15</v>
      </c>
      <c r="G39402" s="16">
        <v>2.6858006327010342</v>
      </c>
    </row>
    <row r="39403" spans="1:7" x14ac:dyDescent="0.3">
      <c r="A39403" s="13" t="s">
        <v>233</v>
      </c>
      <c r="B39403" s="14" t="s">
        <v>1</v>
      </c>
      <c r="C39403" s="14" t="s">
        <v>70</v>
      </c>
      <c r="D39403" s="14" t="s">
        <v>234</v>
      </c>
      <c r="E39403" s="15">
        <v>45724</v>
      </c>
      <c r="F39403" s="14" t="s">
        <v>15</v>
      </c>
      <c r="G39403" s="16">
        <v>2.6858006327010342</v>
      </c>
    </row>
    <row r="39404" spans="1:7" x14ac:dyDescent="0.3">
      <c r="A39404" s="13" t="s">
        <v>233</v>
      </c>
      <c r="B39404" s="14" t="s">
        <v>1</v>
      </c>
      <c r="C39404" s="14" t="s">
        <v>70</v>
      </c>
      <c r="D39404" s="14" t="s">
        <v>234</v>
      </c>
      <c r="E39404" s="15">
        <v>45725</v>
      </c>
      <c r="F39404" s="14" t="s">
        <v>15</v>
      </c>
      <c r="G39404" s="16">
        <v>2.6858006327010342</v>
      </c>
    </row>
    <row r="39405" spans="1:7" x14ac:dyDescent="0.3">
      <c r="A39405" s="13" t="s">
        <v>233</v>
      </c>
      <c r="B39405" s="14" t="s">
        <v>1</v>
      </c>
      <c r="C39405" s="14" t="s">
        <v>70</v>
      </c>
      <c r="D39405" s="14" t="s">
        <v>234</v>
      </c>
      <c r="E39405" s="15">
        <v>45726</v>
      </c>
      <c r="F39405" s="14" t="s">
        <v>15</v>
      </c>
      <c r="G39405" s="16">
        <v>2.6935578402353979</v>
      </c>
    </row>
    <row r="39406" spans="1:7" x14ac:dyDescent="0.3">
      <c r="A39406" s="13" t="s">
        <v>233</v>
      </c>
      <c r="B39406" s="14" t="s">
        <v>1</v>
      </c>
      <c r="C39406" s="14" t="s">
        <v>70</v>
      </c>
      <c r="D39406" s="14" t="s">
        <v>234</v>
      </c>
      <c r="E39406" s="15">
        <v>45727</v>
      </c>
      <c r="F39406" s="14" t="s">
        <v>15</v>
      </c>
      <c r="G39406" s="16">
        <v>2.7071914173599669</v>
      </c>
    </row>
    <row r="39407" spans="1:7" x14ac:dyDescent="0.3">
      <c r="A39407" s="13" t="s">
        <v>233</v>
      </c>
      <c r="B39407" s="14" t="s">
        <v>1</v>
      </c>
      <c r="C39407" s="14" t="s">
        <v>70</v>
      </c>
      <c r="D39407" s="14" t="s">
        <v>234</v>
      </c>
      <c r="E39407" s="15">
        <v>45728</v>
      </c>
      <c r="F39407" s="14" t="s">
        <v>15</v>
      </c>
      <c r="G39407" s="16">
        <v>2.7215177371801063</v>
      </c>
    </row>
    <row r="39408" spans="1:7" x14ac:dyDescent="0.3">
      <c r="A39408" s="13" t="s">
        <v>233</v>
      </c>
      <c r="B39408" s="14" t="s">
        <v>1</v>
      </c>
      <c r="C39408" s="14" t="s">
        <v>70</v>
      </c>
      <c r="D39408" s="14" t="s">
        <v>234</v>
      </c>
      <c r="E39408" s="15">
        <v>45729</v>
      </c>
      <c r="F39408" s="14" t="s">
        <v>15</v>
      </c>
      <c r="G39408" s="16">
        <v>2.7252361784105439</v>
      </c>
    </row>
    <row r="39409" spans="1:7" x14ac:dyDescent="0.3">
      <c r="A39409" s="13" t="s">
        <v>233</v>
      </c>
      <c r="B39409" s="14" t="s">
        <v>1</v>
      </c>
      <c r="C39409" s="14" t="s">
        <v>70</v>
      </c>
      <c r="D39409" s="14" t="s">
        <v>234</v>
      </c>
      <c r="E39409" s="15">
        <v>45730</v>
      </c>
      <c r="F39409" s="14" t="s">
        <v>15</v>
      </c>
      <c r="G39409" s="16">
        <v>2.7379366927718358</v>
      </c>
    </row>
    <row r="39410" spans="1:7" x14ac:dyDescent="0.3">
      <c r="A39410" s="13" t="s">
        <v>233</v>
      </c>
      <c r="B39410" s="14" t="s">
        <v>1</v>
      </c>
      <c r="C39410" s="14" t="s">
        <v>70</v>
      </c>
      <c r="D39410" s="14" t="s">
        <v>234</v>
      </c>
      <c r="E39410" s="15">
        <v>45731</v>
      </c>
      <c r="F39410" s="14" t="s">
        <v>15</v>
      </c>
      <c r="G39410" s="16">
        <v>2.7379366927718358</v>
      </c>
    </row>
    <row r="39411" spans="1:7" x14ac:dyDescent="0.3">
      <c r="A39411" s="13" t="s">
        <v>233</v>
      </c>
      <c r="B39411" s="14" t="s">
        <v>1</v>
      </c>
      <c r="C39411" s="14" t="s">
        <v>70</v>
      </c>
      <c r="D39411" s="14" t="s">
        <v>234</v>
      </c>
      <c r="E39411" s="15">
        <v>45732</v>
      </c>
      <c r="F39411" s="14" t="s">
        <v>15</v>
      </c>
      <c r="G39411" s="16">
        <v>2.7379366927718358</v>
      </c>
    </row>
    <row r="39412" spans="1:7" x14ac:dyDescent="0.3">
      <c r="A39412" s="13" t="s">
        <v>233</v>
      </c>
      <c r="B39412" s="14" t="s">
        <v>1</v>
      </c>
      <c r="C39412" s="14" t="s">
        <v>70</v>
      </c>
      <c r="D39412" s="14" t="s">
        <v>234</v>
      </c>
      <c r="E39412" s="15">
        <v>45733</v>
      </c>
      <c r="F39412" s="14" t="s">
        <v>15</v>
      </c>
      <c r="G39412" s="16">
        <v>2.7379366927718358</v>
      </c>
    </row>
    <row r="39413" spans="1:7" x14ac:dyDescent="0.3">
      <c r="A39413" s="13" t="s">
        <v>233</v>
      </c>
      <c r="B39413" s="14" t="s">
        <v>1</v>
      </c>
      <c r="C39413" s="14" t="s">
        <v>70</v>
      </c>
      <c r="D39413" s="14" t="s">
        <v>234</v>
      </c>
      <c r="E39413" s="15">
        <v>45734</v>
      </c>
      <c r="F39413" s="14" t="s">
        <v>15</v>
      </c>
      <c r="G39413" s="16">
        <v>2.747291518622097</v>
      </c>
    </row>
    <row r="39414" spans="1:7" x14ac:dyDescent="0.3">
      <c r="A39414" s="13" t="s">
        <v>233</v>
      </c>
      <c r="B39414" s="14" t="s">
        <v>1</v>
      </c>
      <c r="C39414" s="14" t="s">
        <v>70</v>
      </c>
      <c r="D39414" s="14" t="s">
        <v>234</v>
      </c>
      <c r="E39414" s="15">
        <v>45735</v>
      </c>
      <c r="F39414" s="14" t="s">
        <v>15</v>
      </c>
      <c r="G39414" s="16">
        <v>2.7696054896761511</v>
      </c>
    </row>
    <row r="39415" spans="1:7" x14ac:dyDescent="0.3">
      <c r="A39415" s="13" t="s">
        <v>233</v>
      </c>
      <c r="B39415" s="14" t="s">
        <v>1</v>
      </c>
      <c r="C39415" s="14" t="s">
        <v>70</v>
      </c>
      <c r="D39415" s="14" t="s">
        <v>234</v>
      </c>
      <c r="E39415" s="15">
        <v>45736</v>
      </c>
      <c r="F39415" s="14" t="s">
        <v>15</v>
      </c>
      <c r="G39415" s="16">
        <v>2.7731975003155021</v>
      </c>
    </row>
    <row r="39416" spans="1:7" x14ac:dyDescent="0.3">
      <c r="A39416" s="13" t="s">
        <v>233</v>
      </c>
      <c r="B39416" s="14" t="s">
        <v>1</v>
      </c>
      <c r="C39416" s="14" t="s">
        <v>70</v>
      </c>
      <c r="D39416" s="14" t="s">
        <v>234</v>
      </c>
      <c r="E39416" s="15">
        <v>45737</v>
      </c>
      <c r="F39416" s="14" t="s">
        <v>15</v>
      </c>
      <c r="G39416" s="16">
        <v>2.7764706358081876</v>
      </c>
    </row>
    <row r="39417" spans="1:7" x14ac:dyDescent="0.3">
      <c r="A39417" s="13" t="s">
        <v>233</v>
      </c>
      <c r="B39417" s="14" t="s">
        <v>1</v>
      </c>
      <c r="C39417" s="14" t="s">
        <v>70</v>
      </c>
      <c r="D39417" s="14" t="s">
        <v>234</v>
      </c>
      <c r="E39417" s="15">
        <v>45738</v>
      </c>
      <c r="F39417" s="14" t="s">
        <v>15</v>
      </c>
      <c r="G39417" s="16">
        <v>2.7764706358081876</v>
      </c>
    </row>
    <row r="39418" spans="1:7" x14ac:dyDescent="0.3">
      <c r="A39418" s="13" t="s">
        <v>233</v>
      </c>
      <c r="B39418" s="14" t="s">
        <v>1</v>
      </c>
      <c r="C39418" s="14" t="s">
        <v>70</v>
      </c>
      <c r="D39418" s="14" t="s">
        <v>234</v>
      </c>
      <c r="E39418" s="15">
        <v>45739</v>
      </c>
      <c r="F39418" s="14" t="s">
        <v>15</v>
      </c>
      <c r="G39418" s="16">
        <v>2.7764706358081876</v>
      </c>
    </row>
    <row r="39419" spans="1:7" x14ac:dyDescent="0.3">
      <c r="A39419" s="13" t="s">
        <v>233</v>
      </c>
      <c r="B39419" s="14" t="s">
        <v>1</v>
      </c>
      <c r="C39419" s="14" t="s">
        <v>70</v>
      </c>
      <c r="D39419" s="14" t="s">
        <v>234</v>
      </c>
      <c r="E39419" s="15">
        <v>45740</v>
      </c>
      <c r="F39419" s="14" t="s">
        <v>15</v>
      </c>
      <c r="G39419" s="16">
        <v>2.780114388162132</v>
      </c>
    </row>
    <row r="39420" spans="1:7" x14ac:dyDescent="0.3">
      <c r="A39420" s="13" t="s">
        <v>233</v>
      </c>
      <c r="B39420" s="14" t="s">
        <v>1</v>
      </c>
      <c r="C39420" s="14" t="s">
        <v>70</v>
      </c>
      <c r="D39420" s="14" t="s">
        <v>234</v>
      </c>
      <c r="E39420" s="15">
        <v>45741</v>
      </c>
      <c r="F39420" s="14" t="s">
        <v>15</v>
      </c>
      <c r="G39420" s="16">
        <v>2.7911022710052187</v>
      </c>
    </row>
    <row r="39421" spans="1:7" x14ac:dyDescent="0.3">
      <c r="A39421" s="13" t="s">
        <v>233</v>
      </c>
      <c r="B39421" s="14" t="s">
        <v>1</v>
      </c>
      <c r="C39421" s="14" t="s">
        <v>70</v>
      </c>
      <c r="D39421" s="14" t="s">
        <v>234</v>
      </c>
      <c r="E39421" s="15">
        <v>45742</v>
      </c>
      <c r="F39421" s="14" t="s">
        <v>15</v>
      </c>
      <c r="G39421" s="16">
        <v>2.794683644779079</v>
      </c>
    </row>
    <row r="39422" spans="1:7" x14ac:dyDescent="0.3">
      <c r="A39422" s="13" t="s">
        <v>233</v>
      </c>
      <c r="B39422" s="14" t="s">
        <v>1</v>
      </c>
      <c r="C39422" s="14" t="s">
        <v>70</v>
      </c>
      <c r="D39422" s="14" t="s">
        <v>234</v>
      </c>
      <c r="E39422" s="15">
        <v>45743</v>
      </c>
      <c r="F39422" s="14" t="s">
        <v>15</v>
      </c>
      <c r="G39422" s="16">
        <v>2.8054033170391577</v>
      </c>
    </row>
    <row r="39423" spans="1:7" x14ac:dyDescent="0.3">
      <c r="A39423" s="13" t="s">
        <v>233</v>
      </c>
      <c r="B39423" s="14" t="s">
        <v>1</v>
      </c>
      <c r="C39423" s="14" t="s">
        <v>70</v>
      </c>
      <c r="D39423" s="14" t="s">
        <v>234</v>
      </c>
      <c r="E39423" s="15">
        <v>45744</v>
      </c>
      <c r="F39423" s="14" t="s">
        <v>15</v>
      </c>
      <c r="G39423" s="16">
        <v>2.8996269997629884</v>
      </c>
    </row>
    <row r="39424" spans="1:7" x14ac:dyDescent="0.3">
      <c r="A39424" s="13" t="s">
        <v>233</v>
      </c>
      <c r="B39424" s="14" t="s">
        <v>1</v>
      </c>
      <c r="C39424" s="14" t="s">
        <v>70</v>
      </c>
      <c r="D39424" s="14" t="s">
        <v>234</v>
      </c>
      <c r="E39424" s="15">
        <v>45745</v>
      </c>
      <c r="F39424" s="14" t="s">
        <v>15</v>
      </c>
      <c r="G39424" s="16">
        <v>2.8996269997629884</v>
      </c>
    </row>
    <row r="39425" spans="1:7" x14ac:dyDescent="0.3">
      <c r="A39425" s="13" t="s">
        <v>233</v>
      </c>
      <c r="B39425" s="14" t="s">
        <v>1</v>
      </c>
      <c r="C39425" s="14" t="s">
        <v>70</v>
      </c>
      <c r="D39425" s="14" t="s">
        <v>234</v>
      </c>
      <c r="E39425" s="15">
        <v>45746</v>
      </c>
      <c r="F39425" s="14" t="s">
        <v>15</v>
      </c>
      <c r="G39425" s="16">
        <v>2.8996269997629884</v>
      </c>
    </row>
    <row r="39426" spans="1:7" x14ac:dyDescent="0.3">
      <c r="A39426" s="13" t="s">
        <v>233</v>
      </c>
      <c r="B39426" s="14" t="s">
        <v>1</v>
      </c>
      <c r="C39426" s="14" t="s">
        <v>70</v>
      </c>
      <c r="D39426" s="14" t="s">
        <v>234</v>
      </c>
      <c r="E39426" s="15">
        <v>45747</v>
      </c>
      <c r="F39426" s="14" t="s">
        <v>15</v>
      </c>
      <c r="G39426" s="16">
        <v>2.9470199490624402</v>
      </c>
    </row>
    <row r="39427" spans="1:7" x14ac:dyDescent="0.3">
      <c r="A39427" s="13" t="s">
        <v>235</v>
      </c>
      <c r="B39427" s="14" t="s">
        <v>1</v>
      </c>
      <c r="C39427" s="14" t="s">
        <v>47</v>
      </c>
      <c r="D39427" s="14" t="s">
        <v>236</v>
      </c>
      <c r="E39427" s="15">
        <v>45383</v>
      </c>
      <c r="F39427" s="14" t="s">
        <v>61</v>
      </c>
      <c r="G39427" s="16">
        <v>0</v>
      </c>
    </row>
    <row r="39428" spans="1:7" x14ac:dyDescent="0.3">
      <c r="A39428" s="13" t="s">
        <v>235</v>
      </c>
      <c r="B39428" s="14" t="s">
        <v>1</v>
      </c>
      <c r="C39428" s="14" t="s">
        <v>47</v>
      </c>
      <c r="D39428" s="14" t="s">
        <v>236</v>
      </c>
      <c r="E39428" s="15">
        <v>45384</v>
      </c>
      <c r="F39428" s="14" t="s">
        <v>61</v>
      </c>
      <c r="G39428" s="16">
        <v>0</v>
      </c>
    </row>
    <row r="39429" spans="1:7" x14ac:dyDescent="0.3">
      <c r="A39429" s="13" t="s">
        <v>235</v>
      </c>
      <c r="B39429" s="14" t="s">
        <v>1</v>
      </c>
      <c r="C39429" s="14" t="s">
        <v>47</v>
      </c>
      <c r="D39429" s="14" t="s">
        <v>236</v>
      </c>
      <c r="E39429" s="15">
        <v>45385</v>
      </c>
      <c r="F39429" s="14" t="s">
        <v>61</v>
      </c>
      <c r="G39429" s="16">
        <v>0</v>
      </c>
    </row>
    <row r="39430" spans="1:7" x14ac:dyDescent="0.3">
      <c r="A39430" s="13" t="s">
        <v>235</v>
      </c>
      <c r="B39430" s="14" t="s">
        <v>1</v>
      </c>
      <c r="C39430" s="14" t="s">
        <v>47</v>
      </c>
      <c r="D39430" s="14" t="s">
        <v>236</v>
      </c>
      <c r="E39430" s="15">
        <v>45386</v>
      </c>
      <c r="F39430" s="14" t="s">
        <v>61</v>
      </c>
      <c r="G39430" s="16">
        <v>0</v>
      </c>
    </row>
    <row r="39431" spans="1:7" x14ac:dyDescent="0.3">
      <c r="A39431" s="13" t="s">
        <v>235</v>
      </c>
      <c r="B39431" s="14" t="s">
        <v>1</v>
      </c>
      <c r="C39431" s="14" t="s">
        <v>47</v>
      </c>
      <c r="D39431" s="14" t="s">
        <v>236</v>
      </c>
      <c r="E39431" s="15">
        <v>45387</v>
      </c>
      <c r="F39431" s="14" t="s">
        <v>61</v>
      </c>
      <c r="G39431" s="16">
        <v>0</v>
      </c>
    </row>
    <row r="39432" spans="1:7" x14ac:dyDescent="0.3">
      <c r="A39432" s="13" t="s">
        <v>235</v>
      </c>
      <c r="B39432" s="14" t="s">
        <v>1</v>
      </c>
      <c r="C39432" s="14" t="s">
        <v>47</v>
      </c>
      <c r="D39432" s="14" t="s">
        <v>236</v>
      </c>
      <c r="E39432" s="15">
        <v>45388</v>
      </c>
      <c r="F39432" s="14" t="s">
        <v>61</v>
      </c>
      <c r="G39432" s="16">
        <v>0</v>
      </c>
    </row>
    <row r="39433" spans="1:7" x14ac:dyDescent="0.3">
      <c r="A39433" s="13" t="s">
        <v>235</v>
      </c>
      <c r="B39433" s="14" t="s">
        <v>1</v>
      </c>
      <c r="C39433" s="14" t="s">
        <v>47</v>
      </c>
      <c r="D39433" s="14" t="s">
        <v>236</v>
      </c>
      <c r="E39433" s="15">
        <v>45389</v>
      </c>
      <c r="F39433" s="14" t="s">
        <v>61</v>
      </c>
      <c r="G39433" s="16">
        <v>0</v>
      </c>
    </row>
    <row r="39434" spans="1:7" x14ac:dyDescent="0.3">
      <c r="A39434" s="13" t="s">
        <v>235</v>
      </c>
      <c r="B39434" s="14" t="s">
        <v>1</v>
      </c>
      <c r="C39434" s="14" t="s">
        <v>47</v>
      </c>
      <c r="D39434" s="14" t="s">
        <v>236</v>
      </c>
      <c r="E39434" s="15">
        <v>45390</v>
      </c>
      <c r="F39434" s="14" t="s">
        <v>61</v>
      </c>
      <c r="G39434" s="16">
        <v>0</v>
      </c>
    </row>
    <row r="39435" spans="1:7" x14ac:dyDescent="0.3">
      <c r="A39435" s="13" t="s">
        <v>235</v>
      </c>
      <c r="B39435" s="14" t="s">
        <v>1</v>
      </c>
      <c r="C39435" s="14" t="s">
        <v>47</v>
      </c>
      <c r="D39435" s="14" t="s">
        <v>236</v>
      </c>
      <c r="E39435" s="15">
        <v>45391</v>
      </c>
      <c r="F39435" s="14" t="s">
        <v>61</v>
      </c>
      <c r="G39435" s="16">
        <v>0</v>
      </c>
    </row>
    <row r="39436" spans="1:7" x14ac:dyDescent="0.3">
      <c r="A39436" s="13" t="s">
        <v>235</v>
      </c>
      <c r="B39436" s="14" t="s">
        <v>1</v>
      </c>
      <c r="C39436" s="14" t="s">
        <v>47</v>
      </c>
      <c r="D39436" s="14" t="s">
        <v>236</v>
      </c>
      <c r="E39436" s="15">
        <v>45392</v>
      </c>
      <c r="F39436" s="14" t="s">
        <v>61</v>
      </c>
      <c r="G39436" s="16">
        <v>0</v>
      </c>
    </row>
    <row r="39437" spans="1:7" x14ac:dyDescent="0.3">
      <c r="A39437" s="13" t="s">
        <v>235</v>
      </c>
      <c r="B39437" s="14" t="s">
        <v>1</v>
      </c>
      <c r="C39437" s="14" t="s">
        <v>47</v>
      </c>
      <c r="D39437" s="14" t="s">
        <v>236</v>
      </c>
      <c r="E39437" s="15">
        <v>45393</v>
      </c>
      <c r="F39437" s="14" t="s">
        <v>61</v>
      </c>
      <c r="G39437" s="16">
        <v>0</v>
      </c>
    </row>
    <row r="39438" spans="1:7" x14ac:dyDescent="0.3">
      <c r="A39438" s="13" t="s">
        <v>235</v>
      </c>
      <c r="B39438" s="14" t="s">
        <v>1</v>
      </c>
      <c r="C39438" s="14" t="s">
        <v>47</v>
      </c>
      <c r="D39438" s="14" t="s">
        <v>236</v>
      </c>
      <c r="E39438" s="15">
        <v>45394</v>
      </c>
      <c r="F39438" s="14" t="s">
        <v>61</v>
      </c>
      <c r="G39438" s="16">
        <v>0</v>
      </c>
    </row>
    <row r="39439" spans="1:7" x14ac:dyDescent="0.3">
      <c r="A39439" s="13" t="s">
        <v>235</v>
      </c>
      <c r="B39439" s="14" t="s">
        <v>1</v>
      </c>
      <c r="C39439" s="14" t="s">
        <v>47</v>
      </c>
      <c r="D39439" s="14" t="s">
        <v>236</v>
      </c>
      <c r="E39439" s="15">
        <v>45395</v>
      </c>
      <c r="F39439" s="14" t="s">
        <v>61</v>
      </c>
      <c r="G39439" s="16">
        <v>0</v>
      </c>
    </row>
    <row r="39440" spans="1:7" x14ac:dyDescent="0.3">
      <c r="A39440" s="13" t="s">
        <v>235</v>
      </c>
      <c r="B39440" s="14" t="s">
        <v>1</v>
      </c>
      <c r="C39440" s="14" t="s">
        <v>47</v>
      </c>
      <c r="D39440" s="14" t="s">
        <v>236</v>
      </c>
      <c r="E39440" s="15">
        <v>45396</v>
      </c>
      <c r="F39440" s="14" t="s">
        <v>61</v>
      </c>
      <c r="G39440" s="16">
        <v>0</v>
      </c>
    </row>
    <row r="39441" spans="1:7" x14ac:dyDescent="0.3">
      <c r="A39441" s="13" t="s">
        <v>235</v>
      </c>
      <c r="B39441" s="14" t="s">
        <v>1</v>
      </c>
      <c r="C39441" s="14" t="s">
        <v>47</v>
      </c>
      <c r="D39441" s="14" t="s">
        <v>236</v>
      </c>
      <c r="E39441" s="15">
        <v>45397</v>
      </c>
      <c r="F39441" s="14" t="s">
        <v>61</v>
      </c>
      <c r="G39441" s="16">
        <v>0</v>
      </c>
    </row>
    <row r="39442" spans="1:7" x14ac:dyDescent="0.3">
      <c r="A39442" s="13" t="s">
        <v>235</v>
      </c>
      <c r="B39442" s="14" t="s">
        <v>1</v>
      </c>
      <c r="C39442" s="14" t="s">
        <v>47</v>
      </c>
      <c r="D39442" s="14" t="s">
        <v>236</v>
      </c>
      <c r="E39442" s="15">
        <v>45398</v>
      </c>
      <c r="F39442" s="14" t="s">
        <v>61</v>
      </c>
      <c r="G39442" s="16">
        <v>0</v>
      </c>
    </row>
    <row r="39443" spans="1:7" x14ac:dyDescent="0.3">
      <c r="A39443" s="13" t="s">
        <v>235</v>
      </c>
      <c r="B39443" s="14" t="s">
        <v>1</v>
      </c>
      <c r="C39443" s="14" t="s">
        <v>47</v>
      </c>
      <c r="D39443" s="14" t="s">
        <v>236</v>
      </c>
      <c r="E39443" s="15">
        <v>45399</v>
      </c>
      <c r="F39443" s="14" t="s">
        <v>61</v>
      </c>
      <c r="G39443" s="16">
        <v>0</v>
      </c>
    </row>
    <row r="39444" spans="1:7" x14ac:dyDescent="0.3">
      <c r="A39444" s="13" t="s">
        <v>235</v>
      </c>
      <c r="B39444" s="14" t="s">
        <v>1</v>
      </c>
      <c r="C39444" s="14" t="s">
        <v>47</v>
      </c>
      <c r="D39444" s="14" t="s">
        <v>236</v>
      </c>
      <c r="E39444" s="15">
        <v>45400</v>
      </c>
      <c r="F39444" s="14" t="s">
        <v>61</v>
      </c>
      <c r="G39444" s="16">
        <v>0</v>
      </c>
    </row>
    <row r="39445" spans="1:7" x14ac:dyDescent="0.3">
      <c r="A39445" s="13" t="s">
        <v>235</v>
      </c>
      <c r="B39445" s="14" t="s">
        <v>1</v>
      </c>
      <c r="C39445" s="14" t="s">
        <v>47</v>
      </c>
      <c r="D39445" s="14" t="s">
        <v>236</v>
      </c>
      <c r="E39445" s="15">
        <v>45401</v>
      </c>
      <c r="F39445" s="14" t="s">
        <v>61</v>
      </c>
      <c r="G39445" s="16">
        <v>0</v>
      </c>
    </row>
    <row r="39446" spans="1:7" x14ac:dyDescent="0.3">
      <c r="A39446" s="13" t="s">
        <v>235</v>
      </c>
      <c r="B39446" s="14" t="s">
        <v>1</v>
      </c>
      <c r="C39446" s="14" t="s">
        <v>47</v>
      </c>
      <c r="D39446" s="14" t="s">
        <v>236</v>
      </c>
      <c r="E39446" s="15">
        <v>45402</v>
      </c>
      <c r="F39446" s="14" t="s">
        <v>61</v>
      </c>
      <c r="G39446" s="16">
        <v>0</v>
      </c>
    </row>
    <row r="39447" spans="1:7" x14ac:dyDescent="0.3">
      <c r="A39447" s="13" t="s">
        <v>235</v>
      </c>
      <c r="B39447" s="14" t="s">
        <v>1</v>
      </c>
      <c r="C39447" s="14" t="s">
        <v>47</v>
      </c>
      <c r="D39447" s="14" t="s">
        <v>236</v>
      </c>
      <c r="E39447" s="15">
        <v>45403</v>
      </c>
      <c r="F39447" s="14" t="s">
        <v>61</v>
      </c>
      <c r="G39447" s="16">
        <v>0</v>
      </c>
    </row>
    <row r="39448" spans="1:7" x14ac:dyDescent="0.3">
      <c r="A39448" s="13" t="s">
        <v>235</v>
      </c>
      <c r="B39448" s="14" t="s">
        <v>1</v>
      </c>
      <c r="C39448" s="14" t="s">
        <v>47</v>
      </c>
      <c r="D39448" s="14" t="s">
        <v>236</v>
      </c>
      <c r="E39448" s="15">
        <v>45404</v>
      </c>
      <c r="F39448" s="14" t="s">
        <v>61</v>
      </c>
      <c r="G39448" s="16">
        <v>0</v>
      </c>
    </row>
    <row r="39449" spans="1:7" x14ac:dyDescent="0.3">
      <c r="A39449" s="13" t="s">
        <v>235</v>
      </c>
      <c r="B39449" s="14" t="s">
        <v>1</v>
      </c>
      <c r="C39449" s="14" t="s">
        <v>47</v>
      </c>
      <c r="D39449" s="14" t="s">
        <v>236</v>
      </c>
      <c r="E39449" s="15">
        <v>45405</v>
      </c>
      <c r="F39449" s="14" t="s">
        <v>61</v>
      </c>
      <c r="G39449" s="16">
        <v>0</v>
      </c>
    </row>
    <row r="39450" spans="1:7" x14ac:dyDescent="0.3">
      <c r="A39450" s="13" t="s">
        <v>235</v>
      </c>
      <c r="B39450" s="14" t="s">
        <v>1</v>
      </c>
      <c r="C39450" s="14" t="s">
        <v>47</v>
      </c>
      <c r="D39450" s="14" t="s">
        <v>236</v>
      </c>
      <c r="E39450" s="15">
        <v>45406</v>
      </c>
      <c r="F39450" s="14" t="s">
        <v>61</v>
      </c>
      <c r="G39450" s="16">
        <v>0</v>
      </c>
    </row>
    <row r="39451" spans="1:7" x14ac:dyDescent="0.3">
      <c r="A39451" s="13" t="s">
        <v>235</v>
      </c>
      <c r="B39451" s="14" t="s">
        <v>1</v>
      </c>
      <c r="C39451" s="14" t="s">
        <v>47</v>
      </c>
      <c r="D39451" s="14" t="s">
        <v>236</v>
      </c>
      <c r="E39451" s="15">
        <v>45407</v>
      </c>
      <c r="F39451" s="14" t="s">
        <v>61</v>
      </c>
      <c r="G39451" s="16">
        <v>0</v>
      </c>
    </row>
    <row r="39452" spans="1:7" x14ac:dyDescent="0.3">
      <c r="A39452" s="13" t="s">
        <v>235</v>
      </c>
      <c r="B39452" s="14" t="s">
        <v>1</v>
      </c>
      <c r="C39452" s="14" t="s">
        <v>47</v>
      </c>
      <c r="D39452" s="14" t="s">
        <v>236</v>
      </c>
      <c r="E39452" s="15">
        <v>45408</v>
      </c>
      <c r="F39452" s="14" t="s">
        <v>61</v>
      </c>
      <c r="G39452" s="16">
        <v>0</v>
      </c>
    </row>
    <row r="39453" spans="1:7" x14ac:dyDescent="0.3">
      <c r="A39453" s="13" t="s">
        <v>235</v>
      </c>
      <c r="B39453" s="14" t="s">
        <v>1</v>
      </c>
      <c r="C39453" s="14" t="s">
        <v>47</v>
      </c>
      <c r="D39453" s="14" t="s">
        <v>236</v>
      </c>
      <c r="E39453" s="15">
        <v>45409</v>
      </c>
      <c r="F39453" s="14" t="s">
        <v>61</v>
      </c>
      <c r="G39453" s="16">
        <v>0</v>
      </c>
    </row>
    <row r="39454" spans="1:7" x14ac:dyDescent="0.3">
      <c r="A39454" s="13" t="s">
        <v>235</v>
      </c>
      <c r="B39454" s="14" t="s">
        <v>1</v>
      </c>
      <c r="C39454" s="14" t="s">
        <v>47</v>
      </c>
      <c r="D39454" s="14" t="s">
        <v>236</v>
      </c>
      <c r="E39454" s="15">
        <v>45410</v>
      </c>
      <c r="F39454" s="14" t="s">
        <v>61</v>
      </c>
      <c r="G39454" s="16">
        <v>0</v>
      </c>
    </row>
    <row r="39455" spans="1:7" x14ac:dyDescent="0.3">
      <c r="A39455" s="13" t="s">
        <v>235</v>
      </c>
      <c r="B39455" s="14" t="s">
        <v>1</v>
      </c>
      <c r="C39455" s="14" t="s">
        <v>47</v>
      </c>
      <c r="D39455" s="14" t="s">
        <v>236</v>
      </c>
      <c r="E39455" s="15">
        <v>45411</v>
      </c>
      <c r="F39455" s="14" t="s">
        <v>61</v>
      </c>
      <c r="G39455" s="16">
        <v>0</v>
      </c>
    </row>
    <row r="39456" spans="1:7" x14ac:dyDescent="0.3">
      <c r="A39456" s="13" t="s">
        <v>235</v>
      </c>
      <c r="B39456" s="14" t="s">
        <v>1</v>
      </c>
      <c r="C39456" s="14" t="s">
        <v>47</v>
      </c>
      <c r="D39456" s="14" t="s">
        <v>236</v>
      </c>
      <c r="E39456" s="15">
        <v>45412</v>
      </c>
      <c r="F39456" s="14" t="s">
        <v>61</v>
      </c>
      <c r="G39456" s="16">
        <v>0</v>
      </c>
    </row>
    <row r="39457" spans="1:7" x14ac:dyDescent="0.3">
      <c r="A39457" s="13" t="s">
        <v>235</v>
      </c>
      <c r="B39457" s="14" t="s">
        <v>1</v>
      </c>
      <c r="C39457" s="14" t="s">
        <v>47</v>
      </c>
      <c r="D39457" s="14" t="s">
        <v>236</v>
      </c>
      <c r="E39457" s="15">
        <v>45413</v>
      </c>
      <c r="F39457" s="14" t="s">
        <v>61</v>
      </c>
      <c r="G39457" s="16">
        <v>5.882482370139816E-3</v>
      </c>
    </row>
    <row r="39458" spans="1:7" x14ac:dyDescent="0.3">
      <c r="A39458" s="13" t="s">
        <v>235</v>
      </c>
      <c r="B39458" s="14" t="s">
        <v>1</v>
      </c>
      <c r="C39458" s="14" t="s">
        <v>47</v>
      </c>
      <c r="D39458" s="14" t="s">
        <v>236</v>
      </c>
      <c r="E39458" s="15">
        <v>45414</v>
      </c>
      <c r="F39458" s="14" t="s">
        <v>61</v>
      </c>
      <c r="G39458" s="16">
        <v>6.7533994536198702E-3</v>
      </c>
    </row>
    <row r="39459" spans="1:7" x14ac:dyDescent="0.3">
      <c r="A39459" s="13" t="s">
        <v>235</v>
      </c>
      <c r="B39459" s="14" t="s">
        <v>1</v>
      </c>
      <c r="C39459" s="14" t="s">
        <v>47</v>
      </c>
      <c r="D39459" s="14" t="s">
        <v>236</v>
      </c>
      <c r="E39459" s="15">
        <v>45415</v>
      </c>
      <c r="F39459" s="14" t="s">
        <v>61</v>
      </c>
      <c r="G39459" s="16">
        <v>7.3607483210863071E-3</v>
      </c>
    </row>
    <row r="39460" spans="1:7" x14ac:dyDescent="0.3">
      <c r="A39460" s="13" t="s">
        <v>235</v>
      </c>
      <c r="B39460" s="14" t="s">
        <v>1</v>
      </c>
      <c r="C39460" s="14" t="s">
        <v>47</v>
      </c>
      <c r="D39460" s="14" t="s">
        <v>236</v>
      </c>
      <c r="E39460" s="15">
        <v>45416</v>
      </c>
      <c r="F39460" s="14" t="s">
        <v>61</v>
      </c>
      <c r="G39460" s="16">
        <v>7.3607483210863071E-3</v>
      </c>
    </row>
    <row r="39461" spans="1:7" x14ac:dyDescent="0.3">
      <c r="A39461" s="13" t="s">
        <v>235</v>
      </c>
      <c r="B39461" s="14" t="s">
        <v>1</v>
      </c>
      <c r="C39461" s="14" t="s">
        <v>47</v>
      </c>
      <c r="D39461" s="14" t="s">
        <v>236</v>
      </c>
      <c r="E39461" s="15">
        <v>45417</v>
      </c>
      <c r="F39461" s="14" t="s">
        <v>61</v>
      </c>
      <c r="G39461" s="16">
        <v>7.3607483210863071E-3</v>
      </c>
    </row>
    <row r="39462" spans="1:7" x14ac:dyDescent="0.3">
      <c r="A39462" s="13" t="s">
        <v>235</v>
      </c>
      <c r="B39462" s="14" t="s">
        <v>1</v>
      </c>
      <c r="C39462" s="14" t="s">
        <v>47</v>
      </c>
      <c r="D39462" s="14" t="s">
        <v>236</v>
      </c>
      <c r="E39462" s="15">
        <v>45418</v>
      </c>
      <c r="F39462" s="14" t="s">
        <v>61</v>
      </c>
      <c r="G39462" s="16">
        <v>7.3607483210863071E-3</v>
      </c>
    </row>
    <row r="39463" spans="1:7" x14ac:dyDescent="0.3">
      <c r="A39463" s="13" t="s">
        <v>235</v>
      </c>
      <c r="B39463" s="14" t="s">
        <v>1</v>
      </c>
      <c r="C39463" s="14" t="s">
        <v>47</v>
      </c>
      <c r="D39463" s="14" t="s">
        <v>236</v>
      </c>
      <c r="E39463" s="15">
        <v>45419</v>
      </c>
      <c r="F39463" s="14" t="s">
        <v>61</v>
      </c>
      <c r="G39463" s="16">
        <v>5.3001255119305537E-3</v>
      </c>
    </row>
    <row r="39464" spans="1:7" x14ac:dyDescent="0.3">
      <c r="A39464" s="13" t="s">
        <v>235</v>
      </c>
      <c r="B39464" s="14" t="s">
        <v>1</v>
      </c>
      <c r="C39464" s="14" t="s">
        <v>47</v>
      </c>
      <c r="D39464" s="14" t="s">
        <v>236</v>
      </c>
      <c r="E39464" s="15">
        <v>45420</v>
      </c>
      <c r="F39464" s="14" t="s">
        <v>61</v>
      </c>
      <c r="G39464" s="16">
        <v>0</v>
      </c>
    </row>
    <row r="39465" spans="1:7" x14ac:dyDescent="0.3">
      <c r="A39465" s="13" t="s">
        <v>235</v>
      </c>
      <c r="B39465" s="14" t="s">
        <v>1</v>
      </c>
      <c r="C39465" s="14" t="s">
        <v>47</v>
      </c>
      <c r="D39465" s="14" t="s">
        <v>236</v>
      </c>
      <c r="E39465" s="15">
        <v>45421</v>
      </c>
      <c r="F39465" s="14" t="s">
        <v>61</v>
      </c>
      <c r="G39465" s="16">
        <v>0</v>
      </c>
    </row>
    <row r="39466" spans="1:7" x14ac:dyDescent="0.3">
      <c r="A39466" s="13" t="s">
        <v>235</v>
      </c>
      <c r="B39466" s="14" t="s">
        <v>1</v>
      </c>
      <c r="C39466" s="14" t="s">
        <v>47</v>
      </c>
      <c r="D39466" s="14" t="s">
        <v>236</v>
      </c>
      <c r="E39466" s="15">
        <v>45422</v>
      </c>
      <c r="F39466" s="14" t="s">
        <v>61</v>
      </c>
      <c r="G39466" s="16">
        <v>0</v>
      </c>
    </row>
    <row r="39467" spans="1:7" x14ac:dyDescent="0.3">
      <c r="A39467" s="13" t="s">
        <v>235</v>
      </c>
      <c r="B39467" s="14" t="s">
        <v>1</v>
      </c>
      <c r="C39467" s="14" t="s">
        <v>47</v>
      </c>
      <c r="D39467" s="14" t="s">
        <v>236</v>
      </c>
      <c r="E39467" s="15">
        <v>45423</v>
      </c>
      <c r="F39467" s="14" t="s">
        <v>61</v>
      </c>
      <c r="G39467" s="16">
        <v>0</v>
      </c>
    </row>
    <row r="39468" spans="1:7" x14ac:dyDescent="0.3">
      <c r="A39468" s="13" t="s">
        <v>235</v>
      </c>
      <c r="B39468" s="14" t="s">
        <v>1</v>
      </c>
      <c r="C39468" s="14" t="s">
        <v>47</v>
      </c>
      <c r="D39468" s="14" t="s">
        <v>236</v>
      </c>
      <c r="E39468" s="15">
        <v>45424</v>
      </c>
      <c r="F39468" s="14" t="s">
        <v>61</v>
      </c>
      <c r="G39468" s="16">
        <v>0</v>
      </c>
    </row>
    <row r="39469" spans="1:7" x14ac:dyDescent="0.3">
      <c r="A39469" s="13" t="s">
        <v>235</v>
      </c>
      <c r="B39469" s="14" t="s">
        <v>1</v>
      </c>
      <c r="C39469" s="14" t="s">
        <v>47</v>
      </c>
      <c r="D39469" s="14" t="s">
        <v>236</v>
      </c>
      <c r="E39469" s="15">
        <v>45425</v>
      </c>
      <c r="F39469" s="14" t="s">
        <v>61</v>
      </c>
      <c r="G39469" s="16">
        <v>0</v>
      </c>
    </row>
    <row r="39470" spans="1:7" x14ac:dyDescent="0.3">
      <c r="A39470" s="13" t="s">
        <v>235</v>
      </c>
      <c r="B39470" s="14" t="s">
        <v>1</v>
      </c>
      <c r="C39470" s="14" t="s">
        <v>47</v>
      </c>
      <c r="D39470" s="14" t="s">
        <v>236</v>
      </c>
      <c r="E39470" s="15">
        <v>45426</v>
      </c>
      <c r="F39470" s="14" t="s">
        <v>61</v>
      </c>
      <c r="G39470" s="16">
        <v>0</v>
      </c>
    </row>
    <row r="39471" spans="1:7" x14ac:dyDescent="0.3">
      <c r="A39471" s="13" t="s">
        <v>235</v>
      </c>
      <c r="B39471" s="14" t="s">
        <v>1</v>
      </c>
      <c r="C39471" s="14" t="s">
        <v>47</v>
      </c>
      <c r="D39471" s="14" t="s">
        <v>236</v>
      </c>
      <c r="E39471" s="15">
        <v>45427</v>
      </c>
      <c r="F39471" s="14" t="s">
        <v>61</v>
      </c>
      <c r="G39471" s="16">
        <v>0</v>
      </c>
    </row>
    <row r="39472" spans="1:7" x14ac:dyDescent="0.3">
      <c r="A39472" s="13" t="s">
        <v>235</v>
      </c>
      <c r="B39472" s="14" t="s">
        <v>1</v>
      </c>
      <c r="C39472" s="14" t="s">
        <v>47</v>
      </c>
      <c r="D39472" s="14" t="s">
        <v>236</v>
      </c>
      <c r="E39472" s="15">
        <v>45428</v>
      </c>
      <c r="F39472" s="14" t="s">
        <v>61</v>
      </c>
      <c r="G39472" s="16">
        <v>0</v>
      </c>
    </row>
    <row r="39473" spans="1:7" x14ac:dyDescent="0.3">
      <c r="A39473" s="13" t="s">
        <v>235</v>
      </c>
      <c r="B39473" s="14" t="s">
        <v>1</v>
      </c>
      <c r="C39473" s="14" t="s">
        <v>47</v>
      </c>
      <c r="D39473" s="14" t="s">
        <v>236</v>
      </c>
      <c r="E39473" s="15">
        <v>45429</v>
      </c>
      <c r="F39473" s="14" t="s">
        <v>61</v>
      </c>
      <c r="G39473" s="16">
        <v>1.0465539174011062E-2</v>
      </c>
    </row>
    <row r="39474" spans="1:7" x14ac:dyDescent="0.3">
      <c r="A39474" s="13" t="s">
        <v>235</v>
      </c>
      <c r="B39474" s="14" t="s">
        <v>1</v>
      </c>
      <c r="C39474" s="14" t="s">
        <v>47</v>
      </c>
      <c r="D39474" s="14" t="s">
        <v>236</v>
      </c>
      <c r="E39474" s="15">
        <v>45430</v>
      </c>
      <c r="F39474" s="14" t="s">
        <v>61</v>
      </c>
      <c r="G39474" s="16">
        <v>1.0465539174011062E-2</v>
      </c>
    </row>
    <row r="39475" spans="1:7" x14ac:dyDescent="0.3">
      <c r="A39475" s="13" t="s">
        <v>235</v>
      </c>
      <c r="B39475" s="14" t="s">
        <v>1</v>
      </c>
      <c r="C39475" s="14" t="s">
        <v>47</v>
      </c>
      <c r="D39475" s="14" t="s">
        <v>236</v>
      </c>
      <c r="E39475" s="15">
        <v>45431</v>
      </c>
      <c r="F39475" s="14" t="s">
        <v>61</v>
      </c>
      <c r="G39475" s="16">
        <v>1.0465539174011062E-2</v>
      </c>
    </row>
    <row r="39476" spans="1:7" x14ac:dyDescent="0.3">
      <c r="A39476" s="13" t="s">
        <v>235</v>
      </c>
      <c r="B39476" s="14" t="s">
        <v>1</v>
      </c>
      <c r="C39476" s="14" t="s">
        <v>47</v>
      </c>
      <c r="D39476" s="14" t="s">
        <v>236</v>
      </c>
      <c r="E39476" s="15">
        <v>45432</v>
      </c>
      <c r="F39476" s="14" t="s">
        <v>61</v>
      </c>
      <c r="G39476" s="16">
        <v>8.3058477520195888E-3</v>
      </c>
    </row>
    <row r="39477" spans="1:7" x14ac:dyDescent="0.3">
      <c r="A39477" s="13" t="s">
        <v>235</v>
      </c>
      <c r="B39477" s="14" t="s">
        <v>1</v>
      </c>
      <c r="C39477" s="14" t="s">
        <v>47</v>
      </c>
      <c r="D39477" s="14" t="s">
        <v>236</v>
      </c>
      <c r="E39477" s="15">
        <v>45433</v>
      </c>
      <c r="F39477" s="14" t="s">
        <v>61</v>
      </c>
      <c r="G39477" s="16">
        <v>1.5494376685808661E-2</v>
      </c>
    </row>
    <row r="39478" spans="1:7" x14ac:dyDescent="0.3">
      <c r="A39478" s="13" t="s">
        <v>235</v>
      </c>
      <c r="B39478" s="14" t="s">
        <v>1</v>
      </c>
      <c r="C39478" s="14" t="s">
        <v>47</v>
      </c>
      <c r="D39478" s="14" t="s">
        <v>236</v>
      </c>
      <c r="E39478" s="15">
        <v>45434</v>
      </c>
      <c r="F39478" s="14" t="s">
        <v>61</v>
      </c>
      <c r="G39478" s="16">
        <v>6.7328430795315808E-2</v>
      </c>
    </row>
    <row r="39479" spans="1:7" x14ac:dyDescent="0.3">
      <c r="A39479" s="13" t="s">
        <v>235</v>
      </c>
      <c r="B39479" s="14" t="s">
        <v>1</v>
      </c>
      <c r="C39479" s="14" t="s">
        <v>47</v>
      </c>
      <c r="D39479" s="14" t="s">
        <v>236</v>
      </c>
      <c r="E39479" s="15">
        <v>45435</v>
      </c>
      <c r="F39479" s="14" t="s">
        <v>61</v>
      </c>
      <c r="G39479" s="16">
        <v>6.5206233055518481E-2</v>
      </c>
    </row>
    <row r="39480" spans="1:7" x14ac:dyDescent="0.3">
      <c r="A39480" s="13" t="s">
        <v>235</v>
      </c>
      <c r="B39480" s="14" t="s">
        <v>1</v>
      </c>
      <c r="C39480" s="14" t="s">
        <v>47</v>
      </c>
      <c r="D39480" s="14" t="s">
        <v>236</v>
      </c>
      <c r="E39480" s="15">
        <v>45436</v>
      </c>
      <c r="F39480" s="14" t="s">
        <v>61</v>
      </c>
      <c r="G39480" s="16">
        <v>6.2809073842667651E-2</v>
      </c>
    </row>
    <row r="39481" spans="1:7" x14ac:dyDescent="0.3">
      <c r="A39481" s="13" t="s">
        <v>235</v>
      </c>
      <c r="B39481" s="14" t="s">
        <v>1</v>
      </c>
      <c r="C39481" s="14" t="s">
        <v>47</v>
      </c>
      <c r="D39481" s="14" t="s">
        <v>236</v>
      </c>
      <c r="E39481" s="15">
        <v>45437</v>
      </c>
      <c r="F39481" s="14" t="s">
        <v>61</v>
      </c>
      <c r="G39481" s="16">
        <v>6.2809073842667651E-2</v>
      </c>
    </row>
    <row r="39482" spans="1:7" x14ac:dyDescent="0.3">
      <c r="A39482" s="13" t="s">
        <v>235</v>
      </c>
      <c r="B39482" s="14" t="s">
        <v>1</v>
      </c>
      <c r="C39482" s="14" t="s">
        <v>47</v>
      </c>
      <c r="D39482" s="14" t="s">
        <v>236</v>
      </c>
      <c r="E39482" s="15">
        <v>45438</v>
      </c>
      <c r="F39482" s="14" t="s">
        <v>61</v>
      </c>
      <c r="G39482" s="16">
        <v>6.2809073842667651E-2</v>
      </c>
    </row>
    <row r="39483" spans="1:7" x14ac:dyDescent="0.3">
      <c r="A39483" s="13" t="s">
        <v>235</v>
      </c>
      <c r="B39483" s="14" t="s">
        <v>1</v>
      </c>
      <c r="C39483" s="14" t="s">
        <v>47</v>
      </c>
      <c r="D39483" s="14" t="s">
        <v>236</v>
      </c>
      <c r="E39483" s="15">
        <v>45439</v>
      </c>
      <c r="F39483" s="14" t="s">
        <v>61</v>
      </c>
      <c r="G39483" s="16">
        <v>6.2809073842667651E-2</v>
      </c>
    </row>
    <row r="39484" spans="1:7" x14ac:dyDescent="0.3">
      <c r="A39484" s="13" t="s">
        <v>235</v>
      </c>
      <c r="B39484" s="14" t="s">
        <v>1</v>
      </c>
      <c r="C39484" s="14" t="s">
        <v>47</v>
      </c>
      <c r="D39484" s="14" t="s">
        <v>236</v>
      </c>
      <c r="E39484" s="15">
        <v>45440</v>
      </c>
      <c r="F39484" s="14" t="s">
        <v>61</v>
      </c>
      <c r="G39484" s="16">
        <v>6.0559080773242777E-2</v>
      </c>
    </row>
    <row r="39485" spans="1:7" x14ac:dyDescent="0.3">
      <c r="A39485" s="13" t="s">
        <v>235</v>
      </c>
      <c r="B39485" s="14" t="s">
        <v>1</v>
      </c>
      <c r="C39485" s="14" t="s">
        <v>47</v>
      </c>
      <c r="D39485" s="14" t="s">
        <v>236</v>
      </c>
      <c r="E39485" s="15">
        <v>45441</v>
      </c>
      <c r="F39485" s="14" t="s">
        <v>61</v>
      </c>
      <c r="G39485" s="16">
        <v>0.10960894816427919</v>
      </c>
    </row>
    <row r="39486" spans="1:7" x14ac:dyDescent="0.3">
      <c r="A39486" s="13" t="s">
        <v>235</v>
      </c>
      <c r="B39486" s="14" t="s">
        <v>1</v>
      </c>
      <c r="C39486" s="14" t="s">
        <v>47</v>
      </c>
      <c r="D39486" s="14" t="s">
        <v>236</v>
      </c>
      <c r="E39486" s="15">
        <v>45442</v>
      </c>
      <c r="F39486" s="14" t="s">
        <v>61</v>
      </c>
      <c r="G39486" s="16">
        <v>0.12750837559403894</v>
      </c>
    </row>
    <row r="39487" spans="1:7" x14ac:dyDescent="0.3">
      <c r="A39487" s="13" t="s">
        <v>235</v>
      </c>
      <c r="B39487" s="14" t="s">
        <v>1</v>
      </c>
      <c r="C39487" s="14" t="s">
        <v>47</v>
      </c>
      <c r="D39487" s="14" t="s">
        <v>236</v>
      </c>
      <c r="E39487" s="15">
        <v>45443</v>
      </c>
      <c r="F39487" s="14" t="s">
        <v>61</v>
      </c>
      <c r="G39487" s="16">
        <v>0.12520062280389677</v>
      </c>
    </row>
    <row r="39488" spans="1:7" x14ac:dyDescent="0.3">
      <c r="A39488" s="13" t="s">
        <v>235</v>
      </c>
      <c r="B39488" s="14" t="s">
        <v>1</v>
      </c>
      <c r="C39488" s="14" t="s">
        <v>47</v>
      </c>
      <c r="D39488" s="14" t="s">
        <v>236</v>
      </c>
      <c r="E39488" s="15">
        <v>45444</v>
      </c>
      <c r="F39488" s="14" t="s">
        <v>61</v>
      </c>
      <c r="G39488" s="16">
        <v>0.12520062280389677</v>
      </c>
    </row>
    <row r="39489" spans="1:7" x14ac:dyDescent="0.3">
      <c r="A39489" s="13" t="s">
        <v>235</v>
      </c>
      <c r="B39489" s="14" t="s">
        <v>1</v>
      </c>
      <c r="C39489" s="14" t="s">
        <v>47</v>
      </c>
      <c r="D39489" s="14" t="s">
        <v>236</v>
      </c>
      <c r="E39489" s="15">
        <v>45445</v>
      </c>
      <c r="F39489" s="14" t="s">
        <v>61</v>
      </c>
      <c r="G39489" s="16">
        <v>0.12520062280389677</v>
      </c>
    </row>
    <row r="39490" spans="1:7" x14ac:dyDescent="0.3">
      <c r="A39490" s="13" t="s">
        <v>235</v>
      </c>
      <c r="B39490" s="14" t="s">
        <v>1</v>
      </c>
      <c r="C39490" s="14" t="s">
        <v>47</v>
      </c>
      <c r="D39490" s="14" t="s">
        <v>236</v>
      </c>
      <c r="E39490" s="15">
        <v>45446</v>
      </c>
      <c r="F39490" s="14" t="s">
        <v>61</v>
      </c>
      <c r="G39490" s="16">
        <v>0.12520062280389677</v>
      </c>
    </row>
    <row r="39491" spans="1:7" x14ac:dyDescent="0.3">
      <c r="A39491" s="13" t="s">
        <v>235</v>
      </c>
      <c r="B39491" s="14" t="s">
        <v>1</v>
      </c>
      <c r="C39491" s="14" t="s">
        <v>47</v>
      </c>
      <c r="D39491" s="14" t="s">
        <v>236</v>
      </c>
      <c r="E39491" s="15">
        <v>45447</v>
      </c>
      <c r="F39491" s="14" t="s">
        <v>61</v>
      </c>
      <c r="G39491" s="16">
        <v>0.15195860386069604</v>
      </c>
    </row>
    <row r="39492" spans="1:7" x14ac:dyDescent="0.3">
      <c r="A39492" s="13" t="s">
        <v>235</v>
      </c>
      <c r="B39492" s="14" t="s">
        <v>1</v>
      </c>
      <c r="C39492" s="14" t="s">
        <v>47</v>
      </c>
      <c r="D39492" s="14" t="s">
        <v>236</v>
      </c>
      <c r="E39492" s="15">
        <v>45448</v>
      </c>
      <c r="F39492" s="14" t="s">
        <v>61</v>
      </c>
      <c r="G39492" s="16">
        <v>0.17304472111222702</v>
      </c>
    </row>
    <row r="39493" spans="1:7" x14ac:dyDescent="0.3">
      <c r="A39493" s="13" t="s">
        <v>235</v>
      </c>
      <c r="B39493" s="14" t="s">
        <v>1</v>
      </c>
      <c r="C39493" s="14" t="s">
        <v>47</v>
      </c>
      <c r="D39493" s="14" t="s">
        <v>236</v>
      </c>
      <c r="E39493" s="15">
        <v>45449</v>
      </c>
      <c r="F39493" s="14" t="s">
        <v>61</v>
      </c>
      <c r="G39493" s="16">
        <v>0.1705537706571548</v>
      </c>
    </row>
    <row r="39494" spans="1:7" x14ac:dyDescent="0.3">
      <c r="A39494" s="13" t="s">
        <v>235</v>
      </c>
      <c r="B39494" s="14" t="s">
        <v>1</v>
      </c>
      <c r="C39494" s="14" t="s">
        <v>47</v>
      </c>
      <c r="D39494" s="14" t="s">
        <v>236</v>
      </c>
      <c r="E39494" s="15">
        <v>45450</v>
      </c>
      <c r="F39494" s="14" t="s">
        <v>61</v>
      </c>
      <c r="G39494" s="16">
        <v>0.16973286329140302</v>
      </c>
    </row>
    <row r="39495" spans="1:7" x14ac:dyDescent="0.3">
      <c r="A39495" s="13" t="s">
        <v>235</v>
      </c>
      <c r="B39495" s="14" t="s">
        <v>1</v>
      </c>
      <c r="C39495" s="14" t="s">
        <v>47</v>
      </c>
      <c r="D39495" s="14" t="s">
        <v>236</v>
      </c>
      <c r="E39495" s="15">
        <v>45451</v>
      </c>
      <c r="F39495" s="14" t="s">
        <v>61</v>
      </c>
      <c r="G39495" s="16">
        <v>0.16973286329140302</v>
      </c>
    </row>
    <row r="39496" spans="1:7" x14ac:dyDescent="0.3">
      <c r="A39496" s="13" t="s">
        <v>235</v>
      </c>
      <c r="B39496" s="14" t="s">
        <v>1</v>
      </c>
      <c r="C39496" s="14" t="s">
        <v>47</v>
      </c>
      <c r="D39496" s="14" t="s">
        <v>236</v>
      </c>
      <c r="E39496" s="15">
        <v>45452</v>
      </c>
      <c r="F39496" s="14" t="s">
        <v>61</v>
      </c>
      <c r="G39496" s="16">
        <v>0.16973286329140302</v>
      </c>
    </row>
    <row r="39497" spans="1:7" x14ac:dyDescent="0.3">
      <c r="A39497" s="13" t="s">
        <v>235</v>
      </c>
      <c r="B39497" s="14" t="s">
        <v>1</v>
      </c>
      <c r="C39497" s="14" t="s">
        <v>47</v>
      </c>
      <c r="D39497" s="14" t="s">
        <v>236</v>
      </c>
      <c r="E39497" s="15">
        <v>45453</v>
      </c>
      <c r="F39497" s="14" t="s">
        <v>61</v>
      </c>
      <c r="G39497" s="16">
        <v>0.16810945300666505</v>
      </c>
    </row>
    <row r="39498" spans="1:7" x14ac:dyDescent="0.3">
      <c r="A39498" s="13" t="s">
        <v>235</v>
      </c>
      <c r="B39498" s="14" t="s">
        <v>1</v>
      </c>
      <c r="C39498" s="14" t="s">
        <v>47</v>
      </c>
      <c r="D39498" s="14" t="s">
        <v>236</v>
      </c>
      <c r="E39498" s="15">
        <v>45454</v>
      </c>
      <c r="F39498" s="14" t="s">
        <v>61</v>
      </c>
      <c r="G39498" s="16">
        <v>0.1619048587463372</v>
      </c>
    </row>
    <row r="39499" spans="1:7" x14ac:dyDescent="0.3">
      <c r="A39499" s="13" t="s">
        <v>235</v>
      </c>
      <c r="B39499" s="14" t="s">
        <v>1</v>
      </c>
      <c r="C39499" s="14" t="s">
        <v>47</v>
      </c>
      <c r="D39499" s="14" t="s">
        <v>236</v>
      </c>
      <c r="E39499" s="15">
        <v>45455</v>
      </c>
      <c r="F39499" s="14" t="s">
        <v>61</v>
      </c>
      <c r="G39499" s="16">
        <v>0.15866638359025137</v>
      </c>
    </row>
    <row r="39500" spans="1:7" x14ac:dyDescent="0.3">
      <c r="A39500" s="13" t="s">
        <v>235</v>
      </c>
      <c r="B39500" s="14" t="s">
        <v>1</v>
      </c>
      <c r="C39500" s="14" t="s">
        <v>47</v>
      </c>
      <c r="D39500" s="14" t="s">
        <v>236</v>
      </c>
      <c r="E39500" s="15">
        <v>45456</v>
      </c>
      <c r="F39500" s="14" t="s">
        <v>61</v>
      </c>
      <c r="G39500" s="16">
        <v>0.19109946066232653</v>
      </c>
    </row>
    <row r="39501" spans="1:7" x14ac:dyDescent="0.3">
      <c r="A39501" s="13" t="s">
        <v>235</v>
      </c>
      <c r="B39501" s="14" t="s">
        <v>1</v>
      </c>
      <c r="C39501" s="14" t="s">
        <v>47</v>
      </c>
      <c r="D39501" s="14" t="s">
        <v>236</v>
      </c>
      <c r="E39501" s="15">
        <v>45457</v>
      </c>
      <c r="F39501" s="14" t="s">
        <v>61</v>
      </c>
      <c r="G39501" s="16">
        <v>0.19625744641765011</v>
      </c>
    </row>
    <row r="39502" spans="1:7" x14ac:dyDescent="0.3">
      <c r="A39502" s="13" t="s">
        <v>235</v>
      </c>
      <c r="B39502" s="14" t="s">
        <v>1</v>
      </c>
      <c r="C39502" s="14" t="s">
        <v>47</v>
      </c>
      <c r="D39502" s="14" t="s">
        <v>236</v>
      </c>
      <c r="E39502" s="15">
        <v>45458</v>
      </c>
      <c r="F39502" s="14" t="s">
        <v>61</v>
      </c>
      <c r="G39502" s="16">
        <v>0.19625744641765011</v>
      </c>
    </row>
    <row r="39503" spans="1:7" x14ac:dyDescent="0.3">
      <c r="A39503" s="13" t="s">
        <v>235</v>
      </c>
      <c r="B39503" s="14" t="s">
        <v>1</v>
      </c>
      <c r="C39503" s="14" t="s">
        <v>47</v>
      </c>
      <c r="D39503" s="14" t="s">
        <v>236</v>
      </c>
      <c r="E39503" s="15">
        <v>45459</v>
      </c>
      <c r="F39503" s="14" t="s">
        <v>61</v>
      </c>
      <c r="G39503" s="16">
        <v>0.19625744641765011</v>
      </c>
    </row>
    <row r="39504" spans="1:7" x14ac:dyDescent="0.3">
      <c r="A39504" s="13" t="s">
        <v>235</v>
      </c>
      <c r="B39504" s="14" t="s">
        <v>1</v>
      </c>
      <c r="C39504" s="14" t="s">
        <v>47</v>
      </c>
      <c r="D39504" s="14" t="s">
        <v>236</v>
      </c>
      <c r="E39504" s="15">
        <v>45460</v>
      </c>
      <c r="F39504" s="14" t="s">
        <v>61</v>
      </c>
      <c r="G39504" s="16">
        <v>0.19465097831273712</v>
      </c>
    </row>
    <row r="39505" spans="1:7" x14ac:dyDescent="0.3">
      <c r="A39505" s="13" t="s">
        <v>235</v>
      </c>
      <c r="B39505" s="14" t="s">
        <v>1</v>
      </c>
      <c r="C39505" s="14" t="s">
        <v>47</v>
      </c>
      <c r="D39505" s="14" t="s">
        <v>236</v>
      </c>
      <c r="E39505" s="15">
        <v>45461</v>
      </c>
      <c r="F39505" s="14" t="s">
        <v>61</v>
      </c>
      <c r="G39505" s="16">
        <v>0.19600866243675058</v>
      </c>
    </row>
    <row r="39506" spans="1:7" x14ac:dyDescent="0.3">
      <c r="A39506" s="13" t="s">
        <v>235</v>
      </c>
      <c r="B39506" s="14" t="s">
        <v>1</v>
      </c>
      <c r="C39506" s="14" t="s">
        <v>47</v>
      </c>
      <c r="D39506" s="14" t="s">
        <v>236</v>
      </c>
      <c r="E39506" s="15">
        <v>45462</v>
      </c>
      <c r="F39506" s="14" t="s">
        <v>61</v>
      </c>
      <c r="G39506" s="16">
        <v>0.19600866243675058</v>
      </c>
    </row>
    <row r="39507" spans="1:7" x14ac:dyDescent="0.3">
      <c r="A39507" s="13" t="s">
        <v>235</v>
      </c>
      <c r="B39507" s="14" t="s">
        <v>1</v>
      </c>
      <c r="C39507" s="14" t="s">
        <v>47</v>
      </c>
      <c r="D39507" s="14" t="s">
        <v>236</v>
      </c>
      <c r="E39507" s="15">
        <v>45463</v>
      </c>
      <c r="F39507" s="14" t="s">
        <v>61</v>
      </c>
      <c r="G39507" s="16">
        <v>0.23660805254092479</v>
      </c>
    </row>
    <row r="39508" spans="1:7" x14ac:dyDescent="0.3">
      <c r="A39508" s="13" t="s">
        <v>235</v>
      </c>
      <c r="B39508" s="14" t="s">
        <v>1</v>
      </c>
      <c r="C39508" s="14" t="s">
        <v>47</v>
      </c>
      <c r="D39508" s="14" t="s">
        <v>236</v>
      </c>
      <c r="E39508" s="15">
        <v>45464</v>
      </c>
      <c r="F39508" s="14" t="s">
        <v>61</v>
      </c>
      <c r="G39508" s="16">
        <v>0.23236851638748157</v>
      </c>
    </row>
    <row r="39509" spans="1:7" x14ac:dyDescent="0.3">
      <c r="A39509" s="13" t="s">
        <v>235</v>
      </c>
      <c r="B39509" s="14" t="s">
        <v>1</v>
      </c>
      <c r="C39509" s="14" t="s">
        <v>47</v>
      </c>
      <c r="D39509" s="14" t="s">
        <v>236</v>
      </c>
      <c r="E39509" s="15">
        <v>45465</v>
      </c>
      <c r="F39509" s="14" t="s">
        <v>61</v>
      </c>
      <c r="G39509" s="16">
        <v>0.23236851638748157</v>
      </c>
    </row>
    <row r="39510" spans="1:7" x14ac:dyDescent="0.3">
      <c r="A39510" s="13" t="s">
        <v>235</v>
      </c>
      <c r="B39510" s="14" t="s">
        <v>1</v>
      </c>
      <c r="C39510" s="14" t="s">
        <v>47</v>
      </c>
      <c r="D39510" s="14" t="s">
        <v>236</v>
      </c>
      <c r="E39510" s="15">
        <v>45466</v>
      </c>
      <c r="F39510" s="14" t="s">
        <v>61</v>
      </c>
      <c r="G39510" s="16">
        <v>0.23236851638748157</v>
      </c>
    </row>
    <row r="39511" spans="1:7" x14ac:dyDescent="0.3">
      <c r="A39511" s="13" t="s">
        <v>235</v>
      </c>
      <c r="B39511" s="14" t="s">
        <v>1</v>
      </c>
      <c r="C39511" s="14" t="s">
        <v>47</v>
      </c>
      <c r="D39511" s="14" t="s">
        <v>236</v>
      </c>
      <c r="E39511" s="15">
        <v>45467</v>
      </c>
      <c r="F39511" s="14" t="s">
        <v>61</v>
      </c>
      <c r="G39511" s="16">
        <v>0.23254876834520161</v>
      </c>
    </row>
    <row r="39512" spans="1:7" x14ac:dyDescent="0.3">
      <c r="A39512" s="13" t="s">
        <v>235</v>
      </c>
      <c r="B39512" s="14" t="s">
        <v>1</v>
      </c>
      <c r="C39512" s="14" t="s">
        <v>47</v>
      </c>
      <c r="D39512" s="14" t="s">
        <v>236</v>
      </c>
      <c r="E39512" s="15">
        <v>45468</v>
      </c>
      <c r="F39512" s="14" t="s">
        <v>61</v>
      </c>
      <c r="G39512" s="16">
        <v>0.22972566341653294</v>
      </c>
    </row>
    <row r="39513" spans="1:7" x14ac:dyDescent="0.3">
      <c r="A39513" s="13" t="s">
        <v>235</v>
      </c>
      <c r="B39513" s="14" t="s">
        <v>1</v>
      </c>
      <c r="C39513" s="14" t="s">
        <v>47</v>
      </c>
      <c r="D39513" s="14" t="s">
        <v>236</v>
      </c>
      <c r="E39513" s="15">
        <v>45469</v>
      </c>
      <c r="F39513" s="14" t="s">
        <v>61</v>
      </c>
      <c r="G39513" s="16">
        <v>0.22830587647087089</v>
      </c>
    </row>
    <row r="39514" spans="1:7" x14ac:dyDescent="0.3">
      <c r="A39514" s="13" t="s">
        <v>235</v>
      </c>
      <c r="B39514" s="14" t="s">
        <v>1</v>
      </c>
      <c r="C39514" s="14" t="s">
        <v>47</v>
      </c>
      <c r="D39514" s="14" t="s">
        <v>236</v>
      </c>
      <c r="E39514" s="15">
        <v>45470</v>
      </c>
      <c r="F39514" s="14" t="s">
        <v>61</v>
      </c>
      <c r="G39514" s="16">
        <v>0.22564511397400305</v>
      </c>
    </row>
    <row r="39515" spans="1:7" x14ac:dyDescent="0.3">
      <c r="A39515" s="13" t="s">
        <v>235</v>
      </c>
      <c r="B39515" s="14" t="s">
        <v>1</v>
      </c>
      <c r="C39515" s="14" t="s">
        <v>47</v>
      </c>
      <c r="D39515" s="14" t="s">
        <v>236</v>
      </c>
      <c r="E39515" s="15">
        <v>45471</v>
      </c>
      <c r="F39515" s="14" t="s">
        <v>61</v>
      </c>
      <c r="G39515" s="16">
        <v>0.22326131942942795</v>
      </c>
    </row>
    <row r="39516" spans="1:7" x14ac:dyDescent="0.3">
      <c r="A39516" s="13" t="s">
        <v>235</v>
      </c>
      <c r="B39516" s="14" t="s">
        <v>1</v>
      </c>
      <c r="C39516" s="14" t="s">
        <v>47</v>
      </c>
      <c r="D39516" s="14" t="s">
        <v>236</v>
      </c>
      <c r="E39516" s="15">
        <v>45472</v>
      </c>
      <c r="F39516" s="14" t="s">
        <v>61</v>
      </c>
      <c r="G39516" s="16">
        <v>0.22326131942942795</v>
      </c>
    </row>
    <row r="39517" spans="1:7" x14ac:dyDescent="0.3">
      <c r="A39517" s="13" t="s">
        <v>235</v>
      </c>
      <c r="B39517" s="14" t="s">
        <v>1</v>
      </c>
      <c r="C39517" s="14" t="s">
        <v>47</v>
      </c>
      <c r="D39517" s="14" t="s">
        <v>236</v>
      </c>
      <c r="E39517" s="15">
        <v>45473</v>
      </c>
      <c r="F39517" s="14" t="s">
        <v>61</v>
      </c>
      <c r="G39517" s="16">
        <v>0.22326131942942795</v>
      </c>
    </row>
    <row r="39518" spans="1:7" x14ac:dyDescent="0.3">
      <c r="A39518" s="13" t="s">
        <v>235</v>
      </c>
      <c r="B39518" s="14" t="s">
        <v>1</v>
      </c>
      <c r="C39518" s="14" t="s">
        <v>47</v>
      </c>
      <c r="D39518" s="14" t="s">
        <v>236</v>
      </c>
      <c r="E39518" s="15">
        <v>45474</v>
      </c>
      <c r="F39518" s="14" t="s">
        <v>61</v>
      </c>
      <c r="G39518" s="16">
        <v>0.23031333372763746</v>
      </c>
    </row>
    <row r="39519" spans="1:7" x14ac:dyDescent="0.3">
      <c r="A39519" s="13" t="s">
        <v>235</v>
      </c>
      <c r="B39519" s="14" t="s">
        <v>1</v>
      </c>
      <c r="C39519" s="14" t="s">
        <v>47</v>
      </c>
      <c r="D39519" s="14" t="s">
        <v>236</v>
      </c>
      <c r="E39519" s="15">
        <v>45475</v>
      </c>
      <c r="F39519" s="14" t="s">
        <v>61</v>
      </c>
      <c r="G39519" s="16">
        <v>0.22517440143144965</v>
      </c>
    </row>
    <row r="39520" spans="1:7" x14ac:dyDescent="0.3">
      <c r="A39520" s="13" t="s">
        <v>235</v>
      </c>
      <c r="B39520" s="14" t="s">
        <v>1</v>
      </c>
      <c r="C39520" s="14" t="s">
        <v>47</v>
      </c>
      <c r="D39520" s="14" t="s">
        <v>236</v>
      </c>
      <c r="E39520" s="15">
        <v>45476</v>
      </c>
      <c r="F39520" s="14" t="s">
        <v>61</v>
      </c>
      <c r="G39520" s="16">
        <v>0.23400140996669008</v>
      </c>
    </row>
    <row r="39521" spans="1:7" x14ac:dyDescent="0.3">
      <c r="A39521" s="13" t="s">
        <v>235</v>
      </c>
      <c r="B39521" s="14" t="s">
        <v>1</v>
      </c>
      <c r="C39521" s="14" t="s">
        <v>47</v>
      </c>
      <c r="D39521" s="14" t="s">
        <v>236</v>
      </c>
      <c r="E39521" s="15">
        <v>45477</v>
      </c>
      <c r="F39521" s="14" t="s">
        <v>61</v>
      </c>
      <c r="G39521" s="16">
        <v>0.23400140996669008</v>
      </c>
    </row>
    <row r="39522" spans="1:7" x14ac:dyDescent="0.3">
      <c r="A39522" s="13" t="s">
        <v>235</v>
      </c>
      <c r="B39522" s="14" t="s">
        <v>1</v>
      </c>
      <c r="C39522" s="14" t="s">
        <v>47</v>
      </c>
      <c r="D39522" s="14" t="s">
        <v>236</v>
      </c>
      <c r="E39522" s="15">
        <v>45478</v>
      </c>
      <c r="F39522" s="14" t="s">
        <v>61</v>
      </c>
      <c r="G39522" s="16">
        <v>0.23074690783312482</v>
      </c>
    </row>
    <row r="39523" spans="1:7" x14ac:dyDescent="0.3">
      <c r="A39523" s="13" t="s">
        <v>235</v>
      </c>
      <c r="B39523" s="14" t="s">
        <v>1</v>
      </c>
      <c r="C39523" s="14" t="s">
        <v>47</v>
      </c>
      <c r="D39523" s="14" t="s">
        <v>236</v>
      </c>
      <c r="E39523" s="15">
        <v>45479</v>
      </c>
      <c r="F39523" s="14" t="s">
        <v>61</v>
      </c>
      <c r="G39523" s="16">
        <v>0.23074690783312482</v>
      </c>
    </row>
    <row r="39524" spans="1:7" x14ac:dyDescent="0.3">
      <c r="A39524" s="13" t="s">
        <v>235</v>
      </c>
      <c r="B39524" s="14" t="s">
        <v>1</v>
      </c>
      <c r="C39524" s="14" t="s">
        <v>47</v>
      </c>
      <c r="D39524" s="14" t="s">
        <v>236</v>
      </c>
      <c r="E39524" s="15">
        <v>45480</v>
      </c>
      <c r="F39524" s="14" t="s">
        <v>61</v>
      </c>
      <c r="G39524" s="16">
        <v>0.23074690783312482</v>
      </c>
    </row>
    <row r="39525" spans="1:7" x14ac:dyDescent="0.3">
      <c r="A39525" s="13" t="s">
        <v>235</v>
      </c>
      <c r="B39525" s="14" t="s">
        <v>1</v>
      </c>
      <c r="C39525" s="14" t="s">
        <v>47</v>
      </c>
      <c r="D39525" s="14" t="s">
        <v>236</v>
      </c>
      <c r="E39525" s="15">
        <v>45481</v>
      </c>
      <c r="F39525" s="14" t="s">
        <v>61</v>
      </c>
      <c r="G39525" s="16">
        <v>0.22673262927736296</v>
      </c>
    </row>
    <row r="39526" spans="1:7" x14ac:dyDescent="0.3">
      <c r="A39526" s="13" t="s">
        <v>235</v>
      </c>
      <c r="B39526" s="14" t="s">
        <v>1</v>
      </c>
      <c r="C39526" s="14" t="s">
        <v>47</v>
      </c>
      <c r="D39526" s="14" t="s">
        <v>236</v>
      </c>
      <c r="E39526" s="15">
        <v>45482</v>
      </c>
      <c r="F39526" s="14" t="s">
        <v>61</v>
      </c>
      <c r="G39526" s="16">
        <v>0.22044781668764649</v>
      </c>
    </row>
    <row r="39527" spans="1:7" x14ac:dyDescent="0.3">
      <c r="A39527" s="13" t="s">
        <v>235</v>
      </c>
      <c r="B39527" s="14" t="s">
        <v>1</v>
      </c>
      <c r="C39527" s="14" t="s">
        <v>47</v>
      </c>
      <c r="D39527" s="14" t="s">
        <v>236</v>
      </c>
      <c r="E39527" s="15">
        <v>45483</v>
      </c>
      <c r="F39527" s="14" t="s">
        <v>61</v>
      </c>
      <c r="G39527" s="16">
        <v>0.21795227977945361</v>
      </c>
    </row>
    <row r="39528" spans="1:7" x14ac:dyDescent="0.3">
      <c r="A39528" s="13" t="s">
        <v>235</v>
      </c>
      <c r="B39528" s="14" t="s">
        <v>1</v>
      </c>
      <c r="C39528" s="14" t="s">
        <v>47</v>
      </c>
      <c r="D39528" s="14" t="s">
        <v>236</v>
      </c>
      <c r="E39528" s="15">
        <v>45484</v>
      </c>
      <c r="F39528" s="14" t="s">
        <v>61</v>
      </c>
      <c r="G39528" s="16">
        <v>0.21501310412542174</v>
      </c>
    </row>
    <row r="39529" spans="1:7" x14ac:dyDescent="0.3">
      <c r="A39529" s="13" t="s">
        <v>235</v>
      </c>
      <c r="B39529" s="14" t="s">
        <v>1</v>
      </c>
      <c r="C39529" s="14" t="s">
        <v>47</v>
      </c>
      <c r="D39529" s="14" t="s">
        <v>236</v>
      </c>
      <c r="E39529" s="15">
        <v>45485</v>
      </c>
      <c r="F39529" s="14" t="s">
        <v>61</v>
      </c>
      <c r="G39529" s="16">
        <v>0.21205774537369312</v>
      </c>
    </row>
    <row r="39530" spans="1:7" x14ac:dyDescent="0.3">
      <c r="A39530" s="13" t="s">
        <v>235</v>
      </c>
      <c r="B39530" s="14" t="s">
        <v>1</v>
      </c>
      <c r="C39530" s="14" t="s">
        <v>47</v>
      </c>
      <c r="D39530" s="14" t="s">
        <v>236</v>
      </c>
      <c r="E39530" s="15">
        <v>45486</v>
      </c>
      <c r="F39530" s="14" t="s">
        <v>61</v>
      </c>
      <c r="G39530" s="16">
        <v>0.21205774537369312</v>
      </c>
    </row>
    <row r="39531" spans="1:7" x14ac:dyDescent="0.3">
      <c r="A39531" s="13" t="s">
        <v>235</v>
      </c>
      <c r="B39531" s="14" t="s">
        <v>1</v>
      </c>
      <c r="C39531" s="14" t="s">
        <v>47</v>
      </c>
      <c r="D39531" s="14" t="s">
        <v>236</v>
      </c>
      <c r="E39531" s="15">
        <v>45487</v>
      </c>
      <c r="F39531" s="14" t="s">
        <v>61</v>
      </c>
      <c r="G39531" s="16">
        <v>0.21205774537369312</v>
      </c>
    </row>
    <row r="39532" spans="1:7" x14ac:dyDescent="0.3">
      <c r="A39532" s="13" t="s">
        <v>235</v>
      </c>
      <c r="B39532" s="14" t="s">
        <v>1</v>
      </c>
      <c r="C39532" s="14" t="s">
        <v>47</v>
      </c>
      <c r="D39532" s="14" t="s">
        <v>236</v>
      </c>
      <c r="E39532" s="15">
        <v>45488</v>
      </c>
      <c r="F39532" s="14" t="s">
        <v>61</v>
      </c>
      <c r="G39532" s="16">
        <v>0.21346630147730894</v>
      </c>
    </row>
    <row r="39533" spans="1:7" x14ac:dyDescent="0.3">
      <c r="A39533" s="13" t="s">
        <v>235</v>
      </c>
      <c r="B39533" s="14" t="s">
        <v>1</v>
      </c>
      <c r="C39533" s="14" t="s">
        <v>47</v>
      </c>
      <c r="D39533" s="14" t="s">
        <v>236</v>
      </c>
      <c r="E39533" s="15">
        <v>45489</v>
      </c>
      <c r="F39533" s="14" t="s">
        <v>61</v>
      </c>
      <c r="G39533" s="16">
        <v>0.20664307774548824</v>
      </c>
    </row>
    <row r="39534" spans="1:7" x14ac:dyDescent="0.3">
      <c r="A39534" s="13" t="s">
        <v>235</v>
      </c>
      <c r="B39534" s="14" t="s">
        <v>1</v>
      </c>
      <c r="C39534" s="14" t="s">
        <v>47</v>
      </c>
      <c r="D39534" s="14" t="s">
        <v>236</v>
      </c>
      <c r="E39534" s="15">
        <v>45490</v>
      </c>
      <c r="F39534" s="14" t="s">
        <v>61</v>
      </c>
      <c r="G39534" s="16">
        <v>0.20369914317355794</v>
      </c>
    </row>
    <row r="39535" spans="1:7" x14ac:dyDescent="0.3">
      <c r="A39535" s="13" t="s">
        <v>235</v>
      </c>
      <c r="B39535" s="14" t="s">
        <v>1</v>
      </c>
      <c r="C39535" s="14" t="s">
        <v>47</v>
      </c>
      <c r="D39535" s="14" t="s">
        <v>236</v>
      </c>
      <c r="E39535" s="15">
        <v>45491</v>
      </c>
      <c r="F39535" s="14" t="s">
        <v>61</v>
      </c>
      <c r="G39535" s="16">
        <v>0.20230463236238005</v>
      </c>
    </row>
    <row r="39536" spans="1:7" x14ac:dyDescent="0.3">
      <c r="A39536" s="13" t="s">
        <v>235</v>
      </c>
      <c r="B39536" s="14" t="s">
        <v>1</v>
      </c>
      <c r="C39536" s="14" t="s">
        <v>47</v>
      </c>
      <c r="D39536" s="14" t="s">
        <v>236</v>
      </c>
      <c r="E39536" s="15">
        <v>45492</v>
      </c>
      <c r="F39536" s="14" t="s">
        <v>61</v>
      </c>
      <c r="G39536" s="16">
        <v>0.20038832900587092</v>
      </c>
    </row>
    <row r="39537" spans="1:7" x14ac:dyDescent="0.3">
      <c r="A39537" s="13" t="s">
        <v>235</v>
      </c>
      <c r="B39537" s="14" t="s">
        <v>1</v>
      </c>
      <c r="C39537" s="14" t="s">
        <v>47</v>
      </c>
      <c r="D39537" s="14" t="s">
        <v>236</v>
      </c>
      <c r="E39537" s="15">
        <v>45493</v>
      </c>
      <c r="F39537" s="14" t="s">
        <v>61</v>
      </c>
      <c r="G39537" s="16">
        <v>0.20038832900587092</v>
      </c>
    </row>
    <row r="39538" spans="1:7" x14ac:dyDescent="0.3">
      <c r="A39538" s="13" t="s">
        <v>235</v>
      </c>
      <c r="B39538" s="14" t="s">
        <v>1</v>
      </c>
      <c r="C39538" s="14" t="s">
        <v>47</v>
      </c>
      <c r="D39538" s="14" t="s">
        <v>236</v>
      </c>
      <c r="E39538" s="15">
        <v>45494</v>
      </c>
      <c r="F39538" s="14" t="s">
        <v>61</v>
      </c>
      <c r="G39538" s="16">
        <v>0.20038832900587092</v>
      </c>
    </row>
    <row r="39539" spans="1:7" x14ac:dyDescent="0.3">
      <c r="A39539" s="13" t="s">
        <v>235</v>
      </c>
      <c r="B39539" s="14" t="s">
        <v>1</v>
      </c>
      <c r="C39539" s="14" t="s">
        <v>47</v>
      </c>
      <c r="D39539" s="14" t="s">
        <v>236</v>
      </c>
      <c r="E39539" s="15">
        <v>45495</v>
      </c>
      <c r="F39539" s="14" t="s">
        <v>61</v>
      </c>
      <c r="G39539" s="16">
        <v>0.19800739335403431</v>
      </c>
    </row>
    <row r="39540" spans="1:7" x14ac:dyDescent="0.3">
      <c r="A39540" s="13" t="s">
        <v>235</v>
      </c>
      <c r="B39540" s="14" t="s">
        <v>1</v>
      </c>
      <c r="C39540" s="14" t="s">
        <v>47</v>
      </c>
      <c r="D39540" s="14" t="s">
        <v>236</v>
      </c>
      <c r="E39540" s="15">
        <v>45496</v>
      </c>
      <c r="F39540" s="14" t="s">
        <v>61</v>
      </c>
      <c r="G39540" s="16">
        <v>0.19237360562920941</v>
      </c>
    </row>
    <row r="39541" spans="1:7" x14ac:dyDescent="0.3">
      <c r="A39541" s="13" t="s">
        <v>235</v>
      </c>
      <c r="B39541" s="14" t="s">
        <v>1</v>
      </c>
      <c r="C39541" s="14" t="s">
        <v>47</v>
      </c>
      <c r="D39541" s="14" t="s">
        <v>236</v>
      </c>
      <c r="E39541" s="15">
        <v>45497</v>
      </c>
      <c r="F39541" s="14" t="s">
        <v>61</v>
      </c>
      <c r="G39541" s="16">
        <v>0.19046214677649173</v>
      </c>
    </row>
    <row r="39542" spans="1:7" x14ac:dyDescent="0.3">
      <c r="A39542" s="13" t="s">
        <v>235</v>
      </c>
      <c r="B39542" s="14" t="s">
        <v>1</v>
      </c>
      <c r="C39542" s="14" t="s">
        <v>47</v>
      </c>
      <c r="D39542" s="14" t="s">
        <v>236</v>
      </c>
      <c r="E39542" s="15">
        <v>45498</v>
      </c>
      <c r="F39542" s="14" t="s">
        <v>61</v>
      </c>
      <c r="G39542" s="16">
        <v>0.1882317605934567</v>
      </c>
    </row>
    <row r="39543" spans="1:7" x14ac:dyDescent="0.3">
      <c r="A39543" s="13" t="s">
        <v>235</v>
      </c>
      <c r="B39543" s="14" t="s">
        <v>1</v>
      </c>
      <c r="C39543" s="14" t="s">
        <v>47</v>
      </c>
      <c r="D39543" s="14" t="s">
        <v>236</v>
      </c>
      <c r="E39543" s="15">
        <v>45499</v>
      </c>
      <c r="F39543" s="14" t="s">
        <v>61</v>
      </c>
      <c r="G39543" s="16">
        <v>0.18595554626804897</v>
      </c>
    </row>
    <row r="39544" spans="1:7" x14ac:dyDescent="0.3">
      <c r="A39544" s="13" t="s">
        <v>235</v>
      </c>
      <c r="B39544" s="14" t="s">
        <v>1</v>
      </c>
      <c r="C39544" s="14" t="s">
        <v>47</v>
      </c>
      <c r="D39544" s="14" t="s">
        <v>236</v>
      </c>
      <c r="E39544" s="15">
        <v>45500</v>
      </c>
      <c r="F39544" s="14" t="s">
        <v>61</v>
      </c>
      <c r="G39544" s="16">
        <v>0.18595554626804897</v>
      </c>
    </row>
    <row r="39545" spans="1:7" x14ac:dyDescent="0.3">
      <c r="A39545" s="13" t="s">
        <v>235</v>
      </c>
      <c r="B39545" s="14" t="s">
        <v>1</v>
      </c>
      <c r="C39545" s="14" t="s">
        <v>47</v>
      </c>
      <c r="D39545" s="14" t="s">
        <v>236</v>
      </c>
      <c r="E39545" s="15">
        <v>45501</v>
      </c>
      <c r="F39545" s="14" t="s">
        <v>61</v>
      </c>
      <c r="G39545" s="16">
        <v>0.18595554626804897</v>
      </c>
    </row>
    <row r="39546" spans="1:7" x14ac:dyDescent="0.3">
      <c r="A39546" s="13" t="s">
        <v>235</v>
      </c>
      <c r="B39546" s="14" t="s">
        <v>1</v>
      </c>
      <c r="C39546" s="14" t="s">
        <v>47</v>
      </c>
      <c r="D39546" s="14" t="s">
        <v>236</v>
      </c>
      <c r="E39546" s="15">
        <v>45502</v>
      </c>
      <c r="F39546" s="14" t="s">
        <v>61</v>
      </c>
      <c r="G39546" s="16">
        <v>0.18457352725080728</v>
      </c>
    </row>
    <row r="39547" spans="1:7" x14ac:dyDescent="0.3">
      <c r="A39547" s="13" t="s">
        <v>235</v>
      </c>
      <c r="B39547" s="14" t="s">
        <v>1</v>
      </c>
      <c r="C39547" s="14" t="s">
        <v>47</v>
      </c>
      <c r="D39547" s="14" t="s">
        <v>236</v>
      </c>
      <c r="E39547" s="15">
        <v>45503</v>
      </c>
      <c r="F39547" s="14" t="s">
        <v>61</v>
      </c>
      <c r="G39547" s="16">
        <v>0.17851602137566402</v>
      </c>
    </row>
    <row r="39548" spans="1:7" x14ac:dyDescent="0.3">
      <c r="A39548" s="13" t="s">
        <v>235</v>
      </c>
      <c r="B39548" s="14" t="s">
        <v>1</v>
      </c>
      <c r="C39548" s="14" t="s">
        <v>47</v>
      </c>
      <c r="D39548" s="14" t="s">
        <v>236</v>
      </c>
      <c r="E39548" s="15">
        <v>45504</v>
      </c>
      <c r="F39548" s="14" t="s">
        <v>61</v>
      </c>
      <c r="G39548" s="16">
        <v>0.17628952445198326</v>
      </c>
    </row>
    <row r="39549" spans="1:7" x14ac:dyDescent="0.3">
      <c r="A39549" s="13" t="s">
        <v>235</v>
      </c>
      <c r="B39549" s="14" t="s">
        <v>1</v>
      </c>
      <c r="C39549" s="14" t="s">
        <v>47</v>
      </c>
      <c r="D39549" s="14" t="s">
        <v>236</v>
      </c>
      <c r="E39549" s="15">
        <v>45505</v>
      </c>
      <c r="F39549" s="14" t="s">
        <v>61</v>
      </c>
      <c r="G39549" s="16">
        <v>0.17481515950287441</v>
      </c>
    </row>
    <row r="39550" spans="1:7" x14ac:dyDescent="0.3">
      <c r="A39550" s="13" t="s">
        <v>235</v>
      </c>
      <c r="B39550" s="14" t="s">
        <v>1</v>
      </c>
      <c r="C39550" s="14" t="s">
        <v>47</v>
      </c>
      <c r="D39550" s="14" t="s">
        <v>236</v>
      </c>
      <c r="E39550" s="15">
        <v>45506</v>
      </c>
      <c r="F39550" s="14" t="s">
        <v>61</v>
      </c>
      <c r="G39550" s="16">
        <v>0.17030647032196641</v>
      </c>
    </row>
    <row r="39551" spans="1:7" x14ac:dyDescent="0.3">
      <c r="A39551" s="13" t="s">
        <v>235</v>
      </c>
      <c r="B39551" s="14" t="s">
        <v>1</v>
      </c>
      <c r="C39551" s="14" t="s">
        <v>47</v>
      </c>
      <c r="D39551" s="14" t="s">
        <v>236</v>
      </c>
      <c r="E39551" s="15">
        <v>45507</v>
      </c>
      <c r="F39551" s="14" t="s">
        <v>61</v>
      </c>
      <c r="G39551" s="16">
        <v>0.17030647032196641</v>
      </c>
    </row>
    <row r="39552" spans="1:7" x14ac:dyDescent="0.3">
      <c r="A39552" s="13" t="s">
        <v>235</v>
      </c>
      <c r="B39552" s="14" t="s">
        <v>1</v>
      </c>
      <c r="C39552" s="14" t="s">
        <v>47</v>
      </c>
      <c r="D39552" s="14" t="s">
        <v>236</v>
      </c>
      <c r="E39552" s="15">
        <v>45508</v>
      </c>
      <c r="F39552" s="14" t="s">
        <v>61</v>
      </c>
      <c r="G39552" s="16">
        <v>0.17030647032196641</v>
      </c>
    </row>
    <row r="39553" spans="1:7" x14ac:dyDescent="0.3">
      <c r="A39553" s="13" t="s">
        <v>235</v>
      </c>
      <c r="B39553" s="14" t="s">
        <v>1</v>
      </c>
      <c r="C39553" s="14" t="s">
        <v>47</v>
      </c>
      <c r="D39553" s="14" t="s">
        <v>236</v>
      </c>
      <c r="E39553" s="15">
        <v>45509</v>
      </c>
      <c r="F39553" s="14" t="s">
        <v>61</v>
      </c>
      <c r="G39553" s="16">
        <v>0.17030647032196641</v>
      </c>
    </row>
    <row r="39554" spans="1:7" x14ac:dyDescent="0.3">
      <c r="A39554" s="13" t="s">
        <v>235</v>
      </c>
      <c r="B39554" s="14" t="s">
        <v>1</v>
      </c>
      <c r="C39554" s="14" t="s">
        <v>47</v>
      </c>
      <c r="D39554" s="14" t="s">
        <v>236</v>
      </c>
      <c r="E39554" s="15">
        <v>45510</v>
      </c>
      <c r="F39554" s="14" t="s">
        <v>61</v>
      </c>
      <c r="G39554" s="16">
        <v>0.16800219728142596</v>
      </c>
    </row>
    <row r="39555" spans="1:7" x14ac:dyDescent="0.3">
      <c r="A39555" s="13" t="s">
        <v>235</v>
      </c>
      <c r="B39555" s="14" t="s">
        <v>1</v>
      </c>
      <c r="C39555" s="14" t="s">
        <v>47</v>
      </c>
      <c r="D39555" s="14" t="s">
        <v>236</v>
      </c>
      <c r="E39555" s="15">
        <v>45511</v>
      </c>
      <c r="F39555" s="14" t="s">
        <v>61</v>
      </c>
      <c r="G39555" s="16">
        <v>0.16052401643972491</v>
      </c>
    </row>
    <row r="39556" spans="1:7" x14ac:dyDescent="0.3">
      <c r="A39556" s="13" t="s">
        <v>235</v>
      </c>
      <c r="B39556" s="14" t="s">
        <v>1</v>
      </c>
      <c r="C39556" s="14" t="s">
        <v>47</v>
      </c>
      <c r="D39556" s="14" t="s">
        <v>236</v>
      </c>
      <c r="E39556" s="15">
        <v>45512</v>
      </c>
      <c r="F39556" s="14" t="s">
        <v>61</v>
      </c>
      <c r="G39556" s="16">
        <v>0.15869093498706666</v>
      </c>
    </row>
    <row r="39557" spans="1:7" x14ac:dyDescent="0.3">
      <c r="A39557" s="13" t="s">
        <v>235</v>
      </c>
      <c r="B39557" s="14" t="s">
        <v>1</v>
      </c>
      <c r="C39557" s="14" t="s">
        <v>47</v>
      </c>
      <c r="D39557" s="14" t="s">
        <v>236</v>
      </c>
      <c r="E39557" s="15">
        <v>45513</v>
      </c>
      <c r="F39557" s="14" t="s">
        <v>61</v>
      </c>
      <c r="G39557" s="16">
        <v>0.15686037529683328</v>
      </c>
    </row>
    <row r="39558" spans="1:7" x14ac:dyDescent="0.3">
      <c r="A39558" s="13" t="s">
        <v>235</v>
      </c>
      <c r="B39558" s="14" t="s">
        <v>1</v>
      </c>
      <c r="C39558" s="14" t="s">
        <v>47</v>
      </c>
      <c r="D39558" s="14" t="s">
        <v>236</v>
      </c>
      <c r="E39558" s="15">
        <v>45514</v>
      </c>
      <c r="F39558" s="14" t="s">
        <v>61</v>
      </c>
      <c r="G39558" s="16">
        <v>0.15686037529683328</v>
      </c>
    </row>
    <row r="39559" spans="1:7" x14ac:dyDescent="0.3">
      <c r="A39559" s="13" t="s">
        <v>235</v>
      </c>
      <c r="B39559" s="14" t="s">
        <v>1</v>
      </c>
      <c r="C39559" s="14" t="s">
        <v>47</v>
      </c>
      <c r="D39559" s="14" t="s">
        <v>236</v>
      </c>
      <c r="E39559" s="15">
        <v>45515</v>
      </c>
      <c r="F39559" s="14" t="s">
        <v>61</v>
      </c>
      <c r="G39559" s="16">
        <v>0.15686037529683328</v>
      </c>
    </row>
    <row r="39560" spans="1:7" x14ac:dyDescent="0.3">
      <c r="A39560" s="13" t="s">
        <v>235</v>
      </c>
      <c r="B39560" s="14" t="s">
        <v>1</v>
      </c>
      <c r="C39560" s="14" t="s">
        <v>47</v>
      </c>
      <c r="D39560" s="14" t="s">
        <v>236</v>
      </c>
      <c r="E39560" s="15">
        <v>45516</v>
      </c>
      <c r="F39560" s="14" t="s">
        <v>61</v>
      </c>
      <c r="G39560" s="16">
        <v>0.15471869189146215</v>
      </c>
    </row>
    <row r="39561" spans="1:7" x14ac:dyDescent="0.3">
      <c r="A39561" s="13" t="s">
        <v>235</v>
      </c>
      <c r="B39561" s="14" t="s">
        <v>1</v>
      </c>
      <c r="C39561" s="14" t="s">
        <v>47</v>
      </c>
      <c r="D39561" s="14" t="s">
        <v>236</v>
      </c>
      <c r="E39561" s="15">
        <v>45517</v>
      </c>
      <c r="F39561" s="14" t="s">
        <v>61</v>
      </c>
      <c r="G39561" s="16">
        <v>0.14901154224916466</v>
      </c>
    </row>
    <row r="39562" spans="1:7" x14ac:dyDescent="0.3">
      <c r="A39562" s="13" t="s">
        <v>235</v>
      </c>
      <c r="B39562" s="14" t="s">
        <v>1</v>
      </c>
      <c r="C39562" s="14" t="s">
        <v>47</v>
      </c>
      <c r="D39562" s="14" t="s">
        <v>236</v>
      </c>
      <c r="E39562" s="15">
        <v>45518</v>
      </c>
      <c r="F39562" s="14" t="s">
        <v>61</v>
      </c>
      <c r="G39562" s="16">
        <v>0.14683373817512455</v>
      </c>
    </row>
    <row r="39563" spans="1:7" x14ac:dyDescent="0.3">
      <c r="A39563" s="13" t="s">
        <v>235</v>
      </c>
      <c r="B39563" s="14" t="s">
        <v>1</v>
      </c>
      <c r="C39563" s="14" t="s">
        <v>47</v>
      </c>
      <c r="D39563" s="14" t="s">
        <v>236</v>
      </c>
      <c r="E39563" s="15">
        <v>45519</v>
      </c>
      <c r="F39563" s="14" t="s">
        <v>61</v>
      </c>
      <c r="G39563" s="16">
        <v>0.14538844598974002</v>
      </c>
    </row>
    <row r="39564" spans="1:7" x14ac:dyDescent="0.3">
      <c r="A39564" s="13" t="s">
        <v>235</v>
      </c>
      <c r="B39564" s="14" t="s">
        <v>1</v>
      </c>
      <c r="C39564" s="14" t="s">
        <v>47</v>
      </c>
      <c r="D39564" s="14" t="s">
        <v>236</v>
      </c>
      <c r="E39564" s="15">
        <v>45520</v>
      </c>
      <c r="F39564" s="14" t="s">
        <v>61</v>
      </c>
      <c r="G39564" s="16">
        <v>0.14461768494286589</v>
      </c>
    </row>
    <row r="39565" spans="1:7" x14ac:dyDescent="0.3">
      <c r="A39565" s="13" t="s">
        <v>235</v>
      </c>
      <c r="B39565" s="14" t="s">
        <v>1</v>
      </c>
      <c r="C39565" s="14" t="s">
        <v>47</v>
      </c>
      <c r="D39565" s="14" t="s">
        <v>236</v>
      </c>
      <c r="E39565" s="15">
        <v>45521</v>
      </c>
      <c r="F39565" s="14" t="s">
        <v>61</v>
      </c>
      <c r="G39565" s="16">
        <v>0.14461768494286589</v>
      </c>
    </row>
    <row r="39566" spans="1:7" x14ac:dyDescent="0.3">
      <c r="A39566" s="13" t="s">
        <v>235</v>
      </c>
      <c r="B39566" s="14" t="s">
        <v>1</v>
      </c>
      <c r="C39566" s="14" t="s">
        <v>47</v>
      </c>
      <c r="D39566" s="14" t="s">
        <v>236</v>
      </c>
      <c r="E39566" s="15">
        <v>45522</v>
      </c>
      <c r="F39566" s="14" t="s">
        <v>61</v>
      </c>
      <c r="G39566" s="16">
        <v>0.14461768494286589</v>
      </c>
    </row>
    <row r="39567" spans="1:7" x14ac:dyDescent="0.3">
      <c r="A39567" s="13" t="s">
        <v>235</v>
      </c>
      <c r="B39567" s="14" t="s">
        <v>1</v>
      </c>
      <c r="C39567" s="14" t="s">
        <v>47</v>
      </c>
      <c r="D39567" s="14" t="s">
        <v>236</v>
      </c>
      <c r="E39567" s="15">
        <v>45523</v>
      </c>
      <c r="F39567" s="14" t="s">
        <v>61</v>
      </c>
      <c r="G39567" s="16">
        <v>0.14184031991489818</v>
      </c>
    </row>
    <row r="39568" spans="1:7" x14ac:dyDescent="0.3">
      <c r="A39568" s="13" t="s">
        <v>235</v>
      </c>
      <c r="B39568" s="14" t="s">
        <v>1</v>
      </c>
      <c r="C39568" s="14" t="s">
        <v>47</v>
      </c>
      <c r="D39568" s="14" t="s">
        <v>236</v>
      </c>
      <c r="E39568" s="15">
        <v>45524</v>
      </c>
      <c r="F39568" s="14" t="s">
        <v>61</v>
      </c>
      <c r="G39568" s="16">
        <v>0.13521311068442013</v>
      </c>
    </row>
    <row r="39569" spans="1:7" x14ac:dyDescent="0.3">
      <c r="A39569" s="13" t="s">
        <v>235</v>
      </c>
      <c r="B39569" s="14" t="s">
        <v>1</v>
      </c>
      <c r="C39569" s="14" t="s">
        <v>47</v>
      </c>
      <c r="D39569" s="14" t="s">
        <v>236</v>
      </c>
      <c r="E39569" s="15">
        <v>45525</v>
      </c>
      <c r="F39569" s="14" t="s">
        <v>61</v>
      </c>
      <c r="G39569" s="16">
        <v>0.13293055636895218</v>
      </c>
    </row>
    <row r="39570" spans="1:7" x14ac:dyDescent="0.3">
      <c r="A39570" s="13" t="s">
        <v>235</v>
      </c>
      <c r="B39570" s="14" t="s">
        <v>1</v>
      </c>
      <c r="C39570" s="14" t="s">
        <v>47</v>
      </c>
      <c r="D39570" s="14" t="s">
        <v>236</v>
      </c>
      <c r="E39570" s="15">
        <v>45526</v>
      </c>
      <c r="F39570" s="14" t="s">
        <v>61</v>
      </c>
      <c r="G39570" s="16">
        <v>0.13132864671129396</v>
      </c>
    </row>
    <row r="39571" spans="1:7" x14ac:dyDescent="0.3">
      <c r="A39571" s="13" t="s">
        <v>235</v>
      </c>
      <c r="B39571" s="14" t="s">
        <v>1</v>
      </c>
      <c r="C39571" s="14" t="s">
        <v>47</v>
      </c>
      <c r="D39571" s="14" t="s">
        <v>236</v>
      </c>
      <c r="E39571" s="15">
        <v>45527</v>
      </c>
      <c r="F39571" s="14" t="s">
        <v>61</v>
      </c>
      <c r="G39571" s="16">
        <v>0.12832703747446314</v>
      </c>
    </row>
    <row r="39572" spans="1:7" x14ac:dyDescent="0.3">
      <c r="A39572" s="13" t="s">
        <v>235</v>
      </c>
      <c r="B39572" s="14" t="s">
        <v>1</v>
      </c>
      <c r="C39572" s="14" t="s">
        <v>47</v>
      </c>
      <c r="D39572" s="14" t="s">
        <v>236</v>
      </c>
      <c r="E39572" s="15">
        <v>45528</v>
      </c>
      <c r="F39572" s="14" t="s">
        <v>61</v>
      </c>
      <c r="G39572" s="16">
        <v>0.12832703747446314</v>
      </c>
    </row>
    <row r="39573" spans="1:7" x14ac:dyDescent="0.3">
      <c r="A39573" s="13" t="s">
        <v>235</v>
      </c>
      <c r="B39573" s="14" t="s">
        <v>1</v>
      </c>
      <c r="C39573" s="14" t="s">
        <v>47</v>
      </c>
      <c r="D39573" s="14" t="s">
        <v>236</v>
      </c>
      <c r="E39573" s="15">
        <v>45529</v>
      </c>
      <c r="F39573" s="14" t="s">
        <v>61</v>
      </c>
      <c r="G39573" s="16">
        <v>0.12832703747446314</v>
      </c>
    </row>
    <row r="39574" spans="1:7" x14ac:dyDescent="0.3">
      <c r="A39574" s="13" t="s">
        <v>235</v>
      </c>
      <c r="B39574" s="14" t="s">
        <v>1</v>
      </c>
      <c r="C39574" s="14" t="s">
        <v>47</v>
      </c>
      <c r="D39574" s="14" t="s">
        <v>236</v>
      </c>
      <c r="E39574" s="15">
        <v>45530</v>
      </c>
      <c r="F39574" s="14" t="s">
        <v>61</v>
      </c>
      <c r="G39574" s="16">
        <v>0.12832703747446314</v>
      </c>
    </row>
    <row r="39575" spans="1:7" x14ac:dyDescent="0.3">
      <c r="A39575" s="13" t="s">
        <v>235</v>
      </c>
      <c r="B39575" s="14" t="s">
        <v>1</v>
      </c>
      <c r="C39575" s="14" t="s">
        <v>47</v>
      </c>
      <c r="D39575" s="14" t="s">
        <v>236</v>
      </c>
      <c r="E39575" s="15">
        <v>45531</v>
      </c>
      <c r="F39575" s="14" t="s">
        <v>61</v>
      </c>
      <c r="G39575" s="16">
        <v>0.12637752110439704</v>
      </c>
    </row>
    <row r="39576" spans="1:7" x14ac:dyDescent="0.3">
      <c r="A39576" s="13" t="s">
        <v>235</v>
      </c>
      <c r="B39576" s="14" t="s">
        <v>1</v>
      </c>
      <c r="C39576" s="14" t="s">
        <v>47</v>
      </c>
      <c r="D39576" s="14" t="s">
        <v>236</v>
      </c>
      <c r="E39576" s="15">
        <v>45532</v>
      </c>
      <c r="F39576" s="14" t="s">
        <v>61</v>
      </c>
      <c r="G39576" s="16">
        <v>0.11867214403446358</v>
      </c>
    </row>
    <row r="39577" spans="1:7" x14ac:dyDescent="0.3">
      <c r="A39577" s="13" t="s">
        <v>235</v>
      </c>
      <c r="B39577" s="14" t="s">
        <v>1</v>
      </c>
      <c r="C39577" s="14" t="s">
        <v>47</v>
      </c>
      <c r="D39577" s="14" t="s">
        <v>236</v>
      </c>
      <c r="E39577" s="15">
        <v>45533</v>
      </c>
      <c r="F39577" s="14" t="s">
        <v>61</v>
      </c>
      <c r="G39577" s="16">
        <v>0.11702843250736521</v>
      </c>
    </row>
    <row r="39578" spans="1:7" x14ac:dyDescent="0.3">
      <c r="A39578" s="13" t="s">
        <v>235</v>
      </c>
      <c r="B39578" s="14" t="s">
        <v>1</v>
      </c>
      <c r="C39578" s="14" t="s">
        <v>47</v>
      </c>
      <c r="D39578" s="14" t="s">
        <v>236</v>
      </c>
      <c r="E39578" s="15">
        <v>45534</v>
      </c>
      <c r="F39578" s="14" t="s">
        <v>61</v>
      </c>
      <c r="G39578" s="16">
        <v>0.11524765172244264</v>
      </c>
    </row>
    <row r="39579" spans="1:7" x14ac:dyDescent="0.3">
      <c r="A39579" s="13" t="s">
        <v>235</v>
      </c>
      <c r="B39579" s="14" t="s">
        <v>1</v>
      </c>
      <c r="C39579" s="14" t="s">
        <v>47</v>
      </c>
      <c r="D39579" s="14" t="s">
        <v>236</v>
      </c>
      <c r="E39579" s="15">
        <v>45535</v>
      </c>
      <c r="F39579" s="14" t="s">
        <v>61</v>
      </c>
      <c r="G39579" s="16">
        <v>0.11524765172244264</v>
      </c>
    </row>
    <row r="39580" spans="1:7" x14ac:dyDescent="0.3">
      <c r="A39580" s="13" t="s">
        <v>235</v>
      </c>
      <c r="B39580" s="14" t="s">
        <v>1</v>
      </c>
      <c r="C39580" s="14" t="s">
        <v>47</v>
      </c>
      <c r="D39580" s="14" t="s">
        <v>236</v>
      </c>
      <c r="E39580" s="15">
        <v>45536</v>
      </c>
      <c r="F39580" s="14" t="s">
        <v>61</v>
      </c>
      <c r="G39580" s="16">
        <v>0.11524765172244264</v>
      </c>
    </row>
    <row r="39581" spans="1:7" x14ac:dyDescent="0.3">
      <c r="A39581" s="13" t="s">
        <v>235</v>
      </c>
      <c r="B39581" s="14" t="s">
        <v>1</v>
      </c>
      <c r="C39581" s="14" t="s">
        <v>47</v>
      </c>
      <c r="D39581" s="14" t="s">
        <v>236</v>
      </c>
      <c r="E39581" s="15">
        <v>45537</v>
      </c>
      <c r="F39581" s="14" t="s">
        <v>61</v>
      </c>
      <c r="G39581" s="16">
        <v>0.11524765172244264</v>
      </c>
    </row>
    <row r="39582" spans="1:7" x14ac:dyDescent="0.3">
      <c r="A39582" s="13" t="s">
        <v>235</v>
      </c>
      <c r="B39582" s="14" t="s">
        <v>1</v>
      </c>
      <c r="C39582" s="14" t="s">
        <v>47</v>
      </c>
      <c r="D39582" s="14" t="s">
        <v>236</v>
      </c>
      <c r="E39582" s="15">
        <v>45538</v>
      </c>
      <c r="F39582" s="14" t="s">
        <v>61</v>
      </c>
      <c r="G39582" s="16">
        <v>0.11671454910060411</v>
      </c>
    </row>
    <row r="39583" spans="1:7" x14ac:dyDescent="0.3">
      <c r="A39583" s="13" t="s">
        <v>235</v>
      </c>
      <c r="B39583" s="14" t="s">
        <v>1</v>
      </c>
      <c r="C39583" s="14" t="s">
        <v>47</v>
      </c>
      <c r="D39583" s="14" t="s">
        <v>236</v>
      </c>
      <c r="E39583" s="15">
        <v>45539</v>
      </c>
      <c r="F39583" s="14" t="s">
        <v>61</v>
      </c>
      <c r="G39583" s="16">
        <v>0.11276698190591709</v>
      </c>
    </row>
    <row r="39584" spans="1:7" x14ac:dyDescent="0.3">
      <c r="A39584" s="13" t="s">
        <v>235</v>
      </c>
      <c r="B39584" s="14" t="s">
        <v>1</v>
      </c>
      <c r="C39584" s="14" t="s">
        <v>47</v>
      </c>
      <c r="D39584" s="14" t="s">
        <v>236</v>
      </c>
      <c r="E39584" s="15">
        <v>45540</v>
      </c>
      <c r="F39584" s="14" t="s">
        <v>61</v>
      </c>
      <c r="G39584" s="16">
        <v>0.11735027607460223</v>
      </c>
    </row>
    <row r="39585" spans="1:7" x14ac:dyDescent="0.3">
      <c r="A39585" s="13" t="s">
        <v>235</v>
      </c>
      <c r="B39585" s="14" t="s">
        <v>1</v>
      </c>
      <c r="C39585" s="14" t="s">
        <v>47</v>
      </c>
      <c r="D39585" s="14" t="s">
        <v>236</v>
      </c>
      <c r="E39585" s="15">
        <v>45541</v>
      </c>
      <c r="F39585" s="14" t="s">
        <v>61</v>
      </c>
      <c r="G39585" s="16">
        <v>0.11558213633294258</v>
      </c>
    </row>
    <row r="39586" spans="1:7" x14ac:dyDescent="0.3">
      <c r="A39586" s="13" t="s">
        <v>235</v>
      </c>
      <c r="B39586" s="14" t="s">
        <v>1</v>
      </c>
      <c r="C39586" s="14" t="s">
        <v>47</v>
      </c>
      <c r="D39586" s="14" t="s">
        <v>236</v>
      </c>
      <c r="E39586" s="15">
        <v>45542</v>
      </c>
      <c r="F39586" s="14" t="s">
        <v>61</v>
      </c>
      <c r="G39586" s="16">
        <v>0.11558213633294258</v>
      </c>
    </row>
    <row r="39587" spans="1:7" x14ac:dyDescent="0.3">
      <c r="A39587" s="13" t="s">
        <v>235</v>
      </c>
      <c r="B39587" s="14" t="s">
        <v>1</v>
      </c>
      <c r="C39587" s="14" t="s">
        <v>47</v>
      </c>
      <c r="D39587" s="14" t="s">
        <v>236</v>
      </c>
      <c r="E39587" s="15">
        <v>45543</v>
      </c>
      <c r="F39587" s="14" t="s">
        <v>61</v>
      </c>
      <c r="G39587" s="16">
        <v>0.11558213633294258</v>
      </c>
    </row>
    <row r="39588" spans="1:7" x14ac:dyDescent="0.3">
      <c r="A39588" s="13" t="s">
        <v>235</v>
      </c>
      <c r="B39588" s="14" t="s">
        <v>1</v>
      </c>
      <c r="C39588" s="14" t="s">
        <v>47</v>
      </c>
      <c r="D39588" s="14" t="s">
        <v>236</v>
      </c>
      <c r="E39588" s="15">
        <v>45544</v>
      </c>
      <c r="F39588" s="14" t="s">
        <v>61</v>
      </c>
      <c r="G39588" s="16">
        <v>0.11410534404685684</v>
      </c>
    </row>
    <row r="39589" spans="1:7" x14ac:dyDescent="0.3">
      <c r="A39589" s="13" t="s">
        <v>235</v>
      </c>
      <c r="B39589" s="14" t="s">
        <v>1</v>
      </c>
      <c r="C39589" s="14" t="s">
        <v>47</v>
      </c>
      <c r="D39589" s="14" t="s">
        <v>236</v>
      </c>
      <c r="E39589" s="15">
        <v>45545</v>
      </c>
      <c r="F39589" s="14" t="s">
        <v>61</v>
      </c>
      <c r="G39589" s="16">
        <v>0.10836039249648191</v>
      </c>
    </row>
    <row r="39590" spans="1:7" x14ac:dyDescent="0.3">
      <c r="A39590" s="13" t="s">
        <v>235</v>
      </c>
      <c r="B39590" s="14" t="s">
        <v>1</v>
      </c>
      <c r="C39590" s="14" t="s">
        <v>47</v>
      </c>
      <c r="D39590" s="14" t="s">
        <v>236</v>
      </c>
      <c r="E39590" s="15">
        <v>45546</v>
      </c>
      <c r="F39590" s="14" t="s">
        <v>61</v>
      </c>
      <c r="G39590" s="16">
        <v>0.10644234405757746</v>
      </c>
    </row>
    <row r="39591" spans="1:7" x14ac:dyDescent="0.3">
      <c r="A39591" s="13" t="s">
        <v>235</v>
      </c>
      <c r="B39591" s="14" t="s">
        <v>1</v>
      </c>
      <c r="C39591" s="14" t="s">
        <v>47</v>
      </c>
      <c r="D39591" s="14" t="s">
        <v>236</v>
      </c>
      <c r="E39591" s="15">
        <v>45547</v>
      </c>
      <c r="F39591" s="14" t="s">
        <v>61</v>
      </c>
      <c r="G39591" s="16">
        <v>0.10914066036725235</v>
      </c>
    </row>
    <row r="39592" spans="1:7" x14ac:dyDescent="0.3">
      <c r="A39592" s="13" t="s">
        <v>235</v>
      </c>
      <c r="B39592" s="14" t="s">
        <v>1</v>
      </c>
      <c r="C39592" s="14" t="s">
        <v>47</v>
      </c>
      <c r="D39592" s="14" t="s">
        <v>236</v>
      </c>
      <c r="E39592" s="15">
        <v>45548</v>
      </c>
      <c r="F39592" s="14" t="s">
        <v>61</v>
      </c>
      <c r="G39592" s="16">
        <v>0.11401446786311631</v>
      </c>
    </row>
    <row r="39593" spans="1:7" x14ac:dyDescent="0.3">
      <c r="A39593" s="13" t="s">
        <v>235</v>
      </c>
      <c r="B39593" s="14" t="s">
        <v>1</v>
      </c>
      <c r="C39593" s="14" t="s">
        <v>47</v>
      </c>
      <c r="D39593" s="14" t="s">
        <v>236</v>
      </c>
      <c r="E39593" s="15">
        <v>45549</v>
      </c>
      <c r="F39593" s="14" t="s">
        <v>61</v>
      </c>
      <c r="G39593" s="16">
        <v>0.11401446786311631</v>
      </c>
    </row>
    <row r="39594" spans="1:7" x14ac:dyDescent="0.3">
      <c r="A39594" s="13" t="s">
        <v>235</v>
      </c>
      <c r="B39594" s="14" t="s">
        <v>1</v>
      </c>
      <c r="C39594" s="14" t="s">
        <v>47</v>
      </c>
      <c r="D39594" s="14" t="s">
        <v>236</v>
      </c>
      <c r="E39594" s="15">
        <v>45550</v>
      </c>
      <c r="F39594" s="14" t="s">
        <v>61</v>
      </c>
      <c r="G39594" s="16">
        <v>0.11401446786311631</v>
      </c>
    </row>
    <row r="39595" spans="1:7" x14ac:dyDescent="0.3">
      <c r="A39595" s="13" t="s">
        <v>235</v>
      </c>
      <c r="B39595" s="14" t="s">
        <v>1</v>
      </c>
      <c r="C39595" s="14" t="s">
        <v>47</v>
      </c>
      <c r="D39595" s="14" t="s">
        <v>236</v>
      </c>
      <c r="E39595" s="15">
        <v>45551</v>
      </c>
      <c r="F39595" s="14" t="s">
        <v>61</v>
      </c>
      <c r="G39595" s="16">
        <v>0.11138708723907635</v>
      </c>
    </row>
    <row r="39596" spans="1:7" x14ac:dyDescent="0.3">
      <c r="A39596" s="13" t="s">
        <v>235</v>
      </c>
      <c r="B39596" s="14" t="s">
        <v>1</v>
      </c>
      <c r="C39596" s="14" t="s">
        <v>47</v>
      </c>
      <c r="D39596" s="14" t="s">
        <v>236</v>
      </c>
      <c r="E39596" s="15">
        <v>45552</v>
      </c>
      <c r="F39596" s="14" t="s">
        <v>61</v>
      </c>
      <c r="G39596" s="16">
        <v>0.10723947149589801</v>
      </c>
    </row>
    <row r="39597" spans="1:7" x14ac:dyDescent="0.3">
      <c r="A39597" s="13" t="s">
        <v>235</v>
      </c>
      <c r="B39597" s="14" t="s">
        <v>1</v>
      </c>
      <c r="C39597" s="14" t="s">
        <v>47</v>
      </c>
      <c r="D39597" s="14" t="s">
        <v>236</v>
      </c>
      <c r="E39597" s="15">
        <v>45553</v>
      </c>
      <c r="F39597" s="14" t="s">
        <v>61</v>
      </c>
      <c r="G39597" s="16">
        <v>0.10584763103998478</v>
      </c>
    </row>
    <row r="39598" spans="1:7" x14ac:dyDescent="0.3">
      <c r="A39598" s="13" t="s">
        <v>235</v>
      </c>
      <c r="B39598" s="14" t="s">
        <v>1</v>
      </c>
      <c r="C39598" s="14" t="s">
        <v>47</v>
      </c>
      <c r="D39598" s="14" t="s">
        <v>236</v>
      </c>
      <c r="E39598" s="15">
        <v>45554</v>
      </c>
      <c r="F39598" s="14" t="s">
        <v>61</v>
      </c>
      <c r="G39598" s="16">
        <v>0.10337139969290776</v>
      </c>
    </row>
    <row r="39599" spans="1:7" x14ac:dyDescent="0.3">
      <c r="A39599" s="13" t="s">
        <v>235</v>
      </c>
      <c r="B39599" s="14" t="s">
        <v>1</v>
      </c>
      <c r="C39599" s="14" t="s">
        <v>47</v>
      </c>
      <c r="D39599" s="14" t="s">
        <v>236</v>
      </c>
      <c r="E39599" s="15">
        <v>45555</v>
      </c>
      <c r="F39599" s="14" t="s">
        <v>61</v>
      </c>
      <c r="G39599" s="16">
        <v>0.11300762735063098</v>
      </c>
    </row>
    <row r="39600" spans="1:7" x14ac:dyDescent="0.3">
      <c r="A39600" s="13" t="s">
        <v>235</v>
      </c>
      <c r="B39600" s="14" t="s">
        <v>1</v>
      </c>
      <c r="C39600" s="14" t="s">
        <v>47</v>
      </c>
      <c r="D39600" s="14" t="s">
        <v>236</v>
      </c>
      <c r="E39600" s="15">
        <v>45556</v>
      </c>
      <c r="F39600" s="14" t="s">
        <v>61</v>
      </c>
      <c r="G39600" s="16">
        <v>0.11300762735063098</v>
      </c>
    </row>
    <row r="39601" spans="1:7" x14ac:dyDescent="0.3">
      <c r="A39601" s="13" t="s">
        <v>235</v>
      </c>
      <c r="B39601" s="14" t="s">
        <v>1</v>
      </c>
      <c r="C39601" s="14" t="s">
        <v>47</v>
      </c>
      <c r="D39601" s="14" t="s">
        <v>236</v>
      </c>
      <c r="E39601" s="15">
        <v>45557</v>
      </c>
      <c r="F39601" s="14" t="s">
        <v>61</v>
      </c>
      <c r="G39601" s="16">
        <v>0.11300762735063098</v>
      </c>
    </row>
    <row r="39602" spans="1:7" x14ac:dyDescent="0.3">
      <c r="A39602" s="13" t="s">
        <v>235</v>
      </c>
      <c r="B39602" s="14" t="s">
        <v>1</v>
      </c>
      <c r="C39602" s="14" t="s">
        <v>47</v>
      </c>
      <c r="D39602" s="14" t="s">
        <v>236</v>
      </c>
      <c r="E39602" s="15">
        <v>45558</v>
      </c>
      <c r="F39602" s="14" t="s">
        <v>61</v>
      </c>
      <c r="G39602" s="16">
        <v>0.11138667844869046</v>
      </c>
    </row>
    <row r="39603" spans="1:7" x14ac:dyDescent="0.3">
      <c r="A39603" s="13" t="s">
        <v>235</v>
      </c>
      <c r="B39603" s="14" t="s">
        <v>1</v>
      </c>
      <c r="C39603" s="14" t="s">
        <v>47</v>
      </c>
      <c r="D39603" s="14" t="s">
        <v>236</v>
      </c>
      <c r="E39603" s="15">
        <v>45559</v>
      </c>
      <c r="F39603" s="14" t="s">
        <v>61</v>
      </c>
      <c r="G39603" s="16">
        <v>0.11215126937447556</v>
      </c>
    </row>
    <row r="39604" spans="1:7" x14ac:dyDescent="0.3">
      <c r="A39604" s="13" t="s">
        <v>235</v>
      </c>
      <c r="B39604" s="14" t="s">
        <v>1</v>
      </c>
      <c r="C39604" s="14" t="s">
        <v>47</v>
      </c>
      <c r="D39604" s="14" t="s">
        <v>236</v>
      </c>
      <c r="E39604" s="15">
        <v>45560</v>
      </c>
      <c r="F39604" s="14" t="s">
        <v>61</v>
      </c>
      <c r="G39604" s="16">
        <v>0.11049078139108082</v>
      </c>
    </row>
    <row r="39605" spans="1:7" x14ac:dyDescent="0.3">
      <c r="A39605" s="13" t="s">
        <v>235</v>
      </c>
      <c r="B39605" s="14" t="s">
        <v>1</v>
      </c>
      <c r="C39605" s="14" t="s">
        <v>47</v>
      </c>
      <c r="D39605" s="14" t="s">
        <v>236</v>
      </c>
      <c r="E39605" s="15">
        <v>45561</v>
      </c>
      <c r="F39605" s="14" t="s">
        <v>61</v>
      </c>
      <c r="G39605" s="16">
        <v>0.10794165957778315</v>
      </c>
    </row>
    <row r="39606" spans="1:7" x14ac:dyDescent="0.3">
      <c r="A39606" s="13" t="s">
        <v>235</v>
      </c>
      <c r="B39606" s="14" t="s">
        <v>1</v>
      </c>
      <c r="C39606" s="14" t="s">
        <v>47</v>
      </c>
      <c r="D39606" s="14" t="s">
        <v>236</v>
      </c>
      <c r="E39606" s="15">
        <v>45562</v>
      </c>
      <c r="F39606" s="14" t="s">
        <v>61</v>
      </c>
      <c r="G39606" s="16">
        <v>0.10591753705918003</v>
      </c>
    </row>
    <row r="39607" spans="1:7" x14ac:dyDescent="0.3">
      <c r="A39607" s="13" t="s">
        <v>235</v>
      </c>
      <c r="B39607" s="14" t="s">
        <v>1</v>
      </c>
      <c r="C39607" s="14" t="s">
        <v>47</v>
      </c>
      <c r="D39607" s="14" t="s">
        <v>236</v>
      </c>
      <c r="E39607" s="15">
        <v>45563</v>
      </c>
      <c r="F39607" s="14" t="s">
        <v>61</v>
      </c>
      <c r="G39607" s="16">
        <v>0.10591753705918003</v>
      </c>
    </row>
    <row r="39608" spans="1:7" x14ac:dyDescent="0.3">
      <c r="A39608" s="13" t="s">
        <v>235</v>
      </c>
      <c r="B39608" s="14" t="s">
        <v>1</v>
      </c>
      <c r="C39608" s="14" t="s">
        <v>47</v>
      </c>
      <c r="D39608" s="14" t="s">
        <v>236</v>
      </c>
      <c r="E39608" s="15">
        <v>45564</v>
      </c>
      <c r="F39608" s="14" t="s">
        <v>61</v>
      </c>
      <c r="G39608" s="16">
        <v>0.10591753705918003</v>
      </c>
    </row>
    <row r="39609" spans="1:7" x14ac:dyDescent="0.3">
      <c r="A39609" s="13" t="s">
        <v>235</v>
      </c>
      <c r="B39609" s="14" t="s">
        <v>1</v>
      </c>
      <c r="C39609" s="14" t="s">
        <v>47</v>
      </c>
      <c r="D39609" s="14" t="s">
        <v>236</v>
      </c>
      <c r="E39609" s="15">
        <v>45565</v>
      </c>
      <c r="F39609" s="14" t="s">
        <v>61</v>
      </c>
      <c r="G39609" s="16">
        <v>0.11274501218670721</v>
      </c>
    </row>
    <row r="39610" spans="1:7" x14ac:dyDescent="0.3">
      <c r="A39610" s="13" t="s">
        <v>235</v>
      </c>
      <c r="B39610" s="14" t="s">
        <v>1</v>
      </c>
      <c r="C39610" s="14" t="s">
        <v>47</v>
      </c>
      <c r="D39610" s="14" t="s">
        <v>236</v>
      </c>
      <c r="E39610" s="15">
        <v>45566</v>
      </c>
      <c r="F39610" s="14" t="s">
        <v>61</v>
      </c>
      <c r="G39610" s="16">
        <v>0.11174548081597184</v>
      </c>
    </row>
    <row r="39611" spans="1:7" x14ac:dyDescent="0.3">
      <c r="A39611" s="13" t="s">
        <v>235</v>
      </c>
      <c r="B39611" s="14" t="s">
        <v>1</v>
      </c>
      <c r="C39611" s="14" t="s">
        <v>47</v>
      </c>
      <c r="D39611" s="14" t="s">
        <v>236</v>
      </c>
      <c r="E39611" s="15">
        <v>45567</v>
      </c>
      <c r="F39611" s="14" t="s">
        <v>61</v>
      </c>
      <c r="G39611" s="16">
        <v>0.11515693489383937</v>
      </c>
    </row>
    <row r="39612" spans="1:7" x14ac:dyDescent="0.3">
      <c r="A39612" s="13" t="s">
        <v>235</v>
      </c>
      <c r="B39612" s="14" t="s">
        <v>1</v>
      </c>
      <c r="C39612" s="14" t="s">
        <v>47</v>
      </c>
      <c r="D39612" s="14" t="s">
        <v>236</v>
      </c>
      <c r="E39612" s="15">
        <v>45568</v>
      </c>
      <c r="F39612" s="14" t="s">
        <v>61</v>
      </c>
      <c r="G39612" s="16">
        <v>0.1131184802774691</v>
      </c>
    </row>
    <row r="39613" spans="1:7" x14ac:dyDescent="0.3">
      <c r="A39613" s="13" t="s">
        <v>235</v>
      </c>
      <c r="B39613" s="14" t="s">
        <v>1</v>
      </c>
      <c r="C39613" s="14" t="s">
        <v>47</v>
      </c>
      <c r="D39613" s="14" t="s">
        <v>236</v>
      </c>
      <c r="E39613" s="15">
        <v>45569</v>
      </c>
      <c r="F39613" s="14" t="s">
        <v>61</v>
      </c>
      <c r="G39613" s="16">
        <v>0.11145992824315278</v>
      </c>
    </row>
    <row r="39614" spans="1:7" x14ac:dyDescent="0.3">
      <c r="A39614" s="13" t="s">
        <v>235</v>
      </c>
      <c r="B39614" s="14" t="s">
        <v>1</v>
      </c>
      <c r="C39614" s="14" t="s">
        <v>47</v>
      </c>
      <c r="D39614" s="14" t="s">
        <v>236</v>
      </c>
      <c r="E39614" s="15">
        <v>45570</v>
      </c>
      <c r="F39614" s="14" t="s">
        <v>61</v>
      </c>
      <c r="G39614" s="16">
        <v>0.11145992824315278</v>
      </c>
    </row>
    <row r="39615" spans="1:7" x14ac:dyDescent="0.3">
      <c r="A39615" s="13" t="s">
        <v>235</v>
      </c>
      <c r="B39615" s="14" t="s">
        <v>1</v>
      </c>
      <c r="C39615" s="14" t="s">
        <v>47</v>
      </c>
      <c r="D39615" s="14" t="s">
        <v>236</v>
      </c>
      <c r="E39615" s="15">
        <v>45571</v>
      </c>
      <c r="F39615" s="14" t="s">
        <v>61</v>
      </c>
      <c r="G39615" s="16">
        <v>0.11145992824315278</v>
      </c>
    </row>
    <row r="39616" spans="1:7" x14ac:dyDescent="0.3">
      <c r="A39616" s="13" t="s">
        <v>235</v>
      </c>
      <c r="B39616" s="14" t="s">
        <v>1</v>
      </c>
      <c r="C39616" s="14" t="s">
        <v>47</v>
      </c>
      <c r="D39616" s="14" t="s">
        <v>236</v>
      </c>
      <c r="E39616" s="15">
        <v>45572</v>
      </c>
      <c r="F39616" s="14" t="s">
        <v>61</v>
      </c>
      <c r="G39616" s="16">
        <v>0.10927018925474455</v>
      </c>
    </row>
    <row r="39617" spans="1:7" x14ac:dyDescent="0.3">
      <c r="A39617" s="13" t="s">
        <v>235</v>
      </c>
      <c r="B39617" s="14" t="s">
        <v>1</v>
      </c>
      <c r="C39617" s="14" t="s">
        <v>47</v>
      </c>
      <c r="D39617" s="14" t="s">
        <v>236</v>
      </c>
      <c r="E39617" s="15">
        <v>45573</v>
      </c>
      <c r="F39617" s="14" t="s">
        <v>61</v>
      </c>
      <c r="G39617" s="16">
        <v>0.102559748298372</v>
      </c>
    </row>
    <row r="39618" spans="1:7" x14ac:dyDescent="0.3">
      <c r="A39618" s="13" t="s">
        <v>235</v>
      </c>
      <c r="B39618" s="14" t="s">
        <v>1</v>
      </c>
      <c r="C39618" s="14" t="s">
        <v>47</v>
      </c>
      <c r="D39618" s="14" t="s">
        <v>236</v>
      </c>
      <c r="E39618" s="15">
        <v>45574</v>
      </c>
      <c r="F39618" s="14" t="s">
        <v>61</v>
      </c>
      <c r="G39618" s="16">
        <v>0.1007263010367289</v>
      </c>
    </row>
    <row r="39619" spans="1:7" x14ac:dyDescent="0.3">
      <c r="A39619" s="13" t="s">
        <v>235</v>
      </c>
      <c r="B39619" s="14" t="s">
        <v>1</v>
      </c>
      <c r="C39619" s="14" t="s">
        <v>47</v>
      </c>
      <c r="D39619" s="14" t="s">
        <v>236</v>
      </c>
      <c r="E39619" s="15">
        <v>45575</v>
      </c>
      <c r="F39619" s="14" t="s">
        <v>61</v>
      </c>
      <c r="G39619" s="16">
        <v>9.8513769080352018E-2</v>
      </c>
    </row>
    <row r="39620" spans="1:7" x14ac:dyDescent="0.3">
      <c r="A39620" s="13" t="s">
        <v>235</v>
      </c>
      <c r="B39620" s="14" t="s">
        <v>1</v>
      </c>
      <c r="C39620" s="14" t="s">
        <v>47</v>
      </c>
      <c r="D39620" s="14" t="s">
        <v>236</v>
      </c>
      <c r="E39620" s="15">
        <v>45576</v>
      </c>
      <c r="F39620" s="14" t="s">
        <v>61</v>
      </c>
      <c r="G39620" s="16">
        <v>9.6238276462580402E-2</v>
      </c>
    </row>
    <row r="39621" spans="1:7" x14ac:dyDescent="0.3">
      <c r="A39621" s="13" t="s">
        <v>235</v>
      </c>
      <c r="B39621" s="14" t="s">
        <v>1</v>
      </c>
      <c r="C39621" s="14" t="s">
        <v>47</v>
      </c>
      <c r="D39621" s="14" t="s">
        <v>236</v>
      </c>
      <c r="E39621" s="15">
        <v>45577</v>
      </c>
      <c r="F39621" s="14" t="s">
        <v>61</v>
      </c>
      <c r="G39621" s="16">
        <v>9.6238276462580402E-2</v>
      </c>
    </row>
    <row r="39622" spans="1:7" x14ac:dyDescent="0.3">
      <c r="A39622" s="13" t="s">
        <v>235</v>
      </c>
      <c r="B39622" s="14" t="s">
        <v>1</v>
      </c>
      <c r="C39622" s="14" t="s">
        <v>47</v>
      </c>
      <c r="D39622" s="14" t="s">
        <v>236</v>
      </c>
      <c r="E39622" s="15">
        <v>45578</v>
      </c>
      <c r="F39622" s="14" t="s">
        <v>61</v>
      </c>
      <c r="G39622" s="16">
        <v>9.6238276462580402E-2</v>
      </c>
    </row>
    <row r="39623" spans="1:7" x14ac:dyDescent="0.3">
      <c r="A39623" s="13" t="s">
        <v>235</v>
      </c>
      <c r="B39623" s="14" t="s">
        <v>1</v>
      </c>
      <c r="C39623" s="14" t="s">
        <v>47</v>
      </c>
      <c r="D39623" s="14" t="s">
        <v>236</v>
      </c>
      <c r="E39623" s="15">
        <v>45579</v>
      </c>
      <c r="F39623" s="14" t="s">
        <v>61</v>
      </c>
      <c r="G39623" s="16">
        <v>9.6238276462580402E-2</v>
      </c>
    </row>
    <row r="39624" spans="1:7" x14ac:dyDescent="0.3">
      <c r="A39624" s="13" t="s">
        <v>235</v>
      </c>
      <c r="B39624" s="14" t="s">
        <v>1</v>
      </c>
      <c r="C39624" s="14" t="s">
        <v>47</v>
      </c>
      <c r="D39624" s="14" t="s">
        <v>236</v>
      </c>
      <c r="E39624" s="15">
        <v>45580</v>
      </c>
      <c r="F39624" s="14" t="s">
        <v>61</v>
      </c>
      <c r="G39624" s="16">
        <v>9.8054708925656431E-2</v>
      </c>
    </row>
    <row r="39625" spans="1:7" x14ac:dyDescent="0.3">
      <c r="A39625" s="13" t="s">
        <v>235</v>
      </c>
      <c r="B39625" s="14" t="s">
        <v>1</v>
      </c>
      <c r="C39625" s="14" t="s">
        <v>47</v>
      </c>
      <c r="D39625" s="14" t="s">
        <v>236</v>
      </c>
      <c r="E39625" s="15">
        <v>45581</v>
      </c>
      <c r="F39625" s="14" t="s">
        <v>61</v>
      </c>
      <c r="G39625" s="16">
        <v>8.9269245613994644E-2</v>
      </c>
    </row>
    <row r="39626" spans="1:7" x14ac:dyDescent="0.3">
      <c r="A39626" s="13" t="s">
        <v>235</v>
      </c>
      <c r="B39626" s="14" t="s">
        <v>1</v>
      </c>
      <c r="C39626" s="14" t="s">
        <v>47</v>
      </c>
      <c r="D39626" s="14" t="s">
        <v>236</v>
      </c>
      <c r="E39626" s="15">
        <v>45582</v>
      </c>
      <c r="F39626" s="14" t="s">
        <v>61</v>
      </c>
      <c r="G39626" s="16">
        <v>8.7269053576136207E-2</v>
      </c>
    </row>
    <row r="39627" spans="1:7" x14ac:dyDescent="0.3">
      <c r="A39627" s="13" t="s">
        <v>235</v>
      </c>
      <c r="B39627" s="14" t="s">
        <v>1</v>
      </c>
      <c r="C39627" s="14" t="s">
        <v>47</v>
      </c>
      <c r="D39627" s="14" t="s">
        <v>236</v>
      </c>
      <c r="E39627" s="15">
        <v>45583</v>
      </c>
      <c r="F39627" s="14" t="s">
        <v>61</v>
      </c>
      <c r="G39627" s="16">
        <v>8.4725633796986971E-2</v>
      </c>
    </row>
    <row r="39628" spans="1:7" x14ac:dyDescent="0.3">
      <c r="A39628" s="13" t="s">
        <v>235</v>
      </c>
      <c r="B39628" s="14" t="s">
        <v>1</v>
      </c>
      <c r="C39628" s="14" t="s">
        <v>47</v>
      </c>
      <c r="D39628" s="14" t="s">
        <v>236</v>
      </c>
      <c r="E39628" s="15">
        <v>45584</v>
      </c>
      <c r="F39628" s="14" t="s">
        <v>61</v>
      </c>
      <c r="G39628" s="16">
        <v>8.4725633796986971E-2</v>
      </c>
    </row>
    <row r="39629" spans="1:7" x14ac:dyDescent="0.3">
      <c r="A39629" s="13" t="s">
        <v>235</v>
      </c>
      <c r="B39629" s="14" t="s">
        <v>1</v>
      </c>
      <c r="C39629" s="14" t="s">
        <v>47</v>
      </c>
      <c r="D39629" s="14" t="s">
        <v>236</v>
      </c>
      <c r="E39629" s="15">
        <v>45585</v>
      </c>
      <c r="F39629" s="14" t="s">
        <v>61</v>
      </c>
      <c r="G39629" s="16">
        <v>8.4725633796986971E-2</v>
      </c>
    </row>
    <row r="39630" spans="1:7" x14ac:dyDescent="0.3">
      <c r="A39630" s="13" t="s">
        <v>235</v>
      </c>
      <c r="B39630" s="14" t="s">
        <v>1</v>
      </c>
      <c r="C39630" s="14" t="s">
        <v>47</v>
      </c>
      <c r="D39630" s="14" t="s">
        <v>236</v>
      </c>
      <c r="E39630" s="15">
        <v>45586</v>
      </c>
      <c r="F39630" s="14" t="s">
        <v>61</v>
      </c>
      <c r="G39630" s="16">
        <v>8.5964983016358368E-2</v>
      </c>
    </row>
    <row r="39631" spans="1:7" x14ac:dyDescent="0.3">
      <c r="A39631" s="13" t="s">
        <v>235</v>
      </c>
      <c r="B39631" s="14" t="s">
        <v>1</v>
      </c>
      <c r="C39631" s="14" t="s">
        <v>47</v>
      </c>
      <c r="D39631" s="14" t="s">
        <v>236</v>
      </c>
      <c r="E39631" s="15">
        <v>45587</v>
      </c>
      <c r="F39631" s="14" t="s">
        <v>61</v>
      </c>
      <c r="G39631" s="16">
        <v>7.9239669655496378E-2</v>
      </c>
    </row>
    <row r="39632" spans="1:7" x14ac:dyDescent="0.3">
      <c r="A39632" s="13" t="s">
        <v>235</v>
      </c>
      <c r="B39632" s="14" t="s">
        <v>1</v>
      </c>
      <c r="C39632" s="14" t="s">
        <v>47</v>
      </c>
      <c r="D39632" s="14" t="s">
        <v>236</v>
      </c>
      <c r="E39632" s="15">
        <v>45588</v>
      </c>
      <c r="F39632" s="14" t="s">
        <v>61</v>
      </c>
      <c r="G39632" s="16">
        <v>7.7090785987876803E-2</v>
      </c>
    </row>
    <row r="39633" spans="1:7" x14ac:dyDescent="0.3">
      <c r="A39633" s="13" t="s">
        <v>235</v>
      </c>
      <c r="B39633" s="14" t="s">
        <v>1</v>
      </c>
      <c r="C39633" s="14" t="s">
        <v>47</v>
      </c>
      <c r="D39633" s="14" t="s">
        <v>236</v>
      </c>
      <c r="E39633" s="15">
        <v>45589</v>
      </c>
      <c r="F39633" s="14" t="s">
        <v>61</v>
      </c>
      <c r="G39633" s="16">
        <v>7.4521832048427675E-2</v>
      </c>
    </row>
    <row r="39634" spans="1:7" x14ac:dyDescent="0.3">
      <c r="A39634" s="13" t="s">
        <v>235</v>
      </c>
      <c r="B39634" s="14" t="s">
        <v>1</v>
      </c>
      <c r="C39634" s="14" t="s">
        <v>47</v>
      </c>
      <c r="D39634" s="14" t="s">
        <v>236</v>
      </c>
      <c r="E39634" s="15">
        <v>45590</v>
      </c>
      <c r="F39634" s="14" t="s">
        <v>61</v>
      </c>
      <c r="G39634" s="16">
        <v>7.249501796072233E-2</v>
      </c>
    </row>
    <row r="39635" spans="1:7" x14ac:dyDescent="0.3">
      <c r="A39635" s="13" t="s">
        <v>235</v>
      </c>
      <c r="B39635" s="14" t="s">
        <v>1</v>
      </c>
      <c r="C39635" s="14" t="s">
        <v>47</v>
      </c>
      <c r="D39635" s="14" t="s">
        <v>236</v>
      </c>
      <c r="E39635" s="15">
        <v>45591</v>
      </c>
      <c r="F39635" s="14" t="s">
        <v>61</v>
      </c>
      <c r="G39635" s="16">
        <v>7.249501796072233E-2</v>
      </c>
    </row>
    <row r="39636" spans="1:7" x14ac:dyDescent="0.3">
      <c r="A39636" s="13" t="s">
        <v>235</v>
      </c>
      <c r="B39636" s="14" t="s">
        <v>1</v>
      </c>
      <c r="C39636" s="14" t="s">
        <v>47</v>
      </c>
      <c r="D39636" s="14" t="s">
        <v>236</v>
      </c>
      <c r="E39636" s="15">
        <v>45592</v>
      </c>
      <c r="F39636" s="14" t="s">
        <v>61</v>
      </c>
      <c r="G39636" s="16">
        <v>7.249501796072233E-2</v>
      </c>
    </row>
    <row r="39637" spans="1:7" x14ac:dyDescent="0.3">
      <c r="A39637" s="13" t="s">
        <v>235</v>
      </c>
      <c r="B39637" s="14" t="s">
        <v>1</v>
      </c>
      <c r="C39637" s="14" t="s">
        <v>47</v>
      </c>
      <c r="D39637" s="14" t="s">
        <v>236</v>
      </c>
      <c r="E39637" s="15">
        <v>45593</v>
      </c>
      <c r="F39637" s="14" t="s">
        <v>61</v>
      </c>
      <c r="G39637" s="16">
        <v>7.249501796072233E-2</v>
      </c>
    </row>
    <row r="39638" spans="1:7" x14ac:dyDescent="0.3">
      <c r="A39638" s="13" t="s">
        <v>235</v>
      </c>
      <c r="B39638" s="14" t="s">
        <v>1</v>
      </c>
      <c r="C39638" s="14" t="s">
        <v>47</v>
      </c>
      <c r="D39638" s="14" t="s">
        <v>236</v>
      </c>
      <c r="E39638" s="15">
        <v>45594</v>
      </c>
      <c r="F39638" s="14" t="s">
        <v>61</v>
      </c>
      <c r="G39638" s="16">
        <v>7.4554782811038417E-2</v>
      </c>
    </row>
    <row r="39639" spans="1:7" x14ac:dyDescent="0.3">
      <c r="A39639" s="13" t="s">
        <v>235</v>
      </c>
      <c r="B39639" s="14" t="s">
        <v>1</v>
      </c>
      <c r="C39639" s="14" t="s">
        <v>47</v>
      </c>
      <c r="D39639" s="14" t="s">
        <v>236</v>
      </c>
      <c r="E39639" s="15">
        <v>45595</v>
      </c>
      <c r="F39639" s="14" t="s">
        <v>61</v>
      </c>
      <c r="G39639" s="16">
        <v>6.526008290450977E-2</v>
      </c>
    </row>
    <row r="39640" spans="1:7" x14ac:dyDescent="0.3">
      <c r="A39640" s="13" t="s">
        <v>235</v>
      </c>
      <c r="B39640" s="14" t="s">
        <v>1</v>
      </c>
      <c r="C39640" s="14" t="s">
        <v>47</v>
      </c>
      <c r="D39640" s="14" t="s">
        <v>236</v>
      </c>
      <c r="E39640" s="15">
        <v>45596</v>
      </c>
      <c r="F39640" s="14" t="s">
        <v>61</v>
      </c>
      <c r="G39640" s="16">
        <v>6.2805166046140476E-2</v>
      </c>
    </row>
    <row r="39641" spans="1:7" x14ac:dyDescent="0.3">
      <c r="A39641" s="13" t="s">
        <v>235</v>
      </c>
      <c r="B39641" s="14" t="s">
        <v>1</v>
      </c>
      <c r="C39641" s="14" t="s">
        <v>47</v>
      </c>
      <c r="D39641" s="14" t="s">
        <v>236</v>
      </c>
      <c r="E39641" s="15">
        <v>45597</v>
      </c>
      <c r="F39641" s="14" t="s">
        <v>61</v>
      </c>
      <c r="G39641" s="16">
        <v>6.0810663230863628E-2</v>
      </c>
    </row>
    <row r="39642" spans="1:7" x14ac:dyDescent="0.3">
      <c r="A39642" s="13" t="s">
        <v>235</v>
      </c>
      <c r="B39642" s="14" t="s">
        <v>1</v>
      </c>
      <c r="C39642" s="14" t="s">
        <v>47</v>
      </c>
      <c r="D39642" s="14" t="s">
        <v>236</v>
      </c>
      <c r="E39642" s="15">
        <v>45598</v>
      </c>
      <c r="F39642" s="14" t="s">
        <v>61</v>
      </c>
      <c r="G39642" s="16">
        <v>6.0810663230863628E-2</v>
      </c>
    </row>
    <row r="39643" spans="1:7" x14ac:dyDescent="0.3">
      <c r="A39643" s="13" t="s">
        <v>235</v>
      </c>
      <c r="B39643" s="14" t="s">
        <v>1</v>
      </c>
      <c r="C39643" s="14" t="s">
        <v>47</v>
      </c>
      <c r="D39643" s="14" t="s">
        <v>236</v>
      </c>
      <c r="E39643" s="15">
        <v>45599</v>
      </c>
      <c r="F39643" s="14" t="s">
        <v>61</v>
      </c>
      <c r="G39643" s="16">
        <v>6.0810663230863628E-2</v>
      </c>
    </row>
    <row r="39644" spans="1:7" x14ac:dyDescent="0.3">
      <c r="A39644" s="13" t="s">
        <v>235</v>
      </c>
      <c r="B39644" s="14" t="s">
        <v>1</v>
      </c>
      <c r="C39644" s="14" t="s">
        <v>47</v>
      </c>
      <c r="D39644" s="14" t="s">
        <v>236</v>
      </c>
      <c r="E39644" s="15">
        <v>45600</v>
      </c>
      <c r="F39644" s="14" t="s">
        <v>61</v>
      </c>
      <c r="G39644" s="16">
        <v>6.1280685406278984E-2</v>
      </c>
    </row>
    <row r="39645" spans="1:7" x14ac:dyDescent="0.3">
      <c r="A39645" s="13" t="s">
        <v>235</v>
      </c>
      <c r="B39645" s="14" t="s">
        <v>1</v>
      </c>
      <c r="C39645" s="14" t="s">
        <v>47</v>
      </c>
      <c r="D39645" s="14" t="s">
        <v>236</v>
      </c>
      <c r="E39645" s="15">
        <v>45601</v>
      </c>
      <c r="F39645" s="14" t="s">
        <v>61</v>
      </c>
      <c r="G39645" s="16">
        <v>5.436076759930266E-2</v>
      </c>
    </row>
    <row r="39646" spans="1:7" x14ac:dyDescent="0.3">
      <c r="A39646" s="13" t="s">
        <v>235</v>
      </c>
      <c r="B39646" s="14" t="s">
        <v>1</v>
      </c>
      <c r="C39646" s="14" t="s">
        <v>47</v>
      </c>
      <c r="D39646" s="14" t="s">
        <v>236</v>
      </c>
      <c r="E39646" s="15">
        <v>45602</v>
      </c>
      <c r="F39646" s="14" t="s">
        <v>61</v>
      </c>
      <c r="G39646" s="16">
        <v>5.3136175107735557E-2</v>
      </c>
    </row>
    <row r="39647" spans="1:7" x14ac:dyDescent="0.3">
      <c r="A39647" s="13" t="s">
        <v>235</v>
      </c>
      <c r="B39647" s="14" t="s">
        <v>1</v>
      </c>
      <c r="C39647" s="14" t="s">
        <v>47</v>
      </c>
      <c r="D39647" s="14" t="s">
        <v>236</v>
      </c>
      <c r="E39647" s="15">
        <v>45603</v>
      </c>
      <c r="F39647" s="14" t="s">
        <v>61</v>
      </c>
      <c r="G39647" s="16">
        <v>5.15440326254177E-2</v>
      </c>
    </row>
    <row r="39648" spans="1:7" x14ac:dyDescent="0.3">
      <c r="A39648" s="13" t="s">
        <v>235</v>
      </c>
      <c r="B39648" s="14" t="s">
        <v>1</v>
      </c>
      <c r="C39648" s="14" t="s">
        <v>47</v>
      </c>
      <c r="D39648" s="14" t="s">
        <v>236</v>
      </c>
      <c r="E39648" s="15">
        <v>45604</v>
      </c>
      <c r="F39648" s="14" t="s">
        <v>61</v>
      </c>
      <c r="G39648" s="16">
        <v>4.9646679820059436E-2</v>
      </c>
    </row>
    <row r="39649" spans="1:7" x14ac:dyDescent="0.3">
      <c r="A39649" s="13" t="s">
        <v>235</v>
      </c>
      <c r="B39649" s="14" t="s">
        <v>1</v>
      </c>
      <c r="C39649" s="14" t="s">
        <v>47</v>
      </c>
      <c r="D39649" s="14" t="s">
        <v>236</v>
      </c>
      <c r="E39649" s="15">
        <v>45605</v>
      </c>
      <c r="F39649" s="14" t="s">
        <v>61</v>
      </c>
      <c r="G39649" s="16">
        <v>4.9646679820059436E-2</v>
      </c>
    </row>
    <row r="39650" spans="1:7" x14ac:dyDescent="0.3">
      <c r="A39650" s="13" t="s">
        <v>235</v>
      </c>
      <c r="B39650" s="14" t="s">
        <v>1</v>
      </c>
      <c r="C39650" s="14" t="s">
        <v>47</v>
      </c>
      <c r="D39650" s="14" t="s">
        <v>236</v>
      </c>
      <c r="E39650" s="15">
        <v>45606</v>
      </c>
      <c r="F39650" s="14" t="s">
        <v>61</v>
      </c>
      <c r="G39650" s="16">
        <v>4.9646679820059436E-2</v>
      </c>
    </row>
    <row r="39651" spans="1:7" x14ac:dyDescent="0.3">
      <c r="A39651" s="13" t="s">
        <v>235</v>
      </c>
      <c r="B39651" s="14" t="s">
        <v>1</v>
      </c>
      <c r="C39651" s="14" t="s">
        <v>47</v>
      </c>
      <c r="D39651" s="14" t="s">
        <v>236</v>
      </c>
      <c r="E39651" s="15">
        <v>45607</v>
      </c>
      <c r="F39651" s="14" t="s">
        <v>61</v>
      </c>
      <c r="G39651" s="16">
        <v>4.9646679820059436E-2</v>
      </c>
    </row>
    <row r="39652" spans="1:7" x14ac:dyDescent="0.3">
      <c r="A39652" s="13" t="s">
        <v>235</v>
      </c>
      <c r="B39652" s="14" t="s">
        <v>1</v>
      </c>
      <c r="C39652" s="14" t="s">
        <v>47</v>
      </c>
      <c r="D39652" s="14" t="s">
        <v>236</v>
      </c>
      <c r="E39652" s="15">
        <v>45608</v>
      </c>
      <c r="F39652" s="14" t="s">
        <v>61</v>
      </c>
      <c r="G39652" s="16">
        <v>4.7730437125275582E-2</v>
      </c>
    </row>
    <row r="39653" spans="1:7" x14ac:dyDescent="0.3">
      <c r="A39653" s="13" t="s">
        <v>235</v>
      </c>
      <c r="B39653" s="14" t="s">
        <v>1</v>
      </c>
      <c r="C39653" s="14" t="s">
        <v>47</v>
      </c>
      <c r="D39653" s="14" t="s">
        <v>236</v>
      </c>
      <c r="E39653" s="15">
        <v>45609</v>
      </c>
      <c r="F39653" s="14" t="s">
        <v>61</v>
      </c>
      <c r="G39653" s="16">
        <v>3.8442706820791671E-2</v>
      </c>
    </row>
    <row r="39654" spans="1:7" x14ac:dyDescent="0.3">
      <c r="A39654" s="13" t="s">
        <v>235</v>
      </c>
      <c r="B39654" s="14" t="s">
        <v>1</v>
      </c>
      <c r="C39654" s="14" t="s">
        <v>47</v>
      </c>
      <c r="D39654" s="14" t="s">
        <v>236</v>
      </c>
      <c r="E39654" s="15">
        <v>45610</v>
      </c>
      <c r="F39654" s="14" t="s">
        <v>61</v>
      </c>
      <c r="G39654" s="16">
        <v>3.6209012405713309E-2</v>
      </c>
    </row>
    <row r="39655" spans="1:7" x14ac:dyDescent="0.3">
      <c r="A39655" s="13" t="s">
        <v>235</v>
      </c>
      <c r="B39655" s="14" t="s">
        <v>1</v>
      </c>
      <c r="C39655" s="14" t="s">
        <v>47</v>
      </c>
      <c r="D39655" s="14" t="s">
        <v>236</v>
      </c>
      <c r="E39655" s="15">
        <v>45611</v>
      </c>
      <c r="F39655" s="14" t="s">
        <v>61</v>
      </c>
      <c r="G39655" s="16">
        <v>3.4753183528781609E-2</v>
      </c>
    </row>
    <row r="39656" spans="1:7" x14ac:dyDescent="0.3">
      <c r="A39656" s="13" t="s">
        <v>235</v>
      </c>
      <c r="B39656" s="14" t="s">
        <v>1</v>
      </c>
      <c r="C39656" s="14" t="s">
        <v>47</v>
      </c>
      <c r="D39656" s="14" t="s">
        <v>236</v>
      </c>
      <c r="E39656" s="15">
        <v>45612</v>
      </c>
      <c r="F39656" s="14" t="s">
        <v>61</v>
      </c>
      <c r="G39656" s="16">
        <v>3.4753183528781609E-2</v>
      </c>
    </row>
    <row r="39657" spans="1:7" x14ac:dyDescent="0.3">
      <c r="A39657" s="13" t="s">
        <v>235</v>
      </c>
      <c r="B39657" s="14" t="s">
        <v>1</v>
      </c>
      <c r="C39657" s="14" t="s">
        <v>47</v>
      </c>
      <c r="D39657" s="14" t="s">
        <v>236</v>
      </c>
      <c r="E39657" s="15">
        <v>45613</v>
      </c>
      <c r="F39657" s="14" t="s">
        <v>61</v>
      </c>
      <c r="G39657" s="16">
        <v>3.4753183528781609E-2</v>
      </c>
    </row>
    <row r="39658" spans="1:7" x14ac:dyDescent="0.3">
      <c r="A39658" s="13" t="s">
        <v>235</v>
      </c>
      <c r="B39658" s="14" t="s">
        <v>1</v>
      </c>
      <c r="C39658" s="14" t="s">
        <v>47</v>
      </c>
      <c r="D39658" s="14" t="s">
        <v>236</v>
      </c>
      <c r="E39658" s="15">
        <v>45614</v>
      </c>
      <c r="F39658" s="14" t="s">
        <v>61</v>
      </c>
      <c r="G39658" s="16">
        <v>3.2251577610609705E-2</v>
      </c>
    </row>
    <row r="39659" spans="1:7" x14ac:dyDescent="0.3">
      <c r="A39659" s="13" t="s">
        <v>235</v>
      </c>
      <c r="B39659" s="14" t="s">
        <v>1</v>
      </c>
      <c r="C39659" s="14" t="s">
        <v>47</v>
      </c>
      <c r="D39659" s="14" t="s">
        <v>236</v>
      </c>
      <c r="E39659" s="15">
        <v>45615</v>
      </c>
      <c r="F39659" s="14" t="s">
        <v>61</v>
      </c>
      <c r="G39659" s="16">
        <v>2.5439258409343257E-2</v>
      </c>
    </row>
    <row r="39660" spans="1:7" x14ac:dyDescent="0.3">
      <c r="A39660" s="13" t="s">
        <v>235</v>
      </c>
      <c r="B39660" s="14" t="s">
        <v>1</v>
      </c>
      <c r="C39660" s="14" t="s">
        <v>47</v>
      </c>
      <c r="D39660" s="14" t="s">
        <v>236</v>
      </c>
      <c r="E39660" s="15">
        <v>45616</v>
      </c>
      <c r="F39660" s="14" t="s">
        <v>61</v>
      </c>
      <c r="G39660" s="16">
        <v>2.3268068329578642E-2</v>
      </c>
    </row>
    <row r="39661" spans="1:7" x14ac:dyDescent="0.3">
      <c r="A39661" s="13" t="s">
        <v>235</v>
      </c>
      <c r="B39661" s="14" t="s">
        <v>1</v>
      </c>
      <c r="C39661" s="14" t="s">
        <v>47</v>
      </c>
      <c r="D39661" s="14" t="s">
        <v>236</v>
      </c>
      <c r="E39661" s="15">
        <v>45617</v>
      </c>
      <c r="F39661" s="14" t="s">
        <v>61</v>
      </c>
      <c r="G39661" s="16">
        <v>2.1084494778221854E-2</v>
      </c>
    </row>
    <row r="39662" spans="1:7" x14ac:dyDescent="0.3">
      <c r="A39662" s="13" t="s">
        <v>235</v>
      </c>
      <c r="B39662" s="14" t="s">
        <v>1</v>
      </c>
      <c r="C39662" s="14" t="s">
        <v>47</v>
      </c>
      <c r="D39662" s="14" t="s">
        <v>236</v>
      </c>
      <c r="E39662" s="15">
        <v>45618</v>
      </c>
      <c r="F39662" s="14" t="s">
        <v>61</v>
      </c>
      <c r="G39662" s="16">
        <v>1.8851851776998687E-2</v>
      </c>
    </row>
    <row r="39663" spans="1:7" x14ac:dyDescent="0.3">
      <c r="A39663" s="13" t="s">
        <v>235</v>
      </c>
      <c r="B39663" s="14" t="s">
        <v>1</v>
      </c>
      <c r="C39663" s="14" t="s">
        <v>47</v>
      </c>
      <c r="D39663" s="14" t="s">
        <v>236</v>
      </c>
      <c r="E39663" s="15">
        <v>45619</v>
      </c>
      <c r="F39663" s="14" t="s">
        <v>61</v>
      </c>
      <c r="G39663" s="16">
        <v>1.8851851776998687E-2</v>
      </c>
    </row>
    <row r="39664" spans="1:7" x14ac:dyDescent="0.3">
      <c r="A39664" s="13" t="s">
        <v>235</v>
      </c>
      <c r="B39664" s="14" t="s">
        <v>1</v>
      </c>
      <c r="C39664" s="14" t="s">
        <v>47</v>
      </c>
      <c r="D39664" s="14" t="s">
        <v>236</v>
      </c>
      <c r="E39664" s="15">
        <v>45620</v>
      </c>
      <c r="F39664" s="14" t="s">
        <v>61</v>
      </c>
      <c r="G39664" s="16">
        <v>1.8851851776998687E-2</v>
      </c>
    </row>
    <row r="39665" spans="1:7" x14ac:dyDescent="0.3">
      <c r="A39665" s="13" t="s">
        <v>235</v>
      </c>
      <c r="B39665" s="14" t="s">
        <v>1</v>
      </c>
      <c r="C39665" s="14" t="s">
        <v>47</v>
      </c>
      <c r="D39665" s="14" t="s">
        <v>236</v>
      </c>
      <c r="E39665" s="15">
        <v>45621</v>
      </c>
      <c r="F39665" s="14" t="s">
        <v>61</v>
      </c>
      <c r="G39665" s="16">
        <v>1.6374173443463765E-2</v>
      </c>
    </row>
    <row r="39666" spans="1:7" x14ac:dyDescent="0.3">
      <c r="A39666" s="13" t="s">
        <v>235</v>
      </c>
      <c r="B39666" s="14" t="s">
        <v>1</v>
      </c>
      <c r="C39666" s="14" t="s">
        <v>47</v>
      </c>
      <c r="D39666" s="14" t="s">
        <v>236</v>
      </c>
      <c r="E39666" s="15">
        <v>45622</v>
      </c>
      <c r="F39666" s="14" t="s">
        <v>61</v>
      </c>
      <c r="G39666" s="16">
        <v>9.2843712249877433E-3</v>
      </c>
    </row>
    <row r="39667" spans="1:7" x14ac:dyDescent="0.3">
      <c r="A39667" s="13" t="s">
        <v>235</v>
      </c>
      <c r="B39667" s="14" t="s">
        <v>1</v>
      </c>
      <c r="C39667" s="14" t="s">
        <v>47</v>
      </c>
      <c r="D39667" s="14" t="s">
        <v>236</v>
      </c>
      <c r="E39667" s="15">
        <v>45623</v>
      </c>
      <c r="F39667" s="14" t="s">
        <v>61</v>
      </c>
      <c r="G39667" s="16">
        <v>6.8525836193933072E-3</v>
      </c>
    </row>
    <row r="39668" spans="1:7" x14ac:dyDescent="0.3">
      <c r="A39668" s="13" t="s">
        <v>235</v>
      </c>
      <c r="B39668" s="14" t="s">
        <v>1</v>
      </c>
      <c r="C39668" s="14" t="s">
        <v>47</v>
      </c>
      <c r="D39668" s="14" t="s">
        <v>236</v>
      </c>
      <c r="E39668" s="15">
        <v>45624</v>
      </c>
      <c r="F39668" s="14" t="s">
        <v>61</v>
      </c>
      <c r="G39668" s="16">
        <v>6.8525836193933072E-3</v>
      </c>
    </row>
    <row r="39669" spans="1:7" x14ac:dyDescent="0.3">
      <c r="A39669" s="13" t="s">
        <v>235</v>
      </c>
      <c r="B39669" s="14" t="s">
        <v>1</v>
      </c>
      <c r="C39669" s="14" t="s">
        <v>47</v>
      </c>
      <c r="D39669" s="14" t="s">
        <v>236</v>
      </c>
      <c r="E39669" s="15">
        <v>45625</v>
      </c>
      <c r="F39669" s="14" t="s">
        <v>61</v>
      </c>
      <c r="G39669" s="16">
        <v>4.5121481141389957E-3</v>
      </c>
    </row>
    <row r="39670" spans="1:7" x14ac:dyDescent="0.3">
      <c r="A39670" s="13" t="s">
        <v>235</v>
      </c>
      <c r="B39670" s="14" t="s">
        <v>1</v>
      </c>
      <c r="C39670" s="14" t="s">
        <v>47</v>
      </c>
      <c r="D39670" s="14" t="s">
        <v>236</v>
      </c>
      <c r="E39670" s="15">
        <v>45626</v>
      </c>
      <c r="F39670" s="14" t="s">
        <v>61</v>
      </c>
      <c r="G39670" s="16">
        <v>4.5121481141389957E-3</v>
      </c>
    </row>
    <row r="39671" spans="1:7" x14ac:dyDescent="0.3">
      <c r="A39671" s="13" t="s">
        <v>235</v>
      </c>
      <c r="B39671" s="14" t="s">
        <v>1</v>
      </c>
      <c r="C39671" s="14" t="s">
        <v>47</v>
      </c>
      <c r="D39671" s="14" t="s">
        <v>236</v>
      </c>
      <c r="E39671" s="15">
        <v>45627</v>
      </c>
      <c r="F39671" s="14" t="s">
        <v>61</v>
      </c>
      <c r="G39671" s="16">
        <v>4.5121481141389957E-3</v>
      </c>
    </row>
    <row r="39672" spans="1:7" x14ac:dyDescent="0.3">
      <c r="A39672" s="13" t="s">
        <v>235</v>
      </c>
      <c r="B39672" s="14" t="s">
        <v>1</v>
      </c>
      <c r="C39672" s="14" t="s">
        <v>47</v>
      </c>
      <c r="D39672" s="14" t="s">
        <v>236</v>
      </c>
      <c r="E39672" s="15">
        <v>45628</v>
      </c>
      <c r="F39672" s="14" t="s">
        <v>61</v>
      </c>
      <c r="G39672" s="16">
        <v>1.2760208645080002E-3</v>
      </c>
    </row>
    <row r="39673" spans="1:7" x14ac:dyDescent="0.3">
      <c r="A39673" s="13" t="s">
        <v>235</v>
      </c>
      <c r="B39673" s="14" t="s">
        <v>1</v>
      </c>
      <c r="C39673" s="14" t="s">
        <v>47</v>
      </c>
      <c r="D39673" s="14" t="s">
        <v>236</v>
      </c>
      <c r="E39673" s="15">
        <v>45629</v>
      </c>
      <c r="F39673" s="14" t="s">
        <v>61</v>
      </c>
      <c r="G39673" s="16">
        <v>0</v>
      </c>
    </row>
    <row r="39674" spans="1:7" x14ac:dyDescent="0.3">
      <c r="A39674" s="13" t="s">
        <v>235</v>
      </c>
      <c r="B39674" s="14" t="s">
        <v>1</v>
      </c>
      <c r="C39674" s="14" t="s">
        <v>47</v>
      </c>
      <c r="D39674" s="14" t="s">
        <v>236</v>
      </c>
      <c r="E39674" s="15">
        <v>45630</v>
      </c>
      <c r="F39674" s="14" t="s">
        <v>61</v>
      </c>
      <c r="G39674" s="16">
        <v>1.7020574812548371E-3</v>
      </c>
    </row>
    <row r="39675" spans="1:7" x14ac:dyDescent="0.3">
      <c r="A39675" s="13" t="s">
        <v>235</v>
      </c>
      <c r="B39675" s="14" t="s">
        <v>1</v>
      </c>
      <c r="C39675" s="14" t="s">
        <v>47</v>
      </c>
      <c r="D39675" s="14" t="s">
        <v>236</v>
      </c>
      <c r="E39675" s="15">
        <v>45631</v>
      </c>
      <c r="F39675" s="14" t="s">
        <v>61</v>
      </c>
      <c r="G39675" s="16">
        <v>0</v>
      </c>
    </row>
    <row r="39676" spans="1:7" x14ac:dyDescent="0.3">
      <c r="A39676" s="13" t="s">
        <v>235</v>
      </c>
      <c r="B39676" s="14" t="s">
        <v>1</v>
      </c>
      <c r="C39676" s="14" t="s">
        <v>47</v>
      </c>
      <c r="D39676" s="14" t="s">
        <v>236</v>
      </c>
      <c r="E39676" s="15">
        <v>45632</v>
      </c>
      <c r="F39676" s="14" t="s">
        <v>61</v>
      </c>
      <c r="G39676" s="16">
        <v>4.7759243023960882E-3</v>
      </c>
    </row>
    <row r="39677" spans="1:7" x14ac:dyDescent="0.3">
      <c r="A39677" s="13" t="s">
        <v>235</v>
      </c>
      <c r="B39677" s="14" t="s">
        <v>1</v>
      </c>
      <c r="C39677" s="14" t="s">
        <v>47</v>
      </c>
      <c r="D39677" s="14" t="s">
        <v>236</v>
      </c>
      <c r="E39677" s="15">
        <v>45633</v>
      </c>
      <c r="F39677" s="14" t="s">
        <v>61</v>
      </c>
      <c r="G39677" s="16">
        <v>4.7759243023960882E-3</v>
      </c>
    </row>
    <row r="39678" spans="1:7" x14ac:dyDescent="0.3">
      <c r="A39678" s="13" t="s">
        <v>235</v>
      </c>
      <c r="B39678" s="14" t="s">
        <v>1</v>
      </c>
      <c r="C39678" s="14" t="s">
        <v>47</v>
      </c>
      <c r="D39678" s="14" t="s">
        <v>236</v>
      </c>
      <c r="E39678" s="15">
        <v>45634</v>
      </c>
      <c r="F39678" s="14" t="s">
        <v>61</v>
      </c>
      <c r="G39678" s="16">
        <v>4.7759243023960882E-3</v>
      </c>
    </row>
    <row r="39679" spans="1:7" x14ac:dyDescent="0.3">
      <c r="A39679" s="13" t="s">
        <v>235</v>
      </c>
      <c r="B39679" s="14" t="s">
        <v>1</v>
      </c>
      <c r="C39679" s="14" t="s">
        <v>47</v>
      </c>
      <c r="D39679" s="14" t="s">
        <v>236</v>
      </c>
      <c r="E39679" s="15">
        <v>45635</v>
      </c>
      <c r="F39679" s="14" t="s">
        <v>61</v>
      </c>
      <c r="G39679" s="16">
        <v>2.3646772913900279E-3</v>
      </c>
    </row>
    <row r="39680" spans="1:7" x14ac:dyDescent="0.3">
      <c r="A39680" s="13" t="s">
        <v>235</v>
      </c>
      <c r="B39680" s="14" t="s">
        <v>1</v>
      </c>
      <c r="C39680" s="14" t="s">
        <v>47</v>
      </c>
      <c r="D39680" s="14" t="s">
        <v>236</v>
      </c>
      <c r="E39680" s="15">
        <v>45636</v>
      </c>
      <c r="F39680" s="14" t="s">
        <v>61</v>
      </c>
      <c r="G39680" s="16">
        <v>1.9224232128907893E-3</v>
      </c>
    </row>
    <row r="39681" spans="1:7" x14ac:dyDescent="0.3">
      <c r="A39681" s="13" t="s">
        <v>235</v>
      </c>
      <c r="B39681" s="14" t="s">
        <v>1</v>
      </c>
      <c r="C39681" s="14" t="s">
        <v>47</v>
      </c>
      <c r="D39681" s="14" t="s">
        <v>236</v>
      </c>
      <c r="E39681" s="15">
        <v>45637</v>
      </c>
      <c r="F39681" s="14" t="s">
        <v>61</v>
      </c>
      <c r="G39681" s="16">
        <v>0</v>
      </c>
    </row>
    <row r="39682" spans="1:7" x14ac:dyDescent="0.3">
      <c r="A39682" s="13" t="s">
        <v>235</v>
      </c>
      <c r="B39682" s="14" t="s">
        <v>1</v>
      </c>
      <c r="C39682" s="14" t="s">
        <v>47</v>
      </c>
      <c r="D39682" s="14" t="s">
        <v>236</v>
      </c>
      <c r="E39682" s="15">
        <v>45638</v>
      </c>
      <c r="F39682" s="14" t="s">
        <v>61</v>
      </c>
      <c r="G39682" s="16">
        <v>2.6620485205005903E-3</v>
      </c>
    </row>
    <row r="39683" spans="1:7" x14ac:dyDescent="0.3">
      <c r="A39683" s="13" t="s">
        <v>235</v>
      </c>
      <c r="B39683" s="14" t="s">
        <v>1</v>
      </c>
      <c r="C39683" s="14" t="s">
        <v>47</v>
      </c>
      <c r="D39683" s="14" t="s">
        <v>236</v>
      </c>
      <c r="E39683" s="15">
        <v>45639</v>
      </c>
      <c r="F39683" s="14" t="s">
        <v>61</v>
      </c>
      <c r="G39683" s="16">
        <v>2.2589055438632062E-4</v>
      </c>
    </row>
    <row r="39684" spans="1:7" x14ac:dyDescent="0.3">
      <c r="A39684" s="13" t="s">
        <v>235</v>
      </c>
      <c r="B39684" s="14" t="s">
        <v>1</v>
      </c>
      <c r="C39684" s="14" t="s">
        <v>47</v>
      </c>
      <c r="D39684" s="14" t="s">
        <v>236</v>
      </c>
      <c r="E39684" s="15">
        <v>45640</v>
      </c>
      <c r="F39684" s="14" t="s">
        <v>61</v>
      </c>
      <c r="G39684" s="16">
        <v>2.2589055438632062E-4</v>
      </c>
    </row>
    <row r="39685" spans="1:7" x14ac:dyDescent="0.3">
      <c r="A39685" s="13" t="s">
        <v>235</v>
      </c>
      <c r="B39685" s="14" t="s">
        <v>1</v>
      </c>
      <c r="C39685" s="14" t="s">
        <v>47</v>
      </c>
      <c r="D39685" s="14" t="s">
        <v>236</v>
      </c>
      <c r="E39685" s="15">
        <v>45641</v>
      </c>
      <c r="F39685" s="14" t="s">
        <v>61</v>
      </c>
      <c r="G39685" s="16">
        <v>2.2589055438632062E-4</v>
      </c>
    </row>
    <row r="39686" spans="1:7" x14ac:dyDescent="0.3">
      <c r="A39686" s="13" t="s">
        <v>235</v>
      </c>
      <c r="B39686" s="14" t="s">
        <v>1</v>
      </c>
      <c r="C39686" s="14" t="s">
        <v>47</v>
      </c>
      <c r="D39686" s="14" t="s">
        <v>236</v>
      </c>
      <c r="E39686" s="15">
        <v>45642</v>
      </c>
      <c r="F39686" s="14" t="s">
        <v>61</v>
      </c>
      <c r="G39686" s="16">
        <v>2.1944302271691479E-3</v>
      </c>
    </row>
    <row r="39687" spans="1:7" x14ac:dyDescent="0.3">
      <c r="A39687" s="13" t="s">
        <v>235</v>
      </c>
      <c r="B39687" s="14" t="s">
        <v>1</v>
      </c>
      <c r="C39687" s="14" t="s">
        <v>47</v>
      </c>
      <c r="D39687" s="14" t="s">
        <v>236</v>
      </c>
      <c r="E39687" s="15">
        <v>45643</v>
      </c>
      <c r="F39687" s="14" t="s">
        <v>61</v>
      </c>
      <c r="G39687" s="16">
        <v>0</v>
      </c>
    </row>
    <row r="39688" spans="1:7" x14ac:dyDescent="0.3">
      <c r="A39688" s="13" t="s">
        <v>235</v>
      </c>
      <c r="B39688" s="14" t="s">
        <v>1</v>
      </c>
      <c r="C39688" s="14" t="s">
        <v>47</v>
      </c>
      <c r="D39688" s="14" t="s">
        <v>236</v>
      </c>
      <c r="E39688" s="15">
        <v>45644</v>
      </c>
      <c r="F39688" s="14" t="s">
        <v>61</v>
      </c>
      <c r="G39688" s="16">
        <v>0</v>
      </c>
    </row>
    <row r="39689" spans="1:7" x14ac:dyDescent="0.3">
      <c r="A39689" s="13" t="s">
        <v>235</v>
      </c>
      <c r="B39689" s="14" t="s">
        <v>1</v>
      </c>
      <c r="C39689" s="14" t="s">
        <v>47</v>
      </c>
      <c r="D39689" s="14" t="s">
        <v>236</v>
      </c>
      <c r="E39689" s="15">
        <v>45645</v>
      </c>
      <c r="F39689" s="14" t="s">
        <v>61</v>
      </c>
      <c r="G39689" s="16">
        <v>0</v>
      </c>
    </row>
    <row r="39690" spans="1:7" x14ac:dyDescent="0.3">
      <c r="A39690" s="13" t="s">
        <v>235</v>
      </c>
      <c r="B39690" s="14" t="s">
        <v>1</v>
      </c>
      <c r="C39690" s="14" t="s">
        <v>47</v>
      </c>
      <c r="D39690" s="14" t="s">
        <v>236</v>
      </c>
      <c r="E39690" s="15">
        <v>45646</v>
      </c>
      <c r="F39690" s="14" t="s">
        <v>61</v>
      </c>
      <c r="G39690" s="16">
        <v>0</v>
      </c>
    </row>
    <row r="39691" spans="1:7" x14ac:dyDescent="0.3">
      <c r="A39691" s="13" t="s">
        <v>235</v>
      </c>
      <c r="B39691" s="14" t="s">
        <v>1</v>
      </c>
      <c r="C39691" s="14" t="s">
        <v>47</v>
      </c>
      <c r="D39691" s="14" t="s">
        <v>236</v>
      </c>
      <c r="E39691" s="15">
        <v>45647</v>
      </c>
      <c r="F39691" s="14" t="s">
        <v>61</v>
      </c>
      <c r="G39691" s="16">
        <v>0</v>
      </c>
    </row>
    <row r="39692" spans="1:7" x14ac:dyDescent="0.3">
      <c r="A39692" s="13" t="s">
        <v>235</v>
      </c>
      <c r="B39692" s="14" t="s">
        <v>1</v>
      </c>
      <c r="C39692" s="14" t="s">
        <v>47</v>
      </c>
      <c r="D39692" s="14" t="s">
        <v>236</v>
      </c>
      <c r="E39692" s="15">
        <v>45648</v>
      </c>
      <c r="F39692" s="14" t="s">
        <v>61</v>
      </c>
      <c r="G39692" s="16">
        <v>0</v>
      </c>
    </row>
    <row r="39693" spans="1:7" x14ac:dyDescent="0.3">
      <c r="A39693" s="13" t="s">
        <v>235</v>
      </c>
      <c r="B39693" s="14" t="s">
        <v>1</v>
      </c>
      <c r="C39693" s="14" t="s">
        <v>47</v>
      </c>
      <c r="D39693" s="14" t="s">
        <v>236</v>
      </c>
      <c r="E39693" s="15">
        <v>45649</v>
      </c>
      <c r="F39693" s="14" t="s">
        <v>61</v>
      </c>
      <c r="G39693" s="16">
        <v>0</v>
      </c>
    </row>
    <row r="39694" spans="1:7" x14ac:dyDescent="0.3">
      <c r="A39694" s="13" t="s">
        <v>235</v>
      </c>
      <c r="B39694" s="14" t="s">
        <v>1</v>
      </c>
      <c r="C39694" s="14" t="s">
        <v>47</v>
      </c>
      <c r="D39694" s="14" t="s">
        <v>236</v>
      </c>
      <c r="E39694" s="15">
        <v>45650</v>
      </c>
      <c r="F39694" s="14" t="s">
        <v>61</v>
      </c>
      <c r="G39694" s="16">
        <v>0</v>
      </c>
    </row>
    <row r="39695" spans="1:7" x14ac:dyDescent="0.3">
      <c r="A39695" s="13" t="s">
        <v>235</v>
      </c>
      <c r="B39695" s="14" t="s">
        <v>1</v>
      </c>
      <c r="C39695" s="14" t="s">
        <v>47</v>
      </c>
      <c r="D39695" s="14" t="s">
        <v>236</v>
      </c>
      <c r="E39695" s="15">
        <v>45651</v>
      </c>
      <c r="F39695" s="14" t="s">
        <v>61</v>
      </c>
      <c r="G39695" s="16">
        <v>0</v>
      </c>
    </row>
    <row r="39696" spans="1:7" x14ac:dyDescent="0.3">
      <c r="A39696" s="13" t="s">
        <v>235</v>
      </c>
      <c r="B39696" s="14" t="s">
        <v>1</v>
      </c>
      <c r="C39696" s="14" t="s">
        <v>47</v>
      </c>
      <c r="D39696" s="14" t="s">
        <v>236</v>
      </c>
      <c r="E39696" s="15">
        <v>45652</v>
      </c>
      <c r="F39696" s="14" t="s">
        <v>61</v>
      </c>
      <c r="G39696" s="16">
        <v>0</v>
      </c>
    </row>
    <row r="39697" spans="1:7" x14ac:dyDescent="0.3">
      <c r="A39697" s="13" t="s">
        <v>235</v>
      </c>
      <c r="B39697" s="14" t="s">
        <v>1</v>
      </c>
      <c r="C39697" s="14" t="s">
        <v>47</v>
      </c>
      <c r="D39697" s="14" t="s">
        <v>236</v>
      </c>
      <c r="E39697" s="15">
        <v>45653</v>
      </c>
      <c r="F39697" s="14" t="s">
        <v>61</v>
      </c>
      <c r="G39697" s="16">
        <v>0</v>
      </c>
    </row>
    <row r="39698" spans="1:7" x14ac:dyDescent="0.3">
      <c r="A39698" s="13" t="s">
        <v>235</v>
      </c>
      <c r="B39698" s="14" t="s">
        <v>1</v>
      </c>
      <c r="C39698" s="14" t="s">
        <v>47</v>
      </c>
      <c r="D39698" s="14" t="s">
        <v>236</v>
      </c>
      <c r="E39698" s="15">
        <v>45654</v>
      </c>
      <c r="F39698" s="14" t="s">
        <v>61</v>
      </c>
      <c r="G39698" s="16">
        <v>0</v>
      </c>
    </row>
    <row r="39699" spans="1:7" x14ac:dyDescent="0.3">
      <c r="A39699" s="13" t="s">
        <v>235</v>
      </c>
      <c r="B39699" s="14" t="s">
        <v>1</v>
      </c>
      <c r="C39699" s="14" t="s">
        <v>47</v>
      </c>
      <c r="D39699" s="14" t="s">
        <v>236</v>
      </c>
      <c r="E39699" s="15">
        <v>45655</v>
      </c>
      <c r="F39699" s="14" t="s">
        <v>61</v>
      </c>
      <c r="G39699" s="16">
        <v>0</v>
      </c>
    </row>
    <row r="39700" spans="1:7" x14ac:dyDescent="0.3">
      <c r="A39700" s="13" t="s">
        <v>235</v>
      </c>
      <c r="B39700" s="14" t="s">
        <v>1</v>
      </c>
      <c r="C39700" s="14" t="s">
        <v>47</v>
      </c>
      <c r="D39700" s="14" t="s">
        <v>236</v>
      </c>
      <c r="E39700" s="15">
        <v>45656</v>
      </c>
      <c r="F39700" s="14" t="s">
        <v>61</v>
      </c>
      <c r="G39700" s="16">
        <v>0</v>
      </c>
    </row>
    <row r="39701" spans="1:7" x14ac:dyDescent="0.3">
      <c r="A39701" s="13" t="s">
        <v>235</v>
      </c>
      <c r="B39701" s="14" t="s">
        <v>1</v>
      </c>
      <c r="C39701" s="14" t="s">
        <v>47</v>
      </c>
      <c r="D39701" s="14" t="s">
        <v>236</v>
      </c>
      <c r="E39701" s="15">
        <v>45657</v>
      </c>
      <c r="F39701" s="14" t="s">
        <v>61</v>
      </c>
      <c r="G39701" s="16">
        <v>2.3776902031474048E-2</v>
      </c>
    </row>
    <row r="39702" spans="1:7" x14ac:dyDescent="0.3">
      <c r="A39702" s="13" t="s">
        <v>235</v>
      </c>
      <c r="B39702" s="14" t="s">
        <v>1</v>
      </c>
      <c r="C39702" s="14" t="s">
        <v>47</v>
      </c>
      <c r="D39702" s="14" t="s">
        <v>236</v>
      </c>
      <c r="E39702" s="15">
        <v>45658</v>
      </c>
      <c r="F39702" s="14" t="s">
        <v>61</v>
      </c>
      <c r="G39702" s="16">
        <v>2.3776902031474048E-2</v>
      </c>
    </row>
    <row r="39703" spans="1:7" x14ac:dyDescent="0.3">
      <c r="A39703" s="13" t="s">
        <v>235</v>
      </c>
      <c r="B39703" s="14" t="s">
        <v>1</v>
      </c>
      <c r="C39703" s="14" t="s">
        <v>47</v>
      </c>
      <c r="D39703" s="14" t="s">
        <v>236</v>
      </c>
      <c r="E39703" s="15">
        <v>45659</v>
      </c>
      <c r="F39703" s="14" t="s">
        <v>61</v>
      </c>
      <c r="G39703" s="16">
        <v>2.6125997668643694E-2</v>
      </c>
    </row>
    <row r="39704" spans="1:7" x14ac:dyDescent="0.3">
      <c r="A39704" s="13" t="s">
        <v>235</v>
      </c>
      <c r="B39704" s="14" t="s">
        <v>1</v>
      </c>
      <c r="C39704" s="14" t="s">
        <v>47</v>
      </c>
      <c r="D39704" s="14" t="s">
        <v>236</v>
      </c>
      <c r="E39704" s="15">
        <v>45660</v>
      </c>
      <c r="F39704" s="14" t="s">
        <v>61</v>
      </c>
      <c r="G39704" s="16">
        <v>2.586848822372138E-2</v>
      </c>
    </row>
    <row r="39705" spans="1:7" x14ac:dyDescent="0.3">
      <c r="A39705" s="13" t="s">
        <v>235</v>
      </c>
      <c r="B39705" s="14" t="s">
        <v>1</v>
      </c>
      <c r="C39705" s="14" t="s">
        <v>47</v>
      </c>
      <c r="D39705" s="14" t="s">
        <v>236</v>
      </c>
      <c r="E39705" s="15">
        <v>45661</v>
      </c>
      <c r="F39705" s="14" t="s">
        <v>61</v>
      </c>
      <c r="G39705" s="16">
        <v>2.586848822372138E-2</v>
      </c>
    </row>
    <row r="39706" spans="1:7" x14ac:dyDescent="0.3">
      <c r="A39706" s="13" t="s">
        <v>235</v>
      </c>
      <c r="B39706" s="14" t="s">
        <v>1</v>
      </c>
      <c r="C39706" s="14" t="s">
        <v>47</v>
      </c>
      <c r="D39706" s="14" t="s">
        <v>236</v>
      </c>
      <c r="E39706" s="15">
        <v>45662</v>
      </c>
      <c r="F39706" s="14" t="s">
        <v>61</v>
      </c>
      <c r="G39706" s="16">
        <v>2.586848822372138E-2</v>
      </c>
    </row>
    <row r="39707" spans="1:7" x14ac:dyDescent="0.3">
      <c r="A39707" s="13" t="s">
        <v>235</v>
      </c>
      <c r="B39707" s="14" t="s">
        <v>1</v>
      </c>
      <c r="C39707" s="14" t="s">
        <v>47</v>
      </c>
      <c r="D39707" s="14" t="s">
        <v>236</v>
      </c>
      <c r="E39707" s="15">
        <v>45663</v>
      </c>
      <c r="F39707" s="14" t="s">
        <v>61</v>
      </c>
      <c r="G39707" s="16">
        <v>2.3299234566898051E-2</v>
      </c>
    </row>
    <row r="39708" spans="1:7" x14ac:dyDescent="0.3">
      <c r="A39708" s="13" t="s">
        <v>235</v>
      </c>
      <c r="B39708" s="14" t="s">
        <v>1</v>
      </c>
      <c r="C39708" s="14" t="s">
        <v>47</v>
      </c>
      <c r="D39708" s="14" t="s">
        <v>236</v>
      </c>
      <c r="E39708" s="15">
        <v>45664</v>
      </c>
      <c r="F39708" s="14" t="s">
        <v>61</v>
      </c>
      <c r="G39708" s="16">
        <v>1.7769868894950885E-2</v>
      </c>
    </row>
    <row r="39709" spans="1:7" x14ac:dyDescent="0.3">
      <c r="A39709" s="13" t="s">
        <v>235</v>
      </c>
      <c r="B39709" s="14" t="s">
        <v>1</v>
      </c>
      <c r="C39709" s="14" t="s">
        <v>47</v>
      </c>
      <c r="D39709" s="14" t="s">
        <v>236</v>
      </c>
      <c r="E39709" s="15">
        <v>45665</v>
      </c>
      <c r="F39709" s="14" t="s">
        <v>61</v>
      </c>
      <c r="G39709" s="16">
        <v>1.5323793329620732E-2</v>
      </c>
    </row>
    <row r="39710" spans="1:7" x14ac:dyDescent="0.3">
      <c r="A39710" s="13" t="s">
        <v>235</v>
      </c>
      <c r="B39710" s="14" t="s">
        <v>1</v>
      </c>
      <c r="C39710" s="14" t="s">
        <v>47</v>
      </c>
      <c r="D39710" s="14" t="s">
        <v>236</v>
      </c>
      <c r="E39710" s="15">
        <v>45666</v>
      </c>
      <c r="F39710" s="14" t="s">
        <v>61</v>
      </c>
      <c r="G39710" s="16">
        <v>1.5323793329620732E-2</v>
      </c>
    </row>
    <row r="39711" spans="1:7" x14ac:dyDescent="0.3">
      <c r="A39711" s="13" t="s">
        <v>235</v>
      </c>
      <c r="B39711" s="14" t="s">
        <v>1</v>
      </c>
      <c r="C39711" s="14" t="s">
        <v>47</v>
      </c>
      <c r="D39711" s="14" t="s">
        <v>236</v>
      </c>
      <c r="E39711" s="15">
        <v>45667</v>
      </c>
      <c r="F39711" s="14" t="s">
        <v>61</v>
      </c>
      <c r="G39711" s="16">
        <v>1.2932402405040606E-2</v>
      </c>
    </row>
    <row r="39712" spans="1:7" x14ac:dyDescent="0.3">
      <c r="A39712" s="13" t="s">
        <v>235</v>
      </c>
      <c r="B39712" s="14" t="s">
        <v>1</v>
      </c>
      <c r="C39712" s="14" t="s">
        <v>47</v>
      </c>
      <c r="D39712" s="14" t="s">
        <v>236</v>
      </c>
      <c r="E39712" s="15">
        <v>45668</v>
      </c>
      <c r="F39712" s="14" t="s">
        <v>61</v>
      </c>
      <c r="G39712" s="16">
        <v>1.2932402405040606E-2</v>
      </c>
    </row>
    <row r="39713" spans="1:7" x14ac:dyDescent="0.3">
      <c r="A39713" s="13" t="s">
        <v>235</v>
      </c>
      <c r="B39713" s="14" t="s">
        <v>1</v>
      </c>
      <c r="C39713" s="14" t="s">
        <v>47</v>
      </c>
      <c r="D39713" s="14" t="s">
        <v>236</v>
      </c>
      <c r="E39713" s="15">
        <v>45669</v>
      </c>
      <c r="F39713" s="14" t="s">
        <v>61</v>
      </c>
      <c r="G39713" s="16">
        <v>1.2932402405040606E-2</v>
      </c>
    </row>
    <row r="39714" spans="1:7" x14ac:dyDescent="0.3">
      <c r="A39714" s="13" t="s">
        <v>235</v>
      </c>
      <c r="B39714" s="14" t="s">
        <v>1</v>
      </c>
      <c r="C39714" s="14" t="s">
        <v>47</v>
      </c>
      <c r="D39714" s="14" t="s">
        <v>236</v>
      </c>
      <c r="E39714" s="15">
        <v>45670</v>
      </c>
      <c r="F39714" s="14" t="s">
        <v>61</v>
      </c>
      <c r="G39714" s="16">
        <v>1.0253505572529485E-2</v>
      </c>
    </row>
    <row r="39715" spans="1:7" x14ac:dyDescent="0.3">
      <c r="A39715" s="13" t="s">
        <v>235</v>
      </c>
      <c r="B39715" s="14" t="s">
        <v>1</v>
      </c>
      <c r="C39715" s="14" t="s">
        <v>47</v>
      </c>
      <c r="D39715" s="14" t="s">
        <v>236</v>
      </c>
      <c r="E39715" s="15">
        <v>45671</v>
      </c>
      <c r="F39715" s="14" t="s">
        <v>61</v>
      </c>
      <c r="G39715" s="16">
        <v>3.0112224762270335E-3</v>
      </c>
    </row>
    <row r="39716" spans="1:7" x14ac:dyDescent="0.3">
      <c r="A39716" s="13" t="s">
        <v>235</v>
      </c>
      <c r="B39716" s="14" t="s">
        <v>1</v>
      </c>
      <c r="C39716" s="14" t="s">
        <v>47</v>
      </c>
      <c r="D39716" s="14" t="s">
        <v>236</v>
      </c>
      <c r="E39716" s="15">
        <v>45672</v>
      </c>
      <c r="F39716" s="14" t="s">
        <v>61</v>
      </c>
      <c r="G39716" s="16">
        <v>6.3997308792522088E-4</v>
      </c>
    </row>
    <row r="39717" spans="1:7" x14ac:dyDescent="0.3">
      <c r="A39717" s="13" t="s">
        <v>235</v>
      </c>
      <c r="B39717" s="14" t="s">
        <v>1</v>
      </c>
      <c r="C39717" s="14" t="s">
        <v>47</v>
      </c>
      <c r="D39717" s="14" t="s">
        <v>236</v>
      </c>
      <c r="E39717" s="15">
        <v>45673</v>
      </c>
      <c r="F39717" s="14" t="s">
        <v>61</v>
      </c>
      <c r="G39717" s="16">
        <v>0</v>
      </c>
    </row>
    <row r="39718" spans="1:7" x14ac:dyDescent="0.3">
      <c r="A39718" s="13" t="s">
        <v>235</v>
      </c>
      <c r="B39718" s="14" t="s">
        <v>1</v>
      </c>
      <c r="C39718" s="14" t="s">
        <v>47</v>
      </c>
      <c r="D39718" s="14" t="s">
        <v>236</v>
      </c>
      <c r="E39718" s="15">
        <v>45674</v>
      </c>
      <c r="F39718" s="14" t="s">
        <v>61</v>
      </c>
      <c r="G39718" s="16">
        <v>0</v>
      </c>
    </row>
    <row r="39719" spans="1:7" x14ac:dyDescent="0.3">
      <c r="A39719" s="13" t="s">
        <v>235</v>
      </c>
      <c r="B39719" s="14" t="s">
        <v>1</v>
      </c>
      <c r="C39719" s="14" t="s">
        <v>47</v>
      </c>
      <c r="D39719" s="14" t="s">
        <v>236</v>
      </c>
      <c r="E39719" s="15">
        <v>45675</v>
      </c>
      <c r="F39719" s="14" t="s">
        <v>61</v>
      </c>
      <c r="G39719" s="16">
        <v>0</v>
      </c>
    </row>
    <row r="39720" spans="1:7" x14ac:dyDescent="0.3">
      <c r="A39720" s="13" t="s">
        <v>235</v>
      </c>
      <c r="B39720" s="14" t="s">
        <v>1</v>
      </c>
      <c r="C39720" s="14" t="s">
        <v>47</v>
      </c>
      <c r="D39720" s="14" t="s">
        <v>236</v>
      </c>
      <c r="E39720" s="15">
        <v>45676</v>
      </c>
      <c r="F39720" s="14" t="s">
        <v>61</v>
      </c>
      <c r="G39720" s="16">
        <v>0</v>
      </c>
    </row>
    <row r="39721" spans="1:7" x14ac:dyDescent="0.3">
      <c r="A39721" s="13" t="s">
        <v>235</v>
      </c>
      <c r="B39721" s="14" t="s">
        <v>1</v>
      </c>
      <c r="C39721" s="14" t="s">
        <v>47</v>
      </c>
      <c r="D39721" s="14" t="s">
        <v>236</v>
      </c>
      <c r="E39721" s="15">
        <v>45677</v>
      </c>
      <c r="F39721" s="14" t="s">
        <v>61</v>
      </c>
      <c r="G39721" s="16">
        <v>0</v>
      </c>
    </row>
    <row r="39722" spans="1:7" x14ac:dyDescent="0.3">
      <c r="A39722" s="13" t="s">
        <v>235</v>
      </c>
      <c r="B39722" s="14" t="s">
        <v>1</v>
      </c>
      <c r="C39722" s="14" t="s">
        <v>47</v>
      </c>
      <c r="D39722" s="14" t="s">
        <v>236</v>
      </c>
      <c r="E39722" s="15">
        <v>45678</v>
      </c>
      <c r="F39722" s="14" t="s">
        <v>61</v>
      </c>
      <c r="G39722" s="16">
        <v>0</v>
      </c>
    </row>
    <row r="39723" spans="1:7" x14ac:dyDescent="0.3">
      <c r="A39723" s="13" t="s">
        <v>235</v>
      </c>
      <c r="B39723" s="14" t="s">
        <v>1</v>
      </c>
      <c r="C39723" s="14" t="s">
        <v>47</v>
      </c>
      <c r="D39723" s="14" t="s">
        <v>236</v>
      </c>
      <c r="E39723" s="15">
        <v>45679</v>
      </c>
      <c r="F39723" s="14" t="s">
        <v>61</v>
      </c>
      <c r="G39723" s="16">
        <v>0</v>
      </c>
    </row>
    <row r="39724" spans="1:7" x14ac:dyDescent="0.3">
      <c r="A39724" s="13" t="s">
        <v>235</v>
      </c>
      <c r="B39724" s="14" t="s">
        <v>1</v>
      </c>
      <c r="C39724" s="14" t="s">
        <v>47</v>
      </c>
      <c r="D39724" s="14" t="s">
        <v>236</v>
      </c>
      <c r="E39724" s="15">
        <v>45680</v>
      </c>
      <c r="F39724" s="14" t="s">
        <v>61</v>
      </c>
      <c r="G39724" s="16">
        <v>0</v>
      </c>
    </row>
    <row r="39725" spans="1:7" x14ac:dyDescent="0.3">
      <c r="A39725" s="13" t="s">
        <v>235</v>
      </c>
      <c r="B39725" s="14" t="s">
        <v>1</v>
      </c>
      <c r="C39725" s="14" t="s">
        <v>47</v>
      </c>
      <c r="D39725" s="14" t="s">
        <v>236</v>
      </c>
      <c r="E39725" s="15">
        <v>45681</v>
      </c>
      <c r="F39725" s="14" t="s">
        <v>61</v>
      </c>
      <c r="G39725" s="16">
        <v>0</v>
      </c>
    </row>
    <row r="39726" spans="1:7" x14ac:dyDescent="0.3">
      <c r="A39726" s="13" t="s">
        <v>235</v>
      </c>
      <c r="B39726" s="14" t="s">
        <v>1</v>
      </c>
      <c r="C39726" s="14" t="s">
        <v>47</v>
      </c>
      <c r="D39726" s="14" t="s">
        <v>236</v>
      </c>
      <c r="E39726" s="15">
        <v>45682</v>
      </c>
      <c r="F39726" s="14" t="s">
        <v>61</v>
      </c>
      <c r="G39726" s="16">
        <v>0</v>
      </c>
    </row>
    <row r="39727" spans="1:7" x14ac:dyDescent="0.3">
      <c r="A39727" s="13" t="s">
        <v>235</v>
      </c>
      <c r="B39727" s="14" t="s">
        <v>1</v>
      </c>
      <c r="C39727" s="14" t="s">
        <v>47</v>
      </c>
      <c r="D39727" s="14" t="s">
        <v>236</v>
      </c>
      <c r="E39727" s="15">
        <v>45683</v>
      </c>
      <c r="F39727" s="14" t="s">
        <v>61</v>
      </c>
      <c r="G39727" s="16">
        <v>0</v>
      </c>
    </row>
    <row r="39728" spans="1:7" x14ac:dyDescent="0.3">
      <c r="A39728" s="13" t="s">
        <v>235</v>
      </c>
      <c r="B39728" s="14" t="s">
        <v>1</v>
      </c>
      <c r="C39728" s="14" t="s">
        <v>47</v>
      </c>
      <c r="D39728" s="14" t="s">
        <v>236</v>
      </c>
      <c r="E39728" s="15">
        <v>45684</v>
      </c>
      <c r="F39728" s="14" t="s">
        <v>61</v>
      </c>
      <c r="G39728" s="16">
        <v>0</v>
      </c>
    </row>
    <row r="39729" spans="1:7" x14ac:dyDescent="0.3">
      <c r="A39729" s="13" t="s">
        <v>235</v>
      </c>
      <c r="B39729" s="14" t="s">
        <v>1</v>
      </c>
      <c r="C39729" s="14" t="s">
        <v>47</v>
      </c>
      <c r="D39729" s="14" t="s">
        <v>236</v>
      </c>
      <c r="E39729" s="15">
        <v>45685</v>
      </c>
      <c r="F39729" s="14" t="s">
        <v>61</v>
      </c>
      <c r="G39729" s="16">
        <v>0</v>
      </c>
    </row>
    <row r="39730" spans="1:7" x14ac:dyDescent="0.3">
      <c r="A39730" s="13" t="s">
        <v>235</v>
      </c>
      <c r="B39730" s="14" t="s">
        <v>1</v>
      </c>
      <c r="C39730" s="14" t="s">
        <v>47</v>
      </c>
      <c r="D39730" s="14" t="s">
        <v>236</v>
      </c>
      <c r="E39730" s="15">
        <v>45686</v>
      </c>
      <c r="F39730" s="14" t="s">
        <v>61</v>
      </c>
      <c r="G39730" s="16">
        <v>0</v>
      </c>
    </row>
    <row r="39731" spans="1:7" x14ac:dyDescent="0.3">
      <c r="A39731" s="13" t="s">
        <v>235</v>
      </c>
      <c r="B39731" s="14" t="s">
        <v>1</v>
      </c>
      <c r="C39731" s="14" t="s">
        <v>47</v>
      </c>
      <c r="D39731" s="14" t="s">
        <v>236</v>
      </c>
      <c r="E39731" s="15">
        <v>45687</v>
      </c>
      <c r="F39731" s="14" t="s">
        <v>61</v>
      </c>
      <c r="G39731" s="16">
        <v>0</v>
      </c>
    </row>
    <row r="39732" spans="1:7" x14ac:dyDescent="0.3">
      <c r="A39732" s="13" t="s">
        <v>235</v>
      </c>
      <c r="B39732" s="14" t="s">
        <v>1</v>
      </c>
      <c r="C39732" s="14" t="s">
        <v>47</v>
      </c>
      <c r="D39732" s="14" t="s">
        <v>236</v>
      </c>
      <c r="E39732" s="15">
        <v>45688</v>
      </c>
      <c r="F39732" s="14" t="s">
        <v>61</v>
      </c>
      <c r="G39732" s="16">
        <v>0</v>
      </c>
    </row>
    <row r="39733" spans="1:7" x14ac:dyDescent="0.3">
      <c r="A39733" s="13" t="s">
        <v>235</v>
      </c>
      <c r="B39733" s="14" t="s">
        <v>1</v>
      </c>
      <c r="C39733" s="14" t="s">
        <v>47</v>
      </c>
      <c r="D39733" s="14" t="s">
        <v>236</v>
      </c>
      <c r="E39733" s="15">
        <v>45689</v>
      </c>
      <c r="F39733" s="14" t="s">
        <v>61</v>
      </c>
      <c r="G39733" s="16">
        <v>0</v>
      </c>
    </row>
    <row r="39734" spans="1:7" x14ac:dyDescent="0.3">
      <c r="A39734" s="13" t="s">
        <v>235</v>
      </c>
      <c r="B39734" s="14" t="s">
        <v>1</v>
      </c>
      <c r="C39734" s="14" t="s">
        <v>47</v>
      </c>
      <c r="D39734" s="14" t="s">
        <v>236</v>
      </c>
      <c r="E39734" s="15">
        <v>45690</v>
      </c>
      <c r="F39734" s="14" t="s">
        <v>61</v>
      </c>
      <c r="G39734" s="16">
        <v>0</v>
      </c>
    </row>
    <row r="39735" spans="1:7" x14ac:dyDescent="0.3">
      <c r="A39735" s="13" t="s">
        <v>235</v>
      </c>
      <c r="B39735" s="14" t="s">
        <v>1</v>
      </c>
      <c r="C39735" s="14" t="s">
        <v>47</v>
      </c>
      <c r="D39735" s="14" t="s">
        <v>236</v>
      </c>
      <c r="E39735" s="15">
        <v>45691</v>
      </c>
      <c r="F39735" s="14" t="s">
        <v>61</v>
      </c>
      <c r="G39735" s="16">
        <v>0</v>
      </c>
    </row>
    <row r="39736" spans="1:7" x14ac:dyDescent="0.3">
      <c r="A39736" s="13" t="s">
        <v>235</v>
      </c>
      <c r="B39736" s="14" t="s">
        <v>1</v>
      </c>
      <c r="C39736" s="14" t="s">
        <v>47</v>
      </c>
      <c r="D39736" s="14" t="s">
        <v>236</v>
      </c>
      <c r="E39736" s="15">
        <v>45692</v>
      </c>
      <c r="F39736" s="14" t="s">
        <v>61</v>
      </c>
      <c r="G39736" s="16">
        <v>0</v>
      </c>
    </row>
    <row r="39737" spans="1:7" x14ac:dyDescent="0.3">
      <c r="A39737" s="13" t="s">
        <v>235</v>
      </c>
      <c r="B39737" s="14" t="s">
        <v>1</v>
      </c>
      <c r="C39737" s="14" t="s">
        <v>47</v>
      </c>
      <c r="D39737" s="14" t="s">
        <v>236</v>
      </c>
      <c r="E39737" s="15">
        <v>45693</v>
      </c>
      <c r="F39737" s="14" t="s">
        <v>61</v>
      </c>
      <c r="G39737" s="16">
        <v>0</v>
      </c>
    </row>
    <row r="39738" spans="1:7" x14ac:dyDescent="0.3">
      <c r="A39738" s="13" t="s">
        <v>235</v>
      </c>
      <c r="B39738" s="14" t="s">
        <v>1</v>
      </c>
      <c r="C39738" s="14" t="s">
        <v>47</v>
      </c>
      <c r="D39738" s="14" t="s">
        <v>236</v>
      </c>
      <c r="E39738" s="15">
        <v>45694</v>
      </c>
      <c r="F39738" s="14" t="s">
        <v>61</v>
      </c>
      <c r="G39738" s="16">
        <v>0</v>
      </c>
    </row>
    <row r="39739" spans="1:7" x14ac:dyDescent="0.3">
      <c r="A39739" s="13" t="s">
        <v>235</v>
      </c>
      <c r="B39739" s="14" t="s">
        <v>1</v>
      </c>
      <c r="C39739" s="14" t="s">
        <v>47</v>
      </c>
      <c r="D39739" s="14" t="s">
        <v>236</v>
      </c>
      <c r="E39739" s="15">
        <v>45695</v>
      </c>
      <c r="F39739" s="14" t="s">
        <v>61</v>
      </c>
      <c r="G39739" s="16">
        <v>0</v>
      </c>
    </row>
    <row r="39740" spans="1:7" x14ac:dyDescent="0.3">
      <c r="A39740" s="13" t="s">
        <v>235</v>
      </c>
      <c r="B39740" s="14" t="s">
        <v>1</v>
      </c>
      <c r="C39740" s="14" t="s">
        <v>47</v>
      </c>
      <c r="D39740" s="14" t="s">
        <v>236</v>
      </c>
      <c r="E39740" s="15">
        <v>45696</v>
      </c>
      <c r="F39740" s="14" t="s">
        <v>61</v>
      </c>
      <c r="G39740" s="16">
        <v>0</v>
      </c>
    </row>
    <row r="39741" spans="1:7" x14ac:dyDescent="0.3">
      <c r="A39741" s="13" t="s">
        <v>235</v>
      </c>
      <c r="B39741" s="14" t="s">
        <v>1</v>
      </c>
      <c r="C39741" s="14" t="s">
        <v>47</v>
      </c>
      <c r="D39741" s="14" t="s">
        <v>236</v>
      </c>
      <c r="E39741" s="15">
        <v>45697</v>
      </c>
      <c r="F39741" s="14" t="s">
        <v>61</v>
      </c>
      <c r="G39741" s="16">
        <v>0</v>
      </c>
    </row>
    <row r="39742" spans="1:7" x14ac:dyDescent="0.3">
      <c r="A39742" s="13" t="s">
        <v>235</v>
      </c>
      <c r="B39742" s="14" t="s">
        <v>1</v>
      </c>
      <c r="C39742" s="14" t="s">
        <v>47</v>
      </c>
      <c r="D39742" s="14" t="s">
        <v>236</v>
      </c>
      <c r="E39742" s="15">
        <v>45698</v>
      </c>
      <c r="F39742" s="14" t="s">
        <v>61</v>
      </c>
      <c r="G39742" s="16">
        <v>0</v>
      </c>
    </row>
    <row r="39743" spans="1:7" x14ac:dyDescent="0.3">
      <c r="A39743" s="13" t="s">
        <v>235</v>
      </c>
      <c r="B39743" s="14" t="s">
        <v>1</v>
      </c>
      <c r="C39743" s="14" t="s">
        <v>47</v>
      </c>
      <c r="D39743" s="14" t="s">
        <v>236</v>
      </c>
      <c r="E39743" s="15">
        <v>45699</v>
      </c>
      <c r="F39743" s="14" t="s">
        <v>61</v>
      </c>
      <c r="G39743" s="16">
        <v>0</v>
      </c>
    </row>
    <row r="39744" spans="1:7" x14ac:dyDescent="0.3">
      <c r="A39744" s="13" t="s">
        <v>235</v>
      </c>
      <c r="B39744" s="14" t="s">
        <v>1</v>
      </c>
      <c r="C39744" s="14" t="s">
        <v>47</v>
      </c>
      <c r="D39744" s="14" t="s">
        <v>236</v>
      </c>
      <c r="E39744" s="15">
        <v>45700</v>
      </c>
      <c r="F39744" s="14" t="s">
        <v>61</v>
      </c>
      <c r="G39744" s="16">
        <v>0</v>
      </c>
    </row>
    <row r="39745" spans="1:7" x14ac:dyDescent="0.3">
      <c r="A39745" s="13" t="s">
        <v>235</v>
      </c>
      <c r="B39745" s="14" t="s">
        <v>1</v>
      </c>
      <c r="C39745" s="14" t="s">
        <v>47</v>
      </c>
      <c r="D39745" s="14" t="s">
        <v>236</v>
      </c>
      <c r="E39745" s="15">
        <v>45701</v>
      </c>
      <c r="F39745" s="14" t="s">
        <v>61</v>
      </c>
      <c r="G39745" s="16">
        <v>0</v>
      </c>
    </row>
    <row r="39746" spans="1:7" x14ac:dyDescent="0.3">
      <c r="A39746" s="13" t="s">
        <v>235</v>
      </c>
      <c r="B39746" s="14" t="s">
        <v>1</v>
      </c>
      <c r="C39746" s="14" t="s">
        <v>47</v>
      </c>
      <c r="D39746" s="14" t="s">
        <v>236</v>
      </c>
      <c r="E39746" s="15">
        <v>45702</v>
      </c>
      <c r="F39746" s="14" t="s">
        <v>61</v>
      </c>
      <c r="G39746" s="16">
        <v>0</v>
      </c>
    </row>
    <row r="39747" spans="1:7" x14ac:dyDescent="0.3">
      <c r="A39747" s="13" t="s">
        <v>235</v>
      </c>
      <c r="B39747" s="14" t="s">
        <v>1</v>
      </c>
      <c r="C39747" s="14" t="s">
        <v>47</v>
      </c>
      <c r="D39747" s="14" t="s">
        <v>236</v>
      </c>
      <c r="E39747" s="15">
        <v>45703</v>
      </c>
      <c r="F39747" s="14" t="s">
        <v>61</v>
      </c>
      <c r="G39747" s="16">
        <v>0</v>
      </c>
    </row>
    <row r="39748" spans="1:7" x14ac:dyDescent="0.3">
      <c r="A39748" s="13" t="s">
        <v>235</v>
      </c>
      <c r="B39748" s="14" t="s">
        <v>1</v>
      </c>
      <c r="C39748" s="14" t="s">
        <v>47</v>
      </c>
      <c r="D39748" s="14" t="s">
        <v>236</v>
      </c>
      <c r="E39748" s="15">
        <v>45704</v>
      </c>
      <c r="F39748" s="14" t="s">
        <v>61</v>
      </c>
      <c r="G39748" s="16">
        <v>0</v>
      </c>
    </row>
    <row r="39749" spans="1:7" x14ac:dyDescent="0.3">
      <c r="A39749" s="13" t="s">
        <v>235</v>
      </c>
      <c r="B39749" s="14" t="s">
        <v>1</v>
      </c>
      <c r="C39749" s="14" t="s">
        <v>47</v>
      </c>
      <c r="D39749" s="14" t="s">
        <v>236</v>
      </c>
      <c r="E39749" s="15">
        <v>45705</v>
      </c>
      <c r="F39749" s="14" t="s">
        <v>61</v>
      </c>
      <c r="G39749" s="16">
        <v>0</v>
      </c>
    </row>
    <row r="39750" spans="1:7" x14ac:dyDescent="0.3">
      <c r="A39750" s="13" t="s">
        <v>235</v>
      </c>
      <c r="B39750" s="14" t="s">
        <v>1</v>
      </c>
      <c r="C39750" s="14" t="s">
        <v>47</v>
      </c>
      <c r="D39750" s="14" t="s">
        <v>236</v>
      </c>
      <c r="E39750" s="15">
        <v>45706</v>
      </c>
      <c r="F39750" s="14" t="s">
        <v>61</v>
      </c>
      <c r="G39750" s="16">
        <v>0</v>
      </c>
    </row>
    <row r="39751" spans="1:7" x14ac:dyDescent="0.3">
      <c r="A39751" s="13" t="s">
        <v>235</v>
      </c>
      <c r="B39751" s="14" t="s">
        <v>1</v>
      </c>
      <c r="C39751" s="14" t="s">
        <v>47</v>
      </c>
      <c r="D39751" s="14" t="s">
        <v>236</v>
      </c>
      <c r="E39751" s="15">
        <v>45707</v>
      </c>
      <c r="F39751" s="14" t="s">
        <v>61</v>
      </c>
      <c r="G39751" s="16">
        <v>0</v>
      </c>
    </row>
    <row r="39752" spans="1:7" x14ac:dyDescent="0.3">
      <c r="A39752" s="13" t="s">
        <v>235</v>
      </c>
      <c r="B39752" s="14" t="s">
        <v>1</v>
      </c>
      <c r="C39752" s="14" t="s">
        <v>47</v>
      </c>
      <c r="D39752" s="14" t="s">
        <v>236</v>
      </c>
      <c r="E39752" s="15">
        <v>45708</v>
      </c>
      <c r="F39752" s="14" t="s">
        <v>61</v>
      </c>
      <c r="G39752" s="16">
        <v>0</v>
      </c>
    </row>
    <row r="39753" spans="1:7" x14ac:dyDescent="0.3">
      <c r="A39753" s="13" t="s">
        <v>235</v>
      </c>
      <c r="B39753" s="14" t="s">
        <v>1</v>
      </c>
      <c r="C39753" s="14" t="s">
        <v>47</v>
      </c>
      <c r="D39753" s="14" t="s">
        <v>236</v>
      </c>
      <c r="E39753" s="15">
        <v>45709</v>
      </c>
      <c r="F39753" s="14" t="s">
        <v>61</v>
      </c>
      <c r="G39753" s="16">
        <v>0</v>
      </c>
    </row>
    <row r="39754" spans="1:7" x14ac:dyDescent="0.3">
      <c r="A39754" s="13" t="s">
        <v>235</v>
      </c>
      <c r="B39754" s="14" t="s">
        <v>1</v>
      </c>
      <c r="C39754" s="14" t="s">
        <v>47</v>
      </c>
      <c r="D39754" s="14" t="s">
        <v>236</v>
      </c>
      <c r="E39754" s="15">
        <v>45710</v>
      </c>
      <c r="F39754" s="14" t="s">
        <v>61</v>
      </c>
      <c r="G39754" s="16">
        <v>0</v>
      </c>
    </row>
    <row r="39755" spans="1:7" x14ac:dyDescent="0.3">
      <c r="A39755" s="13" t="s">
        <v>235</v>
      </c>
      <c r="B39755" s="14" t="s">
        <v>1</v>
      </c>
      <c r="C39755" s="14" t="s">
        <v>47</v>
      </c>
      <c r="D39755" s="14" t="s">
        <v>236</v>
      </c>
      <c r="E39755" s="15">
        <v>45711</v>
      </c>
      <c r="F39755" s="14" t="s">
        <v>61</v>
      </c>
      <c r="G39755" s="16">
        <v>0</v>
      </c>
    </row>
    <row r="39756" spans="1:7" x14ac:dyDescent="0.3">
      <c r="A39756" s="13" t="s">
        <v>235</v>
      </c>
      <c r="B39756" s="14" t="s">
        <v>1</v>
      </c>
      <c r="C39756" s="14" t="s">
        <v>47</v>
      </c>
      <c r="D39756" s="14" t="s">
        <v>236</v>
      </c>
      <c r="E39756" s="15">
        <v>45712</v>
      </c>
      <c r="F39756" s="14" t="s">
        <v>61</v>
      </c>
      <c r="G39756" s="16">
        <v>0</v>
      </c>
    </row>
    <row r="39757" spans="1:7" x14ac:dyDescent="0.3">
      <c r="A39757" s="13" t="s">
        <v>235</v>
      </c>
      <c r="B39757" s="14" t="s">
        <v>1</v>
      </c>
      <c r="C39757" s="14" t="s">
        <v>47</v>
      </c>
      <c r="D39757" s="14" t="s">
        <v>236</v>
      </c>
      <c r="E39757" s="15">
        <v>45713</v>
      </c>
      <c r="F39757" s="14" t="s">
        <v>61</v>
      </c>
      <c r="G39757" s="16">
        <v>0</v>
      </c>
    </row>
    <row r="39758" spans="1:7" x14ac:dyDescent="0.3">
      <c r="A39758" s="13" t="s">
        <v>235</v>
      </c>
      <c r="B39758" s="14" t="s">
        <v>1</v>
      </c>
      <c r="C39758" s="14" t="s">
        <v>47</v>
      </c>
      <c r="D39758" s="14" t="s">
        <v>236</v>
      </c>
      <c r="E39758" s="15">
        <v>45714</v>
      </c>
      <c r="F39758" s="14" t="s">
        <v>61</v>
      </c>
      <c r="G39758" s="16">
        <v>0</v>
      </c>
    </row>
    <row r="39759" spans="1:7" x14ac:dyDescent="0.3">
      <c r="A39759" s="13" t="s">
        <v>235</v>
      </c>
      <c r="B39759" s="14" t="s">
        <v>1</v>
      </c>
      <c r="C39759" s="14" t="s">
        <v>47</v>
      </c>
      <c r="D39759" s="14" t="s">
        <v>236</v>
      </c>
      <c r="E39759" s="15">
        <v>45715</v>
      </c>
      <c r="F39759" s="14" t="s">
        <v>61</v>
      </c>
      <c r="G39759" s="16">
        <v>0</v>
      </c>
    </row>
    <row r="39760" spans="1:7" x14ac:dyDescent="0.3">
      <c r="A39760" s="13" t="s">
        <v>235</v>
      </c>
      <c r="B39760" s="14" t="s">
        <v>1</v>
      </c>
      <c r="C39760" s="14" t="s">
        <v>47</v>
      </c>
      <c r="D39760" s="14" t="s">
        <v>236</v>
      </c>
      <c r="E39760" s="15">
        <v>45716</v>
      </c>
      <c r="F39760" s="14" t="s">
        <v>61</v>
      </c>
      <c r="G39760" s="16">
        <v>0</v>
      </c>
    </row>
    <row r="39761" spans="1:7" x14ac:dyDescent="0.3">
      <c r="A39761" s="13" t="s">
        <v>235</v>
      </c>
      <c r="B39761" s="14" t="s">
        <v>1</v>
      </c>
      <c r="C39761" s="14" t="s">
        <v>47</v>
      </c>
      <c r="D39761" s="14" t="s">
        <v>236</v>
      </c>
      <c r="E39761" s="15">
        <v>45717</v>
      </c>
      <c r="F39761" s="14" t="s">
        <v>61</v>
      </c>
      <c r="G39761" s="16">
        <v>0</v>
      </c>
    </row>
    <row r="39762" spans="1:7" x14ac:dyDescent="0.3">
      <c r="A39762" s="13" t="s">
        <v>235</v>
      </c>
      <c r="B39762" s="14" t="s">
        <v>1</v>
      </c>
      <c r="C39762" s="14" t="s">
        <v>47</v>
      </c>
      <c r="D39762" s="14" t="s">
        <v>236</v>
      </c>
      <c r="E39762" s="15">
        <v>45718</v>
      </c>
      <c r="F39762" s="14" t="s">
        <v>61</v>
      </c>
      <c r="G39762" s="16">
        <v>0</v>
      </c>
    </row>
    <row r="39763" spans="1:7" x14ac:dyDescent="0.3">
      <c r="A39763" s="13" t="s">
        <v>235</v>
      </c>
      <c r="B39763" s="14" t="s">
        <v>1</v>
      </c>
      <c r="C39763" s="14" t="s">
        <v>47</v>
      </c>
      <c r="D39763" s="14" t="s">
        <v>236</v>
      </c>
      <c r="E39763" s="15">
        <v>45719</v>
      </c>
      <c r="F39763" s="14" t="s">
        <v>61</v>
      </c>
      <c r="G39763" s="16">
        <v>0</v>
      </c>
    </row>
    <row r="39764" spans="1:7" x14ac:dyDescent="0.3">
      <c r="A39764" s="13" t="s">
        <v>235</v>
      </c>
      <c r="B39764" s="14" t="s">
        <v>1</v>
      </c>
      <c r="C39764" s="14" t="s">
        <v>47</v>
      </c>
      <c r="D39764" s="14" t="s">
        <v>236</v>
      </c>
      <c r="E39764" s="15">
        <v>45720</v>
      </c>
      <c r="F39764" s="14" t="s">
        <v>61</v>
      </c>
      <c r="G39764" s="16">
        <v>0</v>
      </c>
    </row>
    <row r="39765" spans="1:7" x14ac:dyDescent="0.3">
      <c r="A39765" s="13" t="s">
        <v>235</v>
      </c>
      <c r="B39765" s="14" t="s">
        <v>1</v>
      </c>
      <c r="C39765" s="14" t="s">
        <v>47</v>
      </c>
      <c r="D39765" s="14" t="s">
        <v>236</v>
      </c>
      <c r="E39765" s="15">
        <v>45721</v>
      </c>
      <c r="F39765" s="14" t="s">
        <v>61</v>
      </c>
      <c r="G39765" s="16">
        <v>0</v>
      </c>
    </row>
    <row r="39766" spans="1:7" x14ac:dyDescent="0.3">
      <c r="A39766" s="13" t="s">
        <v>235</v>
      </c>
      <c r="B39766" s="14" t="s">
        <v>1</v>
      </c>
      <c r="C39766" s="14" t="s">
        <v>47</v>
      </c>
      <c r="D39766" s="14" t="s">
        <v>236</v>
      </c>
      <c r="E39766" s="15">
        <v>45722</v>
      </c>
      <c r="F39766" s="14" t="s">
        <v>61</v>
      </c>
      <c r="G39766" s="16">
        <v>0</v>
      </c>
    </row>
    <row r="39767" spans="1:7" x14ac:dyDescent="0.3">
      <c r="A39767" s="13" t="s">
        <v>235</v>
      </c>
      <c r="B39767" s="14" t="s">
        <v>1</v>
      </c>
      <c r="C39767" s="14" t="s">
        <v>47</v>
      </c>
      <c r="D39767" s="14" t="s">
        <v>236</v>
      </c>
      <c r="E39767" s="15">
        <v>45723</v>
      </c>
      <c r="F39767" s="14" t="s">
        <v>61</v>
      </c>
      <c r="G39767" s="16">
        <v>0</v>
      </c>
    </row>
    <row r="39768" spans="1:7" x14ac:dyDescent="0.3">
      <c r="A39768" s="13" t="s">
        <v>235</v>
      </c>
      <c r="B39768" s="14" t="s">
        <v>1</v>
      </c>
      <c r="C39768" s="14" t="s">
        <v>47</v>
      </c>
      <c r="D39768" s="14" t="s">
        <v>236</v>
      </c>
      <c r="E39768" s="15">
        <v>45724</v>
      </c>
      <c r="F39768" s="14" t="s">
        <v>61</v>
      </c>
      <c r="G39768" s="16">
        <v>0</v>
      </c>
    </row>
    <row r="39769" spans="1:7" x14ac:dyDescent="0.3">
      <c r="A39769" s="13" t="s">
        <v>235</v>
      </c>
      <c r="B39769" s="14" t="s">
        <v>1</v>
      </c>
      <c r="C39769" s="14" t="s">
        <v>47</v>
      </c>
      <c r="D39769" s="14" t="s">
        <v>236</v>
      </c>
      <c r="E39769" s="15">
        <v>45725</v>
      </c>
      <c r="F39769" s="14" t="s">
        <v>61</v>
      </c>
      <c r="G39769" s="16">
        <v>0</v>
      </c>
    </row>
    <row r="39770" spans="1:7" x14ac:dyDescent="0.3">
      <c r="A39770" s="13" t="s">
        <v>235</v>
      </c>
      <c r="B39770" s="14" t="s">
        <v>1</v>
      </c>
      <c r="C39770" s="14" t="s">
        <v>47</v>
      </c>
      <c r="D39770" s="14" t="s">
        <v>236</v>
      </c>
      <c r="E39770" s="15">
        <v>45726</v>
      </c>
      <c r="F39770" s="14" t="s">
        <v>61</v>
      </c>
      <c r="G39770" s="16">
        <v>0</v>
      </c>
    </row>
    <row r="39771" spans="1:7" x14ac:dyDescent="0.3">
      <c r="A39771" s="13" t="s">
        <v>235</v>
      </c>
      <c r="B39771" s="14" t="s">
        <v>1</v>
      </c>
      <c r="C39771" s="14" t="s">
        <v>47</v>
      </c>
      <c r="D39771" s="14" t="s">
        <v>236</v>
      </c>
      <c r="E39771" s="15">
        <v>45727</v>
      </c>
      <c r="F39771" s="14" t="s">
        <v>61</v>
      </c>
      <c r="G39771" s="16">
        <v>0</v>
      </c>
    </row>
    <row r="39772" spans="1:7" x14ac:dyDescent="0.3">
      <c r="A39772" s="13" t="s">
        <v>235</v>
      </c>
      <c r="B39772" s="14" t="s">
        <v>1</v>
      </c>
      <c r="C39772" s="14" t="s">
        <v>47</v>
      </c>
      <c r="D39772" s="14" t="s">
        <v>236</v>
      </c>
      <c r="E39772" s="15">
        <v>45728</v>
      </c>
      <c r="F39772" s="14" t="s">
        <v>61</v>
      </c>
      <c r="G39772" s="16">
        <v>0</v>
      </c>
    </row>
    <row r="39773" spans="1:7" x14ac:dyDescent="0.3">
      <c r="A39773" s="13" t="s">
        <v>235</v>
      </c>
      <c r="B39773" s="14" t="s">
        <v>1</v>
      </c>
      <c r="C39773" s="14" t="s">
        <v>47</v>
      </c>
      <c r="D39773" s="14" t="s">
        <v>236</v>
      </c>
      <c r="E39773" s="15">
        <v>45729</v>
      </c>
      <c r="F39773" s="14" t="s">
        <v>61</v>
      </c>
      <c r="G39773" s="16">
        <v>0</v>
      </c>
    </row>
    <row r="39774" spans="1:7" x14ac:dyDescent="0.3">
      <c r="A39774" s="13" t="s">
        <v>235</v>
      </c>
      <c r="B39774" s="14" t="s">
        <v>1</v>
      </c>
      <c r="C39774" s="14" t="s">
        <v>47</v>
      </c>
      <c r="D39774" s="14" t="s">
        <v>236</v>
      </c>
      <c r="E39774" s="15">
        <v>45730</v>
      </c>
      <c r="F39774" s="14" t="s">
        <v>61</v>
      </c>
      <c r="G39774" s="16">
        <v>0</v>
      </c>
    </row>
    <row r="39775" spans="1:7" x14ac:dyDescent="0.3">
      <c r="A39775" s="13" t="s">
        <v>235</v>
      </c>
      <c r="B39775" s="14" t="s">
        <v>1</v>
      </c>
      <c r="C39775" s="14" t="s">
        <v>47</v>
      </c>
      <c r="D39775" s="14" t="s">
        <v>236</v>
      </c>
      <c r="E39775" s="15">
        <v>45731</v>
      </c>
      <c r="F39775" s="14" t="s">
        <v>61</v>
      </c>
      <c r="G39775" s="16">
        <v>0</v>
      </c>
    </row>
    <row r="39776" spans="1:7" x14ac:dyDescent="0.3">
      <c r="A39776" s="13" t="s">
        <v>235</v>
      </c>
      <c r="B39776" s="14" t="s">
        <v>1</v>
      </c>
      <c r="C39776" s="14" t="s">
        <v>47</v>
      </c>
      <c r="D39776" s="14" t="s">
        <v>236</v>
      </c>
      <c r="E39776" s="15">
        <v>45732</v>
      </c>
      <c r="F39776" s="14" t="s">
        <v>61</v>
      </c>
      <c r="G39776" s="16">
        <v>0</v>
      </c>
    </row>
    <row r="39777" spans="1:7" x14ac:dyDescent="0.3">
      <c r="A39777" s="13" t="s">
        <v>235</v>
      </c>
      <c r="B39777" s="14" t="s">
        <v>1</v>
      </c>
      <c r="C39777" s="14" t="s">
        <v>47</v>
      </c>
      <c r="D39777" s="14" t="s">
        <v>236</v>
      </c>
      <c r="E39777" s="15">
        <v>45733</v>
      </c>
      <c r="F39777" s="14" t="s">
        <v>61</v>
      </c>
      <c r="G39777" s="16">
        <v>0</v>
      </c>
    </row>
    <row r="39778" spans="1:7" x14ac:dyDescent="0.3">
      <c r="A39778" s="13" t="s">
        <v>235</v>
      </c>
      <c r="B39778" s="14" t="s">
        <v>1</v>
      </c>
      <c r="C39778" s="14" t="s">
        <v>47</v>
      </c>
      <c r="D39778" s="14" t="s">
        <v>236</v>
      </c>
      <c r="E39778" s="15">
        <v>45734</v>
      </c>
      <c r="F39778" s="14" t="s">
        <v>61</v>
      </c>
      <c r="G39778" s="16">
        <v>0</v>
      </c>
    </row>
    <row r="39779" spans="1:7" x14ac:dyDescent="0.3">
      <c r="A39779" s="13" t="s">
        <v>235</v>
      </c>
      <c r="B39779" s="14" t="s">
        <v>1</v>
      </c>
      <c r="C39779" s="14" t="s">
        <v>47</v>
      </c>
      <c r="D39779" s="14" t="s">
        <v>236</v>
      </c>
      <c r="E39779" s="15">
        <v>45735</v>
      </c>
      <c r="F39779" s="14" t="s">
        <v>61</v>
      </c>
      <c r="G39779" s="16">
        <v>0</v>
      </c>
    </row>
    <row r="39780" spans="1:7" x14ac:dyDescent="0.3">
      <c r="A39780" s="13" t="s">
        <v>235</v>
      </c>
      <c r="B39780" s="14" t="s">
        <v>1</v>
      </c>
      <c r="C39780" s="14" t="s">
        <v>47</v>
      </c>
      <c r="D39780" s="14" t="s">
        <v>236</v>
      </c>
      <c r="E39780" s="15">
        <v>45736</v>
      </c>
      <c r="F39780" s="14" t="s">
        <v>61</v>
      </c>
      <c r="G39780" s="16">
        <v>0</v>
      </c>
    </row>
    <row r="39781" spans="1:7" x14ac:dyDescent="0.3">
      <c r="A39781" s="13" t="s">
        <v>235</v>
      </c>
      <c r="B39781" s="14" t="s">
        <v>1</v>
      </c>
      <c r="C39781" s="14" t="s">
        <v>47</v>
      </c>
      <c r="D39781" s="14" t="s">
        <v>236</v>
      </c>
      <c r="E39781" s="15">
        <v>45737</v>
      </c>
      <c r="F39781" s="14" t="s">
        <v>61</v>
      </c>
      <c r="G39781" s="16">
        <v>0</v>
      </c>
    </row>
    <row r="39782" spans="1:7" x14ac:dyDescent="0.3">
      <c r="A39782" s="13" t="s">
        <v>235</v>
      </c>
      <c r="B39782" s="14" t="s">
        <v>1</v>
      </c>
      <c r="C39782" s="14" t="s">
        <v>47</v>
      </c>
      <c r="D39782" s="14" t="s">
        <v>236</v>
      </c>
      <c r="E39782" s="15">
        <v>45738</v>
      </c>
      <c r="F39782" s="14" t="s">
        <v>61</v>
      </c>
      <c r="G39782" s="16">
        <v>0</v>
      </c>
    </row>
    <row r="39783" spans="1:7" x14ac:dyDescent="0.3">
      <c r="A39783" s="13" t="s">
        <v>235</v>
      </c>
      <c r="B39783" s="14" t="s">
        <v>1</v>
      </c>
      <c r="C39783" s="14" t="s">
        <v>47</v>
      </c>
      <c r="D39783" s="14" t="s">
        <v>236</v>
      </c>
      <c r="E39783" s="15">
        <v>45739</v>
      </c>
      <c r="F39783" s="14" t="s">
        <v>61</v>
      </c>
      <c r="G39783" s="16">
        <v>0</v>
      </c>
    </row>
    <row r="39784" spans="1:7" x14ac:dyDescent="0.3">
      <c r="A39784" s="13" t="s">
        <v>235</v>
      </c>
      <c r="B39784" s="14" t="s">
        <v>1</v>
      </c>
      <c r="C39784" s="14" t="s">
        <v>47</v>
      </c>
      <c r="D39784" s="14" t="s">
        <v>236</v>
      </c>
      <c r="E39784" s="15">
        <v>45740</v>
      </c>
      <c r="F39784" s="14" t="s">
        <v>61</v>
      </c>
      <c r="G39784" s="16">
        <v>0</v>
      </c>
    </row>
    <row r="39785" spans="1:7" x14ac:dyDescent="0.3">
      <c r="A39785" s="13" t="s">
        <v>235</v>
      </c>
      <c r="B39785" s="14" t="s">
        <v>1</v>
      </c>
      <c r="C39785" s="14" t="s">
        <v>47</v>
      </c>
      <c r="D39785" s="14" t="s">
        <v>236</v>
      </c>
      <c r="E39785" s="15">
        <v>45741</v>
      </c>
      <c r="F39785" s="14" t="s">
        <v>61</v>
      </c>
      <c r="G39785" s="16">
        <v>0</v>
      </c>
    </row>
    <row r="39786" spans="1:7" x14ac:dyDescent="0.3">
      <c r="A39786" s="13" t="s">
        <v>235</v>
      </c>
      <c r="B39786" s="14" t="s">
        <v>1</v>
      </c>
      <c r="C39786" s="14" t="s">
        <v>47</v>
      </c>
      <c r="D39786" s="14" t="s">
        <v>236</v>
      </c>
      <c r="E39786" s="15">
        <v>45742</v>
      </c>
      <c r="F39786" s="14" t="s">
        <v>61</v>
      </c>
      <c r="G39786" s="16">
        <v>0</v>
      </c>
    </row>
    <row r="39787" spans="1:7" x14ac:dyDescent="0.3">
      <c r="A39787" s="13" t="s">
        <v>235</v>
      </c>
      <c r="B39787" s="14" t="s">
        <v>1</v>
      </c>
      <c r="C39787" s="14" t="s">
        <v>47</v>
      </c>
      <c r="D39787" s="14" t="s">
        <v>236</v>
      </c>
      <c r="E39787" s="15">
        <v>45743</v>
      </c>
      <c r="F39787" s="14" t="s">
        <v>61</v>
      </c>
      <c r="G39787" s="16">
        <v>0</v>
      </c>
    </row>
    <row r="39788" spans="1:7" x14ac:dyDescent="0.3">
      <c r="A39788" s="13" t="s">
        <v>235</v>
      </c>
      <c r="B39788" s="14" t="s">
        <v>1</v>
      </c>
      <c r="C39788" s="14" t="s">
        <v>47</v>
      </c>
      <c r="D39788" s="14" t="s">
        <v>236</v>
      </c>
      <c r="E39788" s="15">
        <v>45744</v>
      </c>
      <c r="F39788" s="14" t="s">
        <v>61</v>
      </c>
      <c r="G39788" s="16">
        <v>0</v>
      </c>
    </row>
    <row r="39789" spans="1:7" x14ac:dyDescent="0.3">
      <c r="A39789" s="13" t="s">
        <v>235</v>
      </c>
      <c r="B39789" s="14" t="s">
        <v>1</v>
      </c>
      <c r="C39789" s="14" t="s">
        <v>47</v>
      </c>
      <c r="D39789" s="14" t="s">
        <v>236</v>
      </c>
      <c r="E39789" s="15">
        <v>45745</v>
      </c>
      <c r="F39789" s="14" t="s">
        <v>61</v>
      </c>
      <c r="G39789" s="16">
        <v>0</v>
      </c>
    </row>
    <row r="39790" spans="1:7" x14ac:dyDescent="0.3">
      <c r="A39790" s="13" t="s">
        <v>235</v>
      </c>
      <c r="B39790" s="14" t="s">
        <v>1</v>
      </c>
      <c r="C39790" s="14" t="s">
        <v>47</v>
      </c>
      <c r="D39790" s="14" t="s">
        <v>236</v>
      </c>
      <c r="E39790" s="15">
        <v>45746</v>
      </c>
      <c r="F39790" s="14" t="s">
        <v>61</v>
      </c>
      <c r="G39790" s="16">
        <v>0</v>
      </c>
    </row>
    <row r="39791" spans="1:7" x14ac:dyDescent="0.3">
      <c r="A39791" s="13" t="s">
        <v>235</v>
      </c>
      <c r="B39791" s="14" t="s">
        <v>1</v>
      </c>
      <c r="C39791" s="14" t="s">
        <v>47</v>
      </c>
      <c r="D39791" s="14" t="s">
        <v>236</v>
      </c>
      <c r="E39791" s="15">
        <v>45747</v>
      </c>
      <c r="F39791" s="14" t="s">
        <v>61</v>
      </c>
      <c r="G39791" s="16">
        <v>0</v>
      </c>
    </row>
    <row r="39792" spans="1:7" x14ac:dyDescent="0.3">
      <c r="A39792" s="13" t="s">
        <v>237</v>
      </c>
      <c r="B39792" s="14" t="s">
        <v>1</v>
      </c>
      <c r="C39792" s="14" t="s">
        <v>238</v>
      </c>
      <c r="D39792" s="14" t="s">
        <v>239</v>
      </c>
      <c r="E39792" s="15">
        <v>45383</v>
      </c>
      <c r="F39792" s="14" t="s">
        <v>61</v>
      </c>
      <c r="G39792" s="16">
        <v>0</v>
      </c>
    </row>
    <row r="39793" spans="1:7" x14ac:dyDescent="0.3">
      <c r="A39793" s="13" t="s">
        <v>237</v>
      </c>
      <c r="B39793" s="14" t="s">
        <v>1</v>
      </c>
      <c r="C39793" s="14" t="s">
        <v>238</v>
      </c>
      <c r="D39793" s="14" t="s">
        <v>239</v>
      </c>
      <c r="E39793" s="15">
        <v>45384</v>
      </c>
      <c r="F39793" s="14" t="s">
        <v>61</v>
      </c>
      <c r="G39793" s="16">
        <v>0</v>
      </c>
    </row>
    <row r="39794" spans="1:7" x14ac:dyDescent="0.3">
      <c r="A39794" s="13" t="s">
        <v>237</v>
      </c>
      <c r="B39794" s="14" t="s">
        <v>1</v>
      </c>
      <c r="C39794" s="14" t="s">
        <v>238</v>
      </c>
      <c r="D39794" s="14" t="s">
        <v>239</v>
      </c>
      <c r="E39794" s="15">
        <v>45385</v>
      </c>
      <c r="F39794" s="14" t="s">
        <v>61</v>
      </c>
      <c r="G39794" s="16">
        <v>5.0325031242926838E-2</v>
      </c>
    </row>
    <row r="39795" spans="1:7" x14ac:dyDescent="0.3">
      <c r="A39795" s="13" t="s">
        <v>237</v>
      </c>
      <c r="B39795" s="14" t="s">
        <v>1</v>
      </c>
      <c r="C39795" s="14" t="s">
        <v>238</v>
      </c>
      <c r="D39795" s="14" t="s">
        <v>239</v>
      </c>
      <c r="E39795" s="15">
        <v>45386</v>
      </c>
      <c r="F39795" s="14" t="s">
        <v>61</v>
      </c>
      <c r="G39795" s="16">
        <v>6.1656306472093789E-2</v>
      </c>
    </row>
    <row r="39796" spans="1:7" x14ac:dyDescent="0.3">
      <c r="A39796" s="13" t="s">
        <v>237</v>
      </c>
      <c r="B39796" s="14" t="s">
        <v>1</v>
      </c>
      <c r="C39796" s="14" t="s">
        <v>238</v>
      </c>
      <c r="D39796" s="14" t="s">
        <v>239</v>
      </c>
      <c r="E39796" s="15">
        <v>45387</v>
      </c>
      <c r="F39796" s="14" t="s">
        <v>61</v>
      </c>
      <c r="G39796" s="16">
        <v>7.1866059357948861E-2</v>
      </c>
    </row>
    <row r="39797" spans="1:7" x14ac:dyDescent="0.3">
      <c r="A39797" s="13" t="s">
        <v>237</v>
      </c>
      <c r="B39797" s="14" t="s">
        <v>1</v>
      </c>
      <c r="C39797" s="14" t="s">
        <v>238</v>
      </c>
      <c r="D39797" s="14" t="s">
        <v>239</v>
      </c>
      <c r="E39797" s="15">
        <v>45388</v>
      </c>
      <c r="F39797" s="14" t="s">
        <v>61</v>
      </c>
      <c r="G39797" s="16">
        <v>7.1866059357948861E-2</v>
      </c>
    </row>
    <row r="39798" spans="1:7" x14ac:dyDescent="0.3">
      <c r="A39798" s="13" t="s">
        <v>237</v>
      </c>
      <c r="B39798" s="14" t="s">
        <v>1</v>
      </c>
      <c r="C39798" s="14" t="s">
        <v>238</v>
      </c>
      <c r="D39798" s="14" t="s">
        <v>239</v>
      </c>
      <c r="E39798" s="15">
        <v>45389</v>
      </c>
      <c r="F39798" s="14" t="s">
        <v>61</v>
      </c>
      <c r="G39798" s="16">
        <v>7.1866059357948861E-2</v>
      </c>
    </row>
    <row r="39799" spans="1:7" x14ac:dyDescent="0.3">
      <c r="A39799" s="13" t="s">
        <v>237</v>
      </c>
      <c r="B39799" s="14" t="s">
        <v>1</v>
      </c>
      <c r="C39799" s="14" t="s">
        <v>238</v>
      </c>
      <c r="D39799" s="14" t="s">
        <v>239</v>
      </c>
      <c r="E39799" s="15">
        <v>45390</v>
      </c>
      <c r="F39799" s="14" t="s">
        <v>61</v>
      </c>
      <c r="G39799" s="16">
        <v>8.2637832949721254E-2</v>
      </c>
    </row>
    <row r="39800" spans="1:7" x14ac:dyDescent="0.3">
      <c r="A39800" s="13" t="s">
        <v>237</v>
      </c>
      <c r="B39800" s="14" t="s">
        <v>1</v>
      </c>
      <c r="C39800" s="14" t="s">
        <v>238</v>
      </c>
      <c r="D39800" s="14" t="s">
        <v>239</v>
      </c>
      <c r="E39800" s="15">
        <v>45391</v>
      </c>
      <c r="F39800" s="14" t="s">
        <v>61</v>
      </c>
      <c r="G39800" s="16">
        <v>0.11322013955161538</v>
      </c>
    </row>
    <row r="39801" spans="1:7" x14ac:dyDescent="0.3">
      <c r="A39801" s="13" t="s">
        <v>237</v>
      </c>
      <c r="B39801" s="14" t="s">
        <v>1</v>
      </c>
      <c r="C39801" s="14" t="s">
        <v>238</v>
      </c>
      <c r="D39801" s="14" t="s">
        <v>239</v>
      </c>
      <c r="E39801" s="15">
        <v>45392</v>
      </c>
      <c r="F39801" s="14" t="s">
        <v>61</v>
      </c>
      <c r="G39801" s="16">
        <v>0.12344444934983577</v>
      </c>
    </row>
    <row r="39802" spans="1:7" x14ac:dyDescent="0.3">
      <c r="A39802" s="13" t="s">
        <v>237</v>
      </c>
      <c r="B39802" s="14" t="s">
        <v>1</v>
      </c>
      <c r="C39802" s="14" t="s">
        <v>238</v>
      </c>
      <c r="D39802" s="14" t="s">
        <v>239</v>
      </c>
      <c r="E39802" s="15">
        <v>45393</v>
      </c>
      <c r="F39802" s="14" t="s">
        <v>61</v>
      </c>
      <c r="G39802" s="16">
        <v>0.13360074429794075</v>
      </c>
    </row>
    <row r="39803" spans="1:7" x14ac:dyDescent="0.3">
      <c r="A39803" s="13" t="s">
        <v>237</v>
      </c>
      <c r="B39803" s="14" t="s">
        <v>1</v>
      </c>
      <c r="C39803" s="14" t="s">
        <v>238</v>
      </c>
      <c r="D39803" s="14" t="s">
        <v>239</v>
      </c>
      <c r="E39803" s="15">
        <v>45394</v>
      </c>
      <c r="F39803" s="14" t="s">
        <v>61</v>
      </c>
      <c r="G39803" s="16">
        <v>0.14377510633586083</v>
      </c>
    </row>
    <row r="39804" spans="1:7" x14ac:dyDescent="0.3">
      <c r="A39804" s="13" t="s">
        <v>237</v>
      </c>
      <c r="B39804" s="14" t="s">
        <v>1</v>
      </c>
      <c r="C39804" s="14" t="s">
        <v>238</v>
      </c>
      <c r="D39804" s="14" t="s">
        <v>239</v>
      </c>
      <c r="E39804" s="15">
        <v>45395</v>
      </c>
      <c r="F39804" s="14" t="s">
        <v>61</v>
      </c>
      <c r="G39804" s="16">
        <v>0.14377510633586083</v>
      </c>
    </row>
    <row r="39805" spans="1:7" x14ac:dyDescent="0.3">
      <c r="A39805" s="13" t="s">
        <v>237</v>
      </c>
      <c r="B39805" s="14" t="s">
        <v>1</v>
      </c>
      <c r="C39805" s="14" t="s">
        <v>238</v>
      </c>
      <c r="D39805" s="14" t="s">
        <v>239</v>
      </c>
      <c r="E39805" s="15">
        <v>45396</v>
      </c>
      <c r="F39805" s="14" t="s">
        <v>61</v>
      </c>
      <c r="G39805" s="16">
        <v>0.14377510633586083</v>
      </c>
    </row>
    <row r="39806" spans="1:7" x14ac:dyDescent="0.3">
      <c r="A39806" s="13" t="s">
        <v>237</v>
      </c>
      <c r="B39806" s="14" t="s">
        <v>1</v>
      </c>
      <c r="C39806" s="14" t="s">
        <v>238</v>
      </c>
      <c r="D39806" s="14" t="s">
        <v>239</v>
      </c>
      <c r="E39806" s="15">
        <v>45397</v>
      </c>
      <c r="F39806" s="14" t="s">
        <v>61</v>
      </c>
      <c r="G39806" s="16">
        <v>0.15395000522444974</v>
      </c>
    </row>
    <row r="39807" spans="1:7" x14ac:dyDescent="0.3">
      <c r="A39807" s="13" t="s">
        <v>237</v>
      </c>
      <c r="B39807" s="14" t="s">
        <v>1</v>
      </c>
      <c r="C39807" s="14" t="s">
        <v>238</v>
      </c>
      <c r="D39807" s="14" t="s">
        <v>239</v>
      </c>
      <c r="E39807" s="15">
        <v>45398</v>
      </c>
      <c r="F39807" s="14" t="s">
        <v>61</v>
      </c>
      <c r="G39807" s="16">
        <v>0.18427815433087608</v>
      </c>
    </row>
    <row r="39808" spans="1:7" x14ac:dyDescent="0.3">
      <c r="A39808" s="13" t="s">
        <v>237</v>
      </c>
      <c r="B39808" s="14" t="s">
        <v>1</v>
      </c>
      <c r="C39808" s="14" t="s">
        <v>238</v>
      </c>
      <c r="D39808" s="14" t="s">
        <v>239</v>
      </c>
      <c r="E39808" s="15">
        <v>45399</v>
      </c>
      <c r="F39808" s="14" t="s">
        <v>61</v>
      </c>
      <c r="G39808" s="16">
        <v>0.19445245442448822</v>
      </c>
    </row>
    <row r="39809" spans="1:7" x14ac:dyDescent="0.3">
      <c r="A39809" s="13" t="s">
        <v>237</v>
      </c>
      <c r="B39809" s="14" t="s">
        <v>1</v>
      </c>
      <c r="C39809" s="14" t="s">
        <v>238</v>
      </c>
      <c r="D39809" s="14" t="s">
        <v>239</v>
      </c>
      <c r="E39809" s="15">
        <v>45400</v>
      </c>
      <c r="F39809" s="14" t="s">
        <v>61</v>
      </c>
      <c r="G39809" s="16">
        <v>0.20466371462183644</v>
      </c>
    </row>
    <row r="39810" spans="1:7" x14ac:dyDescent="0.3">
      <c r="A39810" s="13" t="s">
        <v>237</v>
      </c>
      <c r="B39810" s="14" t="s">
        <v>1</v>
      </c>
      <c r="C39810" s="14" t="s">
        <v>238</v>
      </c>
      <c r="D39810" s="14" t="s">
        <v>239</v>
      </c>
      <c r="E39810" s="15">
        <v>45401</v>
      </c>
      <c r="F39810" s="14" t="s">
        <v>61</v>
      </c>
      <c r="G39810" s="16">
        <v>0.21495667936135429</v>
      </c>
    </row>
    <row r="39811" spans="1:7" x14ac:dyDescent="0.3">
      <c r="A39811" s="13" t="s">
        <v>237</v>
      </c>
      <c r="B39811" s="14" t="s">
        <v>1</v>
      </c>
      <c r="C39811" s="14" t="s">
        <v>238</v>
      </c>
      <c r="D39811" s="14" t="s">
        <v>239</v>
      </c>
      <c r="E39811" s="15">
        <v>45402</v>
      </c>
      <c r="F39811" s="14" t="s">
        <v>61</v>
      </c>
      <c r="G39811" s="16">
        <v>0.21495667936135429</v>
      </c>
    </row>
    <row r="39812" spans="1:7" x14ac:dyDescent="0.3">
      <c r="A39812" s="13" t="s">
        <v>237</v>
      </c>
      <c r="B39812" s="14" t="s">
        <v>1</v>
      </c>
      <c r="C39812" s="14" t="s">
        <v>238</v>
      </c>
      <c r="D39812" s="14" t="s">
        <v>239</v>
      </c>
      <c r="E39812" s="15">
        <v>45403</v>
      </c>
      <c r="F39812" s="14" t="s">
        <v>61</v>
      </c>
      <c r="G39812" s="16">
        <v>0.21495667936135429</v>
      </c>
    </row>
    <row r="39813" spans="1:7" x14ac:dyDescent="0.3">
      <c r="A39813" s="13" t="s">
        <v>237</v>
      </c>
      <c r="B39813" s="14" t="s">
        <v>1</v>
      </c>
      <c r="C39813" s="14" t="s">
        <v>238</v>
      </c>
      <c r="D39813" s="14" t="s">
        <v>239</v>
      </c>
      <c r="E39813" s="15">
        <v>45404</v>
      </c>
      <c r="F39813" s="14" t="s">
        <v>61</v>
      </c>
      <c r="G39813" s="16">
        <v>0.22521512047324826</v>
      </c>
    </row>
    <row r="39814" spans="1:7" x14ac:dyDescent="0.3">
      <c r="A39814" s="13" t="s">
        <v>237</v>
      </c>
      <c r="B39814" s="14" t="s">
        <v>1</v>
      </c>
      <c r="C39814" s="14" t="s">
        <v>238</v>
      </c>
      <c r="D39814" s="14" t="s">
        <v>239</v>
      </c>
      <c r="E39814" s="15">
        <v>45405</v>
      </c>
      <c r="F39814" s="14" t="s">
        <v>61</v>
      </c>
      <c r="G39814" s="16">
        <v>0.25592998789412874</v>
      </c>
    </row>
    <row r="39815" spans="1:7" x14ac:dyDescent="0.3">
      <c r="A39815" s="13" t="s">
        <v>237</v>
      </c>
      <c r="B39815" s="14" t="s">
        <v>1</v>
      </c>
      <c r="C39815" s="14" t="s">
        <v>238</v>
      </c>
      <c r="D39815" s="14" t="s">
        <v>239</v>
      </c>
      <c r="E39815" s="15">
        <v>45406</v>
      </c>
      <c r="F39815" s="14" t="s">
        <v>61</v>
      </c>
      <c r="G39815" s="16">
        <v>0.26659701366117872</v>
      </c>
    </row>
    <row r="39816" spans="1:7" x14ac:dyDescent="0.3">
      <c r="A39816" s="13" t="s">
        <v>237</v>
      </c>
      <c r="B39816" s="14" t="s">
        <v>1</v>
      </c>
      <c r="C39816" s="14" t="s">
        <v>238</v>
      </c>
      <c r="D39816" s="14" t="s">
        <v>239</v>
      </c>
      <c r="E39816" s="15">
        <v>45407</v>
      </c>
      <c r="F39816" s="14" t="s">
        <v>61</v>
      </c>
      <c r="G39816" s="16">
        <v>0.27685153163357001</v>
      </c>
    </row>
    <row r="39817" spans="1:7" x14ac:dyDescent="0.3">
      <c r="A39817" s="13" t="s">
        <v>237</v>
      </c>
      <c r="B39817" s="14" t="s">
        <v>1</v>
      </c>
      <c r="C39817" s="14" t="s">
        <v>238</v>
      </c>
      <c r="D39817" s="14" t="s">
        <v>239</v>
      </c>
      <c r="E39817" s="15">
        <v>45408</v>
      </c>
      <c r="F39817" s="14" t="s">
        <v>61</v>
      </c>
      <c r="G39817" s="16">
        <v>0.29248748200613806</v>
      </c>
    </row>
    <row r="39818" spans="1:7" x14ac:dyDescent="0.3">
      <c r="A39818" s="13" t="s">
        <v>237</v>
      </c>
      <c r="B39818" s="14" t="s">
        <v>1</v>
      </c>
      <c r="C39818" s="14" t="s">
        <v>238</v>
      </c>
      <c r="D39818" s="14" t="s">
        <v>239</v>
      </c>
      <c r="E39818" s="15">
        <v>45409</v>
      </c>
      <c r="F39818" s="14" t="s">
        <v>61</v>
      </c>
      <c r="G39818" s="16">
        <v>0.29248748200613806</v>
      </c>
    </row>
    <row r="39819" spans="1:7" x14ac:dyDescent="0.3">
      <c r="A39819" s="13" t="s">
        <v>237</v>
      </c>
      <c r="B39819" s="14" t="s">
        <v>1</v>
      </c>
      <c r="C39819" s="14" t="s">
        <v>238</v>
      </c>
      <c r="D39819" s="14" t="s">
        <v>239</v>
      </c>
      <c r="E39819" s="15">
        <v>45410</v>
      </c>
      <c r="F39819" s="14" t="s">
        <v>61</v>
      </c>
      <c r="G39819" s="16">
        <v>0.29248748200613806</v>
      </c>
    </row>
    <row r="39820" spans="1:7" x14ac:dyDescent="0.3">
      <c r="A39820" s="13" t="s">
        <v>237</v>
      </c>
      <c r="B39820" s="14" t="s">
        <v>1</v>
      </c>
      <c r="C39820" s="14" t="s">
        <v>238</v>
      </c>
      <c r="D39820" s="14" t="s">
        <v>239</v>
      </c>
      <c r="E39820" s="15">
        <v>45411</v>
      </c>
      <c r="F39820" s="14" t="s">
        <v>61</v>
      </c>
      <c r="G39820" s="16">
        <v>0.30273266703613344</v>
      </c>
    </row>
    <row r="39821" spans="1:7" x14ac:dyDescent="0.3">
      <c r="A39821" s="13" t="s">
        <v>237</v>
      </c>
      <c r="B39821" s="14" t="s">
        <v>1</v>
      </c>
      <c r="C39821" s="14" t="s">
        <v>238</v>
      </c>
      <c r="D39821" s="14" t="s">
        <v>239</v>
      </c>
      <c r="E39821" s="15">
        <v>45412</v>
      </c>
      <c r="F39821" s="14" t="s">
        <v>61</v>
      </c>
      <c r="G39821" s="16">
        <v>0.33339046310130072</v>
      </c>
    </row>
    <row r="39822" spans="1:7" x14ac:dyDescent="0.3">
      <c r="A39822" s="13" t="s">
        <v>237</v>
      </c>
      <c r="B39822" s="14" t="s">
        <v>1</v>
      </c>
      <c r="C39822" s="14" t="s">
        <v>238</v>
      </c>
      <c r="D39822" s="14" t="s">
        <v>239</v>
      </c>
      <c r="E39822" s="15">
        <v>45413</v>
      </c>
      <c r="F39822" s="14" t="s">
        <v>61</v>
      </c>
      <c r="G39822" s="16">
        <v>0.33339046310130072</v>
      </c>
    </row>
    <row r="39823" spans="1:7" x14ac:dyDescent="0.3">
      <c r="A39823" s="13" t="s">
        <v>237</v>
      </c>
      <c r="B39823" s="14" t="s">
        <v>1</v>
      </c>
      <c r="C39823" s="14" t="s">
        <v>238</v>
      </c>
      <c r="D39823" s="14" t="s">
        <v>239</v>
      </c>
      <c r="E39823" s="15">
        <v>45414</v>
      </c>
      <c r="F39823" s="14" t="s">
        <v>61</v>
      </c>
      <c r="G39823" s="16">
        <v>0.34362071955308315</v>
      </c>
    </row>
    <row r="39824" spans="1:7" x14ac:dyDescent="0.3">
      <c r="A39824" s="13" t="s">
        <v>237</v>
      </c>
      <c r="B39824" s="14" t="s">
        <v>1</v>
      </c>
      <c r="C39824" s="14" t="s">
        <v>238</v>
      </c>
      <c r="D39824" s="14" t="s">
        <v>239</v>
      </c>
      <c r="E39824" s="15">
        <v>45415</v>
      </c>
      <c r="F39824" s="14" t="s">
        <v>61</v>
      </c>
      <c r="G39824" s="16">
        <v>0.36442352724313226</v>
      </c>
    </row>
    <row r="39825" spans="1:7" x14ac:dyDescent="0.3">
      <c r="A39825" s="13" t="s">
        <v>237</v>
      </c>
      <c r="B39825" s="14" t="s">
        <v>1</v>
      </c>
      <c r="C39825" s="14" t="s">
        <v>238</v>
      </c>
      <c r="D39825" s="14" t="s">
        <v>239</v>
      </c>
      <c r="E39825" s="15">
        <v>45416</v>
      </c>
      <c r="F39825" s="14" t="s">
        <v>61</v>
      </c>
      <c r="G39825" s="16">
        <v>0.36442352724313226</v>
      </c>
    </row>
    <row r="39826" spans="1:7" x14ac:dyDescent="0.3">
      <c r="A39826" s="13" t="s">
        <v>237</v>
      </c>
      <c r="B39826" s="14" t="s">
        <v>1</v>
      </c>
      <c r="C39826" s="14" t="s">
        <v>238</v>
      </c>
      <c r="D39826" s="14" t="s">
        <v>239</v>
      </c>
      <c r="E39826" s="15">
        <v>45417</v>
      </c>
      <c r="F39826" s="14" t="s">
        <v>61</v>
      </c>
      <c r="G39826" s="16">
        <v>0.36442352724313226</v>
      </c>
    </row>
    <row r="39827" spans="1:7" x14ac:dyDescent="0.3">
      <c r="A39827" s="13" t="s">
        <v>237</v>
      </c>
      <c r="B39827" s="14" t="s">
        <v>1</v>
      </c>
      <c r="C39827" s="14" t="s">
        <v>238</v>
      </c>
      <c r="D39827" s="14" t="s">
        <v>239</v>
      </c>
      <c r="E39827" s="15">
        <v>45418</v>
      </c>
      <c r="F39827" s="14" t="s">
        <v>61</v>
      </c>
      <c r="G39827" s="16">
        <v>0.36442352724313226</v>
      </c>
    </row>
    <row r="39828" spans="1:7" x14ac:dyDescent="0.3">
      <c r="A39828" s="13" t="s">
        <v>237</v>
      </c>
      <c r="B39828" s="14" t="s">
        <v>1</v>
      </c>
      <c r="C39828" s="14" t="s">
        <v>238</v>
      </c>
      <c r="D39828" s="14" t="s">
        <v>239</v>
      </c>
      <c r="E39828" s="15">
        <v>45419</v>
      </c>
      <c r="F39828" s="14" t="s">
        <v>61</v>
      </c>
      <c r="G39828" s="16">
        <v>0.37464118835230065</v>
      </c>
    </row>
    <row r="39829" spans="1:7" x14ac:dyDescent="0.3">
      <c r="A39829" s="13" t="s">
        <v>237</v>
      </c>
      <c r="B39829" s="14" t="s">
        <v>1</v>
      </c>
      <c r="C39829" s="14" t="s">
        <v>238</v>
      </c>
      <c r="D39829" s="14" t="s">
        <v>239</v>
      </c>
      <c r="E39829" s="15">
        <v>45420</v>
      </c>
      <c r="F39829" s="14" t="s">
        <v>61</v>
      </c>
      <c r="G39829" s="16">
        <v>0.41536032993042882</v>
      </c>
    </row>
    <row r="39830" spans="1:7" x14ac:dyDescent="0.3">
      <c r="A39830" s="13" t="s">
        <v>237</v>
      </c>
      <c r="B39830" s="14" t="s">
        <v>1</v>
      </c>
      <c r="C39830" s="14" t="s">
        <v>238</v>
      </c>
      <c r="D39830" s="14" t="s">
        <v>239</v>
      </c>
      <c r="E39830" s="15">
        <v>45421</v>
      </c>
      <c r="F39830" s="14" t="s">
        <v>61</v>
      </c>
      <c r="G39830" s="16">
        <v>0.41536032993042882</v>
      </c>
    </row>
    <row r="39831" spans="1:7" x14ac:dyDescent="0.3">
      <c r="A39831" s="13" t="s">
        <v>237</v>
      </c>
      <c r="B39831" s="14" t="s">
        <v>1</v>
      </c>
      <c r="C39831" s="14" t="s">
        <v>238</v>
      </c>
      <c r="D39831" s="14" t="s">
        <v>239</v>
      </c>
      <c r="E39831" s="15">
        <v>45422</v>
      </c>
      <c r="F39831" s="14" t="s">
        <v>61</v>
      </c>
      <c r="G39831" s="16">
        <v>0.42557497641661096</v>
      </c>
    </row>
    <row r="39832" spans="1:7" x14ac:dyDescent="0.3">
      <c r="A39832" s="13" t="s">
        <v>237</v>
      </c>
      <c r="B39832" s="14" t="s">
        <v>1</v>
      </c>
      <c r="C39832" s="14" t="s">
        <v>238</v>
      </c>
      <c r="D39832" s="14" t="s">
        <v>239</v>
      </c>
      <c r="E39832" s="15">
        <v>45423</v>
      </c>
      <c r="F39832" s="14" t="s">
        <v>61</v>
      </c>
      <c r="G39832" s="16">
        <v>0.42557497641661096</v>
      </c>
    </row>
    <row r="39833" spans="1:7" x14ac:dyDescent="0.3">
      <c r="A39833" s="13" t="s">
        <v>237</v>
      </c>
      <c r="B39833" s="14" t="s">
        <v>1</v>
      </c>
      <c r="C39833" s="14" t="s">
        <v>238</v>
      </c>
      <c r="D39833" s="14" t="s">
        <v>239</v>
      </c>
      <c r="E39833" s="15">
        <v>45424</v>
      </c>
      <c r="F39833" s="14" t="s">
        <v>61</v>
      </c>
      <c r="G39833" s="16">
        <v>0.42557497641661096</v>
      </c>
    </row>
    <row r="39834" spans="1:7" x14ac:dyDescent="0.3">
      <c r="A39834" s="13" t="s">
        <v>237</v>
      </c>
      <c r="B39834" s="14" t="s">
        <v>1</v>
      </c>
      <c r="C39834" s="14" t="s">
        <v>238</v>
      </c>
      <c r="D39834" s="14" t="s">
        <v>239</v>
      </c>
      <c r="E39834" s="15">
        <v>45425</v>
      </c>
      <c r="F39834" s="14" t="s">
        <v>61</v>
      </c>
      <c r="G39834" s="16">
        <v>0.44237770977349056</v>
      </c>
    </row>
    <row r="39835" spans="1:7" x14ac:dyDescent="0.3">
      <c r="A39835" s="13" t="s">
        <v>237</v>
      </c>
      <c r="B39835" s="14" t="s">
        <v>1</v>
      </c>
      <c r="C39835" s="14" t="s">
        <v>238</v>
      </c>
      <c r="D39835" s="14" t="s">
        <v>239</v>
      </c>
      <c r="E39835" s="15">
        <v>45426</v>
      </c>
      <c r="F39835" s="14" t="s">
        <v>61</v>
      </c>
      <c r="G39835" s="16">
        <v>0.47290614547558163</v>
      </c>
    </row>
    <row r="39836" spans="1:7" x14ac:dyDescent="0.3">
      <c r="A39836" s="13" t="s">
        <v>237</v>
      </c>
      <c r="B39836" s="14" t="s">
        <v>1</v>
      </c>
      <c r="C39836" s="14" t="s">
        <v>238</v>
      </c>
      <c r="D39836" s="14" t="s">
        <v>239</v>
      </c>
      <c r="E39836" s="15">
        <v>45427</v>
      </c>
      <c r="F39836" s="14" t="s">
        <v>61</v>
      </c>
      <c r="G39836" s="16">
        <v>0.48310249774281955</v>
      </c>
    </row>
    <row r="39837" spans="1:7" x14ac:dyDescent="0.3">
      <c r="A39837" s="13" t="s">
        <v>237</v>
      </c>
      <c r="B39837" s="14" t="s">
        <v>1</v>
      </c>
      <c r="C39837" s="14" t="s">
        <v>238</v>
      </c>
      <c r="D39837" s="14" t="s">
        <v>239</v>
      </c>
      <c r="E39837" s="15">
        <v>45428</v>
      </c>
      <c r="F39837" s="14" t="s">
        <v>61</v>
      </c>
      <c r="G39837" s="16">
        <v>0.49322222490113871</v>
      </c>
    </row>
    <row r="39838" spans="1:7" x14ac:dyDescent="0.3">
      <c r="A39838" s="13" t="s">
        <v>237</v>
      </c>
      <c r="B39838" s="14" t="s">
        <v>1</v>
      </c>
      <c r="C39838" s="14" t="s">
        <v>238</v>
      </c>
      <c r="D39838" s="14" t="s">
        <v>239</v>
      </c>
      <c r="E39838" s="15">
        <v>45429</v>
      </c>
      <c r="F39838" s="14" t="s">
        <v>61</v>
      </c>
      <c r="G39838" s="16">
        <v>0.50333542725902181</v>
      </c>
    </row>
    <row r="39839" spans="1:7" x14ac:dyDescent="0.3">
      <c r="A39839" s="13" t="s">
        <v>237</v>
      </c>
      <c r="B39839" s="14" t="s">
        <v>1</v>
      </c>
      <c r="C39839" s="14" t="s">
        <v>238</v>
      </c>
      <c r="D39839" s="14" t="s">
        <v>239</v>
      </c>
      <c r="E39839" s="15">
        <v>45430</v>
      </c>
      <c r="F39839" s="14" t="s">
        <v>61</v>
      </c>
      <c r="G39839" s="16">
        <v>0.50333542725902181</v>
      </c>
    </row>
    <row r="39840" spans="1:7" x14ac:dyDescent="0.3">
      <c r="A39840" s="13" t="s">
        <v>237</v>
      </c>
      <c r="B39840" s="14" t="s">
        <v>1</v>
      </c>
      <c r="C39840" s="14" t="s">
        <v>238</v>
      </c>
      <c r="D39840" s="14" t="s">
        <v>239</v>
      </c>
      <c r="E39840" s="15">
        <v>45431</v>
      </c>
      <c r="F39840" s="14" t="s">
        <v>61</v>
      </c>
      <c r="G39840" s="16">
        <v>0.50333542725902181</v>
      </c>
    </row>
    <row r="39841" spans="1:7" x14ac:dyDescent="0.3">
      <c r="A39841" s="13" t="s">
        <v>237</v>
      </c>
      <c r="B39841" s="14" t="s">
        <v>1</v>
      </c>
      <c r="C39841" s="14" t="s">
        <v>238</v>
      </c>
      <c r="D39841" s="14" t="s">
        <v>239</v>
      </c>
      <c r="E39841" s="15">
        <v>45432</v>
      </c>
      <c r="F39841" s="14" t="s">
        <v>61</v>
      </c>
      <c r="G39841" s="16">
        <v>0.50333542725902181</v>
      </c>
    </row>
    <row r="39842" spans="1:7" x14ac:dyDescent="0.3">
      <c r="A39842" s="13" t="s">
        <v>237</v>
      </c>
      <c r="B39842" s="14" t="s">
        <v>1</v>
      </c>
      <c r="C39842" s="14" t="s">
        <v>238</v>
      </c>
      <c r="D39842" s="14" t="s">
        <v>239</v>
      </c>
      <c r="E39842" s="15">
        <v>45433</v>
      </c>
      <c r="F39842" s="14" t="s">
        <v>61</v>
      </c>
      <c r="G39842" s="16">
        <v>0.51358024062316954</v>
      </c>
    </row>
    <row r="39843" spans="1:7" x14ac:dyDescent="0.3">
      <c r="A39843" s="13" t="s">
        <v>237</v>
      </c>
      <c r="B39843" s="14" t="s">
        <v>1</v>
      </c>
      <c r="C39843" s="14" t="s">
        <v>238</v>
      </c>
      <c r="D39843" s="14" t="s">
        <v>239</v>
      </c>
      <c r="E39843" s="15">
        <v>45434</v>
      </c>
      <c r="F39843" s="14" t="s">
        <v>61</v>
      </c>
      <c r="G39843" s="16">
        <v>0.5545654949481974</v>
      </c>
    </row>
    <row r="39844" spans="1:7" x14ac:dyDescent="0.3">
      <c r="A39844" s="13" t="s">
        <v>237</v>
      </c>
      <c r="B39844" s="14" t="s">
        <v>1</v>
      </c>
      <c r="C39844" s="14" t="s">
        <v>238</v>
      </c>
      <c r="D39844" s="14" t="s">
        <v>239</v>
      </c>
      <c r="E39844" s="15">
        <v>45435</v>
      </c>
      <c r="F39844" s="14" t="s">
        <v>61</v>
      </c>
      <c r="G39844" s="16">
        <v>0.56483556094188103</v>
      </c>
    </row>
    <row r="39845" spans="1:7" x14ac:dyDescent="0.3">
      <c r="A39845" s="13" t="s">
        <v>237</v>
      </c>
      <c r="B39845" s="14" t="s">
        <v>1</v>
      </c>
      <c r="C39845" s="14" t="s">
        <v>238</v>
      </c>
      <c r="D39845" s="14" t="s">
        <v>239</v>
      </c>
      <c r="E39845" s="15">
        <v>45436</v>
      </c>
      <c r="F39845" s="14" t="s">
        <v>61</v>
      </c>
      <c r="G39845" s="16">
        <v>0.57510692776603123</v>
      </c>
    </row>
    <row r="39846" spans="1:7" x14ac:dyDescent="0.3">
      <c r="A39846" s="13" t="s">
        <v>237</v>
      </c>
      <c r="B39846" s="14" t="s">
        <v>1</v>
      </c>
      <c r="C39846" s="14" t="s">
        <v>238</v>
      </c>
      <c r="D39846" s="14" t="s">
        <v>239</v>
      </c>
      <c r="E39846" s="15">
        <v>45437</v>
      </c>
      <c r="F39846" s="14" t="s">
        <v>61</v>
      </c>
      <c r="G39846" s="16">
        <v>0.57510692776603123</v>
      </c>
    </row>
    <row r="39847" spans="1:7" x14ac:dyDescent="0.3">
      <c r="A39847" s="13" t="s">
        <v>237</v>
      </c>
      <c r="B39847" s="14" t="s">
        <v>1</v>
      </c>
      <c r="C39847" s="14" t="s">
        <v>238</v>
      </c>
      <c r="D39847" s="14" t="s">
        <v>239</v>
      </c>
      <c r="E39847" s="15">
        <v>45438</v>
      </c>
      <c r="F39847" s="14" t="s">
        <v>61</v>
      </c>
      <c r="G39847" s="16">
        <v>0.57510692776603123</v>
      </c>
    </row>
    <row r="39848" spans="1:7" x14ac:dyDescent="0.3">
      <c r="A39848" s="13" t="s">
        <v>237</v>
      </c>
      <c r="B39848" s="14" t="s">
        <v>1</v>
      </c>
      <c r="C39848" s="14" t="s">
        <v>238</v>
      </c>
      <c r="D39848" s="14" t="s">
        <v>239</v>
      </c>
      <c r="E39848" s="15">
        <v>45439</v>
      </c>
      <c r="F39848" s="14" t="s">
        <v>61</v>
      </c>
      <c r="G39848" s="16">
        <v>0.58539640297620188</v>
      </c>
    </row>
    <row r="39849" spans="1:7" x14ac:dyDescent="0.3">
      <c r="A39849" s="13" t="s">
        <v>237</v>
      </c>
      <c r="B39849" s="14" t="s">
        <v>1</v>
      </c>
      <c r="C39849" s="14" t="s">
        <v>238</v>
      </c>
      <c r="D39849" s="14" t="s">
        <v>239</v>
      </c>
      <c r="E39849" s="15">
        <v>45440</v>
      </c>
      <c r="F39849" s="14" t="s">
        <v>61</v>
      </c>
      <c r="G39849" s="16">
        <v>0.61604947062586335</v>
      </c>
    </row>
    <row r="39850" spans="1:7" x14ac:dyDescent="0.3">
      <c r="A39850" s="13" t="s">
        <v>237</v>
      </c>
      <c r="B39850" s="14" t="s">
        <v>1</v>
      </c>
      <c r="C39850" s="14" t="s">
        <v>238</v>
      </c>
      <c r="D39850" s="14" t="s">
        <v>239</v>
      </c>
      <c r="E39850" s="15">
        <v>45441</v>
      </c>
      <c r="F39850" s="14" t="s">
        <v>61</v>
      </c>
      <c r="G39850" s="16">
        <v>0.62636423976177524</v>
      </c>
    </row>
    <row r="39851" spans="1:7" x14ac:dyDescent="0.3">
      <c r="A39851" s="13" t="s">
        <v>237</v>
      </c>
      <c r="B39851" s="14" t="s">
        <v>1</v>
      </c>
      <c r="C39851" s="14" t="s">
        <v>238</v>
      </c>
      <c r="D39851" s="14" t="s">
        <v>239</v>
      </c>
      <c r="E39851" s="15">
        <v>45442</v>
      </c>
      <c r="F39851" s="14" t="s">
        <v>61</v>
      </c>
      <c r="G39851" s="16">
        <v>0.63029525565077293</v>
      </c>
    </row>
    <row r="39852" spans="1:7" x14ac:dyDescent="0.3">
      <c r="A39852" s="13" t="s">
        <v>237</v>
      </c>
      <c r="B39852" s="14" t="s">
        <v>1</v>
      </c>
      <c r="C39852" s="14" t="s">
        <v>238</v>
      </c>
      <c r="D39852" s="14" t="s">
        <v>239</v>
      </c>
      <c r="E39852" s="15">
        <v>45443</v>
      </c>
      <c r="F39852" s="14" t="s">
        <v>61</v>
      </c>
      <c r="G39852" s="16">
        <v>0.64057292014623024</v>
      </c>
    </row>
    <row r="39853" spans="1:7" x14ac:dyDescent="0.3">
      <c r="A39853" s="13" t="s">
        <v>237</v>
      </c>
      <c r="B39853" s="14" t="s">
        <v>1</v>
      </c>
      <c r="C39853" s="14" t="s">
        <v>238</v>
      </c>
      <c r="D39853" s="14" t="s">
        <v>239</v>
      </c>
      <c r="E39853" s="15">
        <v>45444</v>
      </c>
      <c r="F39853" s="14" t="s">
        <v>61</v>
      </c>
      <c r="G39853" s="16">
        <v>0.64057292014623024</v>
      </c>
    </row>
    <row r="39854" spans="1:7" x14ac:dyDescent="0.3">
      <c r="A39854" s="13" t="s">
        <v>237</v>
      </c>
      <c r="B39854" s="14" t="s">
        <v>1</v>
      </c>
      <c r="C39854" s="14" t="s">
        <v>238</v>
      </c>
      <c r="D39854" s="14" t="s">
        <v>239</v>
      </c>
      <c r="E39854" s="15">
        <v>45445</v>
      </c>
      <c r="F39854" s="14" t="s">
        <v>61</v>
      </c>
      <c r="G39854" s="16">
        <v>0.64057292014623024</v>
      </c>
    </row>
    <row r="39855" spans="1:7" x14ac:dyDescent="0.3">
      <c r="A39855" s="13" t="s">
        <v>237</v>
      </c>
      <c r="B39855" s="14" t="s">
        <v>1</v>
      </c>
      <c r="C39855" s="14" t="s">
        <v>238</v>
      </c>
      <c r="D39855" s="14" t="s">
        <v>239</v>
      </c>
      <c r="E39855" s="15">
        <v>45446</v>
      </c>
      <c r="F39855" s="14" t="s">
        <v>61</v>
      </c>
      <c r="G39855" s="16">
        <v>0.64057292014623024</v>
      </c>
    </row>
    <row r="39856" spans="1:7" x14ac:dyDescent="0.3">
      <c r="A39856" s="13" t="s">
        <v>237</v>
      </c>
      <c r="B39856" s="14" t="s">
        <v>1</v>
      </c>
      <c r="C39856" s="14" t="s">
        <v>238</v>
      </c>
      <c r="D39856" s="14" t="s">
        <v>239</v>
      </c>
      <c r="E39856" s="15">
        <v>45447</v>
      </c>
      <c r="F39856" s="14" t="s">
        <v>61</v>
      </c>
      <c r="G39856" s="16">
        <v>0.65085293852538906</v>
      </c>
    </row>
    <row r="39857" spans="1:7" x14ac:dyDescent="0.3">
      <c r="A39857" s="13" t="s">
        <v>237</v>
      </c>
      <c r="B39857" s="14" t="s">
        <v>1</v>
      </c>
      <c r="C39857" s="14" t="s">
        <v>238</v>
      </c>
      <c r="D39857" s="14" t="s">
        <v>239</v>
      </c>
      <c r="E39857" s="15">
        <v>45448</v>
      </c>
      <c r="F39857" s="14" t="s">
        <v>61</v>
      </c>
      <c r="G39857" s="16">
        <v>0.69223897252277278</v>
      </c>
    </row>
    <row r="39858" spans="1:7" x14ac:dyDescent="0.3">
      <c r="A39858" s="13" t="s">
        <v>237</v>
      </c>
      <c r="B39858" s="14" t="s">
        <v>1</v>
      </c>
      <c r="C39858" s="14" t="s">
        <v>238</v>
      </c>
      <c r="D39858" s="14" t="s">
        <v>239</v>
      </c>
      <c r="E39858" s="15">
        <v>45449</v>
      </c>
      <c r="F39858" s="14" t="s">
        <v>61</v>
      </c>
      <c r="G39858" s="16">
        <v>0.70254601926829507</v>
      </c>
    </row>
    <row r="39859" spans="1:7" x14ac:dyDescent="0.3">
      <c r="A39859" s="13" t="s">
        <v>237</v>
      </c>
      <c r="B39859" s="14" t="s">
        <v>1</v>
      </c>
      <c r="C39859" s="14" t="s">
        <v>238</v>
      </c>
      <c r="D39859" s="14" t="s">
        <v>239</v>
      </c>
      <c r="E39859" s="15">
        <v>45450</v>
      </c>
      <c r="F39859" s="14" t="s">
        <v>61</v>
      </c>
      <c r="G39859" s="16">
        <v>0.71285932238891903</v>
      </c>
    </row>
    <row r="39860" spans="1:7" x14ac:dyDescent="0.3">
      <c r="A39860" s="13" t="s">
        <v>237</v>
      </c>
      <c r="B39860" s="14" t="s">
        <v>1</v>
      </c>
      <c r="C39860" s="14" t="s">
        <v>238</v>
      </c>
      <c r="D39860" s="14" t="s">
        <v>239</v>
      </c>
      <c r="E39860" s="15">
        <v>45451</v>
      </c>
      <c r="F39860" s="14" t="s">
        <v>61</v>
      </c>
      <c r="G39860" s="16">
        <v>0.71285932238891903</v>
      </c>
    </row>
    <row r="39861" spans="1:7" x14ac:dyDescent="0.3">
      <c r="A39861" s="13" t="s">
        <v>237</v>
      </c>
      <c r="B39861" s="14" t="s">
        <v>1</v>
      </c>
      <c r="C39861" s="14" t="s">
        <v>238</v>
      </c>
      <c r="D39861" s="14" t="s">
        <v>239</v>
      </c>
      <c r="E39861" s="15">
        <v>45452</v>
      </c>
      <c r="F39861" s="14" t="s">
        <v>61</v>
      </c>
      <c r="G39861" s="16">
        <v>0.71285932238891903</v>
      </c>
    </row>
    <row r="39862" spans="1:7" x14ac:dyDescent="0.3">
      <c r="A39862" s="13" t="s">
        <v>237</v>
      </c>
      <c r="B39862" s="14" t="s">
        <v>1</v>
      </c>
      <c r="C39862" s="14" t="s">
        <v>238</v>
      </c>
      <c r="D39862" s="14" t="s">
        <v>239</v>
      </c>
      <c r="E39862" s="15">
        <v>45453</v>
      </c>
      <c r="F39862" s="14" t="s">
        <v>61</v>
      </c>
      <c r="G39862" s="16">
        <v>0.72374412369457486</v>
      </c>
    </row>
    <row r="39863" spans="1:7" x14ac:dyDescent="0.3">
      <c r="A39863" s="13" t="s">
        <v>237</v>
      </c>
      <c r="B39863" s="14" t="s">
        <v>1</v>
      </c>
      <c r="C39863" s="14" t="s">
        <v>238</v>
      </c>
      <c r="D39863" s="14" t="s">
        <v>239</v>
      </c>
      <c r="E39863" s="15">
        <v>45454</v>
      </c>
      <c r="F39863" s="14" t="s">
        <v>61</v>
      </c>
      <c r="G39863" s="16">
        <v>0.75459970793498665</v>
      </c>
    </row>
    <row r="39864" spans="1:7" x14ac:dyDescent="0.3">
      <c r="A39864" s="13" t="s">
        <v>237</v>
      </c>
      <c r="B39864" s="14" t="s">
        <v>1</v>
      </c>
      <c r="C39864" s="14" t="s">
        <v>238</v>
      </c>
      <c r="D39864" s="14" t="s">
        <v>239</v>
      </c>
      <c r="E39864" s="15">
        <v>45455</v>
      </c>
      <c r="F39864" s="14" t="s">
        <v>61</v>
      </c>
      <c r="G39864" s="16">
        <v>0.76459405981404027</v>
      </c>
    </row>
    <row r="39865" spans="1:7" x14ac:dyDescent="0.3">
      <c r="A39865" s="13" t="s">
        <v>237</v>
      </c>
      <c r="B39865" s="14" t="s">
        <v>1</v>
      </c>
      <c r="C39865" s="14" t="s">
        <v>238</v>
      </c>
      <c r="D39865" s="14" t="s">
        <v>239</v>
      </c>
      <c r="E39865" s="15">
        <v>45456</v>
      </c>
      <c r="F39865" s="14" t="s">
        <v>61</v>
      </c>
      <c r="G39865" s="16">
        <v>0.77489231046783547</v>
      </c>
    </row>
    <row r="39866" spans="1:7" x14ac:dyDescent="0.3">
      <c r="A39866" s="13" t="s">
        <v>237</v>
      </c>
      <c r="B39866" s="14" t="s">
        <v>1</v>
      </c>
      <c r="C39866" s="14" t="s">
        <v>238</v>
      </c>
      <c r="D39866" s="14" t="s">
        <v>239</v>
      </c>
      <c r="E39866" s="15">
        <v>45457</v>
      </c>
      <c r="F39866" s="14" t="s">
        <v>61</v>
      </c>
      <c r="G39866" s="16">
        <v>0.7852008851729535</v>
      </c>
    </row>
    <row r="39867" spans="1:7" x14ac:dyDescent="0.3">
      <c r="A39867" s="13" t="s">
        <v>237</v>
      </c>
      <c r="B39867" s="14" t="s">
        <v>1</v>
      </c>
      <c r="C39867" s="14" t="s">
        <v>238</v>
      </c>
      <c r="D39867" s="14" t="s">
        <v>239</v>
      </c>
      <c r="E39867" s="15">
        <v>45458</v>
      </c>
      <c r="F39867" s="14" t="s">
        <v>61</v>
      </c>
      <c r="G39867" s="16">
        <v>0.7852008851729535</v>
      </c>
    </row>
    <row r="39868" spans="1:7" x14ac:dyDescent="0.3">
      <c r="A39868" s="13" t="s">
        <v>237</v>
      </c>
      <c r="B39868" s="14" t="s">
        <v>1</v>
      </c>
      <c r="C39868" s="14" t="s">
        <v>238</v>
      </c>
      <c r="D39868" s="14" t="s">
        <v>239</v>
      </c>
      <c r="E39868" s="15">
        <v>45459</v>
      </c>
      <c r="F39868" s="14" t="s">
        <v>61</v>
      </c>
      <c r="G39868" s="16">
        <v>0.7852008851729535</v>
      </c>
    </row>
    <row r="39869" spans="1:7" x14ac:dyDescent="0.3">
      <c r="A39869" s="13" t="s">
        <v>237</v>
      </c>
      <c r="B39869" s="14" t="s">
        <v>1</v>
      </c>
      <c r="C39869" s="14" t="s">
        <v>238</v>
      </c>
      <c r="D39869" s="14" t="s">
        <v>239</v>
      </c>
      <c r="E39869" s="15">
        <v>45460</v>
      </c>
      <c r="F39869" s="14" t="s">
        <v>61</v>
      </c>
      <c r="G39869" s="16">
        <v>0.79550047795342071</v>
      </c>
    </row>
    <row r="39870" spans="1:7" x14ac:dyDescent="0.3">
      <c r="A39870" s="13" t="s">
        <v>237</v>
      </c>
      <c r="B39870" s="14" t="s">
        <v>1</v>
      </c>
      <c r="C39870" s="14" t="s">
        <v>238</v>
      </c>
      <c r="D39870" s="14" t="s">
        <v>239</v>
      </c>
      <c r="E39870" s="15">
        <v>45461</v>
      </c>
      <c r="F39870" s="14" t="s">
        <v>61</v>
      </c>
      <c r="G39870" s="16">
        <v>0.82637728844335256</v>
      </c>
    </row>
    <row r="39871" spans="1:7" x14ac:dyDescent="0.3">
      <c r="A39871" s="13" t="s">
        <v>237</v>
      </c>
      <c r="B39871" s="14" t="s">
        <v>1</v>
      </c>
      <c r="C39871" s="14" t="s">
        <v>238</v>
      </c>
      <c r="D39871" s="14" t="s">
        <v>239</v>
      </c>
      <c r="E39871" s="15">
        <v>45462</v>
      </c>
      <c r="F39871" s="14" t="s">
        <v>61</v>
      </c>
      <c r="G39871" s="16">
        <v>0.83665522136414427</v>
      </c>
    </row>
    <row r="39872" spans="1:7" x14ac:dyDescent="0.3">
      <c r="A39872" s="13" t="s">
        <v>237</v>
      </c>
      <c r="B39872" s="14" t="s">
        <v>1</v>
      </c>
      <c r="C39872" s="14" t="s">
        <v>238</v>
      </c>
      <c r="D39872" s="14" t="s">
        <v>239</v>
      </c>
      <c r="E39872" s="15">
        <v>45463</v>
      </c>
      <c r="F39872" s="14" t="s">
        <v>61</v>
      </c>
      <c r="G39872" s="16">
        <v>0.8469257622641887</v>
      </c>
    </row>
    <row r="39873" spans="1:7" x14ac:dyDescent="0.3">
      <c r="A39873" s="13" t="s">
        <v>237</v>
      </c>
      <c r="B39873" s="14" t="s">
        <v>1</v>
      </c>
      <c r="C39873" s="14" t="s">
        <v>238</v>
      </c>
      <c r="D39873" s="14" t="s">
        <v>239</v>
      </c>
      <c r="E39873" s="15">
        <v>45464</v>
      </c>
      <c r="F39873" s="14" t="s">
        <v>61</v>
      </c>
      <c r="G39873" s="16">
        <v>0.85722512791552674</v>
      </c>
    </row>
    <row r="39874" spans="1:7" x14ac:dyDescent="0.3">
      <c r="A39874" s="13" t="s">
        <v>237</v>
      </c>
      <c r="B39874" s="14" t="s">
        <v>1</v>
      </c>
      <c r="C39874" s="14" t="s">
        <v>238</v>
      </c>
      <c r="D39874" s="14" t="s">
        <v>239</v>
      </c>
      <c r="E39874" s="15">
        <v>45465</v>
      </c>
      <c r="F39874" s="14" t="s">
        <v>61</v>
      </c>
      <c r="G39874" s="16">
        <v>0.85722512791552674</v>
      </c>
    </row>
    <row r="39875" spans="1:7" x14ac:dyDescent="0.3">
      <c r="A39875" s="13" t="s">
        <v>237</v>
      </c>
      <c r="B39875" s="14" t="s">
        <v>1</v>
      </c>
      <c r="C39875" s="14" t="s">
        <v>238</v>
      </c>
      <c r="D39875" s="14" t="s">
        <v>239</v>
      </c>
      <c r="E39875" s="15">
        <v>45466</v>
      </c>
      <c r="F39875" s="14" t="s">
        <v>61</v>
      </c>
      <c r="G39875" s="16">
        <v>0.85722512791552674</v>
      </c>
    </row>
    <row r="39876" spans="1:7" x14ac:dyDescent="0.3">
      <c r="A39876" s="13" t="s">
        <v>237</v>
      </c>
      <c r="B39876" s="14" t="s">
        <v>1</v>
      </c>
      <c r="C39876" s="14" t="s">
        <v>238</v>
      </c>
      <c r="D39876" s="14" t="s">
        <v>239</v>
      </c>
      <c r="E39876" s="15">
        <v>45467</v>
      </c>
      <c r="F39876" s="14" t="s">
        <v>61</v>
      </c>
      <c r="G39876" s="16">
        <v>0.87250842934300621</v>
      </c>
    </row>
    <row r="39877" spans="1:7" x14ac:dyDescent="0.3">
      <c r="A39877" s="13" t="s">
        <v>237</v>
      </c>
      <c r="B39877" s="14" t="s">
        <v>1</v>
      </c>
      <c r="C39877" s="14" t="s">
        <v>238</v>
      </c>
      <c r="D39877" s="14" t="s">
        <v>239</v>
      </c>
      <c r="E39877" s="15">
        <v>45468</v>
      </c>
      <c r="F39877" s="14" t="s">
        <v>61</v>
      </c>
      <c r="G39877" s="16">
        <v>0.90522570846227568</v>
      </c>
    </row>
    <row r="39878" spans="1:7" x14ac:dyDescent="0.3">
      <c r="A39878" s="13" t="s">
        <v>237</v>
      </c>
      <c r="B39878" s="14" t="s">
        <v>1</v>
      </c>
      <c r="C39878" s="14" t="s">
        <v>238</v>
      </c>
      <c r="D39878" s="14" t="s">
        <v>239</v>
      </c>
      <c r="E39878" s="15">
        <v>45469</v>
      </c>
      <c r="F39878" s="14" t="s">
        <v>61</v>
      </c>
      <c r="G39878" s="16">
        <v>0.91555193729515594</v>
      </c>
    </row>
    <row r="39879" spans="1:7" x14ac:dyDescent="0.3">
      <c r="A39879" s="13" t="s">
        <v>237</v>
      </c>
      <c r="B39879" s="14" t="s">
        <v>1</v>
      </c>
      <c r="C39879" s="14" t="s">
        <v>238</v>
      </c>
      <c r="D39879" s="14" t="s">
        <v>239</v>
      </c>
      <c r="E39879" s="15">
        <v>45470</v>
      </c>
      <c r="F39879" s="14" t="s">
        <v>61</v>
      </c>
      <c r="G39879" s="16">
        <v>0.92587308669478541</v>
      </c>
    </row>
    <row r="39880" spans="1:7" x14ac:dyDescent="0.3">
      <c r="A39880" s="13" t="s">
        <v>237</v>
      </c>
      <c r="B39880" s="14" t="s">
        <v>1</v>
      </c>
      <c r="C39880" s="14" t="s">
        <v>238</v>
      </c>
      <c r="D39880" s="14" t="s">
        <v>239</v>
      </c>
      <c r="E39880" s="15">
        <v>45471</v>
      </c>
      <c r="F39880" s="14" t="s">
        <v>61</v>
      </c>
      <c r="G39880" s="16">
        <v>0.9362150700299845</v>
      </c>
    </row>
    <row r="39881" spans="1:7" x14ac:dyDescent="0.3">
      <c r="A39881" s="13" t="s">
        <v>237</v>
      </c>
      <c r="B39881" s="14" t="s">
        <v>1</v>
      </c>
      <c r="C39881" s="14" t="s">
        <v>238</v>
      </c>
      <c r="D39881" s="14" t="s">
        <v>239</v>
      </c>
      <c r="E39881" s="15">
        <v>45472</v>
      </c>
      <c r="F39881" s="14" t="s">
        <v>61</v>
      </c>
      <c r="G39881" s="16">
        <v>0.9362150700299845</v>
      </c>
    </row>
    <row r="39882" spans="1:7" x14ac:dyDescent="0.3">
      <c r="A39882" s="13" t="s">
        <v>237</v>
      </c>
      <c r="B39882" s="14" t="s">
        <v>1</v>
      </c>
      <c r="C39882" s="14" t="s">
        <v>238</v>
      </c>
      <c r="D39882" s="14" t="s">
        <v>239</v>
      </c>
      <c r="E39882" s="15">
        <v>45473</v>
      </c>
      <c r="F39882" s="14" t="s">
        <v>61</v>
      </c>
      <c r="G39882" s="16">
        <v>0.9362150700299845</v>
      </c>
    </row>
    <row r="39883" spans="1:7" x14ac:dyDescent="0.3">
      <c r="A39883" s="13" t="s">
        <v>237</v>
      </c>
      <c r="B39883" s="14" t="s">
        <v>1</v>
      </c>
      <c r="C39883" s="14" t="s">
        <v>238</v>
      </c>
      <c r="D39883" s="14" t="s">
        <v>239</v>
      </c>
      <c r="E39883" s="15">
        <v>45474</v>
      </c>
      <c r="F39883" s="14" t="s">
        <v>61</v>
      </c>
      <c r="G39883" s="16">
        <v>0.94652073335262954</v>
      </c>
    </row>
    <row r="39884" spans="1:7" x14ac:dyDescent="0.3">
      <c r="A39884" s="13" t="s">
        <v>237</v>
      </c>
      <c r="B39884" s="14" t="s">
        <v>1</v>
      </c>
      <c r="C39884" s="14" t="s">
        <v>238</v>
      </c>
      <c r="D39884" s="14" t="s">
        <v>239</v>
      </c>
      <c r="E39884" s="15">
        <v>45475</v>
      </c>
      <c r="F39884" s="14" t="s">
        <v>61</v>
      </c>
      <c r="G39884" s="16">
        <v>0.97755713302791103</v>
      </c>
    </row>
    <row r="39885" spans="1:7" x14ac:dyDescent="0.3">
      <c r="A39885" s="13" t="s">
        <v>237</v>
      </c>
      <c r="B39885" s="14" t="s">
        <v>1</v>
      </c>
      <c r="C39885" s="14" t="s">
        <v>238</v>
      </c>
      <c r="D39885" s="14" t="s">
        <v>239</v>
      </c>
      <c r="E39885" s="15">
        <v>45476</v>
      </c>
      <c r="F39885" s="14" t="s">
        <v>61</v>
      </c>
      <c r="G39885" s="16">
        <v>0.98791582067815065</v>
      </c>
    </row>
    <row r="39886" spans="1:7" x14ac:dyDescent="0.3">
      <c r="A39886" s="13" t="s">
        <v>237</v>
      </c>
      <c r="B39886" s="14" t="s">
        <v>1</v>
      </c>
      <c r="C39886" s="14" t="s">
        <v>238</v>
      </c>
      <c r="D39886" s="14" t="s">
        <v>239</v>
      </c>
      <c r="E39886" s="15">
        <v>45477</v>
      </c>
      <c r="F39886" s="14" t="s">
        <v>61</v>
      </c>
      <c r="G39886" s="16">
        <v>0.99821531021810461</v>
      </c>
    </row>
    <row r="39887" spans="1:7" x14ac:dyDescent="0.3">
      <c r="A39887" s="13" t="s">
        <v>237</v>
      </c>
      <c r="B39887" s="14" t="s">
        <v>1</v>
      </c>
      <c r="C39887" s="14" t="s">
        <v>238</v>
      </c>
      <c r="D39887" s="14" t="s">
        <v>239</v>
      </c>
      <c r="E39887" s="15">
        <v>45478</v>
      </c>
      <c r="F39887" s="14" t="s">
        <v>61</v>
      </c>
      <c r="G39887" s="16">
        <v>1.0084665244940727</v>
      </c>
    </row>
    <row r="39888" spans="1:7" x14ac:dyDescent="0.3">
      <c r="A39888" s="13" t="s">
        <v>237</v>
      </c>
      <c r="B39888" s="14" t="s">
        <v>1</v>
      </c>
      <c r="C39888" s="14" t="s">
        <v>238</v>
      </c>
      <c r="D39888" s="14" t="s">
        <v>239</v>
      </c>
      <c r="E39888" s="15">
        <v>45479</v>
      </c>
      <c r="F39888" s="14" t="s">
        <v>61</v>
      </c>
      <c r="G39888" s="16">
        <v>1.0084665244940727</v>
      </c>
    </row>
    <row r="39889" spans="1:7" x14ac:dyDescent="0.3">
      <c r="A39889" s="13" t="s">
        <v>237</v>
      </c>
      <c r="B39889" s="14" t="s">
        <v>1</v>
      </c>
      <c r="C39889" s="14" t="s">
        <v>238</v>
      </c>
      <c r="D39889" s="14" t="s">
        <v>239</v>
      </c>
      <c r="E39889" s="15">
        <v>45480</v>
      </c>
      <c r="F39889" s="14" t="s">
        <v>61</v>
      </c>
      <c r="G39889" s="16">
        <v>1.0084665244940727</v>
      </c>
    </row>
    <row r="39890" spans="1:7" x14ac:dyDescent="0.3">
      <c r="A39890" s="13" t="s">
        <v>237</v>
      </c>
      <c r="B39890" s="14" t="s">
        <v>1</v>
      </c>
      <c r="C39890" s="14" t="s">
        <v>238</v>
      </c>
      <c r="D39890" s="14" t="s">
        <v>239</v>
      </c>
      <c r="E39890" s="15">
        <v>45481</v>
      </c>
      <c r="F39890" s="14" t="s">
        <v>61</v>
      </c>
      <c r="G39890" s="16">
        <v>1.0187014267689503</v>
      </c>
    </row>
    <row r="39891" spans="1:7" x14ac:dyDescent="0.3">
      <c r="A39891" s="13" t="s">
        <v>237</v>
      </c>
      <c r="B39891" s="14" t="s">
        <v>1</v>
      </c>
      <c r="C39891" s="14" t="s">
        <v>238</v>
      </c>
      <c r="D39891" s="14" t="s">
        <v>239</v>
      </c>
      <c r="E39891" s="15">
        <v>45482</v>
      </c>
      <c r="F39891" s="14" t="s">
        <v>61</v>
      </c>
      <c r="G39891" s="16">
        <v>1.0493673168903548</v>
      </c>
    </row>
    <row r="39892" spans="1:7" x14ac:dyDescent="0.3">
      <c r="A39892" s="13" t="s">
        <v>237</v>
      </c>
      <c r="B39892" s="14" t="s">
        <v>1</v>
      </c>
      <c r="C39892" s="14" t="s">
        <v>238</v>
      </c>
      <c r="D39892" s="14" t="s">
        <v>239</v>
      </c>
      <c r="E39892" s="15">
        <v>45483</v>
      </c>
      <c r="F39892" s="14" t="s">
        <v>61</v>
      </c>
      <c r="G39892" s="16">
        <v>1.0601307486486582</v>
      </c>
    </row>
    <row r="39893" spans="1:7" x14ac:dyDescent="0.3">
      <c r="A39893" s="13" t="s">
        <v>237</v>
      </c>
      <c r="B39893" s="14" t="s">
        <v>1</v>
      </c>
      <c r="C39893" s="14" t="s">
        <v>238</v>
      </c>
      <c r="D39893" s="14" t="s">
        <v>239</v>
      </c>
      <c r="E39893" s="15">
        <v>45484</v>
      </c>
      <c r="F39893" s="14" t="s">
        <v>61</v>
      </c>
      <c r="G39893" s="16">
        <v>1.0703639990753242</v>
      </c>
    </row>
    <row r="39894" spans="1:7" x14ac:dyDescent="0.3">
      <c r="A39894" s="13" t="s">
        <v>237</v>
      </c>
      <c r="B39894" s="14" t="s">
        <v>1</v>
      </c>
      <c r="C39894" s="14" t="s">
        <v>238</v>
      </c>
      <c r="D39894" s="14" t="s">
        <v>239</v>
      </c>
      <c r="E39894" s="15">
        <v>45485</v>
      </c>
      <c r="F39894" s="14" t="s">
        <v>61</v>
      </c>
      <c r="G39894" s="16">
        <v>1.0806524625284653</v>
      </c>
    </row>
    <row r="39895" spans="1:7" x14ac:dyDescent="0.3">
      <c r="A39895" s="13" t="s">
        <v>237</v>
      </c>
      <c r="B39895" s="14" t="s">
        <v>1</v>
      </c>
      <c r="C39895" s="14" t="s">
        <v>238</v>
      </c>
      <c r="D39895" s="14" t="s">
        <v>239</v>
      </c>
      <c r="E39895" s="15">
        <v>45486</v>
      </c>
      <c r="F39895" s="14" t="s">
        <v>61</v>
      </c>
      <c r="G39895" s="16">
        <v>1.0806524625284653</v>
      </c>
    </row>
    <row r="39896" spans="1:7" x14ac:dyDescent="0.3">
      <c r="A39896" s="13" t="s">
        <v>237</v>
      </c>
      <c r="B39896" s="14" t="s">
        <v>1</v>
      </c>
      <c r="C39896" s="14" t="s">
        <v>238</v>
      </c>
      <c r="D39896" s="14" t="s">
        <v>239</v>
      </c>
      <c r="E39896" s="15">
        <v>45487</v>
      </c>
      <c r="F39896" s="14" t="s">
        <v>61</v>
      </c>
      <c r="G39896" s="16">
        <v>1.0806524625284653</v>
      </c>
    </row>
    <row r="39897" spans="1:7" x14ac:dyDescent="0.3">
      <c r="A39897" s="13" t="s">
        <v>237</v>
      </c>
      <c r="B39897" s="14" t="s">
        <v>1</v>
      </c>
      <c r="C39897" s="14" t="s">
        <v>238</v>
      </c>
      <c r="D39897" s="14" t="s">
        <v>239</v>
      </c>
      <c r="E39897" s="15">
        <v>45488</v>
      </c>
      <c r="F39897" s="14" t="s">
        <v>61</v>
      </c>
      <c r="G39897" s="16">
        <v>1.0909921332761681</v>
      </c>
    </row>
    <row r="39898" spans="1:7" x14ac:dyDescent="0.3">
      <c r="A39898" s="13" t="s">
        <v>237</v>
      </c>
      <c r="B39898" s="14" t="s">
        <v>1</v>
      </c>
      <c r="C39898" s="14" t="s">
        <v>238</v>
      </c>
      <c r="D39898" s="14" t="s">
        <v>239</v>
      </c>
      <c r="E39898" s="15">
        <v>45489</v>
      </c>
      <c r="F39898" s="14" t="s">
        <v>61</v>
      </c>
      <c r="G39898" s="16">
        <v>1.1219723288160475</v>
      </c>
    </row>
    <row r="39899" spans="1:7" x14ac:dyDescent="0.3">
      <c r="A39899" s="13" t="s">
        <v>237</v>
      </c>
      <c r="B39899" s="14" t="s">
        <v>1</v>
      </c>
      <c r="C39899" s="14" t="s">
        <v>238</v>
      </c>
      <c r="D39899" s="14" t="s">
        <v>239</v>
      </c>
      <c r="E39899" s="15">
        <v>45490</v>
      </c>
      <c r="F39899" s="14" t="s">
        <v>61</v>
      </c>
      <c r="G39899" s="16">
        <v>1.1323023362517122</v>
      </c>
    </row>
    <row r="39900" spans="1:7" x14ac:dyDescent="0.3">
      <c r="A39900" s="13" t="s">
        <v>237</v>
      </c>
      <c r="B39900" s="14" t="s">
        <v>1</v>
      </c>
      <c r="C39900" s="14" t="s">
        <v>238</v>
      </c>
      <c r="D39900" s="14" t="s">
        <v>239</v>
      </c>
      <c r="E39900" s="15">
        <v>45491</v>
      </c>
      <c r="F39900" s="14" t="s">
        <v>61</v>
      </c>
      <c r="G39900" s="16">
        <v>1.1426435349590107</v>
      </c>
    </row>
    <row r="39901" spans="1:7" x14ac:dyDescent="0.3">
      <c r="A39901" s="13" t="s">
        <v>237</v>
      </c>
      <c r="B39901" s="14" t="s">
        <v>1</v>
      </c>
      <c r="C39901" s="14" t="s">
        <v>238</v>
      </c>
      <c r="D39901" s="14" t="s">
        <v>239</v>
      </c>
      <c r="E39901" s="15">
        <v>45492</v>
      </c>
      <c r="F39901" s="14" t="s">
        <v>61</v>
      </c>
      <c r="G39901" s="16">
        <v>1.1529686694424506</v>
      </c>
    </row>
    <row r="39902" spans="1:7" x14ac:dyDescent="0.3">
      <c r="A39902" s="13" t="s">
        <v>237</v>
      </c>
      <c r="B39902" s="14" t="s">
        <v>1</v>
      </c>
      <c r="C39902" s="14" t="s">
        <v>238</v>
      </c>
      <c r="D39902" s="14" t="s">
        <v>239</v>
      </c>
      <c r="E39902" s="15">
        <v>45493</v>
      </c>
      <c r="F39902" s="14" t="s">
        <v>61</v>
      </c>
      <c r="G39902" s="16">
        <v>1.1529686694424506</v>
      </c>
    </row>
    <row r="39903" spans="1:7" x14ac:dyDescent="0.3">
      <c r="A39903" s="13" t="s">
        <v>237</v>
      </c>
      <c r="B39903" s="14" t="s">
        <v>1</v>
      </c>
      <c r="C39903" s="14" t="s">
        <v>238</v>
      </c>
      <c r="D39903" s="14" t="s">
        <v>239</v>
      </c>
      <c r="E39903" s="15">
        <v>45494</v>
      </c>
      <c r="F39903" s="14" t="s">
        <v>61</v>
      </c>
      <c r="G39903" s="16">
        <v>1.1529686694424506</v>
      </c>
    </row>
    <row r="39904" spans="1:7" x14ac:dyDescent="0.3">
      <c r="A39904" s="13" t="s">
        <v>237</v>
      </c>
      <c r="B39904" s="14" t="s">
        <v>1</v>
      </c>
      <c r="C39904" s="14" t="s">
        <v>238</v>
      </c>
      <c r="D39904" s="14" t="s">
        <v>239</v>
      </c>
      <c r="E39904" s="15">
        <v>45495</v>
      </c>
      <c r="F39904" s="14" t="s">
        <v>61</v>
      </c>
      <c r="G39904" s="16">
        <v>1.1633079272281006</v>
      </c>
    </row>
    <row r="39905" spans="1:7" x14ac:dyDescent="0.3">
      <c r="A39905" s="13" t="s">
        <v>237</v>
      </c>
      <c r="B39905" s="14" t="s">
        <v>1</v>
      </c>
      <c r="C39905" s="14" t="s">
        <v>238</v>
      </c>
      <c r="D39905" s="14" t="s">
        <v>239</v>
      </c>
      <c r="E39905" s="15">
        <v>45496</v>
      </c>
      <c r="F39905" s="14" t="s">
        <v>61</v>
      </c>
      <c r="G39905" s="16">
        <v>1.1914723616582685</v>
      </c>
    </row>
    <row r="39906" spans="1:7" x14ac:dyDescent="0.3">
      <c r="A39906" s="13" t="s">
        <v>237</v>
      </c>
      <c r="B39906" s="14" t="s">
        <v>1</v>
      </c>
      <c r="C39906" s="14" t="s">
        <v>238</v>
      </c>
      <c r="D39906" s="14" t="s">
        <v>239</v>
      </c>
      <c r="E39906" s="15">
        <v>45497</v>
      </c>
      <c r="F39906" s="14" t="s">
        <v>61</v>
      </c>
      <c r="G39906" s="16">
        <v>1.2018238637687872</v>
      </c>
    </row>
    <row r="39907" spans="1:7" x14ac:dyDescent="0.3">
      <c r="A39907" s="13" t="s">
        <v>237</v>
      </c>
      <c r="B39907" s="14" t="s">
        <v>1</v>
      </c>
      <c r="C39907" s="14" t="s">
        <v>238</v>
      </c>
      <c r="D39907" s="14" t="s">
        <v>239</v>
      </c>
      <c r="E39907" s="15">
        <v>45498</v>
      </c>
      <c r="F39907" s="14" t="s">
        <v>61</v>
      </c>
      <c r="G39907" s="16">
        <v>1.2121710091296478</v>
      </c>
    </row>
    <row r="39908" spans="1:7" x14ac:dyDescent="0.3">
      <c r="A39908" s="13" t="s">
        <v>237</v>
      </c>
      <c r="B39908" s="14" t="s">
        <v>1</v>
      </c>
      <c r="C39908" s="14" t="s">
        <v>238</v>
      </c>
      <c r="D39908" s="14" t="s">
        <v>239</v>
      </c>
      <c r="E39908" s="15">
        <v>45499</v>
      </c>
      <c r="F39908" s="14" t="s">
        <v>61</v>
      </c>
      <c r="G39908" s="16">
        <v>1.2224671330288706</v>
      </c>
    </row>
    <row r="39909" spans="1:7" x14ac:dyDescent="0.3">
      <c r="A39909" s="13" t="s">
        <v>237</v>
      </c>
      <c r="B39909" s="14" t="s">
        <v>1</v>
      </c>
      <c r="C39909" s="14" t="s">
        <v>238</v>
      </c>
      <c r="D39909" s="14" t="s">
        <v>239</v>
      </c>
      <c r="E39909" s="15">
        <v>45500</v>
      </c>
      <c r="F39909" s="14" t="s">
        <v>61</v>
      </c>
      <c r="G39909" s="16">
        <v>1.2224671330288706</v>
      </c>
    </row>
    <row r="39910" spans="1:7" x14ac:dyDescent="0.3">
      <c r="A39910" s="13" t="s">
        <v>237</v>
      </c>
      <c r="B39910" s="14" t="s">
        <v>1</v>
      </c>
      <c r="C39910" s="14" t="s">
        <v>238</v>
      </c>
      <c r="D39910" s="14" t="s">
        <v>239</v>
      </c>
      <c r="E39910" s="15">
        <v>45501</v>
      </c>
      <c r="F39910" s="14" t="s">
        <v>61</v>
      </c>
      <c r="G39910" s="16">
        <v>1.2224671330288706</v>
      </c>
    </row>
    <row r="39911" spans="1:7" x14ac:dyDescent="0.3">
      <c r="A39911" s="13" t="s">
        <v>237</v>
      </c>
      <c r="B39911" s="14" t="s">
        <v>1</v>
      </c>
      <c r="C39911" s="14" t="s">
        <v>238</v>
      </c>
      <c r="D39911" s="14" t="s">
        <v>239</v>
      </c>
      <c r="E39911" s="15">
        <v>45502</v>
      </c>
      <c r="F39911" s="14" t="s">
        <v>61</v>
      </c>
      <c r="G39911" s="16">
        <v>1.2310995980017121</v>
      </c>
    </row>
    <row r="39912" spans="1:7" x14ac:dyDescent="0.3">
      <c r="A39912" s="13" t="s">
        <v>237</v>
      </c>
      <c r="B39912" s="14" t="s">
        <v>1</v>
      </c>
      <c r="C39912" s="14" t="s">
        <v>238</v>
      </c>
      <c r="D39912" s="14" t="s">
        <v>239</v>
      </c>
      <c r="E39912" s="15">
        <v>45503</v>
      </c>
      <c r="F39912" s="14" t="s">
        <v>61</v>
      </c>
      <c r="G39912" s="16">
        <v>1.2620823539063197</v>
      </c>
    </row>
    <row r="39913" spans="1:7" x14ac:dyDescent="0.3">
      <c r="A39913" s="13" t="s">
        <v>237</v>
      </c>
      <c r="B39913" s="14" t="s">
        <v>1</v>
      </c>
      <c r="C39913" s="14" t="s">
        <v>238</v>
      </c>
      <c r="D39913" s="14" t="s">
        <v>239</v>
      </c>
      <c r="E39913" s="15">
        <v>45504</v>
      </c>
      <c r="F39913" s="14" t="s">
        <v>61</v>
      </c>
      <c r="G39913" s="16">
        <v>1.2724311717634949</v>
      </c>
    </row>
    <row r="39914" spans="1:7" x14ac:dyDescent="0.3">
      <c r="A39914" s="13" t="s">
        <v>237</v>
      </c>
      <c r="B39914" s="14" t="s">
        <v>1</v>
      </c>
      <c r="C39914" s="14" t="s">
        <v>238</v>
      </c>
      <c r="D39914" s="14" t="s">
        <v>239</v>
      </c>
      <c r="E39914" s="15">
        <v>45505</v>
      </c>
      <c r="F39914" s="14" t="s">
        <v>61</v>
      </c>
      <c r="G39914" s="16">
        <v>1.2724311717634949</v>
      </c>
    </row>
    <row r="39915" spans="1:7" x14ac:dyDescent="0.3">
      <c r="A39915" s="13" t="s">
        <v>237</v>
      </c>
      <c r="B39915" s="14" t="s">
        <v>1</v>
      </c>
      <c r="C39915" s="14" t="s">
        <v>238</v>
      </c>
      <c r="D39915" s="14" t="s">
        <v>239</v>
      </c>
      <c r="E39915" s="15">
        <v>45506</v>
      </c>
      <c r="F39915" s="14" t="s">
        <v>61</v>
      </c>
      <c r="G39915" s="16">
        <v>1.2832457695201547</v>
      </c>
    </row>
    <row r="39916" spans="1:7" x14ac:dyDescent="0.3">
      <c r="A39916" s="13" t="s">
        <v>237</v>
      </c>
      <c r="B39916" s="14" t="s">
        <v>1</v>
      </c>
      <c r="C39916" s="14" t="s">
        <v>238</v>
      </c>
      <c r="D39916" s="14" t="s">
        <v>239</v>
      </c>
      <c r="E39916" s="15">
        <v>45507</v>
      </c>
      <c r="F39916" s="14" t="s">
        <v>61</v>
      </c>
      <c r="G39916" s="16">
        <v>1.2832457695201547</v>
      </c>
    </row>
    <row r="39917" spans="1:7" x14ac:dyDescent="0.3">
      <c r="A39917" s="13" t="s">
        <v>237</v>
      </c>
      <c r="B39917" s="14" t="s">
        <v>1</v>
      </c>
      <c r="C39917" s="14" t="s">
        <v>238</v>
      </c>
      <c r="D39917" s="14" t="s">
        <v>239</v>
      </c>
      <c r="E39917" s="15">
        <v>45508</v>
      </c>
      <c r="F39917" s="14" t="s">
        <v>61</v>
      </c>
      <c r="G39917" s="16">
        <v>1.2832457695201547</v>
      </c>
    </row>
    <row r="39918" spans="1:7" x14ac:dyDescent="0.3">
      <c r="A39918" s="13" t="s">
        <v>237</v>
      </c>
      <c r="B39918" s="14" t="s">
        <v>1</v>
      </c>
      <c r="C39918" s="14" t="s">
        <v>238</v>
      </c>
      <c r="D39918" s="14" t="s">
        <v>239</v>
      </c>
      <c r="E39918" s="15">
        <v>45509</v>
      </c>
      <c r="F39918" s="14" t="s">
        <v>61</v>
      </c>
      <c r="G39918" s="16">
        <v>1.2832457695201547</v>
      </c>
    </row>
    <row r="39919" spans="1:7" x14ac:dyDescent="0.3">
      <c r="A39919" s="13" t="s">
        <v>237</v>
      </c>
      <c r="B39919" s="14" t="s">
        <v>1</v>
      </c>
      <c r="C39919" s="14" t="s">
        <v>238</v>
      </c>
      <c r="D39919" s="14" t="s">
        <v>239</v>
      </c>
      <c r="E39919" s="15">
        <v>45510</v>
      </c>
      <c r="F39919" s="14" t="s">
        <v>61</v>
      </c>
      <c r="G39919" s="16">
        <v>1.3041426293177556</v>
      </c>
    </row>
    <row r="39920" spans="1:7" x14ac:dyDescent="0.3">
      <c r="A39920" s="13" t="s">
        <v>237</v>
      </c>
      <c r="B39920" s="14" t="s">
        <v>1</v>
      </c>
      <c r="C39920" s="14" t="s">
        <v>238</v>
      </c>
      <c r="D39920" s="14" t="s">
        <v>239</v>
      </c>
      <c r="E39920" s="15">
        <v>45511</v>
      </c>
      <c r="F39920" s="14" t="s">
        <v>61</v>
      </c>
      <c r="G39920" s="16">
        <v>1.3459350179752096</v>
      </c>
    </row>
    <row r="39921" spans="1:7" x14ac:dyDescent="0.3">
      <c r="A39921" s="13" t="s">
        <v>237</v>
      </c>
      <c r="B39921" s="14" t="s">
        <v>1</v>
      </c>
      <c r="C39921" s="14" t="s">
        <v>238</v>
      </c>
      <c r="D39921" s="14" t="s">
        <v>239</v>
      </c>
      <c r="E39921" s="15">
        <v>45512</v>
      </c>
      <c r="F39921" s="14" t="s">
        <v>61</v>
      </c>
      <c r="G39921" s="16">
        <v>1.3540734770922493</v>
      </c>
    </row>
    <row r="39922" spans="1:7" x14ac:dyDescent="0.3">
      <c r="A39922" s="13" t="s">
        <v>237</v>
      </c>
      <c r="B39922" s="14" t="s">
        <v>1</v>
      </c>
      <c r="C39922" s="14" t="s">
        <v>238</v>
      </c>
      <c r="D39922" s="14" t="s">
        <v>239</v>
      </c>
      <c r="E39922" s="15">
        <v>45513</v>
      </c>
      <c r="F39922" s="14" t="s">
        <v>61</v>
      </c>
      <c r="G39922" s="16">
        <v>1.3644326190007472</v>
      </c>
    </row>
    <row r="39923" spans="1:7" x14ac:dyDescent="0.3">
      <c r="A39923" s="13" t="s">
        <v>237</v>
      </c>
      <c r="B39923" s="14" t="s">
        <v>1</v>
      </c>
      <c r="C39923" s="14" t="s">
        <v>238</v>
      </c>
      <c r="D39923" s="14" t="s">
        <v>239</v>
      </c>
      <c r="E39923" s="15">
        <v>45514</v>
      </c>
      <c r="F39923" s="14" t="s">
        <v>61</v>
      </c>
      <c r="G39923" s="16">
        <v>1.3644326190007472</v>
      </c>
    </row>
    <row r="39924" spans="1:7" x14ac:dyDescent="0.3">
      <c r="A39924" s="13" t="s">
        <v>237</v>
      </c>
      <c r="B39924" s="14" t="s">
        <v>1</v>
      </c>
      <c r="C39924" s="14" t="s">
        <v>238</v>
      </c>
      <c r="D39924" s="14" t="s">
        <v>239</v>
      </c>
      <c r="E39924" s="15">
        <v>45515</v>
      </c>
      <c r="F39924" s="14" t="s">
        <v>61</v>
      </c>
      <c r="G39924" s="16">
        <v>1.3644326190007472</v>
      </c>
    </row>
    <row r="39925" spans="1:7" x14ac:dyDescent="0.3">
      <c r="A39925" s="13" t="s">
        <v>237</v>
      </c>
      <c r="B39925" s="14" t="s">
        <v>1</v>
      </c>
      <c r="C39925" s="14" t="s">
        <v>238</v>
      </c>
      <c r="D39925" s="14" t="s">
        <v>239</v>
      </c>
      <c r="E39925" s="15">
        <v>45516</v>
      </c>
      <c r="F39925" s="14" t="s">
        <v>61</v>
      </c>
      <c r="G39925" s="16">
        <v>1.374770637900238</v>
      </c>
    </row>
    <row r="39926" spans="1:7" x14ac:dyDescent="0.3">
      <c r="A39926" s="13" t="s">
        <v>237</v>
      </c>
      <c r="B39926" s="14" t="s">
        <v>1</v>
      </c>
      <c r="C39926" s="14" t="s">
        <v>238</v>
      </c>
      <c r="D39926" s="14" t="s">
        <v>239</v>
      </c>
      <c r="E39926" s="15">
        <v>45517</v>
      </c>
      <c r="F39926" s="14" t="s">
        <v>61</v>
      </c>
      <c r="G39926" s="16">
        <v>1.4057421199408011</v>
      </c>
    </row>
    <row r="39927" spans="1:7" x14ac:dyDescent="0.3">
      <c r="A39927" s="13" t="s">
        <v>237</v>
      </c>
      <c r="B39927" s="14" t="s">
        <v>1</v>
      </c>
      <c r="C39927" s="14" t="s">
        <v>238</v>
      </c>
      <c r="D39927" s="14" t="s">
        <v>239</v>
      </c>
      <c r="E39927" s="15">
        <v>45518</v>
      </c>
      <c r="F39927" s="14" t="s">
        <v>61</v>
      </c>
      <c r="G39927" s="16">
        <v>1.4160868081774469</v>
      </c>
    </row>
    <row r="39928" spans="1:7" x14ac:dyDescent="0.3">
      <c r="A39928" s="13" t="s">
        <v>237</v>
      </c>
      <c r="B39928" s="14" t="s">
        <v>1</v>
      </c>
      <c r="C39928" s="14" t="s">
        <v>238</v>
      </c>
      <c r="D39928" s="14" t="s">
        <v>239</v>
      </c>
      <c r="E39928" s="15">
        <v>45519</v>
      </c>
      <c r="F39928" s="14" t="s">
        <v>61</v>
      </c>
      <c r="G39928" s="16">
        <v>1.4264258181858651</v>
      </c>
    </row>
    <row r="39929" spans="1:7" x14ac:dyDescent="0.3">
      <c r="A39929" s="13" t="s">
        <v>237</v>
      </c>
      <c r="B39929" s="14" t="s">
        <v>1</v>
      </c>
      <c r="C39929" s="14" t="s">
        <v>238</v>
      </c>
      <c r="D39929" s="14" t="s">
        <v>239</v>
      </c>
      <c r="E39929" s="15">
        <v>45520</v>
      </c>
      <c r="F39929" s="14" t="s">
        <v>61</v>
      </c>
      <c r="G39929" s="16">
        <v>1.4367714355871297</v>
      </c>
    </row>
    <row r="39930" spans="1:7" x14ac:dyDescent="0.3">
      <c r="A39930" s="13" t="s">
        <v>237</v>
      </c>
      <c r="B39930" s="14" t="s">
        <v>1</v>
      </c>
      <c r="C39930" s="14" t="s">
        <v>238</v>
      </c>
      <c r="D39930" s="14" t="s">
        <v>239</v>
      </c>
      <c r="E39930" s="15">
        <v>45521</v>
      </c>
      <c r="F39930" s="14" t="s">
        <v>61</v>
      </c>
      <c r="G39930" s="16">
        <v>1.4367714355871297</v>
      </c>
    </row>
    <row r="39931" spans="1:7" x14ac:dyDescent="0.3">
      <c r="A39931" s="13" t="s">
        <v>237</v>
      </c>
      <c r="B39931" s="14" t="s">
        <v>1</v>
      </c>
      <c r="C39931" s="14" t="s">
        <v>238</v>
      </c>
      <c r="D39931" s="14" t="s">
        <v>239</v>
      </c>
      <c r="E39931" s="15">
        <v>45522</v>
      </c>
      <c r="F39931" s="14" t="s">
        <v>61</v>
      </c>
      <c r="G39931" s="16">
        <v>1.4367714355871297</v>
      </c>
    </row>
    <row r="39932" spans="1:7" x14ac:dyDescent="0.3">
      <c r="A39932" s="13" t="s">
        <v>237</v>
      </c>
      <c r="B39932" s="14" t="s">
        <v>1</v>
      </c>
      <c r="C39932" s="14" t="s">
        <v>238</v>
      </c>
      <c r="D39932" s="14" t="s">
        <v>239</v>
      </c>
      <c r="E39932" s="15">
        <v>45523</v>
      </c>
      <c r="F39932" s="14" t="s">
        <v>61</v>
      </c>
      <c r="G39932" s="16">
        <v>1.4471162477123913</v>
      </c>
    </row>
    <row r="39933" spans="1:7" x14ac:dyDescent="0.3">
      <c r="A39933" s="13" t="s">
        <v>237</v>
      </c>
      <c r="B39933" s="14" t="s">
        <v>1</v>
      </c>
      <c r="C39933" s="14" t="s">
        <v>238</v>
      </c>
      <c r="D39933" s="14" t="s">
        <v>239</v>
      </c>
      <c r="E39933" s="15">
        <v>45524</v>
      </c>
      <c r="F39933" s="14" t="s">
        <v>61</v>
      </c>
      <c r="G39933" s="16">
        <v>1.4780772405168103</v>
      </c>
    </row>
    <row r="39934" spans="1:7" x14ac:dyDescent="0.3">
      <c r="A39934" s="13" t="s">
        <v>237</v>
      </c>
      <c r="B39934" s="14" t="s">
        <v>1</v>
      </c>
      <c r="C39934" s="14" t="s">
        <v>238</v>
      </c>
      <c r="D39934" s="14" t="s">
        <v>239</v>
      </c>
      <c r="E39934" s="15">
        <v>45525</v>
      </c>
      <c r="F39934" s="14" t="s">
        <v>61</v>
      </c>
      <c r="G39934" s="16">
        <v>1.4884179230215426</v>
      </c>
    </row>
    <row r="39935" spans="1:7" x14ac:dyDescent="0.3">
      <c r="A39935" s="13" t="s">
        <v>237</v>
      </c>
      <c r="B39935" s="14" t="s">
        <v>1</v>
      </c>
      <c r="C39935" s="14" t="s">
        <v>238</v>
      </c>
      <c r="D39935" s="14" t="s">
        <v>239</v>
      </c>
      <c r="E39935" s="15">
        <v>45526</v>
      </c>
      <c r="F39935" s="14" t="s">
        <v>61</v>
      </c>
      <c r="G39935" s="16">
        <v>1.4987529066499448</v>
      </c>
    </row>
    <row r="39936" spans="1:7" x14ac:dyDescent="0.3">
      <c r="A39936" s="13" t="s">
        <v>237</v>
      </c>
      <c r="B39936" s="14" t="s">
        <v>1</v>
      </c>
      <c r="C39936" s="14" t="s">
        <v>238</v>
      </c>
      <c r="D39936" s="14" t="s">
        <v>239</v>
      </c>
      <c r="E39936" s="15">
        <v>45527</v>
      </c>
      <c r="F39936" s="14" t="s">
        <v>61</v>
      </c>
      <c r="G39936" s="16">
        <v>1.5090764718775835</v>
      </c>
    </row>
    <row r="39937" spans="1:7" x14ac:dyDescent="0.3">
      <c r="A39937" s="13" t="s">
        <v>237</v>
      </c>
      <c r="B39937" s="14" t="s">
        <v>1</v>
      </c>
      <c r="C39937" s="14" t="s">
        <v>238</v>
      </c>
      <c r="D39937" s="14" t="s">
        <v>239</v>
      </c>
      <c r="E39937" s="15">
        <v>45528</v>
      </c>
      <c r="F39937" s="14" t="s">
        <v>61</v>
      </c>
      <c r="G39937" s="16">
        <v>1.5090764718775835</v>
      </c>
    </row>
    <row r="39938" spans="1:7" x14ac:dyDescent="0.3">
      <c r="A39938" s="13" t="s">
        <v>237</v>
      </c>
      <c r="B39938" s="14" t="s">
        <v>1</v>
      </c>
      <c r="C39938" s="14" t="s">
        <v>238</v>
      </c>
      <c r="D39938" s="14" t="s">
        <v>239</v>
      </c>
      <c r="E39938" s="15">
        <v>45529</v>
      </c>
      <c r="F39938" s="14" t="s">
        <v>61</v>
      </c>
      <c r="G39938" s="16">
        <v>1.5090764718775835</v>
      </c>
    </row>
    <row r="39939" spans="1:7" x14ac:dyDescent="0.3">
      <c r="A39939" s="13" t="s">
        <v>237</v>
      </c>
      <c r="B39939" s="14" t="s">
        <v>1</v>
      </c>
      <c r="C39939" s="14" t="s">
        <v>238</v>
      </c>
      <c r="D39939" s="14" t="s">
        <v>239</v>
      </c>
      <c r="E39939" s="15">
        <v>45530</v>
      </c>
      <c r="F39939" s="14" t="s">
        <v>61</v>
      </c>
      <c r="G39939" s="16">
        <v>1.5194061695917085</v>
      </c>
    </row>
    <row r="39940" spans="1:7" x14ac:dyDescent="0.3">
      <c r="A39940" s="13" t="s">
        <v>237</v>
      </c>
      <c r="B39940" s="14" t="s">
        <v>1</v>
      </c>
      <c r="C39940" s="14" t="s">
        <v>238</v>
      </c>
      <c r="D39940" s="14" t="s">
        <v>239</v>
      </c>
      <c r="E39940" s="15">
        <v>45531</v>
      </c>
      <c r="F39940" s="14" t="s">
        <v>61</v>
      </c>
      <c r="G39940" s="16">
        <v>1.5503434583742901</v>
      </c>
    </row>
    <row r="39941" spans="1:7" x14ac:dyDescent="0.3">
      <c r="A39941" s="13" t="s">
        <v>237</v>
      </c>
      <c r="B39941" s="14" t="s">
        <v>1</v>
      </c>
      <c r="C39941" s="14" t="s">
        <v>238</v>
      </c>
      <c r="D39941" s="14" t="s">
        <v>239</v>
      </c>
      <c r="E39941" s="15">
        <v>45532</v>
      </c>
      <c r="F39941" s="14" t="s">
        <v>61</v>
      </c>
      <c r="G39941" s="16">
        <v>1.56067280507067</v>
      </c>
    </row>
    <row r="39942" spans="1:7" x14ac:dyDescent="0.3">
      <c r="A39942" s="13" t="s">
        <v>237</v>
      </c>
      <c r="B39942" s="14" t="s">
        <v>1</v>
      </c>
      <c r="C39942" s="14" t="s">
        <v>238</v>
      </c>
      <c r="D39942" s="14" t="s">
        <v>239</v>
      </c>
      <c r="E39942" s="15">
        <v>45533</v>
      </c>
      <c r="F39942" s="14" t="s">
        <v>61</v>
      </c>
      <c r="G39942" s="16">
        <v>1.5625031036445816</v>
      </c>
    </row>
    <row r="39943" spans="1:7" x14ac:dyDescent="0.3">
      <c r="A39943" s="13" t="s">
        <v>237</v>
      </c>
      <c r="B39943" s="14" t="s">
        <v>1</v>
      </c>
      <c r="C39943" s="14" t="s">
        <v>238</v>
      </c>
      <c r="D39943" s="14" t="s">
        <v>239</v>
      </c>
      <c r="E39943" s="15">
        <v>45534</v>
      </c>
      <c r="F39943" s="14" t="s">
        <v>61</v>
      </c>
      <c r="G39943" s="16">
        <v>1.5727840098921544</v>
      </c>
    </row>
    <row r="39944" spans="1:7" x14ac:dyDescent="0.3">
      <c r="A39944" s="13" t="s">
        <v>237</v>
      </c>
      <c r="B39944" s="14" t="s">
        <v>1</v>
      </c>
      <c r="C39944" s="14" t="s">
        <v>238</v>
      </c>
      <c r="D39944" s="14" t="s">
        <v>239</v>
      </c>
      <c r="E39944" s="15">
        <v>45535</v>
      </c>
      <c r="F39944" s="14" t="s">
        <v>61</v>
      </c>
      <c r="G39944" s="16">
        <v>1.5727840098921544</v>
      </c>
    </row>
    <row r="39945" spans="1:7" x14ac:dyDescent="0.3">
      <c r="A39945" s="13" t="s">
        <v>237</v>
      </c>
      <c r="B39945" s="14" t="s">
        <v>1</v>
      </c>
      <c r="C39945" s="14" t="s">
        <v>238</v>
      </c>
      <c r="D39945" s="14" t="s">
        <v>239</v>
      </c>
      <c r="E39945" s="15">
        <v>45536</v>
      </c>
      <c r="F39945" s="14" t="s">
        <v>61</v>
      </c>
      <c r="G39945" s="16">
        <v>1.5727840098921544</v>
      </c>
    </row>
    <row r="39946" spans="1:7" x14ac:dyDescent="0.3">
      <c r="A39946" s="13" t="s">
        <v>237</v>
      </c>
      <c r="B39946" s="14" t="s">
        <v>1</v>
      </c>
      <c r="C39946" s="14" t="s">
        <v>238</v>
      </c>
      <c r="D39946" s="14" t="s">
        <v>239</v>
      </c>
      <c r="E39946" s="15">
        <v>45537</v>
      </c>
      <c r="F39946" s="14" t="s">
        <v>61</v>
      </c>
      <c r="G39946" s="16">
        <v>1.5830708421451865</v>
      </c>
    </row>
    <row r="39947" spans="1:7" x14ac:dyDescent="0.3">
      <c r="A39947" s="13" t="s">
        <v>237</v>
      </c>
      <c r="B39947" s="14" t="s">
        <v>1</v>
      </c>
      <c r="C39947" s="14" t="s">
        <v>238</v>
      </c>
      <c r="D39947" s="14" t="s">
        <v>239</v>
      </c>
      <c r="E39947" s="15">
        <v>45538</v>
      </c>
      <c r="F39947" s="14" t="s">
        <v>61</v>
      </c>
      <c r="G39947" s="16">
        <v>1.6137700996004667</v>
      </c>
    </row>
    <row r="39948" spans="1:7" x14ac:dyDescent="0.3">
      <c r="A39948" s="13" t="s">
        <v>237</v>
      </c>
      <c r="B39948" s="14" t="s">
        <v>1</v>
      </c>
      <c r="C39948" s="14" t="s">
        <v>238</v>
      </c>
      <c r="D39948" s="14" t="s">
        <v>239</v>
      </c>
      <c r="E39948" s="15">
        <v>45539</v>
      </c>
      <c r="F39948" s="14" t="s">
        <v>61</v>
      </c>
      <c r="G39948" s="16">
        <v>1.6240078513135094</v>
      </c>
    </row>
    <row r="39949" spans="1:7" x14ac:dyDescent="0.3">
      <c r="A39949" s="13" t="s">
        <v>237</v>
      </c>
      <c r="B39949" s="14" t="s">
        <v>1</v>
      </c>
      <c r="C39949" s="14" t="s">
        <v>238</v>
      </c>
      <c r="D39949" s="14" t="s">
        <v>239</v>
      </c>
      <c r="E39949" s="15">
        <v>45540</v>
      </c>
      <c r="F39949" s="14" t="s">
        <v>61</v>
      </c>
      <c r="G39949" s="16">
        <v>1.6348966170548733</v>
      </c>
    </row>
    <row r="39950" spans="1:7" x14ac:dyDescent="0.3">
      <c r="A39950" s="13" t="s">
        <v>237</v>
      </c>
      <c r="B39950" s="14" t="s">
        <v>1</v>
      </c>
      <c r="C39950" s="14" t="s">
        <v>238</v>
      </c>
      <c r="D39950" s="14" t="s">
        <v>239</v>
      </c>
      <c r="E39950" s="15">
        <v>45541</v>
      </c>
      <c r="F39950" s="14" t="s">
        <v>61</v>
      </c>
      <c r="G39950" s="16">
        <v>1.645223341442217</v>
      </c>
    </row>
    <row r="39951" spans="1:7" x14ac:dyDescent="0.3">
      <c r="A39951" s="13" t="s">
        <v>237</v>
      </c>
      <c r="B39951" s="14" t="s">
        <v>1</v>
      </c>
      <c r="C39951" s="14" t="s">
        <v>238</v>
      </c>
      <c r="D39951" s="14" t="s">
        <v>239</v>
      </c>
      <c r="E39951" s="15">
        <v>45542</v>
      </c>
      <c r="F39951" s="14" t="s">
        <v>61</v>
      </c>
      <c r="G39951" s="16">
        <v>1.645223341442217</v>
      </c>
    </row>
    <row r="39952" spans="1:7" x14ac:dyDescent="0.3">
      <c r="A39952" s="13" t="s">
        <v>237</v>
      </c>
      <c r="B39952" s="14" t="s">
        <v>1</v>
      </c>
      <c r="C39952" s="14" t="s">
        <v>238</v>
      </c>
      <c r="D39952" s="14" t="s">
        <v>239</v>
      </c>
      <c r="E39952" s="15">
        <v>45543</v>
      </c>
      <c r="F39952" s="14" t="s">
        <v>61</v>
      </c>
      <c r="G39952" s="16">
        <v>1.645223341442217</v>
      </c>
    </row>
    <row r="39953" spans="1:7" x14ac:dyDescent="0.3">
      <c r="A39953" s="13" t="s">
        <v>237</v>
      </c>
      <c r="B39953" s="14" t="s">
        <v>1</v>
      </c>
      <c r="C39953" s="14" t="s">
        <v>238</v>
      </c>
      <c r="D39953" s="14" t="s">
        <v>239</v>
      </c>
      <c r="E39953" s="15">
        <v>45544</v>
      </c>
      <c r="F39953" s="14" t="s">
        <v>61</v>
      </c>
      <c r="G39953" s="16">
        <v>1.655614260780687</v>
      </c>
    </row>
    <row r="39954" spans="1:7" x14ac:dyDescent="0.3">
      <c r="A39954" s="13" t="s">
        <v>237</v>
      </c>
      <c r="B39954" s="14" t="s">
        <v>1</v>
      </c>
      <c r="C39954" s="14" t="s">
        <v>238</v>
      </c>
      <c r="D39954" s="14" t="s">
        <v>239</v>
      </c>
      <c r="E39954" s="15">
        <v>45545</v>
      </c>
      <c r="F39954" s="14" t="s">
        <v>61</v>
      </c>
      <c r="G39954" s="16">
        <v>1.6867150205919155</v>
      </c>
    </row>
    <row r="39955" spans="1:7" x14ac:dyDescent="0.3">
      <c r="A39955" s="13" t="s">
        <v>237</v>
      </c>
      <c r="B39955" s="14" t="s">
        <v>1</v>
      </c>
      <c r="C39955" s="14" t="s">
        <v>238</v>
      </c>
      <c r="D39955" s="14" t="s">
        <v>239</v>
      </c>
      <c r="E39955" s="15">
        <v>45546</v>
      </c>
      <c r="F39955" s="14" t="s">
        <v>61</v>
      </c>
      <c r="G39955" s="16">
        <v>1.6966999569361625</v>
      </c>
    </row>
    <row r="39956" spans="1:7" x14ac:dyDescent="0.3">
      <c r="A39956" s="13" t="s">
        <v>237</v>
      </c>
      <c r="B39956" s="14" t="s">
        <v>1</v>
      </c>
      <c r="C39956" s="14" t="s">
        <v>238</v>
      </c>
      <c r="D39956" s="14" t="s">
        <v>239</v>
      </c>
      <c r="E39956" s="15">
        <v>45547</v>
      </c>
      <c r="F39956" s="14" t="s">
        <v>61</v>
      </c>
      <c r="G39956" s="16">
        <v>1.7070814813879285</v>
      </c>
    </row>
    <row r="39957" spans="1:7" x14ac:dyDescent="0.3">
      <c r="A39957" s="13" t="s">
        <v>237</v>
      </c>
      <c r="B39957" s="14" t="s">
        <v>1</v>
      </c>
      <c r="C39957" s="14" t="s">
        <v>238</v>
      </c>
      <c r="D39957" s="14" t="s">
        <v>239</v>
      </c>
      <c r="E39957" s="15">
        <v>45548</v>
      </c>
      <c r="F39957" s="14" t="s">
        <v>61</v>
      </c>
      <c r="G39957" s="16">
        <v>1.7174873086565086</v>
      </c>
    </row>
    <row r="39958" spans="1:7" x14ac:dyDescent="0.3">
      <c r="A39958" s="13" t="s">
        <v>237</v>
      </c>
      <c r="B39958" s="14" t="s">
        <v>1</v>
      </c>
      <c r="C39958" s="14" t="s">
        <v>238</v>
      </c>
      <c r="D39958" s="14" t="s">
        <v>239</v>
      </c>
      <c r="E39958" s="15">
        <v>45549</v>
      </c>
      <c r="F39958" s="14" t="s">
        <v>61</v>
      </c>
      <c r="G39958" s="16">
        <v>1.7174873086565086</v>
      </c>
    </row>
    <row r="39959" spans="1:7" x14ac:dyDescent="0.3">
      <c r="A39959" s="13" t="s">
        <v>237</v>
      </c>
      <c r="B39959" s="14" t="s">
        <v>1</v>
      </c>
      <c r="C39959" s="14" t="s">
        <v>238</v>
      </c>
      <c r="D39959" s="14" t="s">
        <v>239</v>
      </c>
      <c r="E39959" s="15">
        <v>45550</v>
      </c>
      <c r="F39959" s="14" t="s">
        <v>61</v>
      </c>
      <c r="G39959" s="16">
        <v>1.7174873086565086</v>
      </c>
    </row>
    <row r="39960" spans="1:7" x14ac:dyDescent="0.3">
      <c r="A39960" s="13" t="s">
        <v>237</v>
      </c>
      <c r="B39960" s="14" t="s">
        <v>1</v>
      </c>
      <c r="C39960" s="14" t="s">
        <v>238</v>
      </c>
      <c r="D39960" s="14" t="s">
        <v>239</v>
      </c>
      <c r="E39960" s="15">
        <v>45551</v>
      </c>
      <c r="F39960" s="14" t="s">
        <v>61</v>
      </c>
      <c r="G39960" s="16">
        <v>1.7279053802499575</v>
      </c>
    </row>
    <row r="39961" spans="1:7" x14ac:dyDescent="0.3">
      <c r="A39961" s="13" t="s">
        <v>237</v>
      </c>
      <c r="B39961" s="14" t="s">
        <v>1</v>
      </c>
      <c r="C39961" s="14" t="s">
        <v>238</v>
      </c>
      <c r="D39961" s="14" t="s">
        <v>239</v>
      </c>
      <c r="E39961" s="15">
        <v>45552</v>
      </c>
      <c r="F39961" s="14" t="s">
        <v>61</v>
      </c>
      <c r="G39961" s="16">
        <v>1.7591996127829779</v>
      </c>
    </row>
    <row r="39962" spans="1:7" x14ac:dyDescent="0.3">
      <c r="A39962" s="13" t="s">
        <v>237</v>
      </c>
      <c r="B39962" s="14" t="s">
        <v>1</v>
      </c>
      <c r="C39962" s="14" t="s">
        <v>238</v>
      </c>
      <c r="D39962" s="14" t="s">
        <v>239</v>
      </c>
      <c r="E39962" s="15">
        <v>45553</v>
      </c>
      <c r="F39962" s="14" t="s">
        <v>61</v>
      </c>
      <c r="G39962" s="16">
        <v>1.7696565854018118</v>
      </c>
    </row>
    <row r="39963" spans="1:7" x14ac:dyDescent="0.3">
      <c r="A39963" s="13" t="s">
        <v>237</v>
      </c>
      <c r="B39963" s="14" t="s">
        <v>1</v>
      </c>
      <c r="C39963" s="14" t="s">
        <v>238</v>
      </c>
      <c r="D39963" s="14" t="s">
        <v>239</v>
      </c>
      <c r="E39963" s="15">
        <v>45554</v>
      </c>
      <c r="F39963" s="14" t="s">
        <v>61</v>
      </c>
      <c r="G39963" s="16">
        <v>1.7801194220817971</v>
      </c>
    </row>
    <row r="39964" spans="1:7" x14ac:dyDescent="0.3">
      <c r="A39964" s="13" t="s">
        <v>237</v>
      </c>
      <c r="B39964" s="14" t="s">
        <v>1</v>
      </c>
      <c r="C39964" s="14" t="s">
        <v>238</v>
      </c>
      <c r="D39964" s="14" t="s">
        <v>239</v>
      </c>
      <c r="E39964" s="15">
        <v>45555</v>
      </c>
      <c r="F39964" s="14" t="s">
        <v>61</v>
      </c>
      <c r="G39964" s="16">
        <v>1.7905081940175915</v>
      </c>
    </row>
    <row r="39965" spans="1:7" x14ac:dyDescent="0.3">
      <c r="A39965" s="13" t="s">
        <v>237</v>
      </c>
      <c r="B39965" s="14" t="s">
        <v>1</v>
      </c>
      <c r="C39965" s="14" t="s">
        <v>238</v>
      </c>
      <c r="D39965" s="14" t="s">
        <v>239</v>
      </c>
      <c r="E39965" s="15">
        <v>45556</v>
      </c>
      <c r="F39965" s="14" t="s">
        <v>61</v>
      </c>
      <c r="G39965" s="16">
        <v>1.7905081940175915</v>
      </c>
    </row>
    <row r="39966" spans="1:7" x14ac:dyDescent="0.3">
      <c r="A39966" s="13" t="s">
        <v>237</v>
      </c>
      <c r="B39966" s="14" t="s">
        <v>1</v>
      </c>
      <c r="C39966" s="14" t="s">
        <v>238</v>
      </c>
      <c r="D39966" s="14" t="s">
        <v>239</v>
      </c>
      <c r="E39966" s="15">
        <v>45557</v>
      </c>
      <c r="F39966" s="14" t="s">
        <v>61</v>
      </c>
      <c r="G39966" s="16">
        <v>1.7905081940175915</v>
      </c>
    </row>
    <row r="39967" spans="1:7" x14ac:dyDescent="0.3">
      <c r="A39967" s="13" t="s">
        <v>237</v>
      </c>
      <c r="B39967" s="14" t="s">
        <v>1</v>
      </c>
      <c r="C39967" s="14" t="s">
        <v>238</v>
      </c>
      <c r="D39967" s="14" t="s">
        <v>239</v>
      </c>
      <c r="E39967" s="15">
        <v>45558</v>
      </c>
      <c r="F39967" s="14" t="s">
        <v>61</v>
      </c>
      <c r="G39967" s="16">
        <v>1.8006192902690048</v>
      </c>
    </row>
    <row r="39968" spans="1:7" x14ac:dyDescent="0.3">
      <c r="A39968" s="13" t="s">
        <v>237</v>
      </c>
      <c r="B39968" s="14" t="s">
        <v>1</v>
      </c>
      <c r="C39968" s="14" t="s">
        <v>238</v>
      </c>
      <c r="D39968" s="14" t="s">
        <v>239</v>
      </c>
      <c r="E39968" s="15">
        <v>45559</v>
      </c>
      <c r="F39968" s="14" t="s">
        <v>61</v>
      </c>
      <c r="G39968" s="16">
        <v>1.8319717091552812</v>
      </c>
    </row>
    <row r="39969" spans="1:7" x14ac:dyDescent="0.3">
      <c r="A39969" s="13" t="s">
        <v>237</v>
      </c>
      <c r="B39969" s="14" t="s">
        <v>1</v>
      </c>
      <c r="C39969" s="14" t="s">
        <v>238</v>
      </c>
      <c r="D39969" s="14" t="s">
        <v>239</v>
      </c>
      <c r="E39969" s="15">
        <v>45560</v>
      </c>
      <c r="F39969" s="14" t="s">
        <v>61</v>
      </c>
      <c r="G39969" s="16">
        <v>1.8424161690239116</v>
      </c>
    </row>
    <row r="39970" spans="1:7" x14ac:dyDescent="0.3">
      <c r="A39970" s="13" t="s">
        <v>237</v>
      </c>
      <c r="B39970" s="14" t="s">
        <v>1</v>
      </c>
      <c r="C39970" s="14" t="s">
        <v>238</v>
      </c>
      <c r="D39970" s="14" t="s">
        <v>239</v>
      </c>
      <c r="E39970" s="15">
        <v>45561</v>
      </c>
      <c r="F39970" s="14" t="s">
        <v>61</v>
      </c>
      <c r="G39970" s="16">
        <v>1.8528444820762731</v>
      </c>
    </row>
    <row r="39971" spans="1:7" x14ac:dyDescent="0.3">
      <c r="A39971" s="13" t="s">
        <v>237</v>
      </c>
      <c r="B39971" s="14" t="s">
        <v>1</v>
      </c>
      <c r="C39971" s="14" t="s">
        <v>238</v>
      </c>
      <c r="D39971" s="14" t="s">
        <v>239</v>
      </c>
      <c r="E39971" s="15">
        <v>45562</v>
      </c>
      <c r="F39971" s="14" t="s">
        <v>61</v>
      </c>
      <c r="G39971" s="16">
        <v>1.8632638491547122</v>
      </c>
    </row>
    <row r="39972" spans="1:7" x14ac:dyDescent="0.3">
      <c r="A39972" s="13" t="s">
        <v>237</v>
      </c>
      <c r="B39972" s="14" t="s">
        <v>1</v>
      </c>
      <c r="C39972" s="14" t="s">
        <v>238</v>
      </c>
      <c r="D39972" s="14" t="s">
        <v>239</v>
      </c>
      <c r="E39972" s="15">
        <v>45563</v>
      </c>
      <c r="F39972" s="14" t="s">
        <v>61</v>
      </c>
      <c r="G39972" s="16">
        <v>1.8632638491547122</v>
      </c>
    </row>
    <row r="39973" spans="1:7" x14ac:dyDescent="0.3">
      <c r="A39973" s="13" t="s">
        <v>237</v>
      </c>
      <c r="B39973" s="14" t="s">
        <v>1</v>
      </c>
      <c r="C39973" s="14" t="s">
        <v>238</v>
      </c>
      <c r="D39973" s="14" t="s">
        <v>239</v>
      </c>
      <c r="E39973" s="15">
        <v>45564</v>
      </c>
      <c r="F39973" s="14" t="s">
        <v>61</v>
      </c>
      <c r="G39973" s="16">
        <v>1.8632638491547122</v>
      </c>
    </row>
    <row r="39974" spans="1:7" x14ac:dyDescent="0.3">
      <c r="A39974" s="13" t="s">
        <v>237</v>
      </c>
      <c r="B39974" s="14" t="s">
        <v>1</v>
      </c>
      <c r="C39974" s="14" t="s">
        <v>238</v>
      </c>
      <c r="D39974" s="14" t="s">
        <v>239</v>
      </c>
      <c r="E39974" s="15">
        <v>45565</v>
      </c>
      <c r="F39974" s="14" t="s">
        <v>61</v>
      </c>
      <c r="G39974" s="16">
        <v>1.8735777973988033</v>
      </c>
    </row>
    <row r="39975" spans="1:7" x14ac:dyDescent="0.3">
      <c r="A39975" s="13" t="s">
        <v>237</v>
      </c>
      <c r="B39975" s="14" t="s">
        <v>1</v>
      </c>
      <c r="C39975" s="14" t="s">
        <v>238</v>
      </c>
      <c r="D39975" s="14" t="s">
        <v>239</v>
      </c>
      <c r="E39975" s="15">
        <v>45566</v>
      </c>
      <c r="F39975" s="14" t="s">
        <v>61</v>
      </c>
      <c r="G39975" s="16">
        <v>1.9034437961923536</v>
      </c>
    </row>
    <row r="39976" spans="1:7" x14ac:dyDescent="0.3">
      <c r="A39976" s="13" t="s">
        <v>237</v>
      </c>
      <c r="B39976" s="14" t="s">
        <v>1</v>
      </c>
      <c r="C39976" s="14" t="s">
        <v>238</v>
      </c>
      <c r="D39976" s="14" t="s">
        <v>239</v>
      </c>
      <c r="E39976" s="15">
        <v>45567</v>
      </c>
      <c r="F39976" s="14" t="s">
        <v>61</v>
      </c>
      <c r="G39976" s="16">
        <v>1.9141427287001851</v>
      </c>
    </row>
    <row r="39977" spans="1:7" x14ac:dyDescent="0.3">
      <c r="A39977" s="13" t="s">
        <v>237</v>
      </c>
      <c r="B39977" s="14" t="s">
        <v>1</v>
      </c>
      <c r="C39977" s="14" t="s">
        <v>238</v>
      </c>
      <c r="D39977" s="14" t="s">
        <v>239</v>
      </c>
      <c r="E39977" s="15">
        <v>45568</v>
      </c>
      <c r="F39977" s="14" t="s">
        <v>61</v>
      </c>
      <c r="G39977" s="16">
        <v>1.9244816212326787</v>
      </c>
    </row>
    <row r="39978" spans="1:7" x14ac:dyDescent="0.3">
      <c r="A39978" s="13" t="s">
        <v>237</v>
      </c>
      <c r="B39978" s="14" t="s">
        <v>1</v>
      </c>
      <c r="C39978" s="14" t="s">
        <v>238</v>
      </c>
      <c r="D39978" s="14" t="s">
        <v>239</v>
      </c>
      <c r="E39978" s="15">
        <v>45569</v>
      </c>
      <c r="F39978" s="14" t="s">
        <v>61</v>
      </c>
      <c r="G39978" s="16">
        <v>1.9354279011431208</v>
      </c>
    </row>
    <row r="39979" spans="1:7" x14ac:dyDescent="0.3">
      <c r="A39979" s="13" t="s">
        <v>237</v>
      </c>
      <c r="B39979" s="14" t="s">
        <v>1</v>
      </c>
      <c r="C39979" s="14" t="s">
        <v>238</v>
      </c>
      <c r="D39979" s="14" t="s">
        <v>239</v>
      </c>
      <c r="E39979" s="15">
        <v>45570</v>
      </c>
      <c r="F39979" s="14" t="s">
        <v>61</v>
      </c>
      <c r="G39979" s="16">
        <v>1.9354279011431208</v>
      </c>
    </row>
    <row r="39980" spans="1:7" x14ac:dyDescent="0.3">
      <c r="A39980" s="13" t="s">
        <v>237</v>
      </c>
      <c r="B39980" s="14" t="s">
        <v>1</v>
      </c>
      <c r="C39980" s="14" t="s">
        <v>238</v>
      </c>
      <c r="D39980" s="14" t="s">
        <v>239</v>
      </c>
      <c r="E39980" s="15">
        <v>45571</v>
      </c>
      <c r="F39980" s="14" t="s">
        <v>61</v>
      </c>
      <c r="G39980" s="16">
        <v>1.9354279011431208</v>
      </c>
    </row>
    <row r="39981" spans="1:7" x14ac:dyDescent="0.3">
      <c r="A39981" s="13" t="s">
        <v>237</v>
      </c>
      <c r="B39981" s="14" t="s">
        <v>1</v>
      </c>
      <c r="C39981" s="14" t="s">
        <v>238</v>
      </c>
      <c r="D39981" s="14" t="s">
        <v>239</v>
      </c>
      <c r="E39981" s="15">
        <v>45572</v>
      </c>
      <c r="F39981" s="14" t="s">
        <v>61</v>
      </c>
      <c r="G39981" s="16">
        <v>1.9418834233355418</v>
      </c>
    </row>
    <row r="39982" spans="1:7" x14ac:dyDescent="0.3">
      <c r="A39982" s="13" t="s">
        <v>237</v>
      </c>
      <c r="B39982" s="14" t="s">
        <v>1</v>
      </c>
      <c r="C39982" s="14" t="s">
        <v>238</v>
      </c>
      <c r="D39982" s="14" t="s">
        <v>239</v>
      </c>
      <c r="E39982" s="15">
        <v>45573</v>
      </c>
      <c r="F39982" s="14" t="s">
        <v>61</v>
      </c>
      <c r="G39982" s="16">
        <v>1.9770391425838119</v>
      </c>
    </row>
    <row r="39983" spans="1:7" x14ac:dyDescent="0.3">
      <c r="A39983" s="13" t="s">
        <v>237</v>
      </c>
      <c r="B39983" s="14" t="s">
        <v>1</v>
      </c>
      <c r="C39983" s="14" t="s">
        <v>238</v>
      </c>
      <c r="D39983" s="14" t="s">
        <v>239</v>
      </c>
      <c r="E39983" s="15">
        <v>45574</v>
      </c>
      <c r="F39983" s="14" t="s">
        <v>61</v>
      </c>
      <c r="G39983" s="16">
        <v>1.9875408580521554</v>
      </c>
    </row>
    <row r="39984" spans="1:7" x14ac:dyDescent="0.3">
      <c r="A39984" s="13" t="s">
        <v>237</v>
      </c>
      <c r="B39984" s="14" t="s">
        <v>1</v>
      </c>
      <c r="C39984" s="14" t="s">
        <v>238</v>
      </c>
      <c r="D39984" s="14" t="s">
        <v>239</v>
      </c>
      <c r="E39984" s="15">
        <v>45575</v>
      </c>
      <c r="F39984" s="14" t="s">
        <v>61</v>
      </c>
      <c r="G39984" s="16">
        <v>1.9980438227498052</v>
      </c>
    </row>
    <row r="39985" spans="1:7" x14ac:dyDescent="0.3">
      <c r="A39985" s="13" t="s">
        <v>237</v>
      </c>
      <c r="B39985" s="14" t="s">
        <v>1</v>
      </c>
      <c r="C39985" s="14" t="s">
        <v>238</v>
      </c>
      <c r="D39985" s="14" t="s">
        <v>239</v>
      </c>
      <c r="E39985" s="15">
        <v>45576</v>
      </c>
      <c r="F39985" s="14" t="s">
        <v>61</v>
      </c>
      <c r="G39985" s="16">
        <v>2.0086194240869477</v>
      </c>
    </row>
    <row r="39986" spans="1:7" x14ac:dyDescent="0.3">
      <c r="A39986" s="13" t="s">
        <v>237</v>
      </c>
      <c r="B39986" s="14" t="s">
        <v>1</v>
      </c>
      <c r="C39986" s="14" t="s">
        <v>238</v>
      </c>
      <c r="D39986" s="14" t="s">
        <v>239</v>
      </c>
      <c r="E39986" s="15">
        <v>45577</v>
      </c>
      <c r="F39986" s="14" t="s">
        <v>61</v>
      </c>
      <c r="G39986" s="16">
        <v>2.0086194240869477</v>
      </c>
    </row>
    <row r="39987" spans="1:7" x14ac:dyDescent="0.3">
      <c r="A39987" s="13" t="s">
        <v>237</v>
      </c>
      <c r="B39987" s="14" t="s">
        <v>1</v>
      </c>
      <c r="C39987" s="14" t="s">
        <v>238</v>
      </c>
      <c r="D39987" s="14" t="s">
        <v>239</v>
      </c>
      <c r="E39987" s="15">
        <v>45578</v>
      </c>
      <c r="F39987" s="14" t="s">
        <v>61</v>
      </c>
      <c r="G39987" s="16">
        <v>2.0086194240869477</v>
      </c>
    </row>
    <row r="39988" spans="1:7" x14ac:dyDescent="0.3">
      <c r="A39988" s="13" t="s">
        <v>237</v>
      </c>
      <c r="B39988" s="14" t="s">
        <v>1</v>
      </c>
      <c r="C39988" s="14" t="s">
        <v>238</v>
      </c>
      <c r="D39988" s="14" t="s">
        <v>239</v>
      </c>
      <c r="E39988" s="15">
        <v>45579</v>
      </c>
      <c r="F39988" s="14" t="s">
        <v>61</v>
      </c>
      <c r="G39988" s="16">
        <v>2.0191366138795996</v>
      </c>
    </row>
    <row r="39989" spans="1:7" x14ac:dyDescent="0.3">
      <c r="A39989" s="13" t="s">
        <v>237</v>
      </c>
      <c r="B39989" s="14" t="s">
        <v>1</v>
      </c>
      <c r="C39989" s="14" t="s">
        <v>238</v>
      </c>
      <c r="D39989" s="14" t="s">
        <v>239</v>
      </c>
      <c r="E39989" s="15">
        <v>45580</v>
      </c>
      <c r="F39989" s="14" t="s">
        <v>61</v>
      </c>
      <c r="G39989" s="16">
        <v>2.0506271144925918</v>
      </c>
    </row>
    <row r="39990" spans="1:7" x14ac:dyDescent="0.3">
      <c r="A39990" s="13" t="s">
        <v>237</v>
      </c>
      <c r="B39990" s="14" t="s">
        <v>1</v>
      </c>
      <c r="C39990" s="14" t="s">
        <v>238</v>
      </c>
      <c r="D39990" s="14" t="s">
        <v>239</v>
      </c>
      <c r="E39990" s="15">
        <v>45581</v>
      </c>
      <c r="F39990" s="14" t="s">
        <v>61</v>
      </c>
      <c r="G39990" s="16">
        <v>2.0611500870079995</v>
      </c>
    </row>
    <row r="39991" spans="1:7" x14ac:dyDescent="0.3">
      <c r="A39991" s="13" t="s">
        <v>237</v>
      </c>
      <c r="B39991" s="14" t="s">
        <v>1</v>
      </c>
      <c r="C39991" s="14" t="s">
        <v>238</v>
      </c>
      <c r="D39991" s="14" t="s">
        <v>239</v>
      </c>
      <c r="E39991" s="15">
        <v>45582</v>
      </c>
      <c r="F39991" s="14" t="s">
        <v>61</v>
      </c>
      <c r="G39991" s="16">
        <v>2.0716676999267065</v>
      </c>
    </row>
    <row r="39992" spans="1:7" x14ac:dyDescent="0.3">
      <c r="A39992" s="13" t="s">
        <v>237</v>
      </c>
      <c r="B39992" s="14" t="s">
        <v>1</v>
      </c>
      <c r="C39992" s="14" t="s">
        <v>238</v>
      </c>
      <c r="D39992" s="14" t="s">
        <v>239</v>
      </c>
      <c r="E39992" s="15">
        <v>45583</v>
      </c>
      <c r="F39992" s="14" t="s">
        <v>61</v>
      </c>
      <c r="G39992" s="16">
        <v>2.0821810614360006</v>
      </c>
    </row>
    <row r="39993" spans="1:7" x14ac:dyDescent="0.3">
      <c r="A39993" s="13" t="s">
        <v>237</v>
      </c>
      <c r="B39993" s="14" t="s">
        <v>1</v>
      </c>
      <c r="C39993" s="14" t="s">
        <v>238</v>
      </c>
      <c r="D39993" s="14" t="s">
        <v>239</v>
      </c>
      <c r="E39993" s="15">
        <v>45584</v>
      </c>
      <c r="F39993" s="14" t="s">
        <v>61</v>
      </c>
      <c r="G39993" s="16">
        <v>2.0821810614360006</v>
      </c>
    </row>
    <row r="39994" spans="1:7" x14ac:dyDescent="0.3">
      <c r="A39994" s="13" t="s">
        <v>237</v>
      </c>
      <c r="B39994" s="14" t="s">
        <v>1</v>
      </c>
      <c r="C39994" s="14" t="s">
        <v>238</v>
      </c>
      <c r="D39994" s="14" t="s">
        <v>239</v>
      </c>
      <c r="E39994" s="15">
        <v>45585</v>
      </c>
      <c r="F39994" s="14" t="s">
        <v>61</v>
      </c>
      <c r="G39994" s="16">
        <v>2.0821810614360006</v>
      </c>
    </row>
    <row r="39995" spans="1:7" x14ac:dyDescent="0.3">
      <c r="A39995" s="13" t="s">
        <v>237</v>
      </c>
      <c r="B39995" s="14" t="s">
        <v>1</v>
      </c>
      <c r="C39995" s="14" t="s">
        <v>238</v>
      </c>
      <c r="D39995" s="14" t="s">
        <v>239</v>
      </c>
      <c r="E39995" s="15">
        <v>45586</v>
      </c>
      <c r="F39995" s="14" t="s">
        <v>61</v>
      </c>
      <c r="G39995" s="16">
        <v>2.0926918438912439</v>
      </c>
    </row>
    <row r="39996" spans="1:7" x14ac:dyDescent="0.3">
      <c r="A39996" s="13" t="s">
        <v>237</v>
      </c>
      <c r="B39996" s="14" t="s">
        <v>1</v>
      </c>
      <c r="C39996" s="14" t="s">
        <v>238</v>
      </c>
      <c r="D39996" s="14" t="s">
        <v>239</v>
      </c>
      <c r="E39996" s="15">
        <v>45587</v>
      </c>
      <c r="F39996" s="14" t="s">
        <v>61</v>
      </c>
      <c r="G39996" s="16">
        <v>2.124134027538493</v>
      </c>
    </row>
    <row r="39997" spans="1:7" x14ac:dyDescent="0.3">
      <c r="A39997" s="13" t="s">
        <v>237</v>
      </c>
      <c r="B39997" s="14" t="s">
        <v>1</v>
      </c>
      <c r="C39997" s="14" t="s">
        <v>238</v>
      </c>
      <c r="D39997" s="14" t="s">
        <v>239</v>
      </c>
      <c r="E39997" s="15">
        <v>45588</v>
      </c>
      <c r="F39997" s="14" t="s">
        <v>61</v>
      </c>
      <c r="G39997" s="16">
        <v>2.1345981250856347</v>
      </c>
    </row>
    <row r="39998" spans="1:7" x14ac:dyDescent="0.3">
      <c r="A39998" s="13" t="s">
        <v>237</v>
      </c>
      <c r="B39998" s="14" t="s">
        <v>1</v>
      </c>
      <c r="C39998" s="14" t="s">
        <v>238</v>
      </c>
      <c r="D39998" s="14" t="s">
        <v>239</v>
      </c>
      <c r="E39998" s="15">
        <v>45589</v>
      </c>
      <c r="F39998" s="14" t="s">
        <v>61</v>
      </c>
      <c r="G39998" s="16">
        <v>2.1450591600060909</v>
      </c>
    </row>
    <row r="39999" spans="1:7" x14ac:dyDescent="0.3">
      <c r="A39999" s="13" t="s">
        <v>237</v>
      </c>
      <c r="B39999" s="14" t="s">
        <v>1</v>
      </c>
      <c r="C39999" s="14" t="s">
        <v>238</v>
      </c>
      <c r="D39999" s="14" t="s">
        <v>239</v>
      </c>
      <c r="E39999" s="15">
        <v>45590</v>
      </c>
      <c r="F39999" s="14" t="s">
        <v>61</v>
      </c>
      <c r="G39999" s="16">
        <v>2.1555225321942806</v>
      </c>
    </row>
    <row r="40000" spans="1:7" x14ac:dyDescent="0.3">
      <c r="A40000" s="13" t="s">
        <v>237</v>
      </c>
      <c r="B40000" s="14" t="s">
        <v>1</v>
      </c>
      <c r="C40000" s="14" t="s">
        <v>238</v>
      </c>
      <c r="D40000" s="14" t="s">
        <v>239</v>
      </c>
      <c r="E40000" s="15">
        <v>45591</v>
      </c>
      <c r="F40000" s="14" t="s">
        <v>61</v>
      </c>
      <c r="G40000" s="16">
        <v>2.1555225321942806</v>
      </c>
    </row>
    <row r="40001" spans="1:7" x14ac:dyDescent="0.3">
      <c r="A40001" s="13" t="s">
        <v>237</v>
      </c>
      <c r="B40001" s="14" t="s">
        <v>1</v>
      </c>
      <c r="C40001" s="14" t="s">
        <v>238</v>
      </c>
      <c r="D40001" s="14" t="s">
        <v>239</v>
      </c>
      <c r="E40001" s="15">
        <v>45592</v>
      </c>
      <c r="F40001" s="14" t="s">
        <v>61</v>
      </c>
      <c r="G40001" s="16">
        <v>2.1555225321942806</v>
      </c>
    </row>
    <row r="40002" spans="1:7" x14ac:dyDescent="0.3">
      <c r="A40002" s="13" t="s">
        <v>237</v>
      </c>
      <c r="B40002" s="14" t="s">
        <v>1</v>
      </c>
      <c r="C40002" s="14" t="s">
        <v>238</v>
      </c>
      <c r="D40002" s="14" t="s">
        <v>239</v>
      </c>
      <c r="E40002" s="15">
        <v>45593</v>
      </c>
      <c r="F40002" s="14" t="s">
        <v>61</v>
      </c>
      <c r="G40002" s="16">
        <v>2.1555225321942806</v>
      </c>
    </row>
    <row r="40003" spans="1:7" x14ac:dyDescent="0.3">
      <c r="A40003" s="13" t="s">
        <v>237</v>
      </c>
      <c r="B40003" s="14" t="s">
        <v>1</v>
      </c>
      <c r="C40003" s="14" t="s">
        <v>238</v>
      </c>
      <c r="D40003" s="14" t="s">
        <v>239</v>
      </c>
      <c r="E40003" s="15">
        <v>45594</v>
      </c>
      <c r="F40003" s="14" t="s">
        <v>61</v>
      </c>
      <c r="G40003" s="16">
        <v>2.165999001141325</v>
      </c>
    </row>
    <row r="40004" spans="1:7" x14ac:dyDescent="0.3">
      <c r="A40004" s="13" t="s">
        <v>237</v>
      </c>
      <c r="B40004" s="14" t="s">
        <v>1</v>
      </c>
      <c r="C40004" s="14" t="s">
        <v>238</v>
      </c>
      <c r="D40004" s="14" t="s">
        <v>239</v>
      </c>
      <c r="E40004" s="15">
        <v>45595</v>
      </c>
      <c r="F40004" s="14" t="s">
        <v>61</v>
      </c>
      <c r="G40004" s="16">
        <v>2.2078327577294616</v>
      </c>
    </row>
    <row r="40005" spans="1:7" x14ac:dyDescent="0.3">
      <c r="A40005" s="13" t="s">
        <v>237</v>
      </c>
      <c r="B40005" s="14" t="s">
        <v>1</v>
      </c>
      <c r="C40005" s="14" t="s">
        <v>238</v>
      </c>
      <c r="D40005" s="14" t="s">
        <v>239</v>
      </c>
      <c r="E40005" s="15">
        <v>45596</v>
      </c>
      <c r="F40005" s="14" t="s">
        <v>61</v>
      </c>
      <c r="G40005" s="16">
        <v>2.2183125310895093</v>
      </c>
    </row>
    <row r="40006" spans="1:7" x14ac:dyDescent="0.3">
      <c r="A40006" s="13" t="s">
        <v>237</v>
      </c>
      <c r="B40006" s="14" t="s">
        <v>1</v>
      </c>
      <c r="C40006" s="14" t="s">
        <v>238</v>
      </c>
      <c r="D40006" s="14" t="s">
        <v>239</v>
      </c>
      <c r="E40006" s="15">
        <v>45597</v>
      </c>
      <c r="F40006" s="14" t="s">
        <v>61</v>
      </c>
      <c r="G40006" s="16">
        <v>2.2287973416645008</v>
      </c>
    </row>
    <row r="40007" spans="1:7" x14ac:dyDescent="0.3">
      <c r="A40007" s="13" t="s">
        <v>237</v>
      </c>
      <c r="B40007" s="14" t="s">
        <v>1</v>
      </c>
      <c r="C40007" s="14" t="s">
        <v>238</v>
      </c>
      <c r="D40007" s="14" t="s">
        <v>239</v>
      </c>
      <c r="E40007" s="15">
        <v>45598</v>
      </c>
      <c r="F40007" s="14" t="s">
        <v>61</v>
      </c>
      <c r="G40007" s="16">
        <v>2.2287973416645008</v>
      </c>
    </row>
    <row r="40008" spans="1:7" x14ac:dyDescent="0.3">
      <c r="A40008" s="13" t="s">
        <v>237</v>
      </c>
      <c r="B40008" s="14" t="s">
        <v>1</v>
      </c>
      <c r="C40008" s="14" t="s">
        <v>238</v>
      </c>
      <c r="D40008" s="14" t="s">
        <v>239</v>
      </c>
      <c r="E40008" s="15">
        <v>45599</v>
      </c>
      <c r="F40008" s="14" t="s">
        <v>61</v>
      </c>
      <c r="G40008" s="16">
        <v>2.2287973416645008</v>
      </c>
    </row>
    <row r="40009" spans="1:7" x14ac:dyDescent="0.3">
      <c r="A40009" s="13" t="s">
        <v>237</v>
      </c>
      <c r="B40009" s="14" t="s">
        <v>1</v>
      </c>
      <c r="C40009" s="14" t="s">
        <v>238</v>
      </c>
      <c r="D40009" s="14" t="s">
        <v>239</v>
      </c>
      <c r="E40009" s="15">
        <v>45600</v>
      </c>
      <c r="F40009" s="14" t="s">
        <v>61</v>
      </c>
      <c r="G40009" s="16">
        <v>2.2389413141275214</v>
      </c>
    </row>
    <row r="40010" spans="1:7" x14ac:dyDescent="0.3">
      <c r="A40010" s="13" t="s">
        <v>237</v>
      </c>
      <c r="B40010" s="14" t="s">
        <v>1</v>
      </c>
      <c r="C40010" s="14" t="s">
        <v>238</v>
      </c>
      <c r="D40010" s="14" t="s">
        <v>239</v>
      </c>
      <c r="E40010" s="15">
        <v>45601</v>
      </c>
      <c r="F40010" s="14" t="s">
        <v>61</v>
      </c>
      <c r="G40010" s="16">
        <v>2.2703545237144129</v>
      </c>
    </row>
    <row r="40011" spans="1:7" x14ac:dyDescent="0.3">
      <c r="A40011" s="13" t="s">
        <v>237</v>
      </c>
      <c r="B40011" s="14" t="s">
        <v>1</v>
      </c>
      <c r="C40011" s="14" t="s">
        <v>238</v>
      </c>
      <c r="D40011" s="14" t="s">
        <v>239</v>
      </c>
      <c r="E40011" s="15">
        <v>45602</v>
      </c>
      <c r="F40011" s="14" t="s">
        <v>61</v>
      </c>
      <c r="G40011" s="16">
        <v>2.2812431577370358</v>
      </c>
    </row>
    <row r="40012" spans="1:7" x14ac:dyDescent="0.3">
      <c r="A40012" s="13" t="s">
        <v>237</v>
      </c>
      <c r="B40012" s="14" t="s">
        <v>1</v>
      </c>
      <c r="C40012" s="14" t="s">
        <v>238</v>
      </c>
      <c r="D40012" s="14" t="s">
        <v>239</v>
      </c>
      <c r="E40012" s="15">
        <v>45603</v>
      </c>
      <c r="F40012" s="14" t="s">
        <v>61</v>
      </c>
      <c r="G40012" s="16">
        <v>2.291744006804409</v>
      </c>
    </row>
    <row r="40013" spans="1:7" x14ac:dyDescent="0.3">
      <c r="A40013" s="13" t="s">
        <v>237</v>
      </c>
      <c r="B40013" s="14" t="s">
        <v>1</v>
      </c>
      <c r="C40013" s="14" t="s">
        <v>238</v>
      </c>
      <c r="D40013" s="14" t="s">
        <v>239</v>
      </c>
      <c r="E40013" s="15">
        <v>45604</v>
      </c>
      <c r="F40013" s="14" t="s">
        <v>61</v>
      </c>
      <c r="G40013" s="16">
        <v>2.3096694689129302</v>
      </c>
    </row>
    <row r="40014" spans="1:7" x14ac:dyDescent="0.3">
      <c r="A40014" s="13" t="s">
        <v>237</v>
      </c>
      <c r="B40014" s="14" t="s">
        <v>1</v>
      </c>
      <c r="C40014" s="14" t="s">
        <v>238</v>
      </c>
      <c r="D40014" s="14" t="s">
        <v>239</v>
      </c>
      <c r="E40014" s="15">
        <v>45605</v>
      </c>
      <c r="F40014" s="14" t="s">
        <v>61</v>
      </c>
      <c r="G40014" s="16">
        <v>2.3096694689129302</v>
      </c>
    </row>
    <row r="40015" spans="1:7" x14ac:dyDescent="0.3">
      <c r="A40015" s="13" t="s">
        <v>237</v>
      </c>
      <c r="B40015" s="14" t="s">
        <v>1</v>
      </c>
      <c r="C40015" s="14" t="s">
        <v>238</v>
      </c>
      <c r="D40015" s="14" t="s">
        <v>239</v>
      </c>
      <c r="E40015" s="15">
        <v>45606</v>
      </c>
      <c r="F40015" s="14" t="s">
        <v>61</v>
      </c>
      <c r="G40015" s="16">
        <v>2.3096694689129302</v>
      </c>
    </row>
    <row r="40016" spans="1:7" x14ac:dyDescent="0.3">
      <c r="A40016" s="13" t="s">
        <v>237</v>
      </c>
      <c r="B40016" s="14" t="s">
        <v>1</v>
      </c>
      <c r="C40016" s="14" t="s">
        <v>238</v>
      </c>
      <c r="D40016" s="14" t="s">
        <v>239</v>
      </c>
      <c r="E40016" s="15">
        <v>45607</v>
      </c>
      <c r="F40016" s="14" t="s">
        <v>61</v>
      </c>
      <c r="G40016" s="16">
        <v>2.3201421901720565</v>
      </c>
    </row>
    <row r="40017" spans="1:7" x14ac:dyDescent="0.3">
      <c r="A40017" s="13" t="s">
        <v>237</v>
      </c>
      <c r="B40017" s="14" t="s">
        <v>1</v>
      </c>
      <c r="C40017" s="14" t="s">
        <v>238</v>
      </c>
      <c r="D40017" s="14" t="s">
        <v>239</v>
      </c>
      <c r="E40017" s="15">
        <v>45608</v>
      </c>
      <c r="F40017" s="14" t="s">
        <v>61</v>
      </c>
      <c r="G40017" s="16">
        <v>2.351492132339251</v>
      </c>
    </row>
    <row r="40018" spans="1:7" x14ac:dyDescent="0.3">
      <c r="A40018" s="13" t="s">
        <v>237</v>
      </c>
      <c r="B40018" s="14" t="s">
        <v>1</v>
      </c>
      <c r="C40018" s="14" t="s">
        <v>238</v>
      </c>
      <c r="D40018" s="14" t="s">
        <v>239</v>
      </c>
      <c r="E40018" s="15">
        <v>45609</v>
      </c>
      <c r="F40018" s="14" t="s">
        <v>61</v>
      </c>
      <c r="G40018" s="16">
        <v>2.3619553836342826</v>
      </c>
    </row>
    <row r="40019" spans="1:7" x14ac:dyDescent="0.3">
      <c r="A40019" s="13" t="s">
        <v>237</v>
      </c>
      <c r="B40019" s="14" t="s">
        <v>1</v>
      </c>
      <c r="C40019" s="14" t="s">
        <v>238</v>
      </c>
      <c r="D40019" s="14" t="s">
        <v>239</v>
      </c>
      <c r="E40019" s="15">
        <v>45610</v>
      </c>
      <c r="F40019" s="14" t="s">
        <v>61</v>
      </c>
      <c r="G40019" s="16">
        <v>2.3724185140361551</v>
      </c>
    </row>
    <row r="40020" spans="1:7" x14ac:dyDescent="0.3">
      <c r="A40020" s="13" t="s">
        <v>237</v>
      </c>
      <c r="B40020" s="14" t="s">
        <v>1</v>
      </c>
      <c r="C40020" s="14" t="s">
        <v>238</v>
      </c>
      <c r="D40020" s="14" t="s">
        <v>239</v>
      </c>
      <c r="E40020" s="15">
        <v>45611</v>
      </c>
      <c r="F40020" s="14" t="s">
        <v>61</v>
      </c>
      <c r="G40020" s="16">
        <v>2.3828808586324968</v>
      </c>
    </row>
    <row r="40021" spans="1:7" x14ac:dyDescent="0.3">
      <c r="A40021" s="13" t="s">
        <v>237</v>
      </c>
      <c r="B40021" s="14" t="s">
        <v>1</v>
      </c>
      <c r="C40021" s="14" t="s">
        <v>238</v>
      </c>
      <c r="D40021" s="14" t="s">
        <v>239</v>
      </c>
      <c r="E40021" s="15">
        <v>45612</v>
      </c>
      <c r="F40021" s="14" t="s">
        <v>61</v>
      </c>
      <c r="G40021" s="16">
        <v>2.3828808586324968</v>
      </c>
    </row>
    <row r="40022" spans="1:7" x14ac:dyDescent="0.3">
      <c r="A40022" s="13" t="s">
        <v>237</v>
      </c>
      <c r="B40022" s="14" t="s">
        <v>1</v>
      </c>
      <c r="C40022" s="14" t="s">
        <v>238</v>
      </c>
      <c r="D40022" s="14" t="s">
        <v>239</v>
      </c>
      <c r="E40022" s="15">
        <v>45613</v>
      </c>
      <c r="F40022" s="14" t="s">
        <v>61</v>
      </c>
      <c r="G40022" s="16">
        <v>2.3828808586324968</v>
      </c>
    </row>
    <row r="40023" spans="1:7" x14ac:dyDescent="0.3">
      <c r="A40023" s="13" t="s">
        <v>237</v>
      </c>
      <c r="B40023" s="14" t="s">
        <v>1</v>
      </c>
      <c r="C40023" s="14" t="s">
        <v>238</v>
      </c>
      <c r="D40023" s="14" t="s">
        <v>239</v>
      </c>
      <c r="E40023" s="15">
        <v>45614</v>
      </c>
      <c r="F40023" s="14" t="s">
        <v>61</v>
      </c>
      <c r="G40023" s="16">
        <v>2.3933402010487317</v>
      </c>
    </row>
    <row r="40024" spans="1:7" x14ac:dyDescent="0.3">
      <c r="A40024" s="13" t="s">
        <v>237</v>
      </c>
      <c r="B40024" s="14" t="s">
        <v>1</v>
      </c>
      <c r="C40024" s="14" t="s">
        <v>238</v>
      </c>
      <c r="D40024" s="14" t="s">
        <v>239</v>
      </c>
      <c r="E40024" s="15">
        <v>45615</v>
      </c>
      <c r="F40024" s="14" t="s">
        <v>61</v>
      </c>
      <c r="G40024" s="16">
        <v>2.4246358700069792</v>
      </c>
    </row>
    <row r="40025" spans="1:7" x14ac:dyDescent="0.3">
      <c r="A40025" s="13" t="s">
        <v>237</v>
      </c>
      <c r="B40025" s="14" t="s">
        <v>1</v>
      </c>
      <c r="C40025" s="14" t="s">
        <v>238</v>
      </c>
      <c r="D40025" s="14" t="s">
        <v>239</v>
      </c>
      <c r="E40025" s="15">
        <v>45616</v>
      </c>
      <c r="F40025" s="14" t="s">
        <v>61</v>
      </c>
      <c r="G40025" s="16">
        <v>2.4350913271413539</v>
      </c>
    </row>
    <row r="40026" spans="1:7" x14ac:dyDescent="0.3">
      <c r="A40026" s="13" t="s">
        <v>237</v>
      </c>
      <c r="B40026" s="14" t="s">
        <v>1</v>
      </c>
      <c r="C40026" s="14" t="s">
        <v>238</v>
      </c>
      <c r="D40026" s="14" t="s">
        <v>239</v>
      </c>
      <c r="E40026" s="15">
        <v>45617</v>
      </c>
      <c r="F40026" s="14" t="s">
        <v>61</v>
      </c>
      <c r="G40026" s="16">
        <v>2.4455641402714177</v>
      </c>
    </row>
    <row r="40027" spans="1:7" x14ac:dyDescent="0.3">
      <c r="A40027" s="13" t="s">
        <v>237</v>
      </c>
      <c r="B40027" s="14" t="s">
        <v>1</v>
      </c>
      <c r="C40027" s="14" t="s">
        <v>238</v>
      </c>
      <c r="D40027" s="14" t="s">
        <v>239</v>
      </c>
      <c r="E40027" s="15">
        <v>45618</v>
      </c>
      <c r="F40027" s="14" t="s">
        <v>61</v>
      </c>
      <c r="G40027" s="16">
        <v>2.4560352985274738</v>
      </c>
    </row>
    <row r="40028" spans="1:7" x14ac:dyDescent="0.3">
      <c r="A40028" s="13" t="s">
        <v>237</v>
      </c>
      <c r="B40028" s="14" t="s">
        <v>1</v>
      </c>
      <c r="C40028" s="14" t="s">
        <v>238</v>
      </c>
      <c r="D40028" s="14" t="s">
        <v>239</v>
      </c>
      <c r="E40028" s="15">
        <v>45619</v>
      </c>
      <c r="F40028" s="14" t="s">
        <v>61</v>
      </c>
      <c r="G40028" s="16">
        <v>2.4560352985274738</v>
      </c>
    </row>
    <row r="40029" spans="1:7" x14ac:dyDescent="0.3">
      <c r="A40029" s="13" t="s">
        <v>237</v>
      </c>
      <c r="B40029" s="14" t="s">
        <v>1</v>
      </c>
      <c r="C40029" s="14" t="s">
        <v>238</v>
      </c>
      <c r="D40029" s="14" t="s">
        <v>239</v>
      </c>
      <c r="E40029" s="15">
        <v>45620</v>
      </c>
      <c r="F40029" s="14" t="s">
        <v>61</v>
      </c>
      <c r="G40029" s="16">
        <v>2.4560352985274738</v>
      </c>
    </row>
    <row r="40030" spans="1:7" x14ac:dyDescent="0.3">
      <c r="A40030" s="13" t="s">
        <v>237</v>
      </c>
      <c r="B40030" s="14" t="s">
        <v>1</v>
      </c>
      <c r="C40030" s="14" t="s">
        <v>238</v>
      </c>
      <c r="D40030" s="14" t="s">
        <v>239</v>
      </c>
      <c r="E40030" s="15">
        <v>45621</v>
      </c>
      <c r="F40030" s="14" t="s">
        <v>61</v>
      </c>
      <c r="G40030" s="16">
        <v>2.4665382424733102</v>
      </c>
    </row>
    <row r="40031" spans="1:7" x14ac:dyDescent="0.3">
      <c r="A40031" s="13" t="s">
        <v>237</v>
      </c>
      <c r="B40031" s="14" t="s">
        <v>1</v>
      </c>
      <c r="C40031" s="14" t="s">
        <v>238</v>
      </c>
      <c r="D40031" s="14" t="s">
        <v>239</v>
      </c>
      <c r="E40031" s="15">
        <v>45622</v>
      </c>
      <c r="F40031" s="14" t="s">
        <v>61</v>
      </c>
      <c r="G40031" s="16">
        <v>2.4979819015668938</v>
      </c>
    </row>
    <row r="40032" spans="1:7" x14ac:dyDescent="0.3">
      <c r="A40032" s="13" t="s">
        <v>237</v>
      </c>
      <c r="B40032" s="14" t="s">
        <v>1</v>
      </c>
      <c r="C40032" s="14" t="s">
        <v>238</v>
      </c>
      <c r="D40032" s="14" t="s">
        <v>239</v>
      </c>
      <c r="E40032" s="15">
        <v>45623</v>
      </c>
      <c r="F40032" s="14" t="s">
        <v>61</v>
      </c>
      <c r="G40032" s="16">
        <v>2.5084909604740018</v>
      </c>
    </row>
    <row r="40033" spans="1:7" x14ac:dyDescent="0.3">
      <c r="A40033" s="13" t="s">
        <v>237</v>
      </c>
      <c r="B40033" s="14" t="s">
        <v>1</v>
      </c>
      <c r="C40033" s="14" t="s">
        <v>238</v>
      </c>
      <c r="D40033" s="14" t="s">
        <v>239</v>
      </c>
      <c r="E40033" s="15">
        <v>45624</v>
      </c>
      <c r="F40033" s="14" t="s">
        <v>61</v>
      </c>
      <c r="G40033" s="16">
        <v>2.5190861333736754</v>
      </c>
    </row>
    <row r="40034" spans="1:7" x14ac:dyDescent="0.3">
      <c r="A40034" s="13" t="s">
        <v>237</v>
      </c>
      <c r="B40034" s="14" t="s">
        <v>1</v>
      </c>
      <c r="C40034" s="14" t="s">
        <v>238</v>
      </c>
      <c r="D40034" s="14" t="s">
        <v>239</v>
      </c>
      <c r="E40034" s="15">
        <v>45625</v>
      </c>
      <c r="F40034" s="14" t="s">
        <v>61</v>
      </c>
      <c r="G40034" s="16">
        <v>2.5296844142074599</v>
      </c>
    </row>
    <row r="40035" spans="1:7" x14ac:dyDescent="0.3">
      <c r="A40035" s="13" t="s">
        <v>237</v>
      </c>
      <c r="B40035" s="14" t="s">
        <v>1</v>
      </c>
      <c r="C40035" s="14" t="s">
        <v>238</v>
      </c>
      <c r="D40035" s="14" t="s">
        <v>239</v>
      </c>
      <c r="E40035" s="15">
        <v>45626</v>
      </c>
      <c r="F40035" s="14" t="s">
        <v>61</v>
      </c>
      <c r="G40035" s="16">
        <v>2.5296844142074599</v>
      </c>
    </row>
    <row r="40036" spans="1:7" x14ac:dyDescent="0.3">
      <c r="A40036" s="13" t="s">
        <v>237</v>
      </c>
      <c r="B40036" s="14" t="s">
        <v>1</v>
      </c>
      <c r="C40036" s="14" t="s">
        <v>238</v>
      </c>
      <c r="D40036" s="14" t="s">
        <v>239</v>
      </c>
      <c r="E40036" s="15">
        <v>45627</v>
      </c>
      <c r="F40036" s="14" t="s">
        <v>61</v>
      </c>
      <c r="G40036" s="16">
        <v>2.5296844142074599</v>
      </c>
    </row>
    <row r="40037" spans="1:7" x14ac:dyDescent="0.3">
      <c r="A40037" s="13" t="s">
        <v>237</v>
      </c>
      <c r="B40037" s="14" t="s">
        <v>1</v>
      </c>
      <c r="C40037" s="14" t="s">
        <v>238</v>
      </c>
      <c r="D40037" s="14" t="s">
        <v>239</v>
      </c>
      <c r="E40037" s="15">
        <v>45628</v>
      </c>
      <c r="F40037" s="14" t="s">
        <v>61</v>
      </c>
      <c r="G40037" s="16">
        <v>2.5402813630694827</v>
      </c>
    </row>
    <row r="40038" spans="1:7" x14ac:dyDescent="0.3">
      <c r="A40038" s="13" t="s">
        <v>237</v>
      </c>
      <c r="B40038" s="14" t="s">
        <v>1</v>
      </c>
      <c r="C40038" s="14" t="s">
        <v>238</v>
      </c>
      <c r="D40038" s="14" t="s">
        <v>239</v>
      </c>
      <c r="E40038" s="15">
        <v>45629</v>
      </c>
      <c r="F40038" s="14" t="s">
        <v>61</v>
      </c>
      <c r="G40038" s="16">
        <v>2.5719592675607008</v>
      </c>
    </row>
    <row r="40039" spans="1:7" x14ac:dyDescent="0.3">
      <c r="A40039" s="13" t="s">
        <v>237</v>
      </c>
      <c r="B40039" s="14" t="s">
        <v>1</v>
      </c>
      <c r="C40039" s="14" t="s">
        <v>238</v>
      </c>
      <c r="D40039" s="14" t="s">
        <v>239</v>
      </c>
      <c r="E40039" s="15">
        <v>45630</v>
      </c>
      <c r="F40039" s="14" t="s">
        <v>61</v>
      </c>
      <c r="G40039" s="16">
        <v>2.5826090916654048</v>
      </c>
    </row>
    <row r="40040" spans="1:7" x14ac:dyDescent="0.3">
      <c r="A40040" s="13" t="s">
        <v>237</v>
      </c>
      <c r="B40040" s="14" t="s">
        <v>1</v>
      </c>
      <c r="C40040" s="14" t="s">
        <v>238</v>
      </c>
      <c r="D40040" s="14" t="s">
        <v>239</v>
      </c>
      <c r="E40040" s="15">
        <v>45631</v>
      </c>
      <c r="F40040" s="14" t="s">
        <v>61</v>
      </c>
      <c r="G40040" s="16">
        <v>2.5935105575262125</v>
      </c>
    </row>
    <row r="40041" spans="1:7" x14ac:dyDescent="0.3">
      <c r="A40041" s="13" t="s">
        <v>237</v>
      </c>
      <c r="B40041" s="14" t="s">
        <v>1</v>
      </c>
      <c r="C40041" s="14" t="s">
        <v>238</v>
      </c>
      <c r="D40041" s="14" t="s">
        <v>239</v>
      </c>
      <c r="E40041" s="15">
        <v>45632</v>
      </c>
      <c r="F40041" s="14" t="s">
        <v>61</v>
      </c>
      <c r="G40041" s="16">
        <v>2.6047247945744534</v>
      </c>
    </row>
    <row r="40042" spans="1:7" x14ac:dyDescent="0.3">
      <c r="A40042" s="13" t="s">
        <v>237</v>
      </c>
      <c r="B40042" s="14" t="s">
        <v>1</v>
      </c>
      <c r="C40042" s="14" t="s">
        <v>238</v>
      </c>
      <c r="D40042" s="14" t="s">
        <v>239</v>
      </c>
      <c r="E40042" s="15">
        <v>45633</v>
      </c>
      <c r="F40042" s="14" t="s">
        <v>61</v>
      </c>
      <c r="G40042" s="16">
        <v>2.6047247945744534</v>
      </c>
    </row>
    <row r="40043" spans="1:7" x14ac:dyDescent="0.3">
      <c r="A40043" s="13" t="s">
        <v>237</v>
      </c>
      <c r="B40043" s="14" t="s">
        <v>1</v>
      </c>
      <c r="C40043" s="14" t="s">
        <v>238</v>
      </c>
      <c r="D40043" s="14" t="s">
        <v>239</v>
      </c>
      <c r="E40043" s="15">
        <v>45634</v>
      </c>
      <c r="F40043" s="14" t="s">
        <v>61</v>
      </c>
      <c r="G40043" s="16">
        <v>2.6047247945744534</v>
      </c>
    </row>
    <row r="40044" spans="1:7" x14ac:dyDescent="0.3">
      <c r="A40044" s="13" t="s">
        <v>237</v>
      </c>
      <c r="B40044" s="14" t="s">
        <v>1</v>
      </c>
      <c r="C40044" s="14" t="s">
        <v>238</v>
      </c>
      <c r="D40044" s="14" t="s">
        <v>239</v>
      </c>
      <c r="E40044" s="15">
        <v>45635</v>
      </c>
      <c r="F40044" s="14" t="s">
        <v>61</v>
      </c>
      <c r="G40044" s="16">
        <v>2.6153138323314642</v>
      </c>
    </row>
    <row r="40045" spans="1:7" x14ac:dyDescent="0.3">
      <c r="A40045" s="13" t="s">
        <v>237</v>
      </c>
      <c r="B40045" s="14" t="s">
        <v>1</v>
      </c>
      <c r="C40045" s="14" t="s">
        <v>238</v>
      </c>
      <c r="D40045" s="14" t="s">
        <v>239</v>
      </c>
      <c r="E40045" s="15">
        <v>45636</v>
      </c>
      <c r="F40045" s="14" t="s">
        <v>61</v>
      </c>
      <c r="G40045" s="16">
        <v>2.6469525243812591</v>
      </c>
    </row>
    <row r="40046" spans="1:7" x14ac:dyDescent="0.3">
      <c r="A40046" s="13" t="s">
        <v>237</v>
      </c>
      <c r="B40046" s="14" t="s">
        <v>1</v>
      </c>
      <c r="C40046" s="14" t="s">
        <v>238</v>
      </c>
      <c r="D40046" s="14" t="s">
        <v>239</v>
      </c>
      <c r="E40046" s="15">
        <v>45637</v>
      </c>
      <c r="F40046" s="14" t="s">
        <v>61</v>
      </c>
      <c r="G40046" s="16">
        <v>2.6575366984231987</v>
      </c>
    </row>
    <row r="40047" spans="1:7" x14ac:dyDescent="0.3">
      <c r="A40047" s="13" t="s">
        <v>237</v>
      </c>
      <c r="B40047" s="14" t="s">
        <v>1</v>
      </c>
      <c r="C40047" s="14" t="s">
        <v>238</v>
      </c>
      <c r="D40047" s="14" t="s">
        <v>239</v>
      </c>
      <c r="E40047" s="15">
        <v>45638</v>
      </c>
      <c r="F40047" s="14" t="s">
        <v>61</v>
      </c>
      <c r="G40047" s="16">
        <v>2.6681020835907359</v>
      </c>
    </row>
    <row r="40048" spans="1:7" x14ac:dyDescent="0.3">
      <c r="A40048" s="13" t="s">
        <v>237</v>
      </c>
      <c r="B40048" s="14" t="s">
        <v>1</v>
      </c>
      <c r="C40048" s="14" t="s">
        <v>238</v>
      </c>
      <c r="D40048" s="14" t="s">
        <v>239</v>
      </c>
      <c r="E40048" s="15">
        <v>45639</v>
      </c>
      <c r="F40048" s="14" t="s">
        <v>61</v>
      </c>
      <c r="G40048" s="16">
        <v>2.6782559702093143</v>
      </c>
    </row>
    <row r="40049" spans="1:7" x14ac:dyDescent="0.3">
      <c r="A40049" s="13" t="s">
        <v>237</v>
      </c>
      <c r="B40049" s="14" t="s">
        <v>1</v>
      </c>
      <c r="C40049" s="14" t="s">
        <v>238</v>
      </c>
      <c r="D40049" s="14" t="s">
        <v>239</v>
      </c>
      <c r="E40049" s="15">
        <v>45640</v>
      </c>
      <c r="F40049" s="14" t="s">
        <v>61</v>
      </c>
      <c r="G40049" s="16">
        <v>2.6782559702093143</v>
      </c>
    </row>
    <row r="40050" spans="1:7" x14ac:dyDescent="0.3">
      <c r="A40050" s="13" t="s">
        <v>237</v>
      </c>
      <c r="B40050" s="14" t="s">
        <v>1</v>
      </c>
      <c r="C40050" s="14" t="s">
        <v>238</v>
      </c>
      <c r="D40050" s="14" t="s">
        <v>239</v>
      </c>
      <c r="E40050" s="15">
        <v>45641</v>
      </c>
      <c r="F40050" s="14" t="s">
        <v>61</v>
      </c>
      <c r="G40050" s="16">
        <v>2.6782559702093143</v>
      </c>
    </row>
    <row r="40051" spans="1:7" x14ac:dyDescent="0.3">
      <c r="A40051" s="13" t="s">
        <v>237</v>
      </c>
      <c r="B40051" s="14" t="s">
        <v>1</v>
      </c>
      <c r="C40051" s="14" t="s">
        <v>238</v>
      </c>
      <c r="D40051" s="14" t="s">
        <v>239</v>
      </c>
      <c r="E40051" s="15">
        <v>45642</v>
      </c>
      <c r="F40051" s="14" t="s">
        <v>61</v>
      </c>
      <c r="G40051" s="16">
        <v>2.6888079145708872</v>
      </c>
    </row>
    <row r="40052" spans="1:7" x14ac:dyDescent="0.3">
      <c r="A40052" s="13" t="s">
        <v>237</v>
      </c>
      <c r="B40052" s="14" t="s">
        <v>1</v>
      </c>
      <c r="C40052" s="14" t="s">
        <v>238</v>
      </c>
      <c r="D40052" s="14" t="s">
        <v>239</v>
      </c>
      <c r="E40052" s="15">
        <v>45643</v>
      </c>
      <c r="F40052" s="14" t="s">
        <v>61</v>
      </c>
      <c r="G40052" s="16">
        <v>2.7204821662304539</v>
      </c>
    </row>
    <row r="40053" spans="1:7" x14ac:dyDescent="0.3">
      <c r="A40053" s="13" t="s">
        <v>237</v>
      </c>
      <c r="B40053" s="14" t="s">
        <v>1</v>
      </c>
      <c r="C40053" s="14" t="s">
        <v>238</v>
      </c>
      <c r="D40053" s="14" t="s">
        <v>239</v>
      </c>
      <c r="E40053" s="15">
        <v>45644</v>
      </c>
      <c r="F40053" s="14" t="s">
        <v>61</v>
      </c>
      <c r="G40053" s="16">
        <v>2.731070235280729</v>
      </c>
    </row>
    <row r="40054" spans="1:7" x14ac:dyDescent="0.3">
      <c r="A40054" s="13" t="s">
        <v>237</v>
      </c>
      <c r="B40054" s="14" t="s">
        <v>1</v>
      </c>
      <c r="C40054" s="14" t="s">
        <v>238</v>
      </c>
      <c r="D40054" s="14" t="s">
        <v>239</v>
      </c>
      <c r="E40054" s="15">
        <v>45645</v>
      </c>
      <c r="F40054" s="14" t="s">
        <v>61</v>
      </c>
      <c r="G40054" s="16">
        <v>2.7416627845996588</v>
      </c>
    </row>
    <row r="40055" spans="1:7" x14ac:dyDescent="0.3">
      <c r="A40055" s="13" t="s">
        <v>237</v>
      </c>
      <c r="B40055" s="14" t="s">
        <v>1</v>
      </c>
      <c r="C40055" s="14" t="s">
        <v>238</v>
      </c>
      <c r="D40055" s="14" t="s">
        <v>239</v>
      </c>
      <c r="E40055" s="15">
        <v>45646</v>
      </c>
      <c r="F40055" s="14" t="s">
        <v>61</v>
      </c>
      <c r="G40055" s="16">
        <v>2.7522514187288625</v>
      </c>
    </row>
    <row r="40056" spans="1:7" x14ac:dyDescent="0.3">
      <c r="A40056" s="13" t="s">
        <v>237</v>
      </c>
      <c r="B40056" s="14" t="s">
        <v>1</v>
      </c>
      <c r="C40056" s="14" t="s">
        <v>238</v>
      </c>
      <c r="D40056" s="14" t="s">
        <v>239</v>
      </c>
      <c r="E40056" s="15">
        <v>45647</v>
      </c>
      <c r="F40056" s="14" t="s">
        <v>61</v>
      </c>
      <c r="G40056" s="16">
        <v>2.7522514187288625</v>
      </c>
    </row>
    <row r="40057" spans="1:7" x14ac:dyDescent="0.3">
      <c r="A40057" s="13" t="s">
        <v>237</v>
      </c>
      <c r="B40057" s="14" t="s">
        <v>1</v>
      </c>
      <c r="C40057" s="14" t="s">
        <v>238</v>
      </c>
      <c r="D40057" s="14" t="s">
        <v>239</v>
      </c>
      <c r="E40057" s="15">
        <v>45648</v>
      </c>
      <c r="F40057" s="14" t="s">
        <v>61</v>
      </c>
      <c r="G40057" s="16">
        <v>2.7522514187288625</v>
      </c>
    </row>
    <row r="40058" spans="1:7" x14ac:dyDescent="0.3">
      <c r="A40058" s="13" t="s">
        <v>237</v>
      </c>
      <c r="B40058" s="14" t="s">
        <v>1</v>
      </c>
      <c r="C40058" s="14" t="s">
        <v>238</v>
      </c>
      <c r="D40058" s="14" t="s">
        <v>239</v>
      </c>
      <c r="E40058" s="15">
        <v>45649</v>
      </c>
      <c r="F40058" s="14" t="s">
        <v>61</v>
      </c>
      <c r="G40058" s="16">
        <v>2.7628391043327207</v>
      </c>
    </row>
    <row r="40059" spans="1:7" x14ac:dyDescent="0.3">
      <c r="A40059" s="13" t="s">
        <v>237</v>
      </c>
      <c r="B40059" s="14" t="s">
        <v>1</v>
      </c>
      <c r="C40059" s="14" t="s">
        <v>238</v>
      </c>
      <c r="D40059" s="14" t="s">
        <v>239</v>
      </c>
      <c r="E40059" s="15">
        <v>45650</v>
      </c>
      <c r="F40059" s="14" t="s">
        <v>61</v>
      </c>
      <c r="G40059" s="16">
        <v>2.7945441326125509</v>
      </c>
    </row>
    <row r="40060" spans="1:7" x14ac:dyDescent="0.3">
      <c r="A40060" s="13" t="s">
        <v>237</v>
      </c>
      <c r="B40060" s="14" t="s">
        <v>1</v>
      </c>
      <c r="C40060" s="14" t="s">
        <v>238</v>
      </c>
      <c r="D40060" s="14" t="s">
        <v>239</v>
      </c>
      <c r="E40060" s="15">
        <v>45651</v>
      </c>
      <c r="F40060" s="14" t="s">
        <v>61</v>
      </c>
      <c r="G40060" s="16">
        <v>2.7945441326125509</v>
      </c>
    </row>
    <row r="40061" spans="1:7" x14ac:dyDescent="0.3">
      <c r="A40061" s="13" t="s">
        <v>237</v>
      </c>
      <c r="B40061" s="14" t="s">
        <v>1</v>
      </c>
      <c r="C40061" s="14" t="s">
        <v>238</v>
      </c>
      <c r="D40061" s="14" t="s">
        <v>239</v>
      </c>
      <c r="E40061" s="15">
        <v>45652</v>
      </c>
      <c r="F40061" s="14" t="s">
        <v>61</v>
      </c>
      <c r="G40061" s="16">
        <v>2.7945441326125509</v>
      </c>
    </row>
    <row r="40062" spans="1:7" x14ac:dyDescent="0.3">
      <c r="A40062" s="13" t="s">
        <v>237</v>
      </c>
      <c r="B40062" s="14" t="s">
        <v>1</v>
      </c>
      <c r="C40062" s="14" t="s">
        <v>238</v>
      </c>
      <c r="D40062" s="14" t="s">
        <v>239</v>
      </c>
      <c r="E40062" s="15">
        <v>45653</v>
      </c>
      <c r="F40062" s="14" t="s">
        <v>61</v>
      </c>
      <c r="G40062" s="16">
        <v>2.7945441326125509</v>
      </c>
    </row>
    <row r="40063" spans="1:7" x14ac:dyDescent="0.3">
      <c r="A40063" s="13" t="s">
        <v>237</v>
      </c>
      <c r="B40063" s="14" t="s">
        <v>1</v>
      </c>
      <c r="C40063" s="14" t="s">
        <v>238</v>
      </c>
      <c r="D40063" s="14" t="s">
        <v>239</v>
      </c>
      <c r="E40063" s="15">
        <v>45654</v>
      </c>
      <c r="F40063" s="14" t="s">
        <v>61</v>
      </c>
      <c r="G40063" s="16">
        <v>2.7945441326125509</v>
      </c>
    </row>
    <row r="40064" spans="1:7" x14ac:dyDescent="0.3">
      <c r="A40064" s="13" t="s">
        <v>237</v>
      </c>
      <c r="B40064" s="14" t="s">
        <v>1</v>
      </c>
      <c r="C40064" s="14" t="s">
        <v>238</v>
      </c>
      <c r="D40064" s="14" t="s">
        <v>239</v>
      </c>
      <c r="E40064" s="15">
        <v>45655</v>
      </c>
      <c r="F40064" s="14" t="s">
        <v>61</v>
      </c>
      <c r="G40064" s="16">
        <v>2.7945441326125509</v>
      </c>
    </row>
    <row r="40065" spans="1:7" x14ac:dyDescent="0.3">
      <c r="A40065" s="13" t="s">
        <v>237</v>
      </c>
      <c r="B40065" s="14" t="s">
        <v>1</v>
      </c>
      <c r="C40065" s="14" t="s">
        <v>238</v>
      </c>
      <c r="D40065" s="14" t="s">
        <v>239</v>
      </c>
      <c r="E40065" s="15">
        <v>45656</v>
      </c>
      <c r="F40065" s="14" t="s">
        <v>61</v>
      </c>
      <c r="G40065" s="16">
        <v>2.8051749862103388</v>
      </c>
    </row>
    <row r="40066" spans="1:7" x14ac:dyDescent="0.3">
      <c r="A40066" s="13" t="s">
        <v>237</v>
      </c>
      <c r="B40066" s="14" t="s">
        <v>1</v>
      </c>
      <c r="C40066" s="14" t="s">
        <v>238</v>
      </c>
      <c r="D40066" s="14" t="s">
        <v>239</v>
      </c>
      <c r="E40066" s="15">
        <v>45657</v>
      </c>
      <c r="F40066" s="14" t="s">
        <v>61</v>
      </c>
      <c r="G40066" s="16">
        <v>2.8688082252484643</v>
      </c>
    </row>
    <row r="40067" spans="1:7" x14ac:dyDescent="0.3">
      <c r="A40067" s="13" t="s">
        <v>237</v>
      </c>
      <c r="B40067" s="14" t="s">
        <v>1</v>
      </c>
      <c r="C40067" s="14" t="s">
        <v>238</v>
      </c>
      <c r="D40067" s="14" t="s">
        <v>239</v>
      </c>
      <c r="E40067" s="15">
        <v>45658</v>
      </c>
      <c r="F40067" s="14" t="s">
        <v>61</v>
      </c>
      <c r="G40067" s="16">
        <v>2.8688082252484643</v>
      </c>
    </row>
    <row r="40068" spans="1:7" x14ac:dyDescent="0.3">
      <c r="A40068" s="13" t="s">
        <v>237</v>
      </c>
      <c r="B40068" s="14" t="s">
        <v>1</v>
      </c>
      <c r="C40068" s="14" t="s">
        <v>238</v>
      </c>
      <c r="D40068" s="14" t="s">
        <v>239</v>
      </c>
      <c r="E40068" s="15">
        <v>45659</v>
      </c>
      <c r="F40068" s="14" t="s">
        <v>61</v>
      </c>
      <c r="G40068" s="16">
        <v>2.8688082252484643</v>
      </c>
    </row>
    <row r="40069" spans="1:7" x14ac:dyDescent="0.3">
      <c r="A40069" s="13" t="s">
        <v>237</v>
      </c>
      <c r="B40069" s="14" t="s">
        <v>1</v>
      </c>
      <c r="C40069" s="14" t="s">
        <v>238</v>
      </c>
      <c r="D40069" s="14" t="s">
        <v>239</v>
      </c>
      <c r="E40069" s="15">
        <v>45660</v>
      </c>
      <c r="F40069" s="14" t="s">
        <v>61</v>
      </c>
      <c r="G40069" s="16">
        <v>2.8794034575727125</v>
      </c>
    </row>
    <row r="40070" spans="1:7" x14ac:dyDescent="0.3">
      <c r="A40070" s="13" t="s">
        <v>237</v>
      </c>
      <c r="B40070" s="14" t="s">
        <v>1</v>
      </c>
      <c r="C40070" s="14" t="s">
        <v>238</v>
      </c>
      <c r="D40070" s="14" t="s">
        <v>239</v>
      </c>
      <c r="E40070" s="15">
        <v>45661</v>
      </c>
      <c r="F40070" s="14" t="s">
        <v>61</v>
      </c>
      <c r="G40070" s="16">
        <v>2.8794034575727125</v>
      </c>
    </row>
    <row r="40071" spans="1:7" x14ac:dyDescent="0.3">
      <c r="A40071" s="13" t="s">
        <v>237</v>
      </c>
      <c r="B40071" s="14" t="s">
        <v>1</v>
      </c>
      <c r="C40071" s="14" t="s">
        <v>238</v>
      </c>
      <c r="D40071" s="14" t="s">
        <v>239</v>
      </c>
      <c r="E40071" s="15">
        <v>45662</v>
      </c>
      <c r="F40071" s="14" t="s">
        <v>61</v>
      </c>
      <c r="G40071" s="16">
        <v>2.8794034575727125</v>
      </c>
    </row>
    <row r="40072" spans="1:7" x14ac:dyDescent="0.3">
      <c r="A40072" s="13" t="s">
        <v>237</v>
      </c>
      <c r="B40072" s="14" t="s">
        <v>1</v>
      </c>
      <c r="C40072" s="14" t="s">
        <v>238</v>
      </c>
      <c r="D40072" s="14" t="s">
        <v>239</v>
      </c>
      <c r="E40072" s="15">
        <v>45663</v>
      </c>
      <c r="F40072" s="14" t="s">
        <v>61</v>
      </c>
      <c r="G40072" s="16">
        <v>2.9107985826994711</v>
      </c>
    </row>
    <row r="40073" spans="1:7" x14ac:dyDescent="0.3">
      <c r="A40073" s="13" t="s">
        <v>237</v>
      </c>
      <c r="B40073" s="14" t="s">
        <v>1</v>
      </c>
      <c r="C40073" s="14" t="s">
        <v>238</v>
      </c>
      <c r="D40073" s="14" t="s">
        <v>239</v>
      </c>
      <c r="E40073" s="15">
        <v>45664</v>
      </c>
      <c r="F40073" s="14" t="s">
        <v>61</v>
      </c>
      <c r="G40073" s="16">
        <v>2.9429064146410941</v>
      </c>
    </row>
    <row r="40074" spans="1:7" x14ac:dyDescent="0.3">
      <c r="A40074" s="13" t="s">
        <v>237</v>
      </c>
      <c r="B40074" s="14" t="s">
        <v>1</v>
      </c>
      <c r="C40074" s="14" t="s">
        <v>238</v>
      </c>
      <c r="D40074" s="14" t="s">
        <v>239</v>
      </c>
      <c r="E40074" s="15">
        <v>45665</v>
      </c>
      <c r="F40074" s="14" t="s">
        <v>61</v>
      </c>
      <c r="G40074" s="16">
        <v>2.9535084348355944</v>
      </c>
    </row>
    <row r="40075" spans="1:7" x14ac:dyDescent="0.3">
      <c r="A40075" s="13" t="s">
        <v>237</v>
      </c>
      <c r="B40075" s="14" t="s">
        <v>1</v>
      </c>
      <c r="C40075" s="14" t="s">
        <v>238</v>
      </c>
      <c r="D40075" s="14" t="s">
        <v>239</v>
      </c>
      <c r="E40075" s="15">
        <v>45666</v>
      </c>
      <c r="F40075" s="14" t="s">
        <v>61</v>
      </c>
      <c r="G40075" s="16">
        <v>2.9641103767837516</v>
      </c>
    </row>
    <row r="40076" spans="1:7" x14ac:dyDescent="0.3">
      <c r="A40076" s="13" t="s">
        <v>237</v>
      </c>
      <c r="B40076" s="14" t="s">
        <v>1</v>
      </c>
      <c r="C40076" s="14" t="s">
        <v>238</v>
      </c>
      <c r="D40076" s="14" t="s">
        <v>239</v>
      </c>
      <c r="E40076" s="15">
        <v>45667</v>
      </c>
      <c r="F40076" s="14" t="s">
        <v>61</v>
      </c>
      <c r="G40076" s="16">
        <v>2.9746983713212756</v>
      </c>
    </row>
    <row r="40077" spans="1:7" x14ac:dyDescent="0.3">
      <c r="A40077" s="13" t="s">
        <v>237</v>
      </c>
      <c r="B40077" s="14" t="s">
        <v>1</v>
      </c>
      <c r="C40077" s="14" t="s">
        <v>238</v>
      </c>
      <c r="D40077" s="14" t="s">
        <v>239</v>
      </c>
      <c r="E40077" s="15">
        <v>45668</v>
      </c>
      <c r="F40077" s="14" t="s">
        <v>61</v>
      </c>
      <c r="G40077" s="16">
        <v>2.9746983713212756</v>
      </c>
    </row>
    <row r="40078" spans="1:7" x14ac:dyDescent="0.3">
      <c r="A40078" s="13" t="s">
        <v>237</v>
      </c>
      <c r="B40078" s="14" t="s">
        <v>1</v>
      </c>
      <c r="C40078" s="14" t="s">
        <v>238</v>
      </c>
      <c r="D40078" s="14" t="s">
        <v>239</v>
      </c>
      <c r="E40078" s="15">
        <v>45669</v>
      </c>
      <c r="F40078" s="14" t="s">
        <v>61</v>
      </c>
      <c r="G40078" s="16">
        <v>2.9746983713212756</v>
      </c>
    </row>
    <row r="40079" spans="1:7" x14ac:dyDescent="0.3">
      <c r="A40079" s="13" t="s">
        <v>237</v>
      </c>
      <c r="B40079" s="14" t="s">
        <v>1</v>
      </c>
      <c r="C40079" s="14" t="s">
        <v>238</v>
      </c>
      <c r="D40079" s="14" t="s">
        <v>239</v>
      </c>
      <c r="E40079" s="15">
        <v>45670</v>
      </c>
      <c r="F40079" s="14" t="s">
        <v>61</v>
      </c>
      <c r="G40079" s="16">
        <v>2.9852899651905758</v>
      </c>
    </row>
    <row r="40080" spans="1:7" x14ac:dyDescent="0.3">
      <c r="A40080" s="13" t="s">
        <v>237</v>
      </c>
      <c r="B40080" s="14" t="s">
        <v>1</v>
      </c>
      <c r="C40080" s="14" t="s">
        <v>238</v>
      </c>
      <c r="D40080" s="14" t="s">
        <v>239</v>
      </c>
      <c r="E40080" s="15">
        <v>45671</v>
      </c>
      <c r="F40080" s="14" t="s">
        <v>61</v>
      </c>
      <c r="G40080" s="16">
        <v>3.0170283179007349</v>
      </c>
    </row>
    <row r="40081" spans="1:7" x14ac:dyDescent="0.3">
      <c r="A40081" s="13" t="s">
        <v>237</v>
      </c>
      <c r="B40081" s="14" t="s">
        <v>1</v>
      </c>
      <c r="C40081" s="14" t="s">
        <v>238</v>
      </c>
      <c r="D40081" s="14" t="s">
        <v>239</v>
      </c>
      <c r="E40081" s="15">
        <v>45672</v>
      </c>
      <c r="F40081" s="14" t="s">
        <v>61</v>
      </c>
      <c r="G40081" s="16">
        <v>3.0276011130861389</v>
      </c>
    </row>
    <row r="40082" spans="1:7" x14ac:dyDescent="0.3">
      <c r="A40082" s="13" t="s">
        <v>237</v>
      </c>
      <c r="B40082" s="14" t="s">
        <v>1</v>
      </c>
      <c r="C40082" s="14" t="s">
        <v>238</v>
      </c>
      <c r="D40082" s="14" t="s">
        <v>239</v>
      </c>
      <c r="E40082" s="15">
        <v>45673</v>
      </c>
      <c r="F40082" s="14" t="s">
        <v>61</v>
      </c>
      <c r="G40082" s="16">
        <v>3.038177057686847</v>
      </c>
    </row>
    <row r="40083" spans="1:7" x14ac:dyDescent="0.3">
      <c r="A40083" s="13" t="s">
        <v>237</v>
      </c>
      <c r="B40083" s="14" t="s">
        <v>1</v>
      </c>
      <c r="C40083" s="14" t="s">
        <v>238</v>
      </c>
      <c r="D40083" s="14" t="s">
        <v>239</v>
      </c>
      <c r="E40083" s="15">
        <v>45674</v>
      </c>
      <c r="F40083" s="14" t="s">
        <v>61</v>
      </c>
      <c r="G40083" s="16">
        <v>3.0487516329765532</v>
      </c>
    </row>
    <row r="40084" spans="1:7" x14ac:dyDescent="0.3">
      <c r="A40084" s="13" t="s">
        <v>237</v>
      </c>
      <c r="B40084" s="14" t="s">
        <v>1</v>
      </c>
      <c r="C40084" s="14" t="s">
        <v>238</v>
      </c>
      <c r="D40084" s="14" t="s">
        <v>239</v>
      </c>
      <c r="E40084" s="15">
        <v>45675</v>
      </c>
      <c r="F40084" s="14" t="s">
        <v>61</v>
      </c>
      <c r="G40084" s="16">
        <v>3.0487516329765532</v>
      </c>
    </row>
    <row r="40085" spans="1:7" x14ac:dyDescent="0.3">
      <c r="A40085" s="13" t="s">
        <v>237</v>
      </c>
      <c r="B40085" s="14" t="s">
        <v>1</v>
      </c>
      <c r="C40085" s="14" t="s">
        <v>238</v>
      </c>
      <c r="D40085" s="14" t="s">
        <v>239</v>
      </c>
      <c r="E40085" s="15">
        <v>45676</v>
      </c>
      <c r="F40085" s="14" t="s">
        <v>61</v>
      </c>
      <c r="G40085" s="16">
        <v>3.0487516329765532</v>
      </c>
    </row>
    <row r="40086" spans="1:7" x14ac:dyDescent="0.3">
      <c r="A40086" s="13" t="s">
        <v>237</v>
      </c>
      <c r="B40086" s="14" t="s">
        <v>1</v>
      </c>
      <c r="C40086" s="14" t="s">
        <v>238</v>
      </c>
      <c r="D40086" s="14" t="s">
        <v>239</v>
      </c>
      <c r="E40086" s="15">
        <v>45677</v>
      </c>
      <c r="F40086" s="14" t="s">
        <v>61</v>
      </c>
      <c r="G40086" s="16">
        <v>3.0597631749685283</v>
      </c>
    </row>
    <row r="40087" spans="1:7" x14ac:dyDescent="0.3">
      <c r="A40087" s="13" t="s">
        <v>237</v>
      </c>
      <c r="B40087" s="14" t="s">
        <v>1</v>
      </c>
      <c r="C40087" s="14" t="s">
        <v>238</v>
      </c>
      <c r="D40087" s="14" t="s">
        <v>239</v>
      </c>
      <c r="E40087" s="15">
        <v>45678</v>
      </c>
      <c r="F40087" s="14" t="s">
        <v>61</v>
      </c>
      <c r="G40087" s="16">
        <v>3.0913988293535506</v>
      </c>
    </row>
    <row r="40088" spans="1:7" x14ac:dyDescent="0.3">
      <c r="A40088" s="13" t="s">
        <v>237</v>
      </c>
      <c r="B40088" s="14" t="s">
        <v>1</v>
      </c>
      <c r="C40088" s="14" t="s">
        <v>238</v>
      </c>
      <c r="D40088" s="14" t="s">
        <v>239</v>
      </c>
      <c r="E40088" s="15">
        <v>45679</v>
      </c>
      <c r="F40088" s="14" t="s">
        <v>61</v>
      </c>
      <c r="G40088" s="16">
        <v>3.1019613742680265</v>
      </c>
    </row>
    <row r="40089" spans="1:7" x14ac:dyDescent="0.3">
      <c r="A40089" s="13" t="s">
        <v>237</v>
      </c>
      <c r="B40089" s="14" t="s">
        <v>1</v>
      </c>
      <c r="C40089" s="14" t="s">
        <v>238</v>
      </c>
      <c r="D40089" s="14" t="s">
        <v>239</v>
      </c>
      <c r="E40089" s="15">
        <v>45680</v>
      </c>
      <c r="F40089" s="14" t="s">
        <v>61</v>
      </c>
      <c r="G40089" s="16">
        <v>3.1125283009777083</v>
      </c>
    </row>
    <row r="40090" spans="1:7" x14ac:dyDescent="0.3">
      <c r="A40090" s="13" t="s">
        <v>237</v>
      </c>
      <c r="B40090" s="14" t="s">
        <v>1</v>
      </c>
      <c r="C40090" s="14" t="s">
        <v>238</v>
      </c>
      <c r="D40090" s="14" t="s">
        <v>239</v>
      </c>
      <c r="E40090" s="15">
        <v>45681</v>
      </c>
      <c r="F40090" s="14" t="s">
        <v>61</v>
      </c>
      <c r="G40090" s="16">
        <v>3.1231031696912011</v>
      </c>
    </row>
    <row r="40091" spans="1:7" x14ac:dyDescent="0.3">
      <c r="A40091" s="13" t="s">
        <v>237</v>
      </c>
      <c r="B40091" s="14" t="s">
        <v>1</v>
      </c>
      <c r="C40091" s="14" t="s">
        <v>238</v>
      </c>
      <c r="D40091" s="14" t="s">
        <v>239</v>
      </c>
      <c r="E40091" s="15">
        <v>45682</v>
      </c>
      <c r="F40091" s="14" t="s">
        <v>61</v>
      </c>
      <c r="G40091" s="16">
        <v>3.1231031696912011</v>
      </c>
    </row>
    <row r="40092" spans="1:7" x14ac:dyDescent="0.3">
      <c r="A40092" s="13" t="s">
        <v>237</v>
      </c>
      <c r="B40092" s="14" t="s">
        <v>1</v>
      </c>
      <c r="C40092" s="14" t="s">
        <v>238</v>
      </c>
      <c r="D40092" s="14" t="s">
        <v>239</v>
      </c>
      <c r="E40092" s="15">
        <v>45683</v>
      </c>
      <c r="F40092" s="14" t="s">
        <v>61</v>
      </c>
      <c r="G40092" s="16">
        <v>3.1231031696912011</v>
      </c>
    </row>
    <row r="40093" spans="1:7" x14ac:dyDescent="0.3">
      <c r="A40093" s="13" t="s">
        <v>237</v>
      </c>
      <c r="B40093" s="14" t="s">
        <v>1</v>
      </c>
      <c r="C40093" s="14" t="s">
        <v>238</v>
      </c>
      <c r="D40093" s="14" t="s">
        <v>239</v>
      </c>
      <c r="E40093" s="15">
        <v>45684</v>
      </c>
      <c r="F40093" s="14" t="s">
        <v>61</v>
      </c>
      <c r="G40093" s="16">
        <v>3.1336736174863162</v>
      </c>
    </row>
    <row r="40094" spans="1:7" x14ac:dyDescent="0.3">
      <c r="A40094" s="13" t="s">
        <v>237</v>
      </c>
      <c r="B40094" s="14" t="s">
        <v>1</v>
      </c>
      <c r="C40094" s="14" t="s">
        <v>238</v>
      </c>
      <c r="D40094" s="14" t="s">
        <v>239</v>
      </c>
      <c r="E40094" s="15">
        <v>45685</v>
      </c>
      <c r="F40094" s="14" t="s">
        <v>61</v>
      </c>
      <c r="G40094" s="16">
        <v>3.1654730610287425</v>
      </c>
    </row>
    <row r="40095" spans="1:7" x14ac:dyDescent="0.3">
      <c r="A40095" s="13" t="s">
        <v>237</v>
      </c>
      <c r="B40095" s="14" t="s">
        <v>1</v>
      </c>
      <c r="C40095" s="14" t="s">
        <v>238</v>
      </c>
      <c r="D40095" s="14" t="s">
        <v>239</v>
      </c>
      <c r="E40095" s="15">
        <v>45686</v>
      </c>
      <c r="F40095" s="14" t="s">
        <v>61</v>
      </c>
      <c r="G40095" s="16">
        <v>3.1760828276111956</v>
      </c>
    </row>
    <row r="40096" spans="1:7" x14ac:dyDescent="0.3">
      <c r="A40096" s="13" t="s">
        <v>237</v>
      </c>
      <c r="B40096" s="14" t="s">
        <v>1</v>
      </c>
      <c r="C40096" s="14" t="s">
        <v>238</v>
      </c>
      <c r="D40096" s="14" t="s">
        <v>239</v>
      </c>
      <c r="E40096" s="15">
        <v>45687</v>
      </c>
      <c r="F40096" s="14" t="s">
        <v>61</v>
      </c>
      <c r="G40096" s="16">
        <v>3.1784750067631413</v>
      </c>
    </row>
    <row r="40097" spans="1:7" x14ac:dyDescent="0.3">
      <c r="A40097" s="13" t="s">
        <v>237</v>
      </c>
      <c r="B40097" s="14" t="s">
        <v>1</v>
      </c>
      <c r="C40097" s="14" t="s">
        <v>238</v>
      </c>
      <c r="D40097" s="14" t="s">
        <v>239</v>
      </c>
      <c r="E40097" s="15">
        <v>45688</v>
      </c>
      <c r="F40097" s="14" t="s">
        <v>61</v>
      </c>
      <c r="G40097" s="16">
        <v>3.1890468434308441</v>
      </c>
    </row>
    <row r="40098" spans="1:7" x14ac:dyDescent="0.3">
      <c r="A40098" s="13" t="s">
        <v>237</v>
      </c>
      <c r="B40098" s="14" t="s">
        <v>1</v>
      </c>
      <c r="C40098" s="14" t="s">
        <v>238</v>
      </c>
      <c r="D40098" s="14" t="s">
        <v>239</v>
      </c>
      <c r="E40098" s="15">
        <v>45689</v>
      </c>
      <c r="F40098" s="14" t="s">
        <v>61</v>
      </c>
      <c r="G40098" s="16">
        <v>3.1890468434308441</v>
      </c>
    </row>
    <row r="40099" spans="1:7" x14ac:dyDescent="0.3">
      <c r="A40099" s="13" t="s">
        <v>237</v>
      </c>
      <c r="B40099" s="14" t="s">
        <v>1</v>
      </c>
      <c r="C40099" s="14" t="s">
        <v>238</v>
      </c>
      <c r="D40099" s="14" t="s">
        <v>239</v>
      </c>
      <c r="E40099" s="15">
        <v>45690</v>
      </c>
      <c r="F40099" s="14" t="s">
        <v>61</v>
      </c>
      <c r="G40099" s="16">
        <v>3.1890468434308441</v>
      </c>
    </row>
    <row r="40100" spans="1:7" x14ac:dyDescent="0.3">
      <c r="A40100" s="13" t="s">
        <v>237</v>
      </c>
      <c r="B40100" s="14" t="s">
        <v>1</v>
      </c>
      <c r="C40100" s="14" t="s">
        <v>238</v>
      </c>
      <c r="D40100" s="14" t="s">
        <v>239</v>
      </c>
      <c r="E40100" s="15">
        <v>45691</v>
      </c>
      <c r="F40100" s="14" t="s">
        <v>61</v>
      </c>
      <c r="G40100" s="16">
        <v>3.1890468434308441</v>
      </c>
    </row>
    <row r="40101" spans="1:7" x14ac:dyDescent="0.3">
      <c r="A40101" s="13" t="s">
        <v>237</v>
      </c>
      <c r="B40101" s="14" t="s">
        <v>1</v>
      </c>
      <c r="C40101" s="14" t="s">
        <v>238</v>
      </c>
      <c r="D40101" s="14" t="s">
        <v>239</v>
      </c>
      <c r="E40101" s="15">
        <v>45692</v>
      </c>
      <c r="F40101" s="14" t="s">
        <v>61</v>
      </c>
      <c r="G40101" s="16">
        <v>3.199637752644644</v>
      </c>
    </row>
    <row r="40102" spans="1:7" x14ac:dyDescent="0.3">
      <c r="A40102" s="13" t="s">
        <v>237</v>
      </c>
      <c r="B40102" s="14" t="s">
        <v>1</v>
      </c>
      <c r="C40102" s="14" t="s">
        <v>238</v>
      </c>
      <c r="D40102" s="14" t="s">
        <v>239</v>
      </c>
      <c r="E40102" s="15">
        <v>45693</v>
      </c>
      <c r="F40102" s="14" t="s">
        <v>61</v>
      </c>
      <c r="G40102" s="16">
        <v>3.2410045917184211</v>
      </c>
    </row>
    <row r="40103" spans="1:7" x14ac:dyDescent="0.3">
      <c r="A40103" s="13" t="s">
        <v>237</v>
      </c>
      <c r="B40103" s="14" t="s">
        <v>1</v>
      </c>
      <c r="C40103" s="14" t="s">
        <v>238</v>
      </c>
      <c r="D40103" s="14" t="s">
        <v>239</v>
      </c>
      <c r="E40103" s="15">
        <v>45694</v>
      </c>
      <c r="F40103" s="14" t="s">
        <v>61</v>
      </c>
      <c r="G40103" s="16">
        <v>3.2516289316822511</v>
      </c>
    </row>
    <row r="40104" spans="1:7" x14ac:dyDescent="0.3">
      <c r="A40104" s="13" t="s">
        <v>237</v>
      </c>
      <c r="B40104" s="14" t="s">
        <v>1</v>
      </c>
      <c r="C40104" s="14" t="s">
        <v>238</v>
      </c>
      <c r="D40104" s="14" t="s">
        <v>239</v>
      </c>
      <c r="E40104" s="15">
        <v>45695</v>
      </c>
      <c r="F40104" s="14" t="s">
        <v>61</v>
      </c>
      <c r="G40104" s="16">
        <v>3.2625510381042213</v>
      </c>
    </row>
    <row r="40105" spans="1:7" x14ac:dyDescent="0.3">
      <c r="A40105" s="13" t="s">
        <v>237</v>
      </c>
      <c r="B40105" s="14" t="s">
        <v>1</v>
      </c>
      <c r="C40105" s="14" t="s">
        <v>238</v>
      </c>
      <c r="D40105" s="14" t="s">
        <v>239</v>
      </c>
      <c r="E40105" s="15">
        <v>45696</v>
      </c>
      <c r="F40105" s="14" t="s">
        <v>61</v>
      </c>
      <c r="G40105" s="16">
        <v>3.2625510381042213</v>
      </c>
    </row>
    <row r="40106" spans="1:7" x14ac:dyDescent="0.3">
      <c r="A40106" s="13" t="s">
        <v>237</v>
      </c>
      <c r="B40106" s="14" t="s">
        <v>1</v>
      </c>
      <c r="C40106" s="14" t="s">
        <v>238</v>
      </c>
      <c r="D40106" s="14" t="s">
        <v>239</v>
      </c>
      <c r="E40106" s="15">
        <v>45697</v>
      </c>
      <c r="F40106" s="14" t="s">
        <v>61</v>
      </c>
      <c r="G40106" s="16">
        <v>3.2625510381042213</v>
      </c>
    </row>
    <row r="40107" spans="1:7" x14ac:dyDescent="0.3">
      <c r="A40107" s="13" t="s">
        <v>237</v>
      </c>
      <c r="B40107" s="14" t="s">
        <v>1</v>
      </c>
      <c r="C40107" s="14" t="s">
        <v>238</v>
      </c>
      <c r="D40107" s="14" t="s">
        <v>239</v>
      </c>
      <c r="E40107" s="15">
        <v>45698</v>
      </c>
      <c r="F40107" s="14" t="s">
        <v>61</v>
      </c>
      <c r="G40107" s="16">
        <v>3.2731431405747506</v>
      </c>
    </row>
    <row r="40108" spans="1:7" x14ac:dyDescent="0.3">
      <c r="A40108" s="13" t="s">
        <v>237</v>
      </c>
      <c r="B40108" s="14" t="s">
        <v>1</v>
      </c>
      <c r="C40108" s="14" t="s">
        <v>238</v>
      </c>
      <c r="D40108" s="14" t="s">
        <v>239</v>
      </c>
      <c r="E40108" s="15">
        <v>45699</v>
      </c>
      <c r="F40108" s="14" t="s">
        <v>61</v>
      </c>
      <c r="G40108" s="16">
        <v>3.3048759377945593</v>
      </c>
    </row>
    <row r="40109" spans="1:7" x14ac:dyDescent="0.3">
      <c r="A40109" s="13" t="s">
        <v>237</v>
      </c>
      <c r="B40109" s="14" t="s">
        <v>1</v>
      </c>
      <c r="C40109" s="14" t="s">
        <v>238</v>
      </c>
      <c r="D40109" s="14" t="s">
        <v>239</v>
      </c>
      <c r="E40109" s="15">
        <v>45700</v>
      </c>
      <c r="F40109" s="14" t="s">
        <v>61</v>
      </c>
      <c r="G40109" s="16">
        <v>3.3154140698500316</v>
      </c>
    </row>
    <row r="40110" spans="1:7" x14ac:dyDescent="0.3">
      <c r="A40110" s="13" t="s">
        <v>237</v>
      </c>
      <c r="B40110" s="14" t="s">
        <v>1</v>
      </c>
      <c r="C40110" s="14" t="s">
        <v>238</v>
      </c>
      <c r="D40110" s="14" t="s">
        <v>239</v>
      </c>
      <c r="E40110" s="15">
        <v>45701</v>
      </c>
      <c r="F40110" s="14" t="s">
        <v>61</v>
      </c>
      <c r="G40110" s="16">
        <v>3.3260135861615567</v>
      </c>
    </row>
    <row r="40111" spans="1:7" x14ac:dyDescent="0.3">
      <c r="A40111" s="13" t="s">
        <v>237</v>
      </c>
      <c r="B40111" s="14" t="s">
        <v>1</v>
      </c>
      <c r="C40111" s="14" t="s">
        <v>238</v>
      </c>
      <c r="D40111" s="14" t="s">
        <v>239</v>
      </c>
      <c r="E40111" s="15">
        <v>45702</v>
      </c>
      <c r="F40111" s="14" t="s">
        <v>61</v>
      </c>
      <c r="G40111" s="16">
        <v>3.3366195382347903</v>
      </c>
    </row>
    <row r="40112" spans="1:7" x14ac:dyDescent="0.3">
      <c r="A40112" s="13" t="s">
        <v>237</v>
      </c>
      <c r="B40112" s="14" t="s">
        <v>1</v>
      </c>
      <c r="C40112" s="14" t="s">
        <v>238</v>
      </c>
      <c r="D40112" s="14" t="s">
        <v>239</v>
      </c>
      <c r="E40112" s="15">
        <v>45703</v>
      </c>
      <c r="F40112" s="14" t="s">
        <v>61</v>
      </c>
      <c r="G40112" s="16">
        <v>3.3366195382347903</v>
      </c>
    </row>
    <row r="40113" spans="1:7" x14ac:dyDescent="0.3">
      <c r="A40113" s="13" t="s">
        <v>237</v>
      </c>
      <c r="B40113" s="14" t="s">
        <v>1</v>
      </c>
      <c r="C40113" s="14" t="s">
        <v>238</v>
      </c>
      <c r="D40113" s="14" t="s">
        <v>239</v>
      </c>
      <c r="E40113" s="15">
        <v>45704</v>
      </c>
      <c r="F40113" s="14" t="s">
        <v>61</v>
      </c>
      <c r="G40113" s="16">
        <v>3.3366195382347903</v>
      </c>
    </row>
    <row r="40114" spans="1:7" x14ac:dyDescent="0.3">
      <c r="A40114" s="13" t="s">
        <v>237</v>
      </c>
      <c r="B40114" s="14" t="s">
        <v>1</v>
      </c>
      <c r="C40114" s="14" t="s">
        <v>238</v>
      </c>
      <c r="D40114" s="14" t="s">
        <v>239</v>
      </c>
      <c r="E40114" s="15">
        <v>45705</v>
      </c>
      <c r="F40114" s="14" t="s">
        <v>61</v>
      </c>
      <c r="G40114" s="16">
        <v>3.3472197783249884</v>
      </c>
    </row>
    <row r="40115" spans="1:7" x14ac:dyDescent="0.3">
      <c r="A40115" s="13" t="s">
        <v>237</v>
      </c>
      <c r="B40115" s="14" t="s">
        <v>1</v>
      </c>
      <c r="C40115" s="14" t="s">
        <v>238</v>
      </c>
      <c r="D40115" s="14" t="s">
        <v>239</v>
      </c>
      <c r="E40115" s="15">
        <v>45706</v>
      </c>
      <c r="F40115" s="14" t="s">
        <v>61</v>
      </c>
      <c r="G40115" s="16">
        <v>3.3789530450228549</v>
      </c>
    </row>
    <row r="40116" spans="1:7" x14ac:dyDescent="0.3">
      <c r="A40116" s="13" t="s">
        <v>237</v>
      </c>
      <c r="B40116" s="14" t="s">
        <v>1</v>
      </c>
      <c r="C40116" s="14" t="s">
        <v>238</v>
      </c>
      <c r="D40116" s="14" t="s">
        <v>239</v>
      </c>
      <c r="E40116" s="15">
        <v>45707</v>
      </c>
      <c r="F40116" s="14" t="s">
        <v>61</v>
      </c>
      <c r="G40116" s="16">
        <v>3.3895685235883444</v>
      </c>
    </row>
    <row r="40117" spans="1:7" x14ac:dyDescent="0.3">
      <c r="A40117" s="13" t="s">
        <v>237</v>
      </c>
      <c r="B40117" s="14" t="s">
        <v>1</v>
      </c>
      <c r="C40117" s="14" t="s">
        <v>238</v>
      </c>
      <c r="D40117" s="14" t="s">
        <v>239</v>
      </c>
      <c r="E40117" s="15">
        <v>45708</v>
      </c>
      <c r="F40117" s="14" t="s">
        <v>61</v>
      </c>
      <c r="G40117" s="16">
        <v>3.4001724823924331</v>
      </c>
    </row>
    <row r="40118" spans="1:7" x14ac:dyDescent="0.3">
      <c r="A40118" s="13" t="s">
        <v>237</v>
      </c>
      <c r="B40118" s="14" t="s">
        <v>1</v>
      </c>
      <c r="C40118" s="14" t="s">
        <v>238</v>
      </c>
      <c r="D40118" s="14" t="s">
        <v>239</v>
      </c>
      <c r="E40118" s="15">
        <v>45709</v>
      </c>
      <c r="F40118" s="14" t="s">
        <v>61</v>
      </c>
      <c r="G40118" s="16">
        <v>3.4107574391287621</v>
      </c>
    </row>
    <row r="40119" spans="1:7" x14ac:dyDescent="0.3">
      <c r="A40119" s="13" t="s">
        <v>237</v>
      </c>
      <c r="B40119" s="14" t="s">
        <v>1</v>
      </c>
      <c r="C40119" s="14" t="s">
        <v>238</v>
      </c>
      <c r="D40119" s="14" t="s">
        <v>239</v>
      </c>
      <c r="E40119" s="15">
        <v>45710</v>
      </c>
      <c r="F40119" s="14" t="s">
        <v>61</v>
      </c>
      <c r="G40119" s="16">
        <v>3.4107574391287621</v>
      </c>
    </row>
    <row r="40120" spans="1:7" x14ac:dyDescent="0.3">
      <c r="A40120" s="13" t="s">
        <v>237</v>
      </c>
      <c r="B40120" s="14" t="s">
        <v>1</v>
      </c>
      <c r="C40120" s="14" t="s">
        <v>238</v>
      </c>
      <c r="D40120" s="14" t="s">
        <v>239</v>
      </c>
      <c r="E40120" s="15">
        <v>45711</v>
      </c>
      <c r="F40120" s="14" t="s">
        <v>61</v>
      </c>
      <c r="G40120" s="16">
        <v>3.4107574391287621</v>
      </c>
    </row>
    <row r="40121" spans="1:7" x14ac:dyDescent="0.3">
      <c r="A40121" s="13" t="s">
        <v>237</v>
      </c>
      <c r="B40121" s="14" t="s">
        <v>1</v>
      </c>
      <c r="C40121" s="14" t="s">
        <v>238</v>
      </c>
      <c r="D40121" s="14" t="s">
        <v>239</v>
      </c>
      <c r="E40121" s="15">
        <v>45712</v>
      </c>
      <c r="F40121" s="14" t="s">
        <v>61</v>
      </c>
      <c r="G40121" s="16">
        <v>3.4213891203884206</v>
      </c>
    </row>
    <row r="40122" spans="1:7" x14ac:dyDescent="0.3">
      <c r="A40122" s="13" t="s">
        <v>237</v>
      </c>
      <c r="B40122" s="14" t="s">
        <v>1</v>
      </c>
      <c r="C40122" s="14" t="s">
        <v>238</v>
      </c>
      <c r="D40122" s="14" t="s">
        <v>239</v>
      </c>
      <c r="E40122" s="15">
        <v>45713</v>
      </c>
      <c r="F40122" s="14" t="s">
        <v>61</v>
      </c>
      <c r="G40122" s="16">
        <v>3.4531787472922644</v>
      </c>
    </row>
    <row r="40123" spans="1:7" x14ac:dyDescent="0.3">
      <c r="A40123" s="13" t="s">
        <v>237</v>
      </c>
      <c r="B40123" s="14" t="s">
        <v>1</v>
      </c>
      <c r="C40123" s="14" t="s">
        <v>238</v>
      </c>
      <c r="D40123" s="14" t="s">
        <v>239</v>
      </c>
      <c r="E40123" s="15">
        <v>45714</v>
      </c>
      <c r="F40123" s="14" t="s">
        <v>61</v>
      </c>
      <c r="G40123" s="16">
        <v>3.463771719930925</v>
      </c>
    </row>
    <row r="40124" spans="1:7" x14ac:dyDescent="0.3">
      <c r="A40124" s="13" t="s">
        <v>237</v>
      </c>
      <c r="B40124" s="14" t="s">
        <v>1</v>
      </c>
      <c r="C40124" s="14" t="s">
        <v>238</v>
      </c>
      <c r="D40124" s="14" t="s">
        <v>239</v>
      </c>
      <c r="E40124" s="15">
        <v>45715</v>
      </c>
      <c r="F40124" s="14" t="s">
        <v>61</v>
      </c>
      <c r="G40124" s="16">
        <v>3.4743369701140154</v>
      </c>
    </row>
    <row r="40125" spans="1:7" x14ac:dyDescent="0.3">
      <c r="A40125" s="13" t="s">
        <v>237</v>
      </c>
      <c r="B40125" s="14" t="s">
        <v>1</v>
      </c>
      <c r="C40125" s="14" t="s">
        <v>238</v>
      </c>
      <c r="D40125" s="14" t="s">
        <v>239</v>
      </c>
      <c r="E40125" s="15">
        <v>45716</v>
      </c>
      <c r="F40125" s="14" t="s">
        <v>61</v>
      </c>
      <c r="G40125" s="16">
        <v>3.4849220410912323</v>
      </c>
    </row>
    <row r="40126" spans="1:7" x14ac:dyDescent="0.3">
      <c r="A40126" s="13" t="s">
        <v>237</v>
      </c>
      <c r="B40126" s="14" t="s">
        <v>1</v>
      </c>
      <c r="C40126" s="14" t="s">
        <v>238</v>
      </c>
      <c r="D40126" s="14" t="s">
        <v>239</v>
      </c>
      <c r="E40126" s="15">
        <v>45717</v>
      </c>
      <c r="F40126" s="14" t="s">
        <v>61</v>
      </c>
      <c r="G40126" s="16">
        <v>3.4849220410912323</v>
      </c>
    </row>
    <row r="40127" spans="1:7" x14ac:dyDescent="0.3">
      <c r="A40127" s="13" t="s">
        <v>237</v>
      </c>
      <c r="B40127" s="14" t="s">
        <v>1</v>
      </c>
      <c r="C40127" s="14" t="s">
        <v>238</v>
      </c>
      <c r="D40127" s="14" t="s">
        <v>239</v>
      </c>
      <c r="E40127" s="15">
        <v>45718</v>
      </c>
      <c r="F40127" s="14" t="s">
        <v>61</v>
      </c>
      <c r="G40127" s="16">
        <v>3.4849220410912323</v>
      </c>
    </row>
    <row r="40128" spans="1:7" x14ac:dyDescent="0.3">
      <c r="A40128" s="13" t="s">
        <v>237</v>
      </c>
      <c r="B40128" s="14" t="s">
        <v>1</v>
      </c>
      <c r="C40128" s="14" t="s">
        <v>238</v>
      </c>
      <c r="D40128" s="14" t="s">
        <v>239</v>
      </c>
      <c r="E40128" s="15">
        <v>45719</v>
      </c>
      <c r="F40128" s="14" t="s">
        <v>61</v>
      </c>
      <c r="G40128" s="16">
        <v>3.4947945345274465</v>
      </c>
    </row>
    <row r="40129" spans="1:7" x14ac:dyDescent="0.3">
      <c r="A40129" s="13" t="s">
        <v>237</v>
      </c>
      <c r="B40129" s="14" t="s">
        <v>1</v>
      </c>
      <c r="C40129" s="14" t="s">
        <v>238</v>
      </c>
      <c r="D40129" s="14" t="s">
        <v>239</v>
      </c>
      <c r="E40129" s="15">
        <v>45720</v>
      </c>
      <c r="F40129" s="14" t="s">
        <v>61</v>
      </c>
      <c r="G40129" s="16">
        <v>3.5266151207120298</v>
      </c>
    </row>
    <row r="40130" spans="1:7" x14ac:dyDescent="0.3">
      <c r="A40130" s="13" t="s">
        <v>237</v>
      </c>
      <c r="B40130" s="14" t="s">
        <v>1</v>
      </c>
      <c r="C40130" s="14" t="s">
        <v>238</v>
      </c>
      <c r="D40130" s="14" t="s">
        <v>239</v>
      </c>
      <c r="E40130" s="15">
        <v>45721</v>
      </c>
      <c r="F40130" s="14" t="s">
        <v>61</v>
      </c>
      <c r="G40130" s="16">
        <v>3.5381773511276386</v>
      </c>
    </row>
    <row r="40131" spans="1:7" x14ac:dyDescent="0.3">
      <c r="A40131" s="13" t="s">
        <v>237</v>
      </c>
      <c r="B40131" s="14" t="s">
        <v>1</v>
      </c>
      <c r="C40131" s="14" t="s">
        <v>238</v>
      </c>
      <c r="D40131" s="14" t="s">
        <v>239</v>
      </c>
      <c r="E40131" s="15">
        <v>45722</v>
      </c>
      <c r="F40131" s="14" t="s">
        <v>61</v>
      </c>
      <c r="G40131" s="16">
        <v>3.5441298779221926</v>
      </c>
    </row>
    <row r="40132" spans="1:7" x14ac:dyDescent="0.3">
      <c r="A40132" s="13" t="s">
        <v>237</v>
      </c>
      <c r="B40132" s="14" t="s">
        <v>1</v>
      </c>
      <c r="C40132" s="14" t="s">
        <v>238</v>
      </c>
      <c r="D40132" s="14" t="s">
        <v>239</v>
      </c>
      <c r="E40132" s="15">
        <v>45723</v>
      </c>
      <c r="F40132" s="14" t="s">
        <v>61</v>
      </c>
      <c r="G40132" s="16">
        <v>3.5641287027407595</v>
      </c>
    </row>
    <row r="40133" spans="1:7" x14ac:dyDescent="0.3">
      <c r="A40133" s="13" t="s">
        <v>237</v>
      </c>
      <c r="B40133" s="14" t="s">
        <v>1</v>
      </c>
      <c r="C40133" s="14" t="s">
        <v>238</v>
      </c>
      <c r="D40133" s="14" t="s">
        <v>239</v>
      </c>
      <c r="E40133" s="15">
        <v>45724</v>
      </c>
      <c r="F40133" s="14" t="s">
        <v>61</v>
      </c>
      <c r="G40133" s="16">
        <v>3.5641287027407595</v>
      </c>
    </row>
    <row r="40134" spans="1:7" x14ac:dyDescent="0.3">
      <c r="A40134" s="13" t="s">
        <v>237</v>
      </c>
      <c r="B40134" s="14" t="s">
        <v>1</v>
      </c>
      <c r="C40134" s="14" t="s">
        <v>238</v>
      </c>
      <c r="D40134" s="14" t="s">
        <v>239</v>
      </c>
      <c r="E40134" s="15">
        <v>45725</v>
      </c>
      <c r="F40134" s="14" t="s">
        <v>61</v>
      </c>
      <c r="G40134" s="16">
        <v>3.5641287027407595</v>
      </c>
    </row>
    <row r="40135" spans="1:7" x14ac:dyDescent="0.3">
      <c r="A40135" s="13" t="s">
        <v>237</v>
      </c>
      <c r="B40135" s="14" t="s">
        <v>1</v>
      </c>
      <c r="C40135" s="14" t="s">
        <v>238</v>
      </c>
      <c r="D40135" s="14" t="s">
        <v>239</v>
      </c>
      <c r="E40135" s="15">
        <v>45726</v>
      </c>
      <c r="F40135" s="14" t="s">
        <v>61</v>
      </c>
      <c r="G40135" s="16">
        <v>3.5748153148275601</v>
      </c>
    </row>
    <row r="40136" spans="1:7" x14ac:dyDescent="0.3">
      <c r="A40136" s="13" t="s">
        <v>237</v>
      </c>
      <c r="B40136" s="14" t="s">
        <v>1</v>
      </c>
      <c r="C40136" s="14" t="s">
        <v>238</v>
      </c>
      <c r="D40136" s="14" t="s">
        <v>239</v>
      </c>
      <c r="E40136" s="15">
        <v>45727</v>
      </c>
      <c r="F40136" s="14" t="s">
        <v>61</v>
      </c>
      <c r="G40136" s="16">
        <v>3.6067273698834055</v>
      </c>
    </row>
    <row r="40137" spans="1:7" x14ac:dyDescent="0.3">
      <c r="A40137" s="13" t="s">
        <v>237</v>
      </c>
      <c r="B40137" s="14" t="s">
        <v>1</v>
      </c>
      <c r="C40137" s="14" t="s">
        <v>238</v>
      </c>
      <c r="D40137" s="14" t="s">
        <v>239</v>
      </c>
      <c r="E40137" s="15">
        <v>45728</v>
      </c>
      <c r="F40137" s="14" t="s">
        <v>61</v>
      </c>
      <c r="G40137" s="16">
        <v>3.6173845078210154</v>
      </c>
    </row>
    <row r="40138" spans="1:7" x14ac:dyDescent="0.3">
      <c r="A40138" s="13" t="s">
        <v>237</v>
      </c>
      <c r="B40138" s="14" t="s">
        <v>1</v>
      </c>
      <c r="C40138" s="14" t="s">
        <v>238</v>
      </c>
      <c r="D40138" s="14" t="s">
        <v>239</v>
      </c>
      <c r="E40138" s="15">
        <v>45729</v>
      </c>
      <c r="F40138" s="14" t="s">
        <v>61</v>
      </c>
      <c r="G40138" s="16">
        <v>3.6277075673208312</v>
      </c>
    </row>
    <row r="40139" spans="1:7" x14ac:dyDescent="0.3">
      <c r="A40139" s="13" t="s">
        <v>237</v>
      </c>
      <c r="B40139" s="14" t="s">
        <v>1</v>
      </c>
      <c r="C40139" s="14" t="s">
        <v>238</v>
      </c>
      <c r="D40139" s="14" t="s">
        <v>239</v>
      </c>
      <c r="E40139" s="15">
        <v>45730</v>
      </c>
      <c r="F40139" s="14" t="s">
        <v>61</v>
      </c>
      <c r="G40139" s="16">
        <v>3.6383844308518274</v>
      </c>
    </row>
    <row r="40140" spans="1:7" x14ac:dyDescent="0.3">
      <c r="A40140" s="13" t="s">
        <v>237</v>
      </c>
      <c r="B40140" s="14" t="s">
        <v>1</v>
      </c>
      <c r="C40140" s="14" t="s">
        <v>238</v>
      </c>
      <c r="D40140" s="14" t="s">
        <v>239</v>
      </c>
      <c r="E40140" s="15">
        <v>45731</v>
      </c>
      <c r="F40140" s="14" t="s">
        <v>61</v>
      </c>
      <c r="G40140" s="16">
        <v>3.6383844308518274</v>
      </c>
    </row>
    <row r="40141" spans="1:7" x14ac:dyDescent="0.3">
      <c r="A40141" s="13" t="s">
        <v>237</v>
      </c>
      <c r="B40141" s="14" t="s">
        <v>1</v>
      </c>
      <c r="C40141" s="14" t="s">
        <v>238</v>
      </c>
      <c r="D40141" s="14" t="s">
        <v>239</v>
      </c>
      <c r="E40141" s="15">
        <v>45732</v>
      </c>
      <c r="F40141" s="14" t="s">
        <v>61</v>
      </c>
      <c r="G40141" s="16">
        <v>3.6383844308518274</v>
      </c>
    </row>
    <row r="40142" spans="1:7" x14ac:dyDescent="0.3">
      <c r="A40142" s="13" t="s">
        <v>237</v>
      </c>
      <c r="B40142" s="14" t="s">
        <v>1</v>
      </c>
      <c r="C40142" s="14" t="s">
        <v>238</v>
      </c>
      <c r="D40142" s="14" t="s">
        <v>239</v>
      </c>
      <c r="E40142" s="15">
        <v>45733</v>
      </c>
      <c r="F40142" s="14" t="s">
        <v>61</v>
      </c>
      <c r="G40142" s="16">
        <v>3.6383844308518274</v>
      </c>
    </row>
    <row r="40143" spans="1:7" x14ac:dyDescent="0.3">
      <c r="A40143" s="13" t="s">
        <v>237</v>
      </c>
      <c r="B40143" s="14" t="s">
        <v>1</v>
      </c>
      <c r="C40143" s="14" t="s">
        <v>238</v>
      </c>
      <c r="D40143" s="14" t="s">
        <v>239</v>
      </c>
      <c r="E40143" s="15">
        <v>45734</v>
      </c>
      <c r="F40143" s="14" t="s">
        <v>61</v>
      </c>
      <c r="G40143" s="16">
        <v>3.6490647025693255</v>
      </c>
    </row>
    <row r="40144" spans="1:7" x14ac:dyDescent="0.3">
      <c r="A40144" s="13" t="s">
        <v>237</v>
      </c>
      <c r="B40144" s="14" t="s">
        <v>1</v>
      </c>
      <c r="C40144" s="14" t="s">
        <v>238</v>
      </c>
      <c r="D40144" s="14" t="s">
        <v>239</v>
      </c>
      <c r="E40144" s="15">
        <v>45735</v>
      </c>
      <c r="F40144" s="14" t="s">
        <v>61</v>
      </c>
      <c r="G40144" s="16">
        <v>3.6884854684929063</v>
      </c>
    </row>
    <row r="40145" spans="1:7" x14ac:dyDescent="0.3">
      <c r="A40145" s="13" t="s">
        <v>237</v>
      </c>
      <c r="B40145" s="14" t="s">
        <v>1</v>
      </c>
      <c r="C40145" s="14" t="s">
        <v>238</v>
      </c>
      <c r="D40145" s="14" t="s">
        <v>239</v>
      </c>
      <c r="E40145" s="15">
        <v>45736</v>
      </c>
      <c r="F40145" s="14" t="s">
        <v>61</v>
      </c>
      <c r="G40145" s="16">
        <v>3.6991373513496528</v>
      </c>
    </row>
    <row r="40146" spans="1:7" x14ac:dyDescent="0.3">
      <c r="A40146" s="13" t="s">
        <v>237</v>
      </c>
      <c r="B40146" s="14" t="s">
        <v>1</v>
      </c>
      <c r="C40146" s="14" t="s">
        <v>238</v>
      </c>
      <c r="D40146" s="14" t="s">
        <v>239</v>
      </c>
      <c r="E40146" s="15">
        <v>45737</v>
      </c>
      <c r="F40146" s="14" t="s">
        <v>61</v>
      </c>
      <c r="G40146" s="16">
        <v>3.7101770820223035</v>
      </c>
    </row>
    <row r="40147" spans="1:7" x14ac:dyDescent="0.3">
      <c r="A40147" s="13" t="s">
        <v>237</v>
      </c>
      <c r="B40147" s="14" t="s">
        <v>1</v>
      </c>
      <c r="C40147" s="14" t="s">
        <v>238</v>
      </c>
      <c r="D40147" s="14" t="s">
        <v>239</v>
      </c>
      <c r="E40147" s="15">
        <v>45738</v>
      </c>
      <c r="F40147" s="14" t="s">
        <v>61</v>
      </c>
      <c r="G40147" s="16">
        <v>3.7101770820223035</v>
      </c>
    </row>
    <row r="40148" spans="1:7" x14ac:dyDescent="0.3">
      <c r="A40148" s="13" t="s">
        <v>237</v>
      </c>
      <c r="B40148" s="14" t="s">
        <v>1</v>
      </c>
      <c r="C40148" s="14" t="s">
        <v>238</v>
      </c>
      <c r="D40148" s="14" t="s">
        <v>239</v>
      </c>
      <c r="E40148" s="15">
        <v>45739</v>
      </c>
      <c r="F40148" s="14" t="s">
        <v>61</v>
      </c>
      <c r="G40148" s="16">
        <v>3.7101770820223035</v>
      </c>
    </row>
    <row r="40149" spans="1:7" x14ac:dyDescent="0.3">
      <c r="A40149" s="13" t="s">
        <v>237</v>
      </c>
      <c r="B40149" s="14" t="s">
        <v>1</v>
      </c>
      <c r="C40149" s="14" t="s">
        <v>238</v>
      </c>
      <c r="D40149" s="14" t="s">
        <v>239</v>
      </c>
      <c r="E40149" s="15">
        <v>45740</v>
      </c>
      <c r="F40149" s="14" t="s">
        <v>61</v>
      </c>
      <c r="G40149" s="16">
        <v>3.7208466150962978</v>
      </c>
    </row>
    <row r="40150" spans="1:7" x14ac:dyDescent="0.3">
      <c r="A40150" s="13" t="s">
        <v>237</v>
      </c>
      <c r="B40150" s="14" t="s">
        <v>1</v>
      </c>
      <c r="C40150" s="14" t="s">
        <v>238</v>
      </c>
      <c r="D40150" s="14" t="s">
        <v>239</v>
      </c>
      <c r="E40150" s="15">
        <v>45741</v>
      </c>
      <c r="F40150" s="14" t="s">
        <v>61</v>
      </c>
      <c r="G40150" s="16">
        <v>3.7528020436094152</v>
      </c>
    </row>
    <row r="40151" spans="1:7" x14ac:dyDescent="0.3">
      <c r="A40151" s="13" t="s">
        <v>237</v>
      </c>
      <c r="B40151" s="14" t="s">
        <v>1</v>
      </c>
      <c r="C40151" s="14" t="s">
        <v>238</v>
      </c>
      <c r="D40151" s="14" t="s">
        <v>239</v>
      </c>
      <c r="E40151" s="15">
        <v>45742</v>
      </c>
      <c r="F40151" s="14" t="s">
        <v>61</v>
      </c>
      <c r="G40151" s="16">
        <v>3.7664289495999412</v>
      </c>
    </row>
    <row r="40152" spans="1:7" x14ac:dyDescent="0.3">
      <c r="A40152" s="13" t="s">
        <v>237</v>
      </c>
      <c r="B40152" s="14" t="s">
        <v>1</v>
      </c>
      <c r="C40152" s="14" t="s">
        <v>238</v>
      </c>
      <c r="D40152" s="14" t="s">
        <v>239</v>
      </c>
      <c r="E40152" s="15">
        <v>45743</v>
      </c>
      <c r="F40152" s="14" t="s">
        <v>61</v>
      </c>
      <c r="G40152" s="16">
        <v>3.7770946556041762</v>
      </c>
    </row>
    <row r="40153" spans="1:7" x14ac:dyDescent="0.3">
      <c r="A40153" s="13" t="s">
        <v>237</v>
      </c>
      <c r="B40153" s="14" t="s">
        <v>1</v>
      </c>
      <c r="C40153" s="14" t="s">
        <v>238</v>
      </c>
      <c r="D40153" s="14" t="s">
        <v>239</v>
      </c>
      <c r="E40153" s="15">
        <v>45744</v>
      </c>
      <c r="F40153" s="14" t="s">
        <v>61</v>
      </c>
      <c r="G40153" s="16">
        <v>3.7877654072476461</v>
      </c>
    </row>
    <row r="40154" spans="1:7" x14ac:dyDescent="0.3">
      <c r="A40154" s="13" t="s">
        <v>237</v>
      </c>
      <c r="B40154" s="14" t="s">
        <v>1</v>
      </c>
      <c r="C40154" s="14" t="s">
        <v>238</v>
      </c>
      <c r="D40154" s="14" t="s">
        <v>239</v>
      </c>
      <c r="E40154" s="15">
        <v>45745</v>
      </c>
      <c r="F40154" s="14" t="s">
        <v>61</v>
      </c>
      <c r="G40154" s="16">
        <v>3.7877654072476461</v>
      </c>
    </row>
    <row r="40155" spans="1:7" x14ac:dyDescent="0.3">
      <c r="A40155" s="13" t="s">
        <v>237</v>
      </c>
      <c r="B40155" s="14" t="s">
        <v>1</v>
      </c>
      <c r="C40155" s="14" t="s">
        <v>238</v>
      </c>
      <c r="D40155" s="14" t="s">
        <v>239</v>
      </c>
      <c r="E40155" s="15">
        <v>45746</v>
      </c>
      <c r="F40155" s="14" t="s">
        <v>61</v>
      </c>
      <c r="G40155" s="16">
        <v>3.7877654072476461</v>
      </c>
    </row>
    <row r="40156" spans="1:7" x14ac:dyDescent="0.3">
      <c r="A40156" s="13" t="s">
        <v>237</v>
      </c>
      <c r="B40156" s="14" t="s">
        <v>1</v>
      </c>
      <c r="C40156" s="14" t="s">
        <v>238</v>
      </c>
      <c r="D40156" s="14" t="s">
        <v>239</v>
      </c>
      <c r="E40156" s="15">
        <v>45747</v>
      </c>
      <c r="F40156" s="14" t="s">
        <v>61</v>
      </c>
      <c r="G40156" s="16">
        <v>3.798434807040604</v>
      </c>
    </row>
    <row r="40157" spans="1:7" x14ac:dyDescent="0.3">
      <c r="A40157" s="13" t="s">
        <v>240</v>
      </c>
      <c r="B40157" s="14" t="s">
        <v>1</v>
      </c>
      <c r="C40157" s="14" t="s">
        <v>238</v>
      </c>
      <c r="D40157" s="14" t="s">
        <v>241</v>
      </c>
      <c r="E40157" s="15">
        <v>45383</v>
      </c>
      <c r="F40157" s="14" t="s">
        <v>15</v>
      </c>
      <c r="G40157" s="16">
        <v>0</v>
      </c>
    </row>
    <row r="40158" spans="1:7" x14ac:dyDescent="0.3">
      <c r="A40158" s="13" t="s">
        <v>240</v>
      </c>
      <c r="B40158" s="14" t="s">
        <v>1</v>
      </c>
      <c r="C40158" s="14" t="s">
        <v>238</v>
      </c>
      <c r="D40158" s="14" t="s">
        <v>241</v>
      </c>
      <c r="E40158" s="15">
        <v>45384</v>
      </c>
      <c r="F40158" s="14" t="s">
        <v>15</v>
      </c>
      <c r="G40158" s="16">
        <v>0</v>
      </c>
    </row>
    <row r="40159" spans="1:7" x14ac:dyDescent="0.3">
      <c r="A40159" s="13" t="s">
        <v>240</v>
      </c>
      <c r="B40159" s="14" t="s">
        <v>1</v>
      </c>
      <c r="C40159" s="14" t="s">
        <v>238</v>
      </c>
      <c r="D40159" s="14" t="s">
        <v>241</v>
      </c>
      <c r="E40159" s="15">
        <v>45385</v>
      </c>
      <c r="F40159" s="14" t="s">
        <v>15</v>
      </c>
      <c r="G40159" s="16">
        <v>4.5747685632450324E-2</v>
      </c>
    </row>
    <row r="40160" spans="1:7" x14ac:dyDescent="0.3">
      <c r="A40160" s="13" t="s">
        <v>240</v>
      </c>
      <c r="B40160" s="14" t="s">
        <v>1</v>
      </c>
      <c r="C40160" s="14" t="s">
        <v>238</v>
      </c>
      <c r="D40160" s="14" t="s">
        <v>241</v>
      </c>
      <c r="E40160" s="15">
        <v>45386</v>
      </c>
      <c r="F40160" s="14" t="s">
        <v>15</v>
      </c>
      <c r="G40160" s="16">
        <v>5.6253782529859769E-2</v>
      </c>
    </row>
    <row r="40161" spans="1:7" x14ac:dyDescent="0.3">
      <c r="A40161" s="13" t="s">
        <v>240</v>
      </c>
      <c r="B40161" s="14" t="s">
        <v>1</v>
      </c>
      <c r="C40161" s="14" t="s">
        <v>238</v>
      </c>
      <c r="D40161" s="14" t="s">
        <v>241</v>
      </c>
      <c r="E40161" s="15">
        <v>45387</v>
      </c>
      <c r="F40161" s="14" t="s">
        <v>15</v>
      </c>
      <c r="G40161" s="16">
        <v>6.5475089492291055E-2</v>
      </c>
    </row>
    <row r="40162" spans="1:7" x14ac:dyDescent="0.3">
      <c r="A40162" s="13" t="s">
        <v>240</v>
      </c>
      <c r="B40162" s="14" t="s">
        <v>1</v>
      </c>
      <c r="C40162" s="14" t="s">
        <v>238</v>
      </c>
      <c r="D40162" s="14" t="s">
        <v>241</v>
      </c>
      <c r="E40162" s="15">
        <v>45388</v>
      </c>
      <c r="F40162" s="14" t="s">
        <v>15</v>
      </c>
      <c r="G40162" s="16">
        <v>6.5475089492291055E-2</v>
      </c>
    </row>
    <row r="40163" spans="1:7" x14ac:dyDescent="0.3">
      <c r="A40163" s="13" t="s">
        <v>240</v>
      </c>
      <c r="B40163" s="14" t="s">
        <v>1</v>
      </c>
      <c r="C40163" s="14" t="s">
        <v>238</v>
      </c>
      <c r="D40163" s="14" t="s">
        <v>241</v>
      </c>
      <c r="E40163" s="15">
        <v>45389</v>
      </c>
      <c r="F40163" s="14" t="s">
        <v>15</v>
      </c>
      <c r="G40163" s="16">
        <v>6.5475089492291055E-2</v>
      </c>
    </row>
    <row r="40164" spans="1:7" x14ac:dyDescent="0.3">
      <c r="A40164" s="13" t="s">
        <v>240</v>
      </c>
      <c r="B40164" s="14" t="s">
        <v>1</v>
      </c>
      <c r="C40164" s="14" t="s">
        <v>238</v>
      </c>
      <c r="D40164" s="14" t="s">
        <v>241</v>
      </c>
      <c r="E40164" s="15">
        <v>45390</v>
      </c>
      <c r="F40164" s="14" t="s">
        <v>15</v>
      </c>
      <c r="G40164" s="16">
        <v>7.5420002709119499E-2</v>
      </c>
    </row>
    <row r="40165" spans="1:7" x14ac:dyDescent="0.3">
      <c r="A40165" s="13" t="s">
        <v>240</v>
      </c>
      <c r="B40165" s="14" t="s">
        <v>1</v>
      </c>
      <c r="C40165" s="14" t="s">
        <v>238</v>
      </c>
      <c r="D40165" s="14" t="s">
        <v>241</v>
      </c>
      <c r="E40165" s="15">
        <v>45391</v>
      </c>
      <c r="F40165" s="14" t="s">
        <v>15</v>
      </c>
      <c r="G40165" s="16">
        <v>0.10325998161090866</v>
      </c>
    </row>
    <row r="40166" spans="1:7" x14ac:dyDescent="0.3">
      <c r="A40166" s="13" t="s">
        <v>240</v>
      </c>
      <c r="B40166" s="14" t="s">
        <v>1</v>
      </c>
      <c r="C40166" s="14" t="s">
        <v>238</v>
      </c>
      <c r="D40166" s="14" t="s">
        <v>241</v>
      </c>
      <c r="E40166" s="15">
        <v>45392</v>
      </c>
      <c r="F40166" s="14" t="s">
        <v>15</v>
      </c>
      <c r="G40166" s="16">
        <v>0.11129180834023729</v>
      </c>
    </row>
    <row r="40167" spans="1:7" x14ac:dyDescent="0.3">
      <c r="A40167" s="13" t="s">
        <v>240</v>
      </c>
      <c r="B40167" s="14" t="s">
        <v>1</v>
      </c>
      <c r="C40167" s="14" t="s">
        <v>238</v>
      </c>
      <c r="D40167" s="14" t="s">
        <v>241</v>
      </c>
      <c r="E40167" s="15">
        <v>45393</v>
      </c>
      <c r="F40167" s="14" t="s">
        <v>15</v>
      </c>
      <c r="G40167" s="16">
        <v>0.1201730673264695</v>
      </c>
    </row>
    <row r="40168" spans="1:7" x14ac:dyDescent="0.3">
      <c r="A40168" s="13" t="s">
        <v>240</v>
      </c>
      <c r="B40168" s="14" t="s">
        <v>1</v>
      </c>
      <c r="C40168" s="14" t="s">
        <v>238</v>
      </c>
      <c r="D40168" s="14" t="s">
        <v>241</v>
      </c>
      <c r="E40168" s="15">
        <v>45394</v>
      </c>
      <c r="F40168" s="14" t="s">
        <v>15</v>
      </c>
      <c r="G40168" s="16">
        <v>0.12833045114914873</v>
      </c>
    </row>
    <row r="40169" spans="1:7" x14ac:dyDescent="0.3">
      <c r="A40169" s="13" t="s">
        <v>240</v>
      </c>
      <c r="B40169" s="14" t="s">
        <v>1</v>
      </c>
      <c r="C40169" s="14" t="s">
        <v>238</v>
      </c>
      <c r="D40169" s="14" t="s">
        <v>241</v>
      </c>
      <c r="E40169" s="15">
        <v>45395</v>
      </c>
      <c r="F40169" s="14" t="s">
        <v>15</v>
      </c>
      <c r="G40169" s="16">
        <v>0.12833045114914873</v>
      </c>
    </row>
    <row r="40170" spans="1:7" x14ac:dyDescent="0.3">
      <c r="A40170" s="13" t="s">
        <v>240</v>
      </c>
      <c r="B40170" s="14" t="s">
        <v>1</v>
      </c>
      <c r="C40170" s="14" t="s">
        <v>238</v>
      </c>
      <c r="D40170" s="14" t="s">
        <v>241</v>
      </c>
      <c r="E40170" s="15">
        <v>45396</v>
      </c>
      <c r="F40170" s="14" t="s">
        <v>15</v>
      </c>
      <c r="G40170" s="16">
        <v>0.12833045114914873</v>
      </c>
    </row>
    <row r="40171" spans="1:7" x14ac:dyDescent="0.3">
      <c r="A40171" s="13" t="s">
        <v>240</v>
      </c>
      <c r="B40171" s="14" t="s">
        <v>1</v>
      </c>
      <c r="C40171" s="14" t="s">
        <v>238</v>
      </c>
      <c r="D40171" s="14" t="s">
        <v>241</v>
      </c>
      <c r="E40171" s="15">
        <v>45397</v>
      </c>
      <c r="F40171" s="14" t="s">
        <v>15</v>
      </c>
      <c r="G40171" s="16">
        <v>0.13719344441902617</v>
      </c>
    </row>
    <row r="40172" spans="1:7" x14ac:dyDescent="0.3">
      <c r="A40172" s="13" t="s">
        <v>240</v>
      </c>
      <c r="B40172" s="14" t="s">
        <v>1</v>
      </c>
      <c r="C40172" s="14" t="s">
        <v>238</v>
      </c>
      <c r="D40172" s="14" t="s">
        <v>241</v>
      </c>
      <c r="E40172" s="15">
        <v>45398</v>
      </c>
      <c r="F40172" s="14" t="s">
        <v>15</v>
      </c>
      <c r="G40172" s="16">
        <v>0.16458683362268797</v>
      </c>
    </row>
    <row r="40173" spans="1:7" x14ac:dyDescent="0.3">
      <c r="A40173" s="13" t="s">
        <v>240</v>
      </c>
      <c r="B40173" s="14" t="s">
        <v>1</v>
      </c>
      <c r="C40173" s="14" t="s">
        <v>238</v>
      </c>
      <c r="D40173" s="14" t="s">
        <v>241</v>
      </c>
      <c r="E40173" s="15">
        <v>45399</v>
      </c>
      <c r="F40173" s="14" t="s">
        <v>15</v>
      </c>
      <c r="G40173" s="16">
        <v>0.17462783151640374</v>
      </c>
    </row>
    <row r="40174" spans="1:7" x14ac:dyDescent="0.3">
      <c r="A40174" s="13" t="s">
        <v>240</v>
      </c>
      <c r="B40174" s="14" t="s">
        <v>1</v>
      </c>
      <c r="C40174" s="14" t="s">
        <v>238</v>
      </c>
      <c r="D40174" s="14" t="s">
        <v>241</v>
      </c>
      <c r="E40174" s="15">
        <v>45400</v>
      </c>
      <c r="F40174" s="14" t="s">
        <v>15</v>
      </c>
      <c r="G40174" s="16">
        <v>0.18337746990314108</v>
      </c>
    </row>
    <row r="40175" spans="1:7" x14ac:dyDescent="0.3">
      <c r="A40175" s="13" t="s">
        <v>240</v>
      </c>
      <c r="B40175" s="14" t="s">
        <v>1</v>
      </c>
      <c r="C40175" s="14" t="s">
        <v>238</v>
      </c>
      <c r="D40175" s="14" t="s">
        <v>241</v>
      </c>
      <c r="E40175" s="15">
        <v>45401</v>
      </c>
      <c r="F40175" s="14" t="s">
        <v>15</v>
      </c>
      <c r="G40175" s="16">
        <v>0.19289878624351645</v>
      </c>
    </row>
    <row r="40176" spans="1:7" x14ac:dyDescent="0.3">
      <c r="A40176" s="13" t="s">
        <v>240</v>
      </c>
      <c r="B40176" s="14" t="s">
        <v>1</v>
      </c>
      <c r="C40176" s="14" t="s">
        <v>238</v>
      </c>
      <c r="D40176" s="14" t="s">
        <v>241</v>
      </c>
      <c r="E40176" s="15">
        <v>45402</v>
      </c>
      <c r="F40176" s="14" t="s">
        <v>15</v>
      </c>
      <c r="G40176" s="16">
        <v>0.19289878624351645</v>
      </c>
    </row>
    <row r="40177" spans="1:7" x14ac:dyDescent="0.3">
      <c r="A40177" s="13" t="s">
        <v>240</v>
      </c>
      <c r="B40177" s="14" t="s">
        <v>1</v>
      </c>
      <c r="C40177" s="14" t="s">
        <v>238</v>
      </c>
      <c r="D40177" s="14" t="s">
        <v>241</v>
      </c>
      <c r="E40177" s="15">
        <v>45403</v>
      </c>
      <c r="F40177" s="14" t="s">
        <v>15</v>
      </c>
      <c r="G40177" s="16">
        <v>0.19289878624351645</v>
      </c>
    </row>
    <row r="40178" spans="1:7" x14ac:dyDescent="0.3">
      <c r="A40178" s="13" t="s">
        <v>240</v>
      </c>
      <c r="B40178" s="14" t="s">
        <v>1</v>
      </c>
      <c r="C40178" s="14" t="s">
        <v>238</v>
      </c>
      <c r="D40178" s="14" t="s">
        <v>241</v>
      </c>
      <c r="E40178" s="15">
        <v>45404</v>
      </c>
      <c r="F40178" s="14" t="s">
        <v>15</v>
      </c>
      <c r="G40178" s="16">
        <v>0.20217346015304638</v>
      </c>
    </row>
    <row r="40179" spans="1:7" x14ac:dyDescent="0.3">
      <c r="A40179" s="13" t="s">
        <v>240</v>
      </c>
      <c r="B40179" s="14" t="s">
        <v>1</v>
      </c>
      <c r="C40179" s="14" t="s">
        <v>238</v>
      </c>
      <c r="D40179" s="14" t="s">
        <v>241</v>
      </c>
      <c r="E40179" s="15">
        <v>45405</v>
      </c>
      <c r="F40179" s="14" t="s">
        <v>15</v>
      </c>
      <c r="G40179" s="16">
        <v>0.23108748326754036</v>
      </c>
    </row>
    <row r="40180" spans="1:7" x14ac:dyDescent="0.3">
      <c r="A40180" s="13" t="s">
        <v>240</v>
      </c>
      <c r="B40180" s="14" t="s">
        <v>1</v>
      </c>
      <c r="C40180" s="14" t="s">
        <v>238</v>
      </c>
      <c r="D40180" s="14" t="s">
        <v>241</v>
      </c>
      <c r="E40180" s="15">
        <v>45406</v>
      </c>
      <c r="F40180" s="14" t="s">
        <v>15</v>
      </c>
      <c r="G40180" s="16">
        <v>0.24080523231983228</v>
      </c>
    </row>
    <row r="40181" spans="1:7" x14ac:dyDescent="0.3">
      <c r="A40181" s="13" t="s">
        <v>240</v>
      </c>
      <c r="B40181" s="14" t="s">
        <v>1</v>
      </c>
      <c r="C40181" s="14" t="s">
        <v>238</v>
      </c>
      <c r="D40181" s="14" t="s">
        <v>241</v>
      </c>
      <c r="E40181" s="15">
        <v>45407</v>
      </c>
      <c r="F40181" s="14" t="s">
        <v>15</v>
      </c>
      <c r="G40181" s="16">
        <v>0.25074368360737448</v>
      </c>
    </row>
    <row r="40182" spans="1:7" x14ac:dyDescent="0.3">
      <c r="A40182" s="13" t="s">
        <v>240</v>
      </c>
      <c r="B40182" s="14" t="s">
        <v>1</v>
      </c>
      <c r="C40182" s="14" t="s">
        <v>238</v>
      </c>
      <c r="D40182" s="14" t="s">
        <v>241</v>
      </c>
      <c r="E40182" s="15">
        <v>45408</v>
      </c>
      <c r="F40182" s="14" t="s">
        <v>15</v>
      </c>
      <c r="G40182" s="16">
        <v>0.26510736554652442</v>
      </c>
    </row>
    <row r="40183" spans="1:7" x14ac:dyDescent="0.3">
      <c r="A40183" s="13" t="s">
        <v>240</v>
      </c>
      <c r="B40183" s="14" t="s">
        <v>1</v>
      </c>
      <c r="C40183" s="14" t="s">
        <v>238</v>
      </c>
      <c r="D40183" s="14" t="s">
        <v>241</v>
      </c>
      <c r="E40183" s="15">
        <v>45409</v>
      </c>
      <c r="F40183" s="14" t="s">
        <v>15</v>
      </c>
      <c r="G40183" s="16">
        <v>0.26510736554652442</v>
      </c>
    </row>
    <row r="40184" spans="1:7" x14ac:dyDescent="0.3">
      <c r="A40184" s="13" t="s">
        <v>240</v>
      </c>
      <c r="B40184" s="14" t="s">
        <v>1</v>
      </c>
      <c r="C40184" s="14" t="s">
        <v>238</v>
      </c>
      <c r="D40184" s="14" t="s">
        <v>241</v>
      </c>
      <c r="E40184" s="15">
        <v>45410</v>
      </c>
      <c r="F40184" s="14" t="s">
        <v>15</v>
      </c>
      <c r="G40184" s="16">
        <v>0.26510736554652442</v>
      </c>
    </row>
    <row r="40185" spans="1:7" x14ac:dyDescent="0.3">
      <c r="A40185" s="13" t="s">
        <v>240</v>
      </c>
      <c r="B40185" s="14" t="s">
        <v>1</v>
      </c>
      <c r="C40185" s="14" t="s">
        <v>238</v>
      </c>
      <c r="D40185" s="14" t="s">
        <v>241</v>
      </c>
      <c r="E40185" s="15">
        <v>45411</v>
      </c>
      <c r="F40185" s="14" t="s">
        <v>15</v>
      </c>
      <c r="G40185" s="16">
        <v>0.27503397000362595</v>
      </c>
    </row>
    <row r="40186" spans="1:7" x14ac:dyDescent="0.3">
      <c r="A40186" s="13" t="s">
        <v>240</v>
      </c>
      <c r="B40186" s="14" t="s">
        <v>1</v>
      </c>
      <c r="C40186" s="14" t="s">
        <v>238</v>
      </c>
      <c r="D40186" s="14" t="s">
        <v>241</v>
      </c>
      <c r="E40186" s="15">
        <v>45412</v>
      </c>
      <c r="F40186" s="14" t="s">
        <v>15</v>
      </c>
      <c r="G40186" s="16">
        <v>0.30147659261058718</v>
      </c>
    </row>
    <row r="40187" spans="1:7" x14ac:dyDescent="0.3">
      <c r="A40187" s="13" t="s">
        <v>240</v>
      </c>
      <c r="B40187" s="14" t="s">
        <v>1</v>
      </c>
      <c r="C40187" s="14" t="s">
        <v>238</v>
      </c>
      <c r="D40187" s="14" t="s">
        <v>241</v>
      </c>
      <c r="E40187" s="15">
        <v>45413</v>
      </c>
      <c r="F40187" s="14" t="s">
        <v>15</v>
      </c>
      <c r="G40187" s="16">
        <v>0.30147659261058718</v>
      </c>
    </row>
    <row r="40188" spans="1:7" x14ac:dyDescent="0.3">
      <c r="A40188" s="13" t="s">
        <v>240</v>
      </c>
      <c r="B40188" s="14" t="s">
        <v>1</v>
      </c>
      <c r="C40188" s="14" t="s">
        <v>238</v>
      </c>
      <c r="D40188" s="14" t="s">
        <v>241</v>
      </c>
      <c r="E40188" s="15">
        <v>45414</v>
      </c>
      <c r="F40188" s="14" t="s">
        <v>15</v>
      </c>
      <c r="G40188" s="16">
        <v>0.31244565717234624</v>
      </c>
    </row>
    <row r="40189" spans="1:7" x14ac:dyDescent="0.3">
      <c r="A40189" s="13" t="s">
        <v>240</v>
      </c>
      <c r="B40189" s="14" t="s">
        <v>1</v>
      </c>
      <c r="C40189" s="14" t="s">
        <v>238</v>
      </c>
      <c r="D40189" s="14" t="s">
        <v>241</v>
      </c>
      <c r="E40189" s="15">
        <v>45415</v>
      </c>
      <c r="F40189" s="14" t="s">
        <v>15</v>
      </c>
      <c r="G40189" s="16">
        <v>0.33250074920334527</v>
      </c>
    </row>
    <row r="40190" spans="1:7" x14ac:dyDescent="0.3">
      <c r="A40190" s="13" t="s">
        <v>240</v>
      </c>
      <c r="B40190" s="14" t="s">
        <v>1</v>
      </c>
      <c r="C40190" s="14" t="s">
        <v>238</v>
      </c>
      <c r="D40190" s="14" t="s">
        <v>241</v>
      </c>
      <c r="E40190" s="15">
        <v>45416</v>
      </c>
      <c r="F40190" s="14" t="s">
        <v>15</v>
      </c>
      <c r="G40190" s="16">
        <v>0.33250074920334527</v>
      </c>
    </row>
    <row r="40191" spans="1:7" x14ac:dyDescent="0.3">
      <c r="A40191" s="13" t="s">
        <v>240</v>
      </c>
      <c r="B40191" s="14" t="s">
        <v>1</v>
      </c>
      <c r="C40191" s="14" t="s">
        <v>238</v>
      </c>
      <c r="D40191" s="14" t="s">
        <v>241</v>
      </c>
      <c r="E40191" s="15">
        <v>45417</v>
      </c>
      <c r="F40191" s="14" t="s">
        <v>15</v>
      </c>
      <c r="G40191" s="16">
        <v>0.33250074920334527</v>
      </c>
    </row>
    <row r="40192" spans="1:7" x14ac:dyDescent="0.3">
      <c r="A40192" s="13" t="s">
        <v>240</v>
      </c>
      <c r="B40192" s="14" t="s">
        <v>1</v>
      </c>
      <c r="C40192" s="14" t="s">
        <v>238</v>
      </c>
      <c r="D40192" s="14" t="s">
        <v>241</v>
      </c>
      <c r="E40192" s="15">
        <v>45418</v>
      </c>
      <c r="F40192" s="14" t="s">
        <v>15</v>
      </c>
      <c r="G40192" s="16">
        <v>0.33250074920334527</v>
      </c>
    </row>
    <row r="40193" spans="1:7" x14ac:dyDescent="0.3">
      <c r="A40193" s="13" t="s">
        <v>240</v>
      </c>
      <c r="B40193" s="14" t="s">
        <v>1</v>
      </c>
      <c r="C40193" s="14" t="s">
        <v>238</v>
      </c>
      <c r="D40193" s="14" t="s">
        <v>241</v>
      </c>
      <c r="E40193" s="15">
        <v>45419</v>
      </c>
      <c r="F40193" s="14" t="s">
        <v>15</v>
      </c>
      <c r="G40193" s="16">
        <v>0.34164775134936332</v>
      </c>
    </row>
    <row r="40194" spans="1:7" x14ac:dyDescent="0.3">
      <c r="A40194" s="13" t="s">
        <v>240</v>
      </c>
      <c r="B40194" s="14" t="s">
        <v>1</v>
      </c>
      <c r="C40194" s="14" t="s">
        <v>238</v>
      </c>
      <c r="D40194" s="14" t="s">
        <v>241</v>
      </c>
      <c r="E40194" s="15">
        <v>45420</v>
      </c>
      <c r="F40194" s="14" t="s">
        <v>15</v>
      </c>
      <c r="G40194" s="16">
        <v>0.37838268602551406</v>
      </c>
    </row>
    <row r="40195" spans="1:7" x14ac:dyDescent="0.3">
      <c r="A40195" s="13" t="s">
        <v>240</v>
      </c>
      <c r="B40195" s="14" t="s">
        <v>1</v>
      </c>
      <c r="C40195" s="14" t="s">
        <v>238</v>
      </c>
      <c r="D40195" s="14" t="s">
        <v>241</v>
      </c>
      <c r="E40195" s="15">
        <v>45421</v>
      </c>
      <c r="F40195" s="14" t="s">
        <v>15</v>
      </c>
      <c r="G40195" s="16">
        <v>0.37838268602551406</v>
      </c>
    </row>
    <row r="40196" spans="1:7" x14ac:dyDescent="0.3">
      <c r="A40196" s="13" t="s">
        <v>240</v>
      </c>
      <c r="B40196" s="14" t="s">
        <v>1</v>
      </c>
      <c r="C40196" s="14" t="s">
        <v>238</v>
      </c>
      <c r="D40196" s="14" t="s">
        <v>241</v>
      </c>
      <c r="E40196" s="15">
        <v>45422</v>
      </c>
      <c r="F40196" s="14" t="s">
        <v>15</v>
      </c>
      <c r="G40196" s="16">
        <v>0.38841115636981749</v>
      </c>
    </row>
    <row r="40197" spans="1:7" x14ac:dyDescent="0.3">
      <c r="A40197" s="13" t="s">
        <v>240</v>
      </c>
      <c r="B40197" s="14" t="s">
        <v>1</v>
      </c>
      <c r="C40197" s="14" t="s">
        <v>238</v>
      </c>
      <c r="D40197" s="14" t="s">
        <v>241</v>
      </c>
      <c r="E40197" s="15">
        <v>45423</v>
      </c>
      <c r="F40197" s="14" t="s">
        <v>15</v>
      </c>
      <c r="G40197" s="16">
        <v>0.38841115636981749</v>
      </c>
    </row>
    <row r="40198" spans="1:7" x14ac:dyDescent="0.3">
      <c r="A40198" s="13" t="s">
        <v>240</v>
      </c>
      <c r="B40198" s="14" t="s">
        <v>1</v>
      </c>
      <c r="C40198" s="14" t="s">
        <v>238</v>
      </c>
      <c r="D40198" s="14" t="s">
        <v>241</v>
      </c>
      <c r="E40198" s="15">
        <v>45424</v>
      </c>
      <c r="F40198" s="14" t="s">
        <v>15</v>
      </c>
      <c r="G40198" s="16">
        <v>0.38841115636981749</v>
      </c>
    </row>
    <row r="40199" spans="1:7" x14ac:dyDescent="0.3">
      <c r="A40199" s="13" t="s">
        <v>240</v>
      </c>
      <c r="B40199" s="14" t="s">
        <v>1</v>
      </c>
      <c r="C40199" s="14" t="s">
        <v>238</v>
      </c>
      <c r="D40199" s="14" t="s">
        <v>241</v>
      </c>
      <c r="E40199" s="15">
        <v>45425</v>
      </c>
      <c r="F40199" s="14" t="s">
        <v>15</v>
      </c>
      <c r="G40199" s="16">
        <v>0.40367552918349325</v>
      </c>
    </row>
    <row r="40200" spans="1:7" x14ac:dyDescent="0.3">
      <c r="A40200" s="13" t="s">
        <v>240</v>
      </c>
      <c r="B40200" s="14" t="s">
        <v>1</v>
      </c>
      <c r="C40200" s="14" t="s">
        <v>238</v>
      </c>
      <c r="D40200" s="14" t="s">
        <v>241</v>
      </c>
      <c r="E40200" s="15">
        <v>45426</v>
      </c>
      <c r="F40200" s="14" t="s">
        <v>15</v>
      </c>
      <c r="G40200" s="16">
        <v>0.43273189256326478</v>
      </c>
    </row>
    <row r="40201" spans="1:7" x14ac:dyDescent="0.3">
      <c r="A40201" s="13" t="s">
        <v>240</v>
      </c>
      <c r="B40201" s="14" t="s">
        <v>1</v>
      </c>
      <c r="C40201" s="14" t="s">
        <v>238</v>
      </c>
      <c r="D40201" s="14" t="s">
        <v>241</v>
      </c>
      <c r="E40201" s="15">
        <v>45427</v>
      </c>
      <c r="F40201" s="14" t="s">
        <v>15</v>
      </c>
      <c r="G40201" s="16">
        <v>0.44454794812538379</v>
      </c>
    </row>
    <row r="40202" spans="1:7" x14ac:dyDescent="0.3">
      <c r="A40202" s="13" t="s">
        <v>240</v>
      </c>
      <c r="B40202" s="14" t="s">
        <v>1</v>
      </c>
      <c r="C40202" s="14" t="s">
        <v>238</v>
      </c>
      <c r="D40202" s="14" t="s">
        <v>241</v>
      </c>
      <c r="E40202" s="15">
        <v>45428</v>
      </c>
      <c r="F40202" s="14" t="s">
        <v>15</v>
      </c>
      <c r="G40202" s="16">
        <v>0.45303089054650342</v>
      </c>
    </row>
    <row r="40203" spans="1:7" x14ac:dyDescent="0.3">
      <c r="A40203" s="13" t="s">
        <v>240</v>
      </c>
      <c r="B40203" s="14" t="s">
        <v>1</v>
      </c>
      <c r="C40203" s="14" t="s">
        <v>238</v>
      </c>
      <c r="D40203" s="14" t="s">
        <v>241</v>
      </c>
      <c r="E40203" s="15">
        <v>45429</v>
      </c>
      <c r="F40203" s="14" t="s">
        <v>15</v>
      </c>
      <c r="G40203" s="16">
        <v>0.46234953896022951</v>
      </c>
    </row>
    <row r="40204" spans="1:7" x14ac:dyDescent="0.3">
      <c r="A40204" s="13" t="s">
        <v>240</v>
      </c>
      <c r="B40204" s="14" t="s">
        <v>1</v>
      </c>
      <c r="C40204" s="14" t="s">
        <v>238</v>
      </c>
      <c r="D40204" s="14" t="s">
        <v>241</v>
      </c>
      <c r="E40204" s="15">
        <v>45430</v>
      </c>
      <c r="F40204" s="14" t="s">
        <v>15</v>
      </c>
      <c r="G40204" s="16">
        <v>0.46234953896022951</v>
      </c>
    </row>
    <row r="40205" spans="1:7" x14ac:dyDescent="0.3">
      <c r="A40205" s="13" t="s">
        <v>240</v>
      </c>
      <c r="B40205" s="14" t="s">
        <v>1</v>
      </c>
      <c r="C40205" s="14" t="s">
        <v>238</v>
      </c>
      <c r="D40205" s="14" t="s">
        <v>241</v>
      </c>
      <c r="E40205" s="15">
        <v>45431</v>
      </c>
      <c r="F40205" s="14" t="s">
        <v>15</v>
      </c>
      <c r="G40205" s="16">
        <v>0.46234953896022951</v>
      </c>
    </row>
    <row r="40206" spans="1:7" x14ac:dyDescent="0.3">
      <c r="A40206" s="13" t="s">
        <v>240</v>
      </c>
      <c r="B40206" s="14" t="s">
        <v>1</v>
      </c>
      <c r="C40206" s="14" t="s">
        <v>238</v>
      </c>
      <c r="D40206" s="14" t="s">
        <v>241</v>
      </c>
      <c r="E40206" s="15">
        <v>45432</v>
      </c>
      <c r="F40206" s="14" t="s">
        <v>15</v>
      </c>
      <c r="G40206" s="16">
        <v>0.46234953896022951</v>
      </c>
    </row>
    <row r="40207" spans="1:7" x14ac:dyDescent="0.3">
      <c r="A40207" s="13" t="s">
        <v>240</v>
      </c>
      <c r="B40207" s="14" t="s">
        <v>1</v>
      </c>
      <c r="C40207" s="14" t="s">
        <v>238</v>
      </c>
      <c r="D40207" s="14" t="s">
        <v>241</v>
      </c>
      <c r="E40207" s="15">
        <v>45433</v>
      </c>
      <c r="F40207" s="14" t="s">
        <v>15</v>
      </c>
      <c r="G40207" s="16">
        <v>0.4707867684950704</v>
      </c>
    </row>
    <row r="40208" spans="1:7" x14ac:dyDescent="0.3">
      <c r="A40208" s="13" t="s">
        <v>240</v>
      </c>
      <c r="B40208" s="14" t="s">
        <v>1</v>
      </c>
      <c r="C40208" s="14" t="s">
        <v>238</v>
      </c>
      <c r="D40208" s="14" t="s">
        <v>241</v>
      </c>
      <c r="E40208" s="15">
        <v>45434</v>
      </c>
      <c r="F40208" s="14" t="s">
        <v>15</v>
      </c>
      <c r="G40208" s="16">
        <v>0.50659445140988479</v>
      </c>
    </row>
    <row r="40209" spans="1:7" x14ac:dyDescent="0.3">
      <c r="A40209" s="13" t="s">
        <v>240</v>
      </c>
      <c r="B40209" s="14" t="s">
        <v>1</v>
      </c>
      <c r="C40209" s="14" t="s">
        <v>238</v>
      </c>
      <c r="D40209" s="14" t="s">
        <v>241</v>
      </c>
      <c r="E40209" s="15">
        <v>45435</v>
      </c>
      <c r="F40209" s="14" t="s">
        <v>15</v>
      </c>
      <c r="G40209" s="16">
        <v>0.51540054290096449</v>
      </c>
    </row>
    <row r="40210" spans="1:7" x14ac:dyDescent="0.3">
      <c r="A40210" s="13" t="s">
        <v>240</v>
      </c>
      <c r="B40210" s="14" t="s">
        <v>1</v>
      </c>
      <c r="C40210" s="14" t="s">
        <v>238</v>
      </c>
      <c r="D40210" s="14" t="s">
        <v>241</v>
      </c>
      <c r="E40210" s="15">
        <v>45436</v>
      </c>
      <c r="F40210" s="14" t="s">
        <v>15</v>
      </c>
      <c r="G40210" s="16">
        <v>0.52632233887879121</v>
      </c>
    </row>
    <row r="40211" spans="1:7" x14ac:dyDescent="0.3">
      <c r="A40211" s="13" t="s">
        <v>240</v>
      </c>
      <c r="B40211" s="14" t="s">
        <v>1</v>
      </c>
      <c r="C40211" s="14" t="s">
        <v>238</v>
      </c>
      <c r="D40211" s="14" t="s">
        <v>241</v>
      </c>
      <c r="E40211" s="15">
        <v>45437</v>
      </c>
      <c r="F40211" s="14" t="s">
        <v>15</v>
      </c>
      <c r="G40211" s="16">
        <v>0.52632233887879121</v>
      </c>
    </row>
    <row r="40212" spans="1:7" x14ac:dyDescent="0.3">
      <c r="A40212" s="13" t="s">
        <v>240</v>
      </c>
      <c r="B40212" s="14" t="s">
        <v>1</v>
      </c>
      <c r="C40212" s="14" t="s">
        <v>238</v>
      </c>
      <c r="D40212" s="14" t="s">
        <v>241</v>
      </c>
      <c r="E40212" s="15">
        <v>45438</v>
      </c>
      <c r="F40212" s="14" t="s">
        <v>15</v>
      </c>
      <c r="G40212" s="16">
        <v>0.52632233887879121</v>
      </c>
    </row>
    <row r="40213" spans="1:7" x14ac:dyDescent="0.3">
      <c r="A40213" s="13" t="s">
        <v>240</v>
      </c>
      <c r="B40213" s="14" t="s">
        <v>1</v>
      </c>
      <c r="C40213" s="14" t="s">
        <v>238</v>
      </c>
      <c r="D40213" s="14" t="s">
        <v>241</v>
      </c>
      <c r="E40213" s="15">
        <v>45439</v>
      </c>
      <c r="F40213" s="14" t="s">
        <v>15</v>
      </c>
      <c r="G40213" s="16">
        <v>0.53612028326331973</v>
      </c>
    </row>
    <row r="40214" spans="1:7" x14ac:dyDescent="0.3">
      <c r="A40214" s="13" t="s">
        <v>240</v>
      </c>
      <c r="B40214" s="14" t="s">
        <v>1</v>
      </c>
      <c r="C40214" s="14" t="s">
        <v>238</v>
      </c>
      <c r="D40214" s="14" t="s">
        <v>241</v>
      </c>
      <c r="E40214" s="15">
        <v>45440</v>
      </c>
      <c r="F40214" s="14" t="s">
        <v>15</v>
      </c>
      <c r="G40214" s="16">
        <v>0.56403291518559351</v>
      </c>
    </row>
    <row r="40215" spans="1:7" x14ac:dyDescent="0.3">
      <c r="A40215" s="13" t="s">
        <v>240</v>
      </c>
      <c r="B40215" s="14" t="s">
        <v>1</v>
      </c>
      <c r="C40215" s="14" t="s">
        <v>238</v>
      </c>
      <c r="D40215" s="14" t="s">
        <v>241</v>
      </c>
      <c r="E40215" s="15">
        <v>45441</v>
      </c>
      <c r="F40215" s="14" t="s">
        <v>15</v>
      </c>
      <c r="G40215" s="16">
        <v>0.57045754932937665</v>
      </c>
    </row>
    <row r="40216" spans="1:7" x14ac:dyDescent="0.3">
      <c r="A40216" s="13" t="s">
        <v>240</v>
      </c>
      <c r="B40216" s="14" t="s">
        <v>1</v>
      </c>
      <c r="C40216" s="14" t="s">
        <v>238</v>
      </c>
      <c r="D40216" s="14" t="s">
        <v>241</v>
      </c>
      <c r="E40216" s="15">
        <v>45442</v>
      </c>
      <c r="F40216" s="14" t="s">
        <v>15</v>
      </c>
      <c r="G40216" s="16">
        <v>0.57443618673792418</v>
      </c>
    </row>
    <row r="40217" spans="1:7" x14ac:dyDescent="0.3">
      <c r="A40217" s="13" t="s">
        <v>240</v>
      </c>
      <c r="B40217" s="14" t="s">
        <v>1</v>
      </c>
      <c r="C40217" s="14" t="s">
        <v>238</v>
      </c>
      <c r="D40217" s="14" t="s">
        <v>241</v>
      </c>
      <c r="E40217" s="15">
        <v>45443</v>
      </c>
      <c r="F40217" s="14" t="s">
        <v>15</v>
      </c>
      <c r="G40217" s="16">
        <v>0.58432541966349993</v>
      </c>
    </row>
    <row r="40218" spans="1:7" x14ac:dyDescent="0.3">
      <c r="A40218" s="13" t="s">
        <v>240</v>
      </c>
      <c r="B40218" s="14" t="s">
        <v>1</v>
      </c>
      <c r="C40218" s="14" t="s">
        <v>238</v>
      </c>
      <c r="D40218" s="14" t="s">
        <v>241</v>
      </c>
      <c r="E40218" s="15">
        <v>45444</v>
      </c>
      <c r="F40218" s="14" t="s">
        <v>15</v>
      </c>
      <c r="G40218" s="16">
        <v>0.58432541966349993</v>
      </c>
    </row>
    <row r="40219" spans="1:7" x14ac:dyDescent="0.3">
      <c r="A40219" s="13" t="s">
        <v>240</v>
      </c>
      <c r="B40219" s="14" t="s">
        <v>1</v>
      </c>
      <c r="C40219" s="14" t="s">
        <v>238</v>
      </c>
      <c r="D40219" s="14" t="s">
        <v>241</v>
      </c>
      <c r="E40219" s="15">
        <v>45445</v>
      </c>
      <c r="F40219" s="14" t="s">
        <v>15</v>
      </c>
      <c r="G40219" s="16">
        <v>0.58432541966349993</v>
      </c>
    </row>
    <row r="40220" spans="1:7" x14ac:dyDescent="0.3">
      <c r="A40220" s="13" t="s">
        <v>240</v>
      </c>
      <c r="B40220" s="14" t="s">
        <v>1</v>
      </c>
      <c r="C40220" s="14" t="s">
        <v>238</v>
      </c>
      <c r="D40220" s="14" t="s">
        <v>241</v>
      </c>
      <c r="E40220" s="15">
        <v>45446</v>
      </c>
      <c r="F40220" s="14" t="s">
        <v>15</v>
      </c>
      <c r="G40220" s="16">
        <v>0.58432541966349993</v>
      </c>
    </row>
    <row r="40221" spans="1:7" x14ac:dyDescent="0.3">
      <c r="A40221" s="13" t="s">
        <v>240</v>
      </c>
      <c r="B40221" s="14" t="s">
        <v>1</v>
      </c>
      <c r="C40221" s="14" t="s">
        <v>238</v>
      </c>
      <c r="D40221" s="14" t="s">
        <v>241</v>
      </c>
      <c r="E40221" s="15">
        <v>45447</v>
      </c>
      <c r="F40221" s="14" t="s">
        <v>15</v>
      </c>
      <c r="G40221" s="16">
        <v>0.59570157594012341</v>
      </c>
    </row>
    <row r="40222" spans="1:7" x14ac:dyDescent="0.3">
      <c r="A40222" s="13" t="s">
        <v>240</v>
      </c>
      <c r="B40222" s="14" t="s">
        <v>1</v>
      </c>
      <c r="C40222" s="14" t="s">
        <v>238</v>
      </c>
      <c r="D40222" s="14" t="s">
        <v>241</v>
      </c>
      <c r="E40222" s="15">
        <v>45448</v>
      </c>
      <c r="F40222" s="14" t="s">
        <v>15</v>
      </c>
      <c r="G40222" s="16">
        <v>0.63288644366902647</v>
      </c>
    </row>
    <row r="40223" spans="1:7" x14ac:dyDescent="0.3">
      <c r="A40223" s="13" t="s">
        <v>240</v>
      </c>
      <c r="B40223" s="14" t="s">
        <v>1</v>
      </c>
      <c r="C40223" s="14" t="s">
        <v>238</v>
      </c>
      <c r="D40223" s="14" t="s">
        <v>241</v>
      </c>
      <c r="E40223" s="15">
        <v>45449</v>
      </c>
      <c r="F40223" s="14" t="s">
        <v>15</v>
      </c>
      <c r="G40223" s="16">
        <v>0.64346156277705258</v>
      </c>
    </row>
    <row r="40224" spans="1:7" x14ac:dyDescent="0.3">
      <c r="A40224" s="13" t="s">
        <v>240</v>
      </c>
      <c r="B40224" s="14" t="s">
        <v>1</v>
      </c>
      <c r="C40224" s="14" t="s">
        <v>238</v>
      </c>
      <c r="D40224" s="14" t="s">
        <v>241</v>
      </c>
      <c r="E40224" s="15">
        <v>45450</v>
      </c>
      <c r="F40224" s="14" t="s">
        <v>15</v>
      </c>
      <c r="G40224" s="16">
        <v>0.64752366677739182</v>
      </c>
    </row>
    <row r="40225" spans="1:7" x14ac:dyDescent="0.3">
      <c r="A40225" s="13" t="s">
        <v>240</v>
      </c>
      <c r="B40225" s="14" t="s">
        <v>1</v>
      </c>
      <c r="C40225" s="14" t="s">
        <v>238</v>
      </c>
      <c r="D40225" s="14" t="s">
        <v>241</v>
      </c>
      <c r="E40225" s="15">
        <v>45451</v>
      </c>
      <c r="F40225" s="14" t="s">
        <v>15</v>
      </c>
      <c r="G40225" s="16">
        <v>0.64752366677739182</v>
      </c>
    </row>
    <row r="40226" spans="1:7" x14ac:dyDescent="0.3">
      <c r="A40226" s="13" t="s">
        <v>240</v>
      </c>
      <c r="B40226" s="14" t="s">
        <v>1</v>
      </c>
      <c r="C40226" s="14" t="s">
        <v>238</v>
      </c>
      <c r="D40226" s="14" t="s">
        <v>241</v>
      </c>
      <c r="E40226" s="15">
        <v>45452</v>
      </c>
      <c r="F40226" s="14" t="s">
        <v>15</v>
      </c>
      <c r="G40226" s="16">
        <v>0.64752366677739182</v>
      </c>
    </row>
    <row r="40227" spans="1:7" x14ac:dyDescent="0.3">
      <c r="A40227" s="13" t="s">
        <v>240</v>
      </c>
      <c r="B40227" s="14" t="s">
        <v>1</v>
      </c>
      <c r="C40227" s="14" t="s">
        <v>238</v>
      </c>
      <c r="D40227" s="14" t="s">
        <v>241</v>
      </c>
      <c r="E40227" s="15">
        <v>45453</v>
      </c>
      <c r="F40227" s="14" t="s">
        <v>15</v>
      </c>
      <c r="G40227" s="16">
        <v>0.65514750026020885</v>
      </c>
    </row>
    <row r="40228" spans="1:7" x14ac:dyDescent="0.3">
      <c r="A40228" s="13" t="s">
        <v>240</v>
      </c>
      <c r="B40228" s="14" t="s">
        <v>1</v>
      </c>
      <c r="C40228" s="14" t="s">
        <v>238</v>
      </c>
      <c r="D40228" s="14" t="s">
        <v>241</v>
      </c>
      <c r="E40228" s="15">
        <v>45454</v>
      </c>
      <c r="F40228" s="14" t="s">
        <v>15</v>
      </c>
      <c r="G40228" s="16">
        <v>0.68152701346474998</v>
      </c>
    </row>
    <row r="40229" spans="1:7" x14ac:dyDescent="0.3">
      <c r="A40229" s="13" t="s">
        <v>240</v>
      </c>
      <c r="B40229" s="14" t="s">
        <v>1</v>
      </c>
      <c r="C40229" s="14" t="s">
        <v>238</v>
      </c>
      <c r="D40229" s="14" t="s">
        <v>241</v>
      </c>
      <c r="E40229" s="15">
        <v>45455</v>
      </c>
      <c r="F40229" s="14" t="s">
        <v>15</v>
      </c>
      <c r="G40229" s="16">
        <v>0.69500798748882275</v>
      </c>
    </row>
    <row r="40230" spans="1:7" x14ac:dyDescent="0.3">
      <c r="A40230" s="13" t="s">
        <v>240</v>
      </c>
      <c r="B40230" s="14" t="s">
        <v>1</v>
      </c>
      <c r="C40230" s="14" t="s">
        <v>238</v>
      </c>
      <c r="D40230" s="14" t="s">
        <v>241</v>
      </c>
      <c r="E40230" s="15">
        <v>45456</v>
      </c>
      <c r="F40230" s="14" t="s">
        <v>15</v>
      </c>
      <c r="G40230" s="16">
        <v>0.69971892675075098</v>
      </c>
    </row>
    <row r="40231" spans="1:7" x14ac:dyDescent="0.3">
      <c r="A40231" s="13" t="s">
        <v>240</v>
      </c>
      <c r="B40231" s="14" t="s">
        <v>1</v>
      </c>
      <c r="C40231" s="14" t="s">
        <v>238</v>
      </c>
      <c r="D40231" s="14" t="s">
        <v>241</v>
      </c>
      <c r="E40231" s="15">
        <v>45457</v>
      </c>
      <c r="F40231" s="14" t="s">
        <v>15</v>
      </c>
      <c r="G40231" s="16">
        <v>0.70667851149750671</v>
      </c>
    </row>
    <row r="40232" spans="1:7" x14ac:dyDescent="0.3">
      <c r="A40232" s="13" t="s">
        <v>240</v>
      </c>
      <c r="B40232" s="14" t="s">
        <v>1</v>
      </c>
      <c r="C40232" s="14" t="s">
        <v>238</v>
      </c>
      <c r="D40232" s="14" t="s">
        <v>241</v>
      </c>
      <c r="E40232" s="15">
        <v>45458</v>
      </c>
      <c r="F40232" s="14" t="s">
        <v>15</v>
      </c>
      <c r="G40232" s="16">
        <v>0.70667851149750671</v>
      </c>
    </row>
    <row r="40233" spans="1:7" x14ac:dyDescent="0.3">
      <c r="A40233" s="13" t="s">
        <v>240</v>
      </c>
      <c r="B40233" s="14" t="s">
        <v>1</v>
      </c>
      <c r="C40233" s="14" t="s">
        <v>238</v>
      </c>
      <c r="D40233" s="14" t="s">
        <v>241</v>
      </c>
      <c r="E40233" s="15">
        <v>45459</v>
      </c>
      <c r="F40233" s="14" t="s">
        <v>15</v>
      </c>
      <c r="G40233" s="16">
        <v>0.70667851149750671</v>
      </c>
    </row>
    <row r="40234" spans="1:7" x14ac:dyDescent="0.3">
      <c r="A40234" s="13" t="s">
        <v>240</v>
      </c>
      <c r="B40234" s="14" t="s">
        <v>1</v>
      </c>
      <c r="C40234" s="14" t="s">
        <v>238</v>
      </c>
      <c r="D40234" s="14" t="s">
        <v>241</v>
      </c>
      <c r="E40234" s="15">
        <v>45460</v>
      </c>
      <c r="F40234" s="14" t="s">
        <v>15</v>
      </c>
      <c r="G40234" s="16">
        <v>0.71801632971185814</v>
      </c>
    </row>
    <row r="40235" spans="1:7" x14ac:dyDescent="0.3">
      <c r="A40235" s="13" t="s">
        <v>240</v>
      </c>
      <c r="B40235" s="14" t="s">
        <v>1</v>
      </c>
      <c r="C40235" s="14" t="s">
        <v>238</v>
      </c>
      <c r="D40235" s="14" t="s">
        <v>241</v>
      </c>
      <c r="E40235" s="15">
        <v>45461</v>
      </c>
      <c r="F40235" s="14" t="s">
        <v>15</v>
      </c>
      <c r="G40235" s="16">
        <v>0.74672650415236463</v>
      </c>
    </row>
    <row r="40236" spans="1:7" x14ac:dyDescent="0.3">
      <c r="A40236" s="13" t="s">
        <v>240</v>
      </c>
      <c r="B40236" s="14" t="s">
        <v>1</v>
      </c>
      <c r="C40236" s="14" t="s">
        <v>238</v>
      </c>
      <c r="D40236" s="14" t="s">
        <v>241</v>
      </c>
      <c r="E40236" s="15">
        <v>45462</v>
      </c>
      <c r="F40236" s="14" t="s">
        <v>15</v>
      </c>
      <c r="G40236" s="16">
        <v>0.75636877525833413</v>
      </c>
    </row>
    <row r="40237" spans="1:7" x14ac:dyDescent="0.3">
      <c r="A40237" s="13" t="s">
        <v>240</v>
      </c>
      <c r="B40237" s="14" t="s">
        <v>1</v>
      </c>
      <c r="C40237" s="14" t="s">
        <v>238</v>
      </c>
      <c r="D40237" s="14" t="s">
        <v>241</v>
      </c>
      <c r="E40237" s="15">
        <v>45463</v>
      </c>
      <c r="F40237" s="14" t="s">
        <v>15</v>
      </c>
      <c r="G40237" s="16">
        <v>0.76262771700914167</v>
      </c>
    </row>
    <row r="40238" spans="1:7" x14ac:dyDescent="0.3">
      <c r="A40238" s="13" t="s">
        <v>240</v>
      </c>
      <c r="B40238" s="14" t="s">
        <v>1</v>
      </c>
      <c r="C40238" s="14" t="s">
        <v>238</v>
      </c>
      <c r="D40238" s="14" t="s">
        <v>241</v>
      </c>
      <c r="E40238" s="15">
        <v>45464</v>
      </c>
      <c r="F40238" s="14" t="s">
        <v>15</v>
      </c>
      <c r="G40238" s="16">
        <v>0.77124475542326931</v>
      </c>
    </row>
    <row r="40239" spans="1:7" x14ac:dyDescent="0.3">
      <c r="A40239" s="13" t="s">
        <v>240</v>
      </c>
      <c r="B40239" s="14" t="s">
        <v>1</v>
      </c>
      <c r="C40239" s="14" t="s">
        <v>238</v>
      </c>
      <c r="D40239" s="14" t="s">
        <v>241</v>
      </c>
      <c r="E40239" s="15">
        <v>45465</v>
      </c>
      <c r="F40239" s="14" t="s">
        <v>15</v>
      </c>
      <c r="G40239" s="16">
        <v>0.77124475542326931</v>
      </c>
    </row>
    <row r="40240" spans="1:7" x14ac:dyDescent="0.3">
      <c r="A40240" s="13" t="s">
        <v>240</v>
      </c>
      <c r="B40240" s="14" t="s">
        <v>1</v>
      </c>
      <c r="C40240" s="14" t="s">
        <v>238</v>
      </c>
      <c r="D40240" s="14" t="s">
        <v>241</v>
      </c>
      <c r="E40240" s="15">
        <v>45466</v>
      </c>
      <c r="F40240" s="14" t="s">
        <v>15</v>
      </c>
      <c r="G40240" s="16">
        <v>0.77124475542326931</v>
      </c>
    </row>
    <row r="40241" spans="1:7" x14ac:dyDescent="0.3">
      <c r="A40241" s="13" t="s">
        <v>240</v>
      </c>
      <c r="B40241" s="14" t="s">
        <v>1</v>
      </c>
      <c r="C40241" s="14" t="s">
        <v>238</v>
      </c>
      <c r="D40241" s="14" t="s">
        <v>241</v>
      </c>
      <c r="E40241" s="15">
        <v>45467</v>
      </c>
      <c r="F40241" s="14" t="s">
        <v>15</v>
      </c>
      <c r="G40241" s="16">
        <v>0.78883034814419661</v>
      </c>
    </row>
    <row r="40242" spans="1:7" x14ac:dyDescent="0.3">
      <c r="A40242" s="13" t="s">
        <v>240</v>
      </c>
      <c r="B40242" s="14" t="s">
        <v>1</v>
      </c>
      <c r="C40242" s="14" t="s">
        <v>238</v>
      </c>
      <c r="D40242" s="14" t="s">
        <v>241</v>
      </c>
      <c r="E40242" s="15">
        <v>45468</v>
      </c>
      <c r="F40242" s="14" t="s">
        <v>15</v>
      </c>
      <c r="G40242" s="16">
        <v>0.81768982574313431</v>
      </c>
    </row>
    <row r="40243" spans="1:7" x14ac:dyDescent="0.3">
      <c r="A40243" s="13" t="s">
        <v>240</v>
      </c>
      <c r="B40243" s="14" t="s">
        <v>1</v>
      </c>
      <c r="C40243" s="14" t="s">
        <v>238</v>
      </c>
      <c r="D40243" s="14" t="s">
        <v>241</v>
      </c>
      <c r="E40243" s="15">
        <v>45469</v>
      </c>
      <c r="F40243" s="14" t="s">
        <v>15</v>
      </c>
      <c r="G40243" s="16">
        <v>0.82437289996990248</v>
      </c>
    </row>
    <row r="40244" spans="1:7" x14ac:dyDescent="0.3">
      <c r="A40244" s="13" t="s">
        <v>240</v>
      </c>
      <c r="B40244" s="14" t="s">
        <v>1</v>
      </c>
      <c r="C40244" s="14" t="s">
        <v>238</v>
      </c>
      <c r="D40244" s="14" t="s">
        <v>241</v>
      </c>
      <c r="E40244" s="15">
        <v>45470</v>
      </c>
      <c r="F40244" s="14" t="s">
        <v>15</v>
      </c>
      <c r="G40244" s="16">
        <v>0.83556988863408144</v>
      </c>
    </row>
    <row r="40245" spans="1:7" x14ac:dyDescent="0.3">
      <c r="A40245" s="13" t="s">
        <v>240</v>
      </c>
      <c r="B40245" s="14" t="s">
        <v>1</v>
      </c>
      <c r="C40245" s="14" t="s">
        <v>238</v>
      </c>
      <c r="D40245" s="14" t="s">
        <v>241</v>
      </c>
      <c r="E40245" s="15">
        <v>45471</v>
      </c>
      <c r="F40245" s="14" t="s">
        <v>15</v>
      </c>
      <c r="G40245" s="16">
        <v>0.84585912138269448</v>
      </c>
    </row>
    <row r="40246" spans="1:7" x14ac:dyDescent="0.3">
      <c r="A40246" s="13" t="s">
        <v>240</v>
      </c>
      <c r="B40246" s="14" t="s">
        <v>1</v>
      </c>
      <c r="C40246" s="14" t="s">
        <v>238</v>
      </c>
      <c r="D40246" s="14" t="s">
        <v>241</v>
      </c>
      <c r="E40246" s="15">
        <v>45472</v>
      </c>
      <c r="F40246" s="14" t="s">
        <v>15</v>
      </c>
      <c r="G40246" s="16">
        <v>0.84585912138269448</v>
      </c>
    </row>
    <row r="40247" spans="1:7" x14ac:dyDescent="0.3">
      <c r="A40247" s="13" t="s">
        <v>240</v>
      </c>
      <c r="B40247" s="14" t="s">
        <v>1</v>
      </c>
      <c r="C40247" s="14" t="s">
        <v>238</v>
      </c>
      <c r="D40247" s="14" t="s">
        <v>241</v>
      </c>
      <c r="E40247" s="15">
        <v>45473</v>
      </c>
      <c r="F40247" s="14" t="s">
        <v>15</v>
      </c>
      <c r="G40247" s="16">
        <v>0.84585912138269448</v>
      </c>
    </row>
    <row r="40248" spans="1:7" x14ac:dyDescent="0.3">
      <c r="A40248" s="13" t="s">
        <v>240</v>
      </c>
      <c r="B40248" s="14" t="s">
        <v>1</v>
      </c>
      <c r="C40248" s="14" t="s">
        <v>238</v>
      </c>
      <c r="D40248" s="14" t="s">
        <v>241</v>
      </c>
      <c r="E40248" s="15">
        <v>45474</v>
      </c>
      <c r="F40248" s="14" t="s">
        <v>15</v>
      </c>
      <c r="G40248" s="16">
        <v>0.85720983637637849</v>
      </c>
    </row>
    <row r="40249" spans="1:7" x14ac:dyDescent="0.3">
      <c r="A40249" s="13" t="s">
        <v>240</v>
      </c>
      <c r="B40249" s="14" t="s">
        <v>1</v>
      </c>
      <c r="C40249" s="14" t="s">
        <v>238</v>
      </c>
      <c r="D40249" s="14" t="s">
        <v>241</v>
      </c>
      <c r="E40249" s="15">
        <v>45475</v>
      </c>
      <c r="F40249" s="14" t="s">
        <v>15</v>
      </c>
      <c r="G40249" s="16">
        <v>0.88594692440161715</v>
      </c>
    </row>
    <row r="40250" spans="1:7" x14ac:dyDescent="0.3">
      <c r="A40250" s="13" t="s">
        <v>240</v>
      </c>
      <c r="B40250" s="14" t="s">
        <v>1</v>
      </c>
      <c r="C40250" s="14" t="s">
        <v>238</v>
      </c>
      <c r="D40250" s="14" t="s">
        <v>241</v>
      </c>
      <c r="E40250" s="15">
        <v>45476</v>
      </c>
      <c r="F40250" s="14" t="s">
        <v>15</v>
      </c>
      <c r="G40250" s="16">
        <v>0.89873020756821387</v>
      </c>
    </row>
    <row r="40251" spans="1:7" x14ac:dyDescent="0.3">
      <c r="A40251" s="13" t="s">
        <v>240</v>
      </c>
      <c r="B40251" s="14" t="s">
        <v>1</v>
      </c>
      <c r="C40251" s="14" t="s">
        <v>238</v>
      </c>
      <c r="D40251" s="14" t="s">
        <v>241</v>
      </c>
      <c r="E40251" s="15">
        <v>45477</v>
      </c>
      <c r="F40251" s="14" t="s">
        <v>15</v>
      </c>
      <c r="G40251" s="16">
        <v>0.91015311722989434</v>
      </c>
    </row>
    <row r="40252" spans="1:7" x14ac:dyDescent="0.3">
      <c r="A40252" s="13" t="s">
        <v>240</v>
      </c>
      <c r="B40252" s="14" t="s">
        <v>1</v>
      </c>
      <c r="C40252" s="14" t="s">
        <v>238</v>
      </c>
      <c r="D40252" s="14" t="s">
        <v>241</v>
      </c>
      <c r="E40252" s="15">
        <v>45478</v>
      </c>
      <c r="F40252" s="14" t="s">
        <v>15</v>
      </c>
      <c r="G40252" s="16">
        <v>0.92181656443370519</v>
      </c>
    </row>
    <row r="40253" spans="1:7" x14ac:dyDescent="0.3">
      <c r="A40253" s="13" t="s">
        <v>240</v>
      </c>
      <c r="B40253" s="14" t="s">
        <v>1</v>
      </c>
      <c r="C40253" s="14" t="s">
        <v>238</v>
      </c>
      <c r="D40253" s="14" t="s">
        <v>241</v>
      </c>
      <c r="E40253" s="15">
        <v>45479</v>
      </c>
      <c r="F40253" s="14" t="s">
        <v>15</v>
      </c>
      <c r="G40253" s="16">
        <v>0.92181656443370519</v>
      </c>
    </row>
    <row r="40254" spans="1:7" x14ac:dyDescent="0.3">
      <c r="A40254" s="13" t="s">
        <v>240</v>
      </c>
      <c r="B40254" s="14" t="s">
        <v>1</v>
      </c>
      <c r="C40254" s="14" t="s">
        <v>238</v>
      </c>
      <c r="D40254" s="14" t="s">
        <v>241</v>
      </c>
      <c r="E40254" s="15">
        <v>45480</v>
      </c>
      <c r="F40254" s="14" t="s">
        <v>15</v>
      </c>
      <c r="G40254" s="16">
        <v>0.92181656443370519</v>
      </c>
    </row>
    <row r="40255" spans="1:7" x14ac:dyDescent="0.3">
      <c r="A40255" s="13" t="s">
        <v>240</v>
      </c>
      <c r="B40255" s="14" t="s">
        <v>1</v>
      </c>
      <c r="C40255" s="14" t="s">
        <v>238</v>
      </c>
      <c r="D40255" s="14" t="s">
        <v>241</v>
      </c>
      <c r="E40255" s="15">
        <v>45481</v>
      </c>
      <c r="F40255" s="14" t="s">
        <v>15</v>
      </c>
      <c r="G40255" s="16">
        <v>0.92988400028499663</v>
      </c>
    </row>
    <row r="40256" spans="1:7" x14ac:dyDescent="0.3">
      <c r="A40256" s="13" t="s">
        <v>240</v>
      </c>
      <c r="B40256" s="14" t="s">
        <v>1</v>
      </c>
      <c r="C40256" s="14" t="s">
        <v>238</v>
      </c>
      <c r="D40256" s="14" t="s">
        <v>241</v>
      </c>
      <c r="E40256" s="15">
        <v>45482</v>
      </c>
      <c r="F40256" s="14" t="s">
        <v>15</v>
      </c>
      <c r="G40256" s="16">
        <v>0.95683755883340349</v>
      </c>
    </row>
    <row r="40257" spans="1:7" x14ac:dyDescent="0.3">
      <c r="A40257" s="13" t="s">
        <v>240</v>
      </c>
      <c r="B40257" s="14" t="s">
        <v>1</v>
      </c>
      <c r="C40257" s="14" t="s">
        <v>238</v>
      </c>
      <c r="D40257" s="14" t="s">
        <v>241</v>
      </c>
      <c r="E40257" s="15">
        <v>45483</v>
      </c>
      <c r="F40257" s="14" t="s">
        <v>15</v>
      </c>
      <c r="G40257" s="16">
        <v>0.96800104534508336</v>
      </c>
    </row>
    <row r="40258" spans="1:7" x14ac:dyDescent="0.3">
      <c r="A40258" s="13" t="s">
        <v>240</v>
      </c>
      <c r="B40258" s="14" t="s">
        <v>1</v>
      </c>
      <c r="C40258" s="14" t="s">
        <v>238</v>
      </c>
      <c r="D40258" s="14" t="s">
        <v>241</v>
      </c>
      <c r="E40258" s="15">
        <v>45484</v>
      </c>
      <c r="F40258" s="14" t="s">
        <v>15</v>
      </c>
      <c r="G40258" s="16">
        <v>0.98076502302481883</v>
      </c>
    </row>
    <row r="40259" spans="1:7" x14ac:dyDescent="0.3">
      <c r="A40259" s="13" t="s">
        <v>240</v>
      </c>
      <c r="B40259" s="14" t="s">
        <v>1</v>
      </c>
      <c r="C40259" s="14" t="s">
        <v>238</v>
      </c>
      <c r="D40259" s="14" t="s">
        <v>241</v>
      </c>
      <c r="E40259" s="15">
        <v>45485</v>
      </c>
      <c r="F40259" s="14" t="s">
        <v>15</v>
      </c>
      <c r="G40259" s="16">
        <v>0.99367217271060959</v>
      </c>
    </row>
    <row r="40260" spans="1:7" x14ac:dyDescent="0.3">
      <c r="A40260" s="13" t="s">
        <v>240</v>
      </c>
      <c r="B40260" s="14" t="s">
        <v>1</v>
      </c>
      <c r="C40260" s="14" t="s">
        <v>238</v>
      </c>
      <c r="D40260" s="14" t="s">
        <v>241</v>
      </c>
      <c r="E40260" s="15">
        <v>45486</v>
      </c>
      <c r="F40260" s="14" t="s">
        <v>15</v>
      </c>
      <c r="G40260" s="16">
        <v>0.99367217271060959</v>
      </c>
    </row>
    <row r="40261" spans="1:7" x14ac:dyDescent="0.3">
      <c r="A40261" s="13" t="s">
        <v>240</v>
      </c>
      <c r="B40261" s="14" t="s">
        <v>1</v>
      </c>
      <c r="C40261" s="14" t="s">
        <v>238</v>
      </c>
      <c r="D40261" s="14" t="s">
        <v>241</v>
      </c>
      <c r="E40261" s="15">
        <v>45487</v>
      </c>
      <c r="F40261" s="14" t="s">
        <v>15</v>
      </c>
      <c r="G40261" s="16">
        <v>0.99367217271060959</v>
      </c>
    </row>
    <row r="40262" spans="1:7" x14ac:dyDescent="0.3">
      <c r="A40262" s="13" t="s">
        <v>240</v>
      </c>
      <c r="B40262" s="14" t="s">
        <v>1</v>
      </c>
      <c r="C40262" s="14" t="s">
        <v>238</v>
      </c>
      <c r="D40262" s="14" t="s">
        <v>241</v>
      </c>
      <c r="E40262" s="15">
        <v>45488</v>
      </c>
      <c r="F40262" s="14" t="s">
        <v>15</v>
      </c>
      <c r="G40262" s="16">
        <v>1.0017408705203306</v>
      </c>
    </row>
    <row r="40263" spans="1:7" x14ac:dyDescent="0.3">
      <c r="A40263" s="13" t="s">
        <v>240</v>
      </c>
      <c r="B40263" s="14" t="s">
        <v>1</v>
      </c>
      <c r="C40263" s="14" t="s">
        <v>238</v>
      </c>
      <c r="D40263" s="14" t="s">
        <v>241</v>
      </c>
      <c r="E40263" s="15">
        <v>45489</v>
      </c>
      <c r="F40263" s="14" t="s">
        <v>15</v>
      </c>
      <c r="G40263" s="16">
        <v>1.0305883070214286</v>
      </c>
    </row>
    <row r="40264" spans="1:7" x14ac:dyDescent="0.3">
      <c r="A40264" s="13" t="s">
        <v>240</v>
      </c>
      <c r="B40264" s="14" t="s">
        <v>1</v>
      </c>
      <c r="C40264" s="14" t="s">
        <v>238</v>
      </c>
      <c r="D40264" s="14" t="s">
        <v>241</v>
      </c>
      <c r="E40264" s="15">
        <v>45490</v>
      </c>
      <c r="F40264" s="14" t="s">
        <v>15</v>
      </c>
      <c r="G40264" s="16">
        <v>1.0436737337700794</v>
      </c>
    </row>
    <row r="40265" spans="1:7" x14ac:dyDescent="0.3">
      <c r="A40265" s="13" t="s">
        <v>240</v>
      </c>
      <c r="B40265" s="14" t="s">
        <v>1</v>
      </c>
      <c r="C40265" s="14" t="s">
        <v>238</v>
      </c>
      <c r="D40265" s="14" t="s">
        <v>241</v>
      </c>
      <c r="E40265" s="15">
        <v>45491</v>
      </c>
      <c r="F40265" s="14" t="s">
        <v>15</v>
      </c>
      <c r="G40265" s="16">
        <v>1.0487213521384271</v>
      </c>
    </row>
    <row r="40266" spans="1:7" x14ac:dyDescent="0.3">
      <c r="A40266" s="13" t="s">
        <v>240</v>
      </c>
      <c r="B40266" s="14" t="s">
        <v>1</v>
      </c>
      <c r="C40266" s="14" t="s">
        <v>238</v>
      </c>
      <c r="D40266" s="14" t="s">
        <v>241</v>
      </c>
      <c r="E40266" s="15">
        <v>45492</v>
      </c>
      <c r="F40266" s="14" t="s">
        <v>15</v>
      </c>
      <c r="G40266" s="16">
        <v>1.0566469025426979</v>
      </c>
    </row>
    <row r="40267" spans="1:7" x14ac:dyDescent="0.3">
      <c r="A40267" s="13" t="s">
        <v>240</v>
      </c>
      <c r="B40267" s="14" t="s">
        <v>1</v>
      </c>
      <c r="C40267" s="14" t="s">
        <v>238</v>
      </c>
      <c r="D40267" s="14" t="s">
        <v>241</v>
      </c>
      <c r="E40267" s="15">
        <v>45493</v>
      </c>
      <c r="F40267" s="14" t="s">
        <v>15</v>
      </c>
      <c r="G40267" s="16">
        <v>1.0566469025426979</v>
      </c>
    </row>
    <row r="40268" spans="1:7" x14ac:dyDescent="0.3">
      <c r="A40268" s="13" t="s">
        <v>240</v>
      </c>
      <c r="B40268" s="14" t="s">
        <v>1</v>
      </c>
      <c r="C40268" s="14" t="s">
        <v>238</v>
      </c>
      <c r="D40268" s="14" t="s">
        <v>241</v>
      </c>
      <c r="E40268" s="15">
        <v>45494</v>
      </c>
      <c r="F40268" s="14" t="s">
        <v>15</v>
      </c>
      <c r="G40268" s="16">
        <v>1.0566469025426979</v>
      </c>
    </row>
    <row r="40269" spans="1:7" x14ac:dyDescent="0.3">
      <c r="A40269" s="13" t="s">
        <v>240</v>
      </c>
      <c r="B40269" s="14" t="s">
        <v>1</v>
      </c>
      <c r="C40269" s="14" t="s">
        <v>238</v>
      </c>
      <c r="D40269" s="14" t="s">
        <v>241</v>
      </c>
      <c r="E40269" s="15">
        <v>45495</v>
      </c>
      <c r="F40269" s="14" t="s">
        <v>15</v>
      </c>
      <c r="G40269" s="16">
        <v>1.0672483456033077</v>
      </c>
    </row>
    <row r="40270" spans="1:7" x14ac:dyDescent="0.3">
      <c r="A40270" s="13" t="s">
        <v>240</v>
      </c>
      <c r="B40270" s="14" t="s">
        <v>1</v>
      </c>
      <c r="C40270" s="14" t="s">
        <v>238</v>
      </c>
      <c r="D40270" s="14" t="s">
        <v>241</v>
      </c>
      <c r="E40270" s="15">
        <v>45496</v>
      </c>
      <c r="F40270" s="14" t="s">
        <v>15</v>
      </c>
      <c r="G40270" s="16">
        <v>1.0884794611216422</v>
      </c>
    </row>
    <row r="40271" spans="1:7" x14ac:dyDescent="0.3">
      <c r="A40271" s="13" t="s">
        <v>240</v>
      </c>
      <c r="B40271" s="14" t="s">
        <v>1</v>
      </c>
      <c r="C40271" s="14" t="s">
        <v>238</v>
      </c>
      <c r="D40271" s="14" t="s">
        <v>241</v>
      </c>
      <c r="E40271" s="15">
        <v>45497</v>
      </c>
      <c r="F40271" s="14" t="s">
        <v>15</v>
      </c>
      <c r="G40271" s="16">
        <v>1.0965135964518649</v>
      </c>
    </row>
    <row r="40272" spans="1:7" x14ac:dyDescent="0.3">
      <c r="A40272" s="13" t="s">
        <v>240</v>
      </c>
      <c r="B40272" s="14" t="s">
        <v>1</v>
      </c>
      <c r="C40272" s="14" t="s">
        <v>238</v>
      </c>
      <c r="D40272" s="14" t="s">
        <v>241</v>
      </c>
      <c r="E40272" s="15">
        <v>45498</v>
      </c>
      <c r="F40272" s="14" t="s">
        <v>15</v>
      </c>
      <c r="G40272" s="16">
        <v>1.1064724131638357</v>
      </c>
    </row>
    <row r="40273" spans="1:7" x14ac:dyDescent="0.3">
      <c r="A40273" s="13" t="s">
        <v>240</v>
      </c>
      <c r="B40273" s="14" t="s">
        <v>1</v>
      </c>
      <c r="C40273" s="14" t="s">
        <v>238</v>
      </c>
      <c r="D40273" s="14" t="s">
        <v>241</v>
      </c>
      <c r="E40273" s="15">
        <v>45499</v>
      </c>
      <c r="F40273" s="14" t="s">
        <v>15</v>
      </c>
      <c r="G40273" s="16">
        <v>1.1169821459283622</v>
      </c>
    </row>
    <row r="40274" spans="1:7" x14ac:dyDescent="0.3">
      <c r="A40274" s="13" t="s">
        <v>240</v>
      </c>
      <c r="B40274" s="14" t="s">
        <v>1</v>
      </c>
      <c r="C40274" s="14" t="s">
        <v>238</v>
      </c>
      <c r="D40274" s="14" t="s">
        <v>241</v>
      </c>
      <c r="E40274" s="15">
        <v>45500</v>
      </c>
      <c r="F40274" s="14" t="s">
        <v>15</v>
      </c>
      <c r="G40274" s="16">
        <v>1.1169821459283622</v>
      </c>
    </row>
    <row r="40275" spans="1:7" x14ac:dyDescent="0.3">
      <c r="A40275" s="13" t="s">
        <v>240</v>
      </c>
      <c r="B40275" s="14" t="s">
        <v>1</v>
      </c>
      <c r="C40275" s="14" t="s">
        <v>238</v>
      </c>
      <c r="D40275" s="14" t="s">
        <v>241</v>
      </c>
      <c r="E40275" s="15">
        <v>45501</v>
      </c>
      <c r="F40275" s="14" t="s">
        <v>15</v>
      </c>
      <c r="G40275" s="16">
        <v>1.1169821459283622</v>
      </c>
    </row>
    <row r="40276" spans="1:7" x14ac:dyDescent="0.3">
      <c r="A40276" s="13" t="s">
        <v>240</v>
      </c>
      <c r="B40276" s="14" t="s">
        <v>1</v>
      </c>
      <c r="C40276" s="14" t="s">
        <v>238</v>
      </c>
      <c r="D40276" s="14" t="s">
        <v>241</v>
      </c>
      <c r="E40276" s="15">
        <v>45502</v>
      </c>
      <c r="F40276" s="14" t="s">
        <v>15</v>
      </c>
      <c r="G40276" s="16">
        <v>1.1205803241932344</v>
      </c>
    </row>
    <row r="40277" spans="1:7" x14ac:dyDescent="0.3">
      <c r="A40277" s="13" t="s">
        <v>240</v>
      </c>
      <c r="B40277" s="14" t="s">
        <v>1</v>
      </c>
      <c r="C40277" s="14" t="s">
        <v>238</v>
      </c>
      <c r="D40277" s="14" t="s">
        <v>241</v>
      </c>
      <c r="E40277" s="15">
        <v>45503</v>
      </c>
      <c r="F40277" s="14" t="s">
        <v>15</v>
      </c>
      <c r="G40277" s="16">
        <v>1.1479429242658745</v>
      </c>
    </row>
    <row r="40278" spans="1:7" x14ac:dyDescent="0.3">
      <c r="A40278" s="13" t="s">
        <v>240</v>
      </c>
      <c r="B40278" s="14" t="s">
        <v>1</v>
      </c>
      <c r="C40278" s="14" t="s">
        <v>238</v>
      </c>
      <c r="D40278" s="14" t="s">
        <v>241</v>
      </c>
      <c r="E40278" s="15">
        <v>45504</v>
      </c>
      <c r="F40278" s="14" t="s">
        <v>15</v>
      </c>
      <c r="G40278" s="16">
        <v>1.1584281749484839</v>
      </c>
    </row>
    <row r="40279" spans="1:7" x14ac:dyDescent="0.3">
      <c r="A40279" s="13" t="s">
        <v>240</v>
      </c>
      <c r="B40279" s="14" t="s">
        <v>1</v>
      </c>
      <c r="C40279" s="14" t="s">
        <v>238</v>
      </c>
      <c r="D40279" s="14" t="s">
        <v>241</v>
      </c>
      <c r="E40279" s="15">
        <v>45505</v>
      </c>
      <c r="F40279" s="14" t="s">
        <v>15</v>
      </c>
      <c r="G40279" s="16">
        <v>1.1584281749484839</v>
      </c>
    </row>
    <row r="40280" spans="1:7" x14ac:dyDescent="0.3">
      <c r="A40280" s="13" t="s">
        <v>240</v>
      </c>
      <c r="B40280" s="14" t="s">
        <v>1</v>
      </c>
      <c r="C40280" s="14" t="s">
        <v>238</v>
      </c>
      <c r="D40280" s="14" t="s">
        <v>241</v>
      </c>
      <c r="E40280" s="15">
        <v>45506</v>
      </c>
      <c r="F40280" s="14" t="s">
        <v>15</v>
      </c>
      <c r="G40280" s="16">
        <v>1.17761511449585</v>
      </c>
    </row>
    <row r="40281" spans="1:7" x14ac:dyDescent="0.3">
      <c r="A40281" s="13" t="s">
        <v>240</v>
      </c>
      <c r="B40281" s="14" t="s">
        <v>1</v>
      </c>
      <c r="C40281" s="14" t="s">
        <v>238</v>
      </c>
      <c r="D40281" s="14" t="s">
        <v>241</v>
      </c>
      <c r="E40281" s="15">
        <v>45507</v>
      </c>
      <c r="F40281" s="14" t="s">
        <v>15</v>
      </c>
      <c r="G40281" s="16">
        <v>1.17761511449585</v>
      </c>
    </row>
    <row r="40282" spans="1:7" x14ac:dyDescent="0.3">
      <c r="A40282" s="13" t="s">
        <v>240</v>
      </c>
      <c r="B40282" s="14" t="s">
        <v>1</v>
      </c>
      <c r="C40282" s="14" t="s">
        <v>238</v>
      </c>
      <c r="D40282" s="14" t="s">
        <v>241</v>
      </c>
      <c r="E40282" s="15">
        <v>45508</v>
      </c>
      <c r="F40282" s="14" t="s">
        <v>15</v>
      </c>
      <c r="G40282" s="16">
        <v>1.17761511449585</v>
      </c>
    </row>
    <row r="40283" spans="1:7" x14ac:dyDescent="0.3">
      <c r="A40283" s="13" t="s">
        <v>240</v>
      </c>
      <c r="B40283" s="14" t="s">
        <v>1</v>
      </c>
      <c r="C40283" s="14" t="s">
        <v>238</v>
      </c>
      <c r="D40283" s="14" t="s">
        <v>241</v>
      </c>
      <c r="E40283" s="15">
        <v>45509</v>
      </c>
      <c r="F40283" s="14" t="s">
        <v>15</v>
      </c>
      <c r="G40283" s="16">
        <v>1.17761511449585</v>
      </c>
    </row>
    <row r="40284" spans="1:7" x14ac:dyDescent="0.3">
      <c r="A40284" s="13" t="s">
        <v>240</v>
      </c>
      <c r="B40284" s="14" t="s">
        <v>1</v>
      </c>
      <c r="C40284" s="14" t="s">
        <v>238</v>
      </c>
      <c r="D40284" s="14" t="s">
        <v>241</v>
      </c>
      <c r="E40284" s="15">
        <v>45510</v>
      </c>
      <c r="F40284" s="14" t="s">
        <v>15</v>
      </c>
      <c r="G40284" s="16">
        <v>1.1990133237855065</v>
      </c>
    </row>
    <row r="40285" spans="1:7" x14ac:dyDescent="0.3">
      <c r="A40285" s="13" t="s">
        <v>240</v>
      </c>
      <c r="B40285" s="14" t="s">
        <v>1</v>
      </c>
      <c r="C40285" s="14" t="s">
        <v>238</v>
      </c>
      <c r="D40285" s="14" t="s">
        <v>241</v>
      </c>
      <c r="E40285" s="15">
        <v>45511</v>
      </c>
      <c r="F40285" s="14" t="s">
        <v>15</v>
      </c>
      <c r="G40285" s="16">
        <v>1.2360708608383524</v>
      </c>
    </row>
    <row r="40286" spans="1:7" x14ac:dyDescent="0.3">
      <c r="A40286" s="13" t="s">
        <v>240</v>
      </c>
      <c r="B40286" s="14" t="s">
        <v>1</v>
      </c>
      <c r="C40286" s="14" t="s">
        <v>238</v>
      </c>
      <c r="D40286" s="14" t="s">
        <v>241</v>
      </c>
      <c r="E40286" s="15">
        <v>45512</v>
      </c>
      <c r="F40286" s="14" t="s">
        <v>15</v>
      </c>
      <c r="G40286" s="16">
        <v>1.2425950786169797</v>
      </c>
    </row>
    <row r="40287" spans="1:7" x14ac:dyDescent="0.3">
      <c r="A40287" s="13" t="s">
        <v>240</v>
      </c>
      <c r="B40287" s="14" t="s">
        <v>1</v>
      </c>
      <c r="C40287" s="14" t="s">
        <v>238</v>
      </c>
      <c r="D40287" s="14" t="s">
        <v>241</v>
      </c>
      <c r="E40287" s="15">
        <v>45513</v>
      </c>
      <c r="F40287" s="14" t="s">
        <v>15</v>
      </c>
      <c r="G40287" s="16">
        <v>1.2516771372576732</v>
      </c>
    </row>
    <row r="40288" spans="1:7" x14ac:dyDescent="0.3">
      <c r="A40288" s="13" t="s">
        <v>240</v>
      </c>
      <c r="B40288" s="14" t="s">
        <v>1</v>
      </c>
      <c r="C40288" s="14" t="s">
        <v>238</v>
      </c>
      <c r="D40288" s="14" t="s">
        <v>241</v>
      </c>
      <c r="E40288" s="15">
        <v>45514</v>
      </c>
      <c r="F40288" s="14" t="s">
        <v>15</v>
      </c>
      <c r="G40288" s="16">
        <v>1.2516771372576732</v>
      </c>
    </row>
    <row r="40289" spans="1:7" x14ac:dyDescent="0.3">
      <c r="A40289" s="13" t="s">
        <v>240</v>
      </c>
      <c r="B40289" s="14" t="s">
        <v>1</v>
      </c>
      <c r="C40289" s="14" t="s">
        <v>238</v>
      </c>
      <c r="D40289" s="14" t="s">
        <v>241</v>
      </c>
      <c r="E40289" s="15">
        <v>45515</v>
      </c>
      <c r="F40289" s="14" t="s">
        <v>15</v>
      </c>
      <c r="G40289" s="16">
        <v>1.2516771372576732</v>
      </c>
    </row>
    <row r="40290" spans="1:7" x14ac:dyDescent="0.3">
      <c r="A40290" s="13" t="s">
        <v>240</v>
      </c>
      <c r="B40290" s="14" t="s">
        <v>1</v>
      </c>
      <c r="C40290" s="14" t="s">
        <v>238</v>
      </c>
      <c r="D40290" s="14" t="s">
        <v>241</v>
      </c>
      <c r="E40290" s="15">
        <v>45516</v>
      </c>
      <c r="F40290" s="14" t="s">
        <v>15</v>
      </c>
      <c r="G40290" s="16">
        <v>1.2628203847542929</v>
      </c>
    </row>
    <row r="40291" spans="1:7" x14ac:dyDescent="0.3">
      <c r="A40291" s="13" t="s">
        <v>240</v>
      </c>
      <c r="B40291" s="14" t="s">
        <v>1</v>
      </c>
      <c r="C40291" s="14" t="s">
        <v>238</v>
      </c>
      <c r="D40291" s="14" t="s">
        <v>241</v>
      </c>
      <c r="E40291" s="15">
        <v>45517</v>
      </c>
      <c r="F40291" s="14" t="s">
        <v>15</v>
      </c>
      <c r="G40291" s="16">
        <v>1.29824714166158</v>
      </c>
    </row>
    <row r="40292" spans="1:7" x14ac:dyDescent="0.3">
      <c r="A40292" s="13" t="s">
        <v>240</v>
      </c>
      <c r="B40292" s="14" t="s">
        <v>1</v>
      </c>
      <c r="C40292" s="14" t="s">
        <v>238</v>
      </c>
      <c r="D40292" s="14" t="s">
        <v>241</v>
      </c>
      <c r="E40292" s="15">
        <v>45518</v>
      </c>
      <c r="F40292" s="14" t="s">
        <v>15</v>
      </c>
      <c r="G40292" s="16">
        <v>1.309952930459146</v>
      </c>
    </row>
    <row r="40293" spans="1:7" x14ac:dyDescent="0.3">
      <c r="A40293" s="13" t="s">
        <v>240</v>
      </c>
      <c r="B40293" s="14" t="s">
        <v>1</v>
      </c>
      <c r="C40293" s="14" t="s">
        <v>238</v>
      </c>
      <c r="D40293" s="14" t="s">
        <v>241</v>
      </c>
      <c r="E40293" s="15">
        <v>45519</v>
      </c>
      <c r="F40293" s="14" t="s">
        <v>15</v>
      </c>
      <c r="G40293" s="16">
        <v>1.3145628737496464</v>
      </c>
    </row>
    <row r="40294" spans="1:7" x14ac:dyDescent="0.3">
      <c r="A40294" s="13" t="s">
        <v>240</v>
      </c>
      <c r="B40294" s="14" t="s">
        <v>1</v>
      </c>
      <c r="C40294" s="14" t="s">
        <v>238</v>
      </c>
      <c r="D40294" s="14" t="s">
        <v>241</v>
      </c>
      <c r="E40294" s="15">
        <v>45520</v>
      </c>
      <c r="F40294" s="14" t="s">
        <v>15</v>
      </c>
      <c r="G40294" s="16">
        <v>1.3305730136543195</v>
      </c>
    </row>
    <row r="40295" spans="1:7" x14ac:dyDescent="0.3">
      <c r="A40295" s="13" t="s">
        <v>240</v>
      </c>
      <c r="B40295" s="14" t="s">
        <v>1</v>
      </c>
      <c r="C40295" s="14" t="s">
        <v>238</v>
      </c>
      <c r="D40295" s="14" t="s">
        <v>241</v>
      </c>
      <c r="E40295" s="15">
        <v>45521</v>
      </c>
      <c r="F40295" s="14" t="s">
        <v>15</v>
      </c>
      <c r="G40295" s="16">
        <v>1.3305730136543195</v>
      </c>
    </row>
    <row r="40296" spans="1:7" x14ac:dyDescent="0.3">
      <c r="A40296" s="13" t="s">
        <v>240</v>
      </c>
      <c r="B40296" s="14" t="s">
        <v>1</v>
      </c>
      <c r="C40296" s="14" t="s">
        <v>238</v>
      </c>
      <c r="D40296" s="14" t="s">
        <v>241</v>
      </c>
      <c r="E40296" s="15">
        <v>45522</v>
      </c>
      <c r="F40296" s="14" t="s">
        <v>15</v>
      </c>
      <c r="G40296" s="16">
        <v>1.3305730136543195</v>
      </c>
    </row>
    <row r="40297" spans="1:7" x14ac:dyDescent="0.3">
      <c r="A40297" s="13" t="s">
        <v>240</v>
      </c>
      <c r="B40297" s="14" t="s">
        <v>1</v>
      </c>
      <c r="C40297" s="14" t="s">
        <v>238</v>
      </c>
      <c r="D40297" s="14" t="s">
        <v>241</v>
      </c>
      <c r="E40297" s="15">
        <v>45523</v>
      </c>
      <c r="F40297" s="14" t="s">
        <v>15</v>
      </c>
      <c r="G40297" s="16">
        <v>1.3469454801708192</v>
      </c>
    </row>
    <row r="40298" spans="1:7" x14ac:dyDescent="0.3">
      <c r="A40298" s="13" t="s">
        <v>240</v>
      </c>
      <c r="B40298" s="14" t="s">
        <v>1</v>
      </c>
      <c r="C40298" s="14" t="s">
        <v>238</v>
      </c>
      <c r="D40298" s="14" t="s">
        <v>241</v>
      </c>
      <c r="E40298" s="15">
        <v>45524</v>
      </c>
      <c r="F40298" s="14" t="s">
        <v>15</v>
      </c>
      <c r="G40298" s="16">
        <v>1.3808570440476395</v>
      </c>
    </row>
    <row r="40299" spans="1:7" x14ac:dyDescent="0.3">
      <c r="A40299" s="13" t="s">
        <v>240</v>
      </c>
      <c r="B40299" s="14" t="s">
        <v>1</v>
      </c>
      <c r="C40299" s="14" t="s">
        <v>238</v>
      </c>
      <c r="D40299" s="14" t="s">
        <v>241</v>
      </c>
      <c r="E40299" s="15">
        <v>45525</v>
      </c>
      <c r="F40299" s="14" t="s">
        <v>15</v>
      </c>
      <c r="G40299" s="16">
        <v>1.3927384826517457</v>
      </c>
    </row>
    <row r="40300" spans="1:7" x14ac:dyDescent="0.3">
      <c r="A40300" s="13" t="s">
        <v>240</v>
      </c>
      <c r="B40300" s="14" t="s">
        <v>1</v>
      </c>
      <c r="C40300" s="14" t="s">
        <v>238</v>
      </c>
      <c r="D40300" s="14" t="s">
        <v>241</v>
      </c>
      <c r="E40300" s="15">
        <v>45526</v>
      </c>
      <c r="F40300" s="14" t="s">
        <v>15</v>
      </c>
      <c r="G40300" s="16">
        <v>1.3974339226875516</v>
      </c>
    </row>
    <row r="40301" spans="1:7" x14ac:dyDescent="0.3">
      <c r="A40301" s="13" t="s">
        <v>240</v>
      </c>
      <c r="B40301" s="14" t="s">
        <v>1</v>
      </c>
      <c r="C40301" s="14" t="s">
        <v>238</v>
      </c>
      <c r="D40301" s="14" t="s">
        <v>241</v>
      </c>
      <c r="E40301" s="15">
        <v>45527</v>
      </c>
      <c r="F40301" s="14" t="s">
        <v>15</v>
      </c>
      <c r="G40301" s="16">
        <v>1.4168229751531929</v>
      </c>
    </row>
    <row r="40302" spans="1:7" x14ac:dyDescent="0.3">
      <c r="A40302" s="13" t="s">
        <v>240</v>
      </c>
      <c r="B40302" s="14" t="s">
        <v>1</v>
      </c>
      <c r="C40302" s="14" t="s">
        <v>238</v>
      </c>
      <c r="D40302" s="14" t="s">
        <v>241</v>
      </c>
      <c r="E40302" s="15">
        <v>45528</v>
      </c>
      <c r="F40302" s="14" t="s">
        <v>15</v>
      </c>
      <c r="G40302" s="16">
        <v>1.4168229751531929</v>
      </c>
    </row>
    <row r="40303" spans="1:7" x14ac:dyDescent="0.3">
      <c r="A40303" s="13" t="s">
        <v>240</v>
      </c>
      <c r="B40303" s="14" t="s">
        <v>1</v>
      </c>
      <c r="C40303" s="14" t="s">
        <v>238</v>
      </c>
      <c r="D40303" s="14" t="s">
        <v>241</v>
      </c>
      <c r="E40303" s="15">
        <v>45529</v>
      </c>
      <c r="F40303" s="14" t="s">
        <v>15</v>
      </c>
      <c r="G40303" s="16">
        <v>1.4168229751531929</v>
      </c>
    </row>
    <row r="40304" spans="1:7" x14ac:dyDescent="0.3">
      <c r="A40304" s="13" t="s">
        <v>240</v>
      </c>
      <c r="B40304" s="14" t="s">
        <v>1</v>
      </c>
      <c r="C40304" s="14" t="s">
        <v>238</v>
      </c>
      <c r="D40304" s="14" t="s">
        <v>241</v>
      </c>
      <c r="E40304" s="15">
        <v>45530</v>
      </c>
      <c r="F40304" s="14" t="s">
        <v>15</v>
      </c>
      <c r="G40304" s="16">
        <v>1.4222405855123017</v>
      </c>
    </row>
    <row r="40305" spans="1:7" x14ac:dyDescent="0.3">
      <c r="A40305" s="13" t="s">
        <v>240</v>
      </c>
      <c r="B40305" s="14" t="s">
        <v>1</v>
      </c>
      <c r="C40305" s="14" t="s">
        <v>238</v>
      </c>
      <c r="D40305" s="14" t="s">
        <v>241</v>
      </c>
      <c r="E40305" s="15">
        <v>45531</v>
      </c>
      <c r="F40305" s="14" t="s">
        <v>15</v>
      </c>
      <c r="G40305" s="16">
        <v>1.4532402023527433</v>
      </c>
    </row>
    <row r="40306" spans="1:7" x14ac:dyDescent="0.3">
      <c r="A40306" s="13" t="s">
        <v>240</v>
      </c>
      <c r="B40306" s="14" t="s">
        <v>1</v>
      </c>
      <c r="C40306" s="14" t="s">
        <v>238</v>
      </c>
      <c r="D40306" s="14" t="s">
        <v>241</v>
      </c>
      <c r="E40306" s="15">
        <v>45532</v>
      </c>
      <c r="F40306" s="14" t="s">
        <v>15</v>
      </c>
      <c r="G40306" s="16">
        <v>1.4542824243293282</v>
      </c>
    </row>
    <row r="40307" spans="1:7" x14ac:dyDescent="0.3">
      <c r="A40307" s="13" t="s">
        <v>240</v>
      </c>
      <c r="B40307" s="14" t="s">
        <v>1</v>
      </c>
      <c r="C40307" s="14" t="s">
        <v>238</v>
      </c>
      <c r="D40307" s="14" t="s">
        <v>241</v>
      </c>
      <c r="E40307" s="15">
        <v>45533</v>
      </c>
      <c r="F40307" s="14" t="s">
        <v>15</v>
      </c>
      <c r="G40307" s="16">
        <v>1.4486890150656859</v>
      </c>
    </row>
    <row r="40308" spans="1:7" x14ac:dyDescent="0.3">
      <c r="A40308" s="13" t="s">
        <v>240</v>
      </c>
      <c r="B40308" s="14" t="s">
        <v>1</v>
      </c>
      <c r="C40308" s="14" t="s">
        <v>238</v>
      </c>
      <c r="D40308" s="14" t="s">
        <v>241</v>
      </c>
      <c r="E40308" s="15">
        <v>45534</v>
      </c>
      <c r="F40308" s="14" t="s">
        <v>15</v>
      </c>
      <c r="G40308" s="16">
        <v>1.4540575028061926</v>
      </c>
    </row>
    <row r="40309" spans="1:7" x14ac:dyDescent="0.3">
      <c r="A40309" s="13" t="s">
        <v>240</v>
      </c>
      <c r="B40309" s="14" t="s">
        <v>1</v>
      </c>
      <c r="C40309" s="14" t="s">
        <v>238</v>
      </c>
      <c r="D40309" s="14" t="s">
        <v>241</v>
      </c>
      <c r="E40309" s="15">
        <v>45535</v>
      </c>
      <c r="F40309" s="14" t="s">
        <v>15</v>
      </c>
      <c r="G40309" s="16">
        <v>1.4540575028061926</v>
      </c>
    </row>
    <row r="40310" spans="1:7" x14ac:dyDescent="0.3">
      <c r="A40310" s="13" t="s">
        <v>240</v>
      </c>
      <c r="B40310" s="14" t="s">
        <v>1</v>
      </c>
      <c r="C40310" s="14" t="s">
        <v>238</v>
      </c>
      <c r="D40310" s="14" t="s">
        <v>241</v>
      </c>
      <c r="E40310" s="15">
        <v>45536</v>
      </c>
      <c r="F40310" s="14" t="s">
        <v>15</v>
      </c>
      <c r="G40310" s="16">
        <v>1.4540575028061926</v>
      </c>
    </row>
    <row r="40311" spans="1:7" x14ac:dyDescent="0.3">
      <c r="A40311" s="13" t="s">
        <v>240</v>
      </c>
      <c r="B40311" s="14" t="s">
        <v>1</v>
      </c>
      <c r="C40311" s="14" t="s">
        <v>238</v>
      </c>
      <c r="D40311" s="14" t="s">
        <v>241</v>
      </c>
      <c r="E40311" s="15">
        <v>45537</v>
      </c>
      <c r="F40311" s="14" t="s">
        <v>15</v>
      </c>
      <c r="G40311" s="16">
        <v>1.4665658980344687</v>
      </c>
    </row>
    <row r="40312" spans="1:7" x14ac:dyDescent="0.3">
      <c r="A40312" s="13" t="s">
        <v>240</v>
      </c>
      <c r="B40312" s="14" t="s">
        <v>1</v>
      </c>
      <c r="C40312" s="14" t="s">
        <v>238</v>
      </c>
      <c r="D40312" s="14" t="s">
        <v>241</v>
      </c>
      <c r="E40312" s="15">
        <v>45538</v>
      </c>
      <c r="F40312" s="14" t="s">
        <v>15</v>
      </c>
      <c r="G40312" s="16">
        <v>1.4904869007627584</v>
      </c>
    </row>
    <row r="40313" spans="1:7" x14ac:dyDescent="0.3">
      <c r="A40313" s="13" t="s">
        <v>240</v>
      </c>
      <c r="B40313" s="14" t="s">
        <v>1</v>
      </c>
      <c r="C40313" s="14" t="s">
        <v>238</v>
      </c>
      <c r="D40313" s="14" t="s">
        <v>241</v>
      </c>
      <c r="E40313" s="15">
        <v>45539</v>
      </c>
      <c r="F40313" s="14" t="s">
        <v>15</v>
      </c>
      <c r="G40313" s="16">
        <v>1.5050208429860032</v>
      </c>
    </row>
    <row r="40314" spans="1:7" x14ac:dyDescent="0.3">
      <c r="A40314" s="13" t="s">
        <v>240</v>
      </c>
      <c r="B40314" s="14" t="s">
        <v>1</v>
      </c>
      <c r="C40314" s="14" t="s">
        <v>238</v>
      </c>
      <c r="D40314" s="14" t="s">
        <v>241</v>
      </c>
      <c r="E40314" s="15">
        <v>45540</v>
      </c>
      <c r="F40314" s="14" t="s">
        <v>15</v>
      </c>
      <c r="G40314" s="16">
        <v>1.5188721227660456</v>
      </c>
    </row>
    <row r="40315" spans="1:7" x14ac:dyDescent="0.3">
      <c r="A40315" s="13" t="s">
        <v>240</v>
      </c>
      <c r="B40315" s="14" t="s">
        <v>1</v>
      </c>
      <c r="C40315" s="14" t="s">
        <v>238</v>
      </c>
      <c r="D40315" s="14" t="s">
        <v>241</v>
      </c>
      <c r="E40315" s="15">
        <v>45541</v>
      </c>
      <c r="F40315" s="14" t="s">
        <v>15</v>
      </c>
      <c r="G40315" s="16">
        <v>1.5248287812806864</v>
      </c>
    </row>
    <row r="40316" spans="1:7" x14ac:dyDescent="0.3">
      <c r="A40316" s="13" t="s">
        <v>240</v>
      </c>
      <c r="B40316" s="14" t="s">
        <v>1</v>
      </c>
      <c r="C40316" s="14" t="s">
        <v>238</v>
      </c>
      <c r="D40316" s="14" t="s">
        <v>241</v>
      </c>
      <c r="E40316" s="15">
        <v>45542</v>
      </c>
      <c r="F40316" s="14" t="s">
        <v>15</v>
      </c>
      <c r="G40316" s="16">
        <v>1.5248287812806864</v>
      </c>
    </row>
    <row r="40317" spans="1:7" x14ac:dyDescent="0.3">
      <c r="A40317" s="13" t="s">
        <v>240</v>
      </c>
      <c r="B40317" s="14" t="s">
        <v>1</v>
      </c>
      <c r="C40317" s="14" t="s">
        <v>238</v>
      </c>
      <c r="D40317" s="14" t="s">
        <v>241</v>
      </c>
      <c r="E40317" s="15">
        <v>45543</v>
      </c>
      <c r="F40317" s="14" t="s">
        <v>15</v>
      </c>
      <c r="G40317" s="16">
        <v>1.5248287812806864</v>
      </c>
    </row>
    <row r="40318" spans="1:7" x14ac:dyDescent="0.3">
      <c r="A40318" s="13" t="s">
        <v>240</v>
      </c>
      <c r="B40318" s="14" t="s">
        <v>1</v>
      </c>
      <c r="C40318" s="14" t="s">
        <v>238</v>
      </c>
      <c r="D40318" s="14" t="s">
        <v>241</v>
      </c>
      <c r="E40318" s="15">
        <v>45544</v>
      </c>
      <c r="F40318" s="14" t="s">
        <v>15</v>
      </c>
      <c r="G40318" s="16">
        <v>1.5271218102965698</v>
      </c>
    </row>
    <row r="40319" spans="1:7" x14ac:dyDescent="0.3">
      <c r="A40319" s="13" t="s">
        <v>240</v>
      </c>
      <c r="B40319" s="14" t="s">
        <v>1</v>
      </c>
      <c r="C40319" s="14" t="s">
        <v>238</v>
      </c>
      <c r="D40319" s="14" t="s">
        <v>241</v>
      </c>
      <c r="E40319" s="15">
        <v>45545</v>
      </c>
      <c r="F40319" s="14" t="s">
        <v>15</v>
      </c>
      <c r="G40319" s="16">
        <v>1.5531393724149551</v>
      </c>
    </row>
    <row r="40320" spans="1:7" x14ac:dyDescent="0.3">
      <c r="A40320" s="13" t="s">
        <v>240</v>
      </c>
      <c r="B40320" s="14" t="s">
        <v>1</v>
      </c>
      <c r="C40320" s="14" t="s">
        <v>238</v>
      </c>
      <c r="D40320" s="14" t="s">
        <v>241</v>
      </c>
      <c r="E40320" s="15">
        <v>45546</v>
      </c>
      <c r="F40320" s="14" t="s">
        <v>15</v>
      </c>
      <c r="G40320" s="16">
        <v>1.5612101834771583</v>
      </c>
    </row>
    <row r="40321" spans="1:7" x14ac:dyDescent="0.3">
      <c r="A40321" s="13" t="s">
        <v>240</v>
      </c>
      <c r="B40321" s="14" t="s">
        <v>1</v>
      </c>
      <c r="C40321" s="14" t="s">
        <v>238</v>
      </c>
      <c r="D40321" s="14" t="s">
        <v>241</v>
      </c>
      <c r="E40321" s="15">
        <v>45547</v>
      </c>
      <c r="F40321" s="14" t="s">
        <v>15</v>
      </c>
      <c r="G40321" s="16">
        <v>1.5792844489430522</v>
      </c>
    </row>
    <row r="40322" spans="1:7" x14ac:dyDescent="0.3">
      <c r="A40322" s="13" t="s">
        <v>240</v>
      </c>
      <c r="B40322" s="14" t="s">
        <v>1</v>
      </c>
      <c r="C40322" s="14" t="s">
        <v>238</v>
      </c>
      <c r="D40322" s="14" t="s">
        <v>241</v>
      </c>
      <c r="E40322" s="15">
        <v>45548</v>
      </c>
      <c r="F40322" s="14" t="s">
        <v>15</v>
      </c>
      <c r="G40322" s="16">
        <v>1.5889222902710571</v>
      </c>
    </row>
    <row r="40323" spans="1:7" x14ac:dyDescent="0.3">
      <c r="A40323" s="13" t="s">
        <v>240</v>
      </c>
      <c r="B40323" s="14" t="s">
        <v>1</v>
      </c>
      <c r="C40323" s="14" t="s">
        <v>238</v>
      </c>
      <c r="D40323" s="14" t="s">
        <v>241</v>
      </c>
      <c r="E40323" s="15">
        <v>45549</v>
      </c>
      <c r="F40323" s="14" t="s">
        <v>15</v>
      </c>
      <c r="G40323" s="16">
        <v>1.5889222902710571</v>
      </c>
    </row>
    <row r="40324" spans="1:7" x14ac:dyDescent="0.3">
      <c r="A40324" s="13" t="s">
        <v>240</v>
      </c>
      <c r="B40324" s="14" t="s">
        <v>1</v>
      </c>
      <c r="C40324" s="14" t="s">
        <v>238</v>
      </c>
      <c r="D40324" s="14" t="s">
        <v>241</v>
      </c>
      <c r="E40324" s="15">
        <v>45550</v>
      </c>
      <c r="F40324" s="14" t="s">
        <v>15</v>
      </c>
      <c r="G40324" s="16">
        <v>1.5889222902710571</v>
      </c>
    </row>
    <row r="40325" spans="1:7" x14ac:dyDescent="0.3">
      <c r="A40325" s="13" t="s">
        <v>240</v>
      </c>
      <c r="B40325" s="14" t="s">
        <v>1</v>
      </c>
      <c r="C40325" s="14" t="s">
        <v>238</v>
      </c>
      <c r="D40325" s="14" t="s">
        <v>241</v>
      </c>
      <c r="E40325" s="15">
        <v>45551</v>
      </c>
      <c r="F40325" s="14" t="s">
        <v>15</v>
      </c>
      <c r="G40325" s="16">
        <v>1.6065651492463262</v>
      </c>
    </row>
    <row r="40326" spans="1:7" x14ac:dyDescent="0.3">
      <c r="A40326" s="13" t="s">
        <v>240</v>
      </c>
      <c r="B40326" s="14" t="s">
        <v>1</v>
      </c>
      <c r="C40326" s="14" t="s">
        <v>238</v>
      </c>
      <c r="D40326" s="14" t="s">
        <v>241</v>
      </c>
      <c r="E40326" s="15">
        <v>45552</v>
      </c>
      <c r="F40326" s="14" t="s">
        <v>15</v>
      </c>
      <c r="G40326" s="16">
        <v>1.6322755721163285</v>
      </c>
    </row>
    <row r="40327" spans="1:7" x14ac:dyDescent="0.3">
      <c r="A40327" s="13" t="s">
        <v>240</v>
      </c>
      <c r="B40327" s="14" t="s">
        <v>1</v>
      </c>
      <c r="C40327" s="14" t="s">
        <v>238</v>
      </c>
      <c r="D40327" s="14" t="s">
        <v>241</v>
      </c>
      <c r="E40327" s="15">
        <v>45553</v>
      </c>
      <c r="F40327" s="14" t="s">
        <v>15</v>
      </c>
      <c r="G40327" s="16">
        <v>1.6424621860287867</v>
      </c>
    </row>
    <row r="40328" spans="1:7" x14ac:dyDescent="0.3">
      <c r="A40328" s="13" t="s">
        <v>240</v>
      </c>
      <c r="B40328" s="14" t="s">
        <v>1</v>
      </c>
      <c r="C40328" s="14" t="s">
        <v>238</v>
      </c>
      <c r="D40328" s="14" t="s">
        <v>241</v>
      </c>
      <c r="E40328" s="15">
        <v>45554</v>
      </c>
      <c r="F40328" s="14" t="s">
        <v>15</v>
      </c>
      <c r="G40328" s="16">
        <v>1.6583835584439515</v>
      </c>
    </row>
    <row r="40329" spans="1:7" x14ac:dyDescent="0.3">
      <c r="A40329" s="13" t="s">
        <v>240</v>
      </c>
      <c r="B40329" s="14" t="s">
        <v>1</v>
      </c>
      <c r="C40329" s="14" t="s">
        <v>238</v>
      </c>
      <c r="D40329" s="14" t="s">
        <v>241</v>
      </c>
      <c r="E40329" s="15">
        <v>45555</v>
      </c>
      <c r="F40329" s="14" t="s">
        <v>15</v>
      </c>
      <c r="G40329" s="16">
        <v>1.6679994076841906</v>
      </c>
    </row>
    <row r="40330" spans="1:7" x14ac:dyDescent="0.3">
      <c r="A40330" s="13" t="s">
        <v>240</v>
      </c>
      <c r="B40330" s="14" t="s">
        <v>1</v>
      </c>
      <c r="C40330" s="14" t="s">
        <v>238</v>
      </c>
      <c r="D40330" s="14" t="s">
        <v>241</v>
      </c>
      <c r="E40330" s="15">
        <v>45556</v>
      </c>
      <c r="F40330" s="14" t="s">
        <v>15</v>
      </c>
      <c r="G40330" s="16">
        <v>1.6679994076841906</v>
      </c>
    </row>
    <row r="40331" spans="1:7" x14ac:dyDescent="0.3">
      <c r="A40331" s="13" t="s">
        <v>240</v>
      </c>
      <c r="B40331" s="14" t="s">
        <v>1</v>
      </c>
      <c r="C40331" s="14" t="s">
        <v>238</v>
      </c>
      <c r="D40331" s="14" t="s">
        <v>241</v>
      </c>
      <c r="E40331" s="15">
        <v>45557</v>
      </c>
      <c r="F40331" s="14" t="s">
        <v>15</v>
      </c>
      <c r="G40331" s="16">
        <v>1.6679994076841906</v>
      </c>
    </row>
    <row r="40332" spans="1:7" x14ac:dyDescent="0.3">
      <c r="A40332" s="13" t="s">
        <v>240</v>
      </c>
      <c r="B40332" s="14" t="s">
        <v>1</v>
      </c>
      <c r="C40332" s="14" t="s">
        <v>238</v>
      </c>
      <c r="D40332" s="14" t="s">
        <v>241</v>
      </c>
      <c r="E40332" s="15">
        <v>45558</v>
      </c>
      <c r="F40332" s="14" t="s">
        <v>15</v>
      </c>
      <c r="G40332" s="16">
        <v>1.6696597995615403</v>
      </c>
    </row>
    <row r="40333" spans="1:7" x14ac:dyDescent="0.3">
      <c r="A40333" s="13" t="s">
        <v>240</v>
      </c>
      <c r="B40333" s="14" t="s">
        <v>1</v>
      </c>
      <c r="C40333" s="14" t="s">
        <v>238</v>
      </c>
      <c r="D40333" s="14" t="s">
        <v>241</v>
      </c>
      <c r="E40333" s="15">
        <v>45559</v>
      </c>
      <c r="F40333" s="14" t="s">
        <v>15</v>
      </c>
      <c r="G40333" s="16">
        <v>1.708409663381445</v>
      </c>
    </row>
    <row r="40334" spans="1:7" x14ac:dyDescent="0.3">
      <c r="A40334" s="13" t="s">
        <v>240</v>
      </c>
      <c r="B40334" s="14" t="s">
        <v>1</v>
      </c>
      <c r="C40334" s="14" t="s">
        <v>238</v>
      </c>
      <c r="D40334" s="14" t="s">
        <v>241</v>
      </c>
      <c r="E40334" s="15">
        <v>45560</v>
      </c>
      <c r="F40334" s="14" t="s">
        <v>15</v>
      </c>
      <c r="G40334" s="16">
        <v>1.7108231113189667</v>
      </c>
    </row>
    <row r="40335" spans="1:7" x14ac:dyDescent="0.3">
      <c r="A40335" s="13" t="s">
        <v>240</v>
      </c>
      <c r="B40335" s="14" t="s">
        <v>1</v>
      </c>
      <c r="C40335" s="14" t="s">
        <v>238</v>
      </c>
      <c r="D40335" s="14" t="s">
        <v>241</v>
      </c>
      <c r="E40335" s="15">
        <v>45561</v>
      </c>
      <c r="F40335" s="14" t="s">
        <v>15</v>
      </c>
      <c r="G40335" s="16">
        <v>1.7267739859626163</v>
      </c>
    </row>
    <row r="40336" spans="1:7" x14ac:dyDescent="0.3">
      <c r="A40336" s="13" t="s">
        <v>240</v>
      </c>
      <c r="B40336" s="14" t="s">
        <v>1</v>
      </c>
      <c r="C40336" s="14" t="s">
        <v>238</v>
      </c>
      <c r="D40336" s="14" t="s">
        <v>241</v>
      </c>
      <c r="E40336" s="15">
        <v>45562</v>
      </c>
      <c r="F40336" s="14" t="s">
        <v>15</v>
      </c>
      <c r="G40336" s="16">
        <v>1.7342612135393387</v>
      </c>
    </row>
    <row r="40337" spans="1:7" x14ac:dyDescent="0.3">
      <c r="A40337" s="13" t="s">
        <v>240</v>
      </c>
      <c r="B40337" s="14" t="s">
        <v>1</v>
      </c>
      <c r="C40337" s="14" t="s">
        <v>238</v>
      </c>
      <c r="D40337" s="14" t="s">
        <v>241</v>
      </c>
      <c r="E40337" s="15">
        <v>45563</v>
      </c>
      <c r="F40337" s="14" t="s">
        <v>15</v>
      </c>
      <c r="G40337" s="16">
        <v>1.7342612135393387</v>
      </c>
    </row>
    <row r="40338" spans="1:7" x14ac:dyDescent="0.3">
      <c r="A40338" s="13" t="s">
        <v>240</v>
      </c>
      <c r="B40338" s="14" t="s">
        <v>1</v>
      </c>
      <c r="C40338" s="14" t="s">
        <v>238</v>
      </c>
      <c r="D40338" s="14" t="s">
        <v>241</v>
      </c>
      <c r="E40338" s="15">
        <v>45564</v>
      </c>
      <c r="F40338" s="14" t="s">
        <v>15</v>
      </c>
      <c r="G40338" s="16">
        <v>1.7342612135393387</v>
      </c>
    </row>
    <row r="40339" spans="1:7" x14ac:dyDescent="0.3">
      <c r="A40339" s="13" t="s">
        <v>240</v>
      </c>
      <c r="B40339" s="14" t="s">
        <v>1</v>
      </c>
      <c r="C40339" s="14" t="s">
        <v>238</v>
      </c>
      <c r="D40339" s="14" t="s">
        <v>241</v>
      </c>
      <c r="E40339" s="15">
        <v>45565</v>
      </c>
      <c r="F40339" s="14" t="s">
        <v>15</v>
      </c>
      <c r="G40339" s="16">
        <v>1.738906028653157</v>
      </c>
    </row>
    <row r="40340" spans="1:7" x14ac:dyDescent="0.3">
      <c r="A40340" s="13" t="s">
        <v>240</v>
      </c>
      <c r="B40340" s="14" t="s">
        <v>1</v>
      </c>
      <c r="C40340" s="14" t="s">
        <v>238</v>
      </c>
      <c r="D40340" s="14" t="s">
        <v>241</v>
      </c>
      <c r="E40340" s="15">
        <v>45566</v>
      </c>
      <c r="F40340" s="14" t="s">
        <v>15</v>
      </c>
      <c r="G40340" s="16">
        <v>1.755360293253404</v>
      </c>
    </row>
    <row r="40341" spans="1:7" x14ac:dyDescent="0.3">
      <c r="A40341" s="13" t="s">
        <v>240</v>
      </c>
      <c r="B40341" s="14" t="s">
        <v>1</v>
      </c>
      <c r="C40341" s="14" t="s">
        <v>238</v>
      </c>
      <c r="D40341" s="14" t="s">
        <v>241</v>
      </c>
      <c r="E40341" s="15">
        <v>45567</v>
      </c>
      <c r="F40341" s="14" t="s">
        <v>15</v>
      </c>
      <c r="G40341" s="16">
        <v>1.7612994466114333</v>
      </c>
    </row>
    <row r="40342" spans="1:7" x14ac:dyDescent="0.3">
      <c r="A40342" s="13" t="s">
        <v>240</v>
      </c>
      <c r="B40342" s="14" t="s">
        <v>1</v>
      </c>
      <c r="C40342" s="14" t="s">
        <v>238</v>
      </c>
      <c r="D40342" s="14" t="s">
        <v>241</v>
      </c>
      <c r="E40342" s="15">
        <v>45568</v>
      </c>
      <c r="F40342" s="14" t="s">
        <v>15</v>
      </c>
      <c r="G40342" s="16">
        <v>1.768254293520831</v>
      </c>
    </row>
    <row r="40343" spans="1:7" x14ac:dyDescent="0.3">
      <c r="A40343" s="13" t="s">
        <v>240</v>
      </c>
      <c r="B40343" s="14" t="s">
        <v>1</v>
      </c>
      <c r="C40343" s="14" t="s">
        <v>238</v>
      </c>
      <c r="D40343" s="14" t="s">
        <v>241</v>
      </c>
      <c r="E40343" s="15">
        <v>45569</v>
      </c>
      <c r="F40343" s="14" t="s">
        <v>15</v>
      </c>
      <c r="G40343" s="16">
        <v>1.7696522790525233</v>
      </c>
    </row>
    <row r="40344" spans="1:7" x14ac:dyDescent="0.3">
      <c r="A40344" s="13" t="s">
        <v>240</v>
      </c>
      <c r="B40344" s="14" t="s">
        <v>1</v>
      </c>
      <c r="C40344" s="14" t="s">
        <v>238</v>
      </c>
      <c r="D40344" s="14" t="s">
        <v>241</v>
      </c>
      <c r="E40344" s="15">
        <v>45570</v>
      </c>
      <c r="F40344" s="14" t="s">
        <v>15</v>
      </c>
      <c r="G40344" s="16">
        <v>1.7696522790525233</v>
      </c>
    </row>
    <row r="40345" spans="1:7" x14ac:dyDescent="0.3">
      <c r="A40345" s="13" t="s">
        <v>240</v>
      </c>
      <c r="B40345" s="14" t="s">
        <v>1</v>
      </c>
      <c r="C40345" s="14" t="s">
        <v>238</v>
      </c>
      <c r="D40345" s="14" t="s">
        <v>241</v>
      </c>
      <c r="E40345" s="15">
        <v>45571</v>
      </c>
      <c r="F40345" s="14" t="s">
        <v>15</v>
      </c>
      <c r="G40345" s="16">
        <v>1.7696522790525233</v>
      </c>
    </row>
    <row r="40346" spans="1:7" x14ac:dyDescent="0.3">
      <c r="A40346" s="13" t="s">
        <v>240</v>
      </c>
      <c r="B40346" s="14" t="s">
        <v>1</v>
      </c>
      <c r="C40346" s="14" t="s">
        <v>238</v>
      </c>
      <c r="D40346" s="14" t="s">
        <v>241</v>
      </c>
      <c r="E40346" s="15">
        <v>45572</v>
      </c>
      <c r="F40346" s="14" t="s">
        <v>15</v>
      </c>
      <c r="G40346" s="16">
        <v>1.7745204958987577</v>
      </c>
    </row>
    <row r="40347" spans="1:7" x14ac:dyDescent="0.3">
      <c r="A40347" s="13" t="s">
        <v>240</v>
      </c>
      <c r="B40347" s="14" t="s">
        <v>1</v>
      </c>
      <c r="C40347" s="14" t="s">
        <v>238</v>
      </c>
      <c r="D40347" s="14" t="s">
        <v>241</v>
      </c>
      <c r="E40347" s="15">
        <v>45573</v>
      </c>
      <c r="F40347" s="14" t="s">
        <v>15</v>
      </c>
      <c r="G40347" s="16">
        <v>1.8082552505008271</v>
      </c>
    </row>
    <row r="40348" spans="1:7" x14ac:dyDescent="0.3">
      <c r="A40348" s="13" t="s">
        <v>240</v>
      </c>
      <c r="B40348" s="14" t="s">
        <v>1</v>
      </c>
      <c r="C40348" s="14" t="s">
        <v>238</v>
      </c>
      <c r="D40348" s="14" t="s">
        <v>241</v>
      </c>
      <c r="E40348" s="15">
        <v>45574</v>
      </c>
      <c r="F40348" s="14" t="s">
        <v>15</v>
      </c>
      <c r="G40348" s="16">
        <v>1.8106164609274233</v>
      </c>
    </row>
    <row r="40349" spans="1:7" x14ac:dyDescent="0.3">
      <c r="A40349" s="13" t="s">
        <v>240</v>
      </c>
      <c r="B40349" s="14" t="s">
        <v>1</v>
      </c>
      <c r="C40349" s="14" t="s">
        <v>238</v>
      </c>
      <c r="D40349" s="14" t="s">
        <v>241</v>
      </c>
      <c r="E40349" s="15">
        <v>45575</v>
      </c>
      <c r="F40349" s="14" t="s">
        <v>15</v>
      </c>
      <c r="G40349" s="16">
        <v>1.8195078188934837</v>
      </c>
    </row>
    <row r="40350" spans="1:7" x14ac:dyDescent="0.3">
      <c r="A40350" s="13" t="s">
        <v>240</v>
      </c>
      <c r="B40350" s="14" t="s">
        <v>1</v>
      </c>
      <c r="C40350" s="14" t="s">
        <v>238</v>
      </c>
      <c r="D40350" s="14" t="s">
        <v>241</v>
      </c>
      <c r="E40350" s="15">
        <v>45576</v>
      </c>
      <c r="F40350" s="14" t="s">
        <v>15</v>
      </c>
      <c r="G40350" s="16">
        <v>1.8294938337183311</v>
      </c>
    </row>
    <row r="40351" spans="1:7" x14ac:dyDescent="0.3">
      <c r="A40351" s="13" t="s">
        <v>240</v>
      </c>
      <c r="B40351" s="14" t="s">
        <v>1</v>
      </c>
      <c r="C40351" s="14" t="s">
        <v>238</v>
      </c>
      <c r="D40351" s="14" t="s">
        <v>241</v>
      </c>
      <c r="E40351" s="15">
        <v>45577</v>
      </c>
      <c r="F40351" s="14" t="s">
        <v>15</v>
      </c>
      <c r="G40351" s="16">
        <v>1.8294938337183311</v>
      </c>
    </row>
    <row r="40352" spans="1:7" x14ac:dyDescent="0.3">
      <c r="A40352" s="13" t="s">
        <v>240</v>
      </c>
      <c r="B40352" s="14" t="s">
        <v>1</v>
      </c>
      <c r="C40352" s="14" t="s">
        <v>238</v>
      </c>
      <c r="D40352" s="14" t="s">
        <v>241</v>
      </c>
      <c r="E40352" s="15">
        <v>45578</v>
      </c>
      <c r="F40352" s="14" t="s">
        <v>15</v>
      </c>
      <c r="G40352" s="16">
        <v>1.8294938337183311</v>
      </c>
    </row>
    <row r="40353" spans="1:7" x14ac:dyDescent="0.3">
      <c r="A40353" s="13" t="s">
        <v>240</v>
      </c>
      <c r="B40353" s="14" t="s">
        <v>1</v>
      </c>
      <c r="C40353" s="14" t="s">
        <v>238</v>
      </c>
      <c r="D40353" s="14" t="s">
        <v>241</v>
      </c>
      <c r="E40353" s="15">
        <v>45579</v>
      </c>
      <c r="F40353" s="14" t="s">
        <v>15</v>
      </c>
      <c r="G40353" s="16">
        <v>1.8342256020145877</v>
      </c>
    </row>
    <row r="40354" spans="1:7" x14ac:dyDescent="0.3">
      <c r="A40354" s="13" t="s">
        <v>240</v>
      </c>
      <c r="B40354" s="14" t="s">
        <v>1</v>
      </c>
      <c r="C40354" s="14" t="s">
        <v>238</v>
      </c>
      <c r="D40354" s="14" t="s">
        <v>241</v>
      </c>
      <c r="E40354" s="15">
        <v>45580</v>
      </c>
      <c r="F40354" s="14" t="s">
        <v>15</v>
      </c>
      <c r="G40354" s="16">
        <v>1.8598153470039578</v>
      </c>
    </row>
    <row r="40355" spans="1:7" x14ac:dyDescent="0.3">
      <c r="A40355" s="13" t="s">
        <v>240</v>
      </c>
      <c r="B40355" s="14" t="s">
        <v>1</v>
      </c>
      <c r="C40355" s="14" t="s">
        <v>238</v>
      </c>
      <c r="D40355" s="14" t="s">
        <v>241</v>
      </c>
      <c r="E40355" s="15">
        <v>45581</v>
      </c>
      <c r="F40355" s="14" t="s">
        <v>15</v>
      </c>
      <c r="G40355" s="16">
        <v>1.8642582500401075</v>
      </c>
    </row>
    <row r="40356" spans="1:7" x14ac:dyDescent="0.3">
      <c r="A40356" s="13" t="s">
        <v>240</v>
      </c>
      <c r="B40356" s="14" t="s">
        <v>1</v>
      </c>
      <c r="C40356" s="14" t="s">
        <v>238</v>
      </c>
      <c r="D40356" s="14" t="s">
        <v>241</v>
      </c>
      <c r="E40356" s="15">
        <v>45582</v>
      </c>
      <c r="F40356" s="14" t="s">
        <v>15</v>
      </c>
      <c r="G40356" s="16">
        <v>1.8684758320531298</v>
      </c>
    </row>
    <row r="40357" spans="1:7" x14ac:dyDescent="0.3">
      <c r="A40357" s="13" t="s">
        <v>240</v>
      </c>
      <c r="B40357" s="14" t="s">
        <v>1</v>
      </c>
      <c r="C40357" s="14" t="s">
        <v>238</v>
      </c>
      <c r="D40357" s="14" t="s">
        <v>241</v>
      </c>
      <c r="E40357" s="15">
        <v>45583</v>
      </c>
      <c r="F40357" s="14" t="s">
        <v>15</v>
      </c>
      <c r="G40357" s="16">
        <v>1.8840765547418137</v>
      </c>
    </row>
    <row r="40358" spans="1:7" x14ac:dyDescent="0.3">
      <c r="A40358" s="13" t="s">
        <v>240</v>
      </c>
      <c r="B40358" s="14" t="s">
        <v>1</v>
      </c>
      <c r="C40358" s="14" t="s">
        <v>238</v>
      </c>
      <c r="D40358" s="14" t="s">
        <v>241</v>
      </c>
      <c r="E40358" s="15">
        <v>45584</v>
      </c>
      <c r="F40358" s="14" t="s">
        <v>15</v>
      </c>
      <c r="G40358" s="16">
        <v>1.8840765547418137</v>
      </c>
    </row>
    <row r="40359" spans="1:7" x14ac:dyDescent="0.3">
      <c r="A40359" s="13" t="s">
        <v>240</v>
      </c>
      <c r="B40359" s="14" t="s">
        <v>1</v>
      </c>
      <c r="C40359" s="14" t="s">
        <v>238</v>
      </c>
      <c r="D40359" s="14" t="s">
        <v>241</v>
      </c>
      <c r="E40359" s="15">
        <v>45585</v>
      </c>
      <c r="F40359" s="14" t="s">
        <v>15</v>
      </c>
      <c r="G40359" s="16">
        <v>1.8840765547418137</v>
      </c>
    </row>
    <row r="40360" spans="1:7" x14ac:dyDescent="0.3">
      <c r="A40360" s="13" t="s">
        <v>240</v>
      </c>
      <c r="B40360" s="14" t="s">
        <v>1</v>
      </c>
      <c r="C40360" s="14" t="s">
        <v>238</v>
      </c>
      <c r="D40360" s="14" t="s">
        <v>241</v>
      </c>
      <c r="E40360" s="15">
        <v>45586</v>
      </c>
      <c r="F40360" s="14" t="s">
        <v>15</v>
      </c>
      <c r="G40360" s="16">
        <v>1.8846184265077024</v>
      </c>
    </row>
    <row r="40361" spans="1:7" x14ac:dyDescent="0.3">
      <c r="A40361" s="13" t="s">
        <v>240</v>
      </c>
      <c r="B40361" s="14" t="s">
        <v>1</v>
      </c>
      <c r="C40361" s="14" t="s">
        <v>238</v>
      </c>
      <c r="D40361" s="14" t="s">
        <v>241</v>
      </c>
      <c r="E40361" s="15">
        <v>45587</v>
      </c>
      <c r="F40361" s="14" t="s">
        <v>15</v>
      </c>
      <c r="G40361" s="16">
        <v>1.910664009636273</v>
      </c>
    </row>
    <row r="40362" spans="1:7" x14ac:dyDescent="0.3">
      <c r="A40362" s="13" t="s">
        <v>240</v>
      </c>
      <c r="B40362" s="14" t="s">
        <v>1</v>
      </c>
      <c r="C40362" s="14" t="s">
        <v>238</v>
      </c>
      <c r="D40362" s="14" t="s">
        <v>241</v>
      </c>
      <c r="E40362" s="15">
        <v>45588</v>
      </c>
      <c r="F40362" s="14" t="s">
        <v>15</v>
      </c>
      <c r="G40362" s="16">
        <v>1.9170004869489119</v>
      </c>
    </row>
    <row r="40363" spans="1:7" x14ac:dyDescent="0.3">
      <c r="A40363" s="13" t="s">
        <v>240</v>
      </c>
      <c r="B40363" s="14" t="s">
        <v>1</v>
      </c>
      <c r="C40363" s="14" t="s">
        <v>238</v>
      </c>
      <c r="D40363" s="14" t="s">
        <v>241</v>
      </c>
      <c r="E40363" s="15">
        <v>45589</v>
      </c>
      <c r="F40363" s="14" t="s">
        <v>15</v>
      </c>
      <c r="G40363" s="16">
        <v>1.9343741455626786</v>
      </c>
    </row>
    <row r="40364" spans="1:7" x14ac:dyDescent="0.3">
      <c r="A40364" s="13" t="s">
        <v>240</v>
      </c>
      <c r="B40364" s="14" t="s">
        <v>1</v>
      </c>
      <c r="C40364" s="14" t="s">
        <v>238</v>
      </c>
      <c r="D40364" s="14" t="s">
        <v>241</v>
      </c>
      <c r="E40364" s="15">
        <v>45590</v>
      </c>
      <c r="F40364" s="14" t="s">
        <v>15</v>
      </c>
      <c r="G40364" s="16">
        <v>1.9382265978220021</v>
      </c>
    </row>
    <row r="40365" spans="1:7" x14ac:dyDescent="0.3">
      <c r="A40365" s="13" t="s">
        <v>240</v>
      </c>
      <c r="B40365" s="14" t="s">
        <v>1</v>
      </c>
      <c r="C40365" s="14" t="s">
        <v>238</v>
      </c>
      <c r="D40365" s="14" t="s">
        <v>241</v>
      </c>
      <c r="E40365" s="15">
        <v>45591</v>
      </c>
      <c r="F40365" s="14" t="s">
        <v>15</v>
      </c>
      <c r="G40365" s="16">
        <v>1.9382265978220021</v>
      </c>
    </row>
    <row r="40366" spans="1:7" x14ac:dyDescent="0.3">
      <c r="A40366" s="13" t="s">
        <v>240</v>
      </c>
      <c r="B40366" s="14" t="s">
        <v>1</v>
      </c>
      <c r="C40366" s="14" t="s">
        <v>238</v>
      </c>
      <c r="D40366" s="14" t="s">
        <v>241</v>
      </c>
      <c r="E40366" s="15">
        <v>45592</v>
      </c>
      <c r="F40366" s="14" t="s">
        <v>15</v>
      </c>
      <c r="G40366" s="16">
        <v>1.9382265978220021</v>
      </c>
    </row>
    <row r="40367" spans="1:7" x14ac:dyDescent="0.3">
      <c r="A40367" s="13" t="s">
        <v>240</v>
      </c>
      <c r="B40367" s="14" t="s">
        <v>1</v>
      </c>
      <c r="C40367" s="14" t="s">
        <v>238</v>
      </c>
      <c r="D40367" s="14" t="s">
        <v>241</v>
      </c>
      <c r="E40367" s="15">
        <v>45593</v>
      </c>
      <c r="F40367" s="14" t="s">
        <v>15</v>
      </c>
      <c r="G40367" s="16">
        <v>1.9382265978220021</v>
      </c>
    </row>
    <row r="40368" spans="1:7" x14ac:dyDescent="0.3">
      <c r="A40368" s="13" t="s">
        <v>240</v>
      </c>
      <c r="B40368" s="14" t="s">
        <v>1</v>
      </c>
      <c r="C40368" s="14" t="s">
        <v>238</v>
      </c>
      <c r="D40368" s="14" t="s">
        <v>241</v>
      </c>
      <c r="E40368" s="15">
        <v>45594</v>
      </c>
      <c r="F40368" s="14" t="s">
        <v>15</v>
      </c>
      <c r="G40368" s="16">
        <v>1.9517113621344833</v>
      </c>
    </row>
    <row r="40369" spans="1:7" x14ac:dyDescent="0.3">
      <c r="A40369" s="13" t="s">
        <v>240</v>
      </c>
      <c r="B40369" s="14" t="s">
        <v>1</v>
      </c>
      <c r="C40369" s="14" t="s">
        <v>238</v>
      </c>
      <c r="D40369" s="14" t="s">
        <v>241</v>
      </c>
      <c r="E40369" s="15">
        <v>45595</v>
      </c>
      <c r="F40369" s="14" t="s">
        <v>15</v>
      </c>
      <c r="G40369" s="16">
        <v>1.9967203191887815</v>
      </c>
    </row>
    <row r="40370" spans="1:7" x14ac:dyDescent="0.3">
      <c r="A40370" s="13" t="s">
        <v>240</v>
      </c>
      <c r="B40370" s="14" t="s">
        <v>1</v>
      </c>
      <c r="C40370" s="14" t="s">
        <v>238</v>
      </c>
      <c r="D40370" s="14" t="s">
        <v>241</v>
      </c>
      <c r="E40370" s="15">
        <v>45596</v>
      </c>
      <c r="F40370" s="14" t="s">
        <v>15</v>
      </c>
      <c r="G40370" s="16">
        <v>2.0112865013935473</v>
      </c>
    </row>
    <row r="40371" spans="1:7" x14ac:dyDescent="0.3">
      <c r="A40371" s="13" t="s">
        <v>240</v>
      </c>
      <c r="B40371" s="14" t="s">
        <v>1</v>
      </c>
      <c r="C40371" s="14" t="s">
        <v>238</v>
      </c>
      <c r="D40371" s="14" t="s">
        <v>241</v>
      </c>
      <c r="E40371" s="15">
        <v>45597</v>
      </c>
      <c r="F40371" s="14" t="s">
        <v>15</v>
      </c>
      <c r="G40371" s="16">
        <v>2.0116100996257931</v>
      </c>
    </row>
    <row r="40372" spans="1:7" x14ac:dyDescent="0.3">
      <c r="A40372" s="13" t="s">
        <v>240</v>
      </c>
      <c r="B40372" s="14" t="s">
        <v>1</v>
      </c>
      <c r="C40372" s="14" t="s">
        <v>238</v>
      </c>
      <c r="D40372" s="14" t="s">
        <v>241</v>
      </c>
      <c r="E40372" s="15">
        <v>45598</v>
      </c>
      <c r="F40372" s="14" t="s">
        <v>15</v>
      </c>
      <c r="G40372" s="16">
        <v>2.0116100996257931</v>
      </c>
    </row>
    <row r="40373" spans="1:7" x14ac:dyDescent="0.3">
      <c r="A40373" s="13" t="s">
        <v>240</v>
      </c>
      <c r="B40373" s="14" t="s">
        <v>1</v>
      </c>
      <c r="C40373" s="14" t="s">
        <v>238</v>
      </c>
      <c r="D40373" s="14" t="s">
        <v>241</v>
      </c>
      <c r="E40373" s="15">
        <v>45599</v>
      </c>
      <c r="F40373" s="14" t="s">
        <v>15</v>
      </c>
      <c r="G40373" s="16">
        <v>2.0116100996257931</v>
      </c>
    </row>
    <row r="40374" spans="1:7" x14ac:dyDescent="0.3">
      <c r="A40374" s="13" t="s">
        <v>240</v>
      </c>
      <c r="B40374" s="14" t="s">
        <v>1</v>
      </c>
      <c r="C40374" s="14" t="s">
        <v>238</v>
      </c>
      <c r="D40374" s="14" t="s">
        <v>241</v>
      </c>
      <c r="E40374" s="15">
        <v>45600</v>
      </c>
      <c r="F40374" s="14" t="s">
        <v>15</v>
      </c>
      <c r="G40374" s="16">
        <v>2.0288588893355364</v>
      </c>
    </row>
    <row r="40375" spans="1:7" x14ac:dyDescent="0.3">
      <c r="A40375" s="13" t="s">
        <v>240</v>
      </c>
      <c r="B40375" s="14" t="s">
        <v>1</v>
      </c>
      <c r="C40375" s="14" t="s">
        <v>238</v>
      </c>
      <c r="D40375" s="14" t="s">
        <v>241</v>
      </c>
      <c r="E40375" s="15">
        <v>45601</v>
      </c>
      <c r="F40375" s="14" t="s">
        <v>15</v>
      </c>
      <c r="G40375" s="16">
        <v>2.0679392649284987</v>
      </c>
    </row>
    <row r="40376" spans="1:7" x14ac:dyDescent="0.3">
      <c r="A40376" s="13" t="s">
        <v>240</v>
      </c>
      <c r="B40376" s="14" t="s">
        <v>1</v>
      </c>
      <c r="C40376" s="14" t="s">
        <v>238</v>
      </c>
      <c r="D40376" s="14" t="s">
        <v>241</v>
      </c>
      <c r="E40376" s="15">
        <v>45602</v>
      </c>
      <c r="F40376" s="14" t="s">
        <v>15</v>
      </c>
      <c r="G40376" s="16">
        <v>2.0393448101848093</v>
      </c>
    </row>
    <row r="40377" spans="1:7" x14ac:dyDescent="0.3">
      <c r="A40377" s="13" t="s">
        <v>240</v>
      </c>
      <c r="B40377" s="14" t="s">
        <v>1</v>
      </c>
      <c r="C40377" s="14" t="s">
        <v>238</v>
      </c>
      <c r="D40377" s="14" t="s">
        <v>241</v>
      </c>
      <c r="E40377" s="15">
        <v>45603</v>
      </c>
      <c r="F40377" s="14" t="s">
        <v>15</v>
      </c>
      <c r="G40377" s="16">
        <v>2.0633279627027683</v>
      </c>
    </row>
    <row r="40378" spans="1:7" x14ac:dyDescent="0.3">
      <c r="A40378" s="13" t="s">
        <v>240</v>
      </c>
      <c r="B40378" s="14" t="s">
        <v>1</v>
      </c>
      <c r="C40378" s="14" t="s">
        <v>238</v>
      </c>
      <c r="D40378" s="14" t="s">
        <v>241</v>
      </c>
      <c r="E40378" s="15">
        <v>45604</v>
      </c>
      <c r="F40378" s="14" t="s">
        <v>15</v>
      </c>
      <c r="G40378" s="16">
        <v>2.0643552299967443</v>
      </c>
    </row>
    <row r="40379" spans="1:7" x14ac:dyDescent="0.3">
      <c r="A40379" s="13" t="s">
        <v>240</v>
      </c>
      <c r="B40379" s="14" t="s">
        <v>1</v>
      </c>
      <c r="C40379" s="14" t="s">
        <v>238</v>
      </c>
      <c r="D40379" s="14" t="s">
        <v>241</v>
      </c>
      <c r="E40379" s="15">
        <v>45605</v>
      </c>
      <c r="F40379" s="14" t="s">
        <v>15</v>
      </c>
      <c r="G40379" s="16">
        <v>2.0643552299967443</v>
      </c>
    </row>
    <row r="40380" spans="1:7" x14ac:dyDescent="0.3">
      <c r="A40380" s="13" t="s">
        <v>240</v>
      </c>
      <c r="B40380" s="14" t="s">
        <v>1</v>
      </c>
      <c r="C40380" s="14" t="s">
        <v>238</v>
      </c>
      <c r="D40380" s="14" t="s">
        <v>241</v>
      </c>
      <c r="E40380" s="15">
        <v>45606</v>
      </c>
      <c r="F40380" s="14" t="s">
        <v>15</v>
      </c>
      <c r="G40380" s="16">
        <v>2.0643552299967443</v>
      </c>
    </row>
    <row r="40381" spans="1:7" x14ac:dyDescent="0.3">
      <c r="A40381" s="13" t="s">
        <v>240</v>
      </c>
      <c r="B40381" s="14" t="s">
        <v>1</v>
      </c>
      <c r="C40381" s="14" t="s">
        <v>238</v>
      </c>
      <c r="D40381" s="14" t="s">
        <v>241</v>
      </c>
      <c r="E40381" s="15">
        <v>45607</v>
      </c>
      <c r="F40381" s="14" t="s">
        <v>15</v>
      </c>
      <c r="G40381" s="16">
        <v>2.0618289013475168</v>
      </c>
    </row>
    <row r="40382" spans="1:7" x14ac:dyDescent="0.3">
      <c r="A40382" s="13" t="s">
        <v>240</v>
      </c>
      <c r="B40382" s="14" t="s">
        <v>1</v>
      </c>
      <c r="C40382" s="14" t="s">
        <v>238</v>
      </c>
      <c r="D40382" s="14" t="s">
        <v>241</v>
      </c>
      <c r="E40382" s="15">
        <v>45608</v>
      </c>
      <c r="F40382" s="14" t="s">
        <v>15</v>
      </c>
      <c r="G40382" s="16">
        <v>2.0834925856526101</v>
      </c>
    </row>
    <row r="40383" spans="1:7" x14ac:dyDescent="0.3">
      <c r="A40383" s="13" t="s">
        <v>240</v>
      </c>
      <c r="B40383" s="14" t="s">
        <v>1</v>
      </c>
      <c r="C40383" s="14" t="s">
        <v>238</v>
      </c>
      <c r="D40383" s="14" t="s">
        <v>241</v>
      </c>
      <c r="E40383" s="15">
        <v>45609</v>
      </c>
      <c r="F40383" s="14" t="s">
        <v>15</v>
      </c>
      <c r="G40383" s="16">
        <v>2.0814444923616628</v>
      </c>
    </row>
    <row r="40384" spans="1:7" x14ac:dyDescent="0.3">
      <c r="A40384" s="13" t="s">
        <v>240</v>
      </c>
      <c r="B40384" s="14" t="s">
        <v>1</v>
      </c>
      <c r="C40384" s="14" t="s">
        <v>238</v>
      </c>
      <c r="D40384" s="14" t="s">
        <v>241</v>
      </c>
      <c r="E40384" s="15">
        <v>45610</v>
      </c>
      <c r="F40384" s="14" t="s">
        <v>15</v>
      </c>
      <c r="G40384" s="16">
        <v>2.0840522001747037</v>
      </c>
    </row>
    <row r="40385" spans="1:7" x14ac:dyDescent="0.3">
      <c r="A40385" s="13" t="s">
        <v>240</v>
      </c>
      <c r="B40385" s="14" t="s">
        <v>1</v>
      </c>
      <c r="C40385" s="14" t="s">
        <v>238</v>
      </c>
      <c r="D40385" s="14" t="s">
        <v>241</v>
      </c>
      <c r="E40385" s="15">
        <v>45611</v>
      </c>
      <c r="F40385" s="14" t="s">
        <v>15</v>
      </c>
      <c r="G40385" s="16">
        <v>2.095682010611811</v>
      </c>
    </row>
    <row r="40386" spans="1:7" x14ac:dyDescent="0.3">
      <c r="A40386" s="13" t="s">
        <v>240</v>
      </c>
      <c r="B40386" s="14" t="s">
        <v>1</v>
      </c>
      <c r="C40386" s="14" t="s">
        <v>238</v>
      </c>
      <c r="D40386" s="14" t="s">
        <v>241</v>
      </c>
      <c r="E40386" s="15">
        <v>45612</v>
      </c>
      <c r="F40386" s="14" t="s">
        <v>15</v>
      </c>
      <c r="G40386" s="16">
        <v>2.095682010611811</v>
      </c>
    </row>
    <row r="40387" spans="1:7" x14ac:dyDescent="0.3">
      <c r="A40387" s="13" t="s">
        <v>240</v>
      </c>
      <c r="B40387" s="14" t="s">
        <v>1</v>
      </c>
      <c r="C40387" s="14" t="s">
        <v>238</v>
      </c>
      <c r="D40387" s="14" t="s">
        <v>241</v>
      </c>
      <c r="E40387" s="15">
        <v>45613</v>
      </c>
      <c r="F40387" s="14" t="s">
        <v>15</v>
      </c>
      <c r="G40387" s="16">
        <v>2.095682010611811</v>
      </c>
    </row>
    <row r="40388" spans="1:7" x14ac:dyDescent="0.3">
      <c r="A40388" s="13" t="s">
        <v>240</v>
      </c>
      <c r="B40388" s="14" t="s">
        <v>1</v>
      </c>
      <c r="C40388" s="14" t="s">
        <v>238</v>
      </c>
      <c r="D40388" s="14" t="s">
        <v>241</v>
      </c>
      <c r="E40388" s="15">
        <v>45614</v>
      </c>
      <c r="F40388" s="14" t="s">
        <v>15</v>
      </c>
      <c r="G40388" s="16">
        <v>2.1169482482312287</v>
      </c>
    </row>
    <row r="40389" spans="1:7" x14ac:dyDescent="0.3">
      <c r="A40389" s="13" t="s">
        <v>240</v>
      </c>
      <c r="B40389" s="14" t="s">
        <v>1</v>
      </c>
      <c r="C40389" s="14" t="s">
        <v>238</v>
      </c>
      <c r="D40389" s="14" t="s">
        <v>241</v>
      </c>
      <c r="E40389" s="15">
        <v>45615</v>
      </c>
      <c r="F40389" s="14" t="s">
        <v>15</v>
      </c>
      <c r="G40389" s="16">
        <v>2.1447223110173033</v>
      </c>
    </row>
    <row r="40390" spans="1:7" x14ac:dyDescent="0.3">
      <c r="A40390" s="13" t="s">
        <v>240</v>
      </c>
      <c r="B40390" s="14" t="s">
        <v>1</v>
      </c>
      <c r="C40390" s="14" t="s">
        <v>238</v>
      </c>
      <c r="D40390" s="14" t="s">
        <v>241</v>
      </c>
      <c r="E40390" s="15">
        <v>45616</v>
      </c>
      <c r="F40390" s="14" t="s">
        <v>15</v>
      </c>
      <c r="G40390" s="16">
        <v>2.1437624261531787</v>
      </c>
    </row>
    <row r="40391" spans="1:7" x14ac:dyDescent="0.3">
      <c r="A40391" s="13" t="s">
        <v>240</v>
      </c>
      <c r="B40391" s="14" t="s">
        <v>1</v>
      </c>
      <c r="C40391" s="14" t="s">
        <v>238</v>
      </c>
      <c r="D40391" s="14" t="s">
        <v>241</v>
      </c>
      <c r="E40391" s="15">
        <v>45617</v>
      </c>
      <c r="F40391" s="14" t="s">
        <v>15</v>
      </c>
      <c r="G40391" s="16">
        <v>2.1390002572625613</v>
      </c>
    </row>
    <row r="40392" spans="1:7" x14ac:dyDescent="0.3">
      <c r="A40392" s="13" t="s">
        <v>240</v>
      </c>
      <c r="B40392" s="14" t="s">
        <v>1</v>
      </c>
      <c r="C40392" s="14" t="s">
        <v>238</v>
      </c>
      <c r="D40392" s="14" t="s">
        <v>241</v>
      </c>
      <c r="E40392" s="15">
        <v>45618</v>
      </c>
      <c r="F40392" s="14" t="s">
        <v>15</v>
      </c>
      <c r="G40392" s="16">
        <v>2.1374736845516695</v>
      </c>
    </row>
    <row r="40393" spans="1:7" x14ac:dyDescent="0.3">
      <c r="A40393" s="13" t="s">
        <v>240</v>
      </c>
      <c r="B40393" s="14" t="s">
        <v>1</v>
      </c>
      <c r="C40393" s="14" t="s">
        <v>238</v>
      </c>
      <c r="D40393" s="14" t="s">
        <v>241</v>
      </c>
      <c r="E40393" s="15">
        <v>45619</v>
      </c>
      <c r="F40393" s="14" t="s">
        <v>15</v>
      </c>
      <c r="G40393" s="16">
        <v>2.1374736845516695</v>
      </c>
    </row>
    <row r="40394" spans="1:7" x14ac:dyDescent="0.3">
      <c r="A40394" s="13" t="s">
        <v>240</v>
      </c>
      <c r="B40394" s="14" t="s">
        <v>1</v>
      </c>
      <c r="C40394" s="14" t="s">
        <v>238</v>
      </c>
      <c r="D40394" s="14" t="s">
        <v>241</v>
      </c>
      <c r="E40394" s="15">
        <v>45620</v>
      </c>
      <c r="F40394" s="14" t="s">
        <v>15</v>
      </c>
      <c r="G40394" s="16">
        <v>2.1374736845516695</v>
      </c>
    </row>
    <row r="40395" spans="1:7" x14ac:dyDescent="0.3">
      <c r="A40395" s="13" t="s">
        <v>240</v>
      </c>
      <c r="B40395" s="14" t="s">
        <v>1</v>
      </c>
      <c r="C40395" s="14" t="s">
        <v>238</v>
      </c>
      <c r="D40395" s="14" t="s">
        <v>241</v>
      </c>
      <c r="E40395" s="15">
        <v>45621</v>
      </c>
      <c r="F40395" s="14" t="s">
        <v>15</v>
      </c>
      <c r="G40395" s="16">
        <v>2.1620098121593734</v>
      </c>
    </row>
    <row r="40396" spans="1:7" x14ac:dyDescent="0.3">
      <c r="A40396" s="13" t="s">
        <v>240</v>
      </c>
      <c r="B40396" s="14" t="s">
        <v>1</v>
      </c>
      <c r="C40396" s="14" t="s">
        <v>238</v>
      </c>
      <c r="D40396" s="14" t="s">
        <v>241</v>
      </c>
      <c r="E40396" s="15">
        <v>45622</v>
      </c>
      <c r="F40396" s="14" t="s">
        <v>15</v>
      </c>
      <c r="G40396" s="16">
        <v>2.1897560260949933</v>
      </c>
    </row>
    <row r="40397" spans="1:7" x14ac:dyDescent="0.3">
      <c r="A40397" s="13" t="s">
        <v>240</v>
      </c>
      <c r="B40397" s="14" t="s">
        <v>1</v>
      </c>
      <c r="C40397" s="14" t="s">
        <v>238</v>
      </c>
      <c r="D40397" s="14" t="s">
        <v>241</v>
      </c>
      <c r="E40397" s="15">
        <v>45623</v>
      </c>
      <c r="F40397" s="14" t="s">
        <v>15</v>
      </c>
      <c r="G40397" s="16">
        <v>2.2155465131050405</v>
      </c>
    </row>
    <row r="40398" spans="1:7" x14ac:dyDescent="0.3">
      <c r="A40398" s="13" t="s">
        <v>240</v>
      </c>
      <c r="B40398" s="14" t="s">
        <v>1</v>
      </c>
      <c r="C40398" s="14" t="s">
        <v>238</v>
      </c>
      <c r="D40398" s="14" t="s">
        <v>241</v>
      </c>
      <c r="E40398" s="15">
        <v>45624</v>
      </c>
      <c r="F40398" s="14" t="s">
        <v>15</v>
      </c>
      <c r="G40398" s="16">
        <v>2.2231249855771842</v>
      </c>
    </row>
    <row r="40399" spans="1:7" x14ac:dyDescent="0.3">
      <c r="A40399" s="13" t="s">
        <v>240</v>
      </c>
      <c r="B40399" s="14" t="s">
        <v>1</v>
      </c>
      <c r="C40399" s="14" t="s">
        <v>238</v>
      </c>
      <c r="D40399" s="14" t="s">
        <v>241</v>
      </c>
      <c r="E40399" s="15">
        <v>45625</v>
      </c>
      <c r="F40399" s="14" t="s">
        <v>15</v>
      </c>
      <c r="G40399" s="16">
        <v>2.2369784138635436</v>
      </c>
    </row>
    <row r="40400" spans="1:7" x14ac:dyDescent="0.3">
      <c r="A40400" s="13" t="s">
        <v>240</v>
      </c>
      <c r="B40400" s="14" t="s">
        <v>1</v>
      </c>
      <c r="C40400" s="14" t="s">
        <v>238</v>
      </c>
      <c r="D40400" s="14" t="s">
        <v>241</v>
      </c>
      <c r="E40400" s="15">
        <v>45626</v>
      </c>
      <c r="F40400" s="14" t="s">
        <v>15</v>
      </c>
      <c r="G40400" s="16">
        <v>2.2369784138635436</v>
      </c>
    </row>
    <row r="40401" spans="1:7" x14ac:dyDescent="0.3">
      <c r="A40401" s="13" t="s">
        <v>240</v>
      </c>
      <c r="B40401" s="14" t="s">
        <v>1</v>
      </c>
      <c r="C40401" s="14" t="s">
        <v>238</v>
      </c>
      <c r="D40401" s="14" t="s">
        <v>241</v>
      </c>
      <c r="E40401" s="15">
        <v>45627</v>
      </c>
      <c r="F40401" s="14" t="s">
        <v>15</v>
      </c>
      <c r="G40401" s="16">
        <v>2.2369784138635436</v>
      </c>
    </row>
    <row r="40402" spans="1:7" x14ac:dyDescent="0.3">
      <c r="A40402" s="13" t="s">
        <v>240</v>
      </c>
      <c r="B40402" s="14" t="s">
        <v>1</v>
      </c>
      <c r="C40402" s="14" t="s">
        <v>238</v>
      </c>
      <c r="D40402" s="14" t="s">
        <v>241</v>
      </c>
      <c r="E40402" s="15">
        <v>45628</v>
      </c>
      <c r="F40402" s="14" t="s">
        <v>15</v>
      </c>
      <c r="G40402" s="16">
        <v>2.2296333046395862</v>
      </c>
    </row>
    <row r="40403" spans="1:7" x14ac:dyDescent="0.3">
      <c r="A40403" s="13" t="s">
        <v>240</v>
      </c>
      <c r="B40403" s="14" t="s">
        <v>1</v>
      </c>
      <c r="C40403" s="14" t="s">
        <v>238</v>
      </c>
      <c r="D40403" s="14" t="s">
        <v>241</v>
      </c>
      <c r="E40403" s="15">
        <v>45629</v>
      </c>
      <c r="F40403" s="14" t="s">
        <v>15</v>
      </c>
      <c r="G40403" s="16">
        <v>2.2609492494077323</v>
      </c>
    </row>
    <row r="40404" spans="1:7" x14ac:dyDescent="0.3">
      <c r="A40404" s="13" t="s">
        <v>240</v>
      </c>
      <c r="B40404" s="14" t="s">
        <v>1</v>
      </c>
      <c r="C40404" s="14" t="s">
        <v>238</v>
      </c>
      <c r="D40404" s="14" t="s">
        <v>241</v>
      </c>
      <c r="E40404" s="15">
        <v>45630</v>
      </c>
      <c r="F40404" s="14" t="s">
        <v>15</v>
      </c>
      <c r="G40404" s="16">
        <v>2.2711237392596391</v>
      </c>
    </row>
    <row r="40405" spans="1:7" x14ac:dyDescent="0.3">
      <c r="A40405" s="13" t="s">
        <v>240</v>
      </c>
      <c r="B40405" s="14" t="s">
        <v>1</v>
      </c>
      <c r="C40405" s="14" t="s">
        <v>238</v>
      </c>
      <c r="D40405" s="14" t="s">
        <v>241</v>
      </c>
      <c r="E40405" s="15">
        <v>45631</v>
      </c>
      <c r="F40405" s="14" t="s">
        <v>15</v>
      </c>
      <c r="G40405" s="16">
        <v>2.2974791042742209</v>
      </c>
    </row>
    <row r="40406" spans="1:7" x14ac:dyDescent="0.3">
      <c r="A40406" s="13" t="s">
        <v>240</v>
      </c>
      <c r="B40406" s="14" t="s">
        <v>1</v>
      </c>
      <c r="C40406" s="14" t="s">
        <v>238</v>
      </c>
      <c r="D40406" s="14" t="s">
        <v>241</v>
      </c>
      <c r="E40406" s="15">
        <v>45632</v>
      </c>
      <c r="F40406" s="14" t="s">
        <v>15</v>
      </c>
      <c r="G40406" s="16">
        <v>2.3041554075730346</v>
      </c>
    </row>
    <row r="40407" spans="1:7" x14ac:dyDescent="0.3">
      <c r="A40407" s="13" t="s">
        <v>240</v>
      </c>
      <c r="B40407" s="14" t="s">
        <v>1</v>
      </c>
      <c r="C40407" s="14" t="s">
        <v>238</v>
      </c>
      <c r="D40407" s="14" t="s">
        <v>241</v>
      </c>
      <c r="E40407" s="15">
        <v>45633</v>
      </c>
      <c r="F40407" s="14" t="s">
        <v>15</v>
      </c>
      <c r="G40407" s="16">
        <v>2.3041554075730346</v>
      </c>
    </row>
    <row r="40408" spans="1:7" x14ac:dyDescent="0.3">
      <c r="A40408" s="13" t="s">
        <v>240</v>
      </c>
      <c r="B40408" s="14" t="s">
        <v>1</v>
      </c>
      <c r="C40408" s="14" t="s">
        <v>238</v>
      </c>
      <c r="D40408" s="14" t="s">
        <v>241</v>
      </c>
      <c r="E40408" s="15">
        <v>45634</v>
      </c>
      <c r="F40408" s="14" t="s">
        <v>15</v>
      </c>
      <c r="G40408" s="16">
        <v>2.3041554075730346</v>
      </c>
    </row>
    <row r="40409" spans="1:7" x14ac:dyDescent="0.3">
      <c r="A40409" s="13" t="s">
        <v>240</v>
      </c>
      <c r="B40409" s="14" t="s">
        <v>1</v>
      </c>
      <c r="C40409" s="14" t="s">
        <v>238</v>
      </c>
      <c r="D40409" s="14" t="s">
        <v>241</v>
      </c>
      <c r="E40409" s="15">
        <v>45635</v>
      </c>
      <c r="F40409" s="14" t="s">
        <v>15</v>
      </c>
      <c r="G40409" s="16">
        <v>2.3103317091397861</v>
      </c>
    </row>
    <row r="40410" spans="1:7" x14ac:dyDescent="0.3">
      <c r="A40410" s="13" t="s">
        <v>240</v>
      </c>
      <c r="B40410" s="14" t="s">
        <v>1</v>
      </c>
      <c r="C40410" s="14" t="s">
        <v>238</v>
      </c>
      <c r="D40410" s="14" t="s">
        <v>241</v>
      </c>
      <c r="E40410" s="15">
        <v>45636</v>
      </c>
      <c r="F40410" s="14" t="s">
        <v>15</v>
      </c>
      <c r="G40410" s="16">
        <v>2.3332285125456584</v>
      </c>
    </row>
    <row r="40411" spans="1:7" x14ac:dyDescent="0.3">
      <c r="A40411" s="13" t="s">
        <v>240</v>
      </c>
      <c r="B40411" s="14" t="s">
        <v>1</v>
      </c>
      <c r="C40411" s="14" t="s">
        <v>238</v>
      </c>
      <c r="D40411" s="14" t="s">
        <v>241</v>
      </c>
      <c r="E40411" s="15">
        <v>45637</v>
      </c>
      <c r="F40411" s="14" t="s">
        <v>15</v>
      </c>
      <c r="G40411" s="16">
        <v>2.3356294585159825</v>
      </c>
    </row>
    <row r="40412" spans="1:7" x14ac:dyDescent="0.3">
      <c r="A40412" s="13" t="s">
        <v>240</v>
      </c>
      <c r="B40412" s="14" t="s">
        <v>1</v>
      </c>
      <c r="C40412" s="14" t="s">
        <v>238</v>
      </c>
      <c r="D40412" s="14" t="s">
        <v>241</v>
      </c>
      <c r="E40412" s="15">
        <v>45638</v>
      </c>
      <c r="F40412" s="14" t="s">
        <v>15</v>
      </c>
      <c r="G40412" s="16">
        <v>2.3388059689494169</v>
      </c>
    </row>
    <row r="40413" spans="1:7" x14ac:dyDescent="0.3">
      <c r="A40413" s="13" t="s">
        <v>240</v>
      </c>
      <c r="B40413" s="14" t="s">
        <v>1</v>
      </c>
      <c r="C40413" s="14" t="s">
        <v>238</v>
      </c>
      <c r="D40413" s="14" t="s">
        <v>241</v>
      </c>
      <c r="E40413" s="15">
        <v>45639</v>
      </c>
      <c r="F40413" s="14" t="s">
        <v>15</v>
      </c>
      <c r="G40413" s="16">
        <v>2.3557955522033032</v>
      </c>
    </row>
    <row r="40414" spans="1:7" x14ac:dyDescent="0.3">
      <c r="A40414" s="13" t="s">
        <v>240</v>
      </c>
      <c r="B40414" s="14" t="s">
        <v>1</v>
      </c>
      <c r="C40414" s="14" t="s">
        <v>238</v>
      </c>
      <c r="D40414" s="14" t="s">
        <v>241</v>
      </c>
      <c r="E40414" s="15">
        <v>45640</v>
      </c>
      <c r="F40414" s="14" t="s">
        <v>15</v>
      </c>
      <c r="G40414" s="16">
        <v>2.3557955522033032</v>
      </c>
    </row>
    <row r="40415" spans="1:7" x14ac:dyDescent="0.3">
      <c r="A40415" s="13" t="s">
        <v>240</v>
      </c>
      <c r="B40415" s="14" t="s">
        <v>1</v>
      </c>
      <c r="C40415" s="14" t="s">
        <v>238</v>
      </c>
      <c r="D40415" s="14" t="s">
        <v>241</v>
      </c>
      <c r="E40415" s="15">
        <v>45641</v>
      </c>
      <c r="F40415" s="14" t="s">
        <v>15</v>
      </c>
      <c r="G40415" s="16">
        <v>2.3557955522033032</v>
      </c>
    </row>
    <row r="40416" spans="1:7" x14ac:dyDescent="0.3">
      <c r="A40416" s="13" t="s">
        <v>240</v>
      </c>
      <c r="B40416" s="14" t="s">
        <v>1</v>
      </c>
      <c r="C40416" s="14" t="s">
        <v>238</v>
      </c>
      <c r="D40416" s="14" t="s">
        <v>241</v>
      </c>
      <c r="E40416" s="15">
        <v>45642</v>
      </c>
      <c r="F40416" s="14" t="s">
        <v>15</v>
      </c>
      <c r="G40416" s="16">
        <v>2.3678658337219765</v>
      </c>
    </row>
    <row r="40417" spans="1:7" x14ac:dyDescent="0.3">
      <c r="A40417" s="13" t="s">
        <v>240</v>
      </c>
      <c r="B40417" s="14" t="s">
        <v>1</v>
      </c>
      <c r="C40417" s="14" t="s">
        <v>238</v>
      </c>
      <c r="D40417" s="14" t="s">
        <v>241</v>
      </c>
      <c r="E40417" s="15">
        <v>45643</v>
      </c>
      <c r="F40417" s="14" t="s">
        <v>15</v>
      </c>
      <c r="G40417" s="16">
        <v>2.3920410017581379</v>
      </c>
    </row>
    <row r="40418" spans="1:7" x14ac:dyDescent="0.3">
      <c r="A40418" s="13" t="s">
        <v>240</v>
      </c>
      <c r="B40418" s="14" t="s">
        <v>1</v>
      </c>
      <c r="C40418" s="14" t="s">
        <v>238</v>
      </c>
      <c r="D40418" s="14" t="s">
        <v>241</v>
      </c>
      <c r="E40418" s="15">
        <v>45644</v>
      </c>
      <c r="F40418" s="14" t="s">
        <v>15</v>
      </c>
      <c r="G40418" s="16">
        <v>2.3695528261279928</v>
      </c>
    </row>
    <row r="40419" spans="1:7" x14ac:dyDescent="0.3">
      <c r="A40419" s="13" t="s">
        <v>240</v>
      </c>
      <c r="B40419" s="14" t="s">
        <v>1</v>
      </c>
      <c r="C40419" s="14" t="s">
        <v>238</v>
      </c>
      <c r="D40419" s="14" t="s">
        <v>241</v>
      </c>
      <c r="E40419" s="15">
        <v>45645</v>
      </c>
      <c r="F40419" s="14" t="s">
        <v>15</v>
      </c>
      <c r="G40419" s="16">
        <v>2.3814913071237878</v>
      </c>
    </row>
    <row r="40420" spans="1:7" x14ac:dyDescent="0.3">
      <c r="A40420" s="13" t="s">
        <v>240</v>
      </c>
      <c r="B40420" s="14" t="s">
        <v>1</v>
      </c>
      <c r="C40420" s="14" t="s">
        <v>238</v>
      </c>
      <c r="D40420" s="14" t="s">
        <v>241</v>
      </c>
      <c r="E40420" s="15">
        <v>45646</v>
      </c>
      <c r="F40420" s="14" t="s">
        <v>15</v>
      </c>
      <c r="G40420" s="16">
        <v>2.4064567418851968</v>
      </c>
    </row>
    <row r="40421" spans="1:7" x14ac:dyDescent="0.3">
      <c r="A40421" s="13" t="s">
        <v>240</v>
      </c>
      <c r="B40421" s="14" t="s">
        <v>1</v>
      </c>
      <c r="C40421" s="14" t="s">
        <v>238</v>
      </c>
      <c r="D40421" s="14" t="s">
        <v>241</v>
      </c>
      <c r="E40421" s="15">
        <v>45647</v>
      </c>
      <c r="F40421" s="14" t="s">
        <v>15</v>
      </c>
      <c r="G40421" s="16">
        <v>2.4064567418851968</v>
      </c>
    </row>
    <row r="40422" spans="1:7" x14ac:dyDescent="0.3">
      <c r="A40422" s="13" t="s">
        <v>240</v>
      </c>
      <c r="B40422" s="14" t="s">
        <v>1</v>
      </c>
      <c r="C40422" s="14" t="s">
        <v>238</v>
      </c>
      <c r="D40422" s="14" t="s">
        <v>241</v>
      </c>
      <c r="E40422" s="15">
        <v>45648</v>
      </c>
      <c r="F40422" s="14" t="s">
        <v>15</v>
      </c>
      <c r="G40422" s="16">
        <v>2.4064567418851968</v>
      </c>
    </row>
    <row r="40423" spans="1:7" x14ac:dyDescent="0.3">
      <c r="A40423" s="13" t="s">
        <v>240</v>
      </c>
      <c r="B40423" s="14" t="s">
        <v>1</v>
      </c>
      <c r="C40423" s="14" t="s">
        <v>238</v>
      </c>
      <c r="D40423" s="14" t="s">
        <v>241</v>
      </c>
      <c r="E40423" s="15">
        <v>45649</v>
      </c>
      <c r="F40423" s="14" t="s">
        <v>15</v>
      </c>
      <c r="G40423" s="16">
        <v>2.4103296484139811</v>
      </c>
    </row>
    <row r="40424" spans="1:7" x14ac:dyDescent="0.3">
      <c r="A40424" s="13" t="s">
        <v>240</v>
      </c>
      <c r="B40424" s="14" t="s">
        <v>1</v>
      </c>
      <c r="C40424" s="14" t="s">
        <v>238</v>
      </c>
      <c r="D40424" s="14" t="s">
        <v>241</v>
      </c>
      <c r="E40424" s="15">
        <v>45650</v>
      </c>
      <c r="F40424" s="14" t="s">
        <v>15</v>
      </c>
      <c r="G40424" s="16">
        <v>2.437767654034249</v>
      </c>
    </row>
    <row r="40425" spans="1:7" x14ac:dyDescent="0.3">
      <c r="A40425" s="13" t="s">
        <v>240</v>
      </c>
      <c r="B40425" s="14" t="s">
        <v>1</v>
      </c>
      <c r="C40425" s="14" t="s">
        <v>238</v>
      </c>
      <c r="D40425" s="14" t="s">
        <v>241</v>
      </c>
      <c r="E40425" s="15">
        <v>45651</v>
      </c>
      <c r="F40425" s="14" t="s">
        <v>15</v>
      </c>
      <c r="G40425" s="16">
        <v>2.437767654034249</v>
      </c>
    </row>
    <row r="40426" spans="1:7" x14ac:dyDescent="0.3">
      <c r="A40426" s="13" t="s">
        <v>240</v>
      </c>
      <c r="B40426" s="14" t="s">
        <v>1</v>
      </c>
      <c r="C40426" s="14" t="s">
        <v>238</v>
      </c>
      <c r="D40426" s="14" t="s">
        <v>241</v>
      </c>
      <c r="E40426" s="15">
        <v>45652</v>
      </c>
      <c r="F40426" s="14" t="s">
        <v>15</v>
      </c>
      <c r="G40426" s="16">
        <v>2.437767654034249</v>
      </c>
    </row>
    <row r="40427" spans="1:7" x14ac:dyDescent="0.3">
      <c r="A40427" s="13" t="s">
        <v>240</v>
      </c>
      <c r="B40427" s="14" t="s">
        <v>1</v>
      </c>
      <c r="C40427" s="14" t="s">
        <v>238</v>
      </c>
      <c r="D40427" s="14" t="s">
        <v>241</v>
      </c>
      <c r="E40427" s="15">
        <v>45653</v>
      </c>
      <c r="F40427" s="14" t="s">
        <v>15</v>
      </c>
      <c r="G40427" s="16">
        <v>2.437767654034249</v>
      </c>
    </row>
    <row r="40428" spans="1:7" x14ac:dyDescent="0.3">
      <c r="A40428" s="13" t="s">
        <v>240</v>
      </c>
      <c r="B40428" s="14" t="s">
        <v>1</v>
      </c>
      <c r="C40428" s="14" t="s">
        <v>238</v>
      </c>
      <c r="D40428" s="14" t="s">
        <v>241</v>
      </c>
      <c r="E40428" s="15">
        <v>45654</v>
      </c>
      <c r="F40428" s="14" t="s">
        <v>15</v>
      </c>
      <c r="G40428" s="16">
        <v>2.437767654034249</v>
      </c>
    </row>
    <row r="40429" spans="1:7" x14ac:dyDescent="0.3">
      <c r="A40429" s="13" t="s">
        <v>240</v>
      </c>
      <c r="B40429" s="14" t="s">
        <v>1</v>
      </c>
      <c r="C40429" s="14" t="s">
        <v>238</v>
      </c>
      <c r="D40429" s="14" t="s">
        <v>241</v>
      </c>
      <c r="E40429" s="15">
        <v>45655</v>
      </c>
      <c r="F40429" s="14" t="s">
        <v>15</v>
      </c>
      <c r="G40429" s="16">
        <v>2.437767654034249</v>
      </c>
    </row>
    <row r="40430" spans="1:7" x14ac:dyDescent="0.3">
      <c r="A40430" s="13" t="s">
        <v>240</v>
      </c>
      <c r="B40430" s="14" t="s">
        <v>1</v>
      </c>
      <c r="C40430" s="14" t="s">
        <v>238</v>
      </c>
      <c r="D40430" s="14" t="s">
        <v>241</v>
      </c>
      <c r="E40430" s="15">
        <v>45656</v>
      </c>
      <c r="F40430" s="14" t="s">
        <v>15</v>
      </c>
      <c r="G40430" s="16">
        <v>2.4494707316482671</v>
      </c>
    </row>
    <row r="40431" spans="1:7" x14ac:dyDescent="0.3">
      <c r="A40431" s="13" t="s">
        <v>240</v>
      </c>
      <c r="B40431" s="14" t="s">
        <v>1</v>
      </c>
      <c r="C40431" s="14" t="s">
        <v>238</v>
      </c>
      <c r="D40431" s="14" t="s">
        <v>241</v>
      </c>
      <c r="E40431" s="15">
        <v>45657</v>
      </c>
      <c r="F40431" s="14" t="s">
        <v>15</v>
      </c>
      <c r="G40431" s="16">
        <v>2.4948098808299894</v>
      </c>
    </row>
    <row r="40432" spans="1:7" x14ac:dyDescent="0.3">
      <c r="A40432" s="13" t="s">
        <v>240</v>
      </c>
      <c r="B40432" s="14" t="s">
        <v>1</v>
      </c>
      <c r="C40432" s="14" t="s">
        <v>238</v>
      </c>
      <c r="D40432" s="14" t="s">
        <v>241</v>
      </c>
      <c r="E40432" s="15">
        <v>45658</v>
      </c>
      <c r="F40432" s="14" t="s">
        <v>15</v>
      </c>
      <c r="G40432" s="16">
        <v>2.4948098808299894</v>
      </c>
    </row>
    <row r="40433" spans="1:7" x14ac:dyDescent="0.3">
      <c r="A40433" s="13" t="s">
        <v>240</v>
      </c>
      <c r="B40433" s="14" t="s">
        <v>1</v>
      </c>
      <c r="C40433" s="14" t="s">
        <v>238</v>
      </c>
      <c r="D40433" s="14" t="s">
        <v>241</v>
      </c>
      <c r="E40433" s="15">
        <v>45659</v>
      </c>
      <c r="F40433" s="14" t="s">
        <v>15</v>
      </c>
      <c r="G40433" s="16">
        <v>2.4948098808299894</v>
      </c>
    </row>
    <row r="40434" spans="1:7" x14ac:dyDescent="0.3">
      <c r="A40434" s="13" t="s">
        <v>240</v>
      </c>
      <c r="B40434" s="14" t="s">
        <v>1</v>
      </c>
      <c r="C40434" s="14" t="s">
        <v>238</v>
      </c>
      <c r="D40434" s="14" t="s">
        <v>241</v>
      </c>
      <c r="E40434" s="15">
        <v>45660</v>
      </c>
      <c r="F40434" s="14" t="s">
        <v>15</v>
      </c>
      <c r="G40434" s="16">
        <v>2.4935627293478526</v>
      </c>
    </row>
    <row r="40435" spans="1:7" x14ac:dyDescent="0.3">
      <c r="A40435" s="13" t="s">
        <v>240</v>
      </c>
      <c r="B40435" s="14" t="s">
        <v>1</v>
      </c>
      <c r="C40435" s="14" t="s">
        <v>238</v>
      </c>
      <c r="D40435" s="14" t="s">
        <v>241</v>
      </c>
      <c r="E40435" s="15">
        <v>45661</v>
      </c>
      <c r="F40435" s="14" t="s">
        <v>15</v>
      </c>
      <c r="G40435" s="16">
        <v>2.4935627293478526</v>
      </c>
    </row>
    <row r="40436" spans="1:7" x14ac:dyDescent="0.3">
      <c r="A40436" s="13" t="s">
        <v>240</v>
      </c>
      <c r="B40436" s="14" t="s">
        <v>1</v>
      </c>
      <c r="C40436" s="14" t="s">
        <v>238</v>
      </c>
      <c r="D40436" s="14" t="s">
        <v>241</v>
      </c>
      <c r="E40436" s="15">
        <v>45662</v>
      </c>
      <c r="F40436" s="14" t="s">
        <v>15</v>
      </c>
      <c r="G40436" s="16">
        <v>2.4935627293478526</v>
      </c>
    </row>
    <row r="40437" spans="1:7" x14ac:dyDescent="0.3">
      <c r="A40437" s="13" t="s">
        <v>240</v>
      </c>
      <c r="B40437" s="14" t="s">
        <v>1</v>
      </c>
      <c r="C40437" s="14" t="s">
        <v>238</v>
      </c>
      <c r="D40437" s="14" t="s">
        <v>241</v>
      </c>
      <c r="E40437" s="15">
        <v>45663</v>
      </c>
      <c r="F40437" s="14" t="s">
        <v>15</v>
      </c>
      <c r="G40437" s="16">
        <v>2.5419545429354748</v>
      </c>
    </row>
    <row r="40438" spans="1:7" x14ac:dyDescent="0.3">
      <c r="A40438" s="13" t="s">
        <v>240</v>
      </c>
      <c r="B40438" s="14" t="s">
        <v>1</v>
      </c>
      <c r="C40438" s="14" t="s">
        <v>238</v>
      </c>
      <c r="D40438" s="14" t="s">
        <v>241</v>
      </c>
      <c r="E40438" s="15">
        <v>45664</v>
      </c>
      <c r="F40438" s="14" t="s">
        <v>15</v>
      </c>
      <c r="G40438" s="16">
        <v>2.5594128383508425</v>
      </c>
    </row>
    <row r="40439" spans="1:7" x14ac:dyDescent="0.3">
      <c r="A40439" s="13" t="s">
        <v>240</v>
      </c>
      <c r="B40439" s="14" t="s">
        <v>1</v>
      </c>
      <c r="C40439" s="14" t="s">
        <v>238</v>
      </c>
      <c r="D40439" s="14" t="s">
        <v>241</v>
      </c>
      <c r="E40439" s="15">
        <v>45665</v>
      </c>
      <c r="F40439" s="14" t="s">
        <v>15</v>
      </c>
      <c r="G40439" s="16">
        <v>2.5636930265461331</v>
      </c>
    </row>
    <row r="40440" spans="1:7" x14ac:dyDescent="0.3">
      <c r="A40440" s="13" t="s">
        <v>240</v>
      </c>
      <c r="B40440" s="14" t="s">
        <v>1</v>
      </c>
      <c r="C40440" s="14" t="s">
        <v>238</v>
      </c>
      <c r="D40440" s="14" t="s">
        <v>241</v>
      </c>
      <c r="E40440" s="15">
        <v>45666</v>
      </c>
      <c r="F40440" s="14" t="s">
        <v>15</v>
      </c>
      <c r="G40440" s="16">
        <v>2.5685066295837418</v>
      </c>
    </row>
    <row r="40441" spans="1:7" x14ac:dyDescent="0.3">
      <c r="A40441" s="13" t="s">
        <v>240</v>
      </c>
      <c r="B40441" s="14" t="s">
        <v>1</v>
      </c>
      <c r="C40441" s="14" t="s">
        <v>238</v>
      </c>
      <c r="D40441" s="14" t="s">
        <v>241</v>
      </c>
      <c r="E40441" s="15">
        <v>45667</v>
      </c>
      <c r="F40441" s="14" t="s">
        <v>15</v>
      </c>
      <c r="G40441" s="16">
        <v>2.5646533516237393</v>
      </c>
    </row>
    <row r="40442" spans="1:7" x14ac:dyDescent="0.3">
      <c r="A40442" s="13" t="s">
        <v>240</v>
      </c>
      <c r="B40442" s="14" t="s">
        <v>1</v>
      </c>
      <c r="C40442" s="14" t="s">
        <v>238</v>
      </c>
      <c r="D40442" s="14" t="s">
        <v>241</v>
      </c>
      <c r="E40442" s="15">
        <v>45668</v>
      </c>
      <c r="F40442" s="14" t="s">
        <v>15</v>
      </c>
      <c r="G40442" s="16">
        <v>2.5646533516237393</v>
      </c>
    </row>
    <row r="40443" spans="1:7" x14ac:dyDescent="0.3">
      <c r="A40443" s="13" t="s">
        <v>240</v>
      </c>
      <c r="B40443" s="14" t="s">
        <v>1</v>
      </c>
      <c r="C40443" s="14" t="s">
        <v>238</v>
      </c>
      <c r="D40443" s="14" t="s">
        <v>241</v>
      </c>
      <c r="E40443" s="15">
        <v>45669</v>
      </c>
      <c r="F40443" s="14" t="s">
        <v>15</v>
      </c>
      <c r="G40443" s="16">
        <v>2.5646533516237393</v>
      </c>
    </row>
    <row r="40444" spans="1:7" x14ac:dyDescent="0.3">
      <c r="A40444" s="13" t="s">
        <v>240</v>
      </c>
      <c r="B40444" s="14" t="s">
        <v>1</v>
      </c>
      <c r="C40444" s="14" t="s">
        <v>238</v>
      </c>
      <c r="D40444" s="14" t="s">
        <v>241</v>
      </c>
      <c r="E40444" s="15">
        <v>45670</v>
      </c>
      <c r="F40444" s="14" t="s">
        <v>15</v>
      </c>
      <c r="G40444" s="16">
        <v>2.5739690471893004</v>
      </c>
    </row>
    <row r="40445" spans="1:7" x14ac:dyDescent="0.3">
      <c r="A40445" s="13" t="s">
        <v>240</v>
      </c>
      <c r="B40445" s="14" t="s">
        <v>1</v>
      </c>
      <c r="C40445" s="14" t="s">
        <v>238</v>
      </c>
      <c r="D40445" s="14" t="s">
        <v>241</v>
      </c>
      <c r="E40445" s="15">
        <v>45671</v>
      </c>
      <c r="F40445" s="14" t="s">
        <v>15</v>
      </c>
      <c r="G40445" s="16">
        <v>2.6193595657321311</v>
      </c>
    </row>
    <row r="40446" spans="1:7" x14ac:dyDescent="0.3">
      <c r="A40446" s="13" t="s">
        <v>240</v>
      </c>
      <c r="B40446" s="14" t="s">
        <v>1</v>
      </c>
      <c r="C40446" s="14" t="s">
        <v>238</v>
      </c>
      <c r="D40446" s="14" t="s">
        <v>241</v>
      </c>
      <c r="E40446" s="15">
        <v>45672</v>
      </c>
      <c r="F40446" s="14" t="s">
        <v>15</v>
      </c>
      <c r="G40446" s="16">
        <v>2.6239373758697964</v>
      </c>
    </row>
    <row r="40447" spans="1:7" x14ac:dyDescent="0.3">
      <c r="A40447" s="13" t="s">
        <v>240</v>
      </c>
      <c r="B40447" s="14" t="s">
        <v>1</v>
      </c>
      <c r="C40447" s="14" t="s">
        <v>238</v>
      </c>
      <c r="D40447" s="14" t="s">
        <v>241</v>
      </c>
      <c r="E40447" s="15">
        <v>45673</v>
      </c>
      <c r="F40447" s="14" t="s">
        <v>15</v>
      </c>
      <c r="G40447" s="16">
        <v>2.6359918802201991</v>
      </c>
    </row>
    <row r="40448" spans="1:7" x14ac:dyDescent="0.3">
      <c r="A40448" s="13" t="s">
        <v>240</v>
      </c>
      <c r="B40448" s="14" t="s">
        <v>1</v>
      </c>
      <c r="C40448" s="14" t="s">
        <v>238</v>
      </c>
      <c r="D40448" s="14" t="s">
        <v>241</v>
      </c>
      <c r="E40448" s="15">
        <v>45674</v>
      </c>
      <c r="F40448" s="14" t="s">
        <v>15</v>
      </c>
      <c r="G40448" s="16">
        <v>2.6385295641380293</v>
      </c>
    </row>
    <row r="40449" spans="1:7" x14ac:dyDescent="0.3">
      <c r="A40449" s="13" t="s">
        <v>240</v>
      </c>
      <c r="B40449" s="14" t="s">
        <v>1</v>
      </c>
      <c r="C40449" s="14" t="s">
        <v>238</v>
      </c>
      <c r="D40449" s="14" t="s">
        <v>241</v>
      </c>
      <c r="E40449" s="15">
        <v>45675</v>
      </c>
      <c r="F40449" s="14" t="s">
        <v>15</v>
      </c>
      <c r="G40449" s="16">
        <v>2.6385295641380293</v>
      </c>
    </row>
    <row r="40450" spans="1:7" x14ac:dyDescent="0.3">
      <c r="A40450" s="13" t="s">
        <v>240</v>
      </c>
      <c r="B40450" s="14" t="s">
        <v>1</v>
      </c>
      <c r="C40450" s="14" t="s">
        <v>238</v>
      </c>
      <c r="D40450" s="14" t="s">
        <v>241</v>
      </c>
      <c r="E40450" s="15">
        <v>45676</v>
      </c>
      <c r="F40450" s="14" t="s">
        <v>15</v>
      </c>
      <c r="G40450" s="16">
        <v>2.6385295641380293</v>
      </c>
    </row>
    <row r="40451" spans="1:7" x14ac:dyDescent="0.3">
      <c r="A40451" s="13" t="s">
        <v>240</v>
      </c>
      <c r="B40451" s="14" t="s">
        <v>1</v>
      </c>
      <c r="C40451" s="14" t="s">
        <v>238</v>
      </c>
      <c r="D40451" s="14" t="s">
        <v>241</v>
      </c>
      <c r="E40451" s="15">
        <v>45677</v>
      </c>
      <c r="F40451" s="14" t="s">
        <v>15</v>
      </c>
      <c r="G40451" s="16">
        <v>2.6861135989162626</v>
      </c>
    </row>
    <row r="40452" spans="1:7" x14ac:dyDescent="0.3">
      <c r="A40452" s="13" t="s">
        <v>240</v>
      </c>
      <c r="B40452" s="14" t="s">
        <v>1</v>
      </c>
      <c r="C40452" s="14" t="s">
        <v>238</v>
      </c>
      <c r="D40452" s="14" t="s">
        <v>241</v>
      </c>
      <c r="E40452" s="15">
        <v>45678</v>
      </c>
      <c r="F40452" s="14" t="s">
        <v>15</v>
      </c>
      <c r="G40452" s="16">
        <v>2.7184546248834214</v>
      </c>
    </row>
    <row r="40453" spans="1:7" x14ac:dyDescent="0.3">
      <c r="A40453" s="13" t="s">
        <v>240</v>
      </c>
      <c r="B40453" s="14" t="s">
        <v>1</v>
      </c>
      <c r="C40453" s="14" t="s">
        <v>238</v>
      </c>
      <c r="D40453" s="14" t="s">
        <v>241</v>
      </c>
      <c r="E40453" s="15">
        <v>45679</v>
      </c>
      <c r="F40453" s="14" t="s">
        <v>15</v>
      </c>
      <c r="G40453" s="16">
        <v>2.7229615070130242</v>
      </c>
    </row>
    <row r="40454" spans="1:7" x14ac:dyDescent="0.3">
      <c r="A40454" s="13" t="s">
        <v>240</v>
      </c>
      <c r="B40454" s="14" t="s">
        <v>1</v>
      </c>
      <c r="C40454" s="14" t="s">
        <v>238</v>
      </c>
      <c r="D40454" s="14" t="s">
        <v>241</v>
      </c>
      <c r="E40454" s="15">
        <v>45680</v>
      </c>
      <c r="F40454" s="14" t="s">
        <v>15</v>
      </c>
      <c r="G40454" s="16">
        <v>2.7342734976260541</v>
      </c>
    </row>
    <row r="40455" spans="1:7" x14ac:dyDescent="0.3">
      <c r="A40455" s="13" t="s">
        <v>240</v>
      </c>
      <c r="B40455" s="14" t="s">
        <v>1</v>
      </c>
      <c r="C40455" s="14" t="s">
        <v>238</v>
      </c>
      <c r="D40455" s="14" t="s">
        <v>241</v>
      </c>
      <c r="E40455" s="15">
        <v>45681</v>
      </c>
      <c r="F40455" s="14" t="s">
        <v>15</v>
      </c>
      <c r="G40455" s="16">
        <v>2.764608183719429</v>
      </c>
    </row>
    <row r="40456" spans="1:7" x14ac:dyDescent="0.3">
      <c r="A40456" s="13" t="s">
        <v>240</v>
      </c>
      <c r="B40456" s="14" t="s">
        <v>1</v>
      </c>
      <c r="C40456" s="14" t="s">
        <v>238</v>
      </c>
      <c r="D40456" s="14" t="s">
        <v>241</v>
      </c>
      <c r="E40456" s="15">
        <v>45682</v>
      </c>
      <c r="F40456" s="14" t="s">
        <v>15</v>
      </c>
      <c r="G40456" s="16">
        <v>2.764608183719429</v>
      </c>
    </row>
    <row r="40457" spans="1:7" x14ac:dyDescent="0.3">
      <c r="A40457" s="13" t="s">
        <v>240</v>
      </c>
      <c r="B40457" s="14" t="s">
        <v>1</v>
      </c>
      <c r="C40457" s="14" t="s">
        <v>238</v>
      </c>
      <c r="D40457" s="14" t="s">
        <v>241</v>
      </c>
      <c r="E40457" s="15">
        <v>45683</v>
      </c>
      <c r="F40457" s="14" t="s">
        <v>15</v>
      </c>
      <c r="G40457" s="16">
        <v>2.764608183719429</v>
      </c>
    </row>
    <row r="40458" spans="1:7" x14ac:dyDescent="0.3">
      <c r="A40458" s="13" t="s">
        <v>240</v>
      </c>
      <c r="B40458" s="14" t="s">
        <v>1</v>
      </c>
      <c r="C40458" s="14" t="s">
        <v>238</v>
      </c>
      <c r="D40458" s="14" t="s">
        <v>241</v>
      </c>
      <c r="E40458" s="15">
        <v>45684</v>
      </c>
      <c r="F40458" s="14" t="s">
        <v>15</v>
      </c>
      <c r="G40458" s="16">
        <v>2.773717689011201</v>
      </c>
    </row>
    <row r="40459" spans="1:7" x14ac:dyDescent="0.3">
      <c r="A40459" s="13" t="s">
        <v>240</v>
      </c>
      <c r="B40459" s="14" t="s">
        <v>1</v>
      </c>
      <c r="C40459" s="14" t="s">
        <v>238</v>
      </c>
      <c r="D40459" s="14" t="s">
        <v>241</v>
      </c>
      <c r="E40459" s="15">
        <v>45685</v>
      </c>
      <c r="F40459" s="14" t="s">
        <v>15</v>
      </c>
      <c r="G40459" s="16">
        <v>2.7863660371241856</v>
      </c>
    </row>
    <row r="40460" spans="1:7" x14ac:dyDescent="0.3">
      <c r="A40460" s="13" t="s">
        <v>240</v>
      </c>
      <c r="B40460" s="14" t="s">
        <v>1</v>
      </c>
      <c r="C40460" s="14" t="s">
        <v>238</v>
      </c>
      <c r="D40460" s="14" t="s">
        <v>241</v>
      </c>
      <c r="E40460" s="15">
        <v>45686</v>
      </c>
      <c r="F40460" s="14" t="s">
        <v>15</v>
      </c>
      <c r="G40460" s="16">
        <v>2.7930353184450247</v>
      </c>
    </row>
    <row r="40461" spans="1:7" x14ac:dyDescent="0.3">
      <c r="A40461" s="13" t="s">
        <v>240</v>
      </c>
      <c r="B40461" s="14" t="s">
        <v>1</v>
      </c>
      <c r="C40461" s="14" t="s">
        <v>238</v>
      </c>
      <c r="D40461" s="14" t="s">
        <v>241</v>
      </c>
      <c r="E40461" s="15">
        <v>45687</v>
      </c>
      <c r="F40461" s="14" t="s">
        <v>15</v>
      </c>
      <c r="G40461" s="16">
        <v>2.7855366620572974</v>
      </c>
    </row>
    <row r="40462" spans="1:7" x14ac:dyDescent="0.3">
      <c r="A40462" s="13" t="s">
        <v>240</v>
      </c>
      <c r="B40462" s="14" t="s">
        <v>1</v>
      </c>
      <c r="C40462" s="14" t="s">
        <v>238</v>
      </c>
      <c r="D40462" s="14" t="s">
        <v>241</v>
      </c>
      <c r="E40462" s="15">
        <v>45688</v>
      </c>
      <c r="F40462" s="14" t="s">
        <v>15</v>
      </c>
      <c r="G40462" s="16">
        <v>2.7881620917217811</v>
      </c>
    </row>
    <row r="40463" spans="1:7" x14ac:dyDescent="0.3">
      <c r="A40463" s="13" t="s">
        <v>240</v>
      </c>
      <c r="B40463" s="14" t="s">
        <v>1</v>
      </c>
      <c r="C40463" s="14" t="s">
        <v>238</v>
      </c>
      <c r="D40463" s="14" t="s">
        <v>241</v>
      </c>
      <c r="E40463" s="15">
        <v>45689</v>
      </c>
      <c r="F40463" s="14" t="s">
        <v>15</v>
      </c>
      <c r="G40463" s="16">
        <v>2.7881620917217811</v>
      </c>
    </row>
    <row r="40464" spans="1:7" x14ac:dyDescent="0.3">
      <c r="A40464" s="13" t="s">
        <v>240</v>
      </c>
      <c r="B40464" s="14" t="s">
        <v>1</v>
      </c>
      <c r="C40464" s="14" t="s">
        <v>238</v>
      </c>
      <c r="D40464" s="14" t="s">
        <v>241</v>
      </c>
      <c r="E40464" s="15">
        <v>45690</v>
      </c>
      <c r="F40464" s="14" t="s">
        <v>15</v>
      </c>
      <c r="G40464" s="16">
        <v>2.7881620917217811</v>
      </c>
    </row>
    <row r="40465" spans="1:7" x14ac:dyDescent="0.3">
      <c r="A40465" s="13" t="s">
        <v>240</v>
      </c>
      <c r="B40465" s="14" t="s">
        <v>1</v>
      </c>
      <c r="C40465" s="14" t="s">
        <v>238</v>
      </c>
      <c r="D40465" s="14" t="s">
        <v>241</v>
      </c>
      <c r="E40465" s="15">
        <v>45691</v>
      </c>
      <c r="F40465" s="14" t="s">
        <v>15</v>
      </c>
      <c r="G40465" s="16">
        <v>2.7881620917217811</v>
      </c>
    </row>
    <row r="40466" spans="1:7" x14ac:dyDescent="0.3">
      <c r="A40466" s="13" t="s">
        <v>240</v>
      </c>
      <c r="B40466" s="14" t="s">
        <v>1</v>
      </c>
      <c r="C40466" s="14" t="s">
        <v>238</v>
      </c>
      <c r="D40466" s="14" t="s">
        <v>241</v>
      </c>
      <c r="E40466" s="15">
        <v>45692</v>
      </c>
      <c r="F40466" s="14" t="s">
        <v>15</v>
      </c>
      <c r="G40466" s="16">
        <v>2.802079988015866</v>
      </c>
    </row>
    <row r="40467" spans="1:7" x14ac:dyDescent="0.3">
      <c r="A40467" s="13" t="s">
        <v>240</v>
      </c>
      <c r="B40467" s="14" t="s">
        <v>1</v>
      </c>
      <c r="C40467" s="14" t="s">
        <v>238</v>
      </c>
      <c r="D40467" s="14" t="s">
        <v>241</v>
      </c>
      <c r="E40467" s="15">
        <v>45693</v>
      </c>
      <c r="F40467" s="14" t="s">
        <v>15</v>
      </c>
      <c r="G40467" s="16">
        <v>2.8455694097507358</v>
      </c>
    </row>
    <row r="40468" spans="1:7" x14ac:dyDescent="0.3">
      <c r="A40468" s="13" t="s">
        <v>240</v>
      </c>
      <c r="B40468" s="14" t="s">
        <v>1</v>
      </c>
      <c r="C40468" s="14" t="s">
        <v>238</v>
      </c>
      <c r="D40468" s="14" t="s">
        <v>241</v>
      </c>
      <c r="E40468" s="15">
        <v>45694</v>
      </c>
      <c r="F40468" s="14" t="s">
        <v>15</v>
      </c>
      <c r="G40468" s="16">
        <v>2.8504906763536106</v>
      </c>
    </row>
    <row r="40469" spans="1:7" x14ac:dyDescent="0.3">
      <c r="A40469" s="13" t="s">
        <v>240</v>
      </c>
      <c r="B40469" s="14" t="s">
        <v>1</v>
      </c>
      <c r="C40469" s="14" t="s">
        <v>238</v>
      </c>
      <c r="D40469" s="14" t="s">
        <v>241</v>
      </c>
      <c r="E40469" s="15">
        <v>45695</v>
      </c>
      <c r="F40469" s="14" t="s">
        <v>15</v>
      </c>
      <c r="G40469" s="16">
        <v>2.8447683866206397</v>
      </c>
    </row>
    <row r="40470" spans="1:7" x14ac:dyDescent="0.3">
      <c r="A40470" s="13" t="s">
        <v>240</v>
      </c>
      <c r="B40470" s="14" t="s">
        <v>1</v>
      </c>
      <c r="C40470" s="14" t="s">
        <v>238</v>
      </c>
      <c r="D40470" s="14" t="s">
        <v>241</v>
      </c>
      <c r="E40470" s="15">
        <v>45696</v>
      </c>
      <c r="F40470" s="14" t="s">
        <v>15</v>
      </c>
      <c r="G40470" s="16">
        <v>2.8447683866206397</v>
      </c>
    </row>
    <row r="40471" spans="1:7" x14ac:dyDescent="0.3">
      <c r="A40471" s="13" t="s">
        <v>240</v>
      </c>
      <c r="B40471" s="14" t="s">
        <v>1</v>
      </c>
      <c r="C40471" s="14" t="s">
        <v>238</v>
      </c>
      <c r="D40471" s="14" t="s">
        <v>241</v>
      </c>
      <c r="E40471" s="15">
        <v>45697</v>
      </c>
      <c r="F40471" s="14" t="s">
        <v>15</v>
      </c>
      <c r="G40471" s="16">
        <v>2.8447683866206397</v>
      </c>
    </row>
    <row r="40472" spans="1:7" x14ac:dyDescent="0.3">
      <c r="A40472" s="13" t="s">
        <v>240</v>
      </c>
      <c r="B40472" s="14" t="s">
        <v>1</v>
      </c>
      <c r="C40472" s="14" t="s">
        <v>238</v>
      </c>
      <c r="D40472" s="14" t="s">
        <v>241</v>
      </c>
      <c r="E40472" s="15">
        <v>45698</v>
      </c>
      <c r="F40472" s="14" t="s">
        <v>15</v>
      </c>
      <c r="G40472" s="16">
        <v>2.8490423039319412</v>
      </c>
    </row>
    <row r="40473" spans="1:7" x14ac:dyDescent="0.3">
      <c r="A40473" s="13" t="s">
        <v>240</v>
      </c>
      <c r="B40473" s="14" t="s">
        <v>1</v>
      </c>
      <c r="C40473" s="14" t="s">
        <v>238</v>
      </c>
      <c r="D40473" s="14" t="s">
        <v>241</v>
      </c>
      <c r="E40473" s="15">
        <v>45699</v>
      </c>
      <c r="F40473" s="14" t="s">
        <v>15</v>
      </c>
      <c r="G40473" s="16">
        <v>2.8928095759149692</v>
      </c>
    </row>
    <row r="40474" spans="1:7" x14ac:dyDescent="0.3">
      <c r="A40474" s="13" t="s">
        <v>240</v>
      </c>
      <c r="B40474" s="14" t="s">
        <v>1</v>
      </c>
      <c r="C40474" s="14" t="s">
        <v>238</v>
      </c>
      <c r="D40474" s="14" t="s">
        <v>241</v>
      </c>
      <c r="E40474" s="15">
        <v>45700</v>
      </c>
      <c r="F40474" s="14" t="s">
        <v>15</v>
      </c>
      <c r="G40474" s="16">
        <v>2.9081272572213002</v>
      </c>
    </row>
    <row r="40475" spans="1:7" x14ac:dyDescent="0.3">
      <c r="A40475" s="13" t="s">
        <v>240</v>
      </c>
      <c r="B40475" s="14" t="s">
        <v>1</v>
      </c>
      <c r="C40475" s="14" t="s">
        <v>238</v>
      </c>
      <c r="D40475" s="14" t="s">
        <v>241</v>
      </c>
      <c r="E40475" s="15">
        <v>45701</v>
      </c>
      <c r="F40475" s="14" t="s">
        <v>15</v>
      </c>
      <c r="G40475" s="16">
        <v>2.9406890139627806</v>
      </c>
    </row>
    <row r="40476" spans="1:7" x14ac:dyDescent="0.3">
      <c r="A40476" s="13" t="s">
        <v>240</v>
      </c>
      <c r="B40476" s="14" t="s">
        <v>1</v>
      </c>
      <c r="C40476" s="14" t="s">
        <v>238</v>
      </c>
      <c r="D40476" s="14" t="s">
        <v>241</v>
      </c>
      <c r="E40476" s="15">
        <v>45702</v>
      </c>
      <c r="F40476" s="14" t="s">
        <v>15</v>
      </c>
      <c r="G40476" s="16">
        <v>2.9590797322020661</v>
      </c>
    </row>
    <row r="40477" spans="1:7" x14ac:dyDescent="0.3">
      <c r="A40477" s="13" t="s">
        <v>240</v>
      </c>
      <c r="B40477" s="14" t="s">
        <v>1</v>
      </c>
      <c r="C40477" s="14" t="s">
        <v>238</v>
      </c>
      <c r="D40477" s="14" t="s">
        <v>241</v>
      </c>
      <c r="E40477" s="15">
        <v>45703</v>
      </c>
      <c r="F40477" s="14" t="s">
        <v>15</v>
      </c>
      <c r="G40477" s="16">
        <v>2.9590797322020661</v>
      </c>
    </row>
    <row r="40478" spans="1:7" x14ac:dyDescent="0.3">
      <c r="A40478" s="13" t="s">
        <v>240</v>
      </c>
      <c r="B40478" s="14" t="s">
        <v>1</v>
      </c>
      <c r="C40478" s="14" t="s">
        <v>238</v>
      </c>
      <c r="D40478" s="14" t="s">
        <v>241</v>
      </c>
      <c r="E40478" s="15">
        <v>45704</v>
      </c>
      <c r="F40478" s="14" t="s">
        <v>15</v>
      </c>
      <c r="G40478" s="16">
        <v>2.9590797322020661</v>
      </c>
    </row>
    <row r="40479" spans="1:7" x14ac:dyDescent="0.3">
      <c r="A40479" s="13" t="s">
        <v>240</v>
      </c>
      <c r="B40479" s="14" t="s">
        <v>1</v>
      </c>
      <c r="C40479" s="14" t="s">
        <v>238</v>
      </c>
      <c r="D40479" s="14" t="s">
        <v>241</v>
      </c>
      <c r="E40479" s="15">
        <v>45705</v>
      </c>
      <c r="F40479" s="14" t="s">
        <v>15</v>
      </c>
      <c r="G40479" s="16">
        <v>2.9659561000603034</v>
      </c>
    </row>
    <row r="40480" spans="1:7" x14ac:dyDescent="0.3">
      <c r="A40480" s="13" t="s">
        <v>240</v>
      </c>
      <c r="B40480" s="14" t="s">
        <v>1</v>
      </c>
      <c r="C40480" s="14" t="s">
        <v>238</v>
      </c>
      <c r="D40480" s="14" t="s">
        <v>241</v>
      </c>
      <c r="E40480" s="15">
        <v>45706</v>
      </c>
      <c r="F40480" s="14" t="s">
        <v>15</v>
      </c>
      <c r="G40480" s="16">
        <v>2.9842244289109612</v>
      </c>
    </row>
    <row r="40481" spans="1:7" x14ac:dyDescent="0.3">
      <c r="A40481" s="13" t="s">
        <v>240</v>
      </c>
      <c r="B40481" s="14" t="s">
        <v>1</v>
      </c>
      <c r="C40481" s="14" t="s">
        <v>238</v>
      </c>
      <c r="D40481" s="14" t="s">
        <v>241</v>
      </c>
      <c r="E40481" s="15">
        <v>45707</v>
      </c>
      <c r="F40481" s="14" t="s">
        <v>15</v>
      </c>
      <c r="G40481" s="16">
        <v>2.9866622066116948</v>
      </c>
    </row>
    <row r="40482" spans="1:7" x14ac:dyDescent="0.3">
      <c r="A40482" s="13" t="s">
        <v>240</v>
      </c>
      <c r="B40482" s="14" t="s">
        <v>1</v>
      </c>
      <c r="C40482" s="14" t="s">
        <v>238</v>
      </c>
      <c r="D40482" s="14" t="s">
        <v>241</v>
      </c>
      <c r="E40482" s="15">
        <v>45708</v>
      </c>
      <c r="F40482" s="14" t="s">
        <v>15</v>
      </c>
      <c r="G40482" s="16">
        <v>3.0192247775199439</v>
      </c>
    </row>
    <row r="40483" spans="1:7" x14ac:dyDescent="0.3">
      <c r="A40483" s="13" t="s">
        <v>240</v>
      </c>
      <c r="B40483" s="14" t="s">
        <v>1</v>
      </c>
      <c r="C40483" s="14" t="s">
        <v>238</v>
      </c>
      <c r="D40483" s="14" t="s">
        <v>241</v>
      </c>
      <c r="E40483" s="15">
        <v>45709</v>
      </c>
      <c r="F40483" s="14" t="s">
        <v>15</v>
      </c>
      <c r="G40483" s="16">
        <v>3.0165509874508585</v>
      </c>
    </row>
    <row r="40484" spans="1:7" x14ac:dyDescent="0.3">
      <c r="A40484" s="13" t="s">
        <v>240</v>
      </c>
      <c r="B40484" s="14" t="s">
        <v>1</v>
      </c>
      <c r="C40484" s="14" t="s">
        <v>238</v>
      </c>
      <c r="D40484" s="14" t="s">
        <v>241</v>
      </c>
      <c r="E40484" s="15">
        <v>45710</v>
      </c>
      <c r="F40484" s="14" t="s">
        <v>15</v>
      </c>
      <c r="G40484" s="16">
        <v>3.0165509874508585</v>
      </c>
    </row>
    <row r="40485" spans="1:7" x14ac:dyDescent="0.3">
      <c r="A40485" s="13" t="s">
        <v>240</v>
      </c>
      <c r="B40485" s="14" t="s">
        <v>1</v>
      </c>
      <c r="C40485" s="14" t="s">
        <v>238</v>
      </c>
      <c r="D40485" s="14" t="s">
        <v>241</v>
      </c>
      <c r="E40485" s="15">
        <v>45711</v>
      </c>
      <c r="F40485" s="14" t="s">
        <v>15</v>
      </c>
      <c r="G40485" s="16">
        <v>3.0165509874508585</v>
      </c>
    </row>
    <row r="40486" spans="1:7" x14ac:dyDescent="0.3">
      <c r="A40486" s="13" t="s">
        <v>240</v>
      </c>
      <c r="B40486" s="14" t="s">
        <v>1</v>
      </c>
      <c r="C40486" s="14" t="s">
        <v>238</v>
      </c>
      <c r="D40486" s="14" t="s">
        <v>241</v>
      </c>
      <c r="E40486" s="15">
        <v>45712</v>
      </c>
      <c r="F40486" s="14" t="s">
        <v>15</v>
      </c>
      <c r="G40486" s="16">
        <v>3.0287359387631954</v>
      </c>
    </row>
    <row r="40487" spans="1:7" x14ac:dyDescent="0.3">
      <c r="A40487" s="13" t="s">
        <v>240</v>
      </c>
      <c r="B40487" s="14" t="s">
        <v>1</v>
      </c>
      <c r="C40487" s="14" t="s">
        <v>238</v>
      </c>
      <c r="D40487" s="14" t="s">
        <v>241</v>
      </c>
      <c r="E40487" s="15">
        <v>45713</v>
      </c>
      <c r="F40487" s="14" t="s">
        <v>15</v>
      </c>
      <c r="G40487" s="16">
        <v>3.0709892298101265</v>
      </c>
    </row>
    <row r="40488" spans="1:7" x14ac:dyDescent="0.3">
      <c r="A40488" s="13" t="s">
        <v>240</v>
      </c>
      <c r="B40488" s="14" t="s">
        <v>1</v>
      </c>
      <c r="C40488" s="14" t="s">
        <v>238</v>
      </c>
      <c r="D40488" s="14" t="s">
        <v>241</v>
      </c>
      <c r="E40488" s="15">
        <v>45714</v>
      </c>
      <c r="F40488" s="14" t="s">
        <v>15</v>
      </c>
      <c r="G40488" s="16">
        <v>3.0722492013959188</v>
      </c>
    </row>
    <row r="40489" spans="1:7" x14ac:dyDescent="0.3">
      <c r="A40489" s="13" t="s">
        <v>240</v>
      </c>
      <c r="B40489" s="14" t="s">
        <v>1</v>
      </c>
      <c r="C40489" s="14" t="s">
        <v>238</v>
      </c>
      <c r="D40489" s="14" t="s">
        <v>241</v>
      </c>
      <c r="E40489" s="15">
        <v>45715</v>
      </c>
      <c r="F40489" s="14" t="s">
        <v>15</v>
      </c>
      <c r="G40489" s="16">
        <v>3.0568219857012511</v>
      </c>
    </row>
    <row r="40490" spans="1:7" x14ac:dyDescent="0.3">
      <c r="A40490" s="13" t="s">
        <v>240</v>
      </c>
      <c r="B40490" s="14" t="s">
        <v>1</v>
      </c>
      <c r="C40490" s="14" t="s">
        <v>238</v>
      </c>
      <c r="D40490" s="14" t="s">
        <v>241</v>
      </c>
      <c r="E40490" s="15">
        <v>45716</v>
      </c>
      <c r="F40490" s="14" t="s">
        <v>15</v>
      </c>
      <c r="G40490" s="16">
        <v>3.0593299444097961</v>
      </c>
    </row>
    <row r="40491" spans="1:7" x14ac:dyDescent="0.3">
      <c r="A40491" s="13" t="s">
        <v>240</v>
      </c>
      <c r="B40491" s="14" t="s">
        <v>1</v>
      </c>
      <c r="C40491" s="14" t="s">
        <v>238</v>
      </c>
      <c r="D40491" s="14" t="s">
        <v>241</v>
      </c>
      <c r="E40491" s="15">
        <v>45717</v>
      </c>
      <c r="F40491" s="14" t="s">
        <v>15</v>
      </c>
      <c r="G40491" s="16">
        <v>3.0593299444097961</v>
      </c>
    </row>
    <row r="40492" spans="1:7" x14ac:dyDescent="0.3">
      <c r="A40492" s="13" t="s">
        <v>240</v>
      </c>
      <c r="B40492" s="14" t="s">
        <v>1</v>
      </c>
      <c r="C40492" s="14" t="s">
        <v>238</v>
      </c>
      <c r="D40492" s="14" t="s">
        <v>241</v>
      </c>
      <c r="E40492" s="15">
        <v>45718</v>
      </c>
      <c r="F40492" s="14" t="s">
        <v>15</v>
      </c>
      <c r="G40492" s="16">
        <v>3.0593299444097961</v>
      </c>
    </row>
    <row r="40493" spans="1:7" x14ac:dyDescent="0.3">
      <c r="A40493" s="13" t="s">
        <v>240</v>
      </c>
      <c r="B40493" s="14" t="s">
        <v>1</v>
      </c>
      <c r="C40493" s="14" t="s">
        <v>238</v>
      </c>
      <c r="D40493" s="14" t="s">
        <v>241</v>
      </c>
      <c r="E40493" s="15">
        <v>45719</v>
      </c>
      <c r="F40493" s="14" t="s">
        <v>15</v>
      </c>
      <c r="G40493" s="16">
        <v>3.1015913389098508</v>
      </c>
    </row>
    <row r="40494" spans="1:7" x14ac:dyDescent="0.3">
      <c r="A40494" s="13" t="s">
        <v>240</v>
      </c>
      <c r="B40494" s="14" t="s">
        <v>1</v>
      </c>
      <c r="C40494" s="14" t="s">
        <v>238</v>
      </c>
      <c r="D40494" s="14" t="s">
        <v>241</v>
      </c>
      <c r="E40494" s="15">
        <v>45720</v>
      </c>
      <c r="F40494" s="14" t="s">
        <v>15</v>
      </c>
      <c r="G40494" s="16">
        <v>3.1721562054891068</v>
      </c>
    </row>
    <row r="40495" spans="1:7" x14ac:dyDescent="0.3">
      <c r="A40495" s="13" t="s">
        <v>240</v>
      </c>
      <c r="B40495" s="14" t="s">
        <v>1</v>
      </c>
      <c r="C40495" s="14" t="s">
        <v>238</v>
      </c>
      <c r="D40495" s="14" t="s">
        <v>241</v>
      </c>
      <c r="E40495" s="15">
        <v>45721</v>
      </c>
      <c r="F40495" s="14" t="s">
        <v>15</v>
      </c>
      <c r="G40495" s="16">
        <v>3.2317529050810037</v>
      </c>
    </row>
    <row r="40496" spans="1:7" x14ac:dyDescent="0.3">
      <c r="A40496" s="13" t="s">
        <v>240</v>
      </c>
      <c r="B40496" s="14" t="s">
        <v>1</v>
      </c>
      <c r="C40496" s="14" t="s">
        <v>238</v>
      </c>
      <c r="D40496" s="14" t="s">
        <v>241</v>
      </c>
      <c r="E40496" s="15">
        <v>45722</v>
      </c>
      <c r="F40496" s="14" t="s">
        <v>15</v>
      </c>
      <c r="G40496" s="16">
        <v>3.2349908212551099</v>
      </c>
    </row>
    <row r="40497" spans="1:7" x14ac:dyDescent="0.3">
      <c r="A40497" s="13" t="s">
        <v>240</v>
      </c>
      <c r="B40497" s="14" t="s">
        <v>1</v>
      </c>
      <c r="C40497" s="14" t="s">
        <v>238</v>
      </c>
      <c r="D40497" s="14" t="s">
        <v>241</v>
      </c>
      <c r="E40497" s="15">
        <v>45723</v>
      </c>
      <c r="F40497" s="14" t="s">
        <v>15</v>
      </c>
      <c r="G40497" s="16">
        <v>3.2697973769590041</v>
      </c>
    </row>
    <row r="40498" spans="1:7" x14ac:dyDescent="0.3">
      <c r="A40498" s="13" t="s">
        <v>240</v>
      </c>
      <c r="B40498" s="14" t="s">
        <v>1</v>
      </c>
      <c r="C40498" s="14" t="s">
        <v>238</v>
      </c>
      <c r="D40498" s="14" t="s">
        <v>241</v>
      </c>
      <c r="E40498" s="15">
        <v>45724</v>
      </c>
      <c r="F40498" s="14" t="s">
        <v>15</v>
      </c>
      <c r="G40498" s="16">
        <v>3.2697973769590041</v>
      </c>
    </row>
    <row r="40499" spans="1:7" x14ac:dyDescent="0.3">
      <c r="A40499" s="13" t="s">
        <v>240</v>
      </c>
      <c r="B40499" s="14" t="s">
        <v>1</v>
      </c>
      <c r="C40499" s="14" t="s">
        <v>238</v>
      </c>
      <c r="D40499" s="14" t="s">
        <v>241</v>
      </c>
      <c r="E40499" s="15">
        <v>45725</v>
      </c>
      <c r="F40499" s="14" t="s">
        <v>15</v>
      </c>
      <c r="G40499" s="16">
        <v>3.2697973769590041</v>
      </c>
    </row>
    <row r="40500" spans="1:7" x14ac:dyDescent="0.3">
      <c r="A40500" s="13" t="s">
        <v>240</v>
      </c>
      <c r="B40500" s="14" t="s">
        <v>1</v>
      </c>
      <c r="C40500" s="14" t="s">
        <v>238</v>
      </c>
      <c r="D40500" s="14" t="s">
        <v>241</v>
      </c>
      <c r="E40500" s="15">
        <v>45726</v>
      </c>
      <c r="F40500" s="14" t="s">
        <v>15</v>
      </c>
      <c r="G40500" s="16">
        <v>3.2799094389732413</v>
      </c>
    </row>
    <row r="40501" spans="1:7" x14ac:dyDescent="0.3">
      <c r="A40501" s="13" t="s">
        <v>240</v>
      </c>
      <c r="B40501" s="14" t="s">
        <v>1</v>
      </c>
      <c r="C40501" s="14" t="s">
        <v>238</v>
      </c>
      <c r="D40501" s="14" t="s">
        <v>241</v>
      </c>
      <c r="E40501" s="15">
        <v>45727</v>
      </c>
      <c r="F40501" s="14" t="s">
        <v>15</v>
      </c>
      <c r="G40501" s="16">
        <v>3.3343300749879288</v>
      </c>
    </row>
    <row r="40502" spans="1:7" x14ac:dyDescent="0.3">
      <c r="A40502" s="13" t="s">
        <v>240</v>
      </c>
      <c r="B40502" s="14" t="s">
        <v>1</v>
      </c>
      <c r="C40502" s="14" t="s">
        <v>238</v>
      </c>
      <c r="D40502" s="14" t="s">
        <v>241</v>
      </c>
      <c r="E40502" s="15">
        <v>45728</v>
      </c>
      <c r="F40502" s="14" t="s">
        <v>15</v>
      </c>
      <c r="G40502" s="16">
        <v>3.3346392025944871</v>
      </c>
    </row>
    <row r="40503" spans="1:7" x14ac:dyDescent="0.3">
      <c r="A40503" s="13" t="s">
        <v>240</v>
      </c>
      <c r="B40503" s="14" t="s">
        <v>1</v>
      </c>
      <c r="C40503" s="14" t="s">
        <v>238</v>
      </c>
      <c r="D40503" s="14" t="s">
        <v>241</v>
      </c>
      <c r="E40503" s="15">
        <v>45729</v>
      </c>
      <c r="F40503" s="14" t="s">
        <v>15</v>
      </c>
      <c r="G40503" s="16">
        <v>3.3330587201737925</v>
      </c>
    </row>
    <row r="40504" spans="1:7" x14ac:dyDescent="0.3">
      <c r="A40504" s="13" t="s">
        <v>240</v>
      </c>
      <c r="B40504" s="14" t="s">
        <v>1</v>
      </c>
      <c r="C40504" s="14" t="s">
        <v>238</v>
      </c>
      <c r="D40504" s="14" t="s">
        <v>241</v>
      </c>
      <c r="E40504" s="15">
        <v>45730</v>
      </c>
      <c r="F40504" s="14" t="s">
        <v>15</v>
      </c>
      <c r="G40504" s="16">
        <v>3.3518194107900259</v>
      </c>
    </row>
    <row r="40505" spans="1:7" x14ac:dyDescent="0.3">
      <c r="A40505" s="13" t="s">
        <v>240</v>
      </c>
      <c r="B40505" s="14" t="s">
        <v>1</v>
      </c>
      <c r="C40505" s="14" t="s">
        <v>238</v>
      </c>
      <c r="D40505" s="14" t="s">
        <v>241</v>
      </c>
      <c r="E40505" s="15">
        <v>45731</v>
      </c>
      <c r="F40505" s="14" t="s">
        <v>15</v>
      </c>
      <c r="G40505" s="16">
        <v>3.3518194107900259</v>
      </c>
    </row>
    <row r="40506" spans="1:7" x14ac:dyDescent="0.3">
      <c r="A40506" s="13" t="s">
        <v>240</v>
      </c>
      <c r="B40506" s="14" t="s">
        <v>1</v>
      </c>
      <c r="C40506" s="14" t="s">
        <v>238</v>
      </c>
      <c r="D40506" s="14" t="s">
        <v>241</v>
      </c>
      <c r="E40506" s="15">
        <v>45732</v>
      </c>
      <c r="F40506" s="14" t="s">
        <v>15</v>
      </c>
      <c r="G40506" s="16">
        <v>3.3518194107900259</v>
      </c>
    </row>
    <row r="40507" spans="1:7" x14ac:dyDescent="0.3">
      <c r="A40507" s="13" t="s">
        <v>240</v>
      </c>
      <c r="B40507" s="14" t="s">
        <v>1</v>
      </c>
      <c r="C40507" s="14" t="s">
        <v>238</v>
      </c>
      <c r="D40507" s="14" t="s">
        <v>241</v>
      </c>
      <c r="E40507" s="15">
        <v>45733</v>
      </c>
      <c r="F40507" s="14" t="s">
        <v>15</v>
      </c>
      <c r="G40507" s="16">
        <v>3.3518194107900259</v>
      </c>
    </row>
    <row r="40508" spans="1:7" x14ac:dyDescent="0.3">
      <c r="A40508" s="13" t="s">
        <v>240</v>
      </c>
      <c r="B40508" s="14" t="s">
        <v>1</v>
      </c>
      <c r="C40508" s="14" t="s">
        <v>238</v>
      </c>
      <c r="D40508" s="14" t="s">
        <v>241</v>
      </c>
      <c r="E40508" s="15">
        <v>45734</v>
      </c>
      <c r="F40508" s="14" t="s">
        <v>15</v>
      </c>
      <c r="G40508" s="16">
        <v>3.3810817981364822</v>
      </c>
    </row>
    <row r="40509" spans="1:7" x14ac:dyDescent="0.3">
      <c r="A40509" s="13" t="s">
        <v>240</v>
      </c>
      <c r="B40509" s="14" t="s">
        <v>1</v>
      </c>
      <c r="C40509" s="14" t="s">
        <v>238</v>
      </c>
      <c r="D40509" s="14" t="s">
        <v>241</v>
      </c>
      <c r="E40509" s="15">
        <v>45735</v>
      </c>
      <c r="F40509" s="14" t="s">
        <v>15</v>
      </c>
      <c r="G40509" s="16">
        <v>3.4038678071836652</v>
      </c>
    </row>
    <row r="40510" spans="1:7" x14ac:dyDescent="0.3">
      <c r="A40510" s="13" t="s">
        <v>240</v>
      </c>
      <c r="B40510" s="14" t="s">
        <v>1</v>
      </c>
      <c r="C40510" s="14" t="s">
        <v>238</v>
      </c>
      <c r="D40510" s="14" t="s">
        <v>241</v>
      </c>
      <c r="E40510" s="15">
        <v>45736</v>
      </c>
      <c r="F40510" s="14" t="s">
        <v>15</v>
      </c>
      <c r="G40510" s="16">
        <v>3.3979873572840091</v>
      </c>
    </row>
    <row r="40511" spans="1:7" x14ac:dyDescent="0.3">
      <c r="A40511" s="13" t="s">
        <v>240</v>
      </c>
      <c r="B40511" s="14" t="s">
        <v>1</v>
      </c>
      <c r="C40511" s="14" t="s">
        <v>238</v>
      </c>
      <c r="D40511" s="14" t="s">
        <v>241</v>
      </c>
      <c r="E40511" s="15">
        <v>45737</v>
      </c>
      <c r="F40511" s="14" t="s">
        <v>15</v>
      </c>
      <c r="G40511" s="16">
        <v>3.3959284809614512</v>
      </c>
    </row>
    <row r="40512" spans="1:7" x14ac:dyDescent="0.3">
      <c r="A40512" s="13" t="s">
        <v>240</v>
      </c>
      <c r="B40512" s="14" t="s">
        <v>1</v>
      </c>
      <c r="C40512" s="14" t="s">
        <v>238</v>
      </c>
      <c r="D40512" s="14" t="s">
        <v>241</v>
      </c>
      <c r="E40512" s="15">
        <v>45738</v>
      </c>
      <c r="F40512" s="14" t="s">
        <v>15</v>
      </c>
      <c r="G40512" s="16">
        <v>3.3959284809614512</v>
      </c>
    </row>
    <row r="40513" spans="1:7" x14ac:dyDescent="0.3">
      <c r="A40513" s="13" t="s">
        <v>240</v>
      </c>
      <c r="B40513" s="14" t="s">
        <v>1</v>
      </c>
      <c r="C40513" s="14" t="s">
        <v>238</v>
      </c>
      <c r="D40513" s="14" t="s">
        <v>241</v>
      </c>
      <c r="E40513" s="15">
        <v>45739</v>
      </c>
      <c r="F40513" s="14" t="s">
        <v>15</v>
      </c>
      <c r="G40513" s="16">
        <v>3.3959284809614512</v>
      </c>
    </row>
    <row r="40514" spans="1:7" x14ac:dyDescent="0.3">
      <c r="A40514" s="13" t="s">
        <v>240</v>
      </c>
      <c r="B40514" s="14" t="s">
        <v>1</v>
      </c>
      <c r="C40514" s="14" t="s">
        <v>238</v>
      </c>
      <c r="D40514" s="14" t="s">
        <v>241</v>
      </c>
      <c r="E40514" s="15">
        <v>45740</v>
      </c>
      <c r="F40514" s="14" t="s">
        <v>15</v>
      </c>
      <c r="G40514" s="16">
        <v>3.4012050398175537</v>
      </c>
    </row>
    <row r="40515" spans="1:7" x14ac:dyDescent="0.3">
      <c r="A40515" s="13" t="s">
        <v>240</v>
      </c>
      <c r="B40515" s="14" t="s">
        <v>1</v>
      </c>
      <c r="C40515" s="14" t="s">
        <v>238</v>
      </c>
      <c r="D40515" s="14" t="s">
        <v>241</v>
      </c>
      <c r="E40515" s="15">
        <v>45741</v>
      </c>
      <c r="F40515" s="14" t="s">
        <v>15</v>
      </c>
      <c r="G40515" s="16">
        <v>3.4274981207137576</v>
      </c>
    </row>
    <row r="40516" spans="1:7" x14ac:dyDescent="0.3">
      <c r="A40516" s="13" t="s">
        <v>240</v>
      </c>
      <c r="B40516" s="14" t="s">
        <v>1</v>
      </c>
      <c r="C40516" s="14" t="s">
        <v>238</v>
      </c>
      <c r="D40516" s="14" t="s">
        <v>241</v>
      </c>
      <c r="E40516" s="15">
        <v>45742</v>
      </c>
      <c r="F40516" s="14" t="s">
        <v>15</v>
      </c>
      <c r="G40516" s="16">
        <v>3.4286195762335776</v>
      </c>
    </row>
    <row r="40517" spans="1:7" x14ac:dyDescent="0.3">
      <c r="A40517" s="13" t="s">
        <v>240</v>
      </c>
      <c r="B40517" s="14" t="s">
        <v>1</v>
      </c>
      <c r="C40517" s="14" t="s">
        <v>238</v>
      </c>
      <c r="D40517" s="14" t="s">
        <v>241</v>
      </c>
      <c r="E40517" s="15">
        <v>45743</v>
      </c>
      <c r="F40517" s="14" t="s">
        <v>15</v>
      </c>
      <c r="G40517" s="16">
        <v>3.4531543013100263</v>
      </c>
    </row>
    <row r="40518" spans="1:7" x14ac:dyDescent="0.3">
      <c r="A40518" s="13" t="s">
        <v>240</v>
      </c>
      <c r="B40518" s="14" t="s">
        <v>1</v>
      </c>
      <c r="C40518" s="14" t="s">
        <v>238</v>
      </c>
      <c r="D40518" s="14" t="s">
        <v>241</v>
      </c>
      <c r="E40518" s="15">
        <v>45744</v>
      </c>
      <c r="F40518" s="14" t="s">
        <v>15</v>
      </c>
      <c r="G40518" s="16">
        <v>3.4718933674868593</v>
      </c>
    </row>
    <row r="40519" spans="1:7" x14ac:dyDescent="0.3">
      <c r="A40519" s="13" t="s">
        <v>240</v>
      </c>
      <c r="B40519" s="14" t="s">
        <v>1</v>
      </c>
      <c r="C40519" s="14" t="s">
        <v>238</v>
      </c>
      <c r="D40519" s="14" t="s">
        <v>241</v>
      </c>
      <c r="E40519" s="15">
        <v>45745</v>
      </c>
      <c r="F40519" s="14" t="s">
        <v>15</v>
      </c>
      <c r="G40519" s="16">
        <v>3.4718933674868593</v>
      </c>
    </row>
    <row r="40520" spans="1:7" x14ac:dyDescent="0.3">
      <c r="A40520" s="13" t="s">
        <v>240</v>
      </c>
      <c r="B40520" s="14" t="s">
        <v>1</v>
      </c>
      <c r="C40520" s="14" t="s">
        <v>238</v>
      </c>
      <c r="D40520" s="14" t="s">
        <v>241</v>
      </c>
      <c r="E40520" s="15">
        <v>45746</v>
      </c>
      <c r="F40520" s="14" t="s">
        <v>15</v>
      </c>
      <c r="G40520" s="16">
        <v>3.4718933674868593</v>
      </c>
    </row>
    <row r="40521" spans="1:7" x14ac:dyDescent="0.3">
      <c r="A40521" s="13" t="s">
        <v>240</v>
      </c>
      <c r="B40521" s="14" t="s">
        <v>1</v>
      </c>
      <c r="C40521" s="14" t="s">
        <v>238</v>
      </c>
      <c r="D40521" s="14" t="s">
        <v>241</v>
      </c>
      <c r="E40521" s="15">
        <v>45747</v>
      </c>
      <c r="F40521" s="14" t="s">
        <v>15</v>
      </c>
      <c r="G40521" s="16">
        <v>3.4778783715127726</v>
      </c>
    </row>
    <row r="40522" spans="1:7" x14ac:dyDescent="0.3">
      <c r="A40522" s="13" t="s">
        <v>242</v>
      </c>
      <c r="B40522" s="14" t="s">
        <v>1</v>
      </c>
      <c r="C40522" s="14" t="s">
        <v>38</v>
      </c>
      <c r="D40522" s="14" t="s">
        <v>114</v>
      </c>
      <c r="E40522" s="15">
        <v>45383</v>
      </c>
      <c r="F40522" s="14" t="s">
        <v>15</v>
      </c>
      <c r="G40522" s="16">
        <v>0</v>
      </c>
    </row>
    <row r="40523" spans="1:7" x14ac:dyDescent="0.3">
      <c r="A40523" s="13" t="s">
        <v>242</v>
      </c>
      <c r="B40523" s="14" t="s">
        <v>1</v>
      </c>
      <c r="C40523" s="14" t="s">
        <v>38</v>
      </c>
      <c r="D40523" s="14" t="s">
        <v>114</v>
      </c>
      <c r="E40523" s="15">
        <v>45384</v>
      </c>
      <c r="F40523" s="14" t="s">
        <v>15</v>
      </c>
      <c r="G40523" s="16">
        <v>0</v>
      </c>
    </row>
    <row r="40524" spans="1:7" x14ac:dyDescent="0.3">
      <c r="A40524" s="13" t="s">
        <v>242</v>
      </c>
      <c r="B40524" s="14" t="s">
        <v>1</v>
      </c>
      <c r="C40524" s="14" t="s">
        <v>38</v>
      </c>
      <c r="D40524" s="14" t="s">
        <v>114</v>
      </c>
      <c r="E40524" s="15">
        <v>45385</v>
      </c>
      <c r="F40524" s="14" t="s">
        <v>15</v>
      </c>
      <c r="G40524" s="16">
        <v>0</v>
      </c>
    </row>
    <row r="40525" spans="1:7" x14ac:dyDescent="0.3">
      <c r="A40525" s="13" t="s">
        <v>242</v>
      </c>
      <c r="B40525" s="14" t="s">
        <v>1</v>
      </c>
      <c r="C40525" s="14" t="s">
        <v>38</v>
      </c>
      <c r="D40525" s="14" t="s">
        <v>114</v>
      </c>
      <c r="E40525" s="15">
        <v>45386</v>
      </c>
      <c r="F40525" s="14" t="s">
        <v>15</v>
      </c>
      <c r="G40525" s="16">
        <v>0</v>
      </c>
    </row>
    <row r="40526" spans="1:7" x14ac:dyDescent="0.3">
      <c r="A40526" s="13" t="s">
        <v>242</v>
      </c>
      <c r="B40526" s="14" t="s">
        <v>1</v>
      </c>
      <c r="C40526" s="14" t="s">
        <v>38</v>
      </c>
      <c r="D40526" s="14" t="s">
        <v>114</v>
      </c>
      <c r="E40526" s="15">
        <v>45387</v>
      </c>
      <c r="F40526" s="14" t="s">
        <v>15</v>
      </c>
      <c r="G40526" s="16">
        <v>0</v>
      </c>
    </row>
    <row r="40527" spans="1:7" x14ac:dyDescent="0.3">
      <c r="A40527" s="13" t="s">
        <v>242</v>
      </c>
      <c r="B40527" s="14" t="s">
        <v>1</v>
      </c>
      <c r="C40527" s="14" t="s">
        <v>38</v>
      </c>
      <c r="D40527" s="14" t="s">
        <v>114</v>
      </c>
      <c r="E40527" s="15">
        <v>45388</v>
      </c>
      <c r="F40527" s="14" t="s">
        <v>15</v>
      </c>
      <c r="G40527" s="16">
        <v>0</v>
      </c>
    </row>
    <row r="40528" spans="1:7" x14ac:dyDescent="0.3">
      <c r="A40528" s="13" t="s">
        <v>242</v>
      </c>
      <c r="B40528" s="14" t="s">
        <v>1</v>
      </c>
      <c r="C40528" s="14" t="s">
        <v>38</v>
      </c>
      <c r="D40528" s="14" t="s">
        <v>114</v>
      </c>
      <c r="E40528" s="15">
        <v>45389</v>
      </c>
      <c r="F40528" s="14" t="s">
        <v>15</v>
      </c>
      <c r="G40528" s="16">
        <v>0</v>
      </c>
    </row>
    <row r="40529" spans="1:7" x14ac:dyDescent="0.3">
      <c r="A40529" s="13" t="s">
        <v>242</v>
      </c>
      <c r="B40529" s="14" t="s">
        <v>1</v>
      </c>
      <c r="C40529" s="14" t="s">
        <v>38</v>
      </c>
      <c r="D40529" s="14" t="s">
        <v>114</v>
      </c>
      <c r="E40529" s="15">
        <v>45390</v>
      </c>
      <c r="F40529" s="14" t="s">
        <v>15</v>
      </c>
      <c r="G40529" s="16">
        <v>7.4556029049926739E-2</v>
      </c>
    </row>
    <row r="40530" spans="1:7" x14ac:dyDescent="0.3">
      <c r="A40530" s="13" t="s">
        <v>242</v>
      </c>
      <c r="B40530" s="14" t="s">
        <v>1</v>
      </c>
      <c r="C40530" s="14" t="s">
        <v>38</v>
      </c>
      <c r="D40530" s="14" t="s">
        <v>114</v>
      </c>
      <c r="E40530" s="15">
        <v>45391</v>
      </c>
      <c r="F40530" s="14" t="s">
        <v>15</v>
      </c>
      <c r="G40530" s="16">
        <v>6.6634347214193548E-2</v>
      </c>
    </row>
    <row r="40531" spans="1:7" x14ac:dyDescent="0.3">
      <c r="A40531" s="13" t="s">
        <v>242</v>
      </c>
      <c r="B40531" s="14" t="s">
        <v>1</v>
      </c>
      <c r="C40531" s="14" t="s">
        <v>38</v>
      </c>
      <c r="D40531" s="14" t="s">
        <v>114</v>
      </c>
      <c r="E40531" s="15">
        <v>45392</v>
      </c>
      <c r="F40531" s="14" t="s">
        <v>15</v>
      </c>
      <c r="G40531" s="16">
        <v>6.6634347214193548E-2</v>
      </c>
    </row>
    <row r="40532" spans="1:7" x14ac:dyDescent="0.3">
      <c r="A40532" s="13" t="s">
        <v>242</v>
      </c>
      <c r="B40532" s="14" t="s">
        <v>1</v>
      </c>
      <c r="C40532" s="14" t="s">
        <v>38</v>
      </c>
      <c r="D40532" s="14" t="s">
        <v>114</v>
      </c>
      <c r="E40532" s="15">
        <v>45393</v>
      </c>
      <c r="F40532" s="14" t="s">
        <v>15</v>
      </c>
      <c r="G40532" s="16">
        <v>6.3976322944931024E-2</v>
      </c>
    </row>
    <row r="40533" spans="1:7" x14ac:dyDescent="0.3">
      <c r="A40533" s="13" t="s">
        <v>242</v>
      </c>
      <c r="B40533" s="14" t="s">
        <v>1</v>
      </c>
      <c r="C40533" s="14" t="s">
        <v>38</v>
      </c>
      <c r="D40533" s="14" t="s">
        <v>114</v>
      </c>
      <c r="E40533" s="15">
        <v>45394</v>
      </c>
      <c r="F40533" s="14" t="s">
        <v>15</v>
      </c>
      <c r="G40533" s="16">
        <v>0.16414177553286866</v>
      </c>
    </row>
    <row r="40534" spans="1:7" x14ac:dyDescent="0.3">
      <c r="A40534" s="13" t="s">
        <v>242</v>
      </c>
      <c r="B40534" s="14" t="s">
        <v>1</v>
      </c>
      <c r="C40534" s="14" t="s">
        <v>38</v>
      </c>
      <c r="D40534" s="14" t="s">
        <v>114</v>
      </c>
      <c r="E40534" s="15">
        <v>45395</v>
      </c>
      <c r="F40534" s="14" t="s">
        <v>15</v>
      </c>
      <c r="G40534" s="16">
        <v>0.16414177553286866</v>
      </c>
    </row>
    <row r="40535" spans="1:7" x14ac:dyDescent="0.3">
      <c r="A40535" s="13" t="s">
        <v>242</v>
      </c>
      <c r="B40535" s="14" t="s">
        <v>1</v>
      </c>
      <c r="C40535" s="14" t="s">
        <v>38</v>
      </c>
      <c r="D40535" s="14" t="s">
        <v>114</v>
      </c>
      <c r="E40535" s="15">
        <v>45396</v>
      </c>
      <c r="F40535" s="14" t="s">
        <v>15</v>
      </c>
      <c r="G40535" s="16">
        <v>0.16414177553286866</v>
      </c>
    </row>
    <row r="40536" spans="1:7" x14ac:dyDescent="0.3">
      <c r="A40536" s="13" t="s">
        <v>242</v>
      </c>
      <c r="B40536" s="14" t="s">
        <v>1</v>
      </c>
      <c r="C40536" s="14" t="s">
        <v>38</v>
      </c>
      <c r="D40536" s="14" t="s">
        <v>114</v>
      </c>
      <c r="E40536" s="15">
        <v>45397</v>
      </c>
      <c r="F40536" s="14" t="s">
        <v>15</v>
      </c>
      <c r="G40536" s="16">
        <v>0.16146679318824841</v>
      </c>
    </row>
    <row r="40537" spans="1:7" x14ac:dyDescent="0.3">
      <c r="A40537" s="13" t="s">
        <v>242</v>
      </c>
      <c r="B40537" s="14" t="s">
        <v>1</v>
      </c>
      <c r="C40537" s="14" t="s">
        <v>38</v>
      </c>
      <c r="D40537" s="14" t="s">
        <v>114</v>
      </c>
      <c r="E40537" s="15">
        <v>45398</v>
      </c>
      <c r="F40537" s="14" t="s">
        <v>15</v>
      </c>
      <c r="G40537" s="16">
        <v>0.15351764253797823</v>
      </c>
    </row>
    <row r="40538" spans="1:7" x14ac:dyDescent="0.3">
      <c r="A40538" s="13" t="s">
        <v>242</v>
      </c>
      <c r="B40538" s="14" t="s">
        <v>1</v>
      </c>
      <c r="C40538" s="14" t="s">
        <v>38</v>
      </c>
      <c r="D40538" s="14" t="s">
        <v>114</v>
      </c>
      <c r="E40538" s="15">
        <v>45399</v>
      </c>
      <c r="F40538" s="14" t="s">
        <v>15</v>
      </c>
      <c r="G40538" s="16">
        <v>0.15090553304819668</v>
      </c>
    </row>
    <row r="40539" spans="1:7" x14ac:dyDescent="0.3">
      <c r="A40539" s="13" t="s">
        <v>242</v>
      </c>
      <c r="B40539" s="14" t="s">
        <v>1</v>
      </c>
      <c r="C40539" s="14" t="s">
        <v>38</v>
      </c>
      <c r="D40539" s="14" t="s">
        <v>114</v>
      </c>
      <c r="E40539" s="15">
        <v>45400</v>
      </c>
      <c r="F40539" s="14" t="s">
        <v>15</v>
      </c>
      <c r="G40539" s="16">
        <v>0.14836074174626382</v>
      </c>
    </row>
    <row r="40540" spans="1:7" x14ac:dyDescent="0.3">
      <c r="A40540" s="13" t="s">
        <v>242</v>
      </c>
      <c r="B40540" s="14" t="s">
        <v>1</v>
      </c>
      <c r="C40540" s="14" t="s">
        <v>38</v>
      </c>
      <c r="D40540" s="14" t="s">
        <v>114</v>
      </c>
      <c r="E40540" s="15">
        <v>45401</v>
      </c>
      <c r="F40540" s="14" t="s">
        <v>15</v>
      </c>
      <c r="G40540" s="16">
        <v>0.13017784747070008</v>
      </c>
    </row>
    <row r="40541" spans="1:7" x14ac:dyDescent="0.3">
      <c r="A40541" s="13" t="s">
        <v>242</v>
      </c>
      <c r="B40541" s="14" t="s">
        <v>1</v>
      </c>
      <c r="C40541" s="14" t="s">
        <v>38</v>
      </c>
      <c r="D40541" s="14" t="s">
        <v>114</v>
      </c>
      <c r="E40541" s="15">
        <v>45402</v>
      </c>
      <c r="F40541" s="14" t="s">
        <v>15</v>
      </c>
      <c r="G40541" s="16">
        <v>0.13017784747070008</v>
      </c>
    </row>
    <row r="40542" spans="1:7" x14ac:dyDescent="0.3">
      <c r="A40542" s="13" t="s">
        <v>242</v>
      </c>
      <c r="B40542" s="14" t="s">
        <v>1</v>
      </c>
      <c r="C40542" s="14" t="s">
        <v>38</v>
      </c>
      <c r="D40542" s="14" t="s">
        <v>114</v>
      </c>
      <c r="E40542" s="15">
        <v>45403</v>
      </c>
      <c r="F40542" s="14" t="s">
        <v>15</v>
      </c>
      <c r="G40542" s="16">
        <v>0.13017784747070008</v>
      </c>
    </row>
    <row r="40543" spans="1:7" x14ac:dyDescent="0.3">
      <c r="A40543" s="13" t="s">
        <v>242</v>
      </c>
      <c r="B40543" s="14" t="s">
        <v>1</v>
      </c>
      <c r="C40543" s="14" t="s">
        <v>38</v>
      </c>
      <c r="D40543" s="14" t="s">
        <v>114</v>
      </c>
      <c r="E40543" s="15">
        <v>45404</v>
      </c>
      <c r="F40543" s="14" t="s">
        <v>15</v>
      </c>
      <c r="G40543" s="16">
        <v>0.12760049460122616</v>
      </c>
    </row>
    <row r="40544" spans="1:7" x14ac:dyDescent="0.3">
      <c r="A40544" s="13" t="s">
        <v>242</v>
      </c>
      <c r="B40544" s="14" t="s">
        <v>1</v>
      </c>
      <c r="C40544" s="14" t="s">
        <v>38</v>
      </c>
      <c r="D40544" s="14" t="s">
        <v>114</v>
      </c>
      <c r="E40544" s="15">
        <v>45405</v>
      </c>
      <c r="F40544" s="14" t="s">
        <v>15</v>
      </c>
      <c r="G40544" s="16">
        <v>0.12003536288715148</v>
      </c>
    </row>
    <row r="40545" spans="1:7" x14ac:dyDescent="0.3">
      <c r="A40545" s="13" t="s">
        <v>242</v>
      </c>
      <c r="B40545" s="14" t="s">
        <v>1</v>
      </c>
      <c r="C40545" s="14" t="s">
        <v>38</v>
      </c>
      <c r="D40545" s="14" t="s">
        <v>114</v>
      </c>
      <c r="E40545" s="15">
        <v>45406</v>
      </c>
      <c r="F40545" s="14" t="s">
        <v>15</v>
      </c>
      <c r="G40545" s="16">
        <v>0.11751421639895528</v>
      </c>
    </row>
    <row r="40546" spans="1:7" x14ac:dyDescent="0.3">
      <c r="A40546" s="13" t="s">
        <v>242</v>
      </c>
      <c r="B40546" s="14" t="s">
        <v>1</v>
      </c>
      <c r="C40546" s="14" t="s">
        <v>38</v>
      </c>
      <c r="D40546" s="14" t="s">
        <v>114</v>
      </c>
      <c r="E40546" s="15">
        <v>45407</v>
      </c>
      <c r="F40546" s="14" t="s">
        <v>15</v>
      </c>
      <c r="G40546" s="16">
        <v>0.11355084577525727</v>
      </c>
    </row>
    <row r="40547" spans="1:7" x14ac:dyDescent="0.3">
      <c r="A40547" s="13" t="s">
        <v>242</v>
      </c>
      <c r="B40547" s="14" t="s">
        <v>1</v>
      </c>
      <c r="C40547" s="14" t="s">
        <v>38</v>
      </c>
      <c r="D40547" s="14" t="s">
        <v>114</v>
      </c>
      <c r="E40547" s="15">
        <v>45408</v>
      </c>
      <c r="F40547" s="14" t="s">
        <v>15</v>
      </c>
      <c r="G40547" s="16">
        <v>0.18989917661858274</v>
      </c>
    </row>
    <row r="40548" spans="1:7" x14ac:dyDescent="0.3">
      <c r="A40548" s="13" t="s">
        <v>242</v>
      </c>
      <c r="B40548" s="14" t="s">
        <v>1</v>
      </c>
      <c r="C40548" s="14" t="s">
        <v>38</v>
      </c>
      <c r="D40548" s="14" t="s">
        <v>114</v>
      </c>
      <c r="E40548" s="15">
        <v>45409</v>
      </c>
      <c r="F40548" s="14" t="s">
        <v>15</v>
      </c>
      <c r="G40548" s="16">
        <v>0.18989917661858274</v>
      </c>
    </row>
    <row r="40549" spans="1:7" x14ac:dyDescent="0.3">
      <c r="A40549" s="13" t="s">
        <v>242</v>
      </c>
      <c r="B40549" s="14" t="s">
        <v>1</v>
      </c>
      <c r="C40549" s="14" t="s">
        <v>38</v>
      </c>
      <c r="D40549" s="14" t="s">
        <v>114</v>
      </c>
      <c r="E40549" s="15">
        <v>45410</v>
      </c>
      <c r="F40549" s="14" t="s">
        <v>15</v>
      </c>
      <c r="G40549" s="16">
        <v>0.18989917661858274</v>
      </c>
    </row>
    <row r="40550" spans="1:7" x14ac:dyDescent="0.3">
      <c r="A40550" s="13" t="s">
        <v>242</v>
      </c>
      <c r="B40550" s="14" t="s">
        <v>1</v>
      </c>
      <c r="C40550" s="14" t="s">
        <v>38</v>
      </c>
      <c r="D40550" s="14" t="s">
        <v>114</v>
      </c>
      <c r="E40550" s="15">
        <v>45411</v>
      </c>
      <c r="F40550" s="14" t="s">
        <v>15</v>
      </c>
      <c r="G40550" s="16">
        <v>0.18522780448974852</v>
      </c>
    </row>
    <row r="40551" spans="1:7" x14ac:dyDescent="0.3">
      <c r="A40551" s="13" t="s">
        <v>242</v>
      </c>
      <c r="B40551" s="14" t="s">
        <v>1</v>
      </c>
      <c r="C40551" s="14" t="s">
        <v>38</v>
      </c>
      <c r="D40551" s="14" t="s">
        <v>114</v>
      </c>
      <c r="E40551" s="15">
        <v>45412</v>
      </c>
      <c r="F40551" s="14" t="s">
        <v>15</v>
      </c>
      <c r="G40551" s="16">
        <v>0.25597808481517847</v>
      </c>
    </row>
    <row r="40552" spans="1:7" x14ac:dyDescent="0.3">
      <c r="A40552" s="13" t="s">
        <v>242</v>
      </c>
      <c r="B40552" s="14" t="s">
        <v>1</v>
      </c>
      <c r="C40552" s="14" t="s">
        <v>38</v>
      </c>
      <c r="D40552" s="14" t="s">
        <v>114</v>
      </c>
      <c r="E40552" s="15">
        <v>45413</v>
      </c>
      <c r="F40552" s="14" t="s">
        <v>15</v>
      </c>
      <c r="G40552" s="16">
        <v>0.25597808481517847</v>
      </c>
    </row>
    <row r="40553" spans="1:7" x14ac:dyDescent="0.3">
      <c r="A40553" s="13" t="s">
        <v>242</v>
      </c>
      <c r="B40553" s="14" t="s">
        <v>1</v>
      </c>
      <c r="C40553" s="14" t="s">
        <v>38</v>
      </c>
      <c r="D40553" s="14" t="s">
        <v>114</v>
      </c>
      <c r="E40553" s="15">
        <v>45414</v>
      </c>
      <c r="F40553" s="14" t="s">
        <v>15</v>
      </c>
      <c r="G40553" s="16">
        <v>0.25335986057382415</v>
      </c>
    </row>
    <row r="40554" spans="1:7" x14ac:dyDescent="0.3">
      <c r="A40554" s="13" t="s">
        <v>242</v>
      </c>
      <c r="B40554" s="14" t="s">
        <v>1</v>
      </c>
      <c r="C40554" s="14" t="s">
        <v>38</v>
      </c>
      <c r="D40554" s="14" t="s">
        <v>114</v>
      </c>
      <c r="E40554" s="15">
        <v>45415</v>
      </c>
      <c r="F40554" s="14" t="s">
        <v>15</v>
      </c>
      <c r="G40554" s="16">
        <v>0.25146583440192671</v>
      </c>
    </row>
    <row r="40555" spans="1:7" x14ac:dyDescent="0.3">
      <c r="A40555" s="13" t="s">
        <v>242</v>
      </c>
      <c r="B40555" s="14" t="s">
        <v>1</v>
      </c>
      <c r="C40555" s="14" t="s">
        <v>38</v>
      </c>
      <c r="D40555" s="14" t="s">
        <v>114</v>
      </c>
      <c r="E40555" s="15">
        <v>45416</v>
      </c>
      <c r="F40555" s="14" t="s">
        <v>15</v>
      </c>
      <c r="G40555" s="16">
        <v>0.25146583440192671</v>
      </c>
    </row>
    <row r="40556" spans="1:7" x14ac:dyDescent="0.3">
      <c r="A40556" s="13" t="s">
        <v>242</v>
      </c>
      <c r="B40556" s="14" t="s">
        <v>1</v>
      </c>
      <c r="C40556" s="14" t="s">
        <v>38</v>
      </c>
      <c r="D40556" s="14" t="s">
        <v>114</v>
      </c>
      <c r="E40556" s="15">
        <v>45417</v>
      </c>
      <c r="F40556" s="14" t="s">
        <v>15</v>
      </c>
      <c r="G40556" s="16">
        <v>0.25146583440192671</v>
      </c>
    </row>
    <row r="40557" spans="1:7" x14ac:dyDescent="0.3">
      <c r="A40557" s="13" t="s">
        <v>242</v>
      </c>
      <c r="B40557" s="14" t="s">
        <v>1</v>
      </c>
      <c r="C40557" s="14" t="s">
        <v>38</v>
      </c>
      <c r="D40557" s="14" t="s">
        <v>114</v>
      </c>
      <c r="E40557" s="15">
        <v>45418</v>
      </c>
      <c r="F40557" s="14" t="s">
        <v>15</v>
      </c>
      <c r="G40557" s="16">
        <v>0.25146583440192671</v>
      </c>
    </row>
    <row r="40558" spans="1:7" x14ac:dyDescent="0.3">
      <c r="A40558" s="13" t="s">
        <v>242</v>
      </c>
      <c r="B40558" s="14" t="s">
        <v>1</v>
      </c>
      <c r="C40558" s="14" t="s">
        <v>38</v>
      </c>
      <c r="D40558" s="14" t="s">
        <v>114</v>
      </c>
      <c r="E40558" s="15">
        <v>45419</v>
      </c>
      <c r="F40558" s="14" t="s">
        <v>15</v>
      </c>
      <c r="G40558" s="16">
        <v>0.24883389103389811</v>
      </c>
    </row>
    <row r="40559" spans="1:7" x14ac:dyDescent="0.3">
      <c r="A40559" s="13" t="s">
        <v>242</v>
      </c>
      <c r="B40559" s="14" t="s">
        <v>1</v>
      </c>
      <c r="C40559" s="14" t="s">
        <v>38</v>
      </c>
      <c r="D40559" s="14" t="s">
        <v>114</v>
      </c>
      <c r="E40559" s="15">
        <v>45420</v>
      </c>
      <c r="F40559" s="14" t="s">
        <v>15</v>
      </c>
      <c r="G40559" s="16">
        <v>0.23826047884244014</v>
      </c>
    </row>
    <row r="40560" spans="1:7" x14ac:dyDescent="0.3">
      <c r="A40560" s="13" t="s">
        <v>242</v>
      </c>
      <c r="B40560" s="14" t="s">
        <v>1</v>
      </c>
      <c r="C40560" s="14" t="s">
        <v>38</v>
      </c>
      <c r="D40560" s="14" t="s">
        <v>114</v>
      </c>
      <c r="E40560" s="15">
        <v>45421</v>
      </c>
      <c r="F40560" s="14" t="s">
        <v>15</v>
      </c>
      <c r="G40560" s="16">
        <v>0.32647371499122418</v>
      </c>
    </row>
    <row r="40561" spans="1:7" x14ac:dyDescent="0.3">
      <c r="A40561" s="13" t="s">
        <v>242</v>
      </c>
      <c r="B40561" s="14" t="s">
        <v>1</v>
      </c>
      <c r="C40561" s="14" t="s">
        <v>38</v>
      </c>
      <c r="D40561" s="14" t="s">
        <v>114</v>
      </c>
      <c r="E40561" s="15">
        <v>45422</v>
      </c>
      <c r="F40561" s="14" t="s">
        <v>15</v>
      </c>
      <c r="G40561" s="16">
        <v>0.53442765985690199</v>
      </c>
    </row>
    <row r="40562" spans="1:7" x14ac:dyDescent="0.3">
      <c r="A40562" s="13" t="s">
        <v>242</v>
      </c>
      <c r="B40562" s="14" t="s">
        <v>1</v>
      </c>
      <c r="C40562" s="14" t="s">
        <v>38</v>
      </c>
      <c r="D40562" s="14" t="s">
        <v>114</v>
      </c>
      <c r="E40562" s="15">
        <v>45423</v>
      </c>
      <c r="F40562" s="14" t="s">
        <v>15</v>
      </c>
      <c r="G40562" s="16">
        <v>0.53442765985690199</v>
      </c>
    </row>
    <row r="40563" spans="1:7" x14ac:dyDescent="0.3">
      <c r="A40563" s="13" t="s">
        <v>242</v>
      </c>
      <c r="B40563" s="14" t="s">
        <v>1</v>
      </c>
      <c r="C40563" s="14" t="s">
        <v>38</v>
      </c>
      <c r="D40563" s="14" t="s">
        <v>114</v>
      </c>
      <c r="E40563" s="15">
        <v>45424</v>
      </c>
      <c r="F40563" s="14" t="s">
        <v>15</v>
      </c>
      <c r="G40563" s="16">
        <v>0.53442765985690199</v>
      </c>
    </row>
    <row r="40564" spans="1:7" x14ac:dyDescent="0.3">
      <c r="A40564" s="13" t="s">
        <v>242</v>
      </c>
      <c r="B40564" s="14" t="s">
        <v>1</v>
      </c>
      <c r="C40564" s="14" t="s">
        <v>38</v>
      </c>
      <c r="D40564" s="14" t="s">
        <v>114</v>
      </c>
      <c r="E40564" s="15">
        <v>45425</v>
      </c>
      <c r="F40564" s="14" t="s">
        <v>15</v>
      </c>
      <c r="G40564" s="16">
        <v>0.53178831207148869</v>
      </c>
    </row>
    <row r="40565" spans="1:7" x14ac:dyDescent="0.3">
      <c r="A40565" s="13" t="s">
        <v>242</v>
      </c>
      <c r="B40565" s="14" t="s">
        <v>1</v>
      </c>
      <c r="C40565" s="14" t="s">
        <v>38</v>
      </c>
      <c r="D40565" s="14" t="s">
        <v>114</v>
      </c>
      <c r="E40565" s="15">
        <v>45426</v>
      </c>
      <c r="F40565" s="14" t="s">
        <v>15</v>
      </c>
      <c r="G40565" s="16">
        <v>0.55403424354122288</v>
      </c>
    </row>
    <row r="40566" spans="1:7" x14ac:dyDescent="0.3">
      <c r="A40566" s="13" t="s">
        <v>242</v>
      </c>
      <c r="B40566" s="14" t="s">
        <v>1</v>
      </c>
      <c r="C40566" s="14" t="s">
        <v>38</v>
      </c>
      <c r="D40566" s="14" t="s">
        <v>114</v>
      </c>
      <c r="E40566" s="15">
        <v>45427</v>
      </c>
      <c r="F40566" s="14" t="s">
        <v>15</v>
      </c>
      <c r="G40566" s="16">
        <v>0.66531682563793304</v>
      </c>
    </row>
    <row r="40567" spans="1:7" x14ac:dyDescent="0.3">
      <c r="A40567" s="13" t="s">
        <v>242</v>
      </c>
      <c r="B40567" s="14" t="s">
        <v>1</v>
      </c>
      <c r="C40567" s="14" t="s">
        <v>38</v>
      </c>
      <c r="D40567" s="14" t="s">
        <v>114</v>
      </c>
      <c r="E40567" s="15">
        <v>45428</v>
      </c>
      <c r="F40567" s="14" t="s">
        <v>15</v>
      </c>
      <c r="G40567" s="16">
        <v>0.66264256372975139</v>
      </c>
    </row>
    <row r="40568" spans="1:7" x14ac:dyDescent="0.3">
      <c r="A40568" s="13" t="s">
        <v>242</v>
      </c>
      <c r="B40568" s="14" t="s">
        <v>1</v>
      </c>
      <c r="C40568" s="14" t="s">
        <v>38</v>
      </c>
      <c r="D40568" s="14" t="s">
        <v>114</v>
      </c>
      <c r="E40568" s="15">
        <v>45429</v>
      </c>
      <c r="F40568" s="14" t="s">
        <v>15</v>
      </c>
      <c r="G40568" s="16">
        <v>0.6599543661465177</v>
      </c>
    </row>
    <row r="40569" spans="1:7" x14ac:dyDescent="0.3">
      <c r="A40569" s="13" t="s">
        <v>242</v>
      </c>
      <c r="B40569" s="14" t="s">
        <v>1</v>
      </c>
      <c r="C40569" s="14" t="s">
        <v>38</v>
      </c>
      <c r="D40569" s="14" t="s">
        <v>114</v>
      </c>
      <c r="E40569" s="15">
        <v>45430</v>
      </c>
      <c r="F40569" s="14" t="s">
        <v>15</v>
      </c>
      <c r="G40569" s="16">
        <v>0.6599543661465177</v>
      </c>
    </row>
    <row r="40570" spans="1:7" x14ac:dyDescent="0.3">
      <c r="A40570" s="13" t="s">
        <v>242</v>
      </c>
      <c r="B40570" s="14" t="s">
        <v>1</v>
      </c>
      <c r="C40570" s="14" t="s">
        <v>38</v>
      </c>
      <c r="D40570" s="14" t="s">
        <v>114</v>
      </c>
      <c r="E40570" s="15">
        <v>45431</v>
      </c>
      <c r="F40570" s="14" t="s">
        <v>15</v>
      </c>
      <c r="G40570" s="16">
        <v>0.6599543661465177</v>
      </c>
    </row>
    <row r="40571" spans="1:7" x14ac:dyDescent="0.3">
      <c r="A40571" s="13" t="s">
        <v>242</v>
      </c>
      <c r="B40571" s="14" t="s">
        <v>1</v>
      </c>
      <c r="C40571" s="14" t="s">
        <v>38</v>
      </c>
      <c r="D40571" s="14" t="s">
        <v>114</v>
      </c>
      <c r="E40571" s="15">
        <v>45432</v>
      </c>
      <c r="F40571" s="14" t="s">
        <v>15</v>
      </c>
      <c r="G40571" s="16">
        <v>0.65724389257212845</v>
      </c>
    </row>
    <row r="40572" spans="1:7" x14ac:dyDescent="0.3">
      <c r="A40572" s="13" t="s">
        <v>242</v>
      </c>
      <c r="B40572" s="14" t="s">
        <v>1</v>
      </c>
      <c r="C40572" s="14" t="s">
        <v>38</v>
      </c>
      <c r="D40572" s="14" t="s">
        <v>114</v>
      </c>
      <c r="E40572" s="15">
        <v>45433</v>
      </c>
      <c r="F40572" s="14" t="s">
        <v>15</v>
      </c>
      <c r="G40572" s="16">
        <v>0.64903164439976091</v>
      </c>
    </row>
    <row r="40573" spans="1:7" x14ac:dyDescent="0.3">
      <c r="A40573" s="13" t="s">
        <v>242</v>
      </c>
      <c r="B40573" s="14" t="s">
        <v>1</v>
      </c>
      <c r="C40573" s="14" t="s">
        <v>38</v>
      </c>
      <c r="D40573" s="14" t="s">
        <v>114</v>
      </c>
      <c r="E40573" s="15">
        <v>45434</v>
      </c>
      <c r="F40573" s="14" t="s">
        <v>15</v>
      </c>
      <c r="G40573" s="16">
        <v>0.64903164439976091</v>
      </c>
    </row>
    <row r="40574" spans="1:7" x14ac:dyDescent="0.3">
      <c r="A40574" s="13" t="s">
        <v>242</v>
      </c>
      <c r="B40574" s="14" t="s">
        <v>1</v>
      </c>
      <c r="C40574" s="14" t="s">
        <v>38</v>
      </c>
      <c r="D40574" s="14" t="s">
        <v>114</v>
      </c>
      <c r="E40574" s="15">
        <v>45435</v>
      </c>
      <c r="F40574" s="14" t="s">
        <v>15</v>
      </c>
      <c r="G40574" s="16">
        <v>0.64631492172046556</v>
      </c>
    </row>
    <row r="40575" spans="1:7" x14ac:dyDescent="0.3">
      <c r="A40575" s="13" t="s">
        <v>242</v>
      </c>
      <c r="B40575" s="14" t="s">
        <v>1</v>
      </c>
      <c r="C40575" s="14" t="s">
        <v>38</v>
      </c>
      <c r="D40575" s="14" t="s">
        <v>114</v>
      </c>
      <c r="E40575" s="15">
        <v>45436</v>
      </c>
      <c r="F40575" s="14" t="s">
        <v>15</v>
      </c>
      <c r="G40575" s="16">
        <v>0.69594783783744218</v>
      </c>
    </row>
    <row r="40576" spans="1:7" x14ac:dyDescent="0.3">
      <c r="A40576" s="13" t="s">
        <v>242</v>
      </c>
      <c r="B40576" s="14" t="s">
        <v>1</v>
      </c>
      <c r="C40576" s="14" t="s">
        <v>38</v>
      </c>
      <c r="D40576" s="14" t="s">
        <v>114</v>
      </c>
      <c r="E40576" s="15">
        <v>45437</v>
      </c>
      <c r="F40576" s="14" t="s">
        <v>15</v>
      </c>
      <c r="G40576" s="16">
        <v>0.69594783783744218</v>
      </c>
    </row>
    <row r="40577" spans="1:7" x14ac:dyDescent="0.3">
      <c r="A40577" s="13" t="s">
        <v>242</v>
      </c>
      <c r="B40577" s="14" t="s">
        <v>1</v>
      </c>
      <c r="C40577" s="14" t="s">
        <v>38</v>
      </c>
      <c r="D40577" s="14" t="s">
        <v>114</v>
      </c>
      <c r="E40577" s="15">
        <v>45438</v>
      </c>
      <c r="F40577" s="14" t="s">
        <v>15</v>
      </c>
      <c r="G40577" s="16">
        <v>0.69594783783744218</v>
      </c>
    </row>
    <row r="40578" spans="1:7" x14ac:dyDescent="0.3">
      <c r="A40578" s="13" t="s">
        <v>242</v>
      </c>
      <c r="B40578" s="14" t="s">
        <v>1</v>
      </c>
      <c r="C40578" s="14" t="s">
        <v>38</v>
      </c>
      <c r="D40578" s="14" t="s">
        <v>114</v>
      </c>
      <c r="E40578" s="15">
        <v>45439</v>
      </c>
      <c r="F40578" s="14" t="s">
        <v>15</v>
      </c>
      <c r="G40578" s="16">
        <v>0.69324751803412854</v>
      </c>
    </row>
    <row r="40579" spans="1:7" x14ac:dyDescent="0.3">
      <c r="A40579" s="13" t="s">
        <v>242</v>
      </c>
      <c r="B40579" s="14" t="s">
        <v>1</v>
      </c>
      <c r="C40579" s="14" t="s">
        <v>38</v>
      </c>
      <c r="D40579" s="14" t="s">
        <v>114</v>
      </c>
      <c r="E40579" s="15">
        <v>45440</v>
      </c>
      <c r="F40579" s="14" t="s">
        <v>15</v>
      </c>
      <c r="G40579" s="16">
        <v>0.68521690986310613</v>
      </c>
    </row>
    <row r="40580" spans="1:7" x14ac:dyDescent="0.3">
      <c r="A40580" s="13" t="s">
        <v>242</v>
      </c>
      <c r="B40580" s="14" t="s">
        <v>1</v>
      </c>
      <c r="C40580" s="14" t="s">
        <v>38</v>
      </c>
      <c r="D40580" s="14" t="s">
        <v>114</v>
      </c>
      <c r="E40580" s="15">
        <v>45441</v>
      </c>
      <c r="F40580" s="14" t="s">
        <v>15</v>
      </c>
      <c r="G40580" s="16">
        <v>0.77228278646997028</v>
      </c>
    </row>
    <row r="40581" spans="1:7" x14ac:dyDescent="0.3">
      <c r="A40581" s="13" t="s">
        <v>242</v>
      </c>
      <c r="B40581" s="14" t="s">
        <v>1</v>
      </c>
      <c r="C40581" s="14" t="s">
        <v>38</v>
      </c>
      <c r="D40581" s="14" t="s">
        <v>114</v>
      </c>
      <c r="E40581" s="15">
        <v>45442</v>
      </c>
      <c r="F40581" s="14" t="s">
        <v>15</v>
      </c>
      <c r="G40581" s="16">
        <v>0.81459727464820997</v>
      </c>
    </row>
    <row r="40582" spans="1:7" x14ac:dyDescent="0.3">
      <c r="A40582" s="13" t="s">
        <v>242</v>
      </c>
      <c r="B40582" s="14" t="s">
        <v>1</v>
      </c>
      <c r="C40582" s="14" t="s">
        <v>38</v>
      </c>
      <c r="D40582" s="14" t="s">
        <v>114</v>
      </c>
      <c r="E40582" s="15">
        <v>45443</v>
      </c>
      <c r="F40582" s="14" t="s">
        <v>15</v>
      </c>
      <c r="G40582" s="16">
        <v>0.81198597789102489</v>
      </c>
    </row>
    <row r="40583" spans="1:7" x14ac:dyDescent="0.3">
      <c r="A40583" s="13" t="s">
        <v>242</v>
      </c>
      <c r="B40583" s="14" t="s">
        <v>1</v>
      </c>
      <c r="C40583" s="14" t="s">
        <v>38</v>
      </c>
      <c r="D40583" s="14" t="s">
        <v>114</v>
      </c>
      <c r="E40583" s="15">
        <v>45444</v>
      </c>
      <c r="F40583" s="14" t="s">
        <v>15</v>
      </c>
      <c r="G40583" s="16">
        <v>0.81198597789102489</v>
      </c>
    </row>
    <row r="40584" spans="1:7" x14ac:dyDescent="0.3">
      <c r="A40584" s="13" t="s">
        <v>242</v>
      </c>
      <c r="B40584" s="14" t="s">
        <v>1</v>
      </c>
      <c r="C40584" s="14" t="s">
        <v>38</v>
      </c>
      <c r="D40584" s="14" t="s">
        <v>114</v>
      </c>
      <c r="E40584" s="15">
        <v>45445</v>
      </c>
      <c r="F40584" s="14" t="s">
        <v>15</v>
      </c>
      <c r="G40584" s="16">
        <v>0.81198597789102489</v>
      </c>
    </row>
    <row r="40585" spans="1:7" x14ac:dyDescent="0.3">
      <c r="A40585" s="13" t="s">
        <v>242</v>
      </c>
      <c r="B40585" s="14" t="s">
        <v>1</v>
      </c>
      <c r="C40585" s="14" t="s">
        <v>38</v>
      </c>
      <c r="D40585" s="14" t="s">
        <v>114</v>
      </c>
      <c r="E40585" s="15">
        <v>45446</v>
      </c>
      <c r="F40585" s="14" t="s">
        <v>15</v>
      </c>
      <c r="G40585" s="16">
        <v>0.81198597789102489</v>
      </c>
    </row>
    <row r="40586" spans="1:7" x14ac:dyDescent="0.3">
      <c r="A40586" s="13" t="s">
        <v>242</v>
      </c>
      <c r="B40586" s="14" t="s">
        <v>1</v>
      </c>
      <c r="C40586" s="14" t="s">
        <v>38</v>
      </c>
      <c r="D40586" s="14" t="s">
        <v>114</v>
      </c>
      <c r="E40586" s="15">
        <v>45447</v>
      </c>
      <c r="F40586" s="14" t="s">
        <v>15</v>
      </c>
      <c r="G40586" s="16">
        <v>0.8093427629431873</v>
      </c>
    </row>
    <row r="40587" spans="1:7" x14ac:dyDescent="0.3">
      <c r="A40587" s="13" t="s">
        <v>242</v>
      </c>
      <c r="B40587" s="14" t="s">
        <v>1</v>
      </c>
      <c r="C40587" s="14" t="s">
        <v>38</v>
      </c>
      <c r="D40587" s="14" t="s">
        <v>114</v>
      </c>
      <c r="E40587" s="15">
        <v>45448</v>
      </c>
      <c r="F40587" s="14" t="s">
        <v>15</v>
      </c>
      <c r="G40587" s="16">
        <v>0.79981670426377083</v>
      </c>
    </row>
    <row r="40588" spans="1:7" x14ac:dyDescent="0.3">
      <c r="A40588" s="13" t="s">
        <v>242</v>
      </c>
      <c r="B40588" s="14" t="s">
        <v>1</v>
      </c>
      <c r="C40588" s="14" t="s">
        <v>38</v>
      </c>
      <c r="D40588" s="14" t="s">
        <v>114</v>
      </c>
      <c r="E40588" s="15">
        <v>45449</v>
      </c>
      <c r="F40588" s="14" t="s">
        <v>15</v>
      </c>
      <c r="G40588" s="16">
        <v>0.8606300869516933</v>
      </c>
    </row>
    <row r="40589" spans="1:7" x14ac:dyDescent="0.3">
      <c r="A40589" s="13" t="s">
        <v>242</v>
      </c>
      <c r="B40589" s="14" t="s">
        <v>1</v>
      </c>
      <c r="C40589" s="14" t="s">
        <v>38</v>
      </c>
      <c r="D40589" s="14" t="s">
        <v>114</v>
      </c>
      <c r="E40589" s="15">
        <v>45450</v>
      </c>
      <c r="F40589" s="14" t="s">
        <v>15</v>
      </c>
      <c r="G40589" s="16">
        <v>0.8579557981572129</v>
      </c>
    </row>
    <row r="40590" spans="1:7" x14ac:dyDescent="0.3">
      <c r="A40590" s="13" t="s">
        <v>242</v>
      </c>
      <c r="B40590" s="14" t="s">
        <v>1</v>
      </c>
      <c r="C40590" s="14" t="s">
        <v>38</v>
      </c>
      <c r="D40590" s="14" t="s">
        <v>114</v>
      </c>
      <c r="E40590" s="15">
        <v>45451</v>
      </c>
      <c r="F40590" s="14" t="s">
        <v>15</v>
      </c>
      <c r="G40590" s="16">
        <v>0.8579557981572129</v>
      </c>
    </row>
    <row r="40591" spans="1:7" x14ac:dyDescent="0.3">
      <c r="A40591" s="13" t="s">
        <v>242</v>
      </c>
      <c r="B40591" s="14" t="s">
        <v>1</v>
      </c>
      <c r="C40591" s="14" t="s">
        <v>38</v>
      </c>
      <c r="D40591" s="14" t="s">
        <v>114</v>
      </c>
      <c r="E40591" s="15">
        <v>45452</v>
      </c>
      <c r="F40591" s="14" t="s">
        <v>15</v>
      </c>
      <c r="G40591" s="16">
        <v>0.8579557981572129</v>
      </c>
    </row>
    <row r="40592" spans="1:7" x14ac:dyDescent="0.3">
      <c r="A40592" s="13" t="s">
        <v>242</v>
      </c>
      <c r="B40592" s="14" t="s">
        <v>1</v>
      </c>
      <c r="C40592" s="14" t="s">
        <v>38</v>
      </c>
      <c r="D40592" s="14" t="s">
        <v>114</v>
      </c>
      <c r="E40592" s="15">
        <v>45453</v>
      </c>
      <c r="F40592" s="14" t="s">
        <v>15</v>
      </c>
      <c r="G40592" s="16">
        <v>0.86144999843773018</v>
      </c>
    </row>
    <row r="40593" spans="1:7" x14ac:dyDescent="0.3">
      <c r="A40593" s="13" t="s">
        <v>242</v>
      </c>
      <c r="B40593" s="14" t="s">
        <v>1</v>
      </c>
      <c r="C40593" s="14" t="s">
        <v>38</v>
      </c>
      <c r="D40593" s="14" t="s">
        <v>114</v>
      </c>
      <c r="E40593" s="15">
        <v>45454</v>
      </c>
      <c r="F40593" s="14" t="s">
        <v>15</v>
      </c>
      <c r="G40593" s="16">
        <v>0.8533810697203662</v>
      </c>
    </row>
    <row r="40594" spans="1:7" x14ac:dyDescent="0.3">
      <c r="A40594" s="13" t="s">
        <v>242</v>
      </c>
      <c r="B40594" s="14" t="s">
        <v>1</v>
      </c>
      <c r="C40594" s="14" t="s">
        <v>38</v>
      </c>
      <c r="D40594" s="14" t="s">
        <v>114</v>
      </c>
      <c r="E40594" s="15">
        <v>45455</v>
      </c>
      <c r="F40594" s="14" t="s">
        <v>15</v>
      </c>
      <c r="G40594" s="16">
        <v>0.89670357951802881</v>
      </c>
    </row>
    <row r="40595" spans="1:7" x14ac:dyDescent="0.3">
      <c r="A40595" s="13" t="s">
        <v>242</v>
      </c>
      <c r="B40595" s="14" t="s">
        <v>1</v>
      </c>
      <c r="C40595" s="14" t="s">
        <v>38</v>
      </c>
      <c r="D40595" s="14" t="s">
        <v>114</v>
      </c>
      <c r="E40595" s="15">
        <v>45456</v>
      </c>
      <c r="F40595" s="14" t="s">
        <v>15</v>
      </c>
      <c r="G40595" s="16">
        <v>0.89403558350951784</v>
      </c>
    </row>
    <row r="40596" spans="1:7" x14ac:dyDescent="0.3">
      <c r="A40596" s="13" t="s">
        <v>242</v>
      </c>
      <c r="B40596" s="14" t="s">
        <v>1</v>
      </c>
      <c r="C40596" s="14" t="s">
        <v>38</v>
      </c>
      <c r="D40596" s="14" t="s">
        <v>114</v>
      </c>
      <c r="E40596" s="15">
        <v>45457</v>
      </c>
      <c r="F40596" s="14" t="s">
        <v>15</v>
      </c>
      <c r="G40596" s="16">
        <v>0.91264059338306991</v>
      </c>
    </row>
    <row r="40597" spans="1:7" x14ac:dyDescent="0.3">
      <c r="A40597" s="13" t="s">
        <v>242</v>
      </c>
      <c r="B40597" s="14" t="s">
        <v>1</v>
      </c>
      <c r="C40597" s="14" t="s">
        <v>38</v>
      </c>
      <c r="D40597" s="14" t="s">
        <v>114</v>
      </c>
      <c r="E40597" s="15">
        <v>45458</v>
      </c>
      <c r="F40597" s="14" t="s">
        <v>15</v>
      </c>
      <c r="G40597" s="16">
        <v>0.91264059338306991</v>
      </c>
    </row>
    <row r="40598" spans="1:7" x14ac:dyDescent="0.3">
      <c r="A40598" s="13" t="s">
        <v>242</v>
      </c>
      <c r="B40598" s="14" t="s">
        <v>1</v>
      </c>
      <c r="C40598" s="14" t="s">
        <v>38</v>
      </c>
      <c r="D40598" s="14" t="s">
        <v>114</v>
      </c>
      <c r="E40598" s="15">
        <v>45459</v>
      </c>
      <c r="F40598" s="14" t="s">
        <v>15</v>
      </c>
      <c r="G40598" s="16">
        <v>0.91264059338306991</v>
      </c>
    </row>
    <row r="40599" spans="1:7" x14ac:dyDescent="0.3">
      <c r="A40599" s="13" t="s">
        <v>242</v>
      </c>
      <c r="B40599" s="14" t="s">
        <v>1</v>
      </c>
      <c r="C40599" s="14" t="s">
        <v>38</v>
      </c>
      <c r="D40599" s="14" t="s">
        <v>114</v>
      </c>
      <c r="E40599" s="15">
        <v>45460</v>
      </c>
      <c r="F40599" s="14" t="s">
        <v>15</v>
      </c>
      <c r="G40599" s="16">
        <v>0.91264059338306991</v>
      </c>
    </row>
    <row r="40600" spans="1:7" x14ac:dyDescent="0.3">
      <c r="A40600" s="13" t="s">
        <v>242</v>
      </c>
      <c r="B40600" s="14" t="s">
        <v>1</v>
      </c>
      <c r="C40600" s="14" t="s">
        <v>38</v>
      </c>
      <c r="D40600" s="14" t="s">
        <v>114</v>
      </c>
      <c r="E40600" s="15">
        <v>45461</v>
      </c>
      <c r="F40600" s="14" t="s">
        <v>15</v>
      </c>
      <c r="G40600" s="16">
        <v>0.90991918733065624</v>
      </c>
    </row>
    <row r="40601" spans="1:7" x14ac:dyDescent="0.3">
      <c r="A40601" s="13" t="s">
        <v>242</v>
      </c>
      <c r="B40601" s="14" t="s">
        <v>1</v>
      </c>
      <c r="C40601" s="14" t="s">
        <v>38</v>
      </c>
      <c r="D40601" s="14" t="s">
        <v>114</v>
      </c>
      <c r="E40601" s="15">
        <v>45462</v>
      </c>
      <c r="F40601" s="14" t="s">
        <v>15</v>
      </c>
      <c r="G40601" s="16">
        <v>0.94576099495536325</v>
      </c>
    </row>
    <row r="40602" spans="1:7" x14ac:dyDescent="0.3">
      <c r="A40602" s="13" t="s">
        <v>242</v>
      </c>
      <c r="B40602" s="14" t="s">
        <v>1</v>
      </c>
      <c r="C40602" s="14" t="s">
        <v>38</v>
      </c>
      <c r="D40602" s="14" t="s">
        <v>114</v>
      </c>
      <c r="E40602" s="15">
        <v>45463</v>
      </c>
      <c r="F40602" s="14" t="s">
        <v>15</v>
      </c>
      <c r="G40602" s="16">
        <v>0.94303067412304242</v>
      </c>
    </row>
    <row r="40603" spans="1:7" x14ac:dyDescent="0.3">
      <c r="A40603" s="13" t="s">
        <v>242</v>
      </c>
      <c r="B40603" s="14" t="s">
        <v>1</v>
      </c>
      <c r="C40603" s="14" t="s">
        <v>38</v>
      </c>
      <c r="D40603" s="14" t="s">
        <v>114</v>
      </c>
      <c r="E40603" s="15">
        <v>45464</v>
      </c>
      <c r="F40603" s="14" t="s">
        <v>15</v>
      </c>
      <c r="G40603" s="16">
        <v>0.94025500865109934</v>
      </c>
    </row>
    <row r="40604" spans="1:7" x14ac:dyDescent="0.3">
      <c r="A40604" s="13" t="s">
        <v>242</v>
      </c>
      <c r="B40604" s="14" t="s">
        <v>1</v>
      </c>
      <c r="C40604" s="14" t="s">
        <v>38</v>
      </c>
      <c r="D40604" s="14" t="s">
        <v>114</v>
      </c>
      <c r="E40604" s="15">
        <v>45465</v>
      </c>
      <c r="F40604" s="14" t="s">
        <v>15</v>
      </c>
      <c r="G40604" s="16">
        <v>0.94025500865109934</v>
      </c>
    </row>
    <row r="40605" spans="1:7" x14ac:dyDescent="0.3">
      <c r="A40605" s="13" t="s">
        <v>242</v>
      </c>
      <c r="B40605" s="14" t="s">
        <v>1</v>
      </c>
      <c r="C40605" s="14" t="s">
        <v>38</v>
      </c>
      <c r="D40605" s="14" t="s">
        <v>114</v>
      </c>
      <c r="E40605" s="15">
        <v>45466</v>
      </c>
      <c r="F40605" s="14" t="s">
        <v>15</v>
      </c>
      <c r="G40605" s="16">
        <v>0.94025500865109934</v>
      </c>
    </row>
    <row r="40606" spans="1:7" x14ac:dyDescent="0.3">
      <c r="A40606" s="13" t="s">
        <v>242</v>
      </c>
      <c r="B40606" s="14" t="s">
        <v>1</v>
      </c>
      <c r="C40606" s="14" t="s">
        <v>38</v>
      </c>
      <c r="D40606" s="14" t="s">
        <v>114</v>
      </c>
      <c r="E40606" s="15">
        <v>45467</v>
      </c>
      <c r="F40606" s="14" t="s">
        <v>15</v>
      </c>
      <c r="G40606" s="16">
        <v>0.93746116643739696</v>
      </c>
    </row>
    <row r="40607" spans="1:7" x14ac:dyDescent="0.3">
      <c r="A40607" s="13" t="s">
        <v>242</v>
      </c>
      <c r="B40607" s="14" t="s">
        <v>1</v>
      </c>
      <c r="C40607" s="14" t="s">
        <v>38</v>
      </c>
      <c r="D40607" s="14" t="s">
        <v>114</v>
      </c>
      <c r="E40607" s="15">
        <v>45468</v>
      </c>
      <c r="F40607" s="14" t="s">
        <v>15</v>
      </c>
      <c r="G40607" s="16">
        <v>0.9292197496062401</v>
      </c>
    </row>
    <row r="40608" spans="1:7" x14ac:dyDescent="0.3">
      <c r="A40608" s="13" t="s">
        <v>242</v>
      </c>
      <c r="B40608" s="14" t="s">
        <v>1</v>
      </c>
      <c r="C40608" s="14" t="s">
        <v>38</v>
      </c>
      <c r="D40608" s="14" t="s">
        <v>114</v>
      </c>
      <c r="E40608" s="15">
        <v>45469</v>
      </c>
      <c r="F40608" s="14" t="s">
        <v>15</v>
      </c>
      <c r="G40608" s="16">
        <v>0.92648853772341677</v>
      </c>
    </row>
    <row r="40609" spans="1:7" x14ac:dyDescent="0.3">
      <c r="A40609" s="13" t="s">
        <v>242</v>
      </c>
      <c r="B40609" s="14" t="s">
        <v>1</v>
      </c>
      <c r="C40609" s="14" t="s">
        <v>38</v>
      </c>
      <c r="D40609" s="14" t="s">
        <v>114</v>
      </c>
      <c r="E40609" s="15">
        <v>45470</v>
      </c>
      <c r="F40609" s="14" t="s">
        <v>15</v>
      </c>
      <c r="G40609" s="16">
        <v>0.92375127536544266</v>
      </c>
    </row>
    <row r="40610" spans="1:7" x14ac:dyDescent="0.3">
      <c r="A40610" s="13" t="s">
        <v>242</v>
      </c>
      <c r="B40610" s="14" t="s">
        <v>1</v>
      </c>
      <c r="C40610" s="14" t="s">
        <v>38</v>
      </c>
      <c r="D40610" s="14" t="s">
        <v>114</v>
      </c>
      <c r="E40610" s="15">
        <v>45471</v>
      </c>
      <c r="F40610" s="14" t="s">
        <v>15</v>
      </c>
      <c r="G40610" s="16">
        <v>0.94033919410820765</v>
      </c>
    </row>
    <row r="40611" spans="1:7" x14ac:dyDescent="0.3">
      <c r="A40611" s="13" t="s">
        <v>242</v>
      </c>
      <c r="B40611" s="14" t="s">
        <v>1</v>
      </c>
      <c r="C40611" s="14" t="s">
        <v>38</v>
      </c>
      <c r="D40611" s="14" t="s">
        <v>114</v>
      </c>
      <c r="E40611" s="15">
        <v>45472</v>
      </c>
      <c r="F40611" s="14" t="s">
        <v>15</v>
      </c>
      <c r="G40611" s="16">
        <v>0.94033919410820765</v>
      </c>
    </row>
    <row r="40612" spans="1:7" x14ac:dyDescent="0.3">
      <c r="A40612" s="13" t="s">
        <v>242</v>
      </c>
      <c r="B40612" s="14" t="s">
        <v>1</v>
      </c>
      <c r="C40612" s="14" t="s">
        <v>38</v>
      </c>
      <c r="D40612" s="14" t="s">
        <v>114</v>
      </c>
      <c r="E40612" s="15">
        <v>45473</v>
      </c>
      <c r="F40612" s="14" t="s">
        <v>15</v>
      </c>
      <c r="G40612" s="16">
        <v>0.94033919410820765</v>
      </c>
    </row>
    <row r="40613" spans="1:7" x14ac:dyDescent="0.3">
      <c r="A40613" s="13" t="s">
        <v>242</v>
      </c>
      <c r="B40613" s="14" t="s">
        <v>1</v>
      </c>
      <c r="C40613" s="14" t="s">
        <v>38</v>
      </c>
      <c r="D40613" s="14" t="s">
        <v>114</v>
      </c>
      <c r="E40613" s="15">
        <v>45474</v>
      </c>
      <c r="F40613" s="14" t="s">
        <v>15</v>
      </c>
      <c r="G40613" s="16">
        <v>0.93757848086706919</v>
      </c>
    </row>
    <row r="40614" spans="1:7" x14ac:dyDescent="0.3">
      <c r="A40614" s="13" t="s">
        <v>242</v>
      </c>
      <c r="B40614" s="14" t="s">
        <v>1</v>
      </c>
      <c r="C40614" s="14" t="s">
        <v>38</v>
      </c>
      <c r="D40614" s="14" t="s">
        <v>114</v>
      </c>
      <c r="E40614" s="15">
        <v>45475</v>
      </c>
      <c r="F40614" s="14" t="s">
        <v>15</v>
      </c>
      <c r="G40614" s="16">
        <v>0.9292448283977458</v>
      </c>
    </row>
    <row r="40615" spans="1:7" x14ac:dyDescent="0.3">
      <c r="A40615" s="13" t="s">
        <v>242</v>
      </c>
      <c r="B40615" s="14" t="s">
        <v>1</v>
      </c>
      <c r="C40615" s="14" t="s">
        <v>38</v>
      </c>
      <c r="D40615" s="14" t="s">
        <v>114</v>
      </c>
      <c r="E40615" s="15">
        <v>45476</v>
      </c>
      <c r="F40615" s="14" t="s">
        <v>15</v>
      </c>
      <c r="G40615" s="16">
        <v>0.92642787371407764</v>
      </c>
    </row>
    <row r="40616" spans="1:7" x14ac:dyDescent="0.3">
      <c r="A40616" s="13" t="s">
        <v>242</v>
      </c>
      <c r="B40616" s="14" t="s">
        <v>1</v>
      </c>
      <c r="C40616" s="14" t="s">
        <v>38</v>
      </c>
      <c r="D40616" s="14" t="s">
        <v>114</v>
      </c>
      <c r="E40616" s="15">
        <v>45477</v>
      </c>
      <c r="F40616" s="14" t="s">
        <v>15</v>
      </c>
      <c r="G40616" s="16">
        <v>0.92362813992834081</v>
      </c>
    </row>
    <row r="40617" spans="1:7" x14ac:dyDescent="0.3">
      <c r="A40617" s="13" t="s">
        <v>242</v>
      </c>
      <c r="B40617" s="14" t="s">
        <v>1</v>
      </c>
      <c r="C40617" s="14" t="s">
        <v>38</v>
      </c>
      <c r="D40617" s="14" t="s">
        <v>114</v>
      </c>
      <c r="E40617" s="15">
        <v>45478</v>
      </c>
      <c r="F40617" s="14" t="s">
        <v>15</v>
      </c>
      <c r="G40617" s="16">
        <v>1.0173205278107291</v>
      </c>
    </row>
    <row r="40618" spans="1:7" x14ac:dyDescent="0.3">
      <c r="A40618" s="13" t="s">
        <v>242</v>
      </c>
      <c r="B40618" s="14" t="s">
        <v>1</v>
      </c>
      <c r="C40618" s="14" t="s">
        <v>38</v>
      </c>
      <c r="D40618" s="14" t="s">
        <v>114</v>
      </c>
      <c r="E40618" s="15">
        <v>45479</v>
      </c>
      <c r="F40618" s="14" t="s">
        <v>15</v>
      </c>
      <c r="G40618" s="16">
        <v>1.0173205278107291</v>
      </c>
    </row>
    <row r="40619" spans="1:7" x14ac:dyDescent="0.3">
      <c r="A40619" s="13" t="s">
        <v>242</v>
      </c>
      <c r="B40619" s="14" t="s">
        <v>1</v>
      </c>
      <c r="C40619" s="14" t="s">
        <v>38</v>
      </c>
      <c r="D40619" s="14" t="s">
        <v>114</v>
      </c>
      <c r="E40619" s="15">
        <v>45480</v>
      </c>
      <c r="F40619" s="14" t="s">
        <v>15</v>
      </c>
      <c r="G40619" s="16">
        <v>1.0173205278107291</v>
      </c>
    </row>
    <row r="40620" spans="1:7" x14ac:dyDescent="0.3">
      <c r="A40620" s="13" t="s">
        <v>242</v>
      </c>
      <c r="B40620" s="14" t="s">
        <v>1</v>
      </c>
      <c r="C40620" s="14" t="s">
        <v>38</v>
      </c>
      <c r="D40620" s="14" t="s">
        <v>114</v>
      </c>
      <c r="E40620" s="15">
        <v>45481</v>
      </c>
      <c r="F40620" s="14" t="s">
        <v>15</v>
      </c>
      <c r="G40620" s="16">
        <v>1.0270769178141383</v>
      </c>
    </row>
    <row r="40621" spans="1:7" x14ac:dyDescent="0.3">
      <c r="A40621" s="13" t="s">
        <v>242</v>
      </c>
      <c r="B40621" s="14" t="s">
        <v>1</v>
      </c>
      <c r="C40621" s="14" t="s">
        <v>38</v>
      </c>
      <c r="D40621" s="14" t="s">
        <v>114</v>
      </c>
      <c r="E40621" s="15">
        <v>45482</v>
      </c>
      <c r="F40621" s="14" t="s">
        <v>15</v>
      </c>
      <c r="G40621" s="16">
        <v>1.0185014201155191</v>
      </c>
    </row>
    <row r="40622" spans="1:7" x14ac:dyDescent="0.3">
      <c r="A40622" s="13" t="s">
        <v>242</v>
      </c>
      <c r="B40622" s="14" t="s">
        <v>1</v>
      </c>
      <c r="C40622" s="14" t="s">
        <v>38</v>
      </c>
      <c r="D40622" s="14" t="s">
        <v>114</v>
      </c>
      <c r="E40622" s="15">
        <v>45483</v>
      </c>
      <c r="F40622" s="14" t="s">
        <v>15</v>
      </c>
      <c r="G40622" s="16">
        <v>1.0156365185255136</v>
      </c>
    </row>
    <row r="40623" spans="1:7" x14ac:dyDescent="0.3">
      <c r="A40623" s="13" t="s">
        <v>242</v>
      </c>
      <c r="B40623" s="14" t="s">
        <v>1</v>
      </c>
      <c r="C40623" s="14" t="s">
        <v>38</v>
      </c>
      <c r="D40623" s="14" t="s">
        <v>114</v>
      </c>
      <c r="E40623" s="15">
        <v>45484</v>
      </c>
      <c r="F40623" s="14" t="s">
        <v>15</v>
      </c>
      <c r="G40623" s="16">
        <v>1.1225937238917287</v>
      </c>
    </row>
    <row r="40624" spans="1:7" x14ac:dyDescent="0.3">
      <c r="A40624" s="13" t="s">
        <v>242</v>
      </c>
      <c r="B40624" s="14" t="s">
        <v>1</v>
      </c>
      <c r="C40624" s="14" t="s">
        <v>38</v>
      </c>
      <c r="D40624" s="14" t="s">
        <v>114</v>
      </c>
      <c r="E40624" s="15">
        <v>45485</v>
      </c>
      <c r="F40624" s="14" t="s">
        <v>15</v>
      </c>
      <c r="G40624" s="16">
        <v>1.1454357165008755</v>
      </c>
    </row>
    <row r="40625" spans="1:7" x14ac:dyDescent="0.3">
      <c r="A40625" s="13" t="s">
        <v>242</v>
      </c>
      <c r="B40625" s="14" t="s">
        <v>1</v>
      </c>
      <c r="C40625" s="14" t="s">
        <v>38</v>
      </c>
      <c r="D40625" s="14" t="s">
        <v>114</v>
      </c>
      <c r="E40625" s="15">
        <v>45486</v>
      </c>
      <c r="F40625" s="14" t="s">
        <v>15</v>
      </c>
      <c r="G40625" s="16">
        <v>1.1454357165008755</v>
      </c>
    </row>
    <row r="40626" spans="1:7" x14ac:dyDescent="0.3">
      <c r="A40626" s="13" t="s">
        <v>242</v>
      </c>
      <c r="B40626" s="14" t="s">
        <v>1</v>
      </c>
      <c r="C40626" s="14" t="s">
        <v>38</v>
      </c>
      <c r="D40626" s="14" t="s">
        <v>114</v>
      </c>
      <c r="E40626" s="15">
        <v>45487</v>
      </c>
      <c r="F40626" s="14" t="s">
        <v>15</v>
      </c>
      <c r="G40626" s="16">
        <v>1.1454357165008755</v>
      </c>
    </row>
    <row r="40627" spans="1:7" x14ac:dyDescent="0.3">
      <c r="A40627" s="13" t="s">
        <v>242</v>
      </c>
      <c r="B40627" s="14" t="s">
        <v>1</v>
      </c>
      <c r="C40627" s="14" t="s">
        <v>38</v>
      </c>
      <c r="D40627" s="14" t="s">
        <v>114</v>
      </c>
      <c r="E40627" s="15">
        <v>45488</v>
      </c>
      <c r="F40627" s="14" t="s">
        <v>15</v>
      </c>
      <c r="G40627" s="16">
        <v>1.1425371204583794</v>
      </c>
    </row>
    <row r="40628" spans="1:7" x14ac:dyDescent="0.3">
      <c r="A40628" s="13" t="s">
        <v>242</v>
      </c>
      <c r="B40628" s="14" t="s">
        <v>1</v>
      </c>
      <c r="C40628" s="14" t="s">
        <v>38</v>
      </c>
      <c r="D40628" s="14" t="s">
        <v>114</v>
      </c>
      <c r="E40628" s="15">
        <v>45489</v>
      </c>
      <c r="F40628" s="14" t="s">
        <v>15</v>
      </c>
      <c r="G40628" s="16">
        <v>1.1338876096341137</v>
      </c>
    </row>
    <row r="40629" spans="1:7" x14ac:dyDescent="0.3">
      <c r="A40629" s="13" t="s">
        <v>242</v>
      </c>
      <c r="B40629" s="14" t="s">
        <v>1</v>
      </c>
      <c r="C40629" s="14" t="s">
        <v>38</v>
      </c>
      <c r="D40629" s="14" t="s">
        <v>114</v>
      </c>
      <c r="E40629" s="15">
        <v>45490</v>
      </c>
      <c r="F40629" s="14" t="s">
        <v>15</v>
      </c>
      <c r="G40629" s="16">
        <v>1.1915818527318938</v>
      </c>
    </row>
    <row r="40630" spans="1:7" x14ac:dyDescent="0.3">
      <c r="A40630" s="13" t="s">
        <v>242</v>
      </c>
      <c r="B40630" s="14" t="s">
        <v>1</v>
      </c>
      <c r="C40630" s="14" t="s">
        <v>38</v>
      </c>
      <c r="D40630" s="14" t="s">
        <v>114</v>
      </c>
      <c r="E40630" s="15">
        <v>45491</v>
      </c>
      <c r="F40630" s="14" t="s">
        <v>15</v>
      </c>
      <c r="G40630" s="16">
        <v>1.1887083111061318</v>
      </c>
    </row>
    <row r="40631" spans="1:7" x14ac:dyDescent="0.3">
      <c r="A40631" s="13" t="s">
        <v>242</v>
      </c>
      <c r="B40631" s="14" t="s">
        <v>1</v>
      </c>
      <c r="C40631" s="14" t="s">
        <v>38</v>
      </c>
      <c r="D40631" s="14" t="s">
        <v>114</v>
      </c>
      <c r="E40631" s="15">
        <v>45492</v>
      </c>
      <c r="F40631" s="14" t="s">
        <v>15</v>
      </c>
      <c r="G40631" s="16">
        <v>1.185840852140454</v>
      </c>
    </row>
    <row r="40632" spans="1:7" x14ac:dyDescent="0.3">
      <c r="A40632" s="13" t="s">
        <v>242</v>
      </c>
      <c r="B40632" s="14" t="s">
        <v>1</v>
      </c>
      <c r="C40632" s="14" t="s">
        <v>38</v>
      </c>
      <c r="D40632" s="14" t="s">
        <v>114</v>
      </c>
      <c r="E40632" s="15">
        <v>45493</v>
      </c>
      <c r="F40632" s="14" t="s">
        <v>15</v>
      </c>
      <c r="G40632" s="16">
        <v>1.185840852140454</v>
      </c>
    </row>
    <row r="40633" spans="1:7" x14ac:dyDescent="0.3">
      <c r="A40633" s="13" t="s">
        <v>242</v>
      </c>
      <c r="B40633" s="14" t="s">
        <v>1</v>
      </c>
      <c r="C40633" s="14" t="s">
        <v>38</v>
      </c>
      <c r="D40633" s="14" t="s">
        <v>114</v>
      </c>
      <c r="E40633" s="15">
        <v>45494</v>
      </c>
      <c r="F40633" s="14" t="s">
        <v>15</v>
      </c>
      <c r="G40633" s="16">
        <v>1.185840852140454</v>
      </c>
    </row>
    <row r="40634" spans="1:7" x14ac:dyDescent="0.3">
      <c r="A40634" s="13" t="s">
        <v>242</v>
      </c>
      <c r="B40634" s="14" t="s">
        <v>1</v>
      </c>
      <c r="C40634" s="14" t="s">
        <v>38</v>
      </c>
      <c r="D40634" s="14" t="s">
        <v>114</v>
      </c>
      <c r="E40634" s="15">
        <v>45495</v>
      </c>
      <c r="F40634" s="14" t="s">
        <v>15</v>
      </c>
      <c r="G40634" s="16">
        <v>1.1829966598370518</v>
      </c>
    </row>
    <row r="40635" spans="1:7" x14ac:dyDescent="0.3">
      <c r="A40635" s="13" t="s">
        <v>242</v>
      </c>
      <c r="B40635" s="14" t="s">
        <v>1</v>
      </c>
      <c r="C40635" s="14" t="s">
        <v>38</v>
      </c>
      <c r="D40635" s="14" t="s">
        <v>114</v>
      </c>
      <c r="E40635" s="15">
        <v>45496</v>
      </c>
      <c r="F40635" s="14" t="s">
        <v>15</v>
      </c>
      <c r="G40635" s="16">
        <v>1.1746093192855451</v>
      </c>
    </row>
    <row r="40636" spans="1:7" x14ac:dyDescent="0.3">
      <c r="A40636" s="13" t="s">
        <v>242</v>
      </c>
      <c r="B40636" s="14" t="s">
        <v>1</v>
      </c>
      <c r="C40636" s="14" t="s">
        <v>38</v>
      </c>
      <c r="D40636" s="14" t="s">
        <v>114</v>
      </c>
      <c r="E40636" s="15">
        <v>45497</v>
      </c>
      <c r="F40636" s="14" t="s">
        <v>15</v>
      </c>
      <c r="G40636" s="16">
        <v>1.1718532832475981</v>
      </c>
    </row>
    <row r="40637" spans="1:7" x14ac:dyDescent="0.3">
      <c r="A40637" s="13" t="s">
        <v>242</v>
      </c>
      <c r="B40637" s="14" t="s">
        <v>1</v>
      </c>
      <c r="C40637" s="14" t="s">
        <v>38</v>
      </c>
      <c r="D40637" s="14" t="s">
        <v>114</v>
      </c>
      <c r="E40637" s="15">
        <v>45498</v>
      </c>
      <c r="F40637" s="14" t="s">
        <v>15</v>
      </c>
      <c r="G40637" s="16">
        <v>1.1690647764822493</v>
      </c>
    </row>
    <row r="40638" spans="1:7" x14ac:dyDescent="0.3">
      <c r="A40638" s="13" t="s">
        <v>242</v>
      </c>
      <c r="B40638" s="14" t="s">
        <v>1</v>
      </c>
      <c r="C40638" s="14" t="s">
        <v>38</v>
      </c>
      <c r="D40638" s="14" t="s">
        <v>114</v>
      </c>
      <c r="E40638" s="15">
        <v>45499</v>
      </c>
      <c r="F40638" s="14" t="s">
        <v>15</v>
      </c>
      <c r="G40638" s="16">
        <v>1.1663134562831388</v>
      </c>
    </row>
    <row r="40639" spans="1:7" x14ac:dyDescent="0.3">
      <c r="A40639" s="13" t="s">
        <v>242</v>
      </c>
      <c r="B40639" s="14" t="s">
        <v>1</v>
      </c>
      <c r="C40639" s="14" t="s">
        <v>38</v>
      </c>
      <c r="D40639" s="14" t="s">
        <v>114</v>
      </c>
      <c r="E40639" s="15">
        <v>45500</v>
      </c>
      <c r="F40639" s="14" t="s">
        <v>15</v>
      </c>
      <c r="G40639" s="16">
        <v>1.1663134562831388</v>
      </c>
    </row>
    <row r="40640" spans="1:7" x14ac:dyDescent="0.3">
      <c r="A40640" s="13" t="s">
        <v>242</v>
      </c>
      <c r="B40640" s="14" t="s">
        <v>1</v>
      </c>
      <c r="C40640" s="14" t="s">
        <v>38</v>
      </c>
      <c r="D40640" s="14" t="s">
        <v>114</v>
      </c>
      <c r="E40640" s="15">
        <v>45501</v>
      </c>
      <c r="F40640" s="14" t="s">
        <v>15</v>
      </c>
      <c r="G40640" s="16">
        <v>1.1663134562831388</v>
      </c>
    </row>
    <row r="40641" spans="1:7" x14ac:dyDescent="0.3">
      <c r="A40641" s="13" t="s">
        <v>242</v>
      </c>
      <c r="B40641" s="14" t="s">
        <v>1</v>
      </c>
      <c r="C40641" s="14" t="s">
        <v>38</v>
      </c>
      <c r="D40641" s="14" t="s">
        <v>114</v>
      </c>
      <c r="E40641" s="15">
        <v>45502</v>
      </c>
      <c r="F40641" s="14" t="s">
        <v>15</v>
      </c>
      <c r="G40641" s="16">
        <v>1.1981052278055246</v>
      </c>
    </row>
    <row r="40642" spans="1:7" x14ac:dyDescent="0.3">
      <c r="A40642" s="13" t="s">
        <v>242</v>
      </c>
      <c r="B40642" s="14" t="s">
        <v>1</v>
      </c>
      <c r="C40642" s="14" t="s">
        <v>38</v>
      </c>
      <c r="D40642" s="14" t="s">
        <v>114</v>
      </c>
      <c r="E40642" s="15">
        <v>45503</v>
      </c>
      <c r="F40642" s="14" t="s">
        <v>15</v>
      </c>
      <c r="G40642" s="16">
        <v>1.1900344660482993</v>
      </c>
    </row>
    <row r="40643" spans="1:7" x14ac:dyDescent="0.3">
      <c r="A40643" s="13" t="s">
        <v>242</v>
      </c>
      <c r="B40643" s="14" t="s">
        <v>1</v>
      </c>
      <c r="C40643" s="14" t="s">
        <v>38</v>
      </c>
      <c r="D40643" s="14" t="s">
        <v>114</v>
      </c>
      <c r="E40643" s="15">
        <v>45504</v>
      </c>
      <c r="F40643" s="14" t="s">
        <v>15</v>
      </c>
      <c r="G40643" s="16">
        <v>1.1873462945543227</v>
      </c>
    </row>
    <row r="40644" spans="1:7" x14ac:dyDescent="0.3">
      <c r="A40644" s="13" t="s">
        <v>242</v>
      </c>
      <c r="B40644" s="14" t="s">
        <v>1</v>
      </c>
      <c r="C40644" s="14" t="s">
        <v>38</v>
      </c>
      <c r="D40644" s="14" t="s">
        <v>114</v>
      </c>
      <c r="E40644" s="15">
        <v>45505</v>
      </c>
      <c r="F40644" s="14" t="s">
        <v>15</v>
      </c>
      <c r="G40644" s="16">
        <v>1.1846646592927657</v>
      </c>
    </row>
    <row r="40645" spans="1:7" x14ac:dyDescent="0.3">
      <c r="A40645" s="13" t="s">
        <v>242</v>
      </c>
      <c r="B40645" s="14" t="s">
        <v>1</v>
      </c>
      <c r="C40645" s="14" t="s">
        <v>38</v>
      </c>
      <c r="D40645" s="14" t="s">
        <v>114</v>
      </c>
      <c r="E40645" s="15">
        <v>45506</v>
      </c>
      <c r="F40645" s="14" t="s">
        <v>15</v>
      </c>
      <c r="G40645" s="16">
        <v>1.1819895116488173</v>
      </c>
    </row>
    <row r="40646" spans="1:7" x14ac:dyDescent="0.3">
      <c r="A40646" s="13" t="s">
        <v>242</v>
      </c>
      <c r="B40646" s="14" t="s">
        <v>1</v>
      </c>
      <c r="C40646" s="14" t="s">
        <v>38</v>
      </c>
      <c r="D40646" s="14" t="s">
        <v>114</v>
      </c>
      <c r="E40646" s="15">
        <v>45507</v>
      </c>
      <c r="F40646" s="14" t="s">
        <v>15</v>
      </c>
      <c r="G40646" s="16">
        <v>1.1819895116488173</v>
      </c>
    </row>
    <row r="40647" spans="1:7" x14ac:dyDescent="0.3">
      <c r="A40647" s="13" t="s">
        <v>242</v>
      </c>
      <c r="B40647" s="14" t="s">
        <v>1</v>
      </c>
      <c r="C40647" s="14" t="s">
        <v>38</v>
      </c>
      <c r="D40647" s="14" t="s">
        <v>114</v>
      </c>
      <c r="E40647" s="15">
        <v>45508</v>
      </c>
      <c r="F40647" s="14" t="s">
        <v>15</v>
      </c>
      <c r="G40647" s="16">
        <v>1.1819895116488173</v>
      </c>
    </row>
    <row r="40648" spans="1:7" x14ac:dyDescent="0.3">
      <c r="A40648" s="13" t="s">
        <v>242</v>
      </c>
      <c r="B40648" s="14" t="s">
        <v>1</v>
      </c>
      <c r="C40648" s="14" t="s">
        <v>38</v>
      </c>
      <c r="D40648" s="14" t="s">
        <v>114</v>
      </c>
      <c r="E40648" s="15">
        <v>45509</v>
      </c>
      <c r="F40648" s="14" t="s">
        <v>15</v>
      </c>
      <c r="G40648" s="16">
        <v>1.1819895116488173</v>
      </c>
    </row>
    <row r="40649" spans="1:7" x14ac:dyDescent="0.3">
      <c r="A40649" s="13" t="s">
        <v>242</v>
      </c>
      <c r="B40649" s="14" t="s">
        <v>1</v>
      </c>
      <c r="C40649" s="14" t="s">
        <v>38</v>
      </c>
      <c r="D40649" s="14" t="s">
        <v>114</v>
      </c>
      <c r="E40649" s="15">
        <v>45510</v>
      </c>
      <c r="F40649" s="14" t="s">
        <v>15</v>
      </c>
      <c r="G40649" s="16">
        <v>1.1792529205043825</v>
      </c>
    </row>
    <row r="40650" spans="1:7" x14ac:dyDescent="0.3">
      <c r="A40650" s="13" t="s">
        <v>242</v>
      </c>
      <c r="B40650" s="14" t="s">
        <v>1</v>
      </c>
      <c r="C40650" s="14" t="s">
        <v>38</v>
      </c>
      <c r="D40650" s="14" t="s">
        <v>114</v>
      </c>
      <c r="E40650" s="15">
        <v>45511</v>
      </c>
      <c r="F40650" s="14" t="s">
        <v>15</v>
      </c>
      <c r="G40650" s="16">
        <v>1.1794234378237975</v>
      </c>
    </row>
    <row r="40651" spans="1:7" x14ac:dyDescent="0.3">
      <c r="A40651" s="13" t="s">
        <v>242</v>
      </c>
      <c r="B40651" s="14" t="s">
        <v>1</v>
      </c>
      <c r="C40651" s="14" t="s">
        <v>38</v>
      </c>
      <c r="D40651" s="14" t="s">
        <v>114</v>
      </c>
      <c r="E40651" s="15">
        <v>45512</v>
      </c>
      <c r="F40651" s="14" t="s">
        <v>15</v>
      </c>
      <c r="G40651" s="16">
        <v>1.1768832815885486</v>
      </c>
    </row>
    <row r="40652" spans="1:7" x14ac:dyDescent="0.3">
      <c r="A40652" s="13" t="s">
        <v>242</v>
      </c>
      <c r="B40652" s="14" t="s">
        <v>1</v>
      </c>
      <c r="C40652" s="14" t="s">
        <v>38</v>
      </c>
      <c r="D40652" s="14" t="s">
        <v>114</v>
      </c>
      <c r="E40652" s="15">
        <v>45513</v>
      </c>
      <c r="F40652" s="14" t="s">
        <v>15</v>
      </c>
      <c r="G40652" s="16">
        <v>1.1768832815885486</v>
      </c>
    </row>
    <row r="40653" spans="1:7" x14ac:dyDescent="0.3">
      <c r="A40653" s="13" t="s">
        <v>242</v>
      </c>
      <c r="B40653" s="14" t="s">
        <v>1</v>
      </c>
      <c r="C40653" s="14" t="s">
        <v>38</v>
      </c>
      <c r="D40653" s="14" t="s">
        <v>114</v>
      </c>
      <c r="E40653" s="15">
        <v>45514</v>
      </c>
      <c r="F40653" s="14" t="s">
        <v>15</v>
      </c>
      <c r="G40653" s="16">
        <v>1.1768832815885486</v>
      </c>
    </row>
    <row r="40654" spans="1:7" x14ac:dyDescent="0.3">
      <c r="A40654" s="13" t="s">
        <v>242</v>
      </c>
      <c r="B40654" s="14" t="s">
        <v>1</v>
      </c>
      <c r="C40654" s="14" t="s">
        <v>38</v>
      </c>
      <c r="D40654" s="14" t="s">
        <v>114</v>
      </c>
      <c r="E40654" s="15">
        <v>45515</v>
      </c>
      <c r="F40654" s="14" t="s">
        <v>15</v>
      </c>
      <c r="G40654" s="16">
        <v>1.1768832815885486</v>
      </c>
    </row>
    <row r="40655" spans="1:7" x14ac:dyDescent="0.3">
      <c r="A40655" s="13" t="s">
        <v>242</v>
      </c>
      <c r="B40655" s="14" t="s">
        <v>1</v>
      </c>
      <c r="C40655" s="14" t="s">
        <v>38</v>
      </c>
      <c r="D40655" s="14" t="s">
        <v>114</v>
      </c>
      <c r="E40655" s="15">
        <v>45516</v>
      </c>
      <c r="F40655" s="14" t="s">
        <v>15</v>
      </c>
      <c r="G40655" s="16">
        <v>1.1742764572471012</v>
      </c>
    </row>
    <row r="40656" spans="1:7" x14ac:dyDescent="0.3">
      <c r="A40656" s="13" t="s">
        <v>242</v>
      </c>
      <c r="B40656" s="14" t="s">
        <v>1</v>
      </c>
      <c r="C40656" s="14" t="s">
        <v>38</v>
      </c>
      <c r="D40656" s="14" t="s">
        <v>114</v>
      </c>
      <c r="E40656" s="15">
        <v>45517</v>
      </c>
      <c r="F40656" s="14" t="s">
        <v>15</v>
      </c>
      <c r="G40656" s="16">
        <v>1.2763958097550805</v>
      </c>
    </row>
    <row r="40657" spans="1:7" x14ac:dyDescent="0.3">
      <c r="A40657" s="13" t="s">
        <v>242</v>
      </c>
      <c r="B40657" s="14" t="s">
        <v>1</v>
      </c>
      <c r="C40657" s="14" t="s">
        <v>38</v>
      </c>
      <c r="D40657" s="14" t="s">
        <v>114</v>
      </c>
      <c r="E40657" s="15">
        <v>45518</v>
      </c>
      <c r="F40657" s="14" t="s">
        <v>15</v>
      </c>
      <c r="G40657" s="16">
        <v>1.3384195792207418</v>
      </c>
    </row>
    <row r="40658" spans="1:7" x14ac:dyDescent="0.3">
      <c r="A40658" s="13" t="s">
        <v>242</v>
      </c>
      <c r="B40658" s="14" t="s">
        <v>1</v>
      </c>
      <c r="C40658" s="14" t="s">
        <v>38</v>
      </c>
      <c r="D40658" s="14" t="s">
        <v>114</v>
      </c>
      <c r="E40658" s="15">
        <v>45519</v>
      </c>
      <c r="F40658" s="14" t="s">
        <v>15</v>
      </c>
      <c r="G40658" s="16">
        <v>1.335752997824676</v>
      </c>
    </row>
    <row r="40659" spans="1:7" x14ac:dyDescent="0.3">
      <c r="A40659" s="13" t="s">
        <v>242</v>
      </c>
      <c r="B40659" s="14" t="s">
        <v>1</v>
      </c>
      <c r="C40659" s="14" t="s">
        <v>38</v>
      </c>
      <c r="D40659" s="14" t="s">
        <v>114</v>
      </c>
      <c r="E40659" s="15">
        <v>45520</v>
      </c>
      <c r="F40659" s="14" t="s">
        <v>15</v>
      </c>
      <c r="G40659" s="16">
        <v>1.4744939021925807</v>
      </c>
    </row>
    <row r="40660" spans="1:7" x14ac:dyDescent="0.3">
      <c r="A40660" s="13" t="s">
        <v>242</v>
      </c>
      <c r="B40660" s="14" t="s">
        <v>1</v>
      </c>
      <c r="C40660" s="14" t="s">
        <v>38</v>
      </c>
      <c r="D40660" s="14" t="s">
        <v>114</v>
      </c>
      <c r="E40660" s="15">
        <v>45521</v>
      </c>
      <c r="F40660" s="14" t="s">
        <v>15</v>
      </c>
      <c r="G40660" s="16">
        <v>1.4744939021925807</v>
      </c>
    </row>
    <row r="40661" spans="1:7" x14ac:dyDescent="0.3">
      <c r="A40661" s="13" t="s">
        <v>242</v>
      </c>
      <c r="B40661" s="14" t="s">
        <v>1</v>
      </c>
      <c r="C40661" s="14" t="s">
        <v>38</v>
      </c>
      <c r="D40661" s="14" t="s">
        <v>114</v>
      </c>
      <c r="E40661" s="15">
        <v>45522</v>
      </c>
      <c r="F40661" s="14" t="s">
        <v>15</v>
      </c>
      <c r="G40661" s="16">
        <v>1.4744939021925807</v>
      </c>
    </row>
    <row r="40662" spans="1:7" x14ac:dyDescent="0.3">
      <c r="A40662" s="13" t="s">
        <v>242</v>
      </c>
      <c r="B40662" s="14" t="s">
        <v>1</v>
      </c>
      <c r="C40662" s="14" t="s">
        <v>38</v>
      </c>
      <c r="D40662" s="14" t="s">
        <v>114</v>
      </c>
      <c r="E40662" s="15">
        <v>45523</v>
      </c>
      <c r="F40662" s="14" t="s">
        <v>15</v>
      </c>
      <c r="G40662" s="16">
        <v>1.4718004792266626</v>
      </c>
    </row>
    <row r="40663" spans="1:7" x14ac:dyDescent="0.3">
      <c r="A40663" s="13" t="s">
        <v>242</v>
      </c>
      <c r="B40663" s="14" t="s">
        <v>1</v>
      </c>
      <c r="C40663" s="14" t="s">
        <v>38</v>
      </c>
      <c r="D40663" s="14" t="s">
        <v>114</v>
      </c>
      <c r="E40663" s="15">
        <v>45524</v>
      </c>
      <c r="F40663" s="14" t="s">
        <v>15</v>
      </c>
      <c r="G40663" s="16">
        <v>1.4635655357141943</v>
      </c>
    </row>
    <row r="40664" spans="1:7" x14ac:dyDescent="0.3">
      <c r="A40664" s="13" t="s">
        <v>242</v>
      </c>
      <c r="B40664" s="14" t="s">
        <v>1</v>
      </c>
      <c r="C40664" s="14" t="s">
        <v>38</v>
      </c>
      <c r="D40664" s="14" t="s">
        <v>114</v>
      </c>
      <c r="E40664" s="15">
        <v>45525</v>
      </c>
      <c r="F40664" s="14" t="s">
        <v>15</v>
      </c>
      <c r="G40664" s="16">
        <v>1.4608012297193229</v>
      </c>
    </row>
    <row r="40665" spans="1:7" x14ac:dyDescent="0.3">
      <c r="A40665" s="13" t="s">
        <v>242</v>
      </c>
      <c r="B40665" s="14" t="s">
        <v>1</v>
      </c>
      <c r="C40665" s="14" t="s">
        <v>38</v>
      </c>
      <c r="D40665" s="14" t="s">
        <v>114</v>
      </c>
      <c r="E40665" s="15">
        <v>45526</v>
      </c>
      <c r="F40665" s="14" t="s">
        <v>15</v>
      </c>
      <c r="G40665" s="16">
        <v>1.4580263582102093</v>
      </c>
    </row>
    <row r="40666" spans="1:7" x14ac:dyDescent="0.3">
      <c r="A40666" s="13" t="s">
        <v>242</v>
      </c>
      <c r="B40666" s="14" t="s">
        <v>1</v>
      </c>
      <c r="C40666" s="14" t="s">
        <v>38</v>
      </c>
      <c r="D40666" s="14" t="s">
        <v>114</v>
      </c>
      <c r="E40666" s="15">
        <v>45527</v>
      </c>
      <c r="F40666" s="14" t="s">
        <v>15</v>
      </c>
      <c r="G40666" s="16">
        <v>1.4552716166096584</v>
      </c>
    </row>
    <row r="40667" spans="1:7" x14ac:dyDescent="0.3">
      <c r="A40667" s="13" t="s">
        <v>242</v>
      </c>
      <c r="B40667" s="14" t="s">
        <v>1</v>
      </c>
      <c r="C40667" s="14" t="s">
        <v>38</v>
      </c>
      <c r="D40667" s="14" t="s">
        <v>114</v>
      </c>
      <c r="E40667" s="15">
        <v>45528</v>
      </c>
      <c r="F40667" s="14" t="s">
        <v>15</v>
      </c>
      <c r="G40667" s="16">
        <v>1.4552716166096584</v>
      </c>
    </row>
    <row r="40668" spans="1:7" x14ac:dyDescent="0.3">
      <c r="A40668" s="13" t="s">
        <v>242</v>
      </c>
      <c r="B40668" s="14" t="s">
        <v>1</v>
      </c>
      <c r="C40668" s="14" t="s">
        <v>38</v>
      </c>
      <c r="D40668" s="14" t="s">
        <v>114</v>
      </c>
      <c r="E40668" s="15">
        <v>45529</v>
      </c>
      <c r="F40668" s="14" t="s">
        <v>15</v>
      </c>
      <c r="G40668" s="16">
        <v>1.4552716166096584</v>
      </c>
    </row>
    <row r="40669" spans="1:7" x14ac:dyDescent="0.3">
      <c r="A40669" s="13" t="s">
        <v>242</v>
      </c>
      <c r="B40669" s="14" t="s">
        <v>1</v>
      </c>
      <c r="C40669" s="14" t="s">
        <v>38</v>
      </c>
      <c r="D40669" s="14" t="s">
        <v>114</v>
      </c>
      <c r="E40669" s="15">
        <v>45530</v>
      </c>
      <c r="F40669" s="14" t="s">
        <v>15</v>
      </c>
      <c r="G40669" s="16">
        <v>1.4525049156389565</v>
      </c>
    </row>
    <row r="40670" spans="1:7" x14ac:dyDescent="0.3">
      <c r="A40670" s="13" t="s">
        <v>242</v>
      </c>
      <c r="B40670" s="14" t="s">
        <v>1</v>
      </c>
      <c r="C40670" s="14" t="s">
        <v>38</v>
      </c>
      <c r="D40670" s="14" t="s">
        <v>114</v>
      </c>
      <c r="E40670" s="15">
        <v>45531</v>
      </c>
      <c r="F40670" s="14" t="s">
        <v>15</v>
      </c>
      <c r="G40670" s="16">
        <v>1.4885734732264708</v>
      </c>
    </row>
    <row r="40671" spans="1:7" x14ac:dyDescent="0.3">
      <c r="A40671" s="13" t="s">
        <v>242</v>
      </c>
      <c r="B40671" s="14" t="s">
        <v>1</v>
      </c>
      <c r="C40671" s="14" t="s">
        <v>38</v>
      </c>
      <c r="D40671" s="14" t="s">
        <v>114</v>
      </c>
      <c r="E40671" s="15">
        <v>45532</v>
      </c>
      <c r="F40671" s="14" t="s">
        <v>15</v>
      </c>
      <c r="G40671" s="16">
        <v>1.4858336514948698</v>
      </c>
    </row>
    <row r="40672" spans="1:7" x14ac:dyDescent="0.3">
      <c r="A40672" s="13" t="s">
        <v>242</v>
      </c>
      <c r="B40672" s="14" t="s">
        <v>1</v>
      </c>
      <c r="C40672" s="14" t="s">
        <v>38</v>
      </c>
      <c r="D40672" s="14" t="s">
        <v>114</v>
      </c>
      <c r="E40672" s="15">
        <v>45533</v>
      </c>
      <c r="F40672" s="14" t="s">
        <v>15</v>
      </c>
      <c r="G40672" s="16">
        <v>1.4830715011484707</v>
      </c>
    </row>
    <row r="40673" spans="1:7" x14ac:dyDescent="0.3">
      <c r="A40673" s="13" t="s">
        <v>242</v>
      </c>
      <c r="B40673" s="14" t="s">
        <v>1</v>
      </c>
      <c r="C40673" s="14" t="s">
        <v>38</v>
      </c>
      <c r="D40673" s="14" t="s">
        <v>114</v>
      </c>
      <c r="E40673" s="15">
        <v>45534</v>
      </c>
      <c r="F40673" s="14" t="s">
        <v>15</v>
      </c>
      <c r="G40673" s="16">
        <v>1.4803092349963114</v>
      </c>
    </row>
    <row r="40674" spans="1:7" x14ac:dyDescent="0.3">
      <c r="A40674" s="13" t="s">
        <v>242</v>
      </c>
      <c r="B40674" s="14" t="s">
        <v>1</v>
      </c>
      <c r="C40674" s="14" t="s">
        <v>38</v>
      </c>
      <c r="D40674" s="14" t="s">
        <v>114</v>
      </c>
      <c r="E40674" s="15">
        <v>45535</v>
      </c>
      <c r="F40674" s="14" t="s">
        <v>15</v>
      </c>
      <c r="G40674" s="16">
        <v>1.4803092349963114</v>
      </c>
    </row>
    <row r="40675" spans="1:7" x14ac:dyDescent="0.3">
      <c r="A40675" s="13" t="s">
        <v>242</v>
      </c>
      <c r="B40675" s="14" t="s">
        <v>1</v>
      </c>
      <c r="C40675" s="14" t="s">
        <v>38</v>
      </c>
      <c r="D40675" s="14" t="s">
        <v>114</v>
      </c>
      <c r="E40675" s="15">
        <v>45536</v>
      </c>
      <c r="F40675" s="14" t="s">
        <v>15</v>
      </c>
      <c r="G40675" s="16">
        <v>1.4803092349963114</v>
      </c>
    </row>
    <row r="40676" spans="1:7" x14ac:dyDescent="0.3">
      <c r="A40676" s="13" t="s">
        <v>242</v>
      </c>
      <c r="B40676" s="14" t="s">
        <v>1</v>
      </c>
      <c r="C40676" s="14" t="s">
        <v>38</v>
      </c>
      <c r="D40676" s="14" t="s">
        <v>114</v>
      </c>
      <c r="E40676" s="15">
        <v>45537</v>
      </c>
      <c r="F40676" s="14" t="s">
        <v>15</v>
      </c>
      <c r="G40676" s="16">
        <v>1.4775456227547104</v>
      </c>
    </row>
    <row r="40677" spans="1:7" x14ac:dyDescent="0.3">
      <c r="A40677" s="13" t="s">
        <v>242</v>
      </c>
      <c r="B40677" s="14" t="s">
        <v>1</v>
      </c>
      <c r="C40677" s="14" t="s">
        <v>38</v>
      </c>
      <c r="D40677" s="14" t="s">
        <v>114</v>
      </c>
      <c r="E40677" s="15">
        <v>45538</v>
      </c>
      <c r="F40677" s="14" t="s">
        <v>15</v>
      </c>
      <c r="G40677" s="16">
        <v>1.4692445551888329</v>
      </c>
    </row>
    <row r="40678" spans="1:7" x14ac:dyDescent="0.3">
      <c r="A40678" s="13" t="s">
        <v>242</v>
      </c>
      <c r="B40678" s="14" t="s">
        <v>1</v>
      </c>
      <c r="C40678" s="14" t="s">
        <v>38</v>
      </c>
      <c r="D40678" s="14" t="s">
        <v>114</v>
      </c>
      <c r="E40678" s="15">
        <v>45539</v>
      </c>
      <c r="F40678" s="14" t="s">
        <v>15</v>
      </c>
      <c r="G40678" s="16">
        <v>1.4664635069130925</v>
      </c>
    </row>
    <row r="40679" spans="1:7" x14ac:dyDescent="0.3">
      <c r="A40679" s="13" t="s">
        <v>242</v>
      </c>
      <c r="B40679" s="14" t="s">
        <v>1</v>
      </c>
      <c r="C40679" s="14" t="s">
        <v>38</v>
      </c>
      <c r="D40679" s="14" t="s">
        <v>114</v>
      </c>
      <c r="E40679" s="15">
        <v>45540</v>
      </c>
      <c r="F40679" s="14" t="s">
        <v>15</v>
      </c>
      <c r="G40679" s="16">
        <v>1.4637033448455044</v>
      </c>
    </row>
    <row r="40680" spans="1:7" x14ac:dyDescent="0.3">
      <c r="A40680" s="13" t="s">
        <v>242</v>
      </c>
      <c r="B40680" s="14" t="s">
        <v>1</v>
      </c>
      <c r="C40680" s="14" t="s">
        <v>38</v>
      </c>
      <c r="D40680" s="14" t="s">
        <v>114</v>
      </c>
      <c r="E40680" s="15">
        <v>45541</v>
      </c>
      <c r="F40680" s="14" t="s">
        <v>15</v>
      </c>
      <c r="G40680" s="16">
        <v>1.4786071827848011</v>
      </c>
    </row>
    <row r="40681" spans="1:7" x14ac:dyDescent="0.3">
      <c r="A40681" s="13" t="s">
        <v>242</v>
      </c>
      <c r="B40681" s="14" t="s">
        <v>1</v>
      </c>
      <c r="C40681" s="14" t="s">
        <v>38</v>
      </c>
      <c r="D40681" s="14" t="s">
        <v>114</v>
      </c>
      <c r="E40681" s="15">
        <v>45542</v>
      </c>
      <c r="F40681" s="14" t="s">
        <v>15</v>
      </c>
      <c r="G40681" s="16">
        <v>1.4786071827848011</v>
      </c>
    </row>
    <row r="40682" spans="1:7" x14ac:dyDescent="0.3">
      <c r="A40682" s="13" t="s">
        <v>242</v>
      </c>
      <c r="B40682" s="14" t="s">
        <v>1</v>
      </c>
      <c r="C40682" s="14" t="s">
        <v>38</v>
      </c>
      <c r="D40682" s="14" t="s">
        <v>114</v>
      </c>
      <c r="E40682" s="15">
        <v>45543</v>
      </c>
      <c r="F40682" s="14" t="s">
        <v>15</v>
      </c>
      <c r="G40682" s="16">
        <v>1.4786071827848011</v>
      </c>
    </row>
    <row r="40683" spans="1:7" x14ac:dyDescent="0.3">
      <c r="A40683" s="13" t="s">
        <v>242</v>
      </c>
      <c r="B40683" s="14" t="s">
        <v>1</v>
      </c>
      <c r="C40683" s="14" t="s">
        <v>38</v>
      </c>
      <c r="D40683" s="14" t="s">
        <v>114</v>
      </c>
      <c r="E40683" s="15">
        <v>45544</v>
      </c>
      <c r="F40683" s="14" t="s">
        <v>15</v>
      </c>
      <c r="G40683" s="16">
        <v>1.4884043028139489</v>
      </c>
    </row>
    <row r="40684" spans="1:7" x14ac:dyDescent="0.3">
      <c r="A40684" s="13" t="s">
        <v>242</v>
      </c>
      <c r="B40684" s="14" t="s">
        <v>1</v>
      </c>
      <c r="C40684" s="14" t="s">
        <v>38</v>
      </c>
      <c r="D40684" s="14" t="s">
        <v>114</v>
      </c>
      <c r="E40684" s="15">
        <v>45545</v>
      </c>
      <c r="F40684" s="14" t="s">
        <v>15</v>
      </c>
      <c r="G40684" s="16">
        <v>1.549123182620926</v>
      </c>
    </row>
    <row r="40685" spans="1:7" x14ac:dyDescent="0.3">
      <c r="A40685" s="13" t="s">
        <v>242</v>
      </c>
      <c r="B40685" s="14" t="s">
        <v>1</v>
      </c>
      <c r="C40685" s="14" t="s">
        <v>38</v>
      </c>
      <c r="D40685" s="14" t="s">
        <v>114</v>
      </c>
      <c r="E40685" s="15">
        <v>45546</v>
      </c>
      <c r="F40685" s="14" t="s">
        <v>15</v>
      </c>
      <c r="G40685" s="16">
        <v>1.5464407978545394</v>
      </c>
    </row>
    <row r="40686" spans="1:7" x14ac:dyDescent="0.3">
      <c r="A40686" s="13" t="s">
        <v>242</v>
      </c>
      <c r="B40686" s="14" t="s">
        <v>1</v>
      </c>
      <c r="C40686" s="14" t="s">
        <v>38</v>
      </c>
      <c r="D40686" s="14" t="s">
        <v>114</v>
      </c>
      <c r="E40686" s="15">
        <v>45547</v>
      </c>
      <c r="F40686" s="14" t="s">
        <v>15</v>
      </c>
      <c r="G40686" s="16">
        <v>1.609996502732693</v>
      </c>
    </row>
    <row r="40687" spans="1:7" x14ac:dyDescent="0.3">
      <c r="A40687" s="13" t="s">
        <v>242</v>
      </c>
      <c r="B40687" s="14" t="s">
        <v>1</v>
      </c>
      <c r="C40687" s="14" t="s">
        <v>38</v>
      </c>
      <c r="D40687" s="14" t="s">
        <v>114</v>
      </c>
      <c r="E40687" s="15">
        <v>45548</v>
      </c>
      <c r="F40687" s="14" t="s">
        <v>15</v>
      </c>
      <c r="G40687" s="16">
        <v>1.6802106128922436</v>
      </c>
    </row>
    <row r="40688" spans="1:7" x14ac:dyDescent="0.3">
      <c r="A40688" s="13" t="s">
        <v>242</v>
      </c>
      <c r="B40688" s="14" t="s">
        <v>1</v>
      </c>
      <c r="C40688" s="14" t="s">
        <v>38</v>
      </c>
      <c r="D40688" s="14" t="s">
        <v>114</v>
      </c>
      <c r="E40688" s="15">
        <v>45549</v>
      </c>
      <c r="F40688" s="14" t="s">
        <v>15</v>
      </c>
      <c r="G40688" s="16">
        <v>1.6802106128922436</v>
      </c>
    </row>
    <row r="40689" spans="1:7" x14ac:dyDescent="0.3">
      <c r="A40689" s="13" t="s">
        <v>242</v>
      </c>
      <c r="B40689" s="14" t="s">
        <v>1</v>
      </c>
      <c r="C40689" s="14" t="s">
        <v>38</v>
      </c>
      <c r="D40689" s="14" t="s">
        <v>114</v>
      </c>
      <c r="E40689" s="15">
        <v>45550</v>
      </c>
      <c r="F40689" s="14" t="s">
        <v>15</v>
      </c>
      <c r="G40689" s="16">
        <v>1.6802106128922436</v>
      </c>
    </row>
    <row r="40690" spans="1:7" x14ac:dyDescent="0.3">
      <c r="A40690" s="13" t="s">
        <v>242</v>
      </c>
      <c r="B40690" s="14" t="s">
        <v>1</v>
      </c>
      <c r="C40690" s="14" t="s">
        <v>38</v>
      </c>
      <c r="D40690" s="14" t="s">
        <v>114</v>
      </c>
      <c r="E40690" s="15">
        <v>45551</v>
      </c>
      <c r="F40690" s="14" t="s">
        <v>15</v>
      </c>
      <c r="G40690" s="16">
        <v>1.6991311596466856</v>
      </c>
    </row>
    <row r="40691" spans="1:7" x14ac:dyDescent="0.3">
      <c r="A40691" s="13" t="s">
        <v>242</v>
      </c>
      <c r="B40691" s="14" t="s">
        <v>1</v>
      </c>
      <c r="C40691" s="14" t="s">
        <v>38</v>
      </c>
      <c r="D40691" s="14" t="s">
        <v>114</v>
      </c>
      <c r="E40691" s="15">
        <v>45552</v>
      </c>
      <c r="F40691" s="14" t="s">
        <v>15</v>
      </c>
      <c r="G40691" s="16">
        <v>1.6909592563549467</v>
      </c>
    </row>
    <row r="40692" spans="1:7" x14ac:dyDescent="0.3">
      <c r="A40692" s="13" t="s">
        <v>242</v>
      </c>
      <c r="B40692" s="14" t="s">
        <v>1</v>
      </c>
      <c r="C40692" s="14" t="s">
        <v>38</v>
      </c>
      <c r="D40692" s="14" t="s">
        <v>114</v>
      </c>
      <c r="E40692" s="15">
        <v>45553</v>
      </c>
      <c r="F40692" s="14" t="s">
        <v>15</v>
      </c>
      <c r="G40692" s="16">
        <v>1.6882251023614669</v>
      </c>
    </row>
    <row r="40693" spans="1:7" x14ac:dyDescent="0.3">
      <c r="A40693" s="13" t="s">
        <v>242</v>
      </c>
      <c r="B40693" s="14" t="s">
        <v>1</v>
      </c>
      <c r="C40693" s="14" t="s">
        <v>38</v>
      </c>
      <c r="D40693" s="14" t="s">
        <v>114</v>
      </c>
      <c r="E40693" s="15">
        <v>45554</v>
      </c>
      <c r="F40693" s="14" t="s">
        <v>15</v>
      </c>
      <c r="G40693" s="16">
        <v>1.6854801890783158</v>
      </c>
    </row>
    <row r="40694" spans="1:7" x14ac:dyDescent="0.3">
      <c r="A40694" s="13" t="s">
        <v>242</v>
      </c>
      <c r="B40694" s="14" t="s">
        <v>1</v>
      </c>
      <c r="C40694" s="14" t="s">
        <v>38</v>
      </c>
      <c r="D40694" s="14" t="s">
        <v>114</v>
      </c>
      <c r="E40694" s="15">
        <v>45555</v>
      </c>
      <c r="F40694" s="14" t="s">
        <v>15</v>
      </c>
      <c r="G40694" s="16">
        <v>1.6827523634150248</v>
      </c>
    </row>
    <row r="40695" spans="1:7" x14ac:dyDescent="0.3">
      <c r="A40695" s="13" t="s">
        <v>242</v>
      </c>
      <c r="B40695" s="14" t="s">
        <v>1</v>
      </c>
      <c r="C40695" s="14" t="s">
        <v>38</v>
      </c>
      <c r="D40695" s="14" t="s">
        <v>114</v>
      </c>
      <c r="E40695" s="15">
        <v>45556</v>
      </c>
      <c r="F40695" s="14" t="s">
        <v>15</v>
      </c>
      <c r="G40695" s="16">
        <v>1.6827523634150248</v>
      </c>
    </row>
    <row r="40696" spans="1:7" x14ac:dyDescent="0.3">
      <c r="A40696" s="13" t="s">
        <v>242</v>
      </c>
      <c r="B40696" s="14" t="s">
        <v>1</v>
      </c>
      <c r="C40696" s="14" t="s">
        <v>38</v>
      </c>
      <c r="D40696" s="14" t="s">
        <v>114</v>
      </c>
      <c r="E40696" s="15">
        <v>45557</v>
      </c>
      <c r="F40696" s="14" t="s">
        <v>15</v>
      </c>
      <c r="G40696" s="16">
        <v>1.6827523634150248</v>
      </c>
    </row>
    <row r="40697" spans="1:7" x14ac:dyDescent="0.3">
      <c r="A40697" s="13" t="s">
        <v>242</v>
      </c>
      <c r="B40697" s="14" t="s">
        <v>1</v>
      </c>
      <c r="C40697" s="14" t="s">
        <v>38</v>
      </c>
      <c r="D40697" s="14" t="s">
        <v>114</v>
      </c>
      <c r="E40697" s="15">
        <v>45558</v>
      </c>
      <c r="F40697" s="14" t="s">
        <v>15</v>
      </c>
      <c r="G40697" s="16">
        <v>1.6799827919591261</v>
      </c>
    </row>
    <row r="40698" spans="1:7" x14ac:dyDescent="0.3">
      <c r="A40698" s="13" t="s">
        <v>242</v>
      </c>
      <c r="B40698" s="14" t="s">
        <v>1</v>
      </c>
      <c r="C40698" s="14" t="s">
        <v>38</v>
      </c>
      <c r="D40698" s="14" t="s">
        <v>114</v>
      </c>
      <c r="E40698" s="15">
        <v>45559</v>
      </c>
      <c r="F40698" s="14" t="s">
        <v>15</v>
      </c>
      <c r="G40698" s="16">
        <v>1.6716209223644996</v>
      </c>
    </row>
    <row r="40699" spans="1:7" x14ac:dyDescent="0.3">
      <c r="A40699" s="13" t="s">
        <v>242</v>
      </c>
      <c r="B40699" s="14" t="s">
        <v>1</v>
      </c>
      <c r="C40699" s="14" t="s">
        <v>38</v>
      </c>
      <c r="D40699" s="14" t="s">
        <v>114</v>
      </c>
      <c r="E40699" s="15">
        <v>45560</v>
      </c>
      <c r="F40699" s="14" t="s">
        <v>15</v>
      </c>
      <c r="G40699" s="16">
        <v>1.6688300794844055</v>
      </c>
    </row>
    <row r="40700" spans="1:7" x14ac:dyDescent="0.3">
      <c r="A40700" s="13" t="s">
        <v>242</v>
      </c>
      <c r="B40700" s="14" t="s">
        <v>1</v>
      </c>
      <c r="C40700" s="14" t="s">
        <v>38</v>
      </c>
      <c r="D40700" s="14" t="s">
        <v>114</v>
      </c>
      <c r="E40700" s="15">
        <v>45561</v>
      </c>
      <c r="F40700" s="14" t="s">
        <v>15</v>
      </c>
      <c r="G40700" s="16">
        <v>1.6660069322130056</v>
      </c>
    </row>
    <row r="40701" spans="1:7" x14ac:dyDescent="0.3">
      <c r="A40701" s="13" t="s">
        <v>242</v>
      </c>
      <c r="B40701" s="14" t="s">
        <v>1</v>
      </c>
      <c r="C40701" s="14" t="s">
        <v>38</v>
      </c>
      <c r="D40701" s="14" t="s">
        <v>114</v>
      </c>
      <c r="E40701" s="15">
        <v>45562</v>
      </c>
      <c r="F40701" s="14" t="s">
        <v>15</v>
      </c>
      <c r="G40701" s="16">
        <v>1.6631792948962811</v>
      </c>
    </row>
    <row r="40702" spans="1:7" x14ac:dyDescent="0.3">
      <c r="A40702" s="13" t="s">
        <v>242</v>
      </c>
      <c r="B40702" s="14" t="s">
        <v>1</v>
      </c>
      <c r="C40702" s="14" t="s">
        <v>38</v>
      </c>
      <c r="D40702" s="14" t="s">
        <v>114</v>
      </c>
      <c r="E40702" s="15">
        <v>45563</v>
      </c>
      <c r="F40702" s="14" t="s">
        <v>15</v>
      </c>
      <c r="G40702" s="16">
        <v>1.6631792948962811</v>
      </c>
    </row>
    <row r="40703" spans="1:7" x14ac:dyDescent="0.3">
      <c r="A40703" s="13" t="s">
        <v>242</v>
      </c>
      <c r="B40703" s="14" t="s">
        <v>1</v>
      </c>
      <c r="C40703" s="14" t="s">
        <v>38</v>
      </c>
      <c r="D40703" s="14" t="s">
        <v>114</v>
      </c>
      <c r="E40703" s="15">
        <v>45564</v>
      </c>
      <c r="F40703" s="14" t="s">
        <v>15</v>
      </c>
      <c r="G40703" s="16">
        <v>1.6631792948962811</v>
      </c>
    </row>
    <row r="40704" spans="1:7" x14ac:dyDescent="0.3">
      <c r="A40704" s="13" t="s">
        <v>242</v>
      </c>
      <c r="B40704" s="14" t="s">
        <v>1</v>
      </c>
      <c r="C40704" s="14" t="s">
        <v>38</v>
      </c>
      <c r="D40704" s="14" t="s">
        <v>114</v>
      </c>
      <c r="E40704" s="15">
        <v>45565</v>
      </c>
      <c r="F40704" s="14" t="s">
        <v>15</v>
      </c>
      <c r="G40704" s="16">
        <v>1.6804300134259473</v>
      </c>
    </row>
    <row r="40705" spans="1:7" x14ac:dyDescent="0.3">
      <c r="A40705" s="13" t="s">
        <v>242</v>
      </c>
      <c r="B40705" s="14" t="s">
        <v>1</v>
      </c>
      <c r="C40705" s="14" t="s">
        <v>38</v>
      </c>
      <c r="D40705" s="14" t="s">
        <v>114</v>
      </c>
      <c r="E40705" s="15">
        <v>45566</v>
      </c>
      <c r="F40705" s="14" t="s">
        <v>15</v>
      </c>
      <c r="G40705" s="16">
        <v>1.6717539256916116</v>
      </c>
    </row>
    <row r="40706" spans="1:7" x14ac:dyDescent="0.3">
      <c r="A40706" s="13" t="s">
        <v>242</v>
      </c>
      <c r="B40706" s="14" t="s">
        <v>1</v>
      </c>
      <c r="C40706" s="14" t="s">
        <v>38</v>
      </c>
      <c r="D40706" s="14" t="s">
        <v>114</v>
      </c>
      <c r="E40706" s="15">
        <v>45567</v>
      </c>
      <c r="F40706" s="14" t="s">
        <v>15</v>
      </c>
      <c r="G40706" s="16">
        <v>1.6689163212784053</v>
      </c>
    </row>
    <row r="40707" spans="1:7" x14ac:dyDescent="0.3">
      <c r="A40707" s="13" t="s">
        <v>242</v>
      </c>
      <c r="B40707" s="14" t="s">
        <v>1</v>
      </c>
      <c r="C40707" s="14" t="s">
        <v>38</v>
      </c>
      <c r="D40707" s="14" t="s">
        <v>114</v>
      </c>
      <c r="E40707" s="15">
        <v>45568</v>
      </c>
      <c r="F40707" s="14" t="s">
        <v>15</v>
      </c>
      <c r="G40707" s="16">
        <v>1.6660360116075503</v>
      </c>
    </row>
    <row r="40708" spans="1:7" x14ac:dyDescent="0.3">
      <c r="A40708" s="13" t="s">
        <v>242</v>
      </c>
      <c r="B40708" s="14" t="s">
        <v>1</v>
      </c>
      <c r="C40708" s="14" t="s">
        <v>38</v>
      </c>
      <c r="D40708" s="14" t="s">
        <v>114</v>
      </c>
      <c r="E40708" s="15">
        <v>45569</v>
      </c>
      <c r="F40708" s="14" t="s">
        <v>15</v>
      </c>
      <c r="G40708" s="16">
        <v>1.66313617919491</v>
      </c>
    </row>
    <row r="40709" spans="1:7" x14ac:dyDescent="0.3">
      <c r="A40709" s="13" t="s">
        <v>242</v>
      </c>
      <c r="B40709" s="14" t="s">
        <v>1</v>
      </c>
      <c r="C40709" s="14" t="s">
        <v>38</v>
      </c>
      <c r="D40709" s="14" t="s">
        <v>114</v>
      </c>
      <c r="E40709" s="15">
        <v>45570</v>
      </c>
      <c r="F40709" s="14" t="s">
        <v>15</v>
      </c>
      <c r="G40709" s="16">
        <v>1.66313617919491</v>
      </c>
    </row>
    <row r="40710" spans="1:7" x14ac:dyDescent="0.3">
      <c r="A40710" s="13" t="s">
        <v>242</v>
      </c>
      <c r="B40710" s="14" t="s">
        <v>1</v>
      </c>
      <c r="C40710" s="14" t="s">
        <v>38</v>
      </c>
      <c r="D40710" s="14" t="s">
        <v>114</v>
      </c>
      <c r="E40710" s="15">
        <v>45571</v>
      </c>
      <c r="F40710" s="14" t="s">
        <v>15</v>
      </c>
      <c r="G40710" s="16">
        <v>1.66313617919491</v>
      </c>
    </row>
    <row r="40711" spans="1:7" x14ac:dyDescent="0.3">
      <c r="A40711" s="13" t="s">
        <v>242</v>
      </c>
      <c r="B40711" s="14" t="s">
        <v>1</v>
      </c>
      <c r="C40711" s="14" t="s">
        <v>38</v>
      </c>
      <c r="D40711" s="14" t="s">
        <v>114</v>
      </c>
      <c r="E40711" s="15">
        <v>45572</v>
      </c>
      <c r="F40711" s="14" t="s">
        <v>15</v>
      </c>
      <c r="G40711" s="16">
        <v>1.6602512696031262</v>
      </c>
    </row>
    <row r="40712" spans="1:7" x14ac:dyDescent="0.3">
      <c r="A40712" s="13" t="s">
        <v>242</v>
      </c>
      <c r="B40712" s="14" t="s">
        <v>1</v>
      </c>
      <c r="C40712" s="14" t="s">
        <v>38</v>
      </c>
      <c r="D40712" s="14" t="s">
        <v>114</v>
      </c>
      <c r="E40712" s="15">
        <v>45573</v>
      </c>
      <c r="F40712" s="14" t="s">
        <v>15</v>
      </c>
      <c r="G40712" s="16">
        <v>1.6515920379144287</v>
      </c>
    </row>
    <row r="40713" spans="1:7" x14ac:dyDescent="0.3">
      <c r="A40713" s="13" t="s">
        <v>242</v>
      </c>
      <c r="B40713" s="14" t="s">
        <v>1</v>
      </c>
      <c r="C40713" s="14" t="s">
        <v>38</v>
      </c>
      <c r="D40713" s="14" t="s">
        <v>114</v>
      </c>
      <c r="E40713" s="15">
        <v>45574</v>
      </c>
      <c r="F40713" s="14" t="s">
        <v>15</v>
      </c>
      <c r="G40713" s="16">
        <v>1.7061970417264472</v>
      </c>
    </row>
    <row r="40714" spans="1:7" x14ac:dyDescent="0.3">
      <c r="A40714" s="13" t="s">
        <v>242</v>
      </c>
      <c r="B40714" s="14" t="s">
        <v>1</v>
      </c>
      <c r="C40714" s="14" t="s">
        <v>38</v>
      </c>
      <c r="D40714" s="14" t="s">
        <v>114</v>
      </c>
      <c r="E40714" s="15">
        <v>45575</v>
      </c>
      <c r="F40714" s="14" t="s">
        <v>15</v>
      </c>
      <c r="G40714" s="16">
        <v>1.7033778553941965</v>
      </c>
    </row>
    <row r="40715" spans="1:7" x14ac:dyDescent="0.3">
      <c r="A40715" s="13" t="s">
        <v>242</v>
      </c>
      <c r="B40715" s="14" t="s">
        <v>1</v>
      </c>
      <c r="C40715" s="14" t="s">
        <v>38</v>
      </c>
      <c r="D40715" s="14" t="s">
        <v>114</v>
      </c>
      <c r="E40715" s="15">
        <v>45576</v>
      </c>
      <c r="F40715" s="14" t="s">
        <v>15</v>
      </c>
      <c r="G40715" s="16">
        <v>1.7005562795988884</v>
      </c>
    </row>
    <row r="40716" spans="1:7" x14ac:dyDescent="0.3">
      <c r="A40716" s="13" t="s">
        <v>242</v>
      </c>
      <c r="B40716" s="14" t="s">
        <v>1</v>
      </c>
      <c r="C40716" s="14" t="s">
        <v>38</v>
      </c>
      <c r="D40716" s="14" t="s">
        <v>114</v>
      </c>
      <c r="E40716" s="15">
        <v>45577</v>
      </c>
      <c r="F40716" s="14" t="s">
        <v>15</v>
      </c>
      <c r="G40716" s="16">
        <v>1.7005562795988884</v>
      </c>
    </row>
    <row r="40717" spans="1:7" x14ac:dyDescent="0.3">
      <c r="A40717" s="13" t="s">
        <v>242</v>
      </c>
      <c r="B40717" s="14" t="s">
        <v>1</v>
      </c>
      <c r="C40717" s="14" t="s">
        <v>38</v>
      </c>
      <c r="D40717" s="14" t="s">
        <v>114</v>
      </c>
      <c r="E40717" s="15">
        <v>45578</v>
      </c>
      <c r="F40717" s="14" t="s">
        <v>15</v>
      </c>
      <c r="G40717" s="16">
        <v>1.7005562795988884</v>
      </c>
    </row>
    <row r="40718" spans="1:7" x14ac:dyDescent="0.3">
      <c r="A40718" s="13" t="s">
        <v>242</v>
      </c>
      <c r="B40718" s="14" t="s">
        <v>1</v>
      </c>
      <c r="C40718" s="14" t="s">
        <v>38</v>
      </c>
      <c r="D40718" s="14" t="s">
        <v>114</v>
      </c>
      <c r="E40718" s="15">
        <v>45579</v>
      </c>
      <c r="F40718" s="14" t="s">
        <v>15</v>
      </c>
      <c r="G40718" s="16">
        <v>1.6977182421797232</v>
      </c>
    </row>
    <row r="40719" spans="1:7" x14ac:dyDescent="0.3">
      <c r="A40719" s="13" t="s">
        <v>242</v>
      </c>
      <c r="B40719" s="14" t="s">
        <v>1</v>
      </c>
      <c r="C40719" s="14" t="s">
        <v>38</v>
      </c>
      <c r="D40719" s="14" t="s">
        <v>114</v>
      </c>
      <c r="E40719" s="15">
        <v>45580</v>
      </c>
      <c r="F40719" s="14" t="s">
        <v>15</v>
      </c>
      <c r="G40719" s="16">
        <v>1.6891614122042848</v>
      </c>
    </row>
    <row r="40720" spans="1:7" x14ac:dyDescent="0.3">
      <c r="A40720" s="13" t="s">
        <v>242</v>
      </c>
      <c r="B40720" s="14" t="s">
        <v>1</v>
      </c>
      <c r="C40720" s="14" t="s">
        <v>38</v>
      </c>
      <c r="D40720" s="14" t="s">
        <v>114</v>
      </c>
      <c r="E40720" s="15">
        <v>45581</v>
      </c>
      <c r="F40720" s="14" t="s">
        <v>15</v>
      </c>
      <c r="G40720" s="16">
        <v>1.6863004703064111</v>
      </c>
    </row>
    <row r="40721" spans="1:7" x14ac:dyDescent="0.3">
      <c r="A40721" s="13" t="s">
        <v>242</v>
      </c>
      <c r="B40721" s="14" t="s">
        <v>1</v>
      </c>
      <c r="C40721" s="14" t="s">
        <v>38</v>
      </c>
      <c r="D40721" s="14" t="s">
        <v>114</v>
      </c>
      <c r="E40721" s="15">
        <v>45582</v>
      </c>
      <c r="F40721" s="14" t="s">
        <v>15</v>
      </c>
      <c r="G40721" s="16">
        <v>1.6834480412657942</v>
      </c>
    </row>
    <row r="40722" spans="1:7" x14ac:dyDescent="0.3">
      <c r="A40722" s="13" t="s">
        <v>242</v>
      </c>
      <c r="B40722" s="14" t="s">
        <v>1</v>
      </c>
      <c r="C40722" s="14" t="s">
        <v>38</v>
      </c>
      <c r="D40722" s="14" t="s">
        <v>114</v>
      </c>
      <c r="E40722" s="15">
        <v>45583</v>
      </c>
      <c r="F40722" s="14" t="s">
        <v>15</v>
      </c>
      <c r="G40722" s="16">
        <v>1.6806202035918427</v>
      </c>
    </row>
    <row r="40723" spans="1:7" x14ac:dyDescent="0.3">
      <c r="A40723" s="13" t="s">
        <v>242</v>
      </c>
      <c r="B40723" s="14" t="s">
        <v>1</v>
      </c>
      <c r="C40723" s="14" t="s">
        <v>38</v>
      </c>
      <c r="D40723" s="14" t="s">
        <v>114</v>
      </c>
      <c r="E40723" s="15">
        <v>45584</v>
      </c>
      <c r="F40723" s="14" t="s">
        <v>15</v>
      </c>
      <c r="G40723" s="16">
        <v>1.6806202035918427</v>
      </c>
    </row>
    <row r="40724" spans="1:7" x14ac:dyDescent="0.3">
      <c r="A40724" s="13" t="s">
        <v>242</v>
      </c>
      <c r="B40724" s="14" t="s">
        <v>1</v>
      </c>
      <c r="C40724" s="14" t="s">
        <v>38</v>
      </c>
      <c r="D40724" s="14" t="s">
        <v>114</v>
      </c>
      <c r="E40724" s="15">
        <v>45585</v>
      </c>
      <c r="F40724" s="14" t="s">
        <v>15</v>
      </c>
      <c r="G40724" s="16">
        <v>1.6806202035918427</v>
      </c>
    </row>
    <row r="40725" spans="1:7" x14ac:dyDescent="0.3">
      <c r="A40725" s="13" t="s">
        <v>242</v>
      </c>
      <c r="B40725" s="14" t="s">
        <v>1</v>
      </c>
      <c r="C40725" s="14" t="s">
        <v>38</v>
      </c>
      <c r="D40725" s="14" t="s">
        <v>114</v>
      </c>
      <c r="E40725" s="15">
        <v>45586</v>
      </c>
      <c r="F40725" s="14" t="s">
        <v>15</v>
      </c>
      <c r="G40725" s="16">
        <v>1.6777977499648431</v>
      </c>
    </row>
    <row r="40726" spans="1:7" x14ac:dyDescent="0.3">
      <c r="A40726" s="13" t="s">
        <v>242</v>
      </c>
      <c r="B40726" s="14" t="s">
        <v>1</v>
      </c>
      <c r="C40726" s="14" t="s">
        <v>38</v>
      </c>
      <c r="D40726" s="14" t="s">
        <v>114</v>
      </c>
      <c r="E40726" s="15">
        <v>45587</v>
      </c>
      <c r="F40726" s="14" t="s">
        <v>15</v>
      </c>
      <c r="G40726" s="16">
        <v>1.6691946461385165</v>
      </c>
    </row>
    <row r="40727" spans="1:7" x14ac:dyDescent="0.3">
      <c r="A40727" s="13" t="s">
        <v>242</v>
      </c>
      <c r="B40727" s="14" t="s">
        <v>1</v>
      </c>
      <c r="C40727" s="14" t="s">
        <v>38</v>
      </c>
      <c r="D40727" s="14" t="s">
        <v>114</v>
      </c>
      <c r="E40727" s="15">
        <v>45588</v>
      </c>
      <c r="F40727" s="14" t="s">
        <v>15</v>
      </c>
      <c r="G40727" s="16">
        <v>1.6663432041901971</v>
      </c>
    </row>
    <row r="40728" spans="1:7" x14ac:dyDescent="0.3">
      <c r="A40728" s="13" t="s">
        <v>242</v>
      </c>
      <c r="B40728" s="14" t="s">
        <v>1</v>
      </c>
      <c r="C40728" s="14" t="s">
        <v>38</v>
      </c>
      <c r="D40728" s="14" t="s">
        <v>114</v>
      </c>
      <c r="E40728" s="15">
        <v>45589</v>
      </c>
      <c r="F40728" s="14" t="s">
        <v>15</v>
      </c>
      <c r="G40728" s="16">
        <v>1.6635057811482699</v>
      </c>
    </row>
    <row r="40729" spans="1:7" x14ac:dyDescent="0.3">
      <c r="A40729" s="13" t="s">
        <v>242</v>
      </c>
      <c r="B40729" s="14" t="s">
        <v>1</v>
      </c>
      <c r="C40729" s="14" t="s">
        <v>38</v>
      </c>
      <c r="D40729" s="14" t="s">
        <v>114</v>
      </c>
      <c r="E40729" s="15">
        <v>45590</v>
      </c>
      <c r="F40729" s="14" t="s">
        <v>15</v>
      </c>
      <c r="G40729" s="16">
        <v>1.660665205918249</v>
      </c>
    </row>
    <row r="40730" spans="1:7" x14ac:dyDescent="0.3">
      <c r="A40730" s="13" t="s">
        <v>242</v>
      </c>
      <c r="B40730" s="14" t="s">
        <v>1</v>
      </c>
      <c r="C40730" s="14" t="s">
        <v>38</v>
      </c>
      <c r="D40730" s="14" t="s">
        <v>114</v>
      </c>
      <c r="E40730" s="15">
        <v>45591</v>
      </c>
      <c r="F40730" s="14" t="s">
        <v>15</v>
      </c>
      <c r="G40730" s="16">
        <v>1.660665205918249</v>
      </c>
    </row>
    <row r="40731" spans="1:7" x14ac:dyDescent="0.3">
      <c r="A40731" s="13" t="s">
        <v>242</v>
      </c>
      <c r="B40731" s="14" t="s">
        <v>1</v>
      </c>
      <c r="C40731" s="14" t="s">
        <v>38</v>
      </c>
      <c r="D40731" s="14" t="s">
        <v>114</v>
      </c>
      <c r="E40731" s="15">
        <v>45592</v>
      </c>
      <c r="F40731" s="14" t="s">
        <v>15</v>
      </c>
      <c r="G40731" s="16">
        <v>1.660665205918249</v>
      </c>
    </row>
    <row r="40732" spans="1:7" x14ac:dyDescent="0.3">
      <c r="A40732" s="13" t="s">
        <v>242</v>
      </c>
      <c r="B40732" s="14" t="s">
        <v>1</v>
      </c>
      <c r="C40732" s="14" t="s">
        <v>38</v>
      </c>
      <c r="D40732" s="14" t="s">
        <v>114</v>
      </c>
      <c r="E40732" s="15">
        <v>45593</v>
      </c>
      <c r="F40732" s="14" t="s">
        <v>15</v>
      </c>
      <c r="G40732" s="16">
        <v>1.660665205918249</v>
      </c>
    </row>
    <row r="40733" spans="1:7" x14ac:dyDescent="0.3">
      <c r="A40733" s="13" t="s">
        <v>242</v>
      </c>
      <c r="B40733" s="14" t="s">
        <v>1</v>
      </c>
      <c r="C40733" s="14" t="s">
        <v>38</v>
      </c>
      <c r="D40733" s="14" t="s">
        <v>114</v>
      </c>
      <c r="E40733" s="15">
        <v>45594</v>
      </c>
      <c r="F40733" s="14" t="s">
        <v>15</v>
      </c>
      <c r="G40733" s="16">
        <v>1.6579550302688593</v>
      </c>
    </row>
    <row r="40734" spans="1:7" x14ac:dyDescent="0.3">
      <c r="A40734" s="13" t="s">
        <v>242</v>
      </c>
      <c r="B40734" s="14" t="s">
        <v>1</v>
      </c>
      <c r="C40734" s="14" t="s">
        <v>38</v>
      </c>
      <c r="D40734" s="14" t="s">
        <v>114</v>
      </c>
      <c r="E40734" s="15">
        <v>45595</v>
      </c>
      <c r="F40734" s="14" t="s">
        <v>15</v>
      </c>
      <c r="G40734" s="16">
        <v>1.6466508395929924</v>
      </c>
    </row>
    <row r="40735" spans="1:7" x14ac:dyDescent="0.3">
      <c r="A40735" s="13" t="s">
        <v>242</v>
      </c>
      <c r="B40735" s="14" t="s">
        <v>1</v>
      </c>
      <c r="C40735" s="14" t="s">
        <v>38</v>
      </c>
      <c r="D40735" s="14" t="s">
        <v>114</v>
      </c>
      <c r="E40735" s="15">
        <v>45596</v>
      </c>
      <c r="F40735" s="14" t="s">
        <v>15</v>
      </c>
      <c r="G40735" s="16">
        <v>1.6466508395929924</v>
      </c>
    </row>
    <row r="40736" spans="1:7" x14ac:dyDescent="0.3">
      <c r="A40736" s="13" t="s">
        <v>242</v>
      </c>
      <c r="B40736" s="14" t="s">
        <v>1</v>
      </c>
      <c r="C40736" s="14" t="s">
        <v>38</v>
      </c>
      <c r="D40736" s="14" t="s">
        <v>114</v>
      </c>
      <c r="E40736" s="15">
        <v>45597</v>
      </c>
      <c r="F40736" s="14" t="s">
        <v>15</v>
      </c>
      <c r="G40736" s="16">
        <v>1.6438257740374904</v>
      </c>
    </row>
    <row r="40737" spans="1:7" x14ac:dyDescent="0.3">
      <c r="A40737" s="13" t="s">
        <v>242</v>
      </c>
      <c r="B40737" s="14" t="s">
        <v>1</v>
      </c>
      <c r="C40737" s="14" t="s">
        <v>38</v>
      </c>
      <c r="D40737" s="14" t="s">
        <v>114</v>
      </c>
      <c r="E40737" s="15">
        <v>45598</v>
      </c>
      <c r="F40737" s="14" t="s">
        <v>15</v>
      </c>
      <c r="G40737" s="16">
        <v>1.6438257740374904</v>
      </c>
    </row>
    <row r="40738" spans="1:7" x14ac:dyDescent="0.3">
      <c r="A40738" s="13" t="s">
        <v>242</v>
      </c>
      <c r="B40738" s="14" t="s">
        <v>1</v>
      </c>
      <c r="C40738" s="14" t="s">
        <v>38</v>
      </c>
      <c r="D40738" s="14" t="s">
        <v>114</v>
      </c>
      <c r="E40738" s="15">
        <v>45599</v>
      </c>
      <c r="F40738" s="14" t="s">
        <v>15</v>
      </c>
      <c r="G40738" s="16">
        <v>1.6438257740374904</v>
      </c>
    </row>
    <row r="40739" spans="1:7" x14ac:dyDescent="0.3">
      <c r="A40739" s="13" t="s">
        <v>242</v>
      </c>
      <c r="B40739" s="14" t="s">
        <v>1</v>
      </c>
      <c r="C40739" s="14" t="s">
        <v>38</v>
      </c>
      <c r="D40739" s="14" t="s">
        <v>114</v>
      </c>
      <c r="E40739" s="15">
        <v>45600</v>
      </c>
      <c r="F40739" s="14" t="s">
        <v>15</v>
      </c>
      <c r="G40739" s="16">
        <v>1.6382596127750408</v>
      </c>
    </row>
    <row r="40740" spans="1:7" x14ac:dyDescent="0.3">
      <c r="A40740" s="13" t="s">
        <v>242</v>
      </c>
      <c r="B40740" s="14" t="s">
        <v>1</v>
      </c>
      <c r="C40740" s="14" t="s">
        <v>38</v>
      </c>
      <c r="D40740" s="14" t="s">
        <v>114</v>
      </c>
      <c r="E40740" s="15">
        <v>45601</v>
      </c>
      <c r="F40740" s="14" t="s">
        <v>15</v>
      </c>
      <c r="G40740" s="16">
        <v>1.6298862496310793</v>
      </c>
    </row>
    <row r="40741" spans="1:7" x14ac:dyDescent="0.3">
      <c r="A40741" s="13" t="s">
        <v>242</v>
      </c>
      <c r="B40741" s="14" t="s">
        <v>1</v>
      </c>
      <c r="C40741" s="14" t="s">
        <v>38</v>
      </c>
      <c r="D40741" s="14" t="s">
        <v>114</v>
      </c>
      <c r="E40741" s="15">
        <v>45602</v>
      </c>
      <c r="F40741" s="14" t="s">
        <v>15</v>
      </c>
      <c r="G40741" s="16">
        <v>1.6270766908910868</v>
      </c>
    </row>
    <row r="40742" spans="1:7" x14ac:dyDescent="0.3">
      <c r="A40742" s="13" t="s">
        <v>242</v>
      </c>
      <c r="B40742" s="14" t="s">
        <v>1</v>
      </c>
      <c r="C40742" s="14" t="s">
        <v>38</v>
      </c>
      <c r="D40742" s="14" t="s">
        <v>114</v>
      </c>
      <c r="E40742" s="15">
        <v>45603</v>
      </c>
      <c r="F40742" s="14" t="s">
        <v>15</v>
      </c>
      <c r="G40742" s="16">
        <v>1.6242538935324733</v>
      </c>
    </row>
    <row r="40743" spans="1:7" x14ac:dyDescent="0.3">
      <c r="A40743" s="13" t="s">
        <v>242</v>
      </c>
      <c r="B40743" s="14" t="s">
        <v>1</v>
      </c>
      <c r="C40743" s="14" t="s">
        <v>38</v>
      </c>
      <c r="D40743" s="14" t="s">
        <v>114</v>
      </c>
      <c r="E40743" s="15">
        <v>45604</v>
      </c>
      <c r="F40743" s="14" t="s">
        <v>15</v>
      </c>
      <c r="G40743" s="16">
        <v>1.6574029302317232</v>
      </c>
    </row>
    <row r="40744" spans="1:7" x14ac:dyDescent="0.3">
      <c r="A40744" s="13" t="s">
        <v>242</v>
      </c>
      <c r="B40744" s="14" t="s">
        <v>1</v>
      </c>
      <c r="C40744" s="14" t="s">
        <v>38</v>
      </c>
      <c r="D40744" s="14" t="s">
        <v>114</v>
      </c>
      <c r="E40744" s="15">
        <v>45605</v>
      </c>
      <c r="F40744" s="14" t="s">
        <v>15</v>
      </c>
      <c r="G40744" s="16">
        <v>1.6574029302317232</v>
      </c>
    </row>
    <row r="40745" spans="1:7" x14ac:dyDescent="0.3">
      <c r="A40745" s="13" t="s">
        <v>242</v>
      </c>
      <c r="B40745" s="14" t="s">
        <v>1</v>
      </c>
      <c r="C40745" s="14" t="s">
        <v>38</v>
      </c>
      <c r="D40745" s="14" t="s">
        <v>114</v>
      </c>
      <c r="E40745" s="15">
        <v>45606</v>
      </c>
      <c r="F40745" s="14" t="s">
        <v>15</v>
      </c>
      <c r="G40745" s="16">
        <v>1.6574029302317232</v>
      </c>
    </row>
    <row r="40746" spans="1:7" x14ac:dyDescent="0.3">
      <c r="A40746" s="13" t="s">
        <v>242</v>
      </c>
      <c r="B40746" s="14" t="s">
        <v>1</v>
      </c>
      <c r="C40746" s="14" t="s">
        <v>38</v>
      </c>
      <c r="D40746" s="14" t="s">
        <v>114</v>
      </c>
      <c r="E40746" s="15">
        <v>45607</v>
      </c>
      <c r="F40746" s="14" t="s">
        <v>15</v>
      </c>
      <c r="G40746" s="16">
        <v>1.6545836870813762</v>
      </c>
    </row>
    <row r="40747" spans="1:7" x14ac:dyDescent="0.3">
      <c r="A40747" s="13" t="s">
        <v>242</v>
      </c>
      <c r="B40747" s="14" t="s">
        <v>1</v>
      </c>
      <c r="C40747" s="14" t="s">
        <v>38</v>
      </c>
      <c r="D40747" s="14" t="s">
        <v>114</v>
      </c>
      <c r="E40747" s="15">
        <v>45608</v>
      </c>
      <c r="F40747" s="14" t="s">
        <v>15</v>
      </c>
      <c r="G40747" s="16">
        <v>1.6461295765068924</v>
      </c>
    </row>
    <row r="40748" spans="1:7" x14ac:dyDescent="0.3">
      <c r="A40748" s="13" t="s">
        <v>242</v>
      </c>
      <c r="B40748" s="14" t="s">
        <v>1</v>
      </c>
      <c r="C40748" s="14" t="s">
        <v>38</v>
      </c>
      <c r="D40748" s="14" t="s">
        <v>114</v>
      </c>
      <c r="E40748" s="15">
        <v>45609</v>
      </c>
      <c r="F40748" s="14" t="s">
        <v>15</v>
      </c>
      <c r="G40748" s="16">
        <v>1.6571520168348981</v>
      </c>
    </row>
    <row r="40749" spans="1:7" x14ac:dyDescent="0.3">
      <c r="A40749" s="13" t="s">
        <v>242</v>
      </c>
      <c r="B40749" s="14" t="s">
        <v>1</v>
      </c>
      <c r="C40749" s="14" t="s">
        <v>38</v>
      </c>
      <c r="D40749" s="14" t="s">
        <v>114</v>
      </c>
      <c r="E40749" s="15">
        <v>45610</v>
      </c>
      <c r="F40749" s="14" t="s">
        <v>15</v>
      </c>
      <c r="G40749" s="16">
        <v>1.6544054901775835</v>
      </c>
    </row>
    <row r="40750" spans="1:7" x14ac:dyDescent="0.3">
      <c r="A40750" s="13" t="s">
        <v>242</v>
      </c>
      <c r="B40750" s="14" t="s">
        <v>1</v>
      </c>
      <c r="C40750" s="14" t="s">
        <v>38</v>
      </c>
      <c r="D40750" s="14" t="s">
        <v>114</v>
      </c>
      <c r="E40750" s="15">
        <v>45611</v>
      </c>
      <c r="F40750" s="14" t="s">
        <v>15</v>
      </c>
      <c r="G40750" s="16">
        <v>1.7527012882783228</v>
      </c>
    </row>
    <row r="40751" spans="1:7" x14ac:dyDescent="0.3">
      <c r="A40751" s="13" t="s">
        <v>242</v>
      </c>
      <c r="B40751" s="14" t="s">
        <v>1</v>
      </c>
      <c r="C40751" s="14" t="s">
        <v>38</v>
      </c>
      <c r="D40751" s="14" t="s">
        <v>114</v>
      </c>
      <c r="E40751" s="15">
        <v>45612</v>
      </c>
      <c r="F40751" s="14" t="s">
        <v>15</v>
      </c>
      <c r="G40751" s="16">
        <v>1.7527012882783228</v>
      </c>
    </row>
    <row r="40752" spans="1:7" x14ac:dyDescent="0.3">
      <c r="A40752" s="13" t="s">
        <v>242</v>
      </c>
      <c r="B40752" s="14" t="s">
        <v>1</v>
      </c>
      <c r="C40752" s="14" t="s">
        <v>38</v>
      </c>
      <c r="D40752" s="14" t="s">
        <v>114</v>
      </c>
      <c r="E40752" s="15">
        <v>45613</v>
      </c>
      <c r="F40752" s="14" t="s">
        <v>15</v>
      </c>
      <c r="G40752" s="16">
        <v>1.7527012882783228</v>
      </c>
    </row>
    <row r="40753" spans="1:7" x14ac:dyDescent="0.3">
      <c r="A40753" s="13" t="s">
        <v>242</v>
      </c>
      <c r="B40753" s="14" t="s">
        <v>1</v>
      </c>
      <c r="C40753" s="14" t="s">
        <v>38</v>
      </c>
      <c r="D40753" s="14" t="s">
        <v>114</v>
      </c>
      <c r="E40753" s="15">
        <v>45614</v>
      </c>
      <c r="F40753" s="14" t="s">
        <v>15</v>
      </c>
      <c r="G40753" s="16">
        <v>1.7499889809176246</v>
      </c>
    </row>
    <row r="40754" spans="1:7" x14ac:dyDescent="0.3">
      <c r="A40754" s="13" t="s">
        <v>242</v>
      </c>
      <c r="B40754" s="14" t="s">
        <v>1</v>
      </c>
      <c r="C40754" s="14" t="s">
        <v>38</v>
      </c>
      <c r="D40754" s="14" t="s">
        <v>114</v>
      </c>
      <c r="E40754" s="15">
        <v>45615</v>
      </c>
      <c r="F40754" s="14" t="s">
        <v>15</v>
      </c>
      <c r="G40754" s="16">
        <v>1.7417945792245764</v>
      </c>
    </row>
    <row r="40755" spans="1:7" x14ac:dyDescent="0.3">
      <c r="A40755" s="13" t="s">
        <v>242</v>
      </c>
      <c r="B40755" s="14" t="s">
        <v>1</v>
      </c>
      <c r="C40755" s="14" t="s">
        <v>38</v>
      </c>
      <c r="D40755" s="14" t="s">
        <v>114</v>
      </c>
      <c r="E40755" s="15">
        <v>45616</v>
      </c>
      <c r="F40755" s="14" t="s">
        <v>15</v>
      </c>
      <c r="G40755" s="16">
        <v>1.739053649738413</v>
      </c>
    </row>
    <row r="40756" spans="1:7" x14ac:dyDescent="0.3">
      <c r="A40756" s="13" t="s">
        <v>242</v>
      </c>
      <c r="B40756" s="14" t="s">
        <v>1</v>
      </c>
      <c r="C40756" s="14" t="s">
        <v>38</v>
      </c>
      <c r="D40756" s="14" t="s">
        <v>114</v>
      </c>
      <c r="E40756" s="15">
        <v>45617</v>
      </c>
      <c r="F40756" s="14" t="s">
        <v>15</v>
      </c>
      <c r="G40756" s="16">
        <v>1.7791436785012242</v>
      </c>
    </row>
    <row r="40757" spans="1:7" x14ac:dyDescent="0.3">
      <c r="A40757" s="13" t="s">
        <v>242</v>
      </c>
      <c r="B40757" s="14" t="s">
        <v>1</v>
      </c>
      <c r="C40757" s="14" t="s">
        <v>38</v>
      </c>
      <c r="D40757" s="14" t="s">
        <v>114</v>
      </c>
      <c r="E40757" s="15">
        <v>45618</v>
      </c>
      <c r="F40757" s="14" t="s">
        <v>15</v>
      </c>
      <c r="G40757" s="16">
        <v>1.7763906353311996</v>
      </c>
    </row>
    <row r="40758" spans="1:7" x14ac:dyDescent="0.3">
      <c r="A40758" s="13" t="s">
        <v>242</v>
      </c>
      <c r="B40758" s="14" t="s">
        <v>1</v>
      </c>
      <c r="C40758" s="14" t="s">
        <v>38</v>
      </c>
      <c r="D40758" s="14" t="s">
        <v>114</v>
      </c>
      <c r="E40758" s="15">
        <v>45619</v>
      </c>
      <c r="F40758" s="14" t="s">
        <v>15</v>
      </c>
      <c r="G40758" s="16">
        <v>1.7763906353311996</v>
      </c>
    </row>
    <row r="40759" spans="1:7" x14ac:dyDescent="0.3">
      <c r="A40759" s="13" t="s">
        <v>242</v>
      </c>
      <c r="B40759" s="14" t="s">
        <v>1</v>
      </c>
      <c r="C40759" s="14" t="s">
        <v>38</v>
      </c>
      <c r="D40759" s="14" t="s">
        <v>114</v>
      </c>
      <c r="E40759" s="15">
        <v>45620</v>
      </c>
      <c r="F40759" s="14" t="s">
        <v>15</v>
      </c>
      <c r="G40759" s="16">
        <v>1.7763906353311996</v>
      </c>
    </row>
    <row r="40760" spans="1:7" x14ac:dyDescent="0.3">
      <c r="A40760" s="13" t="s">
        <v>242</v>
      </c>
      <c r="B40760" s="14" t="s">
        <v>1</v>
      </c>
      <c r="C40760" s="14" t="s">
        <v>38</v>
      </c>
      <c r="D40760" s="14" t="s">
        <v>114</v>
      </c>
      <c r="E40760" s="15">
        <v>45621</v>
      </c>
      <c r="F40760" s="14" t="s">
        <v>15</v>
      </c>
      <c r="G40760" s="16">
        <v>1.7736488247116793</v>
      </c>
    </row>
    <row r="40761" spans="1:7" x14ac:dyDescent="0.3">
      <c r="A40761" s="13" t="s">
        <v>242</v>
      </c>
      <c r="B40761" s="14" t="s">
        <v>1</v>
      </c>
      <c r="C40761" s="14" t="s">
        <v>38</v>
      </c>
      <c r="D40761" s="14" t="s">
        <v>114</v>
      </c>
      <c r="E40761" s="15">
        <v>45622</v>
      </c>
      <c r="F40761" s="14" t="s">
        <v>15</v>
      </c>
      <c r="G40761" s="16">
        <v>1.781395013816695</v>
      </c>
    </row>
    <row r="40762" spans="1:7" x14ac:dyDescent="0.3">
      <c r="A40762" s="13" t="s">
        <v>242</v>
      </c>
      <c r="B40762" s="14" t="s">
        <v>1</v>
      </c>
      <c r="C40762" s="14" t="s">
        <v>38</v>
      </c>
      <c r="D40762" s="14" t="s">
        <v>114</v>
      </c>
      <c r="E40762" s="15">
        <v>45623</v>
      </c>
      <c r="F40762" s="14" t="s">
        <v>15</v>
      </c>
      <c r="G40762" s="16">
        <v>1.7771015235121916</v>
      </c>
    </row>
    <row r="40763" spans="1:7" x14ac:dyDescent="0.3">
      <c r="A40763" s="13" t="s">
        <v>242</v>
      </c>
      <c r="B40763" s="14" t="s">
        <v>1</v>
      </c>
      <c r="C40763" s="14" t="s">
        <v>38</v>
      </c>
      <c r="D40763" s="14" t="s">
        <v>114</v>
      </c>
      <c r="E40763" s="15">
        <v>45624</v>
      </c>
      <c r="F40763" s="14" t="s">
        <v>15</v>
      </c>
      <c r="G40763" s="16">
        <v>1.7827245152432729</v>
      </c>
    </row>
    <row r="40764" spans="1:7" x14ac:dyDescent="0.3">
      <c r="A40764" s="13" t="s">
        <v>242</v>
      </c>
      <c r="B40764" s="14" t="s">
        <v>1</v>
      </c>
      <c r="C40764" s="14" t="s">
        <v>38</v>
      </c>
      <c r="D40764" s="14" t="s">
        <v>114</v>
      </c>
      <c r="E40764" s="15">
        <v>45625</v>
      </c>
      <c r="F40764" s="14" t="s">
        <v>15</v>
      </c>
      <c r="G40764" s="16">
        <v>1.7973199003060314</v>
      </c>
    </row>
    <row r="40765" spans="1:7" x14ac:dyDescent="0.3">
      <c r="A40765" s="13" t="s">
        <v>242</v>
      </c>
      <c r="B40765" s="14" t="s">
        <v>1</v>
      </c>
      <c r="C40765" s="14" t="s">
        <v>38</v>
      </c>
      <c r="D40765" s="14" t="s">
        <v>114</v>
      </c>
      <c r="E40765" s="15">
        <v>45626</v>
      </c>
      <c r="F40765" s="14" t="s">
        <v>15</v>
      </c>
      <c r="G40765" s="16">
        <v>1.7973199003060314</v>
      </c>
    </row>
    <row r="40766" spans="1:7" x14ac:dyDescent="0.3">
      <c r="A40766" s="13" t="s">
        <v>242</v>
      </c>
      <c r="B40766" s="14" t="s">
        <v>1</v>
      </c>
      <c r="C40766" s="14" t="s">
        <v>38</v>
      </c>
      <c r="D40766" s="14" t="s">
        <v>114</v>
      </c>
      <c r="E40766" s="15">
        <v>45627</v>
      </c>
      <c r="F40766" s="14" t="s">
        <v>15</v>
      </c>
      <c r="G40766" s="16">
        <v>1.7973199003060314</v>
      </c>
    </row>
    <row r="40767" spans="1:7" x14ac:dyDescent="0.3">
      <c r="A40767" s="13" t="s">
        <v>242</v>
      </c>
      <c r="B40767" s="14" t="s">
        <v>1</v>
      </c>
      <c r="C40767" s="14" t="s">
        <v>38</v>
      </c>
      <c r="D40767" s="14" t="s">
        <v>114</v>
      </c>
      <c r="E40767" s="15">
        <v>45628</v>
      </c>
      <c r="F40767" s="14" t="s">
        <v>15</v>
      </c>
      <c r="G40767" s="16">
        <v>1.7945872616031631</v>
      </c>
    </row>
    <row r="40768" spans="1:7" x14ac:dyDescent="0.3">
      <c r="A40768" s="13" t="s">
        <v>242</v>
      </c>
      <c r="B40768" s="14" t="s">
        <v>1</v>
      </c>
      <c r="C40768" s="14" t="s">
        <v>38</v>
      </c>
      <c r="D40768" s="14" t="s">
        <v>114</v>
      </c>
      <c r="E40768" s="15">
        <v>45629</v>
      </c>
      <c r="F40768" s="14" t="s">
        <v>15</v>
      </c>
      <c r="G40768" s="16">
        <v>1.7863689538444274</v>
      </c>
    </row>
    <row r="40769" spans="1:7" x14ac:dyDescent="0.3">
      <c r="A40769" s="13" t="s">
        <v>242</v>
      </c>
      <c r="B40769" s="14" t="s">
        <v>1</v>
      </c>
      <c r="C40769" s="14" t="s">
        <v>38</v>
      </c>
      <c r="D40769" s="14" t="s">
        <v>114</v>
      </c>
      <c r="E40769" s="15">
        <v>45630</v>
      </c>
      <c r="F40769" s="14" t="s">
        <v>15</v>
      </c>
      <c r="G40769" s="16">
        <v>1.7836333421392894</v>
      </c>
    </row>
    <row r="40770" spans="1:7" x14ac:dyDescent="0.3">
      <c r="A40770" s="13" t="s">
        <v>242</v>
      </c>
      <c r="B40770" s="14" t="s">
        <v>1</v>
      </c>
      <c r="C40770" s="14" t="s">
        <v>38</v>
      </c>
      <c r="D40770" s="14" t="s">
        <v>114</v>
      </c>
      <c r="E40770" s="15">
        <v>45631</v>
      </c>
      <c r="F40770" s="14" t="s">
        <v>15</v>
      </c>
      <c r="G40770" s="16">
        <v>1.7808412370585904</v>
      </c>
    </row>
    <row r="40771" spans="1:7" x14ac:dyDescent="0.3">
      <c r="A40771" s="13" t="s">
        <v>242</v>
      </c>
      <c r="B40771" s="14" t="s">
        <v>1</v>
      </c>
      <c r="C40771" s="14" t="s">
        <v>38</v>
      </c>
      <c r="D40771" s="14" t="s">
        <v>114</v>
      </c>
      <c r="E40771" s="15">
        <v>45632</v>
      </c>
      <c r="F40771" s="14" t="s">
        <v>15</v>
      </c>
      <c r="G40771" s="16">
        <v>1.7780421258794308</v>
      </c>
    </row>
    <row r="40772" spans="1:7" x14ac:dyDescent="0.3">
      <c r="A40772" s="13" t="s">
        <v>242</v>
      </c>
      <c r="B40772" s="14" t="s">
        <v>1</v>
      </c>
      <c r="C40772" s="14" t="s">
        <v>38</v>
      </c>
      <c r="D40772" s="14" t="s">
        <v>114</v>
      </c>
      <c r="E40772" s="15">
        <v>45633</v>
      </c>
      <c r="F40772" s="14" t="s">
        <v>15</v>
      </c>
      <c r="G40772" s="16">
        <v>1.7780421258794308</v>
      </c>
    </row>
    <row r="40773" spans="1:7" x14ac:dyDescent="0.3">
      <c r="A40773" s="13" t="s">
        <v>242</v>
      </c>
      <c r="B40773" s="14" t="s">
        <v>1</v>
      </c>
      <c r="C40773" s="14" t="s">
        <v>38</v>
      </c>
      <c r="D40773" s="14" t="s">
        <v>114</v>
      </c>
      <c r="E40773" s="15">
        <v>45634</v>
      </c>
      <c r="F40773" s="14" t="s">
        <v>15</v>
      </c>
      <c r="G40773" s="16">
        <v>1.7780421258794308</v>
      </c>
    </row>
    <row r="40774" spans="1:7" x14ac:dyDescent="0.3">
      <c r="A40774" s="13" t="s">
        <v>242</v>
      </c>
      <c r="B40774" s="14" t="s">
        <v>1</v>
      </c>
      <c r="C40774" s="14" t="s">
        <v>38</v>
      </c>
      <c r="D40774" s="14" t="s">
        <v>114</v>
      </c>
      <c r="E40774" s="15">
        <v>45635</v>
      </c>
      <c r="F40774" s="14" t="s">
        <v>15</v>
      </c>
      <c r="G40774" s="16">
        <v>1.7883184309556535</v>
      </c>
    </row>
    <row r="40775" spans="1:7" x14ac:dyDescent="0.3">
      <c r="A40775" s="13" t="s">
        <v>242</v>
      </c>
      <c r="B40775" s="14" t="s">
        <v>1</v>
      </c>
      <c r="C40775" s="14" t="s">
        <v>38</v>
      </c>
      <c r="D40775" s="14" t="s">
        <v>114</v>
      </c>
      <c r="E40775" s="15">
        <v>45636</v>
      </c>
      <c r="F40775" s="14" t="s">
        <v>15</v>
      </c>
      <c r="G40775" s="16">
        <v>1.7799219981323962</v>
      </c>
    </row>
    <row r="40776" spans="1:7" x14ac:dyDescent="0.3">
      <c r="A40776" s="13" t="s">
        <v>242</v>
      </c>
      <c r="B40776" s="14" t="s">
        <v>1</v>
      </c>
      <c r="C40776" s="14" t="s">
        <v>38</v>
      </c>
      <c r="D40776" s="14" t="s">
        <v>114</v>
      </c>
      <c r="E40776" s="15">
        <v>45637</v>
      </c>
      <c r="F40776" s="14" t="s">
        <v>15</v>
      </c>
      <c r="G40776" s="16">
        <v>1.7771088370157764</v>
      </c>
    </row>
    <row r="40777" spans="1:7" x14ac:dyDescent="0.3">
      <c r="A40777" s="13" t="s">
        <v>242</v>
      </c>
      <c r="B40777" s="14" t="s">
        <v>1</v>
      </c>
      <c r="C40777" s="14" t="s">
        <v>38</v>
      </c>
      <c r="D40777" s="14" t="s">
        <v>114</v>
      </c>
      <c r="E40777" s="15">
        <v>45638</v>
      </c>
      <c r="F40777" s="14" t="s">
        <v>15</v>
      </c>
      <c r="G40777" s="16">
        <v>1.7742918685830897</v>
      </c>
    </row>
    <row r="40778" spans="1:7" x14ac:dyDescent="0.3">
      <c r="A40778" s="13" t="s">
        <v>242</v>
      </c>
      <c r="B40778" s="14" t="s">
        <v>1</v>
      </c>
      <c r="C40778" s="14" t="s">
        <v>38</v>
      </c>
      <c r="D40778" s="14" t="s">
        <v>114</v>
      </c>
      <c r="E40778" s="15">
        <v>45639</v>
      </c>
      <c r="F40778" s="14" t="s">
        <v>15</v>
      </c>
      <c r="G40778" s="16">
        <v>1.7931141393776318</v>
      </c>
    </row>
    <row r="40779" spans="1:7" x14ac:dyDescent="0.3">
      <c r="A40779" s="13" t="s">
        <v>242</v>
      </c>
      <c r="B40779" s="14" t="s">
        <v>1</v>
      </c>
      <c r="C40779" s="14" t="s">
        <v>38</v>
      </c>
      <c r="D40779" s="14" t="s">
        <v>114</v>
      </c>
      <c r="E40779" s="15">
        <v>45640</v>
      </c>
      <c r="F40779" s="14" t="s">
        <v>15</v>
      </c>
      <c r="G40779" s="16">
        <v>1.7931141393776318</v>
      </c>
    </row>
    <row r="40780" spans="1:7" x14ac:dyDescent="0.3">
      <c r="A40780" s="13" t="s">
        <v>242</v>
      </c>
      <c r="B40780" s="14" t="s">
        <v>1</v>
      </c>
      <c r="C40780" s="14" t="s">
        <v>38</v>
      </c>
      <c r="D40780" s="14" t="s">
        <v>114</v>
      </c>
      <c r="E40780" s="15">
        <v>45641</v>
      </c>
      <c r="F40780" s="14" t="s">
        <v>15</v>
      </c>
      <c r="G40780" s="16">
        <v>1.7931141393776318</v>
      </c>
    </row>
    <row r="40781" spans="1:7" x14ac:dyDescent="0.3">
      <c r="A40781" s="13" t="s">
        <v>242</v>
      </c>
      <c r="B40781" s="14" t="s">
        <v>1</v>
      </c>
      <c r="C40781" s="14" t="s">
        <v>38</v>
      </c>
      <c r="D40781" s="14" t="s">
        <v>114</v>
      </c>
      <c r="E40781" s="15">
        <v>45642</v>
      </c>
      <c r="F40781" s="14" t="s">
        <v>15</v>
      </c>
      <c r="G40781" s="16">
        <v>1.7902793810892446</v>
      </c>
    </row>
    <row r="40782" spans="1:7" x14ac:dyDescent="0.3">
      <c r="A40782" s="13" t="s">
        <v>242</v>
      </c>
      <c r="B40782" s="14" t="s">
        <v>1</v>
      </c>
      <c r="C40782" s="14" t="s">
        <v>38</v>
      </c>
      <c r="D40782" s="14" t="s">
        <v>114</v>
      </c>
      <c r="E40782" s="15">
        <v>45643</v>
      </c>
      <c r="F40782" s="14" t="s">
        <v>15</v>
      </c>
      <c r="G40782" s="16">
        <v>1.7818532170629398</v>
      </c>
    </row>
    <row r="40783" spans="1:7" x14ac:dyDescent="0.3">
      <c r="A40783" s="13" t="s">
        <v>242</v>
      </c>
      <c r="B40783" s="14" t="s">
        <v>1</v>
      </c>
      <c r="C40783" s="14" t="s">
        <v>38</v>
      </c>
      <c r="D40783" s="14" t="s">
        <v>114</v>
      </c>
      <c r="E40783" s="15">
        <v>45644</v>
      </c>
      <c r="F40783" s="14" t="s">
        <v>15</v>
      </c>
      <c r="G40783" s="16">
        <v>1.7790530438108574</v>
      </c>
    </row>
    <row r="40784" spans="1:7" x14ac:dyDescent="0.3">
      <c r="A40784" s="13" t="s">
        <v>242</v>
      </c>
      <c r="B40784" s="14" t="s">
        <v>1</v>
      </c>
      <c r="C40784" s="14" t="s">
        <v>38</v>
      </c>
      <c r="D40784" s="14" t="s">
        <v>114</v>
      </c>
      <c r="E40784" s="15">
        <v>45645</v>
      </c>
      <c r="F40784" s="14" t="s">
        <v>15</v>
      </c>
      <c r="G40784" s="16">
        <v>1.7762660240081156</v>
      </c>
    </row>
    <row r="40785" spans="1:7" x14ac:dyDescent="0.3">
      <c r="A40785" s="13" t="s">
        <v>242</v>
      </c>
      <c r="B40785" s="14" t="s">
        <v>1</v>
      </c>
      <c r="C40785" s="14" t="s">
        <v>38</v>
      </c>
      <c r="D40785" s="14" t="s">
        <v>114</v>
      </c>
      <c r="E40785" s="15">
        <v>45646</v>
      </c>
      <c r="F40785" s="14" t="s">
        <v>15</v>
      </c>
      <c r="G40785" s="16">
        <v>1.773461956781438</v>
      </c>
    </row>
    <row r="40786" spans="1:7" x14ac:dyDescent="0.3">
      <c r="A40786" s="13" t="s">
        <v>242</v>
      </c>
      <c r="B40786" s="14" t="s">
        <v>1</v>
      </c>
      <c r="C40786" s="14" t="s">
        <v>38</v>
      </c>
      <c r="D40786" s="14" t="s">
        <v>114</v>
      </c>
      <c r="E40786" s="15">
        <v>45647</v>
      </c>
      <c r="F40786" s="14" t="s">
        <v>15</v>
      </c>
      <c r="G40786" s="16">
        <v>1.773461956781438</v>
      </c>
    </row>
    <row r="40787" spans="1:7" x14ac:dyDescent="0.3">
      <c r="A40787" s="13" t="s">
        <v>242</v>
      </c>
      <c r="B40787" s="14" t="s">
        <v>1</v>
      </c>
      <c r="C40787" s="14" t="s">
        <v>38</v>
      </c>
      <c r="D40787" s="14" t="s">
        <v>114</v>
      </c>
      <c r="E40787" s="15">
        <v>45648</v>
      </c>
      <c r="F40787" s="14" t="s">
        <v>15</v>
      </c>
      <c r="G40787" s="16">
        <v>1.773461956781438</v>
      </c>
    </row>
    <row r="40788" spans="1:7" x14ac:dyDescent="0.3">
      <c r="A40788" s="13" t="s">
        <v>242</v>
      </c>
      <c r="B40788" s="14" t="s">
        <v>1</v>
      </c>
      <c r="C40788" s="14" t="s">
        <v>38</v>
      </c>
      <c r="D40788" s="14" t="s">
        <v>114</v>
      </c>
      <c r="E40788" s="15">
        <v>45649</v>
      </c>
      <c r="F40788" s="14" t="s">
        <v>15</v>
      </c>
      <c r="G40788" s="16">
        <v>1.7706904954800649</v>
      </c>
    </row>
    <row r="40789" spans="1:7" x14ac:dyDescent="0.3">
      <c r="A40789" s="13" t="s">
        <v>242</v>
      </c>
      <c r="B40789" s="14" t="s">
        <v>1</v>
      </c>
      <c r="C40789" s="14" t="s">
        <v>38</v>
      </c>
      <c r="D40789" s="14" t="s">
        <v>114</v>
      </c>
      <c r="E40789" s="15">
        <v>45650</v>
      </c>
      <c r="F40789" s="14" t="s">
        <v>15</v>
      </c>
      <c r="G40789" s="16">
        <v>1.7624380636820909</v>
      </c>
    </row>
    <row r="40790" spans="1:7" x14ac:dyDescent="0.3">
      <c r="A40790" s="13" t="s">
        <v>242</v>
      </c>
      <c r="B40790" s="14" t="s">
        <v>1</v>
      </c>
      <c r="C40790" s="14" t="s">
        <v>38</v>
      </c>
      <c r="D40790" s="14" t="s">
        <v>114</v>
      </c>
      <c r="E40790" s="15">
        <v>45651</v>
      </c>
      <c r="F40790" s="14" t="s">
        <v>15</v>
      </c>
      <c r="G40790" s="16">
        <v>1.7624380636820909</v>
      </c>
    </row>
    <row r="40791" spans="1:7" x14ac:dyDescent="0.3">
      <c r="A40791" s="13" t="s">
        <v>242</v>
      </c>
      <c r="B40791" s="14" t="s">
        <v>1</v>
      </c>
      <c r="C40791" s="14" t="s">
        <v>38</v>
      </c>
      <c r="D40791" s="14" t="s">
        <v>114</v>
      </c>
      <c r="E40791" s="15">
        <v>45652</v>
      </c>
      <c r="F40791" s="14" t="s">
        <v>15</v>
      </c>
      <c r="G40791" s="16">
        <v>1.7624380636820909</v>
      </c>
    </row>
    <row r="40792" spans="1:7" x14ac:dyDescent="0.3">
      <c r="A40792" s="13" t="s">
        <v>242</v>
      </c>
      <c r="B40792" s="14" t="s">
        <v>1</v>
      </c>
      <c r="C40792" s="14" t="s">
        <v>38</v>
      </c>
      <c r="D40792" s="14" t="s">
        <v>114</v>
      </c>
      <c r="E40792" s="15">
        <v>45653</v>
      </c>
      <c r="F40792" s="14" t="s">
        <v>15</v>
      </c>
      <c r="G40792" s="16">
        <v>1.7624380636820909</v>
      </c>
    </row>
    <row r="40793" spans="1:7" x14ac:dyDescent="0.3">
      <c r="A40793" s="13" t="s">
        <v>242</v>
      </c>
      <c r="B40793" s="14" t="s">
        <v>1</v>
      </c>
      <c r="C40793" s="14" t="s">
        <v>38</v>
      </c>
      <c r="D40793" s="14" t="s">
        <v>114</v>
      </c>
      <c r="E40793" s="15">
        <v>45654</v>
      </c>
      <c r="F40793" s="14" t="s">
        <v>15</v>
      </c>
      <c r="G40793" s="16">
        <v>1.7624380636820909</v>
      </c>
    </row>
    <row r="40794" spans="1:7" x14ac:dyDescent="0.3">
      <c r="A40794" s="13" t="s">
        <v>242</v>
      </c>
      <c r="B40794" s="14" t="s">
        <v>1</v>
      </c>
      <c r="C40794" s="14" t="s">
        <v>38</v>
      </c>
      <c r="D40794" s="14" t="s">
        <v>114</v>
      </c>
      <c r="E40794" s="15">
        <v>45655</v>
      </c>
      <c r="F40794" s="14" t="s">
        <v>15</v>
      </c>
      <c r="G40794" s="16">
        <v>1.7624380636820909</v>
      </c>
    </row>
    <row r="40795" spans="1:7" x14ac:dyDescent="0.3">
      <c r="A40795" s="13" t="s">
        <v>242</v>
      </c>
      <c r="B40795" s="14" t="s">
        <v>1</v>
      </c>
      <c r="C40795" s="14" t="s">
        <v>38</v>
      </c>
      <c r="D40795" s="14" t="s">
        <v>114</v>
      </c>
      <c r="E40795" s="15">
        <v>45656</v>
      </c>
      <c r="F40795" s="14" t="s">
        <v>15</v>
      </c>
      <c r="G40795" s="16">
        <v>1.7596498369606866</v>
      </c>
    </row>
    <row r="40796" spans="1:7" x14ac:dyDescent="0.3">
      <c r="A40796" s="13" t="s">
        <v>242</v>
      </c>
      <c r="B40796" s="14" t="s">
        <v>1</v>
      </c>
      <c r="C40796" s="14" t="s">
        <v>38</v>
      </c>
      <c r="D40796" s="14" t="s">
        <v>114</v>
      </c>
      <c r="E40796" s="15">
        <v>45657</v>
      </c>
      <c r="F40796" s="14" t="s">
        <v>15</v>
      </c>
      <c r="G40796" s="16">
        <v>1.8021760230536341</v>
      </c>
    </row>
    <row r="40797" spans="1:7" x14ac:dyDescent="0.3">
      <c r="A40797" s="13" t="s">
        <v>242</v>
      </c>
      <c r="B40797" s="14" t="s">
        <v>1</v>
      </c>
      <c r="C40797" s="14" t="s">
        <v>38</v>
      </c>
      <c r="D40797" s="14" t="s">
        <v>114</v>
      </c>
      <c r="E40797" s="15">
        <v>45658</v>
      </c>
      <c r="F40797" s="14" t="s">
        <v>15</v>
      </c>
      <c r="G40797" s="16">
        <v>1.8021760230536341</v>
      </c>
    </row>
    <row r="40798" spans="1:7" x14ac:dyDescent="0.3">
      <c r="A40798" s="13" t="s">
        <v>242</v>
      </c>
      <c r="B40798" s="14" t="s">
        <v>1</v>
      </c>
      <c r="C40798" s="14" t="s">
        <v>38</v>
      </c>
      <c r="D40798" s="14" t="s">
        <v>114</v>
      </c>
      <c r="E40798" s="15">
        <v>45659</v>
      </c>
      <c r="F40798" s="14" t="s">
        <v>15</v>
      </c>
      <c r="G40798" s="16">
        <v>1.7993789360176646</v>
      </c>
    </row>
    <row r="40799" spans="1:7" x14ac:dyDescent="0.3">
      <c r="A40799" s="13" t="s">
        <v>242</v>
      </c>
      <c r="B40799" s="14" t="s">
        <v>1</v>
      </c>
      <c r="C40799" s="14" t="s">
        <v>38</v>
      </c>
      <c r="D40799" s="14" t="s">
        <v>114</v>
      </c>
      <c r="E40799" s="15">
        <v>45660</v>
      </c>
      <c r="F40799" s="14" t="s">
        <v>15</v>
      </c>
      <c r="G40799" s="16">
        <v>1.9698581319295212</v>
      </c>
    </row>
    <row r="40800" spans="1:7" x14ac:dyDescent="0.3">
      <c r="A40800" s="13" t="s">
        <v>242</v>
      </c>
      <c r="B40800" s="14" t="s">
        <v>1</v>
      </c>
      <c r="C40800" s="14" t="s">
        <v>38</v>
      </c>
      <c r="D40800" s="14" t="s">
        <v>114</v>
      </c>
      <c r="E40800" s="15">
        <v>45661</v>
      </c>
      <c r="F40800" s="14" t="s">
        <v>15</v>
      </c>
      <c r="G40800" s="16">
        <v>1.9698581319295212</v>
      </c>
    </row>
    <row r="40801" spans="1:7" x14ac:dyDescent="0.3">
      <c r="A40801" s="13" t="s">
        <v>242</v>
      </c>
      <c r="B40801" s="14" t="s">
        <v>1</v>
      </c>
      <c r="C40801" s="14" t="s">
        <v>38</v>
      </c>
      <c r="D40801" s="14" t="s">
        <v>114</v>
      </c>
      <c r="E40801" s="15">
        <v>45662</v>
      </c>
      <c r="F40801" s="14" t="s">
        <v>15</v>
      </c>
      <c r="G40801" s="16">
        <v>1.9698581319295212</v>
      </c>
    </row>
    <row r="40802" spans="1:7" x14ac:dyDescent="0.3">
      <c r="A40802" s="13" t="s">
        <v>242</v>
      </c>
      <c r="B40802" s="14" t="s">
        <v>1</v>
      </c>
      <c r="C40802" s="14" t="s">
        <v>38</v>
      </c>
      <c r="D40802" s="14" t="s">
        <v>114</v>
      </c>
      <c r="E40802" s="15">
        <v>45663</v>
      </c>
      <c r="F40802" s="14" t="s">
        <v>15</v>
      </c>
      <c r="G40802" s="16">
        <v>1.9670864709710731</v>
      </c>
    </row>
    <row r="40803" spans="1:7" x14ac:dyDescent="0.3">
      <c r="A40803" s="13" t="s">
        <v>242</v>
      </c>
      <c r="B40803" s="14" t="s">
        <v>1</v>
      </c>
      <c r="C40803" s="14" t="s">
        <v>38</v>
      </c>
      <c r="D40803" s="14" t="s">
        <v>114</v>
      </c>
      <c r="E40803" s="15">
        <v>45664</v>
      </c>
      <c r="F40803" s="14" t="s">
        <v>15</v>
      </c>
      <c r="G40803" s="16">
        <v>1.9588032395694237</v>
      </c>
    </row>
    <row r="40804" spans="1:7" x14ac:dyDescent="0.3">
      <c r="A40804" s="13" t="s">
        <v>242</v>
      </c>
      <c r="B40804" s="14" t="s">
        <v>1</v>
      </c>
      <c r="C40804" s="14" t="s">
        <v>38</v>
      </c>
      <c r="D40804" s="14" t="s">
        <v>114</v>
      </c>
      <c r="E40804" s="15">
        <v>45665</v>
      </c>
      <c r="F40804" s="14" t="s">
        <v>15</v>
      </c>
      <c r="G40804" s="16">
        <v>1.9560101353343138</v>
      </c>
    </row>
    <row r="40805" spans="1:7" x14ac:dyDescent="0.3">
      <c r="A40805" s="13" t="s">
        <v>242</v>
      </c>
      <c r="B40805" s="14" t="s">
        <v>1</v>
      </c>
      <c r="C40805" s="14" t="s">
        <v>38</v>
      </c>
      <c r="D40805" s="14" t="s">
        <v>114</v>
      </c>
      <c r="E40805" s="15">
        <v>45666</v>
      </c>
      <c r="F40805" s="14" t="s">
        <v>15</v>
      </c>
      <c r="G40805" s="16">
        <v>1.9532069289325307</v>
      </c>
    </row>
    <row r="40806" spans="1:7" x14ac:dyDescent="0.3">
      <c r="A40806" s="13" t="s">
        <v>242</v>
      </c>
      <c r="B40806" s="14" t="s">
        <v>1</v>
      </c>
      <c r="C40806" s="14" t="s">
        <v>38</v>
      </c>
      <c r="D40806" s="14" t="s">
        <v>114</v>
      </c>
      <c r="E40806" s="15">
        <v>45667</v>
      </c>
      <c r="F40806" s="14" t="s">
        <v>15</v>
      </c>
      <c r="G40806" s="16">
        <v>1.9624537087201093</v>
      </c>
    </row>
    <row r="40807" spans="1:7" x14ac:dyDescent="0.3">
      <c r="A40807" s="13" t="s">
        <v>242</v>
      </c>
      <c r="B40807" s="14" t="s">
        <v>1</v>
      </c>
      <c r="C40807" s="14" t="s">
        <v>38</v>
      </c>
      <c r="D40807" s="14" t="s">
        <v>114</v>
      </c>
      <c r="E40807" s="15">
        <v>45668</v>
      </c>
      <c r="F40807" s="14" t="s">
        <v>15</v>
      </c>
      <c r="G40807" s="16">
        <v>1.9624537087201093</v>
      </c>
    </row>
    <row r="40808" spans="1:7" x14ac:dyDescent="0.3">
      <c r="A40808" s="13" t="s">
        <v>242</v>
      </c>
      <c r="B40808" s="14" t="s">
        <v>1</v>
      </c>
      <c r="C40808" s="14" t="s">
        <v>38</v>
      </c>
      <c r="D40808" s="14" t="s">
        <v>114</v>
      </c>
      <c r="E40808" s="15">
        <v>45669</v>
      </c>
      <c r="F40808" s="14" t="s">
        <v>15</v>
      </c>
      <c r="G40808" s="16">
        <v>1.9624537087201093</v>
      </c>
    </row>
    <row r="40809" spans="1:7" x14ac:dyDescent="0.3">
      <c r="A40809" s="13" t="s">
        <v>242</v>
      </c>
      <c r="B40809" s="14" t="s">
        <v>1</v>
      </c>
      <c r="C40809" s="14" t="s">
        <v>38</v>
      </c>
      <c r="D40809" s="14" t="s">
        <v>114</v>
      </c>
      <c r="E40809" s="15">
        <v>45670</v>
      </c>
      <c r="F40809" s="14" t="s">
        <v>15</v>
      </c>
      <c r="G40809" s="16">
        <v>1.959676021207621</v>
      </c>
    </row>
    <row r="40810" spans="1:7" x14ac:dyDescent="0.3">
      <c r="A40810" s="13" t="s">
        <v>242</v>
      </c>
      <c r="B40810" s="14" t="s">
        <v>1</v>
      </c>
      <c r="C40810" s="14" t="s">
        <v>38</v>
      </c>
      <c r="D40810" s="14" t="s">
        <v>114</v>
      </c>
      <c r="E40810" s="15">
        <v>45671</v>
      </c>
      <c r="F40810" s="14" t="s">
        <v>15</v>
      </c>
      <c r="G40810" s="16">
        <v>1.951487688125376</v>
      </c>
    </row>
    <row r="40811" spans="1:7" x14ac:dyDescent="0.3">
      <c r="A40811" s="13" t="s">
        <v>242</v>
      </c>
      <c r="B40811" s="14" t="s">
        <v>1</v>
      </c>
      <c r="C40811" s="14" t="s">
        <v>38</v>
      </c>
      <c r="D40811" s="14" t="s">
        <v>114</v>
      </c>
      <c r="E40811" s="15">
        <v>45672</v>
      </c>
      <c r="F40811" s="14" t="s">
        <v>15</v>
      </c>
      <c r="G40811" s="16">
        <v>1.9487643893946254</v>
      </c>
    </row>
    <row r="40812" spans="1:7" x14ac:dyDescent="0.3">
      <c r="A40812" s="13" t="s">
        <v>242</v>
      </c>
      <c r="B40812" s="14" t="s">
        <v>1</v>
      </c>
      <c r="C40812" s="14" t="s">
        <v>38</v>
      </c>
      <c r="D40812" s="14" t="s">
        <v>114</v>
      </c>
      <c r="E40812" s="15">
        <v>45673</v>
      </c>
      <c r="F40812" s="14" t="s">
        <v>15</v>
      </c>
      <c r="G40812" s="16">
        <v>1.9460169295380927</v>
      </c>
    </row>
    <row r="40813" spans="1:7" x14ac:dyDescent="0.3">
      <c r="A40813" s="13" t="s">
        <v>242</v>
      </c>
      <c r="B40813" s="14" t="s">
        <v>1</v>
      </c>
      <c r="C40813" s="14" t="s">
        <v>38</v>
      </c>
      <c r="D40813" s="14" t="s">
        <v>114</v>
      </c>
      <c r="E40813" s="15">
        <v>45674</v>
      </c>
      <c r="F40813" s="14" t="s">
        <v>15</v>
      </c>
      <c r="G40813" s="16">
        <v>1.943271246226794</v>
      </c>
    </row>
    <row r="40814" spans="1:7" x14ac:dyDescent="0.3">
      <c r="A40814" s="13" t="s">
        <v>242</v>
      </c>
      <c r="B40814" s="14" t="s">
        <v>1</v>
      </c>
      <c r="C40814" s="14" t="s">
        <v>38</v>
      </c>
      <c r="D40814" s="14" t="s">
        <v>114</v>
      </c>
      <c r="E40814" s="15">
        <v>45675</v>
      </c>
      <c r="F40814" s="14" t="s">
        <v>15</v>
      </c>
      <c r="G40814" s="16">
        <v>1.943271246226794</v>
      </c>
    </row>
    <row r="40815" spans="1:7" x14ac:dyDescent="0.3">
      <c r="A40815" s="13" t="s">
        <v>242</v>
      </c>
      <c r="B40815" s="14" t="s">
        <v>1</v>
      </c>
      <c r="C40815" s="14" t="s">
        <v>38</v>
      </c>
      <c r="D40815" s="14" t="s">
        <v>114</v>
      </c>
      <c r="E40815" s="15">
        <v>45676</v>
      </c>
      <c r="F40815" s="14" t="s">
        <v>15</v>
      </c>
      <c r="G40815" s="16">
        <v>1.943271246226794</v>
      </c>
    </row>
    <row r="40816" spans="1:7" x14ac:dyDescent="0.3">
      <c r="A40816" s="13" t="s">
        <v>242</v>
      </c>
      <c r="B40816" s="14" t="s">
        <v>1</v>
      </c>
      <c r="C40816" s="14" t="s">
        <v>38</v>
      </c>
      <c r="D40816" s="14" t="s">
        <v>114</v>
      </c>
      <c r="E40816" s="15">
        <v>45677</v>
      </c>
      <c r="F40816" s="14" t="s">
        <v>15</v>
      </c>
      <c r="G40816" s="16">
        <v>1.9549533378510517</v>
      </c>
    </row>
    <row r="40817" spans="1:7" x14ac:dyDescent="0.3">
      <c r="A40817" s="13" t="s">
        <v>242</v>
      </c>
      <c r="B40817" s="14" t="s">
        <v>1</v>
      </c>
      <c r="C40817" s="14" t="s">
        <v>38</v>
      </c>
      <c r="D40817" s="14" t="s">
        <v>114</v>
      </c>
      <c r="E40817" s="15">
        <v>45678</v>
      </c>
      <c r="F40817" s="14" t="s">
        <v>15</v>
      </c>
      <c r="G40817" s="16">
        <v>1.9466035413916503</v>
      </c>
    </row>
    <row r="40818" spans="1:7" x14ac:dyDescent="0.3">
      <c r="A40818" s="13" t="s">
        <v>242</v>
      </c>
      <c r="B40818" s="14" t="s">
        <v>1</v>
      </c>
      <c r="C40818" s="14" t="s">
        <v>38</v>
      </c>
      <c r="D40818" s="14" t="s">
        <v>114</v>
      </c>
      <c r="E40818" s="15">
        <v>45679</v>
      </c>
      <c r="F40818" s="14" t="s">
        <v>15</v>
      </c>
      <c r="G40818" s="16">
        <v>1.943801443976019</v>
      </c>
    </row>
    <row r="40819" spans="1:7" x14ac:dyDescent="0.3">
      <c r="A40819" s="13" t="s">
        <v>242</v>
      </c>
      <c r="B40819" s="14" t="s">
        <v>1</v>
      </c>
      <c r="C40819" s="14" t="s">
        <v>38</v>
      </c>
      <c r="D40819" s="14" t="s">
        <v>114</v>
      </c>
      <c r="E40819" s="15">
        <v>45680</v>
      </c>
      <c r="F40819" s="14" t="s">
        <v>15</v>
      </c>
      <c r="G40819" s="16">
        <v>1.9409912905069018</v>
      </c>
    </row>
    <row r="40820" spans="1:7" x14ac:dyDescent="0.3">
      <c r="A40820" s="13" t="s">
        <v>242</v>
      </c>
      <c r="B40820" s="14" t="s">
        <v>1</v>
      </c>
      <c r="C40820" s="14" t="s">
        <v>38</v>
      </c>
      <c r="D40820" s="14" t="s">
        <v>114</v>
      </c>
      <c r="E40820" s="15">
        <v>45681</v>
      </c>
      <c r="F40820" s="14" t="s">
        <v>15</v>
      </c>
      <c r="G40820" s="16">
        <v>1.9381821563955117</v>
      </c>
    </row>
    <row r="40821" spans="1:7" x14ac:dyDescent="0.3">
      <c r="A40821" s="13" t="s">
        <v>242</v>
      </c>
      <c r="B40821" s="14" t="s">
        <v>1</v>
      </c>
      <c r="C40821" s="14" t="s">
        <v>38</v>
      </c>
      <c r="D40821" s="14" t="s">
        <v>114</v>
      </c>
      <c r="E40821" s="15">
        <v>45682</v>
      </c>
      <c r="F40821" s="14" t="s">
        <v>15</v>
      </c>
      <c r="G40821" s="16">
        <v>1.9381821563955117</v>
      </c>
    </row>
    <row r="40822" spans="1:7" x14ac:dyDescent="0.3">
      <c r="A40822" s="13" t="s">
        <v>242</v>
      </c>
      <c r="B40822" s="14" t="s">
        <v>1</v>
      </c>
      <c r="C40822" s="14" t="s">
        <v>38</v>
      </c>
      <c r="D40822" s="14" t="s">
        <v>114</v>
      </c>
      <c r="E40822" s="15">
        <v>45683</v>
      </c>
      <c r="F40822" s="14" t="s">
        <v>15</v>
      </c>
      <c r="G40822" s="16">
        <v>1.9381821563955117</v>
      </c>
    </row>
    <row r="40823" spans="1:7" x14ac:dyDescent="0.3">
      <c r="A40823" s="13" t="s">
        <v>242</v>
      </c>
      <c r="B40823" s="14" t="s">
        <v>1</v>
      </c>
      <c r="C40823" s="14" t="s">
        <v>38</v>
      </c>
      <c r="D40823" s="14" t="s">
        <v>114</v>
      </c>
      <c r="E40823" s="15">
        <v>45684</v>
      </c>
      <c r="F40823" s="14" t="s">
        <v>15</v>
      </c>
      <c r="G40823" s="16">
        <v>1.9355093215618993</v>
      </c>
    </row>
    <row r="40824" spans="1:7" x14ac:dyDescent="0.3">
      <c r="A40824" s="13" t="s">
        <v>242</v>
      </c>
      <c r="B40824" s="14" t="s">
        <v>1</v>
      </c>
      <c r="C40824" s="14" t="s">
        <v>38</v>
      </c>
      <c r="D40824" s="14" t="s">
        <v>114</v>
      </c>
      <c r="E40824" s="15">
        <v>45685</v>
      </c>
      <c r="F40824" s="14" t="s">
        <v>15</v>
      </c>
      <c r="G40824" s="16">
        <v>1.927018638986062</v>
      </c>
    </row>
    <row r="40825" spans="1:7" x14ac:dyDescent="0.3">
      <c r="A40825" s="13" t="s">
        <v>242</v>
      </c>
      <c r="B40825" s="14" t="s">
        <v>1</v>
      </c>
      <c r="C40825" s="14" t="s">
        <v>38</v>
      </c>
      <c r="D40825" s="14" t="s">
        <v>114</v>
      </c>
      <c r="E40825" s="15">
        <v>45686</v>
      </c>
      <c r="F40825" s="14" t="s">
        <v>15</v>
      </c>
      <c r="G40825" s="16">
        <v>1.927018638986062</v>
      </c>
    </row>
    <row r="40826" spans="1:7" x14ac:dyDescent="0.3">
      <c r="A40826" s="13" t="s">
        <v>242</v>
      </c>
      <c r="B40826" s="14" t="s">
        <v>1</v>
      </c>
      <c r="C40826" s="14" t="s">
        <v>38</v>
      </c>
      <c r="D40826" s="14" t="s">
        <v>114</v>
      </c>
      <c r="E40826" s="15">
        <v>45687</v>
      </c>
      <c r="F40826" s="14" t="s">
        <v>15</v>
      </c>
      <c r="G40826" s="16">
        <v>1.927018638986062</v>
      </c>
    </row>
    <row r="40827" spans="1:7" x14ac:dyDescent="0.3">
      <c r="A40827" s="13" t="s">
        <v>242</v>
      </c>
      <c r="B40827" s="14" t="s">
        <v>1</v>
      </c>
      <c r="C40827" s="14" t="s">
        <v>38</v>
      </c>
      <c r="D40827" s="14" t="s">
        <v>114</v>
      </c>
      <c r="E40827" s="15">
        <v>45688</v>
      </c>
      <c r="F40827" s="14" t="s">
        <v>15</v>
      </c>
      <c r="G40827" s="16">
        <v>1.9241842930828981</v>
      </c>
    </row>
    <row r="40828" spans="1:7" x14ac:dyDescent="0.3">
      <c r="A40828" s="13" t="s">
        <v>242</v>
      </c>
      <c r="B40828" s="14" t="s">
        <v>1</v>
      </c>
      <c r="C40828" s="14" t="s">
        <v>38</v>
      </c>
      <c r="D40828" s="14" t="s">
        <v>114</v>
      </c>
      <c r="E40828" s="15">
        <v>45689</v>
      </c>
      <c r="F40828" s="14" t="s">
        <v>15</v>
      </c>
      <c r="G40828" s="16">
        <v>1.9241842930828981</v>
      </c>
    </row>
    <row r="40829" spans="1:7" x14ac:dyDescent="0.3">
      <c r="A40829" s="13" t="s">
        <v>242</v>
      </c>
      <c r="B40829" s="14" t="s">
        <v>1</v>
      </c>
      <c r="C40829" s="14" t="s">
        <v>38</v>
      </c>
      <c r="D40829" s="14" t="s">
        <v>114</v>
      </c>
      <c r="E40829" s="15">
        <v>45690</v>
      </c>
      <c r="F40829" s="14" t="s">
        <v>15</v>
      </c>
      <c r="G40829" s="16">
        <v>1.9241842930828981</v>
      </c>
    </row>
    <row r="40830" spans="1:7" x14ac:dyDescent="0.3">
      <c r="A40830" s="13" t="s">
        <v>242</v>
      </c>
      <c r="B40830" s="14" t="s">
        <v>1</v>
      </c>
      <c r="C40830" s="14" t="s">
        <v>38</v>
      </c>
      <c r="D40830" s="14" t="s">
        <v>114</v>
      </c>
      <c r="E40830" s="15">
        <v>45691</v>
      </c>
      <c r="F40830" s="14" t="s">
        <v>15</v>
      </c>
      <c r="G40830" s="16">
        <v>1.9241842930828981</v>
      </c>
    </row>
    <row r="40831" spans="1:7" x14ac:dyDescent="0.3">
      <c r="A40831" s="13" t="s">
        <v>242</v>
      </c>
      <c r="B40831" s="14" t="s">
        <v>1</v>
      </c>
      <c r="C40831" s="14" t="s">
        <v>38</v>
      </c>
      <c r="D40831" s="14" t="s">
        <v>114</v>
      </c>
      <c r="E40831" s="15">
        <v>45692</v>
      </c>
      <c r="F40831" s="14" t="s">
        <v>15</v>
      </c>
      <c r="G40831" s="16">
        <v>1.9158029224857551</v>
      </c>
    </row>
    <row r="40832" spans="1:7" x14ac:dyDescent="0.3">
      <c r="A40832" s="13" t="s">
        <v>242</v>
      </c>
      <c r="B40832" s="14" t="s">
        <v>1</v>
      </c>
      <c r="C40832" s="14" t="s">
        <v>38</v>
      </c>
      <c r="D40832" s="14" t="s">
        <v>114</v>
      </c>
      <c r="E40832" s="15">
        <v>45693</v>
      </c>
      <c r="F40832" s="14" t="s">
        <v>15</v>
      </c>
      <c r="G40832" s="16">
        <v>1.9044494546914725</v>
      </c>
    </row>
    <row r="40833" spans="1:7" x14ac:dyDescent="0.3">
      <c r="A40833" s="13" t="s">
        <v>242</v>
      </c>
      <c r="B40833" s="14" t="s">
        <v>1</v>
      </c>
      <c r="C40833" s="14" t="s">
        <v>38</v>
      </c>
      <c r="D40833" s="14" t="s">
        <v>114</v>
      </c>
      <c r="E40833" s="15">
        <v>45694</v>
      </c>
      <c r="F40833" s="14" t="s">
        <v>15</v>
      </c>
      <c r="G40833" s="16">
        <v>1.9016477626832891</v>
      </c>
    </row>
    <row r="40834" spans="1:7" x14ac:dyDescent="0.3">
      <c r="A40834" s="13" t="s">
        <v>242</v>
      </c>
      <c r="B40834" s="14" t="s">
        <v>1</v>
      </c>
      <c r="C40834" s="14" t="s">
        <v>38</v>
      </c>
      <c r="D40834" s="14" t="s">
        <v>114</v>
      </c>
      <c r="E40834" s="15">
        <v>45695</v>
      </c>
      <c r="F40834" s="14" t="s">
        <v>15</v>
      </c>
      <c r="G40834" s="16">
        <v>1.898840942724729</v>
      </c>
    </row>
    <row r="40835" spans="1:7" x14ac:dyDescent="0.3">
      <c r="A40835" s="13" t="s">
        <v>242</v>
      </c>
      <c r="B40835" s="14" t="s">
        <v>1</v>
      </c>
      <c r="C40835" s="14" t="s">
        <v>38</v>
      </c>
      <c r="D40835" s="14" t="s">
        <v>114</v>
      </c>
      <c r="E40835" s="15">
        <v>45696</v>
      </c>
      <c r="F40835" s="14" t="s">
        <v>15</v>
      </c>
      <c r="G40835" s="16">
        <v>1.898840942724729</v>
      </c>
    </row>
    <row r="40836" spans="1:7" x14ac:dyDescent="0.3">
      <c r="A40836" s="13" t="s">
        <v>242</v>
      </c>
      <c r="B40836" s="14" t="s">
        <v>1</v>
      </c>
      <c r="C40836" s="14" t="s">
        <v>38</v>
      </c>
      <c r="D40836" s="14" t="s">
        <v>114</v>
      </c>
      <c r="E40836" s="15">
        <v>45697</v>
      </c>
      <c r="F40836" s="14" t="s">
        <v>15</v>
      </c>
      <c r="G40836" s="16">
        <v>1.898840942724729</v>
      </c>
    </row>
    <row r="40837" spans="1:7" x14ac:dyDescent="0.3">
      <c r="A40837" s="13" t="s">
        <v>242</v>
      </c>
      <c r="B40837" s="14" t="s">
        <v>1</v>
      </c>
      <c r="C40837" s="14" t="s">
        <v>38</v>
      </c>
      <c r="D40837" s="14" t="s">
        <v>114</v>
      </c>
      <c r="E40837" s="15">
        <v>45698</v>
      </c>
      <c r="F40837" s="14" t="s">
        <v>15</v>
      </c>
      <c r="G40837" s="16">
        <v>1.9064804400637005</v>
      </c>
    </row>
    <row r="40838" spans="1:7" x14ac:dyDescent="0.3">
      <c r="A40838" s="13" t="s">
        <v>242</v>
      </c>
      <c r="B40838" s="14" t="s">
        <v>1</v>
      </c>
      <c r="C40838" s="14" t="s">
        <v>38</v>
      </c>
      <c r="D40838" s="14" t="s">
        <v>114</v>
      </c>
      <c r="E40838" s="15">
        <v>45699</v>
      </c>
      <c r="F40838" s="14" t="s">
        <v>15</v>
      </c>
      <c r="G40838" s="16">
        <v>1.8979898101656034</v>
      </c>
    </row>
    <row r="40839" spans="1:7" x14ac:dyDescent="0.3">
      <c r="A40839" s="13" t="s">
        <v>242</v>
      </c>
      <c r="B40839" s="14" t="s">
        <v>1</v>
      </c>
      <c r="C40839" s="14" t="s">
        <v>38</v>
      </c>
      <c r="D40839" s="14" t="s">
        <v>114</v>
      </c>
      <c r="E40839" s="15">
        <v>45700</v>
      </c>
      <c r="F40839" s="14" t="s">
        <v>15</v>
      </c>
      <c r="G40839" s="16">
        <v>1.8957573855742786</v>
      </c>
    </row>
    <row r="40840" spans="1:7" x14ac:dyDescent="0.3">
      <c r="A40840" s="13" t="s">
        <v>242</v>
      </c>
      <c r="B40840" s="14" t="s">
        <v>1</v>
      </c>
      <c r="C40840" s="14" t="s">
        <v>38</v>
      </c>
      <c r="D40840" s="14" t="s">
        <v>114</v>
      </c>
      <c r="E40840" s="15">
        <v>45701</v>
      </c>
      <c r="F40840" s="14" t="s">
        <v>15</v>
      </c>
      <c r="G40840" s="16">
        <v>1.9181202945156948</v>
      </c>
    </row>
    <row r="40841" spans="1:7" x14ac:dyDescent="0.3">
      <c r="A40841" s="13" t="s">
        <v>242</v>
      </c>
      <c r="B40841" s="14" t="s">
        <v>1</v>
      </c>
      <c r="C40841" s="14" t="s">
        <v>38</v>
      </c>
      <c r="D40841" s="14" t="s">
        <v>114</v>
      </c>
      <c r="E40841" s="15">
        <v>45702</v>
      </c>
      <c r="F40841" s="14" t="s">
        <v>15</v>
      </c>
      <c r="G40841" s="16">
        <v>1.9152966880050228</v>
      </c>
    </row>
    <row r="40842" spans="1:7" x14ac:dyDescent="0.3">
      <c r="A40842" s="13" t="s">
        <v>242</v>
      </c>
      <c r="B40842" s="14" t="s">
        <v>1</v>
      </c>
      <c r="C40842" s="14" t="s">
        <v>38</v>
      </c>
      <c r="D40842" s="14" t="s">
        <v>114</v>
      </c>
      <c r="E40842" s="15">
        <v>45703</v>
      </c>
      <c r="F40842" s="14" t="s">
        <v>15</v>
      </c>
      <c r="G40842" s="16">
        <v>1.9152966880050228</v>
      </c>
    </row>
    <row r="40843" spans="1:7" x14ac:dyDescent="0.3">
      <c r="A40843" s="13" t="s">
        <v>242</v>
      </c>
      <c r="B40843" s="14" t="s">
        <v>1</v>
      </c>
      <c r="C40843" s="14" t="s">
        <v>38</v>
      </c>
      <c r="D40843" s="14" t="s">
        <v>114</v>
      </c>
      <c r="E40843" s="15">
        <v>45704</v>
      </c>
      <c r="F40843" s="14" t="s">
        <v>15</v>
      </c>
      <c r="G40843" s="16">
        <v>1.9152966880050228</v>
      </c>
    </row>
    <row r="40844" spans="1:7" x14ac:dyDescent="0.3">
      <c r="A40844" s="13" t="s">
        <v>242</v>
      </c>
      <c r="B40844" s="14" t="s">
        <v>1</v>
      </c>
      <c r="C40844" s="14" t="s">
        <v>38</v>
      </c>
      <c r="D40844" s="14" t="s">
        <v>114</v>
      </c>
      <c r="E40844" s="15">
        <v>45705</v>
      </c>
      <c r="F40844" s="14" t="s">
        <v>15</v>
      </c>
      <c r="G40844" s="16">
        <v>1.9124682431631117</v>
      </c>
    </row>
    <row r="40845" spans="1:7" x14ac:dyDescent="0.3">
      <c r="A40845" s="13" t="s">
        <v>242</v>
      </c>
      <c r="B40845" s="14" t="s">
        <v>1</v>
      </c>
      <c r="C40845" s="14" t="s">
        <v>38</v>
      </c>
      <c r="D40845" s="14" t="s">
        <v>114</v>
      </c>
      <c r="E40845" s="15">
        <v>45706</v>
      </c>
      <c r="F40845" s="14" t="s">
        <v>15</v>
      </c>
      <c r="G40845" s="16">
        <v>1.9039012652754932</v>
      </c>
    </row>
    <row r="40846" spans="1:7" x14ac:dyDescent="0.3">
      <c r="A40846" s="13" t="s">
        <v>242</v>
      </c>
      <c r="B40846" s="14" t="s">
        <v>1</v>
      </c>
      <c r="C40846" s="14" t="s">
        <v>38</v>
      </c>
      <c r="D40846" s="14" t="s">
        <v>114</v>
      </c>
      <c r="E40846" s="15">
        <v>45707</v>
      </c>
      <c r="F40846" s="14" t="s">
        <v>15</v>
      </c>
      <c r="G40846" s="16">
        <v>1.9068297623331396</v>
      </c>
    </row>
    <row r="40847" spans="1:7" x14ac:dyDescent="0.3">
      <c r="A40847" s="13" t="s">
        <v>242</v>
      </c>
      <c r="B40847" s="14" t="s">
        <v>1</v>
      </c>
      <c r="C40847" s="14" t="s">
        <v>38</v>
      </c>
      <c r="D40847" s="14" t="s">
        <v>114</v>
      </c>
      <c r="E40847" s="15">
        <v>45708</v>
      </c>
      <c r="F40847" s="14" t="s">
        <v>15</v>
      </c>
      <c r="G40847" s="16">
        <v>1.9039506337765486</v>
      </c>
    </row>
    <row r="40848" spans="1:7" x14ac:dyDescent="0.3">
      <c r="A40848" s="13" t="s">
        <v>242</v>
      </c>
      <c r="B40848" s="14" t="s">
        <v>1</v>
      </c>
      <c r="C40848" s="14" t="s">
        <v>38</v>
      </c>
      <c r="D40848" s="14" t="s">
        <v>114</v>
      </c>
      <c r="E40848" s="15">
        <v>45709</v>
      </c>
      <c r="F40848" s="14" t="s">
        <v>15</v>
      </c>
      <c r="G40848" s="16">
        <v>1.9010721019275376</v>
      </c>
    </row>
    <row r="40849" spans="1:7" x14ac:dyDescent="0.3">
      <c r="A40849" s="13" t="s">
        <v>242</v>
      </c>
      <c r="B40849" s="14" t="s">
        <v>1</v>
      </c>
      <c r="C40849" s="14" t="s">
        <v>38</v>
      </c>
      <c r="D40849" s="14" t="s">
        <v>114</v>
      </c>
      <c r="E40849" s="15">
        <v>45710</v>
      </c>
      <c r="F40849" s="14" t="s">
        <v>15</v>
      </c>
      <c r="G40849" s="16">
        <v>1.9010721019275376</v>
      </c>
    </row>
    <row r="40850" spans="1:7" x14ac:dyDescent="0.3">
      <c r="A40850" s="13" t="s">
        <v>242</v>
      </c>
      <c r="B40850" s="14" t="s">
        <v>1</v>
      </c>
      <c r="C40850" s="14" t="s">
        <v>38</v>
      </c>
      <c r="D40850" s="14" t="s">
        <v>114</v>
      </c>
      <c r="E40850" s="15">
        <v>45711</v>
      </c>
      <c r="F40850" s="14" t="s">
        <v>15</v>
      </c>
      <c r="G40850" s="16">
        <v>1.9010721019275376</v>
      </c>
    </row>
    <row r="40851" spans="1:7" x14ac:dyDescent="0.3">
      <c r="A40851" s="13" t="s">
        <v>242</v>
      </c>
      <c r="B40851" s="14" t="s">
        <v>1</v>
      </c>
      <c r="C40851" s="14" t="s">
        <v>38</v>
      </c>
      <c r="D40851" s="14" t="s">
        <v>114</v>
      </c>
      <c r="E40851" s="15">
        <v>45712</v>
      </c>
      <c r="F40851" s="14" t="s">
        <v>15</v>
      </c>
      <c r="G40851" s="16">
        <v>1.8982153368482795</v>
      </c>
    </row>
    <row r="40852" spans="1:7" x14ac:dyDescent="0.3">
      <c r="A40852" s="13" t="s">
        <v>242</v>
      </c>
      <c r="B40852" s="14" t="s">
        <v>1</v>
      </c>
      <c r="C40852" s="14" t="s">
        <v>38</v>
      </c>
      <c r="D40852" s="14" t="s">
        <v>114</v>
      </c>
      <c r="E40852" s="15">
        <v>45713</v>
      </c>
      <c r="F40852" s="14" t="s">
        <v>15</v>
      </c>
      <c r="G40852" s="16">
        <v>1.8895637513745454</v>
      </c>
    </row>
    <row r="40853" spans="1:7" x14ac:dyDescent="0.3">
      <c r="A40853" s="13" t="s">
        <v>242</v>
      </c>
      <c r="B40853" s="14" t="s">
        <v>1</v>
      </c>
      <c r="C40853" s="14" t="s">
        <v>38</v>
      </c>
      <c r="D40853" s="14" t="s">
        <v>114</v>
      </c>
      <c r="E40853" s="15">
        <v>45714</v>
      </c>
      <c r="F40853" s="14" t="s">
        <v>15</v>
      </c>
      <c r="G40853" s="16">
        <v>1.8866870392804374</v>
      </c>
    </row>
    <row r="40854" spans="1:7" x14ac:dyDescent="0.3">
      <c r="A40854" s="13" t="s">
        <v>242</v>
      </c>
      <c r="B40854" s="14" t="s">
        <v>1</v>
      </c>
      <c r="C40854" s="14" t="s">
        <v>38</v>
      </c>
      <c r="D40854" s="14" t="s">
        <v>114</v>
      </c>
      <c r="E40854" s="15">
        <v>45715</v>
      </c>
      <c r="F40854" s="14" t="s">
        <v>15</v>
      </c>
      <c r="G40854" s="16">
        <v>1.8838379003817876</v>
      </c>
    </row>
    <row r="40855" spans="1:7" x14ac:dyDescent="0.3">
      <c r="A40855" s="13" t="s">
        <v>242</v>
      </c>
      <c r="B40855" s="14" t="s">
        <v>1</v>
      </c>
      <c r="C40855" s="14" t="s">
        <v>38</v>
      </c>
      <c r="D40855" s="14" t="s">
        <v>114</v>
      </c>
      <c r="E40855" s="15">
        <v>45716</v>
      </c>
      <c r="F40855" s="14" t="s">
        <v>15</v>
      </c>
      <c r="G40855" s="16">
        <v>1.9121717733176318</v>
      </c>
    </row>
    <row r="40856" spans="1:7" x14ac:dyDescent="0.3">
      <c r="A40856" s="13" t="s">
        <v>242</v>
      </c>
      <c r="B40856" s="14" t="s">
        <v>1</v>
      </c>
      <c r="C40856" s="14" t="s">
        <v>38</v>
      </c>
      <c r="D40856" s="14" t="s">
        <v>114</v>
      </c>
      <c r="E40856" s="15">
        <v>45717</v>
      </c>
      <c r="F40856" s="14" t="s">
        <v>15</v>
      </c>
      <c r="G40856" s="16">
        <v>1.9121717733176318</v>
      </c>
    </row>
    <row r="40857" spans="1:7" x14ac:dyDescent="0.3">
      <c r="A40857" s="13" t="s">
        <v>242</v>
      </c>
      <c r="B40857" s="14" t="s">
        <v>1</v>
      </c>
      <c r="C40857" s="14" t="s">
        <v>38</v>
      </c>
      <c r="D40857" s="14" t="s">
        <v>114</v>
      </c>
      <c r="E40857" s="15">
        <v>45718</v>
      </c>
      <c r="F40857" s="14" t="s">
        <v>15</v>
      </c>
      <c r="G40857" s="16">
        <v>1.9121717733176318</v>
      </c>
    </row>
    <row r="40858" spans="1:7" x14ac:dyDescent="0.3">
      <c r="A40858" s="13" t="s">
        <v>242</v>
      </c>
      <c r="B40858" s="14" t="s">
        <v>1</v>
      </c>
      <c r="C40858" s="14" t="s">
        <v>38</v>
      </c>
      <c r="D40858" s="14" t="s">
        <v>114</v>
      </c>
      <c r="E40858" s="15">
        <v>45719</v>
      </c>
      <c r="F40858" s="14" t="s">
        <v>15</v>
      </c>
      <c r="G40858" s="16">
        <v>1.9093137497114629</v>
      </c>
    </row>
    <row r="40859" spans="1:7" x14ac:dyDescent="0.3">
      <c r="A40859" s="13" t="s">
        <v>242</v>
      </c>
      <c r="B40859" s="14" t="s">
        <v>1</v>
      </c>
      <c r="C40859" s="14" t="s">
        <v>38</v>
      </c>
      <c r="D40859" s="14" t="s">
        <v>114</v>
      </c>
      <c r="E40859" s="15">
        <v>45720</v>
      </c>
      <c r="F40859" s="14" t="s">
        <v>15</v>
      </c>
      <c r="G40859" s="16">
        <v>1.9011211061325322</v>
      </c>
    </row>
    <row r="40860" spans="1:7" x14ac:dyDescent="0.3">
      <c r="A40860" s="13" t="s">
        <v>242</v>
      </c>
      <c r="B40860" s="14" t="s">
        <v>1</v>
      </c>
      <c r="C40860" s="14" t="s">
        <v>38</v>
      </c>
      <c r="D40860" s="14" t="s">
        <v>114</v>
      </c>
      <c r="E40860" s="15">
        <v>45721</v>
      </c>
      <c r="F40860" s="14" t="s">
        <v>15</v>
      </c>
      <c r="G40860" s="16">
        <v>1.8983903827705235</v>
      </c>
    </row>
    <row r="40861" spans="1:7" x14ac:dyDescent="0.3">
      <c r="A40861" s="13" t="s">
        <v>242</v>
      </c>
      <c r="B40861" s="14" t="s">
        <v>1</v>
      </c>
      <c r="C40861" s="14" t="s">
        <v>38</v>
      </c>
      <c r="D40861" s="14" t="s">
        <v>114</v>
      </c>
      <c r="E40861" s="15">
        <v>45722</v>
      </c>
      <c r="F40861" s="14" t="s">
        <v>15</v>
      </c>
      <c r="G40861" s="16">
        <v>1.9441673269966673</v>
      </c>
    </row>
    <row r="40862" spans="1:7" x14ac:dyDescent="0.3">
      <c r="A40862" s="13" t="s">
        <v>242</v>
      </c>
      <c r="B40862" s="14" t="s">
        <v>1</v>
      </c>
      <c r="C40862" s="14" t="s">
        <v>38</v>
      </c>
      <c r="D40862" s="14" t="s">
        <v>114</v>
      </c>
      <c r="E40862" s="15">
        <v>45723</v>
      </c>
      <c r="F40862" s="14" t="s">
        <v>15</v>
      </c>
      <c r="G40862" s="16">
        <v>2.0438836937784997</v>
      </c>
    </row>
    <row r="40863" spans="1:7" x14ac:dyDescent="0.3">
      <c r="A40863" s="13" t="s">
        <v>242</v>
      </c>
      <c r="B40863" s="14" t="s">
        <v>1</v>
      </c>
      <c r="C40863" s="14" t="s">
        <v>38</v>
      </c>
      <c r="D40863" s="14" t="s">
        <v>114</v>
      </c>
      <c r="E40863" s="15">
        <v>45724</v>
      </c>
      <c r="F40863" s="14" t="s">
        <v>15</v>
      </c>
      <c r="G40863" s="16">
        <v>2.0438836937784997</v>
      </c>
    </row>
    <row r="40864" spans="1:7" x14ac:dyDescent="0.3">
      <c r="A40864" s="13" t="s">
        <v>242</v>
      </c>
      <c r="B40864" s="14" t="s">
        <v>1</v>
      </c>
      <c r="C40864" s="14" t="s">
        <v>38</v>
      </c>
      <c r="D40864" s="14" t="s">
        <v>114</v>
      </c>
      <c r="E40864" s="15">
        <v>45725</v>
      </c>
      <c r="F40864" s="14" t="s">
        <v>15</v>
      </c>
      <c r="G40864" s="16">
        <v>2.0438836937784997</v>
      </c>
    </row>
    <row r="40865" spans="1:7" x14ac:dyDescent="0.3">
      <c r="A40865" s="13" t="s">
        <v>242</v>
      </c>
      <c r="B40865" s="14" t="s">
        <v>1</v>
      </c>
      <c r="C40865" s="14" t="s">
        <v>38</v>
      </c>
      <c r="D40865" s="14" t="s">
        <v>114</v>
      </c>
      <c r="E40865" s="15">
        <v>45726</v>
      </c>
      <c r="F40865" s="14" t="s">
        <v>15</v>
      </c>
      <c r="G40865" s="16">
        <v>2.0489438247034033</v>
      </c>
    </row>
    <row r="40866" spans="1:7" x14ac:dyDescent="0.3">
      <c r="A40866" s="13" t="s">
        <v>242</v>
      </c>
      <c r="B40866" s="14" t="s">
        <v>1</v>
      </c>
      <c r="C40866" s="14" t="s">
        <v>38</v>
      </c>
      <c r="D40866" s="14" t="s">
        <v>114</v>
      </c>
      <c r="E40866" s="15">
        <v>45727</v>
      </c>
      <c r="F40866" s="14" t="s">
        <v>15</v>
      </c>
      <c r="G40866" s="16">
        <v>2.0405496614192602</v>
      </c>
    </row>
    <row r="40867" spans="1:7" x14ac:dyDescent="0.3">
      <c r="A40867" s="13" t="s">
        <v>242</v>
      </c>
      <c r="B40867" s="14" t="s">
        <v>1</v>
      </c>
      <c r="C40867" s="14" t="s">
        <v>38</v>
      </c>
      <c r="D40867" s="14" t="s">
        <v>114</v>
      </c>
      <c r="E40867" s="15">
        <v>45728</v>
      </c>
      <c r="F40867" s="14" t="s">
        <v>15</v>
      </c>
      <c r="G40867" s="16">
        <v>2.0377647327454609</v>
      </c>
    </row>
    <row r="40868" spans="1:7" x14ac:dyDescent="0.3">
      <c r="A40868" s="13" t="s">
        <v>242</v>
      </c>
      <c r="B40868" s="14" t="s">
        <v>1</v>
      </c>
      <c r="C40868" s="14" t="s">
        <v>38</v>
      </c>
      <c r="D40868" s="14" t="s">
        <v>114</v>
      </c>
      <c r="E40868" s="15">
        <v>45729</v>
      </c>
      <c r="F40868" s="14" t="s">
        <v>15</v>
      </c>
      <c r="G40868" s="16">
        <v>2.0350022753266224</v>
      </c>
    </row>
    <row r="40869" spans="1:7" x14ac:dyDescent="0.3">
      <c r="A40869" s="13" t="s">
        <v>242</v>
      </c>
      <c r="B40869" s="14" t="s">
        <v>1</v>
      </c>
      <c r="C40869" s="14" t="s">
        <v>38</v>
      </c>
      <c r="D40869" s="14" t="s">
        <v>114</v>
      </c>
      <c r="E40869" s="15">
        <v>45730</v>
      </c>
      <c r="F40869" s="14" t="s">
        <v>15</v>
      </c>
      <c r="G40869" s="16">
        <v>2.0945075708097067</v>
      </c>
    </row>
    <row r="40870" spans="1:7" x14ac:dyDescent="0.3">
      <c r="A40870" s="13" t="s">
        <v>242</v>
      </c>
      <c r="B40870" s="14" t="s">
        <v>1</v>
      </c>
      <c r="C40870" s="14" t="s">
        <v>38</v>
      </c>
      <c r="D40870" s="14" t="s">
        <v>114</v>
      </c>
      <c r="E40870" s="15">
        <v>45731</v>
      </c>
      <c r="F40870" s="14" t="s">
        <v>15</v>
      </c>
      <c r="G40870" s="16">
        <v>2.0945075708097067</v>
      </c>
    </row>
    <row r="40871" spans="1:7" x14ac:dyDescent="0.3">
      <c r="A40871" s="13" t="s">
        <v>242</v>
      </c>
      <c r="B40871" s="14" t="s">
        <v>1</v>
      </c>
      <c r="C40871" s="14" t="s">
        <v>38</v>
      </c>
      <c r="D40871" s="14" t="s">
        <v>114</v>
      </c>
      <c r="E40871" s="15">
        <v>45732</v>
      </c>
      <c r="F40871" s="14" t="s">
        <v>15</v>
      </c>
      <c r="G40871" s="16">
        <v>2.0945075708097067</v>
      </c>
    </row>
    <row r="40872" spans="1:7" x14ac:dyDescent="0.3">
      <c r="A40872" s="13" t="s">
        <v>242</v>
      </c>
      <c r="B40872" s="14" t="s">
        <v>1</v>
      </c>
      <c r="C40872" s="14" t="s">
        <v>38</v>
      </c>
      <c r="D40872" s="14" t="s">
        <v>114</v>
      </c>
      <c r="E40872" s="15">
        <v>45733</v>
      </c>
      <c r="F40872" s="14" t="s">
        <v>15</v>
      </c>
      <c r="G40872" s="16">
        <v>2.0945075708097067</v>
      </c>
    </row>
    <row r="40873" spans="1:7" x14ac:dyDescent="0.3">
      <c r="A40873" s="13" t="s">
        <v>242</v>
      </c>
      <c r="B40873" s="14" t="s">
        <v>1</v>
      </c>
      <c r="C40873" s="14" t="s">
        <v>38</v>
      </c>
      <c r="D40873" s="14" t="s">
        <v>114</v>
      </c>
      <c r="E40873" s="15">
        <v>45734</v>
      </c>
      <c r="F40873" s="14" t="s">
        <v>15</v>
      </c>
      <c r="G40873" s="16">
        <v>2.09217356662033</v>
      </c>
    </row>
    <row r="40874" spans="1:7" x14ac:dyDescent="0.3">
      <c r="A40874" s="13" t="s">
        <v>242</v>
      </c>
      <c r="B40874" s="14" t="s">
        <v>1</v>
      </c>
      <c r="C40874" s="14" t="s">
        <v>38</v>
      </c>
      <c r="D40874" s="14" t="s">
        <v>114</v>
      </c>
      <c r="E40874" s="15">
        <v>45735</v>
      </c>
      <c r="F40874" s="14" t="s">
        <v>15</v>
      </c>
      <c r="G40874" s="16">
        <v>2.2433416040572585</v>
      </c>
    </row>
    <row r="40875" spans="1:7" x14ac:dyDescent="0.3">
      <c r="A40875" s="13" t="s">
        <v>242</v>
      </c>
      <c r="B40875" s="14" t="s">
        <v>1</v>
      </c>
      <c r="C40875" s="14" t="s">
        <v>38</v>
      </c>
      <c r="D40875" s="14" t="s">
        <v>114</v>
      </c>
      <c r="E40875" s="15">
        <v>45736</v>
      </c>
      <c r="F40875" s="14" t="s">
        <v>15</v>
      </c>
      <c r="G40875" s="16">
        <v>2.2405355193290308</v>
      </c>
    </row>
    <row r="40876" spans="1:7" x14ac:dyDescent="0.3">
      <c r="A40876" s="13" t="s">
        <v>242</v>
      </c>
      <c r="B40876" s="14" t="s">
        <v>1</v>
      </c>
      <c r="C40876" s="14" t="s">
        <v>38</v>
      </c>
      <c r="D40876" s="14" t="s">
        <v>114</v>
      </c>
      <c r="E40876" s="15">
        <v>45737</v>
      </c>
      <c r="F40876" s="14" t="s">
        <v>15</v>
      </c>
      <c r="G40876" s="16">
        <v>2.2377337394970929</v>
      </c>
    </row>
    <row r="40877" spans="1:7" x14ac:dyDescent="0.3">
      <c r="A40877" s="13" t="s">
        <v>242</v>
      </c>
      <c r="B40877" s="14" t="s">
        <v>1</v>
      </c>
      <c r="C40877" s="14" t="s">
        <v>38</v>
      </c>
      <c r="D40877" s="14" t="s">
        <v>114</v>
      </c>
      <c r="E40877" s="15">
        <v>45738</v>
      </c>
      <c r="F40877" s="14" t="s">
        <v>15</v>
      </c>
      <c r="G40877" s="16">
        <v>2.2377337394970929</v>
      </c>
    </row>
    <row r="40878" spans="1:7" x14ac:dyDescent="0.3">
      <c r="A40878" s="13" t="s">
        <v>242</v>
      </c>
      <c r="B40878" s="14" t="s">
        <v>1</v>
      </c>
      <c r="C40878" s="14" t="s">
        <v>38</v>
      </c>
      <c r="D40878" s="14" t="s">
        <v>114</v>
      </c>
      <c r="E40878" s="15">
        <v>45739</v>
      </c>
      <c r="F40878" s="14" t="s">
        <v>15</v>
      </c>
      <c r="G40878" s="16">
        <v>2.2377337394970929</v>
      </c>
    </row>
    <row r="40879" spans="1:7" x14ac:dyDescent="0.3">
      <c r="A40879" s="13" t="s">
        <v>242</v>
      </c>
      <c r="B40879" s="14" t="s">
        <v>1</v>
      </c>
      <c r="C40879" s="14" t="s">
        <v>38</v>
      </c>
      <c r="D40879" s="14" t="s">
        <v>114</v>
      </c>
      <c r="E40879" s="15">
        <v>45740</v>
      </c>
      <c r="F40879" s="14" t="s">
        <v>15</v>
      </c>
      <c r="G40879" s="16">
        <v>2.2349372121701294</v>
      </c>
    </row>
    <row r="40880" spans="1:7" x14ac:dyDescent="0.3">
      <c r="A40880" s="13" t="s">
        <v>242</v>
      </c>
      <c r="B40880" s="14" t="s">
        <v>1</v>
      </c>
      <c r="C40880" s="14" t="s">
        <v>38</v>
      </c>
      <c r="D40880" s="14" t="s">
        <v>114</v>
      </c>
      <c r="E40880" s="15">
        <v>45741</v>
      </c>
      <c r="F40880" s="14" t="s">
        <v>15</v>
      </c>
      <c r="G40880" s="16">
        <v>2.2266084068817329</v>
      </c>
    </row>
    <row r="40881" spans="1:7" x14ac:dyDescent="0.3">
      <c r="A40881" s="13" t="s">
        <v>242</v>
      </c>
      <c r="B40881" s="14" t="s">
        <v>1</v>
      </c>
      <c r="C40881" s="14" t="s">
        <v>38</v>
      </c>
      <c r="D40881" s="14" t="s">
        <v>114</v>
      </c>
      <c r="E40881" s="15">
        <v>45742</v>
      </c>
      <c r="F40881" s="14" t="s">
        <v>15</v>
      </c>
      <c r="G40881" s="16">
        <v>2.3308626013582674</v>
      </c>
    </row>
    <row r="40882" spans="1:7" x14ac:dyDescent="0.3">
      <c r="A40882" s="13" t="s">
        <v>242</v>
      </c>
      <c r="B40882" s="14" t="s">
        <v>1</v>
      </c>
      <c r="C40882" s="14" t="s">
        <v>38</v>
      </c>
      <c r="D40882" s="14" t="s">
        <v>114</v>
      </c>
      <c r="E40882" s="15">
        <v>45743</v>
      </c>
      <c r="F40882" s="14" t="s">
        <v>15</v>
      </c>
      <c r="G40882" s="16">
        <v>2.3281041978203207</v>
      </c>
    </row>
    <row r="40883" spans="1:7" x14ac:dyDescent="0.3">
      <c r="A40883" s="13" t="s">
        <v>242</v>
      </c>
      <c r="B40883" s="14" t="s">
        <v>1</v>
      </c>
      <c r="C40883" s="14" t="s">
        <v>38</v>
      </c>
      <c r="D40883" s="14" t="s">
        <v>114</v>
      </c>
      <c r="E40883" s="15">
        <v>45744</v>
      </c>
      <c r="F40883" s="14" t="s">
        <v>15</v>
      </c>
      <c r="G40883" s="16">
        <v>2.3253055348541531</v>
      </c>
    </row>
    <row r="40884" spans="1:7" x14ac:dyDescent="0.3">
      <c r="A40884" s="13" t="s">
        <v>242</v>
      </c>
      <c r="B40884" s="14" t="s">
        <v>1</v>
      </c>
      <c r="C40884" s="14" t="s">
        <v>38</v>
      </c>
      <c r="D40884" s="14" t="s">
        <v>114</v>
      </c>
      <c r="E40884" s="15">
        <v>45745</v>
      </c>
      <c r="F40884" s="14" t="s">
        <v>15</v>
      </c>
      <c r="G40884" s="16">
        <v>2.3253055348541531</v>
      </c>
    </row>
    <row r="40885" spans="1:7" x14ac:dyDescent="0.3">
      <c r="A40885" s="13" t="s">
        <v>242</v>
      </c>
      <c r="B40885" s="14" t="s">
        <v>1</v>
      </c>
      <c r="C40885" s="14" t="s">
        <v>38</v>
      </c>
      <c r="D40885" s="14" t="s">
        <v>114</v>
      </c>
      <c r="E40885" s="15">
        <v>45746</v>
      </c>
      <c r="F40885" s="14" t="s">
        <v>15</v>
      </c>
      <c r="G40885" s="16">
        <v>2.3253055348541531</v>
      </c>
    </row>
    <row r="40886" spans="1:7" x14ac:dyDescent="0.3">
      <c r="A40886" s="13" t="s">
        <v>242</v>
      </c>
      <c r="B40886" s="14" t="s">
        <v>1</v>
      </c>
      <c r="C40886" s="14" t="s">
        <v>38</v>
      </c>
      <c r="D40886" s="14" t="s">
        <v>114</v>
      </c>
      <c r="E40886" s="15">
        <v>45747</v>
      </c>
      <c r="F40886" s="14" t="s">
        <v>15</v>
      </c>
      <c r="G40886" s="16">
        <v>2.3253055348541531</v>
      </c>
    </row>
    <row r="40887" spans="1:7" x14ac:dyDescent="0.3">
      <c r="A40887" s="13" t="s">
        <v>243</v>
      </c>
      <c r="B40887" s="14" t="s">
        <v>1</v>
      </c>
      <c r="C40887" s="14" t="s">
        <v>137</v>
      </c>
      <c r="D40887" s="14" t="s">
        <v>244</v>
      </c>
      <c r="E40887" s="15">
        <v>45383</v>
      </c>
      <c r="F40887" s="14" t="s">
        <v>61</v>
      </c>
      <c r="G40887" s="16">
        <v>0</v>
      </c>
    </row>
    <row r="40888" spans="1:7" x14ac:dyDescent="0.3">
      <c r="A40888" s="13" t="s">
        <v>243</v>
      </c>
      <c r="B40888" s="14" t="s">
        <v>1</v>
      </c>
      <c r="C40888" s="14" t="s">
        <v>137</v>
      </c>
      <c r="D40888" s="14" t="s">
        <v>244</v>
      </c>
      <c r="E40888" s="15">
        <v>45384</v>
      </c>
      <c r="F40888" s="14" t="s">
        <v>61</v>
      </c>
      <c r="G40888" s="16">
        <v>0</v>
      </c>
    </row>
    <row r="40889" spans="1:7" x14ac:dyDescent="0.3">
      <c r="A40889" s="13" t="s">
        <v>243</v>
      </c>
      <c r="B40889" s="14" t="s">
        <v>1</v>
      </c>
      <c r="C40889" s="14" t="s">
        <v>137</v>
      </c>
      <c r="D40889" s="14" t="s">
        <v>244</v>
      </c>
      <c r="E40889" s="15">
        <v>45385</v>
      </c>
      <c r="F40889" s="14" t="s">
        <v>61</v>
      </c>
      <c r="G40889" s="16">
        <v>8.2171423692913192E-2</v>
      </c>
    </row>
    <row r="40890" spans="1:7" x14ac:dyDescent="0.3">
      <c r="A40890" s="13" t="s">
        <v>243</v>
      </c>
      <c r="B40890" s="14" t="s">
        <v>1</v>
      </c>
      <c r="C40890" s="14" t="s">
        <v>137</v>
      </c>
      <c r="D40890" s="14" t="s">
        <v>244</v>
      </c>
      <c r="E40890" s="15">
        <v>45386</v>
      </c>
      <c r="F40890" s="14" t="s">
        <v>61</v>
      </c>
      <c r="G40890" s="16">
        <v>0.10242652449624612</v>
      </c>
    </row>
    <row r="40891" spans="1:7" x14ac:dyDescent="0.3">
      <c r="A40891" s="13" t="s">
        <v>243</v>
      </c>
      <c r="B40891" s="14" t="s">
        <v>1</v>
      </c>
      <c r="C40891" s="14" t="s">
        <v>137</v>
      </c>
      <c r="D40891" s="14" t="s">
        <v>244</v>
      </c>
      <c r="E40891" s="15">
        <v>45387</v>
      </c>
      <c r="F40891" s="14" t="s">
        <v>61</v>
      </c>
      <c r="G40891" s="16">
        <v>0.1244950583040022</v>
      </c>
    </row>
    <row r="40892" spans="1:7" x14ac:dyDescent="0.3">
      <c r="A40892" s="13" t="s">
        <v>243</v>
      </c>
      <c r="B40892" s="14" t="s">
        <v>1</v>
      </c>
      <c r="C40892" s="14" t="s">
        <v>137</v>
      </c>
      <c r="D40892" s="14" t="s">
        <v>244</v>
      </c>
      <c r="E40892" s="15">
        <v>45388</v>
      </c>
      <c r="F40892" s="14" t="s">
        <v>61</v>
      </c>
      <c r="G40892" s="16">
        <v>0.1244950583040022</v>
      </c>
    </row>
    <row r="40893" spans="1:7" x14ac:dyDescent="0.3">
      <c r="A40893" s="13" t="s">
        <v>243</v>
      </c>
      <c r="B40893" s="14" t="s">
        <v>1</v>
      </c>
      <c r="C40893" s="14" t="s">
        <v>137</v>
      </c>
      <c r="D40893" s="14" t="s">
        <v>244</v>
      </c>
      <c r="E40893" s="15">
        <v>45389</v>
      </c>
      <c r="F40893" s="14" t="s">
        <v>61</v>
      </c>
      <c r="G40893" s="16">
        <v>0.1244950583040022</v>
      </c>
    </row>
    <row r="40894" spans="1:7" x14ac:dyDescent="0.3">
      <c r="A40894" s="13" t="s">
        <v>243</v>
      </c>
      <c r="B40894" s="14" t="s">
        <v>1</v>
      </c>
      <c r="C40894" s="14" t="s">
        <v>137</v>
      </c>
      <c r="D40894" s="14" t="s">
        <v>244</v>
      </c>
      <c r="E40894" s="15">
        <v>45390</v>
      </c>
      <c r="F40894" s="14" t="s">
        <v>61</v>
      </c>
      <c r="G40894" s="16">
        <v>0.14384839115468698</v>
      </c>
    </row>
    <row r="40895" spans="1:7" x14ac:dyDescent="0.3">
      <c r="A40895" s="13" t="s">
        <v>243</v>
      </c>
      <c r="B40895" s="14" t="s">
        <v>1</v>
      </c>
      <c r="C40895" s="14" t="s">
        <v>137</v>
      </c>
      <c r="D40895" s="14" t="s">
        <v>244</v>
      </c>
      <c r="E40895" s="15">
        <v>45391</v>
      </c>
      <c r="F40895" s="14" t="s">
        <v>61</v>
      </c>
      <c r="G40895" s="16">
        <v>0.18943149485669347</v>
      </c>
    </row>
    <row r="40896" spans="1:7" x14ac:dyDescent="0.3">
      <c r="A40896" s="13" t="s">
        <v>243</v>
      </c>
      <c r="B40896" s="14" t="s">
        <v>1</v>
      </c>
      <c r="C40896" s="14" t="s">
        <v>137</v>
      </c>
      <c r="D40896" s="14" t="s">
        <v>244</v>
      </c>
      <c r="E40896" s="15">
        <v>45392</v>
      </c>
      <c r="F40896" s="14" t="s">
        <v>61</v>
      </c>
      <c r="G40896" s="16">
        <v>0.20873034002113719</v>
      </c>
    </row>
    <row r="40897" spans="1:7" x14ac:dyDescent="0.3">
      <c r="A40897" s="13" t="s">
        <v>243</v>
      </c>
      <c r="B40897" s="14" t="s">
        <v>1</v>
      </c>
      <c r="C40897" s="14" t="s">
        <v>137</v>
      </c>
      <c r="D40897" s="14" t="s">
        <v>244</v>
      </c>
      <c r="E40897" s="15">
        <v>45393</v>
      </c>
      <c r="F40897" s="14" t="s">
        <v>61</v>
      </c>
      <c r="G40897" s="16">
        <v>0.22388587936680554</v>
      </c>
    </row>
    <row r="40898" spans="1:7" x14ac:dyDescent="0.3">
      <c r="A40898" s="13" t="s">
        <v>243</v>
      </c>
      <c r="B40898" s="14" t="s">
        <v>1</v>
      </c>
      <c r="C40898" s="14" t="s">
        <v>137</v>
      </c>
      <c r="D40898" s="14" t="s">
        <v>244</v>
      </c>
      <c r="E40898" s="15">
        <v>45394</v>
      </c>
      <c r="F40898" s="14" t="s">
        <v>61</v>
      </c>
      <c r="G40898" s="16">
        <v>0.24313749107334537</v>
      </c>
    </row>
    <row r="40899" spans="1:7" x14ac:dyDescent="0.3">
      <c r="A40899" s="13" t="s">
        <v>243</v>
      </c>
      <c r="B40899" s="14" t="s">
        <v>1</v>
      </c>
      <c r="C40899" s="14" t="s">
        <v>137</v>
      </c>
      <c r="D40899" s="14" t="s">
        <v>244</v>
      </c>
      <c r="E40899" s="15">
        <v>45395</v>
      </c>
      <c r="F40899" s="14" t="s">
        <v>61</v>
      </c>
      <c r="G40899" s="16">
        <v>0.24313749107334537</v>
      </c>
    </row>
    <row r="40900" spans="1:7" x14ac:dyDescent="0.3">
      <c r="A40900" s="13" t="s">
        <v>243</v>
      </c>
      <c r="B40900" s="14" t="s">
        <v>1</v>
      </c>
      <c r="C40900" s="14" t="s">
        <v>137</v>
      </c>
      <c r="D40900" s="14" t="s">
        <v>244</v>
      </c>
      <c r="E40900" s="15">
        <v>45396</v>
      </c>
      <c r="F40900" s="14" t="s">
        <v>61</v>
      </c>
      <c r="G40900" s="16">
        <v>0.24313749107334537</v>
      </c>
    </row>
    <row r="40901" spans="1:7" x14ac:dyDescent="0.3">
      <c r="A40901" s="13" t="s">
        <v>243</v>
      </c>
      <c r="B40901" s="14" t="s">
        <v>1</v>
      </c>
      <c r="C40901" s="14" t="s">
        <v>137</v>
      </c>
      <c r="D40901" s="14" t="s">
        <v>244</v>
      </c>
      <c r="E40901" s="15">
        <v>45397</v>
      </c>
      <c r="F40901" s="14" t="s">
        <v>61</v>
      </c>
      <c r="G40901" s="16">
        <v>0.26119312448879173</v>
      </c>
    </row>
    <row r="40902" spans="1:7" x14ac:dyDescent="0.3">
      <c r="A40902" s="13" t="s">
        <v>243</v>
      </c>
      <c r="B40902" s="14" t="s">
        <v>1</v>
      </c>
      <c r="C40902" s="14" t="s">
        <v>137</v>
      </c>
      <c r="D40902" s="14" t="s">
        <v>244</v>
      </c>
      <c r="E40902" s="15">
        <v>45398</v>
      </c>
      <c r="F40902" s="14" t="s">
        <v>61</v>
      </c>
      <c r="G40902" s="16">
        <v>0.31659093551433792</v>
      </c>
    </row>
    <row r="40903" spans="1:7" x14ac:dyDescent="0.3">
      <c r="A40903" s="13" t="s">
        <v>243</v>
      </c>
      <c r="B40903" s="14" t="s">
        <v>1</v>
      </c>
      <c r="C40903" s="14" t="s">
        <v>137</v>
      </c>
      <c r="D40903" s="14" t="s">
        <v>244</v>
      </c>
      <c r="E40903" s="15">
        <v>45399</v>
      </c>
      <c r="F40903" s="14" t="s">
        <v>61</v>
      </c>
      <c r="G40903" s="16">
        <v>0.3334069120357504</v>
      </c>
    </row>
    <row r="40904" spans="1:7" x14ac:dyDescent="0.3">
      <c r="A40904" s="13" t="s">
        <v>243</v>
      </c>
      <c r="B40904" s="14" t="s">
        <v>1</v>
      </c>
      <c r="C40904" s="14" t="s">
        <v>137</v>
      </c>
      <c r="D40904" s="14" t="s">
        <v>244</v>
      </c>
      <c r="E40904" s="15">
        <v>45400</v>
      </c>
      <c r="F40904" s="14" t="s">
        <v>61</v>
      </c>
      <c r="G40904" s="16">
        <v>0.3182576915828218</v>
      </c>
    </row>
    <row r="40905" spans="1:7" x14ac:dyDescent="0.3">
      <c r="A40905" s="13" t="s">
        <v>243</v>
      </c>
      <c r="B40905" s="14" t="s">
        <v>1</v>
      </c>
      <c r="C40905" s="14" t="s">
        <v>137</v>
      </c>
      <c r="D40905" s="14" t="s">
        <v>244</v>
      </c>
      <c r="E40905" s="15">
        <v>45401</v>
      </c>
      <c r="F40905" s="14" t="s">
        <v>61</v>
      </c>
      <c r="G40905" s="16">
        <v>0.33629446256636125</v>
      </c>
    </row>
    <row r="40906" spans="1:7" x14ac:dyDescent="0.3">
      <c r="A40906" s="13" t="s">
        <v>243</v>
      </c>
      <c r="B40906" s="14" t="s">
        <v>1</v>
      </c>
      <c r="C40906" s="14" t="s">
        <v>137</v>
      </c>
      <c r="D40906" s="14" t="s">
        <v>244</v>
      </c>
      <c r="E40906" s="15">
        <v>45402</v>
      </c>
      <c r="F40906" s="14" t="s">
        <v>61</v>
      </c>
      <c r="G40906" s="16">
        <v>0.33629446256636125</v>
      </c>
    </row>
    <row r="40907" spans="1:7" x14ac:dyDescent="0.3">
      <c r="A40907" s="13" t="s">
        <v>243</v>
      </c>
      <c r="B40907" s="14" t="s">
        <v>1</v>
      </c>
      <c r="C40907" s="14" t="s">
        <v>137</v>
      </c>
      <c r="D40907" s="14" t="s">
        <v>244</v>
      </c>
      <c r="E40907" s="15">
        <v>45403</v>
      </c>
      <c r="F40907" s="14" t="s">
        <v>61</v>
      </c>
      <c r="G40907" s="16">
        <v>0.33629446256636125</v>
      </c>
    </row>
    <row r="40908" spans="1:7" x14ac:dyDescent="0.3">
      <c r="A40908" s="13" t="s">
        <v>243</v>
      </c>
      <c r="B40908" s="14" t="s">
        <v>1</v>
      </c>
      <c r="C40908" s="14" t="s">
        <v>137</v>
      </c>
      <c r="D40908" s="14" t="s">
        <v>244</v>
      </c>
      <c r="E40908" s="15">
        <v>45404</v>
      </c>
      <c r="F40908" s="14" t="s">
        <v>61</v>
      </c>
      <c r="G40908" s="16">
        <v>0.35401264985723069</v>
      </c>
    </row>
    <row r="40909" spans="1:7" x14ac:dyDescent="0.3">
      <c r="A40909" s="13" t="s">
        <v>243</v>
      </c>
      <c r="B40909" s="14" t="s">
        <v>1</v>
      </c>
      <c r="C40909" s="14" t="s">
        <v>137</v>
      </c>
      <c r="D40909" s="14" t="s">
        <v>244</v>
      </c>
      <c r="E40909" s="15">
        <v>45405</v>
      </c>
      <c r="F40909" s="14" t="s">
        <v>61</v>
      </c>
      <c r="G40909" s="16">
        <v>0.40916484169557665</v>
      </c>
    </row>
    <row r="40910" spans="1:7" x14ac:dyDescent="0.3">
      <c r="A40910" s="13" t="s">
        <v>243</v>
      </c>
      <c r="B40910" s="14" t="s">
        <v>1</v>
      </c>
      <c r="C40910" s="14" t="s">
        <v>137</v>
      </c>
      <c r="D40910" s="14" t="s">
        <v>244</v>
      </c>
      <c r="E40910" s="15">
        <v>45406</v>
      </c>
      <c r="F40910" s="14" t="s">
        <v>61</v>
      </c>
      <c r="G40910" s="16">
        <v>0.43016038085972658</v>
      </c>
    </row>
    <row r="40911" spans="1:7" x14ac:dyDescent="0.3">
      <c r="A40911" s="13" t="s">
        <v>243</v>
      </c>
      <c r="B40911" s="14" t="s">
        <v>1</v>
      </c>
      <c r="C40911" s="14" t="s">
        <v>137</v>
      </c>
      <c r="D40911" s="14" t="s">
        <v>244</v>
      </c>
      <c r="E40911" s="15">
        <v>45407</v>
      </c>
      <c r="F40911" s="14" t="s">
        <v>61</v>
      </c>
      <c r="G40911" s="16">
        <v>0.45186120804447283</v>
      </c>
    </row>
    <row r="40912" spans="1:7" x14ac:dyDescent="0.3">
      <c r="A40912" s="13" t="s">
        <v>243</v>
      </c>
      <c r="B40912" s="14" t="s">
        <v>1</v>
      </c>
      <c r="C40912" s="14" t="s">
        <v>137</v>
      </c>
      <c r="D40912" s="14" t="s">
        <v>244</v>
      </c>
      <c r="E40912" s="15">
        <v>45408</v>
      </c>
      <c r="F40912" s="14" t="s">
        <v>61</v>
      </c>
      <c r="G40912" s="16">
        <v>0.47536897517000448</v>
      </c>
    </row>
    <row r="40913" spans="1:7" x14ac:dyDescent="0.3">
      <c r="A40913" s="13" t="s">
        <v>243</v>
      </c>
      <c r="B40913" s="14" t="s">
        <v>1</v>
      </c>
      <c r="C40913" s="14" t="s">
        <v>137</v>
      </c>
      <c r="D40913" s="14" t="s">
        <v>244</v>
      </c>
      <c r="E40913" s="15">
        <v>45409</v>
      </c>
      <c r="F40913" s="14" t="s">
        <v>61</v>
      </c>
      <c r="G40913" s="16">
        <v>0.47536897517000448</v>
      </c>
    </row>
    <row r="40914" spans="1:7" x14ac:dyDescent="0.3">
      <c r="A40914" s="13" t="s">
        <v>243</v>
      </c>
      <c r="B40914" s="14" t="s">
        <v>1</v>
      </c>
      <c r="C40914" s="14" t="s">
        <v>137</v>
      </c>
      <c r="D40914" s="14" t="s">
        <v>244</v>
      </c>
      <c r="E40914" s="15">
        <v>45410</v>
      </c>
      <c r="F40914" s="14" t="s">
        <v>61</v>
      </c>
      <c r="G40914" s="16">
        <v>0.47536897517000448</v>
      </c>
    </row>
    <row r="40915" spans="1:7" x14ac:dyDescent="0.3">
      <c r="A40915" s="13" t="s">
        <v>243</v>
      </c>
      <c r="B40915" s="14" t="s">
        <v>1</v>
      </c>
      <c r="C40915" s="14" t="s">
        <v>137</v>
      </c>
      <c r="D40915" s="14" t="s">
        <v>244</v>
      </c>
      <c r="E40915" s="15">
        <v>45411</v>
      </c>
      <c r="F40915" s="14" t="s">
        <v>61</v>
      </c>
      <c r="G40915" s="16">
        <v>0.50165241607755606</v>
      </c>
    </row>
    <row r="40916" spans="1:7" x14ac:dyDescent="0.3">
      <c r="A40916" s="13" t="s">
        <v>243</v>
      </c>
      <c r="B40916" s="14" t="s">
        <v>1</v>
      </c>
      <c r="C40916" s="14" t="s">
        <v>137</v>
      </c>
      <c r="D40916" s="14" t="s">
        <v>244</v>
      </c>
      <c r="E40916" s="15">
        <v>45412</v>
      </c>
      <c r="F40916" s="14" t="s">
        <v>61</v>
      </c>
      <c r="G40916" s="16">
        <v>0.5575610203423057</v>
      </c>
    </row>
    <row r="40917" spans="1:7" x14ac:dyDescent="0.3">
      <c r="A40917" s="13" t="s">
        <v>243</v>
      </c>
      <c r="B40917" s="14" t="s">
        <v>1</v>
      </c>
      <c r="C40917" s="14" t="s">
        <v>137</v>
      </c>
      <c r="D40917" s="14" t="s">
        <v>244</v>
      </c>
      <c r="E40917" s="15">
        <v>45413</v>
      </c>
      <c r="F40917" s="14" t="s">
        <v>61</v>
      </c>
      <c r="G40917" s="16">
        <v>0.57567371522252797</v>
      </c>
    </row>
    <row r="40918" spans="1:7" x14ac:dyDescent="0.3">
      <c r="A40918" s="13" t="s">
        <v>243</v>
      </c>
      <c r="B40918" s="14" t="s">
        <v>1</v>
      </c>
      <c r="C40918" s="14" t="s">
        <v>137</v>
      </c>
      <c r="D40918" s="14" t="s">
        <v>244</v>
      </c>
      <c r="E40918" s="15">
        <v>45414</v>
      </c>
      <c r="F40918" s="14" t="s">
        <v>61</v>
      </c>
      <c r="G40918" s="16">
        <v>0.6001521447296756</v>
      </c>
    </row>
    <row r="40919" spans="1:7" x14ac:dyDescent="0.3">
      <c r="A40919" s="13" t="s">
        <v>243</v>
      </c>
      <c r="B40919" s="14" t="s">
        <v>1</v>
      </c>
      <c r="C40919" s="14" t="s">
        <v>137</v>
      </c>
      <c r="D40919" s="14" t="s">
        <v>244</v>
      </c>
      <c r="E40919" s="15">
        <v>45415</v>
      </c>
      <c r="F40919" s="14" t="s">
        <v>61</v>
      </c>
      <c r="G40919" s="16">
        <v>0.61759646161840753</v>
      </c>
    </row>
    <row r="40920" spans="1:7" x14ac:dyDescent="0.3">
      <c r="A40920" s="13" t="s">
        <v>243</v>
      </c>
      <c r="B40920" s="14" t="s">
        <v>1</v>
      </c>
      <c r="C40920" s="14" t="s">
        <v>137</v>
      </c>
      <c r="D40920" s="14" t="s">
        <v>244</v>
      </c>
      <c r="E40920" s="15">
        <v>45416</v>
      </c>
      <c r="F40920" s="14" t="s">
        <v>61</v>
      </c>
      <c r="G40920" s="16">
        <v>0.61759646161840753</v>
      </c>
    </row>
    <row r="40921" spans="1:7" x14ac:dyDescent="0.3">
      <c r="A40921" s="13" t="s">
        <v>243</v>
      </c>
      <c r="B40921" s="14" t="s">
        <v>1</v>
      </c>
      <c r="C40921" s="14" t="s">
        <v>137</v>
      </c>
      <c r="D40921" s="14" t="s">
        <v>244</v>
      </c>
      <c r="E40921" s="15">
        <v>45417</v>
      </c>
      <c r="F40921" s="14" t="s">
        <v>61</v>
      </c>
      <c r="G40921" s="16">
        <v>0.61759646161840753</v>
      </c>
    </row>
    <row r="40922" spans="1:7" x14ac:dyDescent="0.3">
      <c r="A40922" s="13" t="s">
        <v>243</v>
      </c>
      <c r="B40922" s="14" t="s">
        <v>1</v>
      </c>
      <c r="C40922" s="14" t="s">
        <v>137</v>
      </c>
      <c r="D40922" s="14" t="s">
        <v>244</v>
      </c>
      <c r="E40922" s="15">
        <v>45418</v>
      </c>
      <c r="F40922" s="14" t="s">
        <v>61</v>
      </c>
      <c r="G40922" s="16">
        <v>0.61759646161840753</v>
      </c>
    </row>
    <row r="40923" spans="1:7" x14ac:dyDescent="0.3">
      <c r="A40923" s="13" t="s">
        <v>243</v>
      </c>
      <c r="B40923" s="14" t="s">
        <v>1</v>
      </c>
      <c r="C40923" s="14" t="s">
        <v>137</v>
      </c>
      <c r="D40923" s="14" t="s">
        <v>244</v>
      </c>
      <c r="E40923" s="15">
        <v>45419</v>
      </c>
      <c r="F40923" s="14" t="s">
        <v>61</v>
      </c>
      <c r="G40923" s="16">
        <v>0.63709080299151766</v>
      </c>
    </row>
    <row r="40924" spans="1:7" x14ac:dyDescent="0.3">
      <c r="A40924" s="13" t="s">
        <v>243</v>
      </c>
      <c r="B40924" s="14" t="s">
        <v>1</v>
      </c>
      <c r="C40924" s="14" t="s">
        <v>137</v>
      </c>
      <c r="D40924" s="14" t="s">
        <v>244</v>
      </c>
      <c r="E40924" s="15">
        <v>45420</v>
      </c>
      <c r="F40924" s="14" t="s">
        <v>61</v>
      </c>
      <c r="G40924" s="16">
        <v>0.7102982779018121</v>
      </c>
    </row>
    <row r="40925" spans="1:7" x14ac:dyDescent="0.3">
      <c r="A40925" s="13" t="s">
        <v>243</v>
      </c>
      <c r="B40925" s="14" t="s">
        <v>1</v>
      </c>
      <c r="C40925" s="14" t="s">
        <v>137</v>
      </c>
      <c r="D40925" s="14" t="s">
        <v>244</v>
      </c>
      <c r="E40925" s="15">
        <v>45421</v>
      </c>
      <c r="F40925" s="14" t="s">
        <v>61</v>
      </c>
      <c r="G40925" s="16">
        <v>0.72771328791636947</v>
      </c>
    </row>
    <row r="40926" spans="1:7" x14ac:dyDescent="0.3">
      <c r="A40926" s="13" t="s">
        <v>243</v>
      </c>
      <c r="B40926" s="14" t="s">
        <v>1</v>
      </c>
      <c r="C40926" s="14" t="s">
        <v>137</v>
      </c>
      <c r="D40926" s="14" t="s">
        <v>244</v>
      </c>
      <c r="E40926" s="15">
        <v>45422</v>
      </c>
      <c r="F40926" s="14" t="s">
        <v>61</v>
      </c>
      <c r="G40926" s="16">
        <v>0.74739213938268922</v>
      </c>
    </row>
    <row r="40927" spans="1:7" x14ac:dyDescent="0.3">
      <c r="A40927" s="13" t="s">
        <v>243</v>
      </c>
      <c r="B40927" s="14" t="s">
        <v>1</v>
      </c>
      <c r="C40927" s="14" t="s">
        <v>137</v>
      </c>
      <c r="D40927" s="14" t="s">
        <v>244</v>
      </c>
      <c r="E40927" s="15">
        <v>45423</v>
      </c>
      <c r="F40927" s="14" t="s">
        <v>61</v>
      </c>
      <c r="G40927" s="16">
        <v>0.74739213938268922</v>
      </c>
    </row>
    <row r="40928" spans="1:7" x14ac:dyDescent="0.3">
      <c r="A40928" s="13" t="s">
        <v>243</v>
      </c>
      <c r="B40928" s="14" t="s">
        <v>1</v>
      </c>
      <c r="C40928" s="14" t="s">
        <v>137</v>
      </c>
      <c r="D40928" s="14" t="s">
        <v>244</v>
      </c>
      <c r="E40928" s="15">
        <v>45424</v>
      </c>
      <c r="F40928" s="14" t="s">
        <v>61</v>
      </c>
      <c r="G40928" s="16">
        <v>0.74739213938268922</v>
      </c>
    </row>
    <row r="40929" spans="1:7" x14ac:dyDescent="0.3">
      <c r="A40929" s="13" t="s">
        <v>243</v>
      </c>
      <c r="B40929" s="14" t="s">
        <v>1</v>
      </c>
      <c r="C40929" s="14" t="s">
        <v>137</v>
      </c>
      <c r="D40929" s="14" t="s">
        <v>244</v>
      </c>
      <c r="E40929" s="15">
        <v>45425</v>
      </c>
      <c r="F40929" s="14" t="s">
        <v>61</v>
      </c>
      <c r="G40929" s="16">
        <v>0.77063671507481213</v>
      </c>
    </row>
    <row r="40930" spans="1:7" x14ac:dyDescent="0.3">
      <c r="A40930" s="13" t="s">
        <v>243</v>
      </c>
      <c r="B40930" s="14" t="s">
        <v>1</v>
      </c>
      <c r="C40930" s="14" t="s">
        <v>137</v>
      </c>
      <c r="D40930" s="14" t="s">
        <v>244</v>
      </c>
      <c r="E40930" s="15">
        <v>45426</v>
      </c>
      <c r="F40930" s="14" t="s">
        <v>61</v>
      </c>
      <c r="G40930" s="16">
        <v>0.82674499683659164</v>
      </c>
    </row>
    <row r="40931" spans="1:7" x14ac:dyDescent="0.3">
      <c r="A40931" s="13" t="s">
        <v>243</v>
      </c>
      <c r="B40931" s="14" t="s">
        <v>1</v>
      </c>
      <c r="C40931" s="14" t="s">
        <v>137</v>
      </c>
      <c r="D40931" s="14" t="s">
        <v>244</v>
      </c>
      <c r="E40931" s="15">
        <v>45427</v>
      </c>
      <c r="F40931" s="14" t="s">
        <v>61</v>
      </c>
      <c r="G40931" s="16">
        <v>0.84080596465872781</v>
      </c>
    </row>
    <row r="40932" spans="1:7" x14ac:dyDescent="0.3">
      <c r="A40932" s="13" t="s">
        <v>243</v>
      </c>
      <c r="B40932" s="14" t="s">
        <v>1</v>
      </c>
      <c r="C40932" s="14" t="s">
        <v>137</v>
      </c>
      <c r="D40932" s="14" t="s">
        <v>244</v>
      </c>
      <c r="E40932" s="15">
        <v>45428</v>
      </c>
      <c r="F40932" s="14" t="s">
        <v>61</v>
      </c>
      <c r="G40932" s="16">
        <v>0.86110585407310414</v>
      </c>
    </row>
    <row r="40933" spans="1:7" x14ac:dyDescent="0.3">
      <c r="A40933" s="13" t="s">
        <v>243</v>
      </c>
      <c r="B40933" s="14" t="s">
        <v>1</v>
      </c>
      <c r="C40933" s="14" t="s">
        <v>137</v>
      </c>
      <c r="D40933" s="14" t="s">
        <v>244</v>
      </c>
      <c r="E40933" s="15">
        <v>45429</v>
      </c>
      <c r="F40933" s="14" t="s">
        <v>61</v>
      </c>
      <c r="G40933" s="16">
        <v>0.87847854929256963</v>
      </c>
    </row>
    <row r="40934" spans="1:7" x14ac:dyDescent="0.3">
      <c r="A40934" s="13" t="s">
        <v>243</v>
      </c>
      <c r="B40934" s="14" t="s">
        <v>1</v>
      </c>
      <c r="C40934" s="14" t="s">
        <v>137</v>
      </c>
      <c r="D40934" s="14" t="s">
        <v>244</v>
      </c>
      <c r="E40934" s="15">
        <v>45430</v>
      </c>
      <c r="F40934" s="14" t="s">
        <v>61</v>
      </c>
      <c r="G40934" s="16">
        <v>0.87847854929256963</v>
      </c>
    </row>
    <row r="40935" spans="1:7" x14ac:dyDescent="0.3">
      <c r="A40935" s="13" t="s">
        <v>243</v>
      </c>
      <c r="B40935" s="14" t="s">
        <v>1</v>
      </c>
      <c r="C40935" s="14" t="s">
        <v>137</v>
      </c>
      <c r="D40935" s="14" t="s">
        <v>244</v>
      </c>
      <c r="E40935" s="15">
        <v>45431</v>
      </c>
      <c r="F40935" s="14" t="s">
        <v>61</v>
      </c>
      <c r="G40935" s="16">
        <v>0.87847854929256963</v>
      </c>
    </row>
    <row r="40936" spans="1:7" x14ac:dyDescent="0.3">
      <c r="A40936" s="13" t="s">
        <v>243</v>
      </c>
      <c r="B40936" s="14" t="s">
        <v>1</v>
      </c>
      <c r="C40936" s="14" t="s">
        <v>137</v>
      </c>
      <c r="D40936" s="14" t="s">
        <v>244</v>
      </c>
      <c r="E40936" s="15">
        <v>45432</v>
      </c>
      <c r="F40936" s="14" t="s">
        <v>61</v>
      </c>
      <c r="G40936" s="16">
        <v>0.89872609408825288</v>
      </c>
    </row>
    <row r="40937" spans="1:7" x14ac:dyDescent="0.3">
      <c r="A40937" s="13" t="s">
        <v>243</v>
      </c>
      <c r="B40937" s="14" t="s">
        <v>1</v>
      </c>
      <c r="C40937" s="14" t="s">
        <v>137</v>
      </c>
      <c r="D40937" s="14" t="s">
        <v>244</v>
      </c>
      <c r="E40937" s="15">
        <v>45433</v>
      </c>
      <c r="F40937" s="14" t="s">
        <v>61</v>
      </c>
      <c r="G40937" s="16">
        <v>0.95561038615411154</v>
      </c>
    </row>
    <row r="40938" spans="1:7" x14ac:dyDescent="0.3">
      <c r="A40938" s="13" t="s">
        <v>243</v>
      </c>
      <c r="B40938" s="14" t="s">
        <v>1</v>
      </c>
      <c r="C40938" s="14" t="s">
        <v>137</v>
      </c>
      <c r="D40938" s="14" t="s">
        <v>244</v>
      </c>
      <c r="E40938" s="15">
        <v>45434</v>
      </c>
      <c r="F40938" s="14" t="s">
        <v>61</v>
      </c>
      <c r="G40938" s="16">
        <v>0.97732823569443095</v>
      </c>
    </row>
    <row r="40939" spans="1:7" x14ac:dyDescent="0.3">
      <c r="A40939" s="13" t="s">
        <v>243</v>
      </c>
      <c r="B40939" s="14" t="s">
        <v>1</v>
      </c>
      <c r="C40939" s="14" t="s">
        <v>137</v>
      </c>
      <c r="D40939" s="14" t="s">
        <v>244</v>
      </c>
      <c r="E40939" s="15">
        <v>45435</v>
      </c>
      <c r="F40939" s="14" t="s">
        <v>61</v>
      </c>
      <c r="G40939" s="16">
        <v>0.99979412802935874</v>
      </c>
    </row>
    <row r="40940" spans="1:7" x14ac:dyDescent="0.3">
      <c r="A40940" s="13" t="s">
        <v>243</v>
      </c>
      <c r="B40940" s="14" t="s">
        <v>1</v>
      </c>
      <c r="C40940" s="14" t="s">
        <v>137</v>
      </c>
      <c r="D40940" s="14" t="s">
        <v>244</v>
      </c>
      <c r="E40940" s="15">
        <v>45436</v>
      </c>
      <c r="F40940" s="14" t="s">
        <v>61</v>
      </c>
      <c r="G40940" s="16">
        <v>1.0170986551262711</v>
      </c>
    </row>
    <row r="40941" spans="1:7" x14ac:dyDescent="0.3">
      <c r="A40941" s="13" t="s">
        <v>243</v>
      </c>
      <c r="B40941" s="14" t="s">
        <v>1</v>
      </c>
      <c r="C40941" s="14" t="s">
        <v>137</v>
      </c>
      <c r="D40941" s="14" t="s">
        <v>244</v>
      </c>
      <c r="E40941" s="15">
        <v>45437</v>
      </c>
      <c r="F40941" s="14" t="s">
        <v>61</v>
      </c>
      <c r="G40941" s="16">
        <v>1.0170986551262711</v>
      </c>
    </row>
    <row r="40942" spans="1:7" x14ac:dyDescent="0.3">
      <c r="A40942" s="13" t="s">
        <v>243</v>
      </c>
      <c r="B40942" s="14" t="s">
        <v>1</v>
      </c>
      <c r="C40942" s="14" t="s">
        <v>137</v>
      </c>
      <c r="D40942" s="14" t="s">
        <v>244</v>
      </c>
      <c r="E40942" s="15">
        <v>45438</v>
      </c>
      <c r="F40942" s="14" t="s">
        <v>61</v>
      </c>
      <c r="G40942" s="16">
        <v>1.0170986551262711</v>
      </c>
    </row>
    <row r="40943" spans="1:7" x14ac:dyDescent="0.3">
      <c r="A40943" s="13" t="s">
        <v>243</v>
      </c>
      <c r="B40943" s="14" t="s">
        <v>1</v>
      </c>
      <c r="C40943" s="14" t="s">
        <v>137</v>
      </c>
      <c r="D40943" s="14" t="s">
        <v>244</v>
      </c>
      <c r="E40943" s="15">
        <v>45439</v>
      </c>
      <c r="F40943" s="14" t="s">
        <v>61</v>
      </c>
      <c r="G40943" s="16">
        <v>1.0375020542136228</v>
      </c>
    </row>
    <row r="40944" spans="1:7" x14ac:dyDescent="0.3">
      <c r="A40944" s="13" t="s">
        <v>243</v>
      </c>
      <c r="B40944" s="14" t="s">
        <v>1</v>
      </c>
      <c r="C40944" s="14" t="s">
        <v>137</v>
      </c>
      <c r="D40944" s="14" t="s">
        <v>244</v>
      </c>
      <c r="E40944" s="15">
        <v>45440</v>
      </c>
      <c r="F40944" s="14" t="s">
        <v>61</v>
      </c>
      <c r="G40944" s="16">
        <v>1.0957358981784082</v>
      </c>
    </row>
    <row r="40945" spans="1:7" x14ac:dyDescent="0.3">
      <c r="A40945" s="13" t="s">
        <v>243</v>
      </c>
      <c r="B40945" s="14" t="s">
        <v>1</v>
      </c>
      <c r="C40945" s="14" t="s">
        <v>137</v>
      </c>
      <c r="D40945" s="14" t="s">
        <v>244</v>
      </c>
      <c r="E40945" s="15">
        <v>45441</v>
      </c>
      <c r="F40945" s="14" t="s">
        <v>61</v>
      </c>
      <c r="G40945" s="16">
        <v>1.120934930062442</v>
      </c>
    </row>
    <row r="40946" spans="1:7" x14ac:dyDescent="0.3">
      <c r="A40946" s="13" t="s">
        <v>243</v>
      </c>
      <c r="B40946" s="14" t="s">
        <v>1</v>
      </c>
      <c r="C40946" s="14" t="s">
        <v>137</v>
      </c>
      <c r="D40946" s="14" t="s">
        <v>244</v>
      </c>
      <c r="E40946" s="15">
        <v>45442</v>
      </c>
      <c r="F40946" s="14" t="s">
        <v>61</v>
      </c>
      <c r="G40946" s="16">
        <v>1.1377322445121543</v>
      </c>
    </row>
    <row r="40947" spans="1:7" x14ac:dyDescent="0.3">
      <c r="A40947" s="13" t="s">
        <v>243</v>
      </c>
      <c r="B40947" s="14" t="s">
        <v>1</v>
      </c>
      <c r="C40947" s="14" t="s">
        <v>137</v>
      </c>
      <c r="D40947" s="14" t="s">
        <v>244</v>
      </c>
      <c r="E40947" s="15">
        <v>45443</v>
      </c>
      <c r="F40947" s="14" t="s">
        <v>61</v>
      </c>
      <c r="G40947" s="16">
        <v>1.1561917005950055</v>
      </c>
    </row>
    <row r="40948" spans="1:7" x14ac:dyDescent="0.3">
      <c r="A40948" s="13" t="s">
        <v>243</v>
      </c>
      <c r="B40948" s="14" t="s">
        <v>1</v>
      </c>
      <c r="C40948" s="14" t="s">
        <v>137</v>
      </c>
      <c r="D40948" s="14" t="s">
        <v>244</v>
      </c>
      <c r="E40948" s="15">
        <v>45444</v>
      </c>
      <c r="F40948" s="14" t="s">
        <v>61</v>
      </c>
      <c r="G40948" s="16">
        <v>1.1561917005950055</v>
      </c>
    </row>
    <row r="40949" spans="1:7" x14ac:dyDescent="0.3">
      <c r="A40949" s="13" t="s">
        <v>243</v>
      </c>
      <c r="B40949" s="14" t="s">
        <v>1</v>
      </c>
      <c r="C40949" s="14" t="s">
        <v>137</v>
      </c>
      <c r="D40949" s="14" t="s">
        <v>244</v>
      </c>
      <c r="E40949" s="15">
        <v>45445</v>
      </c>
      <c r="F40949" s="14" t="s">
        <v>61</v>
      </c>
      <c r="G40949" s="16">
        <v>1.1561917005950055</v>
      </c>
    </row>
    <row r="40950" spans="1:7" x14ac:dyDescent="0.3">
      <c r="A40950" s="13" t="s">
        <v>243</v>
      </c>
      <c r="B40950" s="14" t="s">
        <v>1</v>
      </c>
      <c r="C40950" s="14" t="s">
        <v>137</v>
      </c>
      <c r="D40950" s="14" t="s">
        <v>244</v>
      </c>
      <c r="E40950" s="15">
        <v>45446</v>
      </c>
      <c r="F40950" s="14" t="s">
        <v>61</v>
      </c>
      <c r="G40950" s="16">
        <v>1.1561917005950055</v>
      </c>
    </row>
    <row r="40951" spans="1:7" x14ac:dyDescent="0.3">
      <c r="A40951" s="13" t="s">
        <v>243</v>
      </c>
      <c r="B40951" s="14" t="s">
        <v>1</v>
      </c>
      <c r="C40951" s="14" t="s">
        <v>137</v>
      </c>
      <c r="D40951" s="14" t="s">
        <v>244</v>
      </c>
      <c r="E40951" s="15">
        <v>45447</v>
      </c>
      <c r="F40951" s="14" t="s">
        <v>61</v>
      </c>
      <c r="G40951" s="16">
        <v>1.1706144222404364</v>
      </c>
    </row>
    <row r="40952" spans="1:7" x14ac:dyDescent="0.3">
      <c r="A40952" s="13" t="s">
        <v>243</v>
      </c>
      <c r="B40952" s="14" t="s">
        <v>1</v>
      </c>
      <c r="C40952" s="14" t="s">
        <v>137</v>
      </c>
      <c r="D40952" s="14" t="s">
        <v>244</v>
      </c>
      <c r="E40952" s="15">
        <v>45448</v>
      </c>
      <c r="F40952" s="14" t="s">
        <v>61</v>
      </c>
      <c r="G40952" s="16">
        <v>1.2382030293752413</v>
      </c>
    </row>
    <row r="40953" spans="1:7" x14ac:dyDescent="0.3">
      <c r="A40953" s="13" t="s">
        <v>243</v>
      </c>
      <c r="B40953" s="14" t="s">
        <v>1</v>
      </c>
      <c r="C40953" s="14" t="s">
        <v>137</v>
      </c>
      <c r="D40953" s="14" t="s">
        <v>244</v>
      </c>
      <c r="E40953" s="15">
        <v>45449</v>
      </c>
      <c r="F40953" s="14" t="s">
        <v>61</v>
      </c>
      <c r="G40953" s="16">
        <v>1.2559295561398951</v>
      </c>
    </row>
    <row r="40954" spans="1:7" x14ac:dyDescent="0.3">
      <c r="A40954" s="13" t="s">
        <v>243</v>
      </c>
      <c r="B40954" s="14" t="s">
        <v>1</v>
      </c>
      <c r="C40954" s="14" t="s">
        <v>137</v>
      </c>
      <c r="D40954" s="14" t="s">
        <v>244</v>
      </c>
      <c r="E40954" s="15">
        <v>45450</v>
      </c>
      <c r="F40954" s="14" t="s">
        <v>61</v>
      </c>
      <c r="G40954" s="16">
        <v>1.2864947714590953</v>
      </c>
    </row>
    <row r="40955" spans="1:7" x14ac:dyDescent="0.3">
      <c r="A40955" s="13" t="s">
        <v>243</v>
      </c>
      <c r="B40955" s="14" t="s">
        <v>1</v>
      </c>
      <c r="C40955" s="14" t="s">
        <v>137</v>
      </c>
      <c r="D40955" s="14" t="s">
        <v>244</v>
      </c>
      <c r="E40955" s="15">
        <v>45451</v>
      </c>
      <c r="F40955" s="14" t="s">
        <v>61</v>
      </c>
      <c r="G40955" s="16">
        <v>1.2864947714590953</v>
      </c>
    </row>
    <row r="40956" spans="1:7" x14ac:dyDescent="0.3">
      <c r="A40956" s="13" t="s">
        <v>243</v>
      </c>
      <c r="B40956" s="14" t="s">
        <v>1</v>
      </c>
      <c r="C40956" s="14" t="s">
        <v>137</v>
      </c>
      <c r="D40956" s="14" t="s">
        <v>244</v>
      </c>
      <c r="E40956" s="15">
        <v>45452</v>
      </c>
      <c r="F40956" s="14" t="s">
        <v>61</v>
      </c>
      <c r="G40956" s="16">
        <v>1.2864947714590953</v>
      </c>
    </row>
    <row r="40957" spans="1:7" x14ac:dyDescent="0.3">
      <c r="A40957" s="13" t="s">
        <v>243</v>
      </c>
      <c r="B40957" s="14" t="s">
        <v>1</v>
      </c>
      <c r="C40957" s="14" t="s">
        <v>137</v>
      </c>
      <c r="D40957" s="14" t="s">
        <v>244</v>
      </c>
      <c r="E40957" s="15">
        <v>45453</v>
      </c>
      <c r="F40957" s="14" t="s">
        <v>61</v>
      </c>
      <c r="G40957" s="16">
        <v>1.3182141391876014</v>
      </c>
    </row>
    <row r="40958" spans="1:7" x14ac:dyDescent="0.3">
      <c r="A40958" s="13" t="s">
        <v>243</v>
      </c>
      <c r="B40958" s="14" t="s">
        <v>1</v>
      </c>
      <c r="C40958" s="14" t="s">
        <v>137</v>
      </c>
      <c r="D40958" s="14" t="s">
        <v>244</v>
      </c>
      <c r="E40958" s="15">
        <v>45454</v>
      </c>
      <c r="F40958" s="14" t="s">
        <v>61</v>
      </c>
      <c r="G40958" s="16">
        <v>1.3820216321664685</v>
      </c>
    </row>
    <row r="40959" spans="1:7" x14ac:dyDescent="0.3">
      <c r="A40959" s="13" t="s">
        <v>243</v>
      </c>
      <c r="B40959" s="14" t="s">
        <v>1</v>
      </c>
      <c r="C40959" s="14" t="s">
        <v>137</v>
      </c>
      <c r="D40959" s="14" t="s">
        <v>244</v>
      </c>
      <c r="E40959" s="15">
        <v>45455</v>
      </c>
      <c r="F40959" s="14" t="s">
        <v>61</v>
      </c>
      <c r="G40959" s="16">
        <v>1.393189637230676</v>
      </c>
    </row>
    <row r="40960" spans="1:7" x14ac:dyDescent="0.3">
      <c r="A40960" s="13" t="s">
        <v>243</v>
      </c>
      <c r="B40960" s="14" t="s">
        <v>1</v>
      </c>
      <c r="C40960" s="14" t="s">
        <v>137</v>
      </c>
      <c r="D40960" s="14" t="s">
        <v>244</v>
      </c>
      <c r="E40960" s="15">
        <v>45456</v>
      </c>
      <c r="F40960" s="14" t="s">
        <v>61</v>
      </c>
      <c r="G40960" s="16">
        <v>1.4227235995699672</v>
      </c>
    </row>
    <row r="40961" spans="1:7" x14ac:dyDescent="0.3">
      <c r="A40961" s="13" t="s">
        <v>243</v>
      </c>
      <c r="B40961" s="14" t="s">
        <v>1</v>
      </c>
      <c r="C40961" s="14" t="s">
        <v>137</v>
      </c>
      <c r="D40961" s="14" t="s">
        <v>244</v>
      </c>
      <c r="E40961" s="15">
        <v>45457</v>
      </c>
      <c r="F40961" s="14" t="s">
        <v>61</v>
      </c>
      <c r="G40961" s="16">
        <v>1.4475980038350005</v>
      </c>
    </row>
    <row r="40962" spans="1:7" x14ac:dyDescent="0.3">
      <c r="A40962" s="13" t="s">
        <v>243</v>
      </c>
      <c r="B40962" s="14" t="s">
        <v>1</v>
      </c>
      <c r="C40962" s="14" t="s">
        <v>137</v>
      </c>
      <c r="D40962" s="14" t="s">
        <v>244</v>
      </c>
      <c r="E40962" s="15">
        <v>45458</v>
      </c>
      <c r="F40962" s="14" t="s">
        <v>61</v>
      </c>
      <c r="G40962" s="16">
        <v>1.4475980038350005</v>
      </c>
    </row>
    <row r="40963" spans="1:7" x14ac:dyDescent="0.3">
      <c r="A40963" s="13" t="s">
        <v>243</v>
      </c>
      <c r="B40963" s="14" t="s">
        <v>1</v>
      </c>
      <c r="C40963" s="14" t="s">
        <v>137</v>
      </c>
      <c r="D40963" s="14" t="s">
        <v>244</v>
      </c>
      <c r="E40963" s="15">
        <v>45459</v>
      </c>
      <c r="F40963" s="14" t="s">
        <v>61</v>
      </c>
      <c r="G40963" s="16">
        <v>1.4475980038350005</v>
      </c>
    </row>
    <row r="40964" spans="1:7" x14ac:dyDescent="0.3">
      <c r="A40964" s="13" t="s">
        <v>243</v>
      </c>
      <c r="B40964" s="14" t="s">
        <v>1</v>
      </c>
      <c r="C40964" s="14" t="s">
        <v>137</v>
      </c>
      <c r="D40964" s="14" t="s">
        <v>244</v>
      </c>
      <c r="E40964" s="15">
        <v>45460</v>
      </c>
      <c r="F40964" s="14" t="s">
        <v>61</v>
      </c>
      <c r="G40964" s="16">
        <v>1.4636073710642215</v>
      </c>
    </row>
    <row r="40965" spans="1:7" x14ac:dyDescent="0.3">
      <c r="A40965" s="13" t="s">
        <v>243</v>
      </c>
      <c r="B40965" s="14" t="s">
        <v>1</v>
      </c>
      <c r="C40965" s="14" t="s">
        <v>137</v>
      </c>
      <c r="D40965" s="14" t="s">
        <v>244</v>
      </c>
      <c r="E40965" s="15">
        <v>45461</v>
      </c>
      <c r="F40965" s="14" t="s">
        <v>61</v>
      </c>
      <c r="G40965" s="16">
        <v>1.522695370754122</v>
      </c>
    </row>
    <row r="40966" spans="1:7" x14ac:dyDescent="0.3">
      <c r="A40966" s="13" t="s">
        <v>243</v>
      </c>
      <c r="B40966" s="14" t="s">
        <v>1</v>
      </c>
      <c r="C40966" s="14" t="s">
        <v>137</v>
      </c>
      <c r="D40966" s="14" t="s">
        <v>244</v>
      </c>
      <c r="E40966" s="15">
        <v>45462</v>
      </c>
      <c r="F40966" s="14" t="s">
        <v>61</v>
      </c>
      <c r="G40966" s="16">
        <v>1.5422022135685236</v>
      </c>
    </row>
    <row r="40967" spans="1:7" x14ac:dyDescent="0.3">
      <c r="A40967" s="13" t="s">
        <v>243</v>
      </c>
      <c r="B40967" s="14" t="s">
        <v>1</v>
      </c>
      <c r="C40967" s="14" t="s">
        <v>137</v>
      </c>
      <c r="D40967" s="14" t="s">
        <v>244</v>
      </c>
      <c r="E40967" s="15">
        <v>45463</v>
      </c>
      <c r="F40967" s="14" t="s">
        <v>61</v>
      </c>
      <c r="G40967" s="16">
        <v>1.5685960622783077</v>
      </c>
    </row>
    <row r="40968" spans="1:7" x14ac:dyDescent="0.3">
      <c r="A40968" s="13" t="s">
        <v>243</v>
      </c>
      <c r="B40968" s="14" t="s">
        <v>1</v>
      </c>
      <c r="C40968" s="14" t="s">
        <v>137</v>
      </c>
      <c r="D40968" s="14" t="s">
        <v>244</v>
      </c>
      <c r="E40968" s="15">
        <v>45464</v>
      </c>
      <c r="F40968" s="14" t="s">
        <v>61</v>
      </c>
      <c r="G40968" s="16">
        <v>1.5907598174880508</v>
      </c>
    </row>
    <row r="40969" spans="1:7" x14ac:dyDescent="0.3">
      <c r="A40969" s="13" t="s">
        <v>243</v>
      </c>
      <c r="B40969" s="14" t="s">
        <v>1</v>
      </c>
      <c r="C40969" s="14" t="s">
        <v>137</v>
      </c>
      <c r="D40969" s="14" t="s">
        <v>244</v>
      </c>
      <c r="E40969" s="15">
        <v>45465</v>
      </c>
      <c r="F40969" s="14" t="s">
        <v>61</v>
      </c>
      <c r="G40969" s="16">
        <v>1.5907598174880508</v>
      </c>
    </row>
    <row r="40970" spans="1:7" x14ac:dyDescent="0.3">
      <c r="A40970" s="13" t="s">
        <v>243</v>
      </c>
      <c r="B40970" s="14" t="s">
        <v>1</v>
      </c>
      <c r="C40970" s="14" t="s">
        <v>137</v>
      </c>
      <c r="D40970" s="14" t="s">
        <v>244</v>
      </c>
      <c r="E40970" s="15">
        <v>45466</v>
      </c>
      <c r="F40970" s="14" t="s">
        <v>61</v>
      </c>
      <c r="G40970" s="16">
        <v>1.5907598174880508</v>
      </c>
    </row>
    <row r="40971" spans="1:7" x14ac:dyDescent="0.3">
      <c r="A40971" s="13" t="s">
        <v>243</v>
      </c>
      <c r="B40971" s="14" t="s">
        <v>1</v>
      </c>
      <c r="C40971" s="14" t="s">
        <v>137</v>
      </c>
      <c r="D40971" s="14" t="s">
        <v>244</v>
      </c>
      <c r="E40971" s="15">
        <v>45467</v>
      </c>
      <c r="F40971" s="14" t="s">
        <v>61</v>
      </c>
      <c r="G40971" s="16">
        <v>1.6060991282105963</v>
      </c>
    </row>
    <row r="40972" spans="1:7" x14ac:dyDescent="0.3">
      <c r="A40972" s="13" t="s">
        <v>243</v>
      </c>
      <c r="B40972" s="14" t="s">
        <v>1</v>
      </c>
      <c r="C40972" s="14" t="s">
        <v>137</v>
      </c>
      <c r="D40972" s="14" t="s">
        <v>244</v>
      </c>
      <c r="E40972" s="15">
        <v>45468</v>
      </c>
      <c r="F40972" s="14" t="s">
        <v>61</v>
      </c>
      <c r="G40972" s="16">
        <v>1.6704370368922892</v>
      </c>
    </row>
    <row r="40973" spans="1:7" x14ac:dyDescent="0.3">
      <c r="A40973" s="13" t="s">
        <v>243</v>
      </c>
      <c r="B40973" s="14" t="s">
        <v>1</v>
      </c>
      <c r="C40973" s="14" t="s">
        <v>137</v>
      </c>
      <c r="D40973" s="14" t="s">
        <v>244</v>
      </c>
      <c r="E40973" s="15">
        <v>45469</v>
      </c>
      <c r="F40973" s="14" t="s">
        <v>61</v>
      </c>
      <c r="G40973" s="16">
        <v>1.6961917005396738</v>
      </c>
    </row>
    <row r="40974" spans="1:7" x14ac:dyDescent="0.3">
      <c r="A40974" s="13" t="s">
        <v>243</v>
      </c>
      <c r="B40974" s="14" t="s">
        <v>1</v>
      </c>
      <c r="C40974" s="14" t="s">
        <v>137</v>
      </c>
      <c r="D40974" s="14" t="s">
        <v>244</v>
      </c>
      <c r="E40974" s="15">
        <v>45470</v>
      </c>
      <c r="F40974" s="14" t="s">
        <v>61</v>
      </c>
      <c r="G40974" s="16">
        <v>1.7126860768183578</v>
      </c>
    </row>
    <row r="40975" spans="1:7" x14ac:dyDescent="0.3">
      <c r="A40975" s="13" t="s">
        <v>243</v>
      </c>
      <c r="B40975" s="14" t="s">
        <v>1</v>
      </c>
      <c r="C40975" s="14" t="s">
        <v>137</v>
      </c>
      <c r="D40975" s="14" t="s">
        <v>244</v>
      </c>
      <c r="E40975" s="15">
        <v>45471</v>
      </c>
      <c r="F40975" s="14" t="s">
        <v>61</v>
      </c>
      <c r="G40975" s="16">
        <v>1.7311641947181418</v>
      </c>
    </row>
    <row r="40976" spans="1:7" x14ac:dyDescent="0.3">
      <c r="A40976" s="13" t="s">
        <v>243</v>
      </c>
      <c r="B40976" s="14" t="s">
        <v>1</v>
      </c>
      <c r="C40976" s="14" t="s">
        <v>137</v>
      </c>
      <c r="D40976" s="14" t="s">
        <v>244</v>
      </c>
      <c r="E40976" s="15">
        <v>45472</v>
      </c>
      <c r="F40976" s="14" t="s">
        <v>61</v>
      </c>
      <c r="G40976" s="16">
        <v>1.7311641947181418</v>
      </c>
    </row>
    <row r="40977" spans="1:7" x14ac:dyDescent="0.3">
      <c r="A40977" s="13" t="s">
        <v>243</v>
      </c>
      <c r="B40977" s="14" t="s">
        <v>1</v>
      </c>
      <c r="C40977" s="14" t="s">
        <v>137</v>
      </c>
      <c r="D40977" s="14" t="s">
        <v>244</v>
      </c>
      <c r="E40977" s="15">
        <v>45473</v>
      </c>
      <c r="F40977" s="14" t="s">
        <v>61</v>
      </c>
      <c r="G40977" s="16">
        <v>1.7311641947181418</v>
      </c>
    </row>
    <row r="40978" spans="1:7" x14ac:dyDescent="0.3">
      <c r="A40978" s="13" t="s">
        <v>243</v>
      </c>
      <c r="B40978" s="14" t="s">
        <v>1</v>
      </c>
      <c r="C40978" s="14" t="s">
        <v>137</v>
      </c>
      <c r="D40978" s="14" t="s">
        <v>244</v>
      </c>
      <c r="E40978" s="15">
        <v>45474</v>
      </c>
      <c r="F40978" s="14" t="s">
        <v>61</v>
      </c>
      <c r="G40978" s="16">
        <v>1.7478013957539626</v>
      </c>
    </row>
    <row r="40979" spans="1:7" x14ac:dyDescent="0.3">
      <c r="A40979" s="13" t="s">
        <v>243</v>
      </c>
      <c r="B40979" s="14" t="s">
        <v>1</v>
      </c>
      <c r="C40979" s="14" t="s">
        <v>137</v>
      </c>
      <c r="D40979" s="14" t="s">
        <v>244</v>
      </c>
      <c r="E40979" s="15">
        <v>45475</v>
      </c>
      <c r="F40979" s="14" t="s">
        <v>61</v>
      </c>
      <c r="G40979" s="16">
        <v>1.809781582496611</v>
      </c>
    </row>
    <row r="40980" spans="1:7" x14ac:dyDescent="0.3">
      <c r="A40980" s="13" t="s">
        <v>243</v>
      </c>
      <c r="B40980" s="14" t="s">
        <v>1</v>
      </c>
      <c r="C40980" s="14" t="s">
        <v>137</v>
      </c>
      <c r="D40980" s="14" t="s">
        <v>244</v>
      </c>
      <c r="E40980" s="15">
        <v>45476</v>
      </c>
      <c r="F40980" s="14" t="s">
        <v>61</v>
      </c>
      <c r="G40980" s="16">
        <v>1.8234713993239517</v>
      </c>
    </row>
    <row r="40981" spans="1:7" x14ac:dyDescent="0.3">
      <c r="A40981" s="13" t="s">
        <v>243</v>
      </c>
      <c r="B40981" s="14" t="s">
        <v>1</v>
      </c>
      <c r="C40981" s="14" t="s">
        <v>137</v>
      </c>
      <c r="D40981" s="14" t="s">
        <v>244</v>
      </c>
      <c r="E40981" s="15">
        <v>45477</v>
      </c>
      <c r="F40981" s="14" t="s">
        <v>61</v>
      </c>
      <c r="G40981" s="16">
        <v>1.839739769162366</v>
      </c>
    </row>
    <row r="40982" spans="1:7" x14ac:dyDescent="0.3">
      <c r="A40982" s="13" t="s">
        <v>243</v>
      </c>
      <c r="B40982" s="14" t="s">
        <v>1</v>
      </c>
      <c r="C40982" s="14" t="s">
        <v>137</v>
      </c>
      <c r="D40982" s="14" t="s">
        <v>244</v>
      </c>
      <c r="E40982" s="15">
        <v>45478</v>
      </c>
      <c r="F40982" s="14" t="s">
        <v>61</v>
      </c>
      <c r="G40982" s="16">
        <v>1.8553605137255702</v>
      </c>
    </row>
    <row r="40983" spans="1:7" x14ac:dyDescent="0.3">
      <c r="A40983" s="13" t="s">
        <v>243</v>
      </c>
      <c r="B40983" s="14" t="s">
        <v>1</v>
      </c>
      <c r="C40983" s="14" t="s">
        <v>137</v>
      </c>
      <c r="D40983" s="14" t="s">
        <v>244</v>
      </c>
      <c r="E40983" s="15">
        <v>45479</v>
      </c>
      <c r="F40983" s="14" t="s">
        <v>61</v>
      </c>
      <c r="G40983" s="16">
        <v>1.8553605137255702</v>
      </c>
    </row>
    <row r="40984" spans="1:7" x14ac:dyDescent="0.3">
      <c r="A40984" s="13" t="s">
        <v>243</v>
      </c>
      <c r="B40984" s="14" t="s">
        <v>1</v>
      </c>
      <c r="C40984" s="14" t="s">
        <v>137</v>
      </c>
      <c r="D40984" s="14" t="s">
        <v>244</v>
      </c>
      <c r="E40984" s="15">
        <v>45480</v>
      </c>
      <c r="F40984" s="14" t="s">
        <v>61</v>
      </c>
      <c r="G40984" s="16">
        <v>1.8553605137255702</v>
      </c>
    </row>
    <row r="40985" spans="1:7" x14ac:dyDescent="0.3">
      <c r="A40985" s="13" t="s">
        <v>243</v>
      </c>
      <c r="B40985" s="14" t="s">
        <v>1</v>
      </c>
      <c r="C40985" s="14" t="s">
        <v>137</v>
      </c>
      <c r="D40985" s="14" t="s">
        <v>244</v>
      </c>
      <c r="E40985" s="15">
        <v>45481</v>
      </c>
      <c r="F40985" s="14" t="s">
        <v>61</v>
      </c>
      <c r="G40985" s="16">
        <v>1.8781721582456641</v>
      </c>
    </row>
    <row r="40986" spans="1:7" x14ac:dyDescent="0.3">
      <c r="A40986" s="13" t="s">
        <v>243</v>
      </c>
      <c r="B40986" s="14" t="s">
        <v>1</v>
      </c>
      <c r="C40986" s="14" t="s">
        <v>137</v>
      </c>
      <c r="D40986" s="14" t="s">
        <v>244</v>
      </c>
      <c r="E40986" s="15">
        <v>45482</v>
      </c>
      <c r="F40986" s="14" t="s">
        <v>61</v>
      </c>
      <c r="G40986" s="16">
        <v>1.9412898055000456</v>
      </c>
    </row>
    <row r="40987" spans="1:7" x14ac:dyDescent="0.3">
      <c r="A40987" s="13" t="s">
        <v>243</v>
      </c>
      <c r="B40987" s="14" t="s">
        <v>1</v>
      </c>
      <c r="C40987" s="14" t="s">
        <v>137</v>
      </c>
      <c r="D40987" s="14" t="s">
        <v>244</v>
      </c>
      <c r="E40987" s="15">
        <v>45483</v>
      </c>
      <c r="F40987" s="14" t="s">
        <v>61</v>
      </c>
      <c r="G40987" s="16">
        <v>1.9656372322024485</v>
      </c>
    </row>
    <row r="40988" spans="1:7" x14ac:dyDescent="0.3">
      <c r="A40988" s="13" t="s">
        <v>243</v>
      </c>
      <c r="B40988" s="14" t="s">
        <v>1</v>
      </c>
      <c r="C40988" s="14" t="s">
        <v>137</v>
      </c>
      <c r="D40988" s="14" t="s">
        <v>244</v>
      </c>
      <c r="E40988" s="15">
        <v>45484</v>
      </c>
      <c r="F40988" s="14" t="s">
        <v>61</v>
      </c>
      <c r="G40988" s="16">
        <v>1.978891460958208</v>
      </c>
    </row>
    <row r="40989" spans="1:7" x14ac:dyDescent="0.3">
      <c r="A40989" s="13" t="s">
        <v>243</v>
      </c>
      <c r="B40989" s="14" t="s">
        <v>1</v>
      </c>
      <c r="C40989" s="14" t="s">
        <v>137</v>
      </c>
      <c r="D40989" s="14" t="s">
        <v>244</v>
      </c>
      <c r="E40989" s="15">
        <v>45485</v>
      </c>
      <c r="F40989" s="14" t="s">
        <v>61</v>
      </c>
      <c r="G40989" s="16">
        <v>1.9955036089559448</v>
      </c>
    </row>
    <row r="40990" spans="1:7" x14ac:dyDescent="0.3">
      <c r="A40990" s="13" t="s">
        <v>243</v>
      </c>
      <c r="B40990" s="14" t="s">
        <v>1</v>
      </c>
      <c r="C40990" s="14" t="s">
        <v>137</v>
      </c>
      <c r="D40990" s="14" t="s">
        <v>244</v>
      </c>
      <c r="E40990" s="15">
        <v>45486</v>
      </c>
      <c r="F40990" s="14" t="s">
        <v>61</v>
      </c>
      <c r="G40990" s="16">
        <v>1.9955036089559448</v>
      </c>
    </row>
    <row r="40991" spans="1:7" x14ac:dyDescent="0.3">
      <c r="A40991" s="13" t="s">
        <v>243</v>
      </c>
      <c r="B40991" s="14" t="s">
        <v>1</v>
      </c>
      <c r="C40991" s="14" t="s">
        <v>137</v>
      </c>
      <c r="D40991" s="14" t="s">
        <v>244</v>
      </c>
      <c r="E40991" s="15">
        <v>45487</v>
      </c>
      <c r="F40991" s="14" t="s">
        <v>61</v>
      </c>
      <c r="G40991" s="16">
        <v>1.9955036089559448</v>
      </c>
    </row>
    <row r="40992" spans="1:7" x14ac:dyDescent="0.3">
      <c r="A40992" s="13" t="s">
        <v>243</v>
      </c>
      <c r="B40992" s="14" t="s">
        <v>1</v>
      </c>
      <c r="C40992" s="14" t="s">
        <v>137</v>
      </c>
      <c r="D40992" s="14" t="s">
        <v>244</v>
      </c>
      <c r="E40992" s="15">
        <v>45488</v>
      </c>
      <c r="F40992" s="14" t="s">
        <v>61</v>
      </c>
      <c r="G40992" s="16">
        <v>2.0180472464411441</v>
      </c>
    </row>
    <row r="40993" spans="1:7" x14ac:dyDescent="0.3">
      <c r="A40993" s="13" t="s">
        <v>243</v>
      </c>
      <c r="B40993" s="14" t="s">
        <v>1</v>
      </c>
      <c r="C40993" s="14" t="s">
        <v>137</v>
      </c>
      <c r="D40993" s="14" t="s">
        <v>244</v>
      </c>
      <c r="E40993" s="15">
        <v>45489</v>
      </c>
      <c r="F40993" s="14" t="s">
        <v>61</v>
      </c>
      <c r="G40993" s="16">
        <v>2.0760038655360455</v>
      </c>
    </row>
    <row r="40994" spans="1:7" x14ac:dyDescent="0.3">
      <c r="A40994" s="13" t="s">
        <v>243</v>
      </c>
      <c r="B40994" s="14" t="s">
        <v>1</v>
      </c>
      <c r="C40994" s="14" t="s">
        <v>137</v>
      </c>
      <c r="D40994" s="14" t="s">
        <v>244</v>
      </c>
      <c r="E40994" s="15">
        <v>45490</v>
      </c>
      <c r="F40994" s="14" t="s">
        <v>61</v>
      </c>
      <c r="G40994" s="16">
        <v>2.0883318512931308</v>
      </c>
    </row>
    <row r="40995" spans="1:7" x14ac:dyDescent="0.3">
      <c r="A40995" s="13" t="s">
        <v>243</v>
      </c>
      <c r="B40995" s="14" t="s">
        <v>1</v>
      </c>
      <c r="C40995" s="14" t="s">
        <v>137</v>
      </c>
      <c r="D40995" s="14" t="s">
        <v>244</v>
      </c>
      <c r="E40995" s="15">
        <v>45491</v>
      </c>
      <c r="F40995" s="14" t="s">
        <v>61</v>
      </c>
      <c r="G40995" s="16">
        <v>2.1168694818795015</v>
      </c>
    </row>
    <row r="40996" spans="1:7" x14ac:dyDescent="0.3">
      <c r="A40996" s="13" t="s">
        <v>243</v>
      </c>
      <c r="B40996" s="14" t="s">
        <v>1</v>
      </c>
      <c r="C40996" s="14" t="s">
        <v>137</v>
      </c>
      <c r="D40996" s="14" t="s">
        <v>244</v>
      </c>
      <c r="E40996" s="15">
        <v>45492</v>
      </c>
      <c r="F40996" s="14" t="s">
        <v>61</v>
      </c>
      <c r="G40996" s="16">
        <v>2.1395022227461671</v>
      </c>
    </row>
    <row r="40997" spans="1:7" x14ac:dyDescent="0.3">
      <c r="A40997" s="13" t="s">
        <v>243</v>
      </c>
      <c r="B40997" s="14" t="s">
        <v>1</v>
      </c>
      <c r="C40997" s="14" t="s">
        <v>137</v>
      </c>
      <c r="D40997" s="14" t="s">
        <v>244</v>
      </c>
      <c r="E40997" s="15">
        <v>45493</v>
      </c>
      <c r="F40997" s="14" t="s">
        <v>61</v>
      </c>
      <c r="G40997" s="16">
        <v>2.1395022227461671</v>
      </c>
    </row>
    <row r="40998" spans="1:7" x14ac:dyDescent="0.3">
      <c r="A40998" s="13" t="s">
        <v>243</v>
      </c>
      <c r="B40998" s="14" t="s">
        <v>1</v>
      </c>
      <c r="C40998" s="14" t="s">
        <v>137</v>
      </c>
      <c r="D40998" s="14" t="s">
        <v>244</v>
      </c>
      <c r="E40998" s="15">
        <v>45494</v>
      </c>
      <c r="F40998" s="14" t="s">
        <v>61</v>
      </c>
      <c r="G40998" s="16">
        <v>2.1395022227461671</v>
      </c>
    </row>
    <row r="40999" spans="1:7" x14ac:dyDescent="0.3">
      <c r="A40999" s="13" t="s">
        <v>243</v>
      </c>
      <c r="B40999" s="14" t="s">
        <v>1</v>
      </c>
      <c r="C40999" s="14" t="s">
        <v>137</v>
      </c>
      <c r="D40999" s="14" t="s">
        <v>244</v>
      </c>
      <c r="E40999" s="15">
        <v>45495</v>
      </c>
      <c r="F40999" s="14" t="s">
        <v>61</v>
      </c>
      <c r="G40999" s="16">
        <v>2.1568836026633478</v>
      </c>
    </row>
    <row r="41000" spans="1:7" x14ac:dyDescent="0.3">
      <c r="A41000" s="13" t="s">
        <v>243</v>
      </c>
      <c r="B41000" s="14" t="s">
        <v>1</v>
      </c>
      <c r="C41000" s="14" t="s">
        <v>137</v>
      </c>
      <c r="D41000" s="14" t="s">
        <v>244</v>
      </c>
      <c r="E41000" s="15">
        <v>45496</v>
      </c>
      <c r="F41000" s="14" t="s">
        <v>61</v>
      </c>
      <c r="G41000" s="16">
        <v>2.2243691523697411</v>
      </c>
    </row>
    <row r="41001" spans="1:7" x14ac:dyDescent="0.3">
      <c r="A41001" s="13" t="s">
        <v>243</v>
      </c>
      <c r="B41001" s="14" t="s">
        <v>1</v>
      </c>
      <c r="C41001" s="14" t="s">
        <v>137</v>
      </c>
      <c r="D41001" s="14" t="s">
        <v>244</v>
      </c>
      <c r="E41001" s="15">
        <v>45497</v>
      </c>
      <c r="F41001" s="14" t="s">
        <v>61</v>
      </c>
      <c r="G41001" s="16">
        <v>2.2470739969445499</v>
      </c>
    </row>
    <row r="41002" spans="1:7" x14ac:dyDescent="0.3">
      <c r="A41002" s="13" t="s">
        <v>243</v>
      </c>
      <c r="B41002" s="14" t="s">
        <v>1</v>
      </c>
      <c r="C41002" s="14" t="s">
        <v>137</v>
      </c>
      <c r="D41002" s="14" t="s">
        <v>244</v>
      </c>
      <c r="E41002" s="15">
        <v>45498</v>
      </c>
      <c r="F41002" s="14" t="s">
        <v>61</v>
      </c>
      <c r="G41002" s="16">
        <v>2.2658634717765018</v>
      </c>
    </row>
    <row r="41003" spans="1:7" x14ac:dyDescent="0.3">
      <c r="A41003" s="13" t="s">
        <v>243</v>
      </c>
      <c r="B41003" s="14" t="s">
        <v>1</v>
      </c>
      <c r="C41003" s="14" t="s">
        <v>137</v>
      </c>
      <c r="D41003" s="14" t="s">
        <v>244</v>
      </c>
      <c r="E41003" s="15">
        <v>45499</v>
      </c>
      <c r="F41003" s="14" t="s">
        <v>61</v>
      </c>
      <c r="G41003" s="16">
        <v>2.2837539941932676</v>
      </c>
    </row>
    <row r="41004" spans="1:7" x14ac:dyDescent="0.3">
      <c r="A41004" s="13" t="s">
        <v>243</v>
      </c>
      <c r="B41004" s="14" t="s">
        <v>1</v>
      </c>
      <c r="C41004" s="14" t="s">
        <v>137</v>
      </c>
      <c r="D41004" s="14" t="s">
        <v>244</v>
      </c>
      <c r="E41004" s="15">
        <v>45500</v>
      </c>
      <c r="F41004" s="14" t="s">
        <v>61</v>
      </c>
      <c r="G41004" s="16">
        <v>2.2837539941932676</v>
      </c>
    </row>
    <row r="41005" spans="1:7" x14ac:dyDescent="0.3">
      <c r="A41005" s="13" t="s">
        <v>243</v>
      </c>
      <c r="B41005" s="14" t="s">
        <v>1</v>
      </c>
      <c r="C41005" s="14" t="s">
        <v>137</v>
      </c>
      <c r="D41005" s="14" t="s">
        <v>244</v>
      </c>
      <c r="E41005" s="15">
        <v>45501</v>
      </c>
      <c r="F41005" s="14" t="s">
        <v>61</v>
      </c>
      <c r="G41005" s="16">
        <v>2.2837539941932676</v>
      </c>
    </row>
    <row r="41006" spans="1:7" x14ac:dyDescent="0.3">
      <c r="A41006" s="13" t="s">
        <v>243</v>
      </c>
      <c r="B41006" s="14" t="s">
        <v>1</v>
      </c>
      <c r="C41006" s="14" t="s">
        <v>137</v>
      </c>
      <c r="D41006" s="14" t="s">
        <v>244</v>
      </c>
      <c r="E41006" s="15">
        <v>45502</v>
      </c>
      <c r="F41006" s="14" t="s">
        <v>61</v>
      </c>
      <c r="G41006" s="16">
        <v>2.3070787718207719</v>
      </c>
    </row>
    <row r="41007" spans="1:7" x14ac:dyDescent="0.3">
      <c r="A41007" s="13" t="s">
        <v>243</v>
      </c>
      <c r="B41007" s="14" t="s">
        <v>1</v>
      </c>
      <c r="C41007" s="14" t="s">
        <v>137</v>
      </c>
      <c r="D41007" s="14" t="s">
        <v>244</v>
      </c>
      <c r="E41007" s="15">
        <v>45503</v>
      </c>
      <c r="F41007" s="14" t="s">
        <v>61</v>
      </c>
      <c r="G41007" s="16">
        <v>2.3694828239613841</v>
      </c>
    </row>
    <row r="41008" spans="1:7" x14ac:dyDescent="0.3">
      <c r="A41008" s="13" t="s">
        <v>243</v>
      </c>
      <c r="B41008" s="14" t="s">
        <v>1</v>
      </c>
      <c r="C41008" s="14" t="s">
        <v>137</v>
      </c>
      <c r="D41008" s="14" t="s">
        <v>244</v>
      </c>
      <c r="E41008" s="15">
        <v>45504</v>
      </c>
      <c r="F41008" s="14" t="s">
        <v>61</v>
      </c>
      <c r="G41008" s="16">
        <v>2.3875200735437723</v>
      </c>
    </row>
    <row r="41009" spans="1:7" x14ac:dyDescent="0.3">
      <c r="A41009" s="13" t="s">
        <v>243</v>
      </c>
      <c r="B41009" s="14" t="s">
        <v>1</v>
      </c>
      <c r="C41009" s="14" t="s">
        <v>137</v>
      </c>
      <c r="D41009" s="14" t="s">
        <v>244</v>
      </c>
      <c r="E41009" s="15">
        <v>45505</v>
      </c>
      <c r="F41009" s="14" t="s">
        <v>61</v>
      </c>
      <c r="G41009" s="16">
        <v>2.4206787544420929</v>
      </c>
    </row>
    <row r="41010" spans="1:7" x14ac:dyDescent="0.3">
      <c r="A41010" s="13" t="s">
        <v>243</v>
      </c>
      <c r="B41010" s="14" t="s">
        <v>1</v>
      </c>
      <c r="C41010" s="14" t="s">
        <v>137</v>
      </c>
      <c r="D41010" s="14" t="s">
        <v>244</v>
      </c>
      <c r="E41010" s="15">
        <v>45506</v>
      </c>
      <c r="F41010" s="14" t="s">
        <v>61</v>
      </c>
      <c r="G41010" s="16">
        <v>2.4006478259317325</v>
      </c>
    </row>
    <row r="41011" spans="1:7" x14ac:dyDescent="0.3">
      <c r="A41011" s="13" t="s">
        <v>243</v>
      </c>
      <c r="B41011" s="14" t="s">
        <v>1</v>
      </c>
      <c r="C41011" s="14" t="s">
        <v>137</v>
      </c>
      <c r="D41011" s="14" t="s">
        <v>244</v>
      </c>
      <c r="E41011" s="15">
        <v>45507</v>
      </c>
      <c r="F41011" s="14" t="s">
        <v>61</v>
      </c>
      <c r="G41011" s="16">
        <v>2.4006478259317325</v>
      </c>
    </row>
    <row r="41012" spans="1:7" x14ac:dyDescent="0.3">
      <c r="A41012" s="13" t="s">
        <v>243</v>
      </c>
      <c r="B41012" s="14" t="s">
        <v>1</v>
      </c>
      <c r="C41012" s="14" t="s">
        <v>137</v>
      </c>
      <c r="D41012" s="14" t="s">
        <v>244</v>
      </c>
      <c r="E41012" s="15">
        <v>45508</v>
      </c>
      <c r="F41012" s="14" t="s">
        <v>61</v>
      </c>
      <c r="G41012" s="16">
        <v>2.4006478259317325</v>
      </c>
    </row>
    <row r="41013" spans="1:7" x14ac:dyDescent="0.3">
      <c r="A41013" s="13" t="s">
        <v>243</v>
      </c>
      <c r="B41013" s="14" t="s">
        <v>1</v>
      </c>
      <c r="C41013" s="14" t="s">
        <v>137</v>
      </c>
      <c r="D41013" s="14" t="s">
        <v>244</v>
      </c>
      <c r="E41013" s="15">
        <v>45509</v>
      </c>
      <c r="F41013" s="14" t="s">
        <v>61</v>
      </c>
      <c r="G41013" s="16">
        <v>2.4006478259317325</v>
      </c>
    </row>
    <row r="41014" spans="1:7" x14ac:dyDescent="0.3">
      <c r="A41014" s="13" t="s">
        <v>243</v>
      </c>
      <c r="B41014" s="14" t="s">
        <v>1</v>
      </c>
      <c r="C41014" s="14" t="s">
        <v>137</v>
      </c>
      <c r="D41014" s="14" t="s">
        <v>244</v>
      </c>
      <c r="E41014" s="15">
        <v>45510</v>
      </c>
      <c r="F41014" s="14" t="s">
        <v>61</v>
      </c>
      <c r="G41014" s="16">
        <v>2.418433632321606</v>
      </c>
    </row>
    <row r="41015" spans="1:7" x14ac:dyDescent="0.3">
      <c r="A41015" s="13" t="s">
        <v>243</v>
      </c>
      <c r="B41015" s="14" t="s">
        <v>1</v>
      </c>
      <c r="C41015" s="14" t="s">
        <v>137</v>
      </c>
      <c r="D41015" s="14" t="s">
        <v>244</v>
      </c>
      <c r="E41015" s="15">
        <v>45511</v>
      </c>
      <c r="F41015" s="14" t="s">
        <v>61</v>
      </c>
      <c r="G41015" s="16">
        <v>2.5028567070758232</v>
      </c>
    </row>
    <row r="41016" spans="1:7" x14ac:dyDescent="0.3">
      <c r="A41016" s="13" t="s">
        <v>243</v>
      </c>
      <c r="B41016" s="14" t="s">
        <v>1</v>
      </c>
      <c r="C41016" s="14" t="s">
        <v>137</v>
      </c>
      <c r="D41016" s="14" t="s">
        <v>244</v>
      </c>
      <c r="E41016" s="15">
        <v>45512</v>
      </c>
      <c r="F41016" s="14" t="s">
        <v>61</v>
      </c>
      <c r="G41016" s="16">
        <v>2.5237301413065647</v>
      </c>
    </row>
    <row r="41017" spans="1:7" x14ac:dyDescent="0.3">
      <c r="A41017" s="13" t="s">
        <v>243</v>
      </c>
      <c r="B41017" s="14" t="s">
        <v>1</v>
      </c>
      <c r="C41017" s="14" t="s">
        <v>137</v>
      </c>
      <c r="D41017" s="14" t="s">
        <v>244</v>
      </c>
      <c r="E41017" s="15">
        <v>45513</v>
      </c>
      <c r="F41017" s="14" t="s">
        <v>61</v>
      </c>
      <c r="G41017" s="16">
        <v>2.5518068085520578</v>
      </c>
    </row>
    <row r="41018" spans="1:7" x14ac:dyDescent="0.3">
      <c r="A41018" s="13" t="s">
        <v>243</v>
      </c>
      <c r="B41018" s="14" t="s">
        <v>1</v>
      </c>
      <c r="C41018" s="14" t="s">
        <v>137</v>
      </c>
      <c r="D41018" s="14" t="s">
        <v>244</v>
      </c>
      <c r="E41018" s="15">
        <v>45514</v>
      </c>
      <c r="F41018" s="14" t="s">
        <v>61</v>
      </c>
      <c r="G41018" s="16">
        <v>2.5518068085520578</v>
      </c>
    </row>
    <row r="41019" spans="1:7" x14ac:dyDescent="0.3">
      <c r="A41019" s="13" t="s">
        <v>243</v>
      </c>
      <c r="B41019" s="14" t="s">
        <v>1</v>
      </c>
      <c r="C41019" s="14" t="s">
        <v>137</v>
      </c>
      <c r="D41019" s="14" t="s">
        <v>244</v>
      </c>
      <c r="E41019" s="15">
        <v>45515</v>
      </c>
      <c r="F41019" s="14" t="s">
        <v>61</v>
      </c>
      <c r="G41019" s="16">
        <v>2.5518068085520578</v>
      </c>
    </row>
    <row r="41020" spans="1:7" x14ac:dyDescent="0.3">
      <c r="A41020" s="13" t="s">
        <v>243</v>
      </c>
      <c r="B41020" s="14" t="s">
        <v>1</v>
      </c>
      <c r="C41020" s="14" t="s">
        <v>137</v>
      </c>
      <c r="D41020" s="14" t="s">
        <v>244</v>
      </c>
      <c r="E41020" s="15">
        <v>45516</v>
      </c>
      <c r="F41020" s="14" t="s">
        <v>61</v>
      </c>
      <c r="G41020" s="16">
        <v>2.5684416120936118</v>
      </c>
    </row>
    <row r="41021" spans="1:7" x14ac:dyDescent="0.3">
      <c r="A41021" s="13" t="s">
        <v>243</v>
      </c>
      <c r="B41021" s="14" t="s">
        <v>1</v>
      </c>
      <c r="C41021" s="14" t="s">
        <v>137</v>
      </c>
      <c r="D41021" s="14" t="s">
        <v>244</v>
      </c>
      <c r="E41021" s="15">
        <v>45517</v>
      </c>
      <c r="F41021" s="14" t="s">
        <v>61</v>
      </c>
      <c r="G41021" s="16">
        <v>2.6145318188302347</v>
      </c>
    </row>
    <row r="41022" spans="1:7" x14ac:dyDescent="0.3">
      <c r="A41022" s="13" t="s">
        <v>243</v>
      </c>
      <c r="B41022" s="14" t="s">
        <v>1</v>
      </c>
      <c r="C41022" s="14" t="s">
        <v>137</v>
      </c>
      <c r="D41022" s="14" t="s">
        <v>244</v>
      </c>
      <c r="E41022" s="15">
        <v>45518</v>
      </c>
      <c r="F41022" s="14" t="s">
        <v>61</v>
      </c>
      <c r="G41022" s="16">
        <v>2.630100904746409</v>
      </c>
    </row>
    <row r="41023" spans="1:7" x14ac:dyDescent="0.3">
      <c r="A41023" s="13" t="s">
        <v>243</v>
      </c>
      <c r="B41023" s="14" t="s">
        <v>1</v>
      </c>
      <c r="C41023" s="14" t="s">
        <v>137</v>
      </c>
      <c r="D41023" s="14" t="s">
        <v>244</v>
      </c>
      <c r="E41023" s="15">
        <v>45519</v>
      </c>
      <c r="F41023" s="14" t="s">
        <v>61</v>
      </c>
      <c r="G41023" s="16">
        <v>2.6599034148321095</v>
      </c>
    </row>
    <row r="41024" spans="1:7" x14ac:dyDescent="0.3">
      <c r="A41024" s="13" t="s">
        <v>243</v>
      </c>
      <c r="B41024" s="14" t="s">
        <v>1</v>
      </c>
      <c r="C41024" s="14" t="s">
        <v>137</v>
      </c>
      <c r="D41024" s="14" t="s">
        <v>244</v>
      </c>
      <c r="E41024" s="15">
        <v>45520</v>
      </c>
      <c r="F41024" s="14" t="s">
        <v>61</v>
      </c>
      <c r="G41024" s="16">
        <v>2.6678139835765733</v>
      </c>
    </row>
    <row r="41025" spans="1:7" x14ac:dyDescent="0.3">
      <c r="A41025" s="13" t="s">
        <v>243</v>
      </c>
      <c r="B41025" s="14" t="s">
        <v>1</v>
      </c>
      <c r="C41025" s="14" t="s">
        <v>137</v>
      </c>
      <c r="D41025" s="14" t="s">
        <v>244</v>
      </c>
      <c r="E41025" s="15">
        <v>45521</v>
      </c>
      <c r="F41025" s="14" t="s">
        <v>61</v>
      </c>
      <c r="G41025" s="16">
        <v>2.6678139835765733</v>
      </c>
    </row>
    <row r="41026" spans="1:7" x14ac:dyDescent="0.3">
      <c r="A41026" s="13" t="s">
        <v>243</v>
      </c>
      <c r="B41026" s="14" t="s">
        <v>1</v>
      </c>
      <c r="C41026" s="14" t="s">
        <v>137</v>
      </c>
      <c r="D41026" s="14" t="s">
        <v>244</v>
      </c>
      <c r="E41026" s="15">
        <v>45522</v>
      </c>
      <c r="F41026" s="14" t="s">
        <v>61</v>
      </c>
      <c r="G41026" s="16">
        <v>2.6678139835765733</v>
      </c>
    </row>
    <row r="41027" spans="1:7" x14ac:dyDescent="0.3">
      <c r="A41027" s="13" t="s">
        <v>243</v>
      </c>
      <c r="B41027" s="14" t="s">
        <v>1</v>
      </c>
      <c r="C41027" s="14" t="s">
        <v>137</v>
      </c>
      <c r="D41027" s="14" t="s">
        <v>244</v>
      </c>
      <c r="E41027" s="15">
        <v>45523</v>
      </c>
      <c r="F41027" s="14" t="s">
        <v>61</v>
      </c>
      <c r="G41027" s="16">
        <v>2.6748225295251813</v>
      </c>
    </row>
    <row r="41028" spans="1:7" x14ac:dyDescent="0.3">
      <c r="A41028" s="13" t="s">
        <v>243</v>
      </c>
      <c r="B41028" s="14" t="s">
        <v>1</v>
      </c>
      <c r="C41028" s="14" t="s">
        <v>137</v>
      </c>
      <c r="D41028" s="14" t="s">
        <v>244</v>
      </c>
      <c r="E41028" s="15">
        <v>45524</v>
      </c>
      <c r="F41028" s="14" t="s">
        <v>61</v>
      </c>
      <c r="G41028" s="16">
        <v>2.7233670793078364</v>
      </c>
    </row>
    <row r="41029" spans="1:7" x14ac:dyDescent="0.3">
      <c r="A41029" s="13" t="s">
        <v>243</v>
      </c>
      <c r="B41029" s="14" t="s">
        <v>1</v>
      </c>
      <c r="C41029" s="14" t="s">
        <v>137</v>
      </c>
      <c r="D41029" s="14" t="s">
        <v>244</v>
      </c>
      <c r="E41029" s="15">
        <v>45525</v>
      </c>
      <c r="F41029" s="14" t="s">
        <v>61</v>
      </c>
      <c r="G41029" s="16">
        <v>2.7390121590536451</v>
      </c>
    </row>
    <row r="41030" spans="1:7" x14ac:dyDescent="0.3">
      <c r="A41030" s="13" t="s">
        <v>243</v>
      </c>
      <c r="B41030" s="14" t="s">
        <v>1</v>
      </c>
      <c r="C41030" s="14" t="s">
        <v>137</v>
      </c>
      <c r="D41030" s="14" t="s">
        <v>244</v>
      </c>
      <c r="E41030" s="15">
        <v>45526</v>
      </c>
      <c r="F41030" s="14" t="s">
        <v>61</v>
      </c>
      <c r="G41030" s="16">
        <v>2.7680209834254073</v>
      </c>
    </row>
    <row r="41031" spans="1:7" x14ac:dyDescent="0.3">
      <c r="A41031" s="13" t="s">
        <v>243</v>
      </c>
      <c r="B41031" s="14" t="s">
        <v>1</v>
      </c>
      <c r="C41031" s="14" t="s">
        <v>137</v>
      </c>
      <c r="D41031" s="14" t="s">
        <v>244</v>
      </c>
      <c r="E41031" s="15">
        <v>45527</v>
      </c>
      <c r="F41031" s="14" t="s">
        <v>61</v>
      </c>
      <c r="G41031" s="16">
        <v>2.7683254062366363</v>
      </c>
    </row>
    <row r="41032" spans="1:7" x14ac:dyDescent="0.3">
      <c r="A41032" s="13" t="s">
        <v>243</v>
      </c>
      <c r="B41032" s="14" t="s">
        <v>1</v>
      </c>
      <c r="C41032" s="14" t="s">
        <v>137</v>
      </c>
      <c r="D41032" s="14" t="s">
        <v>244</v>
      </c>
      <c r="E41032" s="15">
        <v>45528</v>
      </c>
      <c r="F41032" s="14" t="s">
        <v>61</v>
      </c>
      <c r="G41032" s="16">
        <v>2.7683254062366363</v>
      </c>
    </row>
    <row r="41033" spans="1:7" x14ac:dyDescent="0.3">
      <c r="A41033" s="13" t="s">
        <v>243</v>
      </c>
      <c r="B41033" s="14" t="s">
        <v>1</v>
      </c>
      <c r="C41033" s="14" t="s">
        <v>137</v>
      </c>
      <c r="D41033" s="14" t="s">
        <v>244</v>
      </c>
      <c r="E41033" s="15">
        <v>45529</v>
      </c>
      <c r="F41033" s="14" t="s">
        <v>61</v>
      </c>
      <c r="G41033" s="16">
        <v>2.7683254062366363</v>
      </c>
    </row>
    <row r="41034" spans="1:7" x14ac:dyDescent="0.3">
      <c r="A41034" s="13" t="s">
        <v>243</v>
      </c>
      <c r="B41034" s="14" t="s">
        <v>1</v>
      </c>
      <c r="C41034" s="14" t="s">
        <v>137</v>
      </c>
      <c r="D41034" s="14" t="s">
        <v>244</v>
      </c>
      <c r="E41034" s="15">
        <v>45530</v>
      </c>
      <c r="F41034" s="14" t="s">
        <v>61</v>
      </c>
      <c r="G41034" s="16">
        <v>2.7957376721827321</v>
      </c>
    </row>
    <row r="41035" spans="1:7" x14ac:dyDescent="0.3">
      <c r="A41035" s="13" t="s">
        <v>243</v>
      </c>
      <c r="B41035" s="14" t="s">
        <v>1</v>
      </c>
      <c r="C41035" s="14" t="s">
        <v>137</v>
      </c>
      <c r="D41035" s="14" t="s">
        <v>244</v>
      </c>
      <c r="E41035" s="15">
        <v>45531</v>
      </c>
      <c r="F41035" s="14" t="s">
        <v>61</v>
      </c>
      <c r="G41035" s="16">
        <v>2.8486623760203886</v>
      </c>
    </row>
    <row r="41036" spans="1:7" x14ac:dyDescent="0.3">
      <c r="A41036" s="13" t="s">
        <v>243</v>
      </c>
      <c r="B41036" s="14" t="s">
        <v>1</v>
      </c>
      <c r="C41036" s="14" t="s">
        <v>137</v>
      </c>
      <c r="D41036" s="14" t="s">
        <v>244</v>
      </c>
      <c r="E41036" s="15">
        <v>45532</v>
      </c>
      <c r="F41036" s="14" t="s">
        <v>61</v>
      </c>
      <c r="G41036" s="16">
        <v>2.8842929211246062</v>
      </c>
    </row>
    <row r="41037" spans="1:7" x14ac:dyDescent="0.3">
      <c r="A41037" s="13" t="s">
        <v>243</v>
      </c>
      <c r="B41037" s="14" t="s">
        <v>1</v>
      </c>
      <c r="C41037" s="14" t="s">
        <v>137</v>
      </c>
      <c r="D41037" s="14" t="s">
        <v>244</v>
      </c>
      <c r="E41037" s="15">
        <v>45533</v>
      </c>
      <c r="F41037" s="14" t="s">
        <v>61</v>
      </c>
      <c r="G41037" s="16">
        <v>2.9152256802723611</v>
      </c>
    </row>
    <row r="41038" spans="1:7" x14ac:dyDescent="0.3">
      <c r="A41038" s="13" t="s">
        <v>243</v>
      </c>
      <c r="B41038" s="14" t="s">
        <v>1</v>
      </c>
      <c r="C41038" s="14" t="s">
        <v>137</v>
      </c>
      <c r="D41038" s="14" t="s">
        <v>244</v>
      </c>
      <c r="E41038" s="15">
        <v>45534</v>
      </c>
      <c r="F41038" s="14" t="s">
        <v>61</v>
      </c>
      <c r="G41038" s="16">
        <v>2.9420966446122891</v>
      </c>
    </row>
    <row r="41039" spans="1:7" x14ac:dyDescent="0.3">
      <c r="A41039" s="13" t="s">
        <v>243</v>
      </c>
      <c r="B41039" s="14" t="s">
        <v>1</v>
      </c>
      <c r="C41039" s="14" t="s">
        <v>137</v>
      </c>
      <c r="D41039" s="14" t="s">
        <v>244</v>
      </c>
      <c r="E41039" s="15">
        <v>45535</v>
      </c>
      <c r="F41039" s="14" t="s">
        <v>61</v>
      </c>
      <c r="G41039" s="16">
        <v>2.9420966446122891</v>
      </c>
    </row>
    <row r="41040" spans="1:7" x14ac:dyDescent="0.3">
      <c r="A41040" s="13" t="s">
        <v>243</v>
      </c>
      <c r="B41040" s="14" t="s">
        <v>1</v>
      </c>
      <c r="C41040" s="14" t="s">
        <v>137</v>
      </c>
      <c r="D41040" s="14" t="s">
        <v>244</v>
      </c>
      <c r="E41040" s="15">
        <v>45536</v>
      </c>
      <c r="F41040" s="14" t="s">
        <v>61</v>
      </c>
      <c r="G41040" s="16">
        <v>2.9420966446122891</v>
      </c>
    </row>
    <row r="41041" spans="1:7" x14ac:dyDescent="0.3">
      <c r="A41041" s="13" t="s">
        <v>243</v>
      </c>
      <c r="B41041" s="14" t="s">
        <v>1</v>
      </c>
      <c r="C41041" s="14" t="s">
        <v>137</v>
      </c>
      <c r="D41041" s="14" t="s">
        <v>244</v>
      </c>
      <c r="E41041" s="15">
        <v>45537</v>
      </c>
      <c r="F41041" s="14" t="s">
        <v>61</v>
      </c>
      <c r="G41041" s="16">
        <v>2.9554440579414427</v>
      </c>
    </row>
    <row r="41042" spans="1:7" x14ac:dyDescent="0.3">
      <c r="A41042" s="13" t="s">
        <v>243</v>
      </c>
      <c r="B41042" s="14" t="s">
        <v>1</v>
      </c>
      <c r="C41042" s="14" t="s">
        <v>137</v>
      </c>
      <c r="D41042" s="14" t="s">
        <v>244</v>
      </c>
      <c r="E41042" s="15">
        <v>45538</v>
      </c>
      <c r="F41042" s="14" t="s">
        <v>61</v>
      </c>
      <c r="G41042" s="16">
        <v>3.0088341722050234</v>
      </c>
    </row>
    <row r="41043" spans="1:7" x14ac:dyDescent="0.3">
      <c r="A41043" s="13" t="s">
        <v>243</v>
      </c>
      <c r="B41043" s="14" t="s">
        <v>1</v>
      </c>
      <c r="C41043" s="14" t="s">
        <v>137</v>
      </c>
      <c r="D41043" s="14" t="s">
        <v>244</v>
      </c>
      <c r="E41043" s="15">
        <v>45539</v>
      </c>
      <c r="F41043" s="14" t="s">
        <v>61</v>
      </c>
      <c r="G41043" s="16">
        <v>3.0177429205123292</v>
      </c>
    </row>
    <row r="41044" spans="1:7" x14ac:dyDescent="0.3">
      <c r="A41044" s="13" t="s">
        <v>243</v>
      </c>
      <c r="B41044" s="14" t="s">
        <v>1</v>
      </c>
      <c r="C41044" s="14" t="s">
        <v>137</v>
      </c>
      <c r="D41044" s="14" t="s">
        <v>244</v>
      </c>
      <c r="E41044" s="15">
        <v>45540</v>
      </c>
      <c r="F41044" s="14" t="s">
        <v>61</v>
      </c>
      <c r="G41044" s="16">
        <v>3.0296180928941858</v>
      </c>
    </row>
    <row r="41045" spans="1:7" x14ac:dyDescent="0.3">
      <c r="A41045" s="13" t="s">
        <v>243</v>
      </c>
      <c r="B41045" s="14" t="s">
        <v>1</v>
      </c>
      <c r="C41045" s="14" t="s">
        <v>137</v>
      </c>
      <c r="D41045" s="14" t="s">
        <v>244</v>
      </c>
      <c r="E41045" s="15">
        <v>45541</v>
      </c>
      <c r="F41045" s="14" t="s">
        <v>61</v>
      </c>
      <c r="G41045" s="16">
        <v>3.0558185415171533</v>
      </c>
    </row>
    <row r="41046" spans="1:7" x14ac:dyDescent="0.3">
      <c r="A41046" s="13" t="s">
        <v>243</v>
      </c>
      <c r="B41046" s="14" t="s">
        <v>1</v>
      </c>
      <c r="C41046" s="14" t="s">
        <v>137</v>
      </c>
      <c r="D41046" s="14" t="s">
        <v>244</v>
      </c>
      <c r="E41046" s="15">
        <v>45542</v>
      </c>
      <c r="F41046" s="14" t="s">
        <v>61</v>
      </c>
      <c r="G41046" s="16">
        <v>3.0558185415171533</v>
      </c>
    </row>
    <row r="41047" spans="1:7" x14ac:dyDescent="0.3">
      <c r="A41047" s="13" t="s">
        <v>243</v>
      </c>
      <c r="B41047" s="14" t="s">
        <v>1</v>
      </c>
      <c r="C41047" s="14" t="s">
        <v>137</v>
      </c>
      <c r="D41047" s="14" t="s">
        <v>244</v>
      </c>
      <c r="E41047" s="15">
        <v>45543</v>
      </c>
      <c r="F41047" s="14" t="s">
        <v>61</v>
      </c>
      <c r="G41047" s="16">
        <v>3.0558185415171533</v>
      </c>
    </row>
    <row r="41048" spans="1:7" x14ac:dyDescent="0.3">
      <c r="A41048" s="13" t="s">
        <v>243</v>
      </c>
      <c r="B41048" s="14" t="s">
        <v>1</v>
      </c>
      <c r="C41048" s="14" t="s">
        <v>137</v>
      </c>
      <c r="D41048" s="14" t="s">
        <v>244</v>
      </c>
      <c r="E41048" s="15">
        <v>45544</v>
      </c>
      <c r="F41048" s="14" t="s">
        <v>61</v>
      </c>
      <c r="G41048" s="16">
        <v>3.0962243693370071</v>
      </c>
    </row>
    <row r="41049" spans="1:7" x14ac:dyDescent="0.3">
      <c r="A41049" s="13" t="s">
        <v>243</v>
      </c>
      <c r="B41049" s="14" t="s">
        <v>1</v>
      </c>
      <c r="C41049" s="14" t="s">
        <v>137</v>
      </c>
      <c r="D41049" s="14" t="s">
        <v>244</v>
      </c>
      <c r="E41049" s="15">
        <v>45545</v>
      </c>
      <c r="F41049" s="14" t="s">
        <v>61</v>
      </c>
      <c r="G41049" s="16">
        <v>3.1542926176941459</v>
      </c>
    </row>
    <row r="41050" spans="1:7" x14ac:dyDescent="0.3">
      <c r="A41050" s="13" t="s">
        <v>243</v>
      </c>
      <c r="B41050" s="14" t="s">
        <v>1</v>
      </c>
      <c r="C41050" s="14" t="s">
        <v>137</v>
      </c>
      <c r="D41050" s="14" t="s">
        <v>244</v>
      </c>
      <c r="E41050" s="15">
        <v>45546</v>
      </c>
      <c r="F41050" s="14" t="s">
        <v>61</v>
      </c>
      <c r="G41050" s="16">
        <v>3.1760204703884192</v>
      </c>
    </row>
    <row r="41051" spans="1:7" x14ac:dyDescent="0.3">
      <c r="A41051" s="13" t="s">
        <v>243</v>
      </c>
      <c r="B41051" s="14" t="s">
        <v>1</v>
      </c>
      <c r="C41051" s="14" t="s">
        <v>137</v>
      </c>
      <c r="D41051" s="14" t="s">
        <v>244</v>
      </c>
      <c r="E41051" s="15">
        <v>45547</v>
      </c>
      <c r="F41051" s="14" t="s">
        <v>61</v>
      </c>
      <c r="G41051" s="16">
        <v>3.1780848762499634</v>
      </c>
    </row>
    <row r="41052" spans="1:7" x14ac:dyDescent="0.3">
      <c r="A41052" s="13" t="s">
        <v>243</v>
      </c>
      <c r="B41052" s="14" t="s">
        <v>1</v>
      </c>
      <c r="C41052" s="14" t="s">
        <v>137</v>
      </c>
      <c r="D41052" s="14" t="s">
        <v>244</v>
      </c>
      <c r="E41052" s="15">
        <v>45548</v>
      </c>
      <c r="F41052" s="14" t="s">
        <v>61</v>
      </c>
      <c r="G41052" s="16">
        <v>3.1985865190348086</v>
      </c>
    </row>
    <row r="41053" spans="1:7" x14ac:dyDescent="0.3">
      <c r="A41053" s="13" t="s">
        <v>243</v>
      </c>
      <c r="B41053" s="14" t="s">
        <v>1</v>
      </c>
      <c r="C41053" s="14" t="s">
        <v>137</v>
      </c>
      <c r="D41053" s="14" t="s">
        <v>244</v>
      </c>
      <c r="E41053" s="15">
        <v>45549</v>
      </c>
      <c r="F41053" s="14" t="s">
        <v>61</v>
      </c>
      <c r="G41053" s="16">
        <v>3.1985865190348086</v>
      </c>
    </row>
    <row r="41054" spans="1:7" x14ac:dyDescent="0.3">
      <c r="A41054" s="13" t="s">
        <v>243</v>
      </c>
      <c r="B41054" s="14" t="s">
        <v>1</v>
      </c>
      <c r="C41054" s="14" t="s">
        <v>137</v>
      </c>
      <c r="D41054" s="14" t="s">
        <v>244</v>
      </c>
      <c r="E41054" s="15">
        <v>45550</v>
      </c>
      <c r="F41054" s="14" t="s">
        <v>61</v>
      </c>
      <c r="G41054" s="16">
        <v>3.1985865190348086</v>
      </c>
    </row>
    <row r="41055" spans="1:7" x14ac:dyDescent="0.3">
      <c r="A41055" s="13" t="s">
        <v>243</v>
      </c>
      <c r="B41055" s="14" t="s">
        <v>1</v>
      </c>
      <c r="C41055" s="14" t="s">
        <v>137</v>
      </c>
      <c r="D41055" s="14" t="s">
        <v>244</v>
      </c>
      <c r="E41055" s="15">
        <v>45551</v>
      </c>
      <c r="F41055" s="14" t="s">
        <v>61</v>
      </c>
      <c r="G41055" s="16">
        <v>3.202248722526325</v>
      </c>
    </row>
    <row r="41056" spans="1:7" x14ac:dyDescent="0.3">
      <c r="A41056" s="13" t="s">
        <v>243</v>
      </c>
      <c r="B41056" s="14" t="s">
        <v>1</v>
      </c>
      <c r="C41056" s="14" t="s">
        <v>137</v>
      </c>
      <c r="D41056" s="14" t="s">
        <v>244</v>
      </c>
      <c r="E41056" s="15">
        <v>45552</v>
      </c>
      <c r="F41056" s="14" t="s">
        <v>61</v>
      </c>
      <c r="G41056" s="16">
        <v>3.2675496278323144</v>
      </c>
    </row>
    <row r="41057" spans="1:7" x14ac:dyDescent="0.3">
      <c r="A41057" s="13" t="s">
        <v>243</v>
      </c>
      <c r="B41057" s="14" t="s">
        <v>1</v>
      </c>
      <c r="C41057" s="14" t="s">
        <v>137</v>
      </c>
      <c r="D41057" s="14" t="s">
        <v>244</v>
      </c>
      <c r="E41057" s="15">
        <v>45553</v>
      </c>
      <c r="F41057" s="14" t="s">
        <v>61</v>
      </c>
      <c r="G41057" s="16">
        <v>3.2854770819137169</v>
      </c>
    </row>
    <row r="41058" spans="1:7" x14ac:dyDescent="0.3">
      <c r="A41058" s="13" t="s">
        <v>243</v>
      </c>
      <c r="B41058" s="14" t="s">
        <v>1</v>
      </c>
      <c r="C41058" s="14" t="s">
        <v>137</v>
      </c>
      <c r="D41058" s="14" t="s">
        <v>244</v>
      </c>
      <c r="E41058" s="15">
        <v>45554</v>
      </c>
      <c r="F41058" s="14" t="s">
        <v>61</v>
      </c>
      <c r="G41058" s="16">
        <v>3.2924072704381548</v>
      </c>
    </row>
    <row r="41059" spans="1:7" x14ac:dyDescent="0.3">
      <c r="A41059" s="13" t="s">
        <v>243</v>
      </c>
      <c r="B41059" s="14" t="s">
        <v>1</v>
      </c>
      <c r="C41059" s="14" t="s">
        <v>137</v>
      </c>
      <c r="D41059" s="14" t="s">
        <v>244</v>
      </c>
      <c r="E41059" s="15">
        <v>45555</v>
      </c>
      <c r="F41059" s="14" t="s">
        <v>61</v>
      </c>
      <c r="G41059" s="16">
        <v>3.3171367454129634</v>
      </c>
    </row>
    <row r="41060" spans="1:7" x14ac:dyDescent="0.3">
      <c r="A41060" s="13" t="s">
        <v>243</v>
      </c>
      <c r="B41060" s="14" t="s">
        <v>1</v>
      </c>
      <c r="C41060" s="14" t="s">
        <v>137</v>
      </c>
      <c r="D41060" s="14" t="s">
        <v>244</v>
      </c>
      <c r="E41060" s="15">
        <v>45556</v>
      </c>
      <c r="F41060" s="14" t="s">
        <v>61</v>
      </c>
      <c r="G41060" s="16">
        <v>3.3171367454129634</v>
      </c>
    </row>
    <row r="41061" spans="1:7" x14ac:dyDescent="0.3">
      <c r="A41061" s="13" t="s">
        <v>243</v>
      </c>
      <c r="B41061" s="14" t="s">
        <v>1</v>
      </c>
      <c r="C41061" s="14" t="s">
        <v>137</v>
      </c>
      <c r="D41061" s="14" t="s">
        <v>244</v>
      </c>
      <c r="E41061" s="15">
        <v>45557</v>
      </c>
      <c r="F41061" s="14" t="s">
        <v>61</v>
      </c>
      <c r="G41061" s="16">
        <v>3.3171367454129634</v>
      </c>
    </row>
    <row r="41062" spans="1:7" x14ac:dyDescent="0.3">
      <c r="A41062" s="13" t="s">
        <v>243</v>
      </c>
      <c r="B41062" s="14" t="s">
        <v>1</v>
      </c>
      <c r="C41062" s="14" t="s">
        <v>137</v>
      </c>
      <c r="D41062" s="14" t="s">
        <v>244</v>
      </c>
      <c r="E41062" s="15">
        <v>45558</v>
      </c>
      <c r="F41062" s="14" t="s">
        <v>61</v>
      </c>
      <c r="G41062" s="16">
        <v>3.3521162606217336</v>
      </c>
    </row>
    <row r="41063" spans="1:7" x14ac:dyDescent="0.3">
      <c r="A41063" s="13" t="s">
        <v>243</v>
      </c>
      <c r="B41063" s="14" t="s">
        <v>1</v>
      </c>
      <c r="C41063" s="14" t="s">
        <v>137</v>
      </c>
      <c r="D41063" s="14" t="s">
        <v>244</v>
      </c>
      <c r="E41063" s="15">
        <v>45559</v>
      </c>
      <c r="F41063" s="14" t="s">
        <v>61</v>
      </c>
      <c r="G41063" s="16">
        <v>3.3874699586056516</v>
      </c>
    </row>
    <row r="41064" spans="1:7" x14ac:dyDescent="0.3">
      <c r="A41064" s="13" t="s">
        <v>243</v>
      </c>
      <c r="B41064" s="14" t="s">
        <v>1</v>
      </c>
      <c r="C41064" s="14" t="s">
        <v>137</v>
      </c>
      <c r="D41064" s="14" t="s">
        <v>244</v>
      </c>
      <c r="E41064" s="15">
        <v>45560</v>
      </c>
      <c r="F41064" s="14" t="s">
        <v>61</v>
      </c>
      <c r="G41064" s="16">
        <v>3.4206164940243906</v>
      </c>
    </row>
    <row r="41065" spans="1:7" x14ac:dyDescent="0.3">
      <c r="A41065" s="13" t="s">
        <v>243</v>
      </c>
      <c r="B41065" s="14" t="s">
        <v>1</v>
      </c>
      <c r="C41065" s="14" t="s">
        <v>137</v>
      </c>
      <c r="D41065" s="14" t="s">
        <v>244</v>
      </c>
      <c r="E41065" s="15">
        <v>45561</v>
      </c>
      <c r="F41065" s="14" t="s">
        <v>61</v>
      </c>
      <c r="G41065" s="16">
        <v>3.4273729893823854</v>
      </c>
    </row>
    <row r="41066" spans="1:7" x14ac:dyDescent="0.3">
      <c r="A41066" s="13" t="s">
        <v>243</v>
      </c>
      <c r="B41066" s="14" t="s">
        <v>1</v>
      </c>
      <c r="C41066" s="14" t="s">
        <v>137</v>
      </c>
      <c r="D41066" s="14" t="s">
        <v>244</v>
      </c>
      <c r="E41066" s="15">
        <v>45562</v>
      </c>
      <c r="F41066" s="14" t="s">
        <v>61</v>
      </c>
      <c r="G41066" s="16">
        <v>3.4516855842556775</v>
      </c>
    </row>
    <row r="41067" spans="1:7" x14ac:dyDescent="0.3">
      <c r="A41067" s="13" t="s">
        <v>243</v>
      </c>
      <c r="B41067" s="14" t="s">
        <v>1</v>
      </c>
      <c r="C41067" s="14" t="s">
        <v>137</v>
      </c>
      <c r="D41067" s="14" t="s">
        <v>244</v>
      </c>
      <c r="E41067" s="15">
        <v>45563</v>
      </c>
      <c r="F41067" s="14" t="s">
        <v>61</v>
      </c>
      <c r="G41067" s="16">
        <v>3.4516855842556775</v>
      </c>
    </row>
    <row r="41068" spans="1:7" x14ac:dyDescent="0.3">
      <c r="A41068" s="13" t="s">
        <v>243</v>
      </c>
      <c r="B41068" s="14" t="s">
        <v>1</v>
      </c>
      <c r="C41068" s="14" t="s">
        <v>137</v>
      </c>
      <c r="D41068" s="14" t="s">
        <v>244</v>
      </c>
      <c r="E41068" s="15">
        <v>45564</v>
      </c>
      <c r="F41068" s="14" t="s">
        <v>61</v>
      </c>
      <c r="G41068" s="16">
        <v>3.4516855842556775</v>
      </c>
    </row>
    <row r="41069" spans="1:7" x14ac:dyDescent="0.3">
      <c r="A41069" s="13" t="s">
        <v>243</v>
      </c>
      <c r="B41069" s="14" t="s">
        <v>1</v>
      </c>
      <c r="C41069" s="14" t="s">
        <v>137</v>
      </c>
      <c r="D41069" s="14" t="s">
        <v>244</v>
      </c>
      <c r="E41069" s="15">
        <v>45565</v>
      </c>
      <c r="F41069" s="14" t="s">
        <v>61</v>
      </c>
      <c r="G41069" s="16">
        <v>3.4806105576065471</v>
      </c>
    </row>
    <row r="41070" spans="1:7" x14ac:dyDescent="0.3">
      <c r="A41070" s="13" t="s">
        <v>243</v>
      </c>
      <c r="B41070" s="14" t="s">
        <v>1</v>
      </c>
      <c r="C41070" s="14" t="s">
        <v>137</v>
      </c>
      <c r="D41070" s="14" t="s">
        <v>244</v>
      </c>
      <c r="E41070" s="15">
        <v>45566</v>
      </c>
      <c r="F41070" s="14" t="s">
        <v>61</v>
      </c>
      <c r="G41070" s="16">
        <v>3.5613458379958671</v>
      </c>
    </row>
    <row r="41071" spans="1:7" x14ac:dyDescent="0.3">
      <c r="A41071" s="13" t="s">
        <v>243</v>
      </c>
      <c r="B41071" s="14" t="s">
        <v>1</v>
      </c>
      <c r="C41071" s="14" t="s">
        <v>137</v>
      </c>
      <c r="D41071" s="14" t="s">
        <v>244</v>
      </c>
      <c r="E41071" s="15">
        <v>45567</v>
      </c>
      <c r="F41071" s="14" t="s">
        <v>61</v>
      </c>
      <c r="G41071" s="16">
        <v>3.5889855816461722</v>
      </c>
    </row>
    <row r="41072" spans="1:7" x14ac:dyDescent="0.3">
      <c r="A41072" s="13" t="s">
        <v>243</v>
      </c>
      <c r="B41072" s="14" t="s">
        <v>1</v>
      </c>
      <c r="C41072" s="14" t="s">
        <v>137</v>
      </c>
      <c r="D41072" s="14" t="s">
        <v>244</v>
      </c>
      <c r="E41072" s="15">
        <v>45568</v>
      </c>
      <c r="F41072" s="14" t="s">
        <v>61</v>
      </c>
      <c r="G41072" s="16">
        <v>3.6135788492451852</v>
      </c>
    </row>
    <row r="41073" spans="1:7" x14ac:dyDescent="0.3">
      <c r="A41073" s="13" t="s">
        <v>243</v>
      </c>
      <c r="B41073" s="14" t="s">
        <v>1</v>
      </c>
      <c r="C41073" s="14" t="s">
        <v>137</v>
      </c>
      <c r="D41073" s="14" t="s">
        <v>244</v>
      </c>
      <c r="E41073" s="15">
        <v>45569</v>
      </c>
      <c r="F41073" s="14" t="s">
        <v>61</v>
      </c>
      <c r="G41073" s="16">
        <v>3.6493203369991765</v>
      </c>
    </row>
    <row r="41074" spans="1:7" x14ac:dyDescent="0.3">
      <c r="A41074" s="13" t="s">
        <v>243</v>
      </c>
      <c r="B41074" s="14" t="s">
        <v>1</v>
      </c>
      <c r="C41074" s="14" t="s">
        <v>137</v>
      </c>
      <c r="D41074" s="14" t="s">
        <v>244</v>
      </c>
      <c r="E41074" s="15">
        <v>45570</v>
      </c>
      <c r="F41074" s="14" t="s">
        <v>61</v>
      </c>
      <c r="G41074" s="16">
        <v>3.6493203369991765</v>
      </c>
    </row>
    <row r="41075" spans="1:7" x14ac:dyDescent="0.3">
      <c r="A41075" s="13" t="s">
        <v>243</v>
      </c>
      <c r="B41075" s="14" t="s">
        <v>1</v>
      </c>
      <c r="C41075" s="14" t="s">
        <v>137</v>
      </c>
      <c r="D41075" s="14" t="s">
        <v>244</v>
      </c>
      <c r="E41075" s="15">
        <v>45571</v>
      </c>
      <c r="F41075" s="14" t="s">
        <v>61</v>
      </c>
      <c r="G41075" s="16">
        <v>3.6493203369991765</v>
      </c>
    </row>
    <row r="41076" spans="1:7" x14ac:dyDescent="0.3">
      <c r="A41076" s="13" t="s">
        <v>243</v>
      </c>
      <c r="B41076" s="14" t="s">
        <v>1</v>
      </c>
      <c r="C41076" s="14" t="s">
        <v>137</v>
      </c>
      <c r="D41076" s="14" t="s">
        <v>244</v>
      </c>
      <c r="E41076" s="15">
        <v>45572</v>
      </c>
      <c r="F41076" s="14" t="s">
        <v>61</v>
      </c>
      <c r="G41076" s="16">
        <v>3.6741023479715773</v>
      </c>
    </row>
    <row r="41077" spans="1:7" x14ac:dyDescent="0.3">
      <c r="A41077" s="13" t="s">
        <v>243</v>
      </c>
      <c r="B41077" s="14" t="s">
        <v>1</v>
      </c>
      <c r="C41077" s="14" t="s">
        <v>137</v>
      </c>
      <c r="D41077" s="14" t="s">
        <v>244</v>
      </c>
      <c r="E41077" s="15">
        <v>45573</v>
      </c>
      <c r="F41077" s="14" t="s">
        <v>61</v>
      </c>
      <c r="G41077" s="16">
        <v>3.7323225157748077</v>
      </c>
    </row>
    <row r="41078" spans="1:7" x14ac:dyDescent="0.3">
      <c r="A41078" s="13" t="s">
        <v>243</v>
      </c>
      <c r="B41078" s="14" t="s">
        <v>1</v>
      </c>
      <c r="C41078" s="14" t="s">
        <v>137</v>
      </c>
      <c r="D41078" s="14" t="s">
        <v>244</v>
      </c>
      <c r="E41078" s="15">
        <v>45574</v>
      </c>
      <c r="F41078" s="14" t="s">
        <v>61</v>
      </c>
      <c r="G41078" s="16">
        <v>3.7736902667146488</v>
      </c>
    </row>
    <row r="41079" spans="1:7" x14ac:dyDescent="0.3">
      <c r="A41079" s="13" t="s">
        <v>243</v>
      </c>
      <c r="B41079" s="14" t="s">
        <v>1</v>
      </c>
      <c r="C41079" s="14" t="s">
        <v>137</v>
      </c>
      <c r="D41079" s="14" t="s">
        <v>244</v>
      </c>
      <c r="E41079" s="15">
        <v>45575</v>
      </c>
      <c r="F41079" s="14" t="s">
        <v>61</v>
      </c>
      <c r="G41079" s="16">
        <v>3.7951413289711837</v>
      </c>
    </row>
    <row r="41080" spans="1:7" x14ac:dyDescent="0.3">
      <c r="A41080" s="13" t="s">
        <v>243</v>
      </c>
      <c r="B41080" s="14" t="s">
        <v>1</v>
      </c>
      <c r="C41080" s="14" t="s">
        <v>137</v>
      </c>
      <c r="D41080" s="14" t="s">
        <v>244</v>
      </c>
      <c r="E41080" s="15">
        <v>45576</v>
      </c>
      <c r="F41080" s="14" t="s">
        <v>61</v>
      </c>
      <c r="G41080" s="16">
        <v>3.8148506858484308</v>
      </c>
    </row>
    <row r="41081" spans="1:7" x14ac:dyDescent="0.3">
      <c r="A41081" s="13" t="s">
        <v>243</v>
      </c>
      <c r="B41081" s="14" t="s">
        <v>1</v>
      </c>
      <c r="C41081" s="14" t="s">
        <v>137</v>
      </c>
      <c r="D41081" s="14" t="s">
        <v>244</v>
      </c>
      <c r="E41081" s="15">
        <v>45577</v>
      </c>
      <c r="F41081" s="14" t="s">
        <v>61</v>
      </c>
      <c r="G41081" s="16">
        <v>3.8148506858484308</v>
      </c>
    </row>
    <row r="41082" spans="1:7" x14ac:dyDescent="0.3">
      <c r="A41082" s="13" t="s">
        <v>243</v>
      </c>
      <c r="B41082" s="14" t="s">
        <v>1</v>
      </c>
      <c r="C41082" s="14" t="s">
        <v>137</v>
      </c>
      <c r="D41082" s="14" t="s">
        <v>244</v>
      </c>
      <c r="E41082" s="15">
        <v>45578</v>
      </c>
      <c r="F41082" s="14" t="s">
        <v>61</v>
      </c>
      <c r="G41082" s="16">
        <v>3.8148506858484308</v>
      </c>
    </row>
    <row r="41083" spans="1:7" x14ac:dyDescent="0.3">
      <c r="A41083" s="13" t="s">
        <v>243</v>
      </c>
      <c r="B41083" s="14" t="s">
        <v>1</v>
      </c>
      <c r="C41083" s="14" t="s">
        <v>137</v>
      </c>
      <c r="D41083" s="14" t="s">
        <v>244</v>
      </c>
      <c r="E41083" s="15">
        <v>45579</v>
      </c>
      <c r="F41083" s="14" t="s">
        <v>61</v>
      </c>
      <c r="G41083" s="16">
        <v>3.8450102796510199</v>
      </c>
    </row>
    <row r="41084" spans="1:7" x14ac:dyDescent="0.3">
      <c r="A41084" s="13" t="s">
        <v>243</v>
      </c>
      <c r="B41084" s="14" t="s">
        <v>1</v>
      </c>
      <c r="C41084" s="14" t="s">
        <v>137</v>
      </c>
      <c r="D41084" s="14" t="s">
        <v>244</v>
      </c>
      <c r="E41084" s="15">
        <v>45580</v>
      </c>
      <c r="F41084" s="14" t="s">
        <v>61</v>
      </c>
      <c r="G41084" s="16">
        <v>3.9114368129593551</v>
      </c>
    </row>
    <row r="41085" spans="1:7" x14ac:dyDescent="0.3">
      <c r="A41085" s="13" t="s">
        <v>243</v>
      </c>
      <c r="B41085" s="14" t="s">
        <v>1</v>
      </c>
      <c r="C41085" s="14" t="s">
        <v>137</v>
      </c>
      <c r="D41085" s="14" t="s">
        <v>244</v>
      </c>
      <c r="E41085" s="15">
        <v>45581</v>
      </c>
      <c r="F41085" s="14" t="s">
        <v>61</v>
      </c>
      <c r="G41085" s="16">
        <v>3.9422702240845844</v>
      </c>
    </row>
    <row r="41086" spans="1:7" x14ac:dyDescent="0.3">
      <c r="A41086" s="13" t="s">
        <v>243</v>
      </c>
      <c r="B41086" s="14" t="s">
        <v>1</v>
      </c>
      <c r="C41086" s="14" t="s">
        <v>137</v>
      </c>
      <c r="D41086" s="14" t="s">
        <v>244</v>
      </c>
      <c r="E41086" s="15">
        <v>45582</v>
      </c>
      <c r="F41086" s="14" t="s">
        <v>61</v>
      </c>
      <c r="G41086" s="16">
        <v>3.9747719602876983</v>
      </c>
    </row>
    <row r="41087" spans="1:7" x14ac:dyDescent="0.3">
      <c r="A41087" s="13" t="s">
        <v>243</v>
      </c>
      <c r="B41087" s="14" t="s">
        <v>1</v>
      </c>
      <c r="C41087" s="14" t="s">
        <v>137</v>
      </c>
      <c r="D41087" s="14" t="s">
        <v>244</v>
      </c>
      <c r="E41087" s="15">
        <v>45583</v>
      </c>
      <c r="F41087" s="14" t="s">
        <v>61</v>
      </c>
      <c r="G41087" s="16">
        <v>3.9818966791764598</v>
      </c>
    </row>
    <row r="41088" spans="1:7" x14ac:dyDescent="0.3">
      <c r="A41088" s="13" t="s">
        <v>243</v>
      </c>
      <c r="B41088" s="14" t="s">
        <v>1</v>
      </c>
      <c r="C41088" s="14" t="s">
        <v>137</v>
      </c>
      <c r="D41088" s="14" t="s">
        <v>244</v>
      </c>
      <c r="E41088" s="15">
        <v>45584</v>
      </c>
      <c r="F41088" s="14" t="s">
        <v>61</v>
      </c>
      <c r="G41088" s="16">
        <v>3.9818966791764598</v>
      </c>
    </row>
    <row r="41089" spans="1:7" x14ac:dyDescent="0.3">
      <c r="A41089" s="13" t="s">
        <v>243</v>
      </c>
      <c r="B41089" s="14" t="s">
        <v>1</v>
      </c>
      <c r="C41089" s="14" t="s">
        <v>137</v>
      </c>
      <c r="D41089" s="14" t="s">
        <v>244</v>
      </c>
      <c r="E41089" s="15">
        <v>45585</v>
      </c>
      <c r="F41089" s="14" t="s">
        <v>61</v>
      </c>
      <c r="G41089" s="16">
        <v>3.9818966791764598</v>
      </c>
    </row>
    <row r="41090" spans="1:7" x14ac:dyDescent="0.3">
      <c r="A41090" s="13" t="s">
        <v>243</v>
      </c>
      <c r="B41090" s="14" t="s">
        <v>1</v>
      </c>
      <c r="C41090" s="14" t="s">
        <v>137</v>
      </c>
      <c r="D41090" s="14" t="s">
        <v>244</v>
      </c>
      <c r="E41090" s="15">
        <v>45586</v>
      </c>
      <c r="F41090" s="14" t="s">
        <v>61</v>
      </c>
      <c r="G41090" s="16">
        <v>4.0224002182954335</v>
      </c>
    </row>
    <row r="41091" spans="1:7" x14ac:dyDescent="0.3">
      <c r="A41091" s="13" t="s">
        <v>243</v>
      </c>
      <c r="B41091" s="14" t="s">
        <v>1</v>
      </c>
      <c r="C41091" s="14" t="s">
        <v>137</v>
      </c>
      <c r="D41091" s="14" t="s">
        <v>244</v>
      </c>
      <c r="E41091" s="15">
        <v>45587</v>
      </c>
      <c r="F41091" s="14" t="s">
        <v>61</v>
      </c>
      <c r="G41091" s="16">
        <v>4.0887980195141491</v>
      </c>
    </row>
    <row r="41092" spans="1:7" x14ac:dyDescent="0.3">
      <c r="A41092" s="13" t="s">
        <v>243</v>
      </c>
      <c r="B41092" s="14" t="s">
        <v>1</v>
      </c>
      <c r="C41092" s="14" t="s">
        <v>137</v>
      </c>
      <c r="D41092" s="14" t="s">
        <v>244</v>
      </c>
      <c r="E41092" s="15">
        <v>45588</v>
      </c>
      <c r="F41092" s="14" t="s">
        <v>61</v>
      </c>
      <c r="G41092" s="16">
        <v>4.1204737106508995</v>
      </c>
    </row>
    <row r="41093" spans="1:7" x14ac:dyDescent="0.3">
      <c r="A41093" s="13" t="s">
        <v>243</v>
      </c>
      <c r="B41093" s="14" t="s">
        <v>1</v>
      </c>
      <c r="C41093" s="14" t="s">
        <v>137</v>
      </c>
      <c r="D41093" s="14" t="s">
        <v>244</v>
      </c>
      <c r="E41093" s="15">
        <v>45589</v>
      </c>
      <c r="F41093" s="14" t="s">
        <v>61</v>
      </c>
      <c r="G41093" s="16">
        <v>4.1243566634895528</v>
      </c>
    </row>
    <row r="41094" spans="1:7" x14ac:dyDescent="0.3">
      <c r="A41094" s="13" t="s">
        <v>243</v>
      </c>
      <c r="B41094" s="14" t="s">
        <v>1</v>
      </c>
      <c r="C41094" s="14" t="s">
        <v>137</v>
      </c>
      <c r="D41094" s="14" t="s">
        <v>244</v>
      </c>
      <c r="E41094" s="15">
        <v>45590</v>
      </c>
      <c r="F41094" s="14" t="s">
        <v>61</v>
      </c>
      <c r="G41094" s="16">
        <v>4.1565277613489284</v>
      </c>
    </row>
    <row r="41095" spans="1:7" x14ac:dyDescent="0.3">
      <c r="A41095" s="13" t="s">
        <v>243</v>
      </c>
      <c r="B41095" s="14" t="s">
        <v>1</v>
      </c>
      <c r="C41095" s="14" t="s">
        <v>137</v>
      </c>
      <c r="D41095" s="14" t="s">
        <v>244</v>
      </c>
      <c r="E41095" s="15">
        <v>45591</v>
      </c>
      <c r="F41095" s="14" t="s">
        <v>61</v>
      </c>
      <c r="G41095" s="16">
        <v>4.1565277613489284</v>
      </c>
    </row>
    <row r="41096" spans="1:7" x14ac:dyDescent="0.3">
      <c r="A41096" s="13" t="s">
        <v>243</v>
      </c>
      <c r="B41096" s="14" t="s">
        <v>1</v>
      </c>
      <c r="C41096" s="14" t="s">
        <v>137</v>
      </c>
      <c r="D41096" s="14" t="s">
        <v>244</v>
      </c>
      <c r="E41096" s="15">
        <v>45592</v>
      </c>
      <c r="F41096" s="14" t="s">
        <v>61</v>
      </c>
      <c r="G41096" s="16">
        <v>4.1565277613489284</v>
      </c>
    </row>
    <row r="41097" spans="1:7" x14ac:dyDescent="0.3">
      <c r="A41097" s="13" t="s">
        <v>243</v>
      </c>
      <c r="B41097" s="14" t="s">
        <v>1</v>
      </c>
      <c r="C41097" s="14" t="s">
        <v>137</v>
      </c>
      <c r="D41097" s="14" t="s">
        <v>244</v>
      </c>
      <c r="E41097" s="15">
        <v>45593</v>
      </c>
      <c r="F41097" s="14" t="s">
        <v>61</v>
      </c>
      <c r="G41097" s="16">
        <v>4.1565277613489284</v>
      </c>
    </row>
    <row r="41098" spans="1:7" x14ac:dyDescent="0.3">
      <c r="A41098" s="13" t="s">
        <v>243</v>
      </c>
      <c r="B41098" s="14" t="s">
        <v>1</v>
      </c>
      <c r="C41098" s="14" t="s">
        <v>137</v>
      </c>
      <c r="D41098" s="14" t="s">
        <v>244</v>
      </c>
      <c r="E41098" s="15">
        <v>45594</v>
      </c>
      <c r="F41098" s="14" t="s">
        <v>61</v>
      </c>
      <c r="G41098" s="16">
        <v>4.168860444237545</v>
      </c>
    </row>
    <row r="41099" spans="1:7" x14ac:dyDescent="0.3">
      <c r="A41099" s="13" t="s">
        <v>243</v>
      </c>
      <c r="B41099" s="14" t="s">
        <v>1</v>
      </c>
      <c r="C41099" s="14" t="s">
        <v>137</v>
      </c>
      <c r="D41099" s="14" t="s">
        <v>244</v>
      </c>
      <c r="E41099" s="15">
        <v>45595</v>
      </c>
      <c r="F41099" s="14" t="s">
        <v>61</v>
      </c>
      <c r="G41099" s="16">
        <v>4.2358965165559779</v>
      </c>
    </row>
    <row r="41100" spans="1:7" x14ac:dyDescent="0.3">
      <c r="A41100" s="13" t="s">
        <v>243</v>
      </c>
      <c r="B41100" s="14" t="s">
        <v>1</v>
      </c>
      <c r="C41100" s="14" t="s">
        <v>137</v>
      </c>
      <c r="D41100" s="14" t="s">
        <v>244</v>
      </c>
      <c r="E41100" s="15">
        <v>45596</v>
      </c>
      <c r="F41100" s="14" t="s">
        <v>61</v>
      </c>
      <c r="G41100" s="16">
        <v>4.2455596368250381</v>
      </c>
    </row>
    <row r="41101" spans="1:7" x14ac:dyDescent="0.3">
      <c r="A41101" s="13" t="s">
        <v>243</v>
      </c>
      <c r="B41101" s="14" t="s">
        <v>1</v>
      </c>
      <c r="C41101" s="14" t="s">
        <v>137</v>
      </c>
      <c r="D41101" s="14" t="s">
        <v>244</v>
      </c>
      <c r="E41101" s="15">
        <v>45597</v>
      </c>
      <c r="F41101" s="14" t="s">
        <v>61</v>
      </c>
      <c r="G41101" s="16">
        <v>4.2840286500840463</v>
      </c>
    </row>
    <row r="41102" spans="1:7" x14ac:dyDescent="0.3">
      <c r="A41102" s="13" t="s">
        <v>243</v>
      </c>
      <c r="B41102" s="14" t="s">
        <v>1</v>
      </c>
      <c r="C41102" s="14" t="s">
        <v>137</v>
      </c>
      <c r="D41102" s="14" t="s">
        <v>244</v>
      </c>
      <c r="E41102" s="15">
        <v>45598</v>
      </c>
      <c r="F41102" s="14" t="s">
        <v>61</v>
      </c>
      <c r="G41102" s="16">
        <v>4.2840286500840463</v>
      </c>
    </row>
    <row r="41103" spans="1:7" x14ac:dyDescent="0.3">
      <c r="A41103" s="13" t="s">
        <v>243</v>
      </c>
      <c r="B41103" s="14" t="s">
        <v>1</v>
      </c>
      <c r="C41103" s="14" t="s">
        <v>137</v>
      </c>
      <c r="D41103" s="14" t="s">
        <v>244</v>
      </c>
      <c r="E41103" s="15">
        <v>45599</v>
      </c>
      <c r="F41103" s="14" t="s">
        <v>61</v>
      </c>
      <c r="G41103" s="16">
        <v>4.2840286500840463</v>
      </c>
    </row>
    <row r="41104" spans="1:7" x14ac:dyDescent="0.3">
      <c r="A41104" s="13" t="s">
        <v>243</v>
      </c>
      <c r="B41104" s="14" t="s">
        <v>1</v>
      </c>
      <c r="C41104" s="14" t="s">
        <v>137</v>
      </c>
      <c r="D41104" s="14" t="s">
        <v>244</v>
      </c>
      <c r="E41104" s="15">
        <v>45600</v>
      </c>
      <c r="F41104" s="14" t="s">
        <v>61</v>
      </c>
      <c r="G41104" s="16">
        <v>4.27130586364009</v>
      </c>
    </row>
    <row r="41105" spans="1:7" x14ac:dyDescent="0.3">
      <c r="A41105" s="13" t="s">
        <v>243</v>
      </c>
      <c r="B41105" s="14" t="s">
        <v>1</v>
      </c>
      <c r="C41105" s="14" t="s">
        <v>137</v>
      </c>
      <c r="D41105" s="14" t="s">
        <v>244</v>
      </c>
      <c r="E41105" s="15">
        <v>45601</v>
      </c>
      <c r="F41105" s="14" t="s">
        <v>61</v>
      </c>
      <c r="G41105" s="16">
        <v>4.3101625875606384</v>
      </c>
    </row>
    <row r="41106" spans="1:7" x14ac:dyDescent="0.3">
      <c r="A41106" s="13" t="s">
        <v>243</v>
      </c>
      <c r="B41106" s="14" t="s">
        <v>1</v>
      </c>
      <c r="C41106" s="14" t="s">
        <v>137</v>
      </c>
      <c r="D41106" s="14" t="s">
        <v>244</v>
      </c>
      <c r="E41106" s="15">
        <v>45602</v>
      </c>
      <c r="F41106" s="14" t="s">
        <v>61</v>
      </c>
      <c r="G41106" s="16">
        <v>4.4123009682309666</v>
      </c>
    </row>
    <row r="41107" spans="1:7" x14ac:dyDescent="0.3">
      <c r="A41107" s="13" t="s">
        <v>243</v>
      </c>
      <c r="B41107" s="14" t="s">
        <v>1</v>
      </c>
      <c r="C41107" s="14" t="s">
        <v>137</v>
      </c>
      <c r="D41107" s="14" t="s">
        <v>244</v>
      </c>
      <c r="E41107" s="15">
        <v>45603</v>
      </c>
      <c r="F41107" s="14" t="s">
        <v>61</v>
      </c>
      <c r="G41107" s="16">
        <v>4.4014573027087467</v>
      </c>
    </row>
    <row r="41108" spans="1:7" x14ac:dyDescent="0.3">
      <c r="A41108" s="13" t="s">
        <v>243</v>
      </c>
      <c r="B41108" s="14" t="s">
        <v>1</v>
      </c>
      <c r="C41108" s="14" t="s">
        <v>137</v>
      </c>
      <c r="D41108" s="14" t="s">
        <v>244</v>
      </c>
      <c r="E41108" s="15">
        <v>45604</v>
      </c>
      <c r="F41108" s="14" t="s">
        <v>61</v>
      </c>
      <c r="G41108" s="16">
        <v>4.4568867029641579</v>
      </c>
    </row>
    <row r="41109" spans="1:7" x14ac:dyDescent="0.3">
      <c r="A41109" s="13" t="s">
        <v>243</v>
      </c>
      <c r="B41109" s="14" t="s">
        <v>1</v>
      </c>
      <c r="C41109" s="14" t="s">
        <v>137</v>
      </c>
      <c r="D41109" s="14" t="s">
        <v>244</v>
      </c>
      <c r="E41109" s="15">
        <v>45605</v>
      </c>
      <c r="F41109" s="14" t="s">
        <v>61</v>
      </c>
      <c r="G41109" s="16">
        <v>4.4568867029641579</v>
      </c>
    </row>
    <row r="41110" spans="1:7" x14ac:dyDescent="0.3">
      <c r="A41110" s="13" t="s">
        <v>243</v>
      </c>
      <c r="B41110" s="14" t="s">
        <v>1</v>
      </c>
      <c r="C41110" s="14" t="s">
        <v>137</v>
      </c>
      <c r="D41110" s="14" t="s">
        <v>244</v>
      </c>
      <c r="E41110" s="15">
        <v>45606</v>
      </c>
      <c r="F41110" s="14" t="s">
        <v>61</v>
      </c>
      <c r="G41110" s="16">
        <v>4.4568867029641579</v>
      </c>
    </row>
    <row r="41111" spans="1:7" x14ac:dyDescent="0.3">
      <c r="A41111" s="13" t="s">
        <v>243</v>
      </c>
      <c r="B41111" s="14" t="s">
        <v>1</v>
      </c>
      <c r="C41111" s="14" t="s">
        <v>137</v>
      </c>
      <c r="D41111" s="14" t="s">
        <v>244</v>
      </c>
      <c r="E41111" s="15">
        <v>45607</v>
      </c>
      <c r="F41111" s="14" t="s">
        <v>61</v>
      </c>
      <c r="G41111" s="16">
        <v>4.503106277467273</v>
      </c>
    </row>
    <row r="41112" spans="1:7" x14ac:dyDescent="0.3">
      <c r="A41112" s="13" t="s">
        <v>243</v>
      </c>
      <c r="B41112" s="14" t="s">
        <v>1</v>
      </c>
      <c r="C41112" s="14" t="s">
        <v>137</v>
      </c>
      <c r="D41112" s="14" t="s">
        <v>244</v>
      </c>
      <c r="E41112" s="15">
        <v>45608</v>
      </c>
      <c r="F41112" s="14" t="s">
        <v>61</v>
      </c>
      <c r="G41112" s="16">
        <v>4.578391707828052</v>
      </c>
    </row>
    <row r="41113" spans="1:7" x14ac:dyDescent="0.3">
      <c r="A41113" s="13" t="s">
        <v>243</v>
      </c>
      <c r="B41113" s="14" t="s">
        <v>1</v>
      </c>
      <c r="C41113" s="14" t="s">
        <v>137</v>
      </c>
      <c r="D41113" s="14" t="s">
        <v>244</v>
      </c>
      <c r="E41113" s="15">
        <v>45609</v>
      </c>
      <c r="F41113" s="14" t="s">
        <v>61</v>
      </c>
      <c r="G41113" s="16">
        <v>4.6299615515663701</v>
      </c>
    </row>
    <row r="41114" spans="1:7" x14ac:dyDescent="0.3">
      <c r="A41114" s="13" t="s">
        <v>243</v>
      </c>
      <c r="B41114" s="14" t="s">
        <v>1</v>
      </c>
      <c r="C41114" s="14" t="s">
        <v>137</v>
      </c>
      <c r="D41114" s="14" t="s">
        <v>244</v>
      </c>
      <c r="E41114" s="15">
        <v>45610</v>
      </c>
      <c r="F41114" s="14" t="s">
        <v>61</v>
      </c>
      <c r="G41114" s="16">
        <v>4.6657076166567011</v>
      </c>
    </row>
    <row r="41115" spans="1:7" x14ac:dyDescent="0.3">
      <c r="A41115" s="13" t="s">
        <v>243</v>
      </c>
      <c r="B41115" s="14" t="s">
        <v>1</v>
      </c>
      <c r="C41115" s="14" t="s">
        <v>137</v>
      </c>
      <c r="D41115" s="14" t="s">
        <v>244</v>
      </c>
      <c r="E41115" s="15">
        <v>45611</v>
      </c>
      <c r="F41115" s="14" t="s">
        <v>61</v>
      </c>
      <c r="G41115" s="16">
        <v>4.681238860018448</v>
      </c>
    </row>
    <row r="41116" spans="1:7" x14ac:dyDescent="0.3">
      <c r="A41116" s="13" t="s">
        <v>243</v>
      </c>
      <c r="B41116" s="14" t="s">
        <v>1</v>
      </c>
      <c r="C41116" s="14" t="s">
        <v>137</v>
      </c>
      <c r="D41116" s="14" t="s">
        <v>244</v>
      </c>
      <c r="E41116" s="15">
        <v>45612</v>
      </c>
      <c r="F41116" s="14" t="s">
        <v>61</v>
      </c>
      <c r="G41116" s="16">
        <v>4.681238860018448</v>
      </c>
    </row>
    <row r="41117" spans="1:7" x14ac:dyDescent="0.3">
      <c r="A41117" s="13" t="s">
        <v>243</v>
      </c>
      <c r="B41117" s="14" t="s">
        <v>1</v>
      </c>
      <c r="C41117" s="14" t="s">
        <v>137</v>
      </c>
      <c r="D41117" s="14" t="s">
        <v>244</v>
      </c>
      <c r="E41117" s="15">
        <v>45613</v>
      </c>
      <c r="F41117" s="14" t="s">
        <v>61</v>
      </c>
      <c r="G41117" s="16">
        <v>4.681238860018448</v>
      </c>
    </row>
    <row r="41118" spans="1:7" x14ac:dyDescent="0.3">
      <c r="A41118" s="13" t="s">
        <v>243</v>
      </c>
      <c r="B41118" s="14" t="s">
        <v>1</v>
      </c>
      <c r="C41118" s="14" t="s">
        <v>137</v>
      </c>
      <c r="D41118" s="14" t="s">
        <v>244</v>
      </c>
      <c r="E41118" s="15">
        <v>45614</v>
      </c>
      <c r="F41118" s="14" t="s">
        <v>61</v>
      </c>
      <c r="G41118" s="16">
        <v>4.6754314212654418</v>
      </c>
    </row>
    <row r="41119" spans="1:7" x14ac:dyDescent="0.3">
      <c r="A41119" s="13" t="s">
        <v>243</v>
      </c>
      <c r="B41119" s="14" t="s">
        <v>1</v>
      </c>
      <c r="C41119" s="14" t="s">
        <v>137</v>
      </c>
      <c r="D41119" s="14" t="s">
        <v>244</v>
      </c>
      <c r="E41119" s="15">
        <v>45615</v>
      </c>
      <c r="F41119" s="14" t="s">
        <v>61</v>
      </c>
      <c r="G41119" s="16">
        <v>4.7380717703313273</v>
      </c>
    </row>
    <row r="41120" spans="1:7" x14ac:dyDescent="0.3">
      <c r="A41120" s="13" t="s">
        <v>243</v>
      </c>
      <c r="B41120" s="14" t="s">
        <v>1</v>
      </c>
      <c r="C41120" s="14" t="s">
        <v>137</v>
      </c>
      <c r="D41120" s="14" t="s">
        <v>244</v>
      </c>
      <c r="E41120" s="15">
        <v>45616</v>
      </c>
      <c r="F41120" s="14" t="s">
        <v>61</v>
      </c>
      <c r="G41120" s="16">
        <v>4.7816521714107258</v>
      </c>
    </row>
    <row r="41121" spans="1:7" x14ac:dyDescent="0.3">
      <c r="A41121" s="13" t="s">
        <v>243</v>
      </c>
      <c r="B41121" s="14" t="s">
        <v>1</v>
      </c>
      <c r="C41121" s="14" t="s">
        <v>137</v>
      </c>
      <c r="D41121" s="14" t="s">
        <v>244</v>
      </c>
      <c r="E41121" s="15">
        <v>45617</v>
      </c>
      <c r="F41121" s="14" t="s">
        <v>61</v>
      </c>
      <c r="G41121" s="16">
        <v>4.8360886482740595</v>
      </c>
    </row>
    <row r="41122" spans="1:7" x14ac:dyDescent="0.3">
      <c r="A41122" s="13" t="s">
        <v>243</v>
      </c>
      <c r="B41122" s="14" t="s">
        <v>1</v>
      </c>
      <c r="C41122" s="14" t="s">
        <v>137</v>
      </c>
      <c r="D41122" s="14" t="s">
        <v>244</v>
      </c>
      <c r="E41122" s="15">
        <v>45618</v>
      </c>
      <c r="F41122" s="14" t="s">
        <v>61</v>
      </c>
      <c r="G41122" s="16">
        <v>4.8816642210565631</v>
      </c>
    </row>
    <row r="41123" spans="1:7" x14ac:dyDescent="0.3">
      <c r="A41123" s="13" t="s">
        <v>243</v>
      </c>
      <c r="B41123" s="14" t="s">
        <v>1</v>
      </c>
      <c r="C41123" s="14" t="s">
        <v>137</v>
      </c>
      <c r="D41123" s="14" t="s">
        <v>244</v>
      </c>
      <c r="E41123" s="15">
        <v>45619</v>
      </c>
      <c r="F41123" s="14" t="s">
        <v>61</v>
      </c>
      <c r="G41123" s="16">
        <v>4.8816642210565631</v>
      </c>
    </row>
    <row r="41124" spans="1:7" x14ac:dyDescent="0.3">
      <c r="A41124" s="13" t="s">
        <v>243</v>
      </c>
      <c r="B41124" s="14" t="s">
        <v>1</v>
      </c>
      <c r="C41124" s="14" t="s">
        <v>137</v>
      </c>
      <c r="D41124" s="14" t="s">
        <v>244</v>
      </c>
      <c r="E41124" s="15">
        <v>45620</v>
      </c>
      <c r="F41124" s="14" t="s">
        <v>61</v>
      </c>
      <c r="G41124" s="16">
        <v>4.8816642210565631</v>
      </c>
    </row>
    <row r="41125" spans="1:7" x14ac:dyDescent="0.3">
      <c r="A41125" s="13" t="s">
        <v>243</v>
      </c>
      <c r="B41125" s="14" t="s">
        <v>1</v>
      </c>
      <c r="C41125" s="14" t="s">
        <v>137</v>
      </c>
      <c r="D41125" s="14" t="s">
        <v>244</v>
      </c>
      <c r="E41125" s="15">
        <v>45621</v>
      </c>
      <c r="F41125" s="14" t="s">
        <v>61</v>
      </c>
      <c r="G41125" s="16">
        <v>4.8678901942589681</v>
      </c>
    </row>
    <row r="41126" spans="1:7" x14ac:dyDescent="0.3">
      <c r="A41126" s="13" t="s">
        <v>243</v>
      </c>
      <c r="B41126" s="14" t="s">
        <v>1</v>
      </c>
      <c r="C41126" s="14" t="s">
        <v>137</v>
      </c>
      <c r="D41126" s="14" t="s">
        <v>244</v>
      </c>
      <c r="E41126" s="15">
        <v>45622</v>
      </c>
      <c r="F41126" s="14" t="s">
        <v>61</v>
      </c>
      <c r="G41126" s="16">
        <v>4.9299968074737155</v>
      </c>
    </row>
    <row r="41127" spans="1:7" x14ac:dyDescent="0.3">
      <c r="A41127" s="13" t="s">
        <v>243</v>
      </c>
      <c r="B41127" s="14" t="s">
        <v>1</v>
      </c>
      <c r="C41127" s="14" t="s">
        <v>137</v>
      </c>
      <c r="D41127" s="14" t="s">
        <v>244</v>
      </c>
      <c r="E41127" s="15">
        <v>45623</v>
      </c>
      <c r="F41127" s="14" t="s">
        <v>61</v>
      </c>
      <c r="G41127" s="16">
        <v>4.9478708740340895</v>
      </c>
    </row>
    <row r="41128" spans="1:7" x14ac:dyDescent="0.3">
      <c r="A41128" s="13" t="s">
        <v>243</v>
      </c>
      <c r="B41128" s="14" t="s">
        <v>1</v>
      </c>
      <c r="C41128" s="14" t="s">
        <v>137</v>
      </c>
      <c r="D41128" s="14" t="s">
        <v>244</v>
      </c>
      <c r="E41128" s="15">
        <v>45624</v>
      </c>
      <c r="F41128" s="14" t="s">
        <v>61</v>
      </c>
      <c r="G41128" s="16">
        <v>4.9724206198905012</v>
      </c>
    </row>
    <row r="41129" spans="1:7" x14ac:dyDescent="0.3">
      <c r="A41129" s="13" t="s">
        <v>243</v>
      </c>
      <c r="B41129" s="14" t="s">
        <v>1</v>
      </c>
      <c r="C41129" s="14" t="s">
        <v>137</v>
      </c>
      <c r="D41129" s="14" t="s">
        <v>244</v>
      </c>
      <c r="E41129" s="15">
        <v>45625</v>
      </c>
      <c r="F41129" s="14" t="s">
        <v>61</v>
      </c>
      <c r="G41129" s="16">
        <v>4.9827729889859222</v>
      </c>
    </row>
    <row r="41130" spans="1:7" x14ac:dyDescent="0.3">
      <c r="A41130" s="13" t="s">
        <v>243</v>
      </c>
      <c r="B41130" s="14" t="s">
        <v>1</v>
      </c>
      <c r="C41130" s="14" t="s">
        <v>137</v>
      </c>
      <c r="D41130" s="14" t="s">
        <v>244</v>
      </c>
      <c r="E41130" s="15">
        <v>45626</v>
      </c>
      <c r="F41130" s="14" t="s">
        <v>61</v>
      </c>
      <c r="G41130" s="16">
        <v>4.9827729889859222</v>
      </c>
    </row>
    <row r="41131" spans="1:7" x14ac:dyDescent="0.3">
      <c r="A41131" s="13" t="s">
        <v>243</v>
      </c>
      <c r="B41131" s="14" t="s">
        <v>1</v>
      </c>
      <c r="C41131" s="14" t="s">
        <v>137</v>
      </c>
      <c r="D41131" s="14" t="s">
        <v>244</v>
      </c>
      <c r="E41131" s="15">
        <v>45627</v>
      </c>
      <c r="F41131" s="14" t="s">
        <v>61</v>
      </c>
      <c r="G41131" s="16">
        <v>4.9827729889859222</v>
      </c>
    </row>
    <row r="41132" spans="1:7" x14ac:dyDescent="0.3">
      <c r="A41132" s="13" t="s">
        <v>243</v>
      </c>
      <c r="B41132" s="14" t="s">
        <v>1</v>
      </c>
      <c r="C41132" s="14" t="s">
        <v>137</v>
      </c>
      <c r="D41132" s="14" t="s">
        <v>244</v>
      </c>
      <c r="E41132" s="15">
        <v>45628</v>
      </c>
      <c r="F41132" s="14" t="s">
        <v>61</v>
      </c>
      <c r="G41132" s="16">
        <v>5.0406910256252191</v>
      </c>
    </row>
    <row r="41133" spans="1:7" x14ac:dyDescent="0.3">
      <c r="A41133" s="13" t="s">
        <v>243</v>
      </c>
      <c r="B41133" s="14" t="s">
        <v>1</v>
      </c>
      <c r="C41133" s="14" t="s">
        <v>137</v>
      </c>
      <c r="D41133" s="14" t="s">
        <v>244</v>
      </c>
      <c r="E41133" s="15">
        <v>45629</v>
      </c>
      <c r="F41133" s="14" t="s">
        <v>61</v>
      </c>
      <c r="G41133" s="16">
        <v>5.0938449571544639</v>
      </c>
    </row>
    <row r="41134" spans="1:7" x14ac:dyDescent="0.3">
      <c r="A41134" s="13" t="s">
        <v>243</v>
      </c>
      <c r="B41134" s="14" t="s">
        <v>1</v>
      </c>
      <c r="C41134" s="14" t="s">
        <v>137</v>
      </c>
      <c r="D41134" s="14" t="s">
        <v>244</v>
      </c>
      <c r="E41134" s="15">
        <v>45630</v>
      </c>
      <c r="F41134" s="14" t="s">
        <v>61</v>
      </c>
      <c r="G41134" s="16">
        <v>5.1124990701670514</v>
      </c>
    </row>
    <row r="41135" spans="1:7" x14ac:dyDescent="0.3">
      <c r="A41135" s="13" t="s">
        <v>243</v>
      </c>
      <c r="B41135" s="14" t="s">
        <v>1</v>
      </c>
      <c r="C41135" s="14" t="s">
        <v>137</v>
      </c>
      <c r="D41135" s="14" t="s">
        <v>244</v>
      </c>
      <c r="E41135" s="15">
        <v>45631</v>
      </c>
      <c r="F41135" s="14" t="s">
        <v>61</v>
      </c>
      <c r="G41135" s="16">
        <v>5.0960572854718</v>
      </c>
    </row>
    <row r="41136" spans="1:7" x14ac:dyDescent="0.3">
      <c r="A41136" s="13" t="s">
        <v>243</v>
      </c>
      <c r="B41136" s="14" t="s">
        <v>1</v>
      </c>
      <c r="C41136" s="14" t="s">
        <v>137</v>
      </c>
      <c r="D41136" s="14" t="s">
        <v>244</v>
      </c>
      <c r="E41136" s="15">
        <v>45632</v>
      </c>
      <c r="F41136" s="14" t="s">
        <v>61</v>
      </c>
      <c r="G41136" s="16">
        <v>5.1238671511293363</v>
      </c>
    </row>
    <row r="41137" spans="1:7" x14ac:dyDescent="0.3">
      <c r="A41137" s="13" t="s">
        <v>243</v>
      </c>
      <c r="B41137" s="14" t="s">
        <v>1</v>
      </c>
      <c r="C41137" s="14" t="s">
        <v>137</v>
      </c>
      <c r="D41137" s="14" t="s">
        <v>244</v>
      </c>
      <c r="E41137" s="15">
        <v>45633</v>
      </c>
      <c r="F41137" s="14" t="s">
        <v>61</v>
      </c>
      <c r="G41137" s="16">
        <v>5.1238671511293363</v>
      </c>
    </row>
    <row r="41138" spans="1:7" x14ac:dyDescent="0.3">
      <c r="A41138" s="13" t="s">
        <v>243</v>
      </c>
      <c r="B41138" s="14" t="s">
        <v>1</v>
      </c>
      <c r="C41138" s="14" t="s">
        <v>137</v>
      </c>
      <c r="D41138" s="14" t="s">
        <v>244</v>
      </c>
      <c r="E41138" s="15">
        <v>45634</v>
      </c>
      <c r="F41138" s="14" t="s">
        <v>61</v>
      </c>
      <c r="G41138" s="16">
        <v>5.1238671511293363</v>
      </c>
    </row>
    <row r="41139" spans="1:7" x14ac:dyDescent="0.3">
      <c r="A41139" s="13" t="s">
        <v>243</v>
      </c>
      <c r="B41139" s="14" t="s">
        <v>1</v>
      </c>
      <c r="C41139" s="14" t="s">
        <v>137</v>
      </c>
      <c r="D41139" s="14" t="s">
        <v>244</v>
      </c>
      <c r="E41139" s="15">
        <v>45635</v>
      </c>
      <c r="F41139" s="14" t="s">
        <v>61</v>
      </c>
      <c r="G41139" s="16">
        <v>5.1562855262731473</v>
      </c>
    </row>
    <row r="41140" spans="1:7" x14ac:dyDescent="0.3">
      <c r="A41140" s="13" t="s">
        <v>243</v>
      </c>
      <c r="B41140" s="14" t="s">
        <v>1</v>
      </c>
      <c r="C41140" s="14" t="s">
        <v>137</v>
      </c>
      <c r="D41140" s="14" t="s">
        <v>244</v>
      </c>
      <c r="E41140" s="15">
        <v>45636</v>
      </c>
      <c r="F41140" s="14" t="s">
        <v>61</v>
      </c>
      <c r="G41140" s="16">
        <v>5.2280947112999305</v>
      </c>
    </row>
    <row r="41141" spans="1:7" x14ac:dyDescent="0.3">
      <c r="A41141" s="13" t="s">
        <v>243</v>
      </c>
      <c r="B41141" s="14" t="s">
        <v>1</v>
      </c>
      <c r="C41141" s="14" t="s">
        <v>137</v>
      </c>
      <c r="D41141" s="14" t="s">
        <v>244</v>
      </c>
      <c r="E41141" s="15">
        <v>45637</v>
      </c>
      <c r="F41141" s="14" t="s">
        <v>61</v>
      </c>
      <c r="G41141" s="16">
        <v>5.2637945877982091</v>
      </c>
    </row>
    <row r="41142" spans="1:7" x14ac:dyDescent="0.3">
      <c r="A41142" s="13" t="s">
        <v>243</v>
      </c>
      <c r="B41142" s="14" t="s">
        <v>1</v>
      </c>
      <c r="C41142" s="14" t="s">
        <v>137</v>
      </c>
      <c r="D41142" s="14" t="s">
        <v>244</v>
      </c>
      <c r="E41142" s="15">
        <v>45638</v>
      </c>
      <c r="F41142" s="14" t="s">
        <v>61</v>
      </c>
      <c r="G41142" s="16">
        <v>5.2978735849824288</v>
      </c>
    </row>
    <row r="41143" spans="1:7" x14ac:dyDescent="0.3">
      <c r="A41143" s="13" t="s">
        <v>243</v>
      </c>
      <c r="B41143" s="14" t="s">
        <v>1</v>
      </c>
      <c r="C41143" s="14" t="s">
        <v>137</v>
      </c>
      <c r="D41143" s="14" t="s">
        <v>244</v>
      </c>
      <c r="E41143" s="15">
        <v>45639</v>
      </c>
      <c r="F41143" s="14" t="s">
        <v>61</v>
      </c>
      <c r="G41143" s="16">
        <v>5.3004440602622829</v>
      </c>
    </row>
    <row r="41144" spans="1:7" x14ac:dyDescent="0.3">
      <c r="A41144" s="13" t="s">
        <v>243</v>
      </c>
      <c r="B41144" s="14" t="s">
        <v>1</v>
      </c>
      <c r="C41144" s="14" t="s">
        <v>137</v>
      </c>
      <c r="D41144" s="14" t="s">
        <v>244</v>
      </c>
      <c r="E41144" s="15">
        <v>45640</v>
      </c>
      <c r="F41144" s="14" t="s">
        <v>61</v>
      </c>
      <c r="G41144" s="16">
        <v>5.3004440602622829</v>
      </c>
    </row>
    <row r="41145" spans="1:7" x14ac:dyDescent="0.3">
      <c r="A41145" s="13" t="s">
        <v>243</v>
      </c>
      <c r="B41145" s="14" t="s">
        <v>1</v>
      </c>
      <c r="C41145" s="14" t="s">
        <v>137</v>
      </c>
      <c r="D41145" s="14" t="s">
        <v>244</v>
      </c>
      <c r="E41145" s="15">
        <v>45641</v>
      </c>
      <c r="F41145" s="14" t="s">
        <v>61</v>
      </c>
      <c r="G41145" s="16">
        <v>5.3004440602622829</v>
      </c>
    </row>
    <row r="41146" spans="1:7" x14ac:dyDescent="0.3">
      <c r="A41146" s="13" t="s">
        <v>243</v>
      </c>
      <c r="B41146" s="14" t="s">
        <v>1</v>
      </c>
      <c r="C41146" s="14" t="s">
        <v>137</v>
      </c>
      <c r="D41146" s="14" t="s">
        <v>244</v>
      </c>
      <c r="E41146" s="15">
        <v>45642</v>
      </c>
      <c r="F41146" s="14" t="s">
        <v>61</v>
      </c>
      <c r="G41146" s="16">
        <v>5.314495737506701</v>
      </c>
    </row>
    <row r="41147" spans="1:7" x14ac:dyDescent="0.3">
      <c r="A41147" s="13" t="s">
        <v>243</v>
      </c>
      <c r="B41147" s="14" t="s">
        <v>1</v>
      </c>
      <c r="C41147" s="14" t="s">
        <v>137</v>
      </c>
      <c r="D41147" s="14" t="s">
        <v>244</v>
      </c>
      <c r="E41147" s="15">
        <v>45643</v>
      </c>
      <c r="F41147" s="14" t="s">
        <v>61</v>
      </c>
      <c r="G41147" s="16">
        <v>5.3840770238834388</v>
      </c>
    </row>
    <row r="41148" spans="1:7" x14ac:dyDescent="0.3">
      <c r="A41148" s="13" t="s">
        <v>243</v>
      </c>
      <c r="B41148" s="14" t="s">
        <v>1</v>
      </c>
      <c r="C41148" s="14" t="s">
        <v>137</v>
      </c>
      <c r="D41148" s="14" t="s">
        <v>244</v>
      </c>
      <c r="E41148" s="15">
        <v>45644</v>
      </c>
      <c r="F41148" s="14" t="s">
        <v>61</v>
      </c>
      <c r="G41148" s="16">
        <v>5.4769331410332516</v>
      </c>
    </row>
    <row r="41149" spans="1:7" x14ac:dyDescent="0.3">
      <c r="A41149" s="13" t="s">
        <v>243</v>
      </c>
      <c r="B41149" s="14" t="s">
        <v>1</v>
      </c>
      <c r="C41149" s="14" t="s">
        <v>137</v>
      </c>
      <c r="D41149" s="14" t="s">
        <v>244</v>
      </c>
      <c r="E41149" s="15">
        <v>45645</v>
      </c>
      <c r="F41149" s="14" t="s">
        <v>61</v>
      </c>
      <c r="G41149" s="16">
        <v>5.4923632055425609</v>
      </c>
    </row>
    <row r="41150" spans="1:7" x14ac:dyDescent="0.3">
      <c r="A41150" s="13" t="s">
        <v>243</v>
      </c>
      <c r="B41150" s="14" t="s">
        <v>1</v>
      </c>
      <c r="C41150" s="14" t="s">
        <v>137</v>
      </c>
      <c r="D41150" s="14" t="s">
        <v>244</v>
      </c>
      <c r="E41150" s="15">
        <v>45646</v>
      </c>
      <c r="F41150" s="14" t="s">
        <v>61</v>
      </c>
      <c r="G41150" s="16">
        <v>5.4772396578845655</v>
      </c>
    </row>
    <row r="41151" spans="1:7" x14ac:dyDescent="0.3">
      <c r="A41151" s="13" t="s">
        <v>243</v>
      </c>
      <c r="B41151" s="14" t="s">
        <v>1</v>
      </c>
      <c r="C41151" s="14" t="s">
        <v>137</v>
      </c>
      <c r="D41151" s="14" t="s">
        <v>244</v>
      </c>
      <c r="E41151" s="15">
        <v>45647</v>
      </c>
      <c r="F41151" s="14" t="s">
        <v>61</v>
      </c>
      <c r="G41151" s="16">
        <v>5.4772396578845655</v>
      </c>
    </row>
    <row r="41152" spans="1:7" x14ac:dyDescent="0.3">
      <c r="A41152" s="13" t="s">
        <v>243</v>
      </c>
      <c r="B41152" s="14" t="s">
        <v>1</v>
      </c>
      <c r="C41152" s="14" t="s">
        <v>137</v>
      </c>
      <c r="D41152" s="14" t="s">
        <v>244</v>
      </c>
      <c r="E41152" s="15">
        <v>45648</v>
      </c>
      <c r="F41152" s="14" t="s">
        <v>61</v>
      </c>
      <c r="G41152" s="16">
        <v>5.4772396578845655</v>
      </c>
    </row>
    <row r="41153" spans="1:7" x14ac:dyDescent="0.3">
      <c r="A41153" s="13" t="s">
        <v>243</v>
      </c>
      <c r="B41153" s="14" t="s">
        <v>1</v>
      </c>
      <c r="C41153" s="14" t="s">
        <v>137</v>
      </c>
      <c r="D41153" s="14" t="s">
        <v>244</v>
      </c>
      <c r="E41153" s="15">
        <v>45649</v>
      </c>
      <c r="F41153" s="14" t="s">
        <v>61</v>
      </c>
      <c r="G41153" s="16">
        <v>5.5101659309158233</v>
      </c>
    </row>
    <row r="41154" spans="1:7" x14ac:dyDescent="0.3">
      <c r="A41154" s="13" t="s">
        <v>243</v>
      </c>
      <c r="B41154" s="14" t="s">
        <v>1</v>
      </c>
      <c r="C41154" s="14" t="s">
        <v>137</v>
      </c>
      <c r="D41154" s="14" t="s">
        <v>244</v>
      </c>
      <c r="E41154" s="15">
        <v>45650</v>
      </c>
      <c r="F41154" s="14" t="s">
        <v>61</v>
      </c>
      <c r="G41154" s="16">
        <v>5.5738168902937941</v>
      </c>
    </row>
    <row r="41155" spans="1:7" x14ac:dyDescent="0.3">
      <c r="A41155" s="13" t="s">
        <v>243</v>
      </c>
      <c r="B41155" s="14" t="s">
        <v>1</v>
      </c>
      <c r="C41155" s="14" t="s">
        <v>137</v>
      </c>
      <c r="D41155" s="14" t="s">
        <v>244</v>
      </c>
      <c r="E41155" s="15">
        <v>45651</v>
      </c>
      <c r="F41155" s="14" t="s">
        <v>61</v>
      </c>
      <c r="G41155" s="16">
        <v>5.5738168902937941</v>
      </c>
    </row>
    <row r="41156" spans="1:7" x14ac:dyDescent="0.3">
      <c r="A41156" s="13" t="s">
        <v>243</v>
      </c>
      <c r="B41156" s="14" t="s">
        <v>1</v>
      </c>
      <c r="C41156" s="14" t="s">
        <v>137</v>
      </c>
      <c r="D41156" s="14" t="s">
        <v>244</v>
      </c>
      <c r="E41156" s="15">
        <v>45652</v>
      </c>
      <c r="F41156" s="14" t="s">
        <v>61</v>
      </c>
      <c r="G41156" s="16">
        <v>5.5738168902937941</v>
      </c>
    </row>
    <row r="41157" spans="1:7" x14ac:dyDescent="0.3">
      <c r="A41157" s="13" t="s">
        <v>243</v>
      </c>
      <c r="B41157" s="14" t="s">
        <v>1</v>
      </c>
      <c r="C41157" s="14" t="s">
        <v>137</v>
      </c>
      <c r="D41157" s="14" t="s">
        <v>244</v>
      </c>
      <c r="E41157" s="15">
        <v>45653</v>
      </c>
      <c r="F41157" s="14" t="s">
        <v>61</v>
      </c>
      <c r="G41157" s="16">
        <v>5.5738168902937941</v>
      </c>
    </row>
    <row r="41158" spans="1:7" x14ac:dyDescent="0.3">
      <c r="A41158" s="13" t="s">
        <v>243</v>
      </c>
      <c r="B41158" s="14" t="s">
        <v>1</v>
      </c>
      <c r="C41158" s="14" t="s">
        <v>137</v>
      </c>
      <c r="D41158" s="14" t="s">
        <v>244</v>
      </c>
      <c r="E41158" s="15">
        <v>45654</v>
      </c>
      <c r="F41158" s="14" t="s">
        <v>61</v>
      </c>
      <c r="G41158" s="16">
        <v>5.5738168902937941</v>
      </c>
    </row>
    <row r="41159" spans="1:7" x14ac:dyDescent="0.3">
      <c r="A41159" s="13" t="s">
        <v>243</v>
      </c>
      <c r="B41159" s="14" t="s">
        <v>1</v>
      </c>
      <c r="C41159" s="14" t="s">
        <v>137</v>
      </c>
      <c r="D41159" s="14" t="s">
        <v>244</v>
      </c>
      <c r="E41159" s="15">
        <v>45655</v>
      </c>
      <c r="F41159" s="14" t="s">
        <v>61</v>
      </c>
      <c r="G41159" s="16">
        <v>5.5738168902937941</v>
      </c>
    </row>
    <row r="41160" spans="1:7" x14ac:dyDescent="0.3">
      <c r="A41160" s="13" t="s">
        <v>243</v>
      </c>
      <c r="B41160" s="14" t="s">
        <v>1</v>
      </c>
      <c r="C41160" s="14" t="s">
        <v>137</v>
      </c>
      <c r="D41160" s="14" t="s">
        <v>244</v>
      </c>
      <c r="E41160" s="15">
        <v>45656</v>
      </c>
      <c r="F41160" s="14" t="s">
        <v>61</v>
      </c>
      <c r="G41160" s="16">
        <v>5.589002242172965</v>
      </c>
    </row>
    <row r="41161" spans="1:7" x14ac:dyDescent="0.3">
      <c r="A41161" s="13" t="s">
        <v>243</v>
      </c>
      <c r="B41161" s="14" t="s">
        <v>1</v>
      </c>
      <c r="C41161" s="14" t="s">
        <v>137</v>
      </c>
      <c r="D41161" s="14" t="s">
        <v>244</v>
      </c>
      <c r="E41161" s="15">
        <v>45657</v>
      </c>
      <c r="F41161" s="14" t="s">
        <v>61</v>
      </c>
      <c r="G41161" s="16">
        <v>5.7368456470810383</v>
      </c>
    </row>
    <row r="41162" spans="1:7" x14ac:dyDescent="0.3">
      <c r="A41162" s="13" t="s">
        <v>243</v>
      </c>
      <c r="B41162" s="14" t="s">
        <v>1</v>
      </c>
      <c r="C41162" s="14" t="s">
        <v>137</v>
      </c>
      <c r="D41162" s="14" t="s">
        <v>244</v>
      </c>
      <c r="E41162" s="15">
        <v>45658</v>
      </c>
      <c r="F41162" s="14" t="s">
        <v>61</v>
      </c>
      <c r="G41162" s="16">
        <v>5.7368456470810383</v>
      </c>
    </row>
    <row r="41163" spans="1:7" x14ac:dyDescent="0.3">
      <c r="A41163" s="13" t="s">
        <v>243</v>
      </c>
      <c r="B41163" s="14" t="s">
        <v>1</v>
      </c>
      <c r="C41163" s="14" t="s">
        <v>137</v>
      </c>
      <c r="D41163" s="14" t="s">
        <v>244</v>
      </c>
      <c r="E41163" s="15">
        <v>45659</v>
      </c>
      <c r="F41163" s="14" t="s">
        <v>61</v>
      </c>
      <c r="G41163" s="16">
        <v>5.805331423027809</v>
      </c>
    </row>
    <row r="41164" spans="1:7" x14ac:dyDescent="0.3">
      <c r="A41164" s="13" t="s">
        <v>243</v>
      </c>
      <c r="B41164" s="14" t="s">
        <v>1</v>
      </c>
      <c r="C41164" s="14" t="s">
        <v>137</v>
      </c>
      <c r="D41164" s="14" t="s">
        <v>244</v>
      </c>
      <c r="E41164" s="15">
        <v>45660</v>
      </c>
      <c r="F41164" s="14" t="s">
        <v>61</v>
      </c>
      <c r="G41164" s="16">
        <v>5.8054685723144601</v>
      </c>
    </row>
    <row r="41165" spans="1:7" x14ac:dyDescent="0.3">
      <c r="A41165" s="13" t="s">
        <v>243</v>
      </c>
      <c r="B41165" s="14" t="s">
        <v>1</v>
      </c>
      <c r="C41165" s="14" t="s">
        <v>137</v>
      </c>
      <c r="D41165" s="14" t="s">
        <v>244</v>
      </c>
      <c r="E41165" s="15">
        <v>45661</v>
      </c>
      <c r="F41165" s="14" t="s">
        <v>61</v>
      </c>
      <c r="G41165" s="16">
        <v>5.8054685723144601</v>
      </c>
    </row>
    <row r="41166" spans="1:7" x14ac:dyDescent="0.3">
      <c r="A41166" s="13" t="s">
        <v>243</v>
      </c>
      <c r="B41166" s="14" t="s">
        <v>1</v>
      </c>
      <c r="C41166" s="14" t="s">
        <v>137</v>
      </c>
      <c r="D41166" s="14" t="s">
        <v>244</v>
      </c>
      <c r="E41166" s="15">
        <v>45662</v>
      </c>
      <c r="F41166" s="14" t="s">
        <v>61</v>
      </c>
      <c r="G41166" s="16">
        <v>5.8054685723144601</v>
      </c>
    </row>
    <row r="41167" spans="1:7" x14ac:dyDescent="0.3">
      <c r="A41167" s="13" t="s">
        <v>243</v>
      </c>
      <c r="B41167" s="14" t="s">
        <v>1</v>
      </c>
      <c r="C41167" s="14" t="s">
        <v>137</v>
      </c>
      <c r="D41167" s="14" t="s">
        <v>244</v>
      </c>
      <c r="E41167" s="15">
        <v>45663</v>
      </c>
      <c r="F41167" s="14" t="s">
        <v>61</v>
      </c>
      <c r="G41167" s="16">
        <v>5.7798898122177818</v>
      </c>
    </row>
    <row r="41168" spans="1:7" x14ac:dyDescent="0.3">
      <c r="A41168" s="13" t="s">
        <v>243</v>
      </c>
      <c r="B41168" s="14" t="s">
        <v>1</v>
      </c>
      <c r="C41168" s="14" t="s">
        <v>137</v>
      </c>
      <c r="D41168" s="14" t="s">
        <v>244</v>
      </c>
      <c r="E41168" s="15">
        <v>45664</v>
      </c>
      <c r="F41168" s="14" t="s">
        <v>61</v>
      </c>
      <c r="G41168" s="16">
        <v>5.8702058443063629</v>
      </c>
    </row>
    <row r="41169" spans="1:7" x14ac:dyDescent="0.3">
      <c r="A41169" s="13" t="s">
        <v>243</v>
      </c>
      <c r="B41169" s="14" t="s">
        <v>1</v>
      </c>
      <c r="C41169" s="14" t="s">
        <v>137</v>
      </c>
      <c r="D41169" s="14" t="s">
        <v>244</v>
      </c>
      <c r="E41169" s="15">
        <v>45665</v>
      </c>
      <c r="F41169" s="14" t="s">
        <v>61</v>
      </c>
      <c r="G41169" s="16">
        <v>5.9024167674671437</v>
      </c>
    </row>
    <row r="41170" spans="1:7" x14ac:dyDescent="0.3">
      <c r="A41170" s="13" t="s">
        <v>243</v>
      </c>
      <c r="B41170" s="14" t="s">
        <v>1</v>
      </c>
      <c r="C41170" s="14" t="s">
        <v>137</v>
      </c>
      <c r="D41170" s="14" t="s">
        <v>244</v>
      </c>
      <c r="E41170" s="15">
        <v>45666</v>
      </c>
      <c r="F41170" s="14" t="s">
        <v>61</v>
      </c>
      <c r="G41170" s="16">
        <v>5.9344353131639336</v>
      </c>
    </row>
    <row r="41171" spans="1:7" x14ac:dyDescent="0.3">
      <c r="A41171" s="13" t="s">
        <v>243</v>
      </c>
      <c r="B41171" s="14" t="s">
        <v>1</v>
      </c>
      <c r="C41171" s="14" t="s">
        <v>137</v>
      </c>
      <c r="D41171" s="14" t="s">
        <v>244</v>
      </c>
      <c r="E41171" s="15">
        <v>45667</v>
      </c>
      <c r="F41171" s="14" t="s">
        <v>61</v>
      </c>
      <c r="G41171" s="16">
        <v>5.9905282798467603</v>
      </c>
    </row>
    <row r="41172" spans="1:7" x14ac:dyDescent="0.3">
      <c r="A41172" s="13" t="s">
        <v>243</v>
      </c>
      <c r="B41172" s="14" t="s">
        <v>1</v>
      </c>
      <c r="C41172" s="14" t="s">
        <v>137</v>
      </c>
      <c r="D41172" s="14" t="s">
        <v>244</v>
      </c>
      <c r="E41172" s="15">
        <v>45668</v>
      </c>
      <c r="F41172" s="14" t="s">
        <v>61</v>
      </c>
      <c r="G41172" s="16">
        <v>5.9905282798467603</v>
      </c>
    </row>
    <row r="41173" spans="1:7" x14ac:dyDescent="0.3">
      <c r="A41173" s="13" t="s">
        <v>243</v>
      </c>
      <c r="B41173" s="14" t="s">
        <v>1</v>
      </c>
      <c r="C41173" s="14" t="s">
        <v>137</v>
      </c>
      <c r="D41173" s="14" t="s">
        <v>244</v>
      </c>
      <c r="E41173" s="15">
        <v>45669</v>
      </c>
      <c r="F41173" s="14" t="s">
        <v>61</v>
      </c>
      <c r="G41173" s="16">
        <v>5.9905282798467603</v>
      </c>
    </row>
    <row r="41174" spans="1:7" x14ac:dyDescent="0.3">
      <c r="A41174" s="13" t="s">
        <v>243</v>
      </c>
      <c r="B41174" s="14" t="s">
        <v>1</v>
      </c>
      <c r="C41174" s="14" t="s">
        <v>137</v>
      </c>
      <c r="D41174" s="14" t="s">
        <v>244</v>
      </c>
      <c r="E41174" s="15">
        <v>45670</v>
      </c>
      <c r="F41174" s="14" t="s">
        <v>61</v>
      </c>
      <c r="G41174" s="16">
        <v>6.011403024549451</v>
      </c>
    </row>
    <row r="41175" spans="1:7" x14ac:dyDescent="0.3">
      <c r="A41175" s="13" t="s">
        <v>243</v>
      </c>
      <c r="B41175" s="14" t="s">
        <v>1</v>
      </c>
      <c r="C41175" s="14" t="s">
        <v>137</v>
      </c>
      <c r="D41175" s="14" t="s">
        <v>244</v>
      </c>
      <c r="E41175" s="15">
        <v>45671</v>
      </c>
      <c r="F41175" s="14" t="s">
        <v>61</v>
      </c>
      <c r="G41175" s="16">
        <v>6.036140326576569</v>
      </c>
    </row>
    <row r="41176" spans="1:7" x14ac:dyDescent="0.3">
      <c r="A41176" s="13" t="s">
        <v>243</v>
      </c>
      <c r="B41176" s="14" t="s">
        <v>1</v>
      </c>
      <c r="C41176" s="14" t="s">
        <v>137</v>
      </c>
      <c r="D41176" s="14" t="s">
        <v>244</v>
      </c>
      <c r="E41176" s="15">
        <v>45672</v>
      </c>
      <c r="F41176" s="14" t="s">
        <v>61</v>
      </c>
      <c r="G41176" s="16">
        <v>6.0687724769583715</v>
      </c>
    </row>
    <row r="41177" spans="1:7" x14ac:dyDescent="0.3">
      <c r="A41177" s="13" t="s">
        <v>243</v>
      </c>
      <c r="B41177" s="14" t="s">
        <v>1</v>
      </c>
      <c r="C41177" s="14" t="s">
        <v>137</v>
      </c>
      <c r="D41177" s="14" t="s">
        <v>244</v>
      </c>
      <c r="E41177" s="15">
        <v>45673</v>
      </c>
      <c r="F41177" s="14" t="s">
        <v>61</v>
      </c>
      <c r="G41177" s="16">
        <v>6.0830594793563169</v>
      </c>
    </row>
    <row r="41178" spans="1:7" x14ac:dyDescent="0.3">
      <c r="A41178" s="13" t="s">
        <v>243</v>
      </c>
      <c r="B41178" s="14" t="s">
        <v>1</v>
      </c>
      <c r="C41178" s="14" t="s">
        <v>137</v>
      </c>
      <c r="D41178" s="14" t="s">
        <v>244</v>
      </c>
      <c r="E41178" s="15">
        <v>45674</v>
      </c>
      <c r="F41178" s="14" t="s">
        <v>61</v>
      </c>
      <c r="G41178" s="16">
        <v>6.1186671920133309</v>
      </c>
    </row>
    <row r="41179" spans="1:7" x14ac:dyDescent="0.3">
      <c r="A41179" s="13" t="s">
        <v>243</v>
      </c>
      <c r="B41179" s="14" t="s">
        <v>1</v>
      </c>
      <c r="C41179" s="14" t="s">
        <v>137</v>
      </c>
      <c r="D41179" s="14" t="s">
        <v>244</v>
      </c>
      <c r="E41179" s="15">
        <v>45675</v>
      </c>
      <c r="F41179" s="14" t="s">
        <v>61</v>
      </c>
      <c r="G41179" s="16">
        <v>6.1186671920133309</v>
      </c>
    </row>
    <row r="41180" spans="1:7" x14ac:dyDescent="0.3">
      <c r="A41180" s="13" t="s">
        <v>243</v>
      </c>
      <c r="B41180" s="14" t="s">
        <v>1</v>
      </c>
      <c r="C41180" s="14" t="s">
        <v>137</v>
      </c>
      <c r="D41180" s="14" t="s">
        <v>244</v>
      </c>
      <c r="E41180" s="15">
        <v>45676</v>
      </c>
      <c r="F41180" s="14" t="s">
        <v>61</v>
      </c>
      <c r="G41180" s="16">
        <v>6.1186671920133309</v>
      </c>
    </row>
    <row r="41181" spans="1:7" x14ac:dyDescent="0.3">
      <c r="A41181" s="13" t="s">
        <v>243</v>
      </c>
      <c r="B41181" s="14" t="s">
        <v>1</v>
      </c>
      <c r="C41181" s="14" t="s">
        <v>137</v>
      </c>
      <c r="D41181" s="14" t="s">
        <v>244</v>
      </c>
      <c r="E41181" s="15">
        <v>45677</v>
      </c>
      <c r="F41181" s="14" t="s">
        <v>61</v>
      </c>
      <c r="G41181" s="16">
        <v>6.0539353879300073</v>
      </c>
    </row>
    <row r="41182" spans="1:7" x14ac:dyDescent="0.3">
      <c r="A41182" s="13" t="s">
        <v>243</v>
      </c>
      <c r="B41182" s="14" t="s">
        <v>1</v>
      </c>
      <c r="C41182" s="14" t="s">
        <v>137</v>
      </c>
      <c r="D41182" s="14" t="s">
        <v>244</v>
      </c>
      <c r="E41182" s="15">
        <v>45678</v>
      </c>
      <c r="F41182" s="14" t="s">
        <v>61</v>
      </c>
      <c r="G41182" s="16">
        <v>6.1065453924088109</v>
      </c>
    </row>
    <row r="41183" spans="1:7" x14ac:dyDescent="0.3">
      <c r="A41183" s="13" t="s">
        <v>243</v>
      </c>
      <c r="B41183" s="14" t="s">
        <v>1</v>
      </c>
      <c r="C41183" s="14" t="s">
        <v>137</v>
      </c>
      <c r="D41183" s="14" t="s">
        <v>244</v>
      </c>
      <c r="E41183" s="15">
        <v>45679</v>
      </c>
      <c r="F41183" s="14" t="s">
        <v>61</v>
      </c>
      <c r="G41183" s="16">
        <v>6.1390008869647872</v>
      </c>
    </row>
    <row r="41184" spans="1:7" x14ac:dyDescent="0.3">
      <c r="A41184" s="13" t="s">
        <v>243</v>
      </c>
      <c r="B41184" s="14" t="s">
        <v>1</v>
      </c>
      <c r="C41184" s="14" t="s">
        <v>137</v>
      </c>
      <c r="D41184" s="14" t="s">
        <v>244</v>
      </c>
      <c r="E41184" s="15">
        <v>45680</v>
      </c>
      <c r="F41184" s="14" t="s">
        <v>61</v>
      </c>
      <c r="G41184" s="16">
        <v>6.1549256321715786</v>
      </c>
    </row>
    <row r="41185" spans="1:7" x14ac:dyDescent="0.3">
      <c r="A41185" s="13" t="s">
        <v>243</v>
      </c>
      <c r="B41185" s="14" t="s">
        <v>1</v>
      </c>
      <c r="C41185" s="14" t="s">
        <v>137</v>
      </c>
      <c r="D41185" s="14" t="s">
        <v>244</v>
      </c>
      <c r="E41185" s="15">
        <v>45681</v>
      </c>
      <c r="F41185" s="14" t="s">
        <v>61</v>
      </c>
      <c r="G41185" s="16">
        <v>6.1289612093986721</v>
      </c>
    </row>
    <row r="41186" spans="1:7" x14ac:dyDescent="0.3">
      <c r="A41186" s="13" t="s">
        <v>243</v>
      </c>
      <c r="B41186" s="14" t="s">
        <v>1</v>
      </c>
      <c r="C41186" s="14" t="s">
        <v>137</v>
      </c>
      <c r="D41186" s="14" t="s">
        <v>244</v>
      </c>
      <c r="E41186" s="15">
        <v>45682</v>
      </c>
      <c r="F41186" s="14" t="s">
        <v>61</v>
      </c>
      <c r="G41186" s="16">
        <v>6.1289612093986721</v>
      </c>
    </row>
    <row r="41187" spans="1:7" x14ac:dyDescent="0.3">
      <c r="A41187" s="13" t="s">
        <v>243</v>
      </c>
      <c r="B41187" s="14" t="s">
        <v>1</v>
      </c>
      <c r="C41187" s="14" t="s">
        <v>137</v>
      </c>
      <c r="D41187" s="14" t="s">
        <v>244</v>
      </c>
      <c r="E41187" s="15">
        <v>45683</v>
      </c>
      <c r="F41187" s="14" t="s">
        <v>61</v>
      </c>
      <c r="G41187" s="16">
        <v>6.1289612093986721</v>
      </c>
    </row>
    <row r="41188" spans="1:7" x14ac:dyDescent="0.3">
      <c r="A41188" s="13" t="s">
        <v>243</v>
      </c>
      <c r="B41188" s="14" t="s">
        <v>1</v>
      </c>
      <c r="C41188" s="14" t="s">
        <v>137</v>
      </c>
      <c r="D41188" s="14" t="s">
        <v>244</v>
      </c>
      <c r="E41188" s="15">
        <v>45684</v>
      </c>
      <c r="F41188" s="14" t="s">
        <v>61</v>
      </c>
      <c r="G41188" s="16">
        <v>6.1498171848295353</v>
      </c>
    </row>
    <row r="41189" spans="1:7" x14ac:dyDescent="0.3">
      <c r="A41189" s="13" t="s">
        <v>243</v>
      </c>
      <c r="B41189" s="14" t="s">
        <v>1</v>
      </c>
      <c r="C41189" s="14" t="s">
        <v>137</v>
      </c>
      <c r="D41189" s="14" t="s">
        <v>244</v>
      </c>
      <c r="E41189" s="15">
        <v>45685</v>
      </c>
      <c r="F41189" s="14" t="s">
        <v>61</v>
      </c>
      <c r="G41189" s="16">
        <v>6.2452091483956078</v>
      </c>
    </row>
    <row r="41190" spans="1:7" x14ac:dyDescent="0.3">
      <c r="A41190" s="13" t="s">
        <v>243</v>
      </c>
      <c r="B41190" s="14" t="s">
        <v>1</v>
      </c>
      <c r="C41190" s="14" t="s">
        <v>137</v>
      </c>
      <c r="D41190" s="14" t="s">
        <v>244</v>
      </c>
      <c r="E41190" s="15">
        <v>45686</v>
      </c>
      <c r="F41190" s="14" t="s">
        <v>61</v>
      </c>
      <c r="G41190" s="16">
        <v>6.2748839828338001</v>
      </c>
    </row>
    <row r="41191" spans="1:7" x14ac:dyDescent="0.3">
      <c r="A41191" s="13" t="s">
        <v>243</v>
      </c>
      <c r="B41191" s="14" t="s">
        <v>1</v>
      </c>
      <c r="C41191" s="14" t="s">
        <v>137</v>
      </c>
      <c r="D41191" s="14" t="s">
        <v>244</v>
      </c>
      <c r="E41191" s="15">
        <v>45687</v>
      </c>
      <c r="F41191" s="14" t="s">
        <v>61</v>
      </c>
      <c r="G41191" s="16">
        <v>6.3174313618831484</v>
      </c>
    </row>
    <row r="41192" spans="1:7" x14ac:dyDescent="0.3">
      <c r="A41192" s="13" t="s">
        <v>243</v>
      </c>
      <c r="B41192" s="14" t="s">
        <v>1</v>
      </c>
      <c r="C41192" s="14" t="s">
        <v>137</v>
      </c>
      <c r="D41192" s="14" t="s">
        <v>244</v>
      </c>
      <c r="E41192" s="15">
        <v>45688</v>
      </c>
      <c r="F41192" s="14" t="s">
        <v>61</v>
      </c>
      <c r="G41192" s="16">
        <v>6.3533534313181512</v>
      </c>
    </row>
    <row r="41193" spans="1:7" x14ac:dyDescent="0.3">
      <c r="A41193" s="13" t="s">
        <v>243</v>
      </c>
      <c r="B41193" s="14" t="s">
        <v>1</v>
      </c>
      <c r="C41193" s="14" t="s">
        <v>137</v>
      </c>
      <c r="D41193" s="14" t="s">
        <v>244</v>
      </c>
      <c r="E41193" s="15">
        <v>45689</v>
      </c>
      <c r="F41193" s="14" t="s">
        <v>61</v>
      </c>
      <c r="G41193" s="16">
        <v>6.3533534313181512</v>
      </c>
    </row>
    <row r="41194" spans="1:7" x14ac:dyDescent="0.3">
      <c r="A41194" s="13" t="s">
        <v>243</v>
      </c>
      <c r="B41194" s="14" t="s">
        <v>1</v>
      </c>
      <c r="C41194" s="14" t="s">
        <v>137</v>
      </c>
      <c r="D41194" s="14" t="s">
        <v>244</v>
      </c>
      <c r="E41194" s="15">
        <v>45690</v>
      </c>
      <c r="F41194" s="14" t="s">
        <v>61</v>
      </c>
      <c r="G41194" s="16">
        <v>6.3533534313181512</v>
      </c>
    </row>
    <row r="41195" spans="1:7" x14ac:dyDescent="0.3">
      <c r="A41195" s="13" t="s">
        <v>243</v>
      </c>
      <c r="B41195" s="14" t="s">
        <v>1</v>
      </c>
      <c r="C41195" s="14" t="s">
        <v>137</v>
      </c>
      <c r="D41195" s="14" t="s">
        <v>244</v>
      </c>
      <c r="E41195" s="15">
        <v>45691</v>
      </c>
      <c r="F41195" s="14" t="s">
        <v>61</v>
      </c>
      <c r="G41195" s="16">
        <v>6.3533534313181512</v>
      </c>
    </row>
    <row r="41196" spans="1:7" x14ac:dyDescent="0.3">
      <c r="A41196" s="13" t="s">
        <v>243</v>
      </c>
      <c r="B41196" s="14" t="s">
        <v>1</v>
      </c>
      <c r="C41196" s="14" t="s">
        <v>137</v>
      </c>
      <c r="D41196" s="14" t="s">
        <v>244</v>
      </c>
      <c r="E41196" s="15">
        <v>45692</v>
      </c>
      <c r="F41196" s="14" t="s">
        <v>61</v>
      </c>
      <c r="G41196" s="16">
        <v>6.3623777951280269</v>
      </c>
    </row>
    <row r="41197" spans="1:7" x14ac:dyDescent="0.3">
      <c r="A41197" s="13" t="s">
        <v>243</v>
      </c>
      <c r="B41197" s="14" t="s">
        <v>1</v>
      </c>
      <c r="C41197" s="14" t="s">
        <v>137</v>
      </c>
      <c r="D41197" s="14" t="s">
        <v>244</v>
      </c>
      <c r="E41197" s="15">
        <v>45693</v>
      </c>
      <c r="F41197" s="14" t="s">
        <v>61</v>
      </c>
      <c r="G41197" s="16">
        <v>6.4145007687118305</v>
      </c>
    </row>
    <row r="41198" spans="1:7" x14ac:dyDescent="0.3">
      <c r="A41198" s="13" t="s">
        <v>243</v>
      </c>
      <c r="B41198" s="14" t="s">
        <v>1</v>
      </c>
      <c r="C41198" s="14" t="s">
        <v>137</v>
      </c>
      <c r="D41198" s="14" t="s">
        <v>244</v>
      </c>
      <c r="E41198" s="15">
        <v>45694</v>
      </c>
      <c r="F41198" s="14" t="s">
        <v>61</v>
      </c>
      <c r="G41198" s="16">
        <v>6.4453374019078229</v>
      </c>
    </row>
    <row r="41199" spans="1:7" x14ac:dyDescent="0.3">
      <c r="A41199" s="13" t="s">
        <v>243</v>
      </c>
      <c r="B41199" s="14" t="s">
        <v>1</v>
      </c>
      <c r="C41199" s="14" t="s">
        <v>137</v>
      </c>
      <c r="D41199" s="14" t="s">
        <v>244</v>
      </c>
      <c r="E41199" s="15">
        <v>45695</v>
      </c>
      <c r="F41199" s="14" t="s">
        <v>61</v>
      </c>
      <c r="G41199" s="16">
        <v>6.5020295376489816</v>
      </c>
    </row>
    <row r="41200" spans="1:7" x14ac:dyDescent="0.3">
      <c r="A41200" s="13" t="s">
        <v>243</v>
      </c>
      <c r="B41200" s="14" t="s">
        <v>1</v>
      </c>
      <c r="C41200" s="14" t="s">
        <v>137</v>
      </c>
      <c r="D41200" s="14" t="s">
        <v>244</v>
      </c>
      <c r="E41200" s="15">
        <v>45696</v>
      </c>
      <c r="F41200" s="14" t="s">
        <v>61</v>
      </c>
      <c r="G41200" s="16">
        <v>6.5020295376489816</v>
      </c>
    </row>
    <row r="41201" spans="1:7" x14ac:dyDescent="0.3">
      <c r="A41201" s="13" t="s">
        <v>243</v>
      </c>
      <c r="B41201" s="14" t="s">
        <v>1</v>
      </c>
      <c r="C41201" s="14" t="s">
        <v>137</v>
      </c>
      <c r="D41201" s="14" t="s">
        <v>244</v>
      </c>
      <c r="E41201" s="15">
        <v>45697</v>
      </c>
      <c r="F41201" s="14" t="s">
        <v>61</v>
      </c>
      <c r="G41201" s="16">
        <v>6.5020295376489816</v>
      </c>
    </row>
    <row r="41202" spans="1:7" x14ac:dyDescent="0.3">
      <c r="A41202" s="13" t="s">
        <v>243</v>
      </c>
      <c r="B41202" s="14" t="s">
        <v>1</v>
      </c>
      <c r="C41202" s="14" t="s">
        <v>137</v>
      </c>
      <c r="D41202" s="14" t="s">
        <v>244</v>
      </c>
      <c r="E41202" s="15">
        <v>45698</v>
      </c>
      <c r="F41202" s="14" t="s">
        <v>61</v>
      </c>
      <c r="G41202" s="16">
        <v>6.5412132302620769</v>
      </c>
    </row>
    <row r="41203" spans="1:7" x14ac:dyDescent="0.3">
      <c r="A41203" s="13" t="s">
        <v>243</v>
      </c>
      <c r="B41203" s="14" t="s">
        <v>1</v>
      </c>
      <c r="C41203" s="14" t="s">
        <v>137</v>
      </c>
      <c r="D41203" s="14" t="s">
        <v>244</v>
      </c>
      <c r="E41203" s="15">
        <v>45699</v>
      </c>
      <c r="F41203" s="14" t="s">
        <v>61</v>
      </c>
      <c r="G41203" s="16">
        <v>6.5677253133916969</v>
      </c>
    </row>
    <row r="41204" spans="1:7" x14ac:dyDescent="0.3">
      <c r="A41204" s="13" t="s">
        <v>243</v>
      </c>
      <c r="B41204" s="14" t="s">
        <v>1</v>
      </c>
      <c r="C41204" s="14" t="s">
        <v>137</v>
      </c>
      <c r="D41204" s="14" t="s">
        <v>244</v>
      </c>
      <c r="E41204" s="15">
        <v>45700</v>
      </c>
      <c r="F41204" s="14" t="s">
        <v>61</v>
      </c>
      <c r="G41204" s="16">
        <v>6.5751274777227184</v>
      </c>
    </row>
    <row r="41205" spans="1:7" x14ac:dyDescent="0.3">
      <c r="A41205" s="13" t="s">
        <v>243</v>
      </c>
      <c r="B41205" s="14" t="s">
        <v>1</v>
      </c>
      <c r="C41205" s="14" t="s">
        <v>137</v>
      </c>
      <c r="D41205" s="14" t="s">
        <v>244</v>
      </c>
      <c r="E41205" s="15">
        <v>45701</v>
      </c>
      <c r="F41205" s="14" t="s">
        <v>61</v>
      </c>
      <c r="G41205" s="16">
        <v>6.543672573341631</v>
      </c>
    </row>
    <row r="41206" spans="1:7" x14ac:dyDescent="0.3">
      <c r="A41206" s="13" t="s">
        <v>243</v>
      </c>
      <c r="B41206" s="14" t="s">
        <v>1</v>
      </c>
      <c r="C41206" s="14" t="s">
        <v>137</v>
      </c>
      <c r="D41206" s="14" t="s">
        <v>244</v>
      </c>
      <c r="E41206" s="15">
        <v>45702</v>
      </c>
      <c r="F41206" s="14" t="s">
        <v>61</v>
      </c>
      <c r="G41206" s="16">
        <v>6.4144426756638593</v>
      </c>
    </row>
    <row r="41207" spans="1:7" x14ac:dyDescent="0.3">
      <c r="A41207" s="13" t="s">
        <v>243</v>
      </c>
      <c r="B41207" s="14" t="s">
        <v>1</v>
      </c>
      <c r="C41207" s="14" t="s">
        <v>137</v>
      </c>
      <c r="D41207" s="14" t="s">
        <v>244</v>
      </c>
      <c r="E41207" s="15">
        <v>45703</v>
      </c>
      <c r="F41207" s="14" t="s">
        <v>61</v>
      </c>
      <c r="G41207" s="16">
        <v>6.4144426756638593</v>
      </c>
    </row>
    <row r="41208" spans="1:7" x14ac:dyDescent="0.3">
      <c r="A41208" s="13" t="s">
        <v>243</v>
      </c>
      <c r="B41208" s="14" t="s">
        <v>1</v>
      </c>
      <c r="C41208" s="14" t="s">
        <v>137</v>
      </c>
      <c r="D41208" s="14" t="s">
        <v>244</v>
      </c>
      <c r="E41208" s="15">
        <v>45704</v>
      </c>
      <c r="F41208" s="14" t="s">
        <v>61</v>
      </c>
      <c r="G41208" s="16">
        <v>6.4144426756638593</v>
      </c>
    </row>
    <row r="41209" spans="1:7" x14ac:dyDescent="0.3">
      <c r="A41209" s="13" t="s">
        <v>243</v>
      </c>
      <c r="B41209" s="14" t="s">
        <v>1</v>
      </c>
      <c r="C41209" s="14" t="s">
        <v>137</v>
      </c>
      <c r="D41209" s="14" t="s">
        <v>244</v>
      </c>
      <c r="E41209" s="15">
        <v>45705</v>
      </c>
      <c r="F41209" s="14" t="s">
        <v>61</v>
      </c>
      <c r="G41209" s="16">
        <v>6.577237731837374</v>
      </c>
    </row>
    <row r="41210" spans="1:7" x14ac:dyDescent="0.3">
      <c r="A41210" s="13" t="s">
        <v>243</v>
      </c>
      <c r="B41210" s="14" t="s">
        <v>1</v>
      </c>
      <c r="C41210" s="14" t="s">
        <v>137</v>
      </c>
      <c r="D41210" s="14" t="s">
        <v>244</v>
      </c>
      <c r="E41210" s="15">
        <v>45706</v>
      </c>
      <c r="F41210" s="14" t="s">
        <v>61</v>
      </c>
      <c r="G41210" s="16">
        <v>6.6613171477868498</v>
      </c>
    </row>
    <row r="41211" spans="1:7" x14ac:dyDescent="0.3">
      <c r="A41211" s="13" t="s">
        <v>243</v>
      </c>
      <c r="B41211" s="14" t="s">
        <v>1</v>
      </c>
      <c r="C41211" s="14" t="s">
        <v>137</v>
      </c>
      <c r="D41211" s="14" t="s">
        <v>244</v>
      </c>
      <c r="E41211" s="15">
        <v>45707</v>
      </c>
      <c r="F41211" s="14" t="s">
        <v>61</v>
      </c>
      <c r="G41211" s="16">
        <v>6.6985566989773986</v>
      </c>
    </row>
    <row r="41212" spans="1:7" x14ac:dyDescent="0.3">
      <c r="A41212" s="13" t="s">
        <v>243</v>
      </c>
      <c r="B41212" s="14" t="s">
        <v>1</v>
      </c>
      <c r="C41212" s="14" t="s">
        <v>137</v>
      </c>
      <c r="D41212" s="14" t="s">
        <v>244</v>
      </c>
      <c r="E41212" s="15">
        <v>45708</v>
      </c>
      <c r="F41212" s="14" t="s">
        <v>61</v>
      </c>
      <c r="G41212" s="16">
        <v>6.6687667218170645</v>
      </c>
    </row>
    <row r="41213" spans="1:7" x14ac:dyDescent="0.3">
      <c r="A41213" s="13" t="s">
        <v>243</v>
      </c>
      <c r="B41213" s="14" t="s">
        <v>1</v>
      </c>
      <c r="C41213" s="14" t="s">
        <v>137</v>
      </c>
      <c r="D41213" s="14" t="s">
        <v>244</v>
      </c>
      <c r="E41213" s="15">
        <v>45709</v>
      </c>
      <c r="F41213" s="14" t="s">
        <v>61</v>
      </c>
      <c r="G41213" s="16">
        <v>6.7162226987870417</v>
      </c>
    </row>
    <row r="41214" spans="1:7" x14ac:dyDescent="0.3">
      <c r="A41214" s="13" t="s">
        <v>243</v>
      </c>
      <c r="B41214" s="14" t="s">
        <v>1</v>
      </c>
      <c r="C41214" s="14" t="s">
        <v>137</v>
      </c>
      <c r="D41214" s="14" t="s">
        <v>244</v>
      </c>
      <c r="E41214" s="15">
        <v>45710</v>
      </c>
      <c r="F41214" s="14" t="s">
        <v>61</v>
      </c>
      <c r="G41214" s="16">
        <v>6.7162226987870417</v>
      </c>
    </row>
    <row r="41215" spans="1:7" x14ac:dyDescent="0.3">
      <c r="A41215" s="13" t="s">
        <v>243</v>
      </c>
      <c r="B41215" s="14" t="s">
        <v>1</v>
      </c>
      <c r="C41215" s="14" t="s">
        <v>137</v>
      </c>
      <c r="D41215" s="14" t="s">
        <v>244</v>
      </c>
      <c r="E41215" s="15">
        <v>45711</v>
      </c>
      <c r="F41215" s="14" t="s">
        <v>61</v>
      </c>
      <c r="G41215" s="16">
        <v>6.7162226987870417</v>
      </c>
    </row>
    <row r="41216" spans="1:7" x14ac:dyDescent="0.3">
      <c r="A41216" s="13" t="s">
        <v>243</v>
      </c>
      <c r="B41216" s="14" t="s">
        <v>1</v>
      </c>
      <c r="C41216" s="14" t="s">
        <v>137</v>
      </c>
      <c r="D41216" s="14" t="s">
        <v>244</v>
      </c>
      <c r="E41216" s="15">
        <v>45712</v>
      </c>
      <c r="F41216" s="14" t="s">
        <v>61</v>
      </c>
      <c r="G41216" s="16">
        <v>6.7307420667245639</v>
      </c>
    </row>
    <row r="41217" spans="1:7" x14ac:dyDescent="0.3">
      <c r="A41217" s="13" t="s">
        <v>243</v>
      </c>
      <c r="B41217" s="14" t="s">
        <v>1</v>
      </c>
      <c r="C41217" s="14" t="s">
        <v>137</v>
      </c>
      <c r="D41217" s="14" t="s">
        <v>244</v>
      </c>
      <c r="E41217" s="15">
        <v>45713</v>
      </c>
      <c r="F41217" s="14" t="s">
        <v>61</v>
      </c>
      <c r="G41217" s="16">
        <v>6.773591159523761</v>
      </c>
    </row>
    <row r="41218" spans="1:7" x14ac:dyDescent="0.3">
      <c r="A41218" s="13" t="s">
        <v>243</v>
      </c>
      <c r="B41218" s="14" t="s">
        <v>1</v>
      </c>
      <c r="C41218" s="14" t="s">
        <v>137</v>
      </c>
      <c r="D41218" s="14" t="s">
        <v>244</v>
      </c>
      <c r="E41218" s="15">
        <v>45714</v>
      </c>
      <c r="F41218" s="14" t="s">
        <v>61</v>
      </c>
      <c r="G41218" s="16">
        <v>6.8132043276878473</v>
      </c>
    </row>
    <row r="41219" spans="1:7" x14ac:dyDescent="0.3">
      <c r="A41219" s="13" t="s">
        <v>243</v>
      </c>
      <c r="B41219" s="14" t="s">
        <v>1</v>
      </c>
      <c r="C41219" s="14" t="s">
        <v>137</v>
      </c>
      <c r="D41219" s="14" t="s">
        <v>244</v>
      </c>
      <c r="E41219" s="15">
        <v>45715</v>
      </c>
      <c r="F41219" s="14" t="s">
        <v>61</v>
      </c>
      <c r="G41219" s="16">
        <v>6.8899516779340866</v>
      </c>
    </row>
    <row r="41220" spans="1:7" x14ac:dyDescent="0.3">
      <c r="A41220" s="13" t="s">
        <v>243</v>
      </c>
      <c r="B41220" s="14" t="s">
        <v>1</v>
      </c>
      <c r="C41220" s="14" t="s">
        <v>137</v>
      </c>
      <c r="D41220" s="14" t="s">
        <v>244</v>
      </c>
      <c r="E41220" s="15">
        <v>45716</v>
      </c>
      <c r="F41220" s="14" t="s">
        <v>61</v>
      </c>
      <c r="G41220" s="16">
        <v>6.928827755649225</v>
      </c>
    </row>
    <row r="41221" spans="1:7" x14ac:dyDescent="0.3">
      <c r="A41221" s="13" t="s">
        <v>243</v>
      </c>
      <c r="B41221" s="14" t="s">
        <v>1</v>
      </c>
      <c r="C41221" s="14" t="s">
        <v>137</v>
      </c>
      <c r="D41221" s="14" t="s">
        <v>244</v>
      </c>
      <c r="E41221" s="15">
        <v>45717</v>
      </c>
      <c r="F41221" s="14" t="s">
        <v>61</v>
      </c>
      <c r="G41221" s="16">
        <v>6.928827755649225</v>
      </c>
    </row>
    <row r="41222" spans="1:7" x14ac:dyDescent="0.3">
      <c r="A41222" s="13" t="s">
        <v>243</v>
      </c>
      <c r="B41222" s="14" t="s">
        <v>1</v>
      </c>
      <c r="C41222" s="14" t="s">
        <v>137</v>
      </c>
      <c r="D41222" s="14" t="s">
        <v>244</v>
      </c>
      <c r="E41222" s="15">
        <v>45718</v>
      </c>
      <c r="F41222" s="14" t="s">
        <v>61</v>
      </c>
      <c r="G41222" s="16">
        <v>6.928827755649225</v>
      </c>
    </row>
    <row r="41223" spans="1:7" x14ac:dyDescent="0.3">
      <c r="A41223" s="13" t="s">
        <v>243</v>
      </c>
      <c r="B41223" s="14" t="s">
        <v>1</v>
      </c>
      <c r="C41223" s="14" t="s">
        <v>137</v>
      </c>
      <c r="D41223" s="14" t="s">
        <v>244</v>
      </c>
      <c r="E41223" s="15">
        <v>45719</v>
      </c>
      <c r="F41223" s="14" t="s">
        <v>61</v>
      </c>
      <c r="G41223" s="16">
        <v>6.9166439837702152</v>
      </c>
    </row>
    <row r="41224" spans="1:7" x14ac:dyDescent="0.3">
      <c r="A41224" s="13" t="s">
        <v>243</v>
      </c>
      <c r="B41224" s="14" t="s">
        <v>1</v>
      </c>
      <c r="C41224" s="14" t="s">
        <v>137</v>
      </c>
      <c r="D41224" s="14" t="s">
        <v>244</v>
      </c>
      <c r="E41224" s="15">
        <v>45720</v>
      </c>
      <c r="F41224" s="14" t="s">
        <v>61</v>
      </c>
      <c r="G41224" s="16">
        <v>6.8858449090687701</v>
      </c>
    </row>
    <row r="41225" spans="1:7" x14ac:dyDescent="0.3">
      <c r="A41225" s="13" t="s">
        <v>243</v>
      </c>
      <c r="B41225" s="14" t="s">
        <v>1</v>
      </c>
      <c r="C41225" s="14" t="s">
        <v>137</v>
      </c>
      <c r="D41225" s="14" t="s">
        <v>244</v>
      </c>
      <c r="E41225" s="15">
        <v>45721</v>
      </c>
      <c r="F41225" s="14" t="s">
        <v>61</v>
      </c>
      <c r="G41225" s="16">
        <v>6.8040169135283906</v>
      </c>
    </row>
    <row r="41226" spans="1:7" x14ac:dyDescent="0.3">
      <c r="A41226" s="13" t="s">
        <v>243</v>
      </c>
      <c r="B41226" s="14" t="s">
        <v>1</v>
      </c>
      <c r="C41226" s="14" t="s">
        <v>137</v>
      </c>
      <c r="D41226" s="14" t="s">
        <v>244</v>
      </c>
      <c r="E41226" s="15">
        <v>45722</v>
      </c>
      <c r="F41226" s="14" t="s">
        <v>61</v>
      </c>
      <c r="G41226" s="16">
        <v>6.8260599851135781</v>
      </c>
    </row>
    <row r="41227" spans="1:7" x14ac:dyDescent="0.3">
      <c r="A41227" s="13" t="s">
        <v>243</v>
      </c>
      <c r="B41227" s="14" t="s">
        <v>1</v>
      </c>
      <c r="C41227" s="14" t="s">
        <v>137</v>
      </c>
      <c r="D41227" s="14" t="s">
        <v>244</v>
      </c>
      <c r="E41227" s="15">
        <v>45723</v>
      </c>
      <c r="F41227" s="14" t="s">
        <v>61</v>
      </c>
      <c r="G41227" s="16">
        <v>6.8147783494045697</v>
      </c>
    </row>
    <row r="41228" spans="1:7" x14ac:dyDescent="0.3">
      <c r="A41228" s="13" t="s">
        <v>243</v>
      </c>
      <c r="B41228" s="14" t="s">
        <v>1</v>
      </c>
      <c r="C41228" s="14" t="s">
        <v>137</v>
      </c>
      <c r="D41228" s="14" t="s">
        <v>244</v>
      </c>
      <c r="E41228" s="15">
        <v>45724</v>
      </c>
      <c r="F41228" s="14" t="s">
        <v>61</v>
      </c>
      <c r="G41228" s="16">
        <v>6.8147783494045697</v>
      </c>
    </row>
    <row r="41229" spans="1:7" x14ac:dyDescent="0.3">
      <c r="A41229" s="13" t="s">
        <v>243</v>
      </c>
      <c r="B41229" s="14" t="s">
        <v>1</v>
      </c>
      <c r="C41229" s="14" t="s">
        <v>137</v>
      </c>
      <c r="D41229" s="14" t="s">
        <v>244</v>
      </c>
      <c r="E41229" s="15">
        <v>45725</v>
      </c>
      <c r="F41229" s="14" t="s">
        <v>61</v>
      </c>
      <c r="G41229" s="16">
        <v>6.8147783494045697</v>
      </c>
    </row>
    <row r="41230" spans="1:7" x14ac:dyDescent="0.3">
      <c r="A41230" s="13" t="s">
        <v>243</v>
      </c>
      <c r="B41230" s="14" t="s">
        <v>1</v>
      </c>
      <c r="C41230" s="14" t="s">
        <v>137</v>
      </c>
      <c r="D41230" s="14" t="s">
        <v>244</v>
      </c>
      <c r="E41230" s="15">
        <v>45726</v>
      </c>
      <c r="F41230" s="14" t="s">
        <v>61</v>
      </c>
      <c r="G41230" s="16">
        <v>6.8362342625850729</v>
      </c>
    </row>
    <row r="41231" spans="1:7" x14ac:dyDescent="0.3">
      <c r="A41231" s="13" t="s">
        <v>243</v>
      </c>
      <c r="B41231" s="14" t="s">
        <v>1</v>
      </c>
      <c r="C41231" s="14" t="s">
        <v>137</v>
      </c>
      <c r="D41231" s="14" t="s">
        <v>244</v>
      </c>
      <c r="E41231" s="15">
        <v>45727</v>
      </c>
      <c r="F41231" s="14" t="s">
        <v>61</v>
      </c>
      <c r="G41231" s="16">
        <v>6.84252639229486</v>
      </c>
    </row>
    <row r="41232" spans="1:7" x14ac:dyDescent="0.3">
      <c r="A41232" s="13" t="s">
        <v>243</v>
      </c>
      <c r="B41232" s="14" t="s">
        <v>1</v>
      </c>
      <c r="C41232" s="14" t="s">
        <v>137</v>
      </c>
      <c r="D41232" s="14" t="s">
        <v>244</v>
      </c>
      <c r="E41232" s="15">
        <v>45728</v>
      </c>
      <c r="F41232" s="14" t="s">
        <v>61</v>
      </c>
      <c r="G41232" s="16">
        <v>6.8814992110830087</v>
      </c>
    </row>
    <row r="41233" spans="1:7" x14ac:dyDescent="0.3">
      <c r="A41233" s="13" t="s">
        <v>243</v>
      </c>
      <c r="B41233" s="14" t="s">
        <v>1</v>
      </c>
      <c r="C41233" s="14" t="s">
        <v>137</v>
      </c>
      <c r="D41233" s="14" t="s">
        <v>244</v>
      </c>
      <c r="E41233" s="15">
        <v>45729</v>
      </c>
      <c r="F41233" s="14" t="s">
        <v>61</v>
      </c>
      <c r="G41233" s="16">
        <v>6.9236732778868006</v>
      </c>
    </row>
    <row r="41234" spans="1:7" x14ac:dyDescent="0.3">
      <c r="A41234" s="13" t="s">
        <v>243</v>
      </c>
      <c r="B41234" s="14" t="s">
        <v>1</v>
      </c>
      <c r="C41234" s="14" t="s">
        <v>137</v>
      </c>
      <c r="D41234" s="14" t="s">
        <v>244</v>
      </c>
      <c r="E41234" s="15">
        <v>45730</v>
      </c>
      <c r="F41234" s="14" t="s">
        <v>61</v>
      </c>
      <c r="G41234" s="16">
        <v>6.9252786292127473</v>
      </c>
    </row>
    <row r="41235" spans="1:7" x14ac:dyDescent="0.3">
      <c r="A41235" s="13" t="s">
        <v>243</v>
      </c>
      <c r="B41235" s="14" t="s">
        <v>1</v>
      </c>
      <c r="C41235" s="14" t="s">
        <v>137</v>
      </c>
      <c r="D41235" s="14" t="s">
        <v>244</v>
      </c>
      <c r="E41235" s="15">
        <v>45731</v>
      </c>
      <c r="F41235" s="14" t="s">
        <v>61</v>
      </c>
      <c r="G41235" s="16">
        <v>6.9252786292127473</v>
      </c>
    </row>
    <row r="41236" spans="1:7" x14ac:dyDescent="0.3">
      <c r="A41236" s="13" t="s">
        <v>243</v>
      </c>
      <c r="B41236" s="14" t="s">
        <v>1</v>
      </c>
      <c r="C41236" s="14" t="s">
        <v>137</v>
      </c>
      <c r="D41236" s="14" t="s">
        <v>244</v>
      </c>
      <c r="E41236" s="15">
        <v>45732</v>
      </c>
      <c r="F41236" s="14" t="s">
        <v>61</v>
      </c>
      <c r="G41236" s="16">
        <v>6.9252786292127473</v>
      </c>
    </row>
    <row r="41237" spans="1:7" x14ac:dyDescent="0.3">
      <c r="A41237" s="13" t="s">
        <v>243</v>
      </c>
      <c r="B41237" s="14" t="s">
        <v>1</v>
      </c>
      <c r="C41237" s="14" t="s">
        <v>137</v>
      </c>
      <c r="D41237" s="14" t="s">
        <v>244</v>
      </c>
      <c r="E41237" s="15">
        <v>45733</v>
      </c>
      <c r="F41237" s="14" t="s">
        <v>61</v>
      </c>
      <c r="G41237" s="16">
        <v>6.9252786292127473</v>
      </c>
    </row>
    <row r="41238" spans="1:7" x14ac:dyDescent="0.3">
      <c r="A41238" s="13" t="s">
        <v>243</v>
      </c>
      <c r="B41238" s="14" t="s">
        <v>1</v>
      </c>
      <c r="C41238" s="14" t="s">
        <v>137</v>
      </c>
      <c r="D41238" s="14" t="s">
        <v>244</v>
      </c>
      <c r="E41238" s="15">
        <v>45734</v>
      </c>
      <c r="F41238" s="14" t="s">
        <v>61</v>
      </c>
      <c r="G41238" s="16">
        <v>6.9057122338795178</v>
      </c>
    </row>
    <row r="41239" spans="1:7" x14ac:dyDescent="0.3">
      <c r="A41239" s="13" t="s">
        <v>243</v>
      </c>
      <c r="B41239" s="14" t="s">
        <v>1</v>
      </c>
      <c r="C41239" s="14" t="s">
        <v>137</v>
      </c>
      <c r="D41239" s="14" t="s">
        <v>244</v>
      </c>
      <c r="E41239" s="15">
        <v>45735</v>
      </c>
      <c r="F41239" s="14" t="s">
        <v>61</v>
      </c>
      <c r="G41239" s="16">
        <v>7.0104226859186403</v>
      </c>
    </row>
    <row r="41240" spans="1:7" x14ac:dyDescent="0.3">
      <c r="A41240" s="13" t="s">
        <v>243</v>
      </c>
      <c r="B41240" s="14" t="s">
        <v>1</v>
      </c>
      <c r="C41240" s="14" t="s">
        <v>137</v>
      </c>
      <c r="D41240" s="14" t="s">
        <v>244</v>
      </c>
      <c r="E41240" s="15">
        <v>45736</v>
      </c>
      <c r="F41240" s="14" t="s">
        <v>61</v>
      </c>
      <c r="G41240" s="16">
        <v>7.0622025223745126</v>
      </c>
    </row>
    <row r="41241" spans="1:7" x14ac:dyDescent="0.3">
      <c r="A41241" s="13" t="s">
        <v>243</v>
      </c>
      <c r="B41241" s="14" t="s">
        <v>1</v>
      </c>
      <c r="C41241" s="14" t="s">
        <v>137</v>
      </c>
      <c r="D41241" s="14" t="s">
        <v>244</v>
      </c>
      <c r="E41241" s="15">
        <v>45737</v>
      </c>
      <c r="F41241" s="14" t="s">
        <v>61</v>
      </c>
      <c r="G41241" s="16">
        <v>7.1115024686380686</v>
      </c>
    </row>
    <row r="41242" spans="1:7" x14ac:dyDescent="0.3">
      <c r="A41242" s="13" t="s">
        <v>243</v>
      </c>
      <c r="B41242" s="14" t="s">
        <v>1</v>
      </c>
      <c r="C41242" s="14" t="s">
        <v>137</v>
      </c>
      <c r="D41242" s="14" t="s">
        <v>244</v>
      </c>
      <c r="E41242" s="15">
        <v>45738</v>
      </c>
      <c r="F41242" s="14" t="s">
        <v>61</v>
      </c>
      <c r="G41242" s="16">
        <v>7.1115024686380686</v>
      </c>
    </row>
    <row r="41243" spans="1:7" x14ac:dyDescent="0.3">
      <c r="A41243" s="13" t="s">
        <v>243</v>
      </c>
      <c r="B41243" s="14" t="s">
        <v>1</v>
      </c>
      <c r="C41243" s="14" t="s">
        <v>137</v>
      </c>
      <c r="D41243" s="14" t="s">
        <v>244</v>
      </c>
      <c r="E41243" s="15">
        <v>45739</v>
      </c>
      <c r="F41243" s="14" t="s">
        <v>61</v>
      </c>
      <c r="G41243" s="16">
        <v>7.1115024686380686</v>
      </c>
    </row>
    <row r="41244" spans="1:7" x14ac:dyDescent="0.3">
      <c r="A41244" s="13" t="s">
        <v>243</v>
      </c>
      <c r="B41244" s="14" t="s">
        <v>1</v>
      </c>
      <c r="C41244" s="14" t="s">
        <v>137</v>
      </c>
      <c r="D41244" s="14" t="s">
        <v>244</v>
      </c>
      <c r="E41244" s="15">
        <v>45740</v>
      </c>
      <c r="F41244" s="14" t="s">
        <v>61</v>
      </c>
      <c r="G41244" s="16">
        <v>7.1403558040898512</v>
      </c>
    </row>
    <row r="41245" spans="1:7" x14ac:dyDescent="0.3">
      <c r="A41245" s="13" t="s">
        <v>243</v>
      </c>
      <c r="B41245" s="14" t="s">
        <v>1</v>
      </c>
      <c r="C41245" s="14" t="s">
        <v>137</v>
      </c>
      <c r="D41245" s="14" t="s">
        <v>244</v>
      </c>
      <c r="E41245" s="15">
        <v>45741</v>
      </c>
      <c r="F41245" s="14" t="s">
        <v>61</v>
      </c>
      <c r="G41245" s="16">
        <v>7.20485862281559</v>
      </c>
    </row>
    <row r="41246" spans="1:7" x14ac:dyDescent="0.3">
      <c r="A41246" s="13" t="s">
        <v>243</v>
      </c>
      <c r="B41246" s="14" t="s">
        <v>1</v>
      </c>
      <c r="C41246" s="14" t="s">
        <v>137</v>
      </c>
      <c r="D41246" s="14" t="s">
        <v>244</v>
      </c>
      <c r="E41246" s="15">
        <v>45742</v>
      </c>
      <c r="F41246" s="14" t="s">
        <v>61</v>
      </c>
      <c r="G41246" s="16">
        <v>7.2487773167661445</v>
      </c>
    </row>
    <row r="41247" spans="1:7" x14ac:dyDescent="0.3">
      <c r="A41247" s="13" t="s">
        <v>243</v>
      </c>
      <c r="B41247" s="14" t="s">
        <v>1</v>
      </c>
      <c r="C41247" s="14" t="s">
        <v>137</v>
      </c>
      <c r="D41247" s="14" t="s">
        <v>244</v>
      </c>
      <c r="E41247" s="15">
        <v>45743</v>
      </c>
      <c r="F41247" s="14" t="s">
        <v>61</v>
      </c>
      <c r="G41247" s="16">
        <v>7.2375438355925734</v>
      </c>
    </row>
    <row r="41248" spans="1:7" x14ac:dyDescent="0.3">
      <c r="A41248" s="13" t="s">
        <v>243</v>
      </c>
      <c r="B41248" s="14" t="s">
        <v>1</v>
      </c>
      <c r="C41248" s="14" t="s">
        <v>137</v>
      </c>
      <c r="D41248" s="14" t="s">
        <v>244</v>
      </c>
      <c r="E41248" s="15">
        <v>45744</v>
      </c>
      <c r="F41248" s="14" t="s">
        <v>61</v>
      </c>
      <c r="G41248" s="16">
        <v>7.2382455427430159</v>
      </c>
    </row>
    <row r="41249" spans="1:7" x14ac:dyDescent="0.3">
      <c r="A41249" s="13" t="s">
        <v>243</v>
      </c>
      <c r="B41249" s="14" t="s">
        <v>1</v>
      </c>
      <c r="C41249" s="14" t="s">
        <v>137</v>
      </c>
      <c r="D41249" s="14" t="s">
        <v>244</v>
      </c>
      <c r="E41249" s="15">
        <v>45745</v>
      </c>
      <c r="F41249" s="14" t="s">
        <v>61</v>
      </c>
      <c r="G41249" s="16">
        <v>7.2382455427430159</v>
      </c>
    </row>
    <row r="41250" spans="1:7" x14ac:dyDescent="0.3">
      <c r="A41250" s="13" t="s">
        <v>243</v>
      </c>
      <c r="B41250" s="14" t="s">
        <v>1</v>
      </c>
      <c r="C41250" s="14" t="s">
        <v>137</v>
      </c>
      <c r="D41250" s="14" t="s">
        <v>244</v>
      </c>
      <c r="E41250" s="15">
        <v>45746</v>
      </c>
      <c r="F41250" s="14" t="s">
        <v>61</v>
      </c>
      <c r="G41250" s="16">
        <v>7.2382455427430159</v>
      </c>
    </row>
    <row r="41251" spans="1:7" x14ac:dyDescent="0.3">
      <c r="A41251" s="13" t="s">
        <v>243</v>
      </c>
      <c r="B41251" s="14" t="s">
        <v>1</v>
      </c>
      <c r="C41251" s="14" t="s">
        <v>137</v>
      </c>
      <c r="D41251" s="14" t="s">
        <v>244</v>
      </c>
      <c r="E41251" s="15">
        <v>45747</v>
      </c>
      <c r="F41251" s="14" t="s">
        <v>61</v>
      </c>
      <c r="G41251" s="16">
        <v>7.266959518187039</v>
      </c>
    </row>
    <row r="41252" spans="1:7" x14ac:dyDescent="0.3">
      <c r="A41252" s="13" t="s">
        <v>245</v>
      </c>
      <c r="B41252" s="14" t="s">
        <v>1</v>
      </c>
      <c r="C41252" s="14" t="s">
        <v>70</v>
      </c>
      <c r="D41252" s="14" t="s">
        <v>246</v>
      </c>
      <c r="E41252" s="15">
        <v>45383</v>
      </c>
      <c r="F41252" s="14" t="s">
        <v>61</v>
      </c>
      <c r="G41252" s="16">
        <v>0</v>
      </c>
    </row>
    <row r="41253" spans="1:7" x14ac:dyDescent="0.3">
      <c r="A41253" s="13" t="s">
        <v>245</v>
      </c>
      <c r="B41253" s="14" t="s">
        <v>1</v>
      </c>
      <c r="C41253" s="14" t="s">
        <v>70</v>
      </c>
      <c r="D41253" s="14" t="s">
        <v>246</v>
      </c>
      <c r="E41253" s="15">
        <v>45384</v>
      </c>
      <c r="F41253" s="14" t="s">
        <v>61</v>
      </c>
      <c r="G41253" s="16">
        <v>0</v>
      </c>
    </row>
    <row r="41254" spans="1:7" x14ac:dyDescent="0.3">
      <c r="A41254" s="13" t="s">
        <v>245</v>
      </c>
      <c r="B41254" s="14" t="s">
        <v>1</v>
      </c>
      <c r="C41254" s="14" t="s">
        <v>70</v>
      </c>
      <c r="D41254" s="14" t="s">
        <v>246</v>
      </c>
      <c r="E41254" s="15">
        <v>45385</v>
      </c>
      <c r="F41254" s="14" t="s">
        <v>61</v>
      </c>
      <c r="G41254" s="16">
        <v>3.1654901884585071E-2</v>
      </c>
    </row>
    <row r="41255" spans="1:7" x14ac:dyDescent="0.3">
      <c r="A41255" s="13" t="s">
        <v>245</v>
      </c>
      <c r="B41255" s="14" t="s">
        <v>1</v>
      </c>
      <c r="C41255" s="14" t="s">
        <v>70</v>
      </c>
      <c r="D41255" s="14" t="s">
        <v>246</v>
      </c>
      <c r="E41255" s="15">
        <v>45386</v>
      </c>
      <c r="F41255" s="14" t="s">
        <v>61</v>
      </c>
      <c r="G41255" s="16">
        <v>4.0364562427844669E-2</v>
      </c>
    </row>
    <row r="41256" spans="1:7" x14ac:dyDescent="0.3">
      <c r="A41256" s="13" t="s">
        <v>245</v>
      </c>
      <c r="B41256" s="14" t="s">
        <v>1</v>
      </c>
      <c r="C41256" s="14" t="s">
        <v>70</v>
      </c>
      <c r="D41256" s="14" t="s">
        <v>246</v>
      </c>
      <c r="E41256" s="15">
        <v>45387</v>
      </c>
      <c r="F41256" s="14" t="s">
        <v>61</v>
      </c>
      <c r="G41256" s="16">
        <v>5.8043709000202344E-2</v>
      </c>
    </row>
    <row r="41257" spans="1:7" x14ac:dyDescent="0.3">
      <c r="A41257" s="13" t="s">
        <v>245</v>
      </c>
      <c r="B41257" s="14" t="s">
        <v>1</v>
      </c>
      <c r="C41257" s="14" t="s">
        <v>70</v>
      </c>
      <c r="D41257" s="14" t="s">
        <v>246</v>
      </c>
      <c r="E41257" s="15">
        <v>45388</v>
      </c>
      <c r="F41257" s="14" t="s">
        <v>61</v>
      </c>
      <c r="G41257" s="16">
        <v>5.8043709000202344E-2</v>
      </c>
    </row>
    <row r="41258" spans="1:7" x14ac:dyDescent="0.3">
      <c r="A41258" s="13" t="s">
        <v>245</v>
      </c>
      <c r="B41258" s="14" t="s">
        <v>1</v>
      </c>
      <c r="C41258" s="14" t="s">
        <v>70</v>
      </c>
      <c r="D41258" s="14" t="s">
        <v>246</v>
      </c>
      <c r="E41258" s="15">
        <v>45389</v>
      </c>
      <c r="F41258" s="14" t="s">
        <v>61</v>
      </c>
      <c r="G41258" s="16">
        <v>5.8043709000202344E-2</v>
      </c>
    </row>
    <row r="41259" spans="1:7" x14ac:dyDescent="0.3">
      <c r="A41259" s="13" t="s">
        <v>245</v>
      </c>
      <c r="B41259" s="14" t="s">
        <v>1</v>
      </c>
      <c r="C41259" s="14" t="s">
        <v>70</v>
      </c>
      <c r="D41259" s="14" t="s">
        <v>246</v>
      </c>
      <c r="E41259" s="15">
        <v>45390</v>
      </c>
      <c r="F41259" s="14" t="s">
        <v>61</v>
      </c>
      <c r="G41259" s="16">
        <v>7.7713669139840624E-2</v>
      </c>
    </row>
    <row r="41260" spans="1:7" x14ac:dyDescent="0.3">
      <c r="A41260" s="13" t="s">
        <v>245</v>
      </c>
      <c r="B41260" s="14" t="s">
        <v>1</v>
      </c>
      <c r="C41260" s="14" t="s">
        <v>70</v>
      </c>
      <c r="D41260" s="14" t="s">
        <v>246</v>
      </c>
      <c r="E41260" s="15">
        <v>45391</v>
      </c>
      <c r="F41260" s="14" t="s">
        <v>61</v>
      </c>
      <c r="G41260" s="16">
        <v>9.1910067281274321E-2</v>
      </c>
    </row>
    <row r="41261" spans="1:7" x14ac:dyDescent="0.3">
      <c r="A41261" s="13" t="s">
        <v>245</v>
      </c>
      <c r="B41261" s="14" t="s">
        <v>1</v>
      </c>
      <c r="C41261" s="14" t="s">
        <v>70</v>
      </c>
      <c r="D41261" s="14" t="s">
        <v>246</v>
      </c>
      <c r="E41261" s="15">
        <v>45392</v>
      </c>
      <c r="F41261" s="14" t="s">
        <v>61</v>
      </c>
      <c r="G41261" s="16">
        <v>0.11052962535898489</v>
      </c>
    </row>
    <row r="41262" spans="1:7" x14ac:dyDescent="0.3">
      <c r="A41262" s="13" t="s">
        <v>245</v>
      </c>
      <c r="B41262" s="14" t="s">
        <v>1</v>
      </c>
      <c r="C41262" s="14" t="s">
        <v>70</v>
      </c>
      <c r="D41262" s="14" t="s">
        <v>246</v>
      </c>
      <c r="E41262" s="15">
        <v>45393</v>
      </c>
      <c r="F41262" s="14" t="s">
        <v>61</v>
      </c>
      <c r="G41262" s="16">
        <v>0.11426920054122139</v>
      </c>
    </row>
    <row r="41263" spans="1:7" x14ac:dyDescent="0.3">
      <c r="A41263" s="13" t="s">
        <v>245</v>
      </c>
      <c r="B41263" s="14" t="s">
        <v>1</v>
      </c>
      <c r="C41263" s="14" t="s">
        <v>70</v>
      </c>
      <c r="D41263" s="14" t="s">
        <v>246</v>
      </c>
      <c r="E41263" s="15">
        <v>45394</v>
      </c>
      <c r="F41263" s="14" t="s">
        <v>61</v>
      </c>
      <c r="G41263" s="16">
        <v>0.11906646228570242</v>
      </c>
    </row>
    <row r="41264" spans="1:7" x14ac:dyDescent="0.3">
      <c r="A41264" s="13" t="s">
        <v>245</v>
      </c>
      <c r="B41264" s="14" t="s">
        <v>1</v>
      </c>
      <c r="C41264" s="14" t="s">
        <v>70</v>
      </c>
      <c r="D41264" s="14" t="s">
        <v>246</v>
      </c>
      <c r="E41264" s="15">
        <v>45395</v>
      </c>
      <c r="F41264" s="14" t="s">
        <v>61</v>
      </c>
      <c r="G41264" s="16">
        <v>0.11906646228570242</v>
      </c>
    </row>
    <row r="41265" spans="1:7" x14ac:dyDescent="0.3">
      <c r="A41265" s="13" t="s">
        <v>245</v>
      </c>
      <c r="B41265" s="14" t="s">
        <v>1</v>
      </c>
      <c r="C41265" s="14" t="s">
        <v>70</v>
      </c>
      <c r="D41265" s="14" t="s">
        <v>246</v>
      </c>
      <c r="E41265" s="15">
        <v>45396</v>
      </c>
      <c r="F41265" s="14" t="s">
        <v>61</v>
      </c>
      <c r="G41265" s="16">
        <v>0.11906646228570242</v>
      </c>
    </row>
    <row r="41266" spans="1:7" x14ac:dyDescent="0.3">
      <c r="A41266" s="13" t="s">
        <v>245</v>
      </c>
      <c r="B41266" s="14" t="s">
        <v>1</v>
      </c>
      <c r="C41266" s="14" t="s">
        <v>70</v>
      </c>
      <c r="D41266" s="14" t="s">
        <v>246</v>
      </c>
      <c r="E41266" s="15">
        <v>45397</v>
      </c>
      <c r="F41266" s="14" t="s">
        <v>61</v>
      </c>
      <c r="G41266" s="16">
        <v>0.14494063400745064</v>
      </c>
    </row>
    <row r="41267" spans="1:7" x14ac:dyDescent="0.3">
      <c r="A41267" s="13" t="s">
        <v>245</v>
      </c>
      <c r="B41267" s="14" t="s">
        <v>1</v>
      </c>
      <c r="C41267" s="14" t="s">
        <v>70</v>
      </c>
      <c r="D41267" s="14" t="s">
        <v>246</v>
      </c>
      <c r="E41267" s="15">
        <v>45398</v>
      </c>
      <c r="F41267" s="14" t="s">
        <v>61</v>
      </c>
      <c r="G41267" s="16">
        <v>0.15932193330372907</v>
      </c>
    </row>
    <row r="41268" spans="1:7" x14ac:dyDescent="0.3">
      <c r="A41268" s="13" t="s">
        <v>245</v>
      </c>
      <c r="B41268" s="14" t="s">
        <v>1</v>
      </c>
      <c r="C41268" s="14" t="s">
        <v>70</v>
      </c>
      <c r="D41268" s="14" t="s">
        <v>246</v>
      </c>
      <c r="E41268" s="15">
        <v>45399</v>
      </c>
      <c r="F41268" s="14" t="s">
        <v>61</v>
      </c>
      <c r="G41268" s="16">
        <v>0.20108658873401192</v>
      </c>
    </row>
    <row r="41269" spans="1:7" x14ac:dyDescent="0.3">
      <c r="A41269" s="13" t="s">
        <v>245</v>
      </c>
      <c r="B41269" s="14" t="s">
        <v>1</v>
      </c>
      <c r="C41269" s="14" t="s">
        <v>70</v>
      </c>
      <c r="D41269" s="14" t="s">
        <v>246</v>
      </c>
      <c r="E41269" s="15">
        <v>45400</v>
      </c>
      <c r="F41269" s="14" t="s">
        <v>61</v>
      </c>
      <c r="G41269" s="16">
        <v>0.20555674751137692</v>
      </c>
    </row>
    <row r="41270" spans="1:7" x14ac:dyDescent="0.3">
      <c r="A41270" s="13" t="s">
        <v>245</v>
      </c>
      <c r="B41270" s="14" t="s">
        <v>1</v>
      </c>
      <c r="C41270" s="14" t="s">
        <v>70</v>
      </c>
      <c r="D41270" s="14" t="s">
        <v>246</v>
      </c>
      <c r="E41270" s="15">
        <v>45401</v>
      </c>
      <c r="F41270" s="14" t="s">
        <v>61</v>
      </c>
      <c r="G41270" s="16">
        <v>0.2142923048574033</v>
      </c>
    </row>
    <row r="41271" spans="1:7" x14ac:dyDescent="0.3">
      <c r="A41271" s="13" t="s">
        <v>245</v>
      </c>
      <c r="B41271" s="14" t="s">
        <v>1</v>
      </c>
      <c r="C41271" s="14" t="s">
        <v>70</v>
      </c>
      <c r="D41271" s="14" t="s">
        <v>246</v>
      </c>
      <c r="E41271" s="15">
        <v>45402</v>
      </c>
      <c r="F41271" s="14" t="s">
        <v>61</v>
      </c>
      <c r="G41271" s="16">
        <v>0.2142923048574033</v>
      </c>
    </row>
    <row r="41272" spans="1:7" x14ac:dyDescent="0.3">
      <c r="A41272" s="13" t="s">
        <v>245</v>
      </c>
      <c r="B41272" s="14" t="s">
        <v>1</v>
      </c>
      <c r="C41272" s="14" t="s">
        <v>70</v>
      </c>
      <c r="D41272" s="14" t="s">
        <v>246</v>
      </c>
      <c r="E41272" s="15">
        <v>45403</v>
      </c>
      <c r="F41272" s="14" t="s">
        <v>61</v>
      </c>
      <c r="G41272" s="16">
        <v>0.2142923048574033</v>
      </c>
    </row>
    <row r="41273" spans="1:7" x14ac:dyDescent="0.3">
      <c r="A41273" s="13" t="s">
        <v>245</v>
      </c>
      <c r="B41273" s="14" t="s">
        <v>1</v>
      </c>
      <c r="C41273" s="14" t="s">
        <v>70</v>
      </c>
      <c r="D41273" s="14" t="s">
        <v>246</v>
      </c>
      <c r="E41273" s="15">
        <v>45404</v>
      </c>
      <c r="F41273" s="14" t="s">
        <v>61</v>
      </c>
      <c r="G41273" s="16">
        <v>0.22291574386958385</v>
      </c>
    </row>
    <row r="41274" spans="1:7" x14ac:dyDescent="0.3">
      <c r="A41274" s="13" t="s">
        <v>245</v>
      </c>
      <c r="B41274" s="14" t="s">
        <v>1</v>
      </c>
      <c r="C41274" s="14" t="s">
        <v>70</v>
      </c>
      <c r="D41274" s="14" t="s">
        <v>246</v>
      </c>
      <c r="E41274" s="15">
        <v>45405</v>
      </c>
      <c r="F41274" s="14" t="s">
        <v>61</v>
      </c>
      <c r="G41274" s="16">
        <v>0.25268666065799078</v>
      </c>
    </row>
    <row r="41275" spans="1:7" x14ac:dyDescent="0.3">
      <c r="A41275" s="13" t="s">
        <v>245</v>
      </c>
      <c r="B41275" s="14" t="s">
        <v>1</v>
      </c>
      <c r="C41275" s="14" t="s">
        <v>70</v>
      </c>
      <c r="D41275" s="14" t="s">
        <v>246</v>
      </c>
      <c r="E41275" s="15">
        <v>45406</v>
      </c>
      <c r="F41275" s="14" t="s">
        <v>61</v>
      </c>
      <c r="G41275" s="16">
        <v>0.26041810552463895</v>
      </c>
    </row>
    <row r="41276" spans="1:7" x14ac:dyDescent="0.3">
      <c r="A41276" s="13" t="s">
        <v>245</v>
      </c>
      <c r="B41276" s="14" t="s">
        <v>1</v>
      </c>
      <c r="C41276" s="14" t="s">
        <v>70</v>
      </c>
      <c r="D41276" s="14" t="s">
        <v>246</v>
      </c>
      <c r="E41276" s="15">
        <v>45407</v>
      </c>
      <c r="F41276" s="14" t="s">
        <v>61</v>
      </c>
      <c r="G41276" s="16">
        <v>0.30735234954075141</v>
      </c>
    </row>
    <row r="41277" spans="1:7" x14ac:dyDescent="0.3">
      <c r="A41277" s="13" t="s">
        <v>245</v>
      </c>
      <c r="B41277" s="14" t="s">
        <v>1</v>
      </c>
      <c r="C41277" s="14" t="s">
        <v>70</v>
      </c>
      <c r="D41277" s="14" t="s">
        <v>246</v>
      </c>
      <c r="E41277" s="15">
        <v>45408</v>
      </c>
      <c r="F41277" s="14" t="s">
        <v>61</v>
      </c>
      <c r="G41277" s="16">
        <v>0.31321070732131684</v>
      </c>
    </row>
    <row r="41278" spans="1:7" x14ac:dyDescent="0.3">
      <c r="A41278" s="13" t="s">
        <v>245</v>
      </c>
      <c r="B41278" s="14" t="s">
        <v>1</v>
      </c>
      <c r="C41278" s="14" t="s">
        <v>70</v>
      </c>
      <c r="D41278" s="14" t="s">
        <v>246</v>
      </c>
      <c r="E41278" s="15">
        <v>45409</v>
      </c>
      <c r="F41278" s="14" t="s">
        <v>61</v>
      </c>
      <c r="G41278" s="16">
        <v>0.31321070732131684</v>
      </c>
    </row>
    <row r="41279" spans="1:7" x14ac:dyDescent="0.3">
      <c r="A41279" s="13" t="s">
        <v>245</v>
      </c>
      <c r="B41279" s="14" t="s">
        <v>1</v>
      </c>
      <c r="C41279" s="14" t="s">
        <v>70</v>
      </c>
      <c r="D41279" s="14" t="s">
        <v>246</v>
      </c>
      <c r="E41279" s="15">
        <v>45410</v>
      </c>
      <c r="F41279" s="14" t="s">
        <v>61</v>
      </c>
      <c r="G41279" s="16">
        <v>0.31321070732131684</v>
      </c>
    </row>
    <row r="41280" spans="1:7" x14ac:dyDescent="0.3">
      <c r="A41280" s="13" t="s">
        <v>245</v>
      </c>
      <c r="B41280" s="14" t="s">
        <v>1</v>
      </c>
      <c r="C41280" s="14" t="s">
        <v>70</v>
      </c>
      <c r="D41280" s="14" t="s">
        <v>246</v>
      </c>
      <c r="E41280" s="15">
        <v>45411</v>
      </c>
      <c r="F41280" s="14" t="s">
        <v>61</v>
      </c>
      <c r="G41280" s="16">
        <v>0.31633824658103793</v>
      </c>
    </row>
    <row r="41281" spans="1:7" x14ac:dyDescent="0.3">
      <c r="A41281" s="13" t="s">
        <v>245</v>
      </c>
      <c r="B41281" s="14" t="s">
        <v>1</v>
      </c>
      <c r="C41281" s="14" t="s">
        <v>70</v>
      </c>
      <c r="D41281" s="14" t="s">
        <v>246</v>
      </c>
      <c r="E41281" s="15">
        <v>45412</v>
      </c>
      <c r="F41281" s="14" t="s">
        <v>61</v>
      </c>
      <c r="G41281" s="16">
        <v>0.33136118625791589</v>
      </c>
    </row>
    <row r="41282" spans="1:7" x14ac:dyDescent="0.3">
      <c r="A41282" s="13" t="s">
        <v>245</v>
      </c>
      <c r="B41282" s="14" t="s">
        <v>1</v>
      </c>
      <c r="C41282" s="14" t="s">
        <v>70</v>
      </c>
      <c r="D41282" s="14" t="s">
        <v>246</v>
      </c>
      <c r="E41282" s="15">
        <v>45413</v>
      </c>
      <c r="F41282" s="14" t="s">
        <v>61</v>
      </c>
      <c r="G41282" s="16">
        <v>0.33136118625791589</v>
      </c>
    </row>
    <row r="41283" spans="1:7" x14ac:dyDescent="0.3">
      <c r="A41283" s="13" t="s">
        <v>245</v>
      </c>
      <c r="B41283" s="14" t="s">
        <v>1</v>
      </c>
      <c r="C41283" s="14" t="s">
        <v>70</v>
      </c>
      <c r="D41283" s="14" t="s">
        <v>246</v>
      </c>
      <c r="E41283" s="15">
        <v>45414</v>
      </c>
      <c r="F41283" s="14" t="s">
        <v>61</v>
      </c>
      <c r="G41283" s="16">
        <v>0.37006983826969669</v>
      </c>
    </row>
    <row r="41284" spans="1:7" x14ac:dyDescent="0.3">
      <c r="A41284" s="13" t="s">
        <v>245</v>
      </c>
      <c r="B41284" s="14" t="s">
        <v>1</v>
      </c>
      <c r="C41284" s="14" t="s">
        <v>70</v>
      </c>
      <c r="D41284" s="14" t="s">
        <v>246</v>
      </c>
      <c r="E41284" s="15">
        <v>45415</v>
      </c>
      <c r="F41284" s="14" t="s">
        <v>61</v>
      </c>
      <c r="G41284" s="16">
        <v>0.37821542751498838</v>
      </c>
    </row>
    <row r="41285" spans="1:7" x14ac:dyDescent="0.3">
      <c r="A41285" s="13" t="s">
        <v>245</v>
      </c>
      <c r="B41285" s="14" t="s">
        <v>1</v>
      </c>
      <c r="C41285" s="14" t="s">
        <v>70</v>
      </c>
      <c r="D41285" s="14" t="s">
        <v>246</v>
      </c>
      <c r="E41285" s="15">
        <v>45416</v>
      </c>
      <c r="F41285" s="14" t="s">
        <v>61</v>
      </c>
      <c r="G41285" s="16">
        <v>0.37821542751498838</v>
      </c>
    </row>
    <row r="41286" spans="1:7" x14ac:dyDescent="0.3">
      <c r="A41286" s="13" t="s">
        <v>245</v>
      </c>
      <c r="B41286" s="14" t="s">
        <v>1</v>
      </c>
      <c r="C41286" s="14" t="s">
        <v>70</v>
      </c>
      <c r="D41286" s="14" t="s">
        <v>246</v>
      </c>
      <c r="E41286" s="15">
        <v>45417</v>
      </c>
      <c r="F41286" s="14" t="s">
        <v>61</v>
      </c>
      <c r="G41286" s="16">
        <v>0.37821542751498838</v>
      </c>
    </row>
    <row r="41287" spans="1:7" x14ac:dyDescent="0.3">
      <c r="A41287" s="13" t="s">
        <v>245</v>
      </c>
      <c r="B41287" s="14" t="s">
        <v>1</v>
      </c>
      <c r="C41287" s="14" t="s">
        <v>70</v>
      </c>
      <c r="D41287" s="14" t="s">
        <v>246</v>
      </c>
      <c r="E41287" s="15">
        <v>45418</v>
      </c>
      <c r="F41287" s="14" t="s">
        <v>61</v>
      </c>
      <c r="G41287" s="16">
        <v>0.37821542751498838</v>
      </c>
    </row>
    <row r="41288" spans="1:7" x14ac:dyDescent="0.3">
      <c r="A41288" s="13" t="s">
        <v>245</v>
      </c>
      <c r="B41288" s="14" t="s">
        <v>1</v>
      </c>
      <c r="C41288" s="14" t="s">
        <v>70</v>
      </c>
      <c r="D41288" s="14" t="s">
        <v>246</v>
      </c>
      <c r="E41288" s="15">
        <v>45419</v>
      </c>
      <c r="F41288" s="14" t="s">
        <v>61</v>
      </c>
      <c r="G41288" s="16">
        <v>0.40526130502980445</v>
      </c>
    </row>
    <row r="41289" spans="1:7" x14ac:dyDescent="0.3">
      <c r="A41289" s="13" t="s">
        <v>245</v>
      </c>
      <c r="B41289" s="14" t="s">
        <v>1</v>
      </c>
      <c r="C41289" s="14" t="s">
        <v>70</v>
      </c>
      <c r="D41289" s="14" t="s">
        <v>246</v>
      </c>
      <c r="E41289" s="15">
        <v>45420</v>
      </c>
      <c r="F41289" s="14" t="s">
        <v>61</v>
      </c>
      <c r="G41289" s="16">
        <v>0.4272863774251825</v>
      </c>
    </row>
    <row r="41290" spans="1:7" x14ac:dyDescent="0.3">
      <c r="A41290" s="13" t="s">
        <v>245</v>
      </c>
      <c r="B41290" s="14" t="s">
        <v>1</v>
      </c>
      <c r="C41290" s="14" t="s">
        <v>70</v>
      </c>
      <c r="D41290" s="14" t="s">
        <v>246</v>
      </c>
      <c r="E41290" s="15">
        <v>45421</v>
      </c>
      <c r="F41290" s="14" t="s">
        <v>61</v>
      </c>
      <c r="G41290" s="16">
        <v>0.4272863774251825</v>
      </c>
    </row>
    <row r="41291" spans="1:7" x14ac:dyDescent="0.3">
      <c r="A41291" s="13" t="s">
        <v>245</v>
      </c>
      <c r="B41291" s="14" t="s">
        <v>1</v>
      </c>
      <c r="C41291" s="14" t="s">
        <v>70</v>
      </c>
      <c r="D41291" s="14" t="s">
        <v>246</v>
      </c>
      <c r="E41291" s="15">
        <v>45422</v>
      </c>
      <c r="F41291" s="14" t="s">
        <v>61</v>
      </c>
      <c r="G41291" s="16">
        <v>0.43022892408589913</v>
      </c>
    </row>
    <row r="41292" spans="1:7" x14ac:dyDescent="0.3">
      <c r="A41292" s="13" t="s">
        <v>245</v>
      </c>
      <c r="B41292" s="14" t="s">
        <v>1</v>
      </c>
      <c r="C41292" s="14" t="s">
        <v>70</v>
      </c>
      <c r="D41292" s="14" t="s">
        <v>246</v>
      </c>
      <c r="E41292" s="15">
        <v>45423</v>
      </c>
      <c r="F41292" s="14" t="s">
        <v>61</v>
      </c>
      <c r="G41292" s="16">
        <v>0.43022892408589913</v>
      </c>
    </row>
    <row r="41293" spans="1:7" x14ac:dyDescent="0.3">
      <c r="A41293" s="13" t="s">
        <v>245</v>
      </c>
      <c r="B41293" s="14" t="s">
        <v>1</v>
      </c>
      <c r="C41293" s="14" t="s">
        <v>70</v>
      </c>
      <c r="D41293" s="14" t="s">
        <v>246</v>
      </c>
      <c r="E41293" s="15">
        <v>45424</v>
      </c>
      <c r="F41293" s="14" t="s">
        <v>61</v>
      </c>
      <c r="G41293" s="16">
        <v>0.43022892408589913</v>
      </c>
    </row>
    <row r="41294" spans="1:7" x14ac:dyDescent="0.3">
      <c r="A41294" s="13" t="s">
        <v>245</v>
      </c>
      <c r="B41294" s="14" t="s">
        <v>1</v>
      </c>
      <c r="C41294" s="14" t="s">
        <v>70</v>
      </c>
      <c r="D41294" s="14" t="s">
        <v>246</v>
      </c>
      <c r="E41294" s="15">
        <v>45425</v>
      </c>
      <c r="F41294" s="14" t="s">
        <v>61</v>
      </c>
      <c r="G41294" s="16">
        <v>0.54271494600967152</v>
      </c>
    </row>
    <row r="41295" spans="1:7" x14ac:dyDescent="0.3">
      <c r="A41295" s="13" t="s">
        <v>245</v>
      </c>
      <c r="B41295" s="14" t="s">
        <v>1</v>
      </c>
      <c r="C41295" s="14" t="s">
        <v>70</v>
      </c>
      <c r="D41295" s="14" t="s">
        <v>246</v>
      </c>
      <c r="E41295" s="15">
        <v>45426</v>
      </c>
      <c r="F41295" s="14" t="s">
        <v>61</v>
      </c>
      <c r="G41295" s="16">
        <v>0.57725759041108116</v>
      </c>
    </row>
    <row r="41296" spans="1:7" x14ac:dyDescent="0.3">
      <c r="A41296" s="13" t="s">
        <v>245</v>
      </c>
      <c r="B41296" s="14" t="s">
        <v>1</v>
      </c>
      <c r="C41296" s="14" t="s">
        <v>70</v>
      </c>
      <c r="D41296" s="14" t="s">
        <v>246</v>
      </c>
      <c r="E41296" s="15">
        <v>45427</v>
      </c>
      <c r="F41296" s="14" t="s">
        <v>61</v>
      </c>
      <c r="G41296" s="16">
        <v>0.58372572461177175</v>
      </c>
    </row>
    <row r="41297" spans="1:7" x14ac:dyDescent="0.3">
      <c r="A41297" s="13" t="s">
        <v>245</v>
      </c>
      <c r="B41297" s="14" t="s">
        <v>1</v>
      </c>
      <c r="C41297" s="14" t="s">
        <v>70</v>
      </c>
      <c r="D41297" s="14" t="s">
        <v>246</v>
      </c>
      <c r="E41297" s="15">
        <v>45428</v>
      </c>
      <c r="F41297" s="14" t="s">
        <v>61</v>
      </c>
      <c r="G41297" s="16">
        <v>0.59036855411615319</v>
      </c>
    </row>
    <row r="41298" spans="1:7" x14ac:dyDescent="0.3">
      <c r="A41298" s="13" t="s">
        <v>245</v>
      </c>
      <c r="B41298" s="14" t="s">
        <v>1</v>
      </c>
      <c r="C41298" s="14" t="s">
        <v>70</v>
      </c>
      <c r="D41298" s="14" t="s">
        <v>246</v>
      </c>
      <c r="E41298" s="15">
        <v>45429</v>
      </c>
      <c r="F41298" s="14" t="s">
        <v>61</v>
      </c>
      <c r="G41298" s="16">
        <v>0.67923186298895588</v>
      </c>
    </row>
    <row r="41299" spans="1:7" x14ac:dyDescent="0.3">
      <c r="A41299" s="13" t="s">
        <v>245</v>
      </c>
      <c r="B41299" s="14" t="s">
        <v>1</v>
      </c>
      <c r="C41299" s="14" t="s">
        <v>70</v>
      </c>
      <c r="D41299" s="14" t="s">
        <v>246</v>
      </c>
      <c r="E41299" s="15">
        <v>45430</v>
      </c>
      <c r="F41299" s="14" t="s">
        <v>61</v>
      </c>
      <c r="G41299" s="16">
        <v>0.67923186298895588</v>
      </c>
    </row>
    <row r="41300" spans="1:7" x14ac:dyDescent="0.3">
      <c r="A41300" s="13" t="s">
        <v>245</v>
      </c>
      <c r="B41300" s="14" t="s">
        <v>1</v>
      </c>
      <c r="C41300" s="14" t="s">
        <v>70</v>
      </c>
      <c r="D41300" s="14" t="s">
        <v>246</v>
      </c>
      <c r="E41300" s="15">
        <v>45431</v>
      </c>
      <c r="F41300" s="14" t="s">
        <v>61</v>
      </c>
      <c r="G41300" s="16">
        <v>0.67923186298895588</v>
      </c>
    </row>
    <row r="41301" spans="1:7" x14ac:dyDescent="0.3">
      <c r="A41301" s="13" t="s">
        <v>245</v>
      </c>
      <c r="B41301" s="14" t="s">
        <v>1</v>
      </c>
      <c r="C41301" s="14" t="s">
        <v>70</v>
      </c>
      <c r="D41301" s="14" t="s">
        <v>246</v>
      </c>
      <c r="E41301" s="15">
        <v>45432</v>
      </c>
      <c r="F41301" s="14" t="s">
        <v>61</v>
      </c>
      <c r="G41301" s="16">
        <v>0.67923186298895588</v>
      </c>
    </row>
    <row r="41302" spans="1:7" x14ac:dyDescent="0.3">
      <c r="A41302" s="13" t="s">
        <v>245</v>
      </c>
      <c r="B41302" s="14" t="s">
        <v>1</v>
      </c>
      <c r="C41302" s="14" t="s">
        <v>70</v>
      </c>
      <c r="D41302" s="14" t="s">
        <v>246</v>
      </c>
      <c r="E41302" s="15">
        <v>45433</v>
      </c>
      <c r="F41302" s="14" t="s">
        <v>61</v>
      </c>
      <c r="G41302" s="16">
        <v>0.68400739450756054</v>
      </c>
    </row>
    <row r="41303" spans="1:7" x14ac:dyDescent="0.3">
      <c r="A41303" s="13" t="s">
        <v>245</v>
      </c>
      <c r="B41303" s="14" t="s">
        <v>1</v>
      </c>
      <c r="C41303" s="14" t="s">
        <v>70</v>
      </c>
      <c r="D41303" s="14" t="s">
        <v>246</v>
      </c>
      <c r="E41303" s="15">
        <v>45434</v>
      </c>
      <c r="F41303" s="14" t="s">
        <v>61</v>
      </c>
      <c r="G41303" s="16">
        <v>0.72115495569845001</v>
      </c>
    </row>
    <row r="41304" spans="1:7" x14ac:dyDescent="0.3">
      <c r="A41304" s="13" t="s">
        <v>245</v>
      </c>
      <c r="B41304" s="14" t="s">
        <v>1</v>
      </c>
      <c r="C41304" s="14" t="s">
        <v>70</v>
      </c>
      <c r="D41304" s="14" t="s">
        <v>246</v>
      </c>
      <c r="E41304" s="15">
        <v>45435</v>
      </c>
      <c r="F41304" s="14" t="s">
        <v>61</v>
      </c>
      <c r="G41304" s="16">
        <v>0.72648397572740053</v>
      </c>
    </row>
    <row r="41305" spans="1:7" x14ac:dyDescent="0.3">
      <c r="A41305" s="13" t="s">
        <v>245</v>
      </c>
      <c r="B41305" s="14" t="s">
        <v>1</v>
      </c>
      <c r="C41305" s="14" t="s">
        <v>70</v>
      </c>
      <c r="D41305" s="14" t="s">
        <v>246</v>
      </c>
      <c r="E41305" s="15">
        <v>45436</v>
      </c>
      <c r="F41305" s="14" t="s">
        <v>61</v>
      </c>
      <c r="G41305" s="16">
        <v>0.72804150843958515</v>
      </c>
    </row>
    <row r="41306" spans="1:7" x14ac:dyDescent="0.3">
      <c r="A41306" s="13" t="s">
        <v>245</v>
      </c>
      <c r="B41306" s="14" t="s">
        <v>1</v>
      </c>
      <c r="C41306" s="14" t="s">
        <v>70</v>
      </c>
      <c r="D41306" s="14" t="s">
        <v>246</v>
      </c>
      <c r="E41306" s="15">
        <v>45437</v>
      </c>
      <c r="F41306" s="14" t="s">
        <v>61</v>
      </c>
      <c r="G41306" s="16">
        <v>0.72804150843958515</v>
      </c>
    </row>
    <row r="41307" spans="1:7" x14ac:dyDescent="0.3">
      <c r="A41307" s="13" t="s">
        <v>245</v>
      </c>
      <c r="B41307" s="14" t="s">
        <v>1</v>
      </c>
      <c r="C41307" s="14" t="s">
        <v>70</v>
      </c>
      <c r="D41307" s="14" t="s">
        <v>246</v>
      </c>
      <c r="E41307" s="15">
        <v>45438</v>
      </c>
      <c r="F41307" s="14" t="s">
        <v>61</v>
      </c>
      <c r="G41307" s="16">
        <v>0.72804150843958515</v>
      </c>
    </row>
    <row r="41308" spans="1:7" x14ac:dyDescent="0.3">
      <c r="A41308" s="13" t="s">
        <v>245</v>
      </c>
      <c r="B41308" s="14" t="s">
        <v>1</v>
      </c>
      <c r="C41308" s="14" t="s">
        <v>70</v>
      </c>
      <c r="D41308" s="14" t="s">
        <v>246</v>
      </c>
      <c r="E41308" s="15">
        <v>45439</v>
      </c>
      <c r="F41308" s="14" t="s">
        <v>61</v>
      </c>
      <c r="G41308" s="16">
        <v>0.72314962413842632</v>
      </c>
    </row>
    <row r="41309" spans="1:7" x14ac:dyDescent="0.3">
      <c r="A41309" s="13" t="s">
        <v>245</v>
      </c>
      <c r="B41309" s="14" t="s">
        <v>1</v>
      </c>
      <c r="C41309" s="14" t="s">
        <v>70</v>
      </c>
      <c r="D41309" s="14" t="s">
        <v>246</v>
      </c>
      <c r="E41309" s="15">
        <v>45440</v>
      </c>
      <c r="F41309" s="14" t="s">
        <v>61</v>
      </c>
      <c r="G41309" s="16">
        <v>0.73468702871666625</v>
      </c>
    </row>
    <row r="41310" spans="1:7" x14ac:dyDescent="0.3">
      <c r="A41310" s="13" t="s">
        <v>245</v>
      </c>
      <c r="B41310" s="14" t="s">
        <v>1</v>
      </c>
      <c r="C41310" s="14" t="s">
        <v>70</v>
      </c>
      <c r="D41310" s="14" t="s">
        <v>246</v>
      </c>
      <c r="E41310" s="15">
        <v>45441</v>
      </c>
      <c r="F41310" s="14" t="s">
        <v>61</v>
      </c>
      <c r="G41310" s="16">
        <v>0.74409725718783815</v>
      </c>
    </row>
    <row r="41311" spans="1:7" x14ac:dyDescent="0.3">
      <c r="A41311" s="13" t="s">
        <v>245</v>
      </c>
      <c r="B41311" s="14" t="s">
        <v>1</v>
      </c>
      <c r="C41311" s="14" t="s">
        <v>70</v>
      </c>
      <c r="D41311" s="14" t="s">
        <v>246</v>
      </c>
      <c r="E41311" s="15">
        <v>45442</v>
      </c>
      <c r="F41311" s="14" t="s">
        <v>61</v>
      </c>
      <c r="G41311" s="16">
        <v>0.74269469534487154</v>
      </c>
    </row>
    <row r="41312" spans="1:7" x14ac:dyDescent="0.3">
      <c r="A41312" s="13" t="s">
        <v>245</v>
      </c>
      <c r="B41312" s="14" t="s">
        <v>1</v>
      </c>
      <c r="C41312" s="14" t="s">
        <v>70</v>
      </c>
      <c r="D41312" s="14" t="s">
        <v>246</v>
      </c>
      <c r="E41312" s="15">
        <v>45443</v>
      </c>
      <c r="F41312" s="14" t="s">
        <v>61</v>
      </c>
      <c r="G41312" s="16">
        <v>0.74968254323825212</v>
      </c>
    </row>
    <row r="41313" spans="1:7" x14ac:dyDescent="0.3">
      <c r="A41313" s="13" t="s">
        <v>245</v>
      </c>
      <c r="B41313" s="14" t="s">
        <v>1</v>
      </c>
      <c r="C41313" s="14" t="s">
        <v>70</v>
      </c>
      <c r="D41313" s="14" t="s">
        <v>246</v>
      </c>
      <c r="E41313" s="15">
        <v>45444</v>
      </c>
      <c r="F41313" s="14" t="s">
        <v>61</v>
      </c>
      <c r="G41313" s="16">
        <v>0.74968254323825212</v>
      </c>
    </row>
    <row r="41314" spans="1:7" x14ac:dyDescent="0.3">
      <c r="A41314" s="13" t="s">
        <v>245</v>
      </c>
      <c r="B41314" s="14" t="s">
        <v>1</v>
      </c>
      <c r="C41314" s="14" t="s">
        <v>70</v>
      </c>
      <c r="D41314" s="14" t="s">
        <v>246</v>
      </c>
      <c r="E41314" s="15">
        <v>45445</v>
      </c>
      <c r="F41314" s="14" t="s">
        <v>61</v>
      </c>
      <c r="G41314" s="16">
        <v>0.74968254323825212</v>
      </c>
    </row>
    <row r="41315" spans="1:7" x14ac:dyDescent="0.3">
      <c r="A41315" s="13" t="s">
        <v>245</v>
      </c>
      <c r="B41315" s="14" t="s">
        <v>1</v>
      </c>
      <c r="C41315" s="14" t="s">
        <v>70</v>
      </c>
      <c r="D41315" s="14" t="s">
        <v>246</v>
      </c>
      <c r="E41315" s="15">
        <v>45446</v>
      </c>
      <c r="F41315" s="14" t="s">
        <v>61</v>
      </c>
      <c r="G41315" s="16">
        <v>0.74968254323825212</v>
      </c>
    </row>
    <row r="41316" spans="1:7" x14ac:dyDescent="0.3">
      <c r="A41316" s="13" t="s">
        <v>245</v>
      </c>
      <c r="B41316" s="14" t="s">
        <v>1</v>
      </c>
      <c r="C41316" s="14" t="s">
        <v>70</v>
      </c>
      <c r="D41316" s="14" t="s">
        <v>246</v>
      </c>
      <c r="E41316" s="15">
        <v>45447</v>
      </c>
      <c r="F41316" s="14" t="s">
        <v>61</v>
      </c>
      <c r="G41316" s="16">
        <v>0.76262039878908816</v>
      </c>
    </row>
    <row r="41317" spans="1:7" x14ac:dyDescent="0.3">
      <c r="A41317" s="13" t="s">
        <v>245</v>
      </c>
      <c r="B41317" s="14" t="s">
        <v>1</v>
      </c>
      <c r="C41317" s="14" t="s">
        <v>70</v>
      </c>
      <c r="D41317" s="14" t="s">
        <v>246</v>
      </c>
      <c r="E41317" s="15">
        <v>45448</v>
      </c>
      <c r="F41317" s="14" t="s">
        <v>61</v>
      </c>
      <c r="G41317" s="16">
        <v>0.79814647096125435</v>
      </c>
    </row>
    <row r="41318" spans="1:7" x14ac:dyDescent="0.3">
      <c r="A41318" s="13" t="s">
        <v>245</v>
      </c>
      <c r="B41318" s="14" t="s">
        <v>1</v>
      </c>
      <c r="C41318" s="14" t="s">
        <v>70</v>
      </c>
      <c r="D41318" s="14" t="s">
        <v>246</v>
      </c>
      <c r="E41318" s="15">
        <v>45449</v>
      </c>
      <c r="F41318" s="14" t="s">
        <v>61</v>
      </c>
      <c r="G41318" s="16">
        <v>0.80042416476487754</v>
      </c>
    </row>
    <row r="41319" spans="1:7" x14ac:dyDescent="0.3">
      <c r="A41319" s="13" t="s">
        <v>245</v>
      </c>
      <c r="B41319" s="14" t="s">
        <v>1</v>
      </c>
      <c r="C41319" s="14" t="s">
        <v>70</v>
      </c>
      <c r="D41319" s="14" t="s">
        <v>246</v>
      </c>
      <c r="E41319" s="15">
        <v>45450</v>
      </c>
      <c r="F41319" s="14" t="s">
        <v>61</v>
      </c>
      <c r="G41319" s="16">
        <v>0.81078902435683886</v>
      </c>
    </row>
    <row r="41320" spans="1:7" x14ac:dyDescent="0.3">
      <c r="A41320" s="13" t="s">
        <v>245</v>
      </c>
      <c r="B41320" s="14" t="s">
        <v>1</v>
      </c>
      <c r="C41320" s="14" t="s">
        <v>70</v>
      </c>
      <c r="D41320" s="14" t="s">
        <v>246</v>
      </c>
      <c r="E41320" s="15">
        <v>45451</v>
      </c>
      <c r="F41320" s="14" t="s">
        <v>61</v>
      </c>
      <c r="G41320" s="16">
        <v>0.81078902435683886</v>
      </c>
    </row>
    <row r="41321" spans="1:7" x14ac:dyDescent="0.3">
      <c r="A41321" s="13" t="s">
        <v>245</v>
      </c>
      <c r="B41321" s="14" t="s">
        <v>1</v>
      </c>
      <c r="C41321" s="14" t="s">
        <v>70</v>
      </c>
      <c r="D41321" s="14" t="s">
        <v>246</v>
      </c>
      <c r="E41321" s="15">
        <v>45452</v>
      </c>
      <c r="F41321" s="14" t="s">
        <v>61</v>
      </c>
      <c r="G41321" s="16">
        <v>0.81078902435683886</v>
      </c>
    </row>
    <row r="41322" spans="1:7" x14ac:dyDescent="0.3">
      <c r="A41322" s="13" t="s">
        <v>245</v>
      </c>
      <c r="B41322" s="14" t="s">
        <v>1</v>
      </c>
      <c r="C41322" s="14" t="s">
        <v>70</v>
      </c>
      <c r="D41322" s="14" t="s">
        <v>246</v>
      </c>
      <c r="E41322" s="15">
        <v>45453</v>
      </c>
      <c r="F41322" s="14" t="s">
        <v>61</v>
      </c>
      <c r="G41322" s="16">
        <v>0.82667629611564841</v>
      </c>
    </row>
    <row r="41323" spans="1:7" x14ac:dyDescent="0.3">
      <c r="A41323" s="13" t="s">
        <v>245</v>
      </c>
      <c r="B41323" s="14" t="s">
        <v>1</v>
      </c>
      <c r="C41323" s="14" t="s">
        <v>70</v>
      </c>
      <c r="D41323" s="14" t="s">
        <v>246</v>
      </c>
      <c r="E41323" s="15">
        <v>45454</v>
      </c>
      <c r="F41323" s="14" t="s">
        <v>61</v>
      </c>
      <c r="G41323" s="16">
        <v>0.8414394181852104</v>
      </c>
    </row>
    <row r="41324" spans="1:7" x14ac:dyDescent="0.3">
      <c r="A41324" s="13" t="s">
        <v>245</v>
      </c>
      <c r="B41324" s="14" t="s">
        <v>1</v>
      </c>
      <c r="C41324" s="14" t="s">
        <v>70</v>
      </c>
      <c r="D41324" s="14" t="s">
        <v>246</v>
      </c>
      <c r="E41324" s="15">
        <v>45455</v>
      </c>
      <c r="F41324" s="14" t="s">
        <v>61</v>
      </c>
      <c r="G41324" s="16">
        <v>0.84792276825202195</v>
      </c>
    </row>
    <row r="41325" spans="1:7" x14ac:dyDescent="0.3">
      <c r="A41325" s="13" t="s">
        <v>245</v>
      </c>
      <c r="B41325" s="14" t="s">
        <v>1</v>
      </c>
      <c r="C41325" s="14" t="s">
        <v>70</v>
      </c>
      <c r="D41325" s="14" t="s">
        <v>246</v>
      </c>
      <c r="E41325" s="15">
        <v>45456</v>
      </c>
      <c r="F41325" s="14" t="s">
        <v>61</v>
      </c>
      <c r="G41325" s="16">
        <v>0.86162792650629283</v>
      </c>
    </row>
    <row r="41326" spans="1:7" x14ac:dyDescent="0.3">
      <c r="A41326" s="13" t="s">
        <v>245</v>
      </c>
      <c r="B41326" s="14" t="s">
        <v>1</v>
      </c>
      <c r="C41326" s="14" t="s">
        <v>70</v>
      </c>
      <c r="D41326" s="14" t="s">
        <v>246</v>
      </c>
      <c r="E41326" s="15">
        <v>45457</v>
      </c>
      <c r="F41326" s="14" t="s">
        <v>61</v>
      </c>
      <c r="G41326" s="16">
        <v>0.87351002944745892</v>
      </c>
    </row>
    <row r="41327" spans="1:7" x14ac:dyDescent="0.3">
      <c r="A41327" s="13" t="s">
        <v>245</v>
      </c>
      <c r="B41327" s="14" t="s">
        <v>1</v>
      </c>
      <c r="C41327" s="14" t="s">
        <v>70</v>
      </c>
      <c r="D41327" s="14" t="s">
        <v>246</v>
      </c>
      <c r="E41327" s="15">
        <v>45458</v>
      </c>
      <c r="F41327" s="14" t="s">
        <v>61</v>
      </c>
      <c r="G41327" s="16">
        <v>0.87351002944745892</v>
      </c>
    </row>
    <row r="41328" spans="1:7" x14ac:dyDescent="0.3">
      <c r="A41328" s="13" t="s">
        <v>245</v>
      </c>
      <c r="B41328" s="14" t="s">
        <v>1</v>
      </c>
      <c r="C41328" s="14" t="s">
        <v>70</v>
      </c>
      <c r="D41328" s="14" t="s">
        <v>246</v>
      </c>
      <c r="E41328" s="15">
        <v>45459</v>
      </c>
      <c r="F41328" s="14" t="s">
        <v>61</v>
      </c>
      <c r="G41328" s="16">
        <v>0.87351002944745892</v>
      </c>
    </row>
    <row r="41329" spans="1:7" x14ac:dyDescent="0.3">
      <c r="A41329" s="13" t="s">
        <v>245</v>
      </c>
      <c r="B41329" s="14" t="s">
        <v>1</v>
      </c>
      <c r="C41329" s="14" t="s">
        <v>70</v>
      </c>
      <c r="D41329" s="14" t="s">
        <v>246</v>
      </c>
      <c r="E41329" s="15">
        <v>45460</v>
      </c>
      <c r="F41329" s="14" t="s">
        <v>61</v>
      </c>
      <c r="G41329" s="16">
        <v>0.89183534175439649</v>
      </c>
    </row>
    <row r="41330" spans="1:7" x14ac:dyDescent="0.3">
      <c r="A41330" s="13" t="s">
        <v>245</v>
      </c>
      <c r="B41330" s="14" t="s">
        <v>1</v>
      </c>
      <c r="C41330" s="14" t="s">
        <v>70</v>
      </c>
      <c r="D41330" s="14" t="s">
        <v>246</v>
      </c>
      <c r="E41330" s="15">
        <v>45461</v>
      </c>
      <c r="F41330" s="14" t="s">
        <v>61</v>
      </c>
      <c r="G41330" s="16">
        <v>0.90147553166210637</v>
      </c>
    </row>
    <row r="41331" spans="1:7" x14ac:dyDescent="0.3">
      <c r="A41331" s="13" t="s">
        <v>245</v>
      </c>
      <c r="B41331" s="14" t="s">
        <v>1</v>
      </c>
      <c r="C41331" s="14" t="s">
        <v>70</v>
      </c>
      <c r="D41331" s="14" t="s">
        <v>246</v>
      </c>
      <c r="E41331" s="15">
        <v>45462</v>
      </c>
      <c r="F41331" s="14" t="s">
        <v>61</v>
      </c>
      <c r="G41331" s="16">
        <v>0.90584697869750797</v>
      </c>
    </row>
    <row r="41332" spans="1:7" x14ac:dyDescent="0.3">
      <c r="A41332" s="13" t="s">
        <v>245</v>
      </c>
      <c r="B41332" s="14" t="s">
        <v>1</v>
      </c>
      <c r="C41332" s="14" t="s">
        <v>70</v>
      </c>
      <c r="D41332" s="14" t="s">
        <v>246</v>
      </c>
      <c r="E41332" s="15">
        <v>45463</v>
      </c>
      <c r="F41332" s="14" t="s">
        <v>61</v>
      </c>
      <c r="G41332" s="16">
        <v>0.92019046098059276</v>
      </c>
    </row>
    <row r="41333" spans="1:7" x14ac:dyDescent="0.3">
      <c r="A41333" s="13" t="s">
        <v>245</v>
      </c>
      <c r="B41333" s="14" t="s">
        <v>1</v>
      </c>
      <c r="C41333" s="14" t="s">
        <v>70</v>
      </c>
      <c r="D41333" s="14" t="s">
        <v>246</v>
      </c>
      <c r="E41333" s="15">
        <v>45464</v>
      </c>
      <c r="F41333" s="14" t="s">
        <v>61</v>
      </c>
      <c r="G41333" s="16">
        <v>0.9247037627635073</v>
      </c>
    </row>
    <row r="41334" spans="1:7" x14ac:dyDescent="0.3">
      <c r="A41334" s="13" t="s">
        <v>245</v>
      </c>
      <c r="B41334" s="14" t="s">
        <v>1</v>
      </c>
      <c r="C41334" s="14" t="s">
        <v>70</v>
      </c>
      <c r="D41334" s="14" t="s">
        <v>246</v>
      </c>
      <c r="E41334" s="15">
        <v>45465</v>
      </c>
      <c r="F41334" s="14" t="s">
        <v>61</v>
      </c>
      <c r="G41334" s="16">
        <v>0.9247037627635073</v>
      </c>
    </row>
    <row r="41335" spans="1:7" x14ac:dyDescent="0.3">
      <c r="A41335" s="13" t="s">
        <v>245</v>
      </c>
      <c r="B41335" s="14" t="s">
        <v>1</v>
      </c>
      <c r="C41335" s="14" t="s">
        <v>70</v>
      </c>
      <c r="D41335" s="14" t="s">
        <v>246</v>
      </c>
      <c r="E41335" s="15">
        <v>45466</v>
      </c>
      <c r="F41335" s="14" t="s">
        <v>61</v>
      </c>
      <c r="G41335" s="16">
        <v>0.9247037627635073</v>
      </c>
    </row>
    <row r="41336" spans="1:7" x14ac:dyDescent="0.3">
      <c r="A41336" s="13" t="s">
        <v>245</v>
      </c>
      <c r="B41336" s="14" t="s">
        <v>1</v>
      </c>
      <c r="C41336" s="14" t="s">
        <v>70</v>
      </c>
      <c r="D41336" s="14" t="s">
        <v>246</v>
      </c>
      <c r="E41336" s="15">
        <v>45467</v>
      </c>
      <c r="F41336" s="14" t="s">
        <v>61</v>
      </c>
      <c r="G41336" s="16">
        <v>0.92532703196613664</v>
      </c>
    </row>
    <row r="41337" spans="1:7" x14ac:dyDescent="0.3">
      <c r="A41337" s="13" t="s">
        <v>245</v>
      </c>
      <c r="B41337" s="14" t="s">
        <v>1</v>
      </c>
      <c r="C41337" s="14" t="s">
        <v>70</v>
      </c>
      <c r="D41337" s="14" t="s">
        <v>246</v>
      </c>
      <c r="E41337" s="15">
        <v>45468</v>
      </c>
      <c r="F41337" s="14" t="s">
        <v>61</v>
      </c>
      <c r="G41337" s="16">
        <v>0.94437712360703119</v>
      </c>
    </row>
    <row r="41338" spans="1:7" x14ac:dyDescent="0.3">
      <c r="A41338" s="13" t="s">
        <v>245</v>
      </c>
      <c r="B41338" s="14" t="s">
        <v>1</v>
      </c>
      <c r="C41338" s="14" t="s">
        <v>70</v>
      </c>
      <c r="D41338" s="14" t="s">
        <v>246</v>
      </c>
      <c r="E41338" s="15">
        <v>45469</v>
      </c>
      <c r="F41338" s="14" t="s">
        <v>61</v>
      </c>
      <c r="G41338" s="16">
        <v>0.95121794667148096</v>
      </c>
    </row>
    <row r="41339" spans="1:7" x14ac:dyDescent="0.3">
      <c r="A41339" s="13" t="s">
        <v>245</v>
      </c>
      <c r="B41339" s="14" t="s">
        <v>1</v>
      </c>
      <c r="C41339" s="14" t="s">
        <v>70</v>
      </c>
      <c r="D41339" s="14" t="s">
        <v>246</v>
      </c>
      <c r="E41339" s="15">
        <v>45470</v>
      </c>
      <c r="F41339" s="14" t="s">
        <v>61</v>
      </c>
      <c r="G41339" s="16">
        <v>0.95293171097018825</v>
      </c>
    </row>
    <row r="41340" spans="1:7" x14ac:dyDescent="0.3">
      <c r="A41340" s="13" t="s">
        <v>245</v>
      </c>
      <c r="B41340" s="14" t="s">
        <v>1</v>
      </c>
      <c r="C41340" s="14" t="s">
        <v>70</v>
      </c>
      <c r="D41340" s="14" t="s">
        <v>246</v>
      </c>
      <c r="E41340" s="15">
        <v>45471</v>
      </c>
      <c r="F41340" s="14" t="s">
        <v>61</v>
      </c>
      <c r="G41340" s="16">
        <v>0.98026890554629198</v>
      </c>
    </row>
    <row r="41341" spans="1:7" x14ac:dyDescent="0.3">
      <c r="A41341" s="13" t="s">
        <v>245</v>
      </c>
      <c r="B41341" s="14" t="s">
        <v>1</v>
      </c>
      <c r="C41341" s="14" t="s">
        <v>70</v>
      </c>
      <c r="D41341" s="14" t="s">
        <v>246</v>
      </c>
      <c r="E41341" s="15">
        <v>45472</v>
      </c>
      <c r="F41341" s="14" t="s">
        <v>61</v>
      </c>
      <c r="G41341" s="16">
        <v>0.98026890554629198</v>
      </c>
    </row>
    <row r="41342" spans="1:7" x14ac:dyDescent="0.3">
      <c r="A41342" s="13" t="s">
        <v>245</v>
      </c>
      <c r="B41342" s="14" t="s">
        <v>1</v>
      </c>
      <c r="C41342" s="14" t="s">
        <v>70</v>
      </c>
      <c r="D41342" s="14" t="s">
        <v>246</v>
      </c>
      <c r="E41342" s="15">
        <v>45473</v>
      </c>
      <c r="F41342" s="14" t="s">
        <v>61</v>
      </c>
      <c r="G41342" s="16">
        <v>0.98026890554629198</v>
      </c>
    </row>
    <row r="41343" spans="1:7" x14ac:dyDescent="0.3">
      <c r="A41343" s="13" t="s">
        <v>245</v>
      </c>
      <c r="B41343" s="14" t="s">
        <v>1</v>
      </c>
      <c r="C41343" s="14" t="s">
        <v>70</v>
      </c>
      <c r="D41343" s="14" t="s">
        <v>246</v>
      </c>
      <c r="E41343" s="15">
        <v>45474</v>
      </c>
      <c r="F41343" s="14" t="s">
        <v>61</v>
      </c>
      <c r="G41343" s="16">
        <v>0.98695064238023011</v>
      </c>
    </row>
    <row r="41344" spans="1:7" x14ac:dyDescent="0.3">
      <c r="A41344" s="13" t="s">
        <v>245</v>
      </c>
      <c r="B41344" s="14" t="s">
        <v>1</v>
      </c>
      <c r="C41344" s="14" t="s">
        <v>70</v>
      </c>
      <c r="D41344" s="14" t="s">
        <v>246</v>
      </c>
      <c r="E41344" s="15">
        <v>45475</v>
      </c>
      <c r="F41344" s="14" t="s">
        <v>61</v>
      </c>
      <c r="G41344" s="16">
        <v>1.0002540099048183</v>
      </c>
    </row>
    <row r="41345" spans="1:7" x14ac:dyDescent="0.3">
      <c r="A41345" s="13" t="s">
        <v>245</v>
      </c>
      <c r="B41345" s="14" t="s">
        <v>1</v>
      </c>
      <c r="C41345" s="14" t="s">
        <v>70</v>
      </c>
      <c r="D41345" s="14" t="s">
        <v>246</v>
      </c>
      <c r="E41345" s="15">
        <v>45476</v>
      </c>
      <c r="F41345" s="14" t="s">
        <v>61</v>
      </c>
      <c r="G41345" s="16">
        <v>1.0331985050865398</v>
      </c>
    </row>
    <row r="41346" spans="1:7" x14ac:dyDescent="0.3">
      <c r="A41346" s="13" t="s">
        <v>245</v>
      </c>
      <c r="B41346" s="14" t="s">
        <v>1</v>
      </c>
      <c r="C41346" s="14" t="s">
        <v>70</v>
      </c>
      <c r="D41346" s="14" t="s">
        <v>246</v>
      </c>
      <c r="E41346" s="15">
        <v>45477</v>
      </c>
      <c r="F41346" s="14" t="s">
        <v>61</v>
      </c>
      <c r="G41346" s="16">
        <v>1.0346613435561025</v>
      </c>
    </row>
    <row r="41347" spans="1:7" x14ac:dyDescent="0.3">
      <c r="A41347" s="13" t="s">
        <v>245</v>
      </c>
      <c r="B41347" s="14" t="s">
        <v>1</v>
      </c>
      <c r="C41347" s="14" t="s">
        <v>70</v>
      </c>
      <c r="D41347" s="14" t="s">
        <v>246</v>
      </c>
      <c r="E41347" s="15">
        <v>45478</v>
      </c>
      <c r="F41347" s="14" t="s">
        <v>61</v>
      </c>
      <c r="G41347" s="16">
        <v>1.0358520451581577</v>
      </c>
    </row>
    <row r="41348" spans="1:7" x14ac:dyDescent="0.3">
      <c r="A41348" s="13" t="s">
        <v>245</v>
      </c>
      <c r="B41348" s="14" t="s">
        <v>1</v>
      </c>
      <c r="C41348" s="14" t="s">
        <v>70</v>
      </c>
      <c r="D41348" s="14" t="s">
        <v>246</v>
      </c>
      <c r="E41348" s="15">
        <v>45479</v>
      </c>
      <c r="F41348" s="14" t="s">
        <v>61</v>
      </c>
      <c r="G41348" s="16">
        <v>1.0358520451581577</v>
      </c>
    </row>
    <row r="41349" spans="1:7" x14ac:dyDescent="0.3">
      <c r="A41349" s="13" t="s">
        <v>245</v>
      </c>
      <c r="B41349" s="14" t="s">
        <v>1</v>
      </c>
      <c r="C41349" s="14" t="s">
        <v>70</v>
      </c>
      <c r="D41349" s="14" t="s">
        <v>246</v>
      </c>
      <c r="E41349" s="15">
        <v>45480</v>
      </c>
      <c r="F41349" s="14" t="s">
        <v>61</v>
      </c>
      <c r="G41349" s="16">
        <v>1.0358520451581577</v>
      </c>
    </row>
    <row r="41350" spans="1:7" x14ac:dyDescent="0.3">
      <c r="A41350" s="13" t="s">
        <v>245</v>
      </c>
      <c r="B41350" s="14" t="s">
        <v>1</v>
      </c>
      <c r="C41350" s="14" t="s">
        <v>70</v>
      </c>
      <c r="D41350" s="14" t="s">
        <v>246</v>
      </c>
      <c r="E41350" s="15">
        <v>45481</v>
      </c>
      <c r="F41350" s="14" t="s">
        <v>61</v>
      </c>
      <c r="G41350" s="16">
        <v>1.0599739413241198</v>
      </c>
    </row>
    <row r="41351" spans="1:7" x14ac:dyDescent="0.3">
      <c r="A41351" s="13" t="s">
        <v>245</v>
      </c>
      <c r="B41351" s="14" t="s">
        <v>1</v>
      </c>
      <c r="C41351" s="14" t="s">
        <v>70</v>
      </c>
      <c r="D41351" s="14" t="s">
        <v>246</v>
      </c>
      <c r="E41351" s="15">
        <v>45482</v>
      </c>
      <c r="F41351" s="14" t="s">
        <v>61</v>
      </c>
      <c r="G41351" s="16">
        <v>1.0721922344222929</v>
      </c>
    </row>
    <row r="41352" spans="1:7" x14ac:dyDescent="0.3">
      <c r="A41352" s="13" t="s">
        <v>245</v>
      </c>
      <c r="B41352" s="14" t="s">
        <v>1</v>
      </c>
      <c r="C41352" s="14" t="s">
        <v>70</v>
      </c>
      <c r="D41352" s="14" t="s">
        <v>246</v>
      </c>
      <c r="E41352" s="15">
        <v>45483</v>
      </c>
      <c r="F41352" s="14" t="s">
        <v>61</v>
      </c>
      <c r="G41352" s="16">
        <v>1.0774826489460603</v>
      </c>
    </row>
    <row r="41353" spans="1:7" x14ac:dyDescent="0.3">
      <c r="A41353" s="13" t="s">
        <v>245</v>
      </c>
      <c r="B41353" s="14" t="s">
        <v>1</v>
      </c>
      <c r="C41353" s="14" t="s">
        <v>70</v>
      </c>
      <c r="D41353" s="14" t="s">
        <v>246</v>
      </c>
      <c r="E41353" s="15">
        <v>45484</v>
      </c>
      <c r="F41353" s="14" t="s">
        <v>61</v>
      </c>
      <c r="G41353" s="16">
        <v>1.0904880761029976</v>
      </c>
    </row>
    <row r="41354" spans="1:7" x14ac:dyDescent="0.3">
      <c r="A41354" s="13" t="s">
        <v>245</v>
      </c>
      <c r="B41354" s="14" t="s">
        <v>1</v>
      </c>
      <c r="C41354" s="14" t="s">
        <v>70</v>
      </c>
      <c r="D41354" s="14" t="s">
        <v>246</v>
      </c>
      <c r="E41354" s="15">
        <v>45485</v>
      </c>
      <c r="F41354" s="14" t="s">
        <v>61</v>
      </c>
      <c r="G41354" s="16">
        <v>1.0928691077714876</v>
      </c>
    </row>
    <row r="41355" spans="1:7" x14ac:dyDescent="0.3">
      <c r="A41355" s="13" t="s">
        <v>245</v>
      </c>
      <c r="B41355" s="14" t="s">
        <v>1</v>
      </c>
      <c r="C41355" s="14" t="s">
        <v>70</v>
      </c>
      <c r="D41355" s="14" t="s">
        <v>246</v>
      </c>
      <c r="E41355" s="15">
        <v>45486</v>
      </c>
      <c r="F41355" s="14" t="s">
        <v>61</v>
      </c>
      <c r="G41355" s="16">
        <v>1.0928691077714876</v>
      </c>
    </row>
    <row r="41356" spans="1:7" x14ac:dyDescent="0.3">
      <c r="A41356" s="13" t="s">
        <v>245</v>
      </c>
      <c r="B41356" s="14" t="s">
        <v>1</v>
      </c>
      <c r="C41356" s="14" t="s">
        <v>70</v>
      </c>
      <c r="D41356" s="14" t="s">
        <v>246</v>
      </c>
      <c r="E41356" s="15">
        <v>45487</v>
      </c>
      <c r="F41356" s="14" t="s">
        <v>61</v>
      </c>
      <c r="G41356" s="16">
        <v>1.0928691077714876</v>
      </c>
    </row>
    <row r="41357" spans="1:7" x14ac:dyDescent="0.3">
      <c r="A41357" s="13" t="s">
        <v>245</v>
      </c>
      <c r="B41357" s="14" t="s">
        <v>1</v>
      </c>
      <c r="C41357" s="14" t="s">
        <v>70</v>
      </c>
      <c r="D41357" s="14" t="s">
        <v>246</v>
      </c>
      <c r="E41357" s="15">
        <v>45488</v>
      </c>
      <c r="F41357" s="14" t="s">
        <v>61</v>
      </c>
      <c r="G41357" s="16">
        <v>1.0969156974424374</v>
      </c>
    </row>
    <row r="41358" spans="1:7" x14ac:dyDescent="0.3">
      <c r="A41358" s="13" t="s">
        <v>245</v>
      </c>
      <c r="B41358" s="14" t="s">
        <v>1</v>
      </c>
      <c r="C41358" s="14" t="s">
        <v>70</v>
      </c>
      <c r="D41358" s="14" t="s">
        <v>246</v>
      </c>
      <c r="E41358" s="15">
        <v>45489</v>
      </c>
      <c r="F41358" s="14" t="s">
        <v>61</v>
      </c>
      <c r="G41358" s="16">
        <v>1.1070512079942922</v>
      </c>
    </row>
    <row r="41359" spans="1:7" x14ac:dyDescent="0.3">
      <c r="A41359" s="13" t="s">
        <v>245</v>
      </c>
      <c r="B41359" s="14" t="s">
        <v>1</v>
      </c>
      <c r="C41359" s="14" t="s">
        <v>70</v>
      </c>
      <c r="D41359" s="14" t="s">
        <v>246</v>
      </c>
      <c r="E41359" s="15">
        <v>45490</v>
      </c>
      <c r="F41359" s="14" t="s">
        <v>61</v>
      </c>
      <c r="G41359" s="16">
        <v>1.106567352794156</v>
      </c>
    </row>
    <row r="41360" spans="1:7" x14ac:dyDescent="0.3">
      <c r="A41360" s="13" t="s">
        <v>245</v>
      </c>
      <c r="B41360" s="14" t="s">
        <v>1</v>
      </c>
      <c r="C41360" s="14" t="s">
        <v>70</v>
      </c>
      <c r="D41360" s="14" t="s">
        <v>246</v>
      </c>
      <c r="E41360" s="15">
        <v>45491</v>
      </c>
      <c r="F41360" s="14" t="s">
        <v>61</v>
      </c>
      <c r="G41360" s="16">
        <v>1.1284475692923257</v>
      </c>
    </row>
    <row r="41361" spans="1:7" x14ac:dyDescent="0.3">
      <c r="A41361" s="13" t="s">
        <v>245</v>
      </c>
      <c r="B41361" s="14" t="s">
        <v>1</v>
      </c>
      <c r="C41361" s="14" t="s">
        <v>70</v>
      </c>
      <c r="D41361" s="14" t="s">
        <v>246</v>
      </c>
      <c r="E41361" s="15">
        <v>45492</v>
      </c>
      <c r="F41361" s="14" t="s">
        <v>61</v>
      </c>
      <c r="G41361" s="16">
        <v>1.133633514024367</v>
      </c>
    </row>
    <row r="41362" spans="1:7" x14ac:dyDescent="0.3">
      <c r="A41362" s="13" t="s">
        <v>245</v>
      </c>
      <c r="B41362" s="14" t="s">
        <v>1</v>
      </c>
      <c r="C41362" s="14" t="s">
        <v>70</v>
      </c>
      <c r="D41362" s="14" t="s">
        <v>246</v>
      </c>
      <c r="E41362" s="15">
        <v>45493</v>
      </c>
      <c r="F41362" s="14" t="s">
        <v>61</v>
      </c>
      <c r="G41362" s="16">
        <v>1.133633514024367</v>
      </c>
    </row>
    <row r="41363" spans="1:7" x14ac:dyDescent="0.3">
      <c r="A41363" s="13" t="s">
        <v>245</v>
      </c>
      <c r="B41363" s="14" t="s">
        <v>1</v>
      </c>
      <c r="C41363" s="14" t="s">
        <v>70</v>
      </c>
      <c r="D41363" s="14" t="s">
        <v>246</v>
      </c>
      <c r="E41363" s="15">
        <v>45494</v>
      </c>
      <c r="F41363" s="14" t="s">
        <v>61</v>
      </c>
      <c r="G41363" s="16">
        <v>1.133633514024367</v>
      </c>
    </row>
    <row r="41364" spans="1:7" x14ac:dyDescent="0.3">
      <c r="A41364" s="13" t="s">
        <v>245</v>
      </c>
      <c r="B41364" s="14" t="s">
        <v>1</v>
      </c>
      <c r="C41364" s="14" t="s">
        <v>70</v>
      </c>
      <c r="D41364" s="14" t="s">
        <v>246</v>
      </c>
      <c r="E41364" s="15">
        <v>45495</v>
      </c>
      <c r="F41364" s="14" t="s">
        <v>61</v>
      </c>
      <c r="G41364" s="16">
        <v>1.1396921649610674</v>
      </c>
    </row>
    <row r="41365" spans="1:7" x14ac:dyDescent="0.3">
      <c r="A41365" s="13" t="s">
        <v>245</v>
      </c>
      <c r="B41365" s="14" t="s">
        <v>1</v>
      </c>
      <c r="C41365" s="14" t="s">
        <v>70</v>
      </c>
      <c r="D41365" s="14" t="s">
        <v>246</v>
      </c>
      <c r="E41365" s="15">
        <v>45496</v>
      </c>
      <c r="F41365" s="14" t="s">
        <v>61</v>
      </c>
      <c r="G41365" s="16">
        <v>1.1755445065775874</v>
      </c>
    </row>
    <row r="41366" spans="1:7" x14ac:dyDescent="0.3">
      <c r="A41366" s="13" t="s">
        <v>245</v>
      </c>
      <c r="B41366" s="14" t="s">
        <v>1</v>
      </c>
      <c r="C41366" s="14" t="s">
        <v>70</v>
      </c>
      <c r="D41366" s="14" t="s">
        <v>246</v>
      </c>
      <c r="E41366" s="15">
        <v>45497</v>
      </c>
      <c r="F41366" s="14" t="s">
        <v>61</v>
      </c>
      <c r="G41366" s="16">
        <v>1.1818648394189777</v>
      </c>
    </row>
    <row r="41367" spans="1:7" x14ac:dyDescent="0.3">
      <c r="A41367" s="13" t="s">
        <v>245</v>
      </c>
      <c r="B41367" s="14" t="s">
        <v>1</v>
      </c>
      <c r="C41367" s="14" t="s">
        <v>70</v>
      </c>
      <c r="D41367" s="14" t="s">
        <v>246</v>
      </c>
      <c r="E41367" s="15">
        <v>45498</v>
      </c>
      <c r="F41367" s="14" t="s">
        <v>61</v>
      </c>
      <c r="G41367" s="16">
        <v>1.1849532470349478</v>
      </c>
    </row>
    <row r="41368" spans="1:7" x14ac:dyDescent="0.3">
      <c r="A41368" s="13" t="s">
        <v>245</v>
      </c>
      <c r="B41368" s="14" t="s">
        <v>1</v>
      </c>
      <c r="C41368" s="14" t="s">
        <v>70</v>
      </c>
      <c r="D41368" s="14" t="s">
        <v>246</v>
      </c>
      <c r="E41368" s="15">
        <v>45499</v>
      </c>
      <c r="F41368" s="14" t="s">
        <v>61</v>
      </c>
      <c r="G41368" s="16">
        <v>1.1873862723720334</v>
      </c>
    </row>
    <row r="41369" spans="1:7" x14ac:dyDescent="0.3">
      <c r="A41369" s="13" t="s">
        <v>245</v>
      </c>
      <c r="B41369" s="14" t="s">
        <v>1</v>
      </c>
      <c r="C41369" s="14" t="s">
        <v>70</v>
      </c>
      <c r="D41369" s="14" t="s">
        <v>246</v>
      </c>
      <c r="E41369" s="15">
        <v>45500</v>
      </c>
      <c r="F41369" s="14" t="s">
        <v>61</v>
      </c>
      <c r="G41369" s="16">
        <v>1.1873862723720334</v>
      </c>
    </row>
    <row r="41370" spans="1:7" x14ac:dyDescent="0.3">
      <c r="A41370" s="13" t="s">
        <v>245</v>
      </c>
      <c r="B41370" s="14" t="s">
        <v>1</v>
      </c>
      <c r="C41370" s="14" t="s">
        <v>70</v>
      </c>
      <c r="D41370" s="14" t="s">
        <v>246</v>
      </c>
      <c r="E41370" s="15">
        <v>45501</v>
      </c>
      <c r="F41370" s="14" t="s">
        <v>61</v>
      </c>
      <c r="G41370" s="16">
        <v>1.1873862723720334</v>
      </c>
    </row>
    <row r="41371" spans="1:7" x14ac:dyDescent="0.3">
      <c r="A41371" s="13" t="s">
        <v>245</v>
      </c>
      <c r="B41371" s="14" t="s">
        <v>1</v>
      </c>
      <c r="C41371" s="14" t="s">
        <v>70</v>
      </c>
      <c r="D41371" s="14" t="s">
        <v>246</v>
      </c>
      <c r="E41371" s="15">
        <v>45502</v>
      </c>
      <c r="F41371" s="14" t="s">
        <v>61</v>
      </c>
      <c r="G41371" s="16">
        <v>1.1964546217003078</v>
      </c>
    </row>
    <row r="41372" spans="1:7" x14ac:dyDescent="0.3">
      <c r="A41372" s="13" t="s">
        <v>245</v>
      </c>
      <c r="B41372" s="14" t="s">
        <v>1</v>
      </c>
      <c r="C41372" s="14" t="s">
        <v>70</v>
      </c>
      <c r="D41372" s="14" t="s">
        <v>246</v>
      </c>
      <c r="E41372" s="15">
        <v>45503</v>
      </c>
      <c r="F41372" s="14" t="s">
        <v>61</v>
      </c>
      <c r="G41372" s="16">
        <v>1.2082895533908757</v>
      </c>
    </row>
    <row r="41373" spans="1:7" x14ac:dyDescent="0.3">
      <c r="A41373" s="13" t="s">
        <v>245</v>
      </c>
      <c r="B41373" s="14" t="s">
        <v>1</v>
      </c>
      <c r="C41373" s="14" t="s">
        <v>70</v>
      </c>
      <c r="D41373" s="14" t="s">
        <v>246</v>
      </c>
      <c r="E41373" s="15">
        <v>45504</v>
      </c>
      <c r="F41373" s="14" t="s">
        <v>61</v>
      </c>
      <c r="G41373" s="16">
        <v>1.2114604893072196</v>
      </c>
    </row>
    <row r="41374" spans="1:7" x14ac:dyDescent="0.3">
      <c r="A41374" s="13" t="s">
        <v>245</v>
      </c>
      <c r="B41374" s="14" t="s">
        <v>1</v>
      </c>
      <c r="C41374" s="14" t="s">
        <v>70</v>
      </c>
      <c r="D41374" s="14" t="s">
        <v>246</v>
      </c>
      <c r="E41374" s="15">
        <v>45505</v>
      </c>
      <c r="F41374" s="14" t="s">
        <v>61</v>
      </c>
      <c r="G41374" s="16">
        <v>1.2114604893072196</v>
      </c>
    </row>
    <row r="41375" spans="1:7" x14ac:dyDescent="0.3">
      <c r="A41375" s="13" t="s">
        <v>245</v>
      </c>
      <c r="B41375" s="14" t="s">
        <v>1</v>
      </c>
      <c r="C41375" s="14" t="s">
        <v>70</v>
      </c>
      <c r="D41375" s="14" t="s">
        <v>246</v>
      </c>
      <c r="E41375" s="15">
        <v>45506</v>
      </c>
      <c r="F41375" s="14" t="s">
        <v>61</v>
      </c>
      <c r="G41375" s="16">
        <v>1.2165511895326899</v>
      </c>
    </row>
    <row r="41376" spans="1:7" x14ac:dyDescent="0.3">
      <c r="A41376" s="13" t="s">
        <v>245</v>
      </c>
      <c r="B41376" s="14" t="s">
        <v>1</v>
      </c>
      <c r="C41376" s="14" t="s">
        <v>70</v>
      </c>
      <c r="D41376" s="14" t="s">
        <v>246</v>
      </c>
      <c r="E41376" s="15">
        <v>45507</v>
      </c>
      <c r="F41376" s="14" t="s">
        <v>61</v>
      </c>
      <c r="G41376" s="16">
        <v>1.2165511895326899</v>
      </c>
    </row>
    <row r="41377" spans="1:7" x14ac:dyDescent="0.3">
      <c r="A41377" s="13" t="s">
        <v>245</v>
      </c>
      <c r="B41377" s="14" t="s">
        <v>1</v>
      </c>
      <c r="C41377" s="14" t="s">
        <v>70</v>
      </c>
      <c r="D41377" s="14" t="s">
        <v>246</v>
      </c>
      <c r="E41377" s="15">
        <v>45508</v>
      </c>
      <c r="F41377" s="14" t="s">
        <v>61</v>
      </c>
      <c r="G41377" s="16">
        <v>1.2165511895326899</v>
      </c>
    </row>
    <row r="41378" spans="1:7" x14ac:dyDescent="0.3">
      <c r="A41378" s="13" t="s">
        <v>245</v>
      </c>
      <c r="B41378" s="14" t="s">
        <v>1</v>
      </c>
      <c r="C41378" s="14" t="s">
        <v>70</v>
      </c>
      <c r="D41378" s="14" t="s">
        <v>246</v>
      </c>
      <c r="E41378" s="15">
        <v>45509</v>
      </c>
      <c r="F41378" s="14" t="s">
        <v>61</v>
      </c>
      <c r="G41378" s="16">
        <v>1.2165511895326899</v>
      </c>
    </row>
    <row r="41379" spans="1:7" x14ac:dyDescent="0.3">
      <c r="A41379" s="13" t="s">
        <v>245</v>
      </c>
      <c r="B41379" s="14" t="s">
        <v>1</v>
      </c>
      <c r="C41379" s="14" t="s">
        <v>70</v>
      </c>
      <c r="D41379" s="14" t="s">
        <v>246</v>
      </c>
      <c r="E41379" s="15">
        <v>45510</v>
      </c>
      <c r="F41379" s="14" t="s">
        <v>61</v>
      </c>
      <c r="G41379" s="16">
        <v>1.2189447570003926</v>
      </c>
    </row>
    <row r="41380" spans="1:7" x14ac:dyDescent="0.3">
      <c r="A41380" s="13" t="s">
        <v>245</v>
      </c>
      <c r="B41380" s="14" t="s">
        <v>1</v>
      </c>
      <c r="C41380" s="14" t="s">
        <v>70</v>
      </c>
      <c r="D41380" s="14" t="s">
        <v>246</v>
      </c>
      <c r="E41380" s="15">
        <v>45511</v>
      </c>
      <c r="F41380" s="14" t="s">
        <v>61</v>
      </c>
      <c r="G41380" s="16">
        <v>1.2655047757237738</v>
      </c>
    </row>
    <row r="41381" spans="1:7" x14ac:dyDescent="0.3">
      <c r="A41381" s="13" t="s">
        <v>245</v>
      </c>
      <c r="B41381" s="14" t="s">
        <v>1</v>
      </c>
      <c r="C41381" s="14" t="s">
        <v>70</v>
      </c>
      <c r="D41381" s="14" t="s">
        <v>246</v>
      </c>
      <c r="E41381" s="15">
        <v>45512</v>
      </c>
      <c r="F41381" s="14" t="s">
        <v>61</v>
      </c>
      <c r="G41381" s="16">
        <v>1.2697925920920583</v>
      </c>
    </row>
    <row r="41382" spans="1:7" x14ac:dyDescent="0.3">
      <c r="A41382" s="13" t="s">
        <v>245</v>
      </c>
      <c r="B41382" s="14" t="s">
        <v>1</v>
      </c>
      <c r="C41382" s="14" t="s">
        <v>70</v>
      </c>
      <c r="D41382" s="14" t="s">
        <v>246</v>
      </c>
      <c r="E41382" s="15">
        <v>45513</v>
      </c>
      <c r="F41382" s="14" t="s">
        <v>61</v>
      </c>
      <c r="G41382" s="16">
        <v>1.2879838615054668</v>
      </c>
    </row>
    <row r="41383" spans="1:7" x14ac:dyDescent="0.3">
      <c r="A41383" s="13" t="s">
        <v>245</v>
      </c>
      <c r="B41383" s="14" t="s">
        <v>1</v>
      </c>
      <c r="C41383" s="14" t="s">
        <v>70</v>
      </c>
      <c r="D41383" s="14" t="s">
        <v>246</v>
      </c>
      <c r="E41383" s="15">
        <v>45514</v>
      </c>
      <c r="F41383" s="14" t="s">
        <v>61</v>
      </c>
      <c r="G41383" s="16">
        <v>1.2879838615054668</v>
      </c>
    </row>
    <row r="41384" spans="1:7" x14ac:dyDescent="0.3">
      <c r="A41384" s="13" t="s">
        <v>245</v>
      </c>
      <c r="B41384" s="14" t="s">
        <v>1</v>
      </c>
      <c r="C41384" s="14" t="s">
        <v>70</v>
      </c>
      <c r="D41384" s="14" t="s">
        <v>246</v>
      </c>
      <c r="E41384" s="15">
        <v>45515</v>
      </c>
      <c r="F41384" s="14" t="s">
        <v>61</v>
      </c>
      <c r="G41384" s="16">
        <v>1.2879838615054668</v>
      </c>
    </row>
    <row r="41385" spans="1:7" x14ac:dyDescent="0.3">
      <c r="A41385" s="13" t="s">
        <v>245</v>
      </c>
      <c r="B41385" s="14" t="s">
        <v>1</v>
      </c>
      <c r="C41385" s="14" t="s">
        <v>70</v>
      </c>
      <c r="D41385" s="14" t="s">
        <v>246</v>
      </c>
      <c r="E41385" s="15">
        <v>45516</v>
      </c>
      <c r="F41385" s="14" t="s">
        <v>61</v>
      </c>
      <c r="G41385" s="16">
        <v>1.3038530161507129</v>
      </c>
    </row>
    <row r="41386" spans="1:7" x14ac:dyDescent="0.3">
      <c r="A41386" s="13" t="s">
        <v>245</v>
      </c>
      <c r="B41386" s="14" t="s">
        <v>1</v>
      </c>
      <c r="C41386" s="14" t="s">
        <v>70</v>
      </c>
      <c r="D41386" s="14" t="s">
        <v>246</v>
      </c>
      <c r="E41386" s="15">
        <v>45517</v>
      </c>
      <c r="F41386" s="14" t="s">
        <v>61</v>
      </c>
      <c r="G41386" s="16">
        <v>1.3113584651995356</v>
      </c>
    </row>
    <row r="41387" spans="1:7" x14ac:dyDescent="0.3">
      <c r="A41387" s="13" t="s">
        <v>245</v>
      </c>
      <c r="B41387" s="14" t="s">
        <v>1</v>
      </c>
      <c r="C41387" s="14" t="s">
        <v>70</v>
      </c>
      <c r="D41387" s="14" t="s">
        <v>246</v>
      </c>
      <c r="E41387" s="15">
        <v>45518</v>
      </c>
      <c r="F41387" s="14" t="s">
        <v>61</v>
      </c>
      <c r="G41387" s="16">
        <v>1.31214047101663</v>
      </c>
    </row>
    <row r="41388" spans="1:7" x14ac:dyDescent="0.3">
      <c r="A41388" s="13" t="s">
        <v>245</v>
      </c>
      <c r="B41388" s="14" t="s">
        <v>1</v>
      </c>
      <c r="C41388" s="14" t="s">
        <v>70</v>
      </c>
      <c r="D41388" s="14" t="s">
        <v>246</v>
      </c>
      <c r="E41388" s="15">
        <v>45519</v>
      </c>
      <c r="F41388" s="14" t="s">
        <v>61</v>
      </c>
      <c r="G41388" s="16">
        <v>1.3206931864805989</v>
      </c>
    </row>
    <row r="41389" spans="1:7" x14ac:dyDescent="0.3">
      <c r="A41389" s="13" t="s">
        <v>245</v>
      </c>
      <c r="B41389" s="14" t="s">
        <v>1</v>
      </c>
      <c r="C41389" s="14" t="s">
        <v>70</v>
      </c>
      <c r="D41389" s="14" t="s">
        <v>246</v>
      </c>
      <c r="E41389" s="15">
        <v>45520</v>
      </c>
      <c r="F41389" s="14" t="s">
        <v>61</v>
      </c>
      <c r="G41389" s="16">
        <v>1.3713759137631993</v>
      </c>
    </row>
    <row r="41390" spans="1:7" x14ac:dyDescent="0.3">
      <c r="A41390" s="13" t="s">
        <v>245</v>
      </c>
      <c r="B41390" s="14" t="s">
        <v>1</v>
      </c>
      <c r="C41390" s="14" t="s">
        <v>70</v>
      </c>
      <c r="D41390" s="14" t="s">
        <v>246</v>
      </c>
      <c r="E41390" s="15">
        <v>45521</v>
      </c>
      <c r="F41390" s="14" t="s">
        <v>61</v>
      </c>
      <c r="G41390" s="16">
        <v>1.3713759137631993</v>
      </c>
    </row>
    <row r="41391" spans="1:7" x14ac:dyDescent="0.3">
      <c r="A41391" s="13" t="s">
        <v>245</v>
      </c>
      <c r="B41391" s="14" t="s">
        <v>1</v>
      </c>
      <c r="C41391" s="14" t="s">
        <v>70</v>
      </c>
      <c r="D41391" s="14" t="s">
        <v>246</v>
      </c>
      <c r="E41391" s="15">
        <v>45522</v>
      </c>
      <c r="F41391" s="14" t="s">
        <v>61</v>
      </c>
      <c r="G41391" s="16">
        <v>1.3713759137631993</v>
      </c>
    </row>
    <row r="41392" spans="1:7" x14ac:dyDescent="0.3">
      <c r="A41392" s="13" t="s">
        <v>245</v>
      </c>
      <c r="B41392" s="14" t="s">
        <v>1</v>
      </c>
      <c r="C41392" s="14" t="s">
        <v>70</v>
      </c>
      <c r="D41392" s="14" t="s">
        <v>246</v>
      </c>
      <c r="E41392" s="15">
        <v>45523</v>
      </c>
      <c r="F41392" s="14" t="s">
        <v>61</v>
      </c>
      <c r="G41392" s="16">
        <v>1.3807129173133723</v>
      </c>
    </row>
    <row r="41393" spans="1:7" x14ac:dyDescent="0.3">
      <c r="A41393" s="13" t="s">
        <v>245</v>
      </c>
      <c r="B41393" s="14" t="s">
        <v>1</v>
      </c>
      <c r="C41393" s="14" t="s">
        <v>70</v>
      </c>
      <c r="D41393" s="14" t="s">
        <v>246</v>
      </c>
      <c r="E41393" s="15">
        <v>45524</v>
      </c>
      <c r="F41393" s="14" t="s">
        <v>61</v>
      </c>
      <c r="G41393" s="16">
        <v>1.3984689837928119</v>
      </c>
    </row>
    <row r="41394" spans="1:7" x14ac:dyDescent="0.3">
      <c r="A41394" s="13" t="s">
        <v>245</v>
      </c>
      <c r="B41394" s="14" t="s">
        <v>1</v>
      </c>
      <c r="C41394" s="14" t="s">
        <v>70</v>
      </c>
      <c r="D41394" s="14" t="s">
        <v>246</v>
      </c>
      <c r="E41394" s="15">
        <v>45525</v>
      </c>
      <c r="F41394" s="14" t="s">
        <v>61</v>
      </c>
      <c r="G41394" s="16">
        <v>1.4072150090102287</v>
      </c>
    </row>
    <row r="41395" spans="1:7" x14ac:dyDescent="0.3">
      <c r="A41395" s="13" t="s">
        <v>245</v>
      </c>
      <c r="B41395" s="14" t="s">
        <v>1</v>
      </c>
      <c r="C41395" s="14" t="s">
        <v>70</v>
      </c>
      <c r="D41395" s="14" t="s">
        <v>246</v>
      </c>
      <c r="E41395" s="15">
        <v>45526</v>
      </c>
      <c r="F41395" s="14" t="s">
        <v>61</v>
      </c>
      <c r="G41395" s="16">
        <v>1.4168255949015025</v>
      </c>
    </row>
    <row r="41396" spans="1:7" x14ac:dyDescent="0.3">
      <c r="A41396" s="13" t="s">
        <v>245</v>
      </c>
      <c r="B41396" s="14" t="s">
        <v>1</v>
      </c>
      <c r="C41396" s="14" t="s">
        <v>70</v>
      </c>
      <c r="D41396" s="14" t="s">
        <v>246</v>
      </c>
      <c r="E41396" s="15">
        <v>45527</v>
      </c>
      <c r="F41396" s="14" t="s">
        <v>61</v>
      </c>
      <c r="G41396" s="16">
        <v>1.4113575169052641</v>
      </c>
    </row>
    <row r="41397" spans="1:7" x14ac:dyDescent="0.3">
      <c r="A41397" s="13" t="s">
        <v>245</v>
      </c>
      <c r="B41397" s="14" t="s">
        <v>1</v>
      </c>
      <c r="C41397" s="14" t="s">
        <v>70</v>
      </c>
      <c r="D41397" s="14" t="s">
        <v>246</v>
      </c>
      <c r="E41397" s="15">
        <v>45528</v>
      </c>
      <c r="F41397" s="14" t="s">
        <v>61</v>
      </c>
      <c r="G41397" s="16">
        <v>1.4113575169052641</v>
      </c>
    </row>
    <row r="41398" spans="1:7" x14ac:dyDescent="0.3">
      <c r="A41398" s="13" t="s">
        <v>245</v>
      </c>
      <c r="B41398" s="14" t="s">
        <v>1</v>
      </c>
      <c r="C41398" s="14" t="s">
        <v>70</v>
      </c>
      <c r="D41398" s="14" t="s">
        <v>246</v>
      </c>
      <c r="E41398" s="15">
        <v>45529</v>
      </c>
      <c r="F41398" s="14" t="s">
        <v>61</v>
      </c>
      <c r="G41398" s="16">
        <v>1.4113575169052641</v>
      </c>
    </row>
    <row r="41399" spans="1:7" x14ac:dyDescent="0.3">
      <c r="A41399" s="13" t="s">
        <v>245</v>
      </c>
      <c r="B41399" s="14" t="s">
        <v>1</v>
      </c>
      <c r="C41399" s="14" t="s">
        <v>70</v>
      </c>
      <c r="D41399" s="14" t="s">
        <v>246</v>
      </c>
      <c r="E41399" s="15">
        <v>45530</v>
      </c>
      <c r="F41399" s="14" t="s">
        <v>61</v>
      </c>
      <c r="G41399" s="16">
        <v>1.4186919237068407</v>
      </c>
    </row>
    <row r="41400" spans="1:7" x14ac:dyDescent="0.3">
      <c r="A41400" s="13" t="s">
        <v>245</v>
      </c>
      <c r="B41400" s="14" t="s">
        <v>1</v>
      </c>
      <c r="C41400" s="14" t="s">
        <v>70</v>
      </c>
      <c r="D41400" s="14" t="s">
        <v>246</v>
      </c>
      <c r="E41400" s="15">
        <v>45531</v>
      </c>
      <c r="F41400" s="14" t="s">
        <v>61</v>
      </c>
      <c r="G41400" s="16">
        <v>1.4268770675677824</v>
      </c>
    </row>
    <row r="41401" spans="1:7" x14ac:dyDescent="0.3">
      <c r="A41401" s="13" t="s">
        <v>245</v>
      </c>
      <c r="B41401" s="14" t="s">
        <v>1</v>
      </c>
      <c r="C41401" s="14" t="s">
        <v>70</v>
      </c>
      <c r="D41401" s="14" t="s">
        <v>246</v>
      </c>
      <c r="E41401" s="15">
        <v>45532</v>
      </c>
      <c r="F41401" s="14" t="s">
        <v>61</v>
      </c>
      <c r="G41401" s="16">
        <v>1.4477864229695911</v>
      </c>
    </row>
    <row r="41402" spans="1:7" x14ac:dyDescent="0.3">
      <c r="A41402" s="13" t="s">
        <v>245</v>
      </c>
      <c r="B41402" s="14" t="s">
        <v>1</v>
      </c>
      <c r="C41402" s="14" t="s">
        <v>70</v>
      </c>
      <c r="D41402" s="14" t="s">
        <v>246</v>
      </c>
      <c r="E41402" s="15">
        <v>45533</v>
      </c>
      <c r="F41402" s="14" t="s">
        <v>61</v>
      </c>
      <c r="G41402" s="16">
        <v>1.457665777719553</v>
      </c>
    </row>
    <row r="41403" spans="1:7" x14ac:dyDescent="0.3">
      <c r="A41403" s="13" t="s">
        <v>245</v>
      </c>
      <c r="B41403" s="14" t="s">
        <v>1</v>
      </c>
      <c r="C41403" s="14" t="s">
        <v>70</v>
      </c>
      <c r="D41403" s="14" t="s">
        <v>246</v>
      </c>
      <c r="E41403" s="15">
        <v>45534</v>
      </c>
      <c r="F41403" s="14" t="s">
        <v>61</v>
      </c>
      <c r="G41403" s="16">
        <v>1.469151275083501</v>
      </c>
    </row>
    <row r="41404" spans="1:7" x14ac:dyDescent="0.3">
      <c r="A41404" s="13" t="s">
        <v>245</v>
      </c>
      <c r="B41404" s="14" t="s">
        <v>1</v>
      </c>
      <c r="C41404" s="14" t="s">
        <v>70</v>
      </c>
      <c r="D41404" s="14" t="s">
        <v>246</v>
      </c>
      <c r="E41404" s="15">
        <v>45535</v>
      </c>
      <c r="F41404" s="14" t="s">
        <v>61</v>
      </c>
      <c r="G41404" s="16">
        <v>1.469151275083501</v>
      </c>
    </row>
    <row r="41405" spans="1:7" x14ac:dyDescent="0.3">
      <c r="A41405" s="13" t="s">
        <v>245</v>
      </c>
      <c r="B41405" s="14" t="s">
        <v>1</v>
      </c>
      <c r="C41405" s="14" t="s">
        <v>70</v>
      </c>
      <c r="D41405" s="14" t="s">
        <v>246</v>
      </c>
      <c r="E41405" s="15">
        <v>45536</v>
      </c>
      <c r="F41405" s="14" t="s">
        <v>61</v>
      </c>
      <c r="G41405" s="16">
        <v>1.469151275083501</v>
      </c>
    </row>
    <row r="41406" spans="1:7" x14ac:dyDescent="0.3">
      <c r="A41406" s="13" t="s">
        <v>245</v>
      </c>
      <c r="B41406" s="14" t="s">
        <v>1</v>
      </c>
      <c r="C41406" s="14" t="s">
        <v>70</v>
      </c>
      <c r="D41406" s="14" t="s">
        <v>246</v>
      </c>
      <c r="E41406" s="15">
        <v>45537</v>
      </c>
      <c r="F41406" s="14" t="s">
        <v>61</v>
      </c>
      <c r="G41406" s="16">
        <v>1.4753880522760465</v>
      </c>
    </row>
    <row r="41407" spans="1:7" x14ac:dyDescent="0.3">
      <c r="A41407" s="13" t="s">
        <v>245</v>
      </c>
      <c r="B41407" s="14" t="s">
        <v>1</v>
      </c>
      <c r="C41407" s="14" t="s">
        <v>70</v>
      </c>
      <c r="D41407" s="14" t="s">
        <v>246</v>
      </c>
      <c r="E41407" s="15">
        <v>45538</v>
      </c>
      <c r="F41407" s="14" t="s">
        <v>61</v>
      </c>
      <c r="G41407" s="16">
        <v>1.4850740641578679</v>
      </c>
    </row>
    <row r="41408" spans="1:7" x14ac:dyDescent="0.3">
      <c r="A41408" s="13" t="s">
        <v>245</v>
      </c>
      <c r="B41408" s="14" t="s">
        <v>1</v>
      </c>
      <c r="C41408" s="14" t="s">
        <v>70</v>
      </c>
      <c r="D41408" s="14" t="s">
        <v>246</v>
      </c>
      <c r="E41408" s="15">
        <v>45539</v>
      </c>
      <c r="F41408" s="14" t="s">
        <v>61</v>
      </c>
      <c r="G41408" s="16">
        <v>1.4834695393460087</v>
      </c>
    </row>
    <row r="41409" spans="1:7" x14ac:dyDescent="0.3">
      <c r="A41409" s="13" t="s">
        <v>245</v>
      </c>
      <c r="B41409" s="14" t="s">
        <v>1</v>
      </c>
      <c r="C41409" s="14" t="s">
        <v>70</v>
      </c>
      <c r="D41409" s="14" t="s">
        <v>246</v>
      </c>
      <c r="E41409" s="15">
        <v>45540</v>
      </c>
      <c r="F41409" s="14" t="s">
        <v>61</v>
      </c>
      <c r="G41409" s="16">
        <v>1.4917580962979529</v>
      </c>
    </row>
    <row r="41410" spans="1:7" x14ac:dyDescent="0.3">
      <c r="A41410" s="13" t="s">
        <v>245</v>
      </c>
      <c r="B41410" s="14" t="s">
        <v>1</v>
      </c>
      <c r="C41410" s="14" t="s">
        <v>70</v>
      </c>
      <c r="D41410" s="14" t="s">
        <v>246</v>
      </c>
      <c r="E41410" s="15">
        <v>45541</v>
      </c>
      <c r="F41410" s="14" t="s">
        <v>61</v>
      </c>
      <c r="G41410" s="16">
        <v>1.4987507079543005</v>
      </c>
    </row>
    <row r="41411" spans="1:7" x14ac:dyDescent="0.3">
      <c r="A41411" s="13" t="s">
        <v>245</v>
      </c>
      <c r="B41411" s="14" t="s">
        <v>1</v>
      </c>
      <c r="C41411" s="14" t="s">
        <v>70</v>
      </c>
      <c r="D41411" s="14" t="s">
        <v>246</v>
      </c>
      <c r="E41411" s="15">
        <v>45542</v>
      </c>
      <c r="F41411" s="14" t="s">
        <v>61</v>
      </c>
      <c r="G41411" s="16">
        <v>1.4987507079543005</v>
      </c>
    </row>
    <row r="41412" spans="1:7" x14ac:dyDescent="0.3">
      <c r="A41412" s="13" t="s">
        <v>245</v>
      </c>
      <c r="B41412" s="14" t="s">
        <v>1</v>
      </c>
      <c r="C41412" s="14" t="s">
        <v>70</v>
      </c>
      <c r="D41412" s="14" t="s">
        <v>246</v>
      </c>
      <c r="E41412" s="15">
        <v>45543</v>
      </c>
      <c r="F41412" s="14" t="s">
        <v>61</v>
      </c>
      <c r="G41412" s="16">
        <v>1.4987507079543005</v>
      </c>
    </row>
    <row r="41413" spans="1:7" x14ac:dyDescent="0.3">
      <c r="A41413" s="13" t="s">
        <v>245</v>
      </c>
      <c r="B41413" s="14" t="s">
        <v>1</v>
      </c>
      <c r="C41413" s="14" t="s">
        <v>70</v>
      </c>
      <c r="D41413" s="14" t="s">
        <v>246</v>
      </c>
      <c r="E41413" s="15">
        <v>45544</v>
      </c>
      <c r="F41413" s="14" t="s">
        <v>61</v>
      </c>
      <c r="G41413" s="16">
        <v>1.5092919278049874</v>
      </c>
    </row>
    <row r="41414" spans="1:7" x14ac:dyDescent="0.3">
      <c r="A41414" s="13" t="s">
        <v>245</v>
      </c>
      <c r="B41414" s="14" t="s">
        <v>1</v>
      </c>
      <c r="C41414" s="14" t="s">
        <v>70</v>
      </c>
      <c r="D41414" s="14" t="s">
        <v>246</v>
      </c>
      <c r="E41414" s="15">
        <v>45545</v>
      </c>
      <c r="F41414" s="14" t="s">
        <v>61</v>
      </c>
      <c r="G41414" s="16">
        <v>1.5233705558758013</v>
      </c>
    </row>
    <row r="41415" spans="1:7" x14ac:dyDescent="0.3">
      <c r="A41415" s="13" t="s">
        <v>245</v>
      </c>
      <c r="B41415" s="14" t="s">
        <v>1</v>
      </c>
      <c r="C41415" s="14" t="s">
        <v>70</v>
      </c>
      <c r="D41415" s="14" t="s">
        <v>246</v>
      </c>
      <c r="E41415" s="15">
        <v>45546</v>
      </c>
      <c r="F41415" s="14" t="s">
        <v>61</v>
      </c>
      <c r="G41415" s="16">
        <v>1.531002005816668</v>
      </c>
    </row>
    <row r="41416" spans="1:7" x14ac:dyDescent="0.3">
      <c r="A41416" s="13" t="s">
        <v>245</v>
      </c>
      <c r="B41416" s="14" t="s">
        <v>1</v>
      </c>
      <c r="C41416" s="14" t="s">
        <v>70</v>
      </c>
      <c r="D41416" s="14" t="s">
        <v>246</v>
      </c>
      <c r="E41416" s="15">
        <v>45547</v>
      </c>
      <c r="F41416" s="14" t="s">
        <v>61</v>
      </c>
      <c r="G41416" s="16">
        <v>1.5262300432126119</v>
      </c>
    </row>
    <row r="41417" spans="1:7" x14ac:dyDescent="0.3">
      <c r="A41417" s="13" t="s">
        <v>245</v>
      </c>
      <c r="B41417" s="14" t="s">
        <v>1</v>
      </c>
      <c r="C41417" s="14" t="s">
        <v>70</v>
      </c>
      <c r="D41417" s="14" t="s">
        <v>246</v>
      </c>
      <c r="E41417" s="15">
        <v>45548</v>
      </c>
      <c r="F41417" s="14" t="s">
        <v>61</v>
      </c>
      <c r="G41417" s="16">
        <v>1.5519608922551384</v>
      </c>
    </row>
    <row r="41418" spans="1:7" x14ac:dyDescent="0.3">
      <c r="A41418" s="13" t="s">
        <v>245</v>
      </c>
      <c r="B41418" s="14" t="s">
        <v>1</v>
      </c>
      <c r="C41418" s="14" t="s">
        <v>70</v>
      </c>
      <c r="D41418" s="14" t="s">
        <v>246</v>
      </c>
      <c r="E41418" s="15">
        <v>45549</v>
      </c>
      <c r="F41418" s="14" t="s">
        <v>61</v>
      </c>
      <c r="G41418" s="16">
        <v>1.5519608922551384</v>
      </c>
    </row>
    <row r="41419" spans="1:7" x14ac:dyDescent="0.3">
      <c r="A41419" s="13" t="s">
        <v>245</v>
      </c>
      <c r="B41419" s="14" t="s">
        <v>1</v>
      </c>
      <c r="C41419" s="14" t="s">
        <v>70</v>
      </c>
      <c r="D41419" s="14" t="s">
        <v>246</v>
      </c>
      <c r="E41419" s="15">
        <v>45550</v>
      </c>
      <c r="F41419" s="14" t="s">
        <v>61</v>
      </c>
      <c r="G41419" s="16">
        <v>1.5519608922551384</v>
      </c>
    </row>
    <row r="41420" spans="1:7" x14ac:dyDescent="0.3">
      <c r="A41420" s="13" t="s">
        <v>245</v>
      </c>
      <c r="B41420" s="14" t="s">
        <v>1</v>
      </c>
      <c r="C41420" s="14" t="s">
        <v>70</v>
      </c>
      <c r="D41420" s="14" t="s">
        <v>246</v>
      </c>
      <c r="E41420" s="15">
        <v>45551</v>
      </c>
      <c r="F41420" s="14" t="s">
        <v>61</v>
      </c>
      <c r="G41420" s="16">
        <v>1.559212645851578</v>
      </c>
    </row>
    <row r="41421" spans="1:7" x14ac:dyDescent="0.3">
      <c r="A41421" s="13" t="s">
        <v>245</v>
      </c>
      <c r="B41421" s="14" t="s">
        <v>1</v>
      </c>
      <c r="C41421" s="14" t="s">
        <v>70</v>
      </c>
      <c r="D41421" s="14" t="s">
        <v>246</v>
      </c>
      <c r="E41421" s="15">
        <v>45552</v>
      </c>
      <c r="F41421" s="14" t="s">
        <v>61</v>
      </c>
      <c r="G41421" s="16">
        <v>1.57516438788621</v>
      </c>
    </row>
    <row r="41422" spans="1:7" x14ac:dyDescent="0.3">
      <c r="A41422" s="13" t="s">
        <v>245</v>
      </c>
      <c r="B41422" s="14" t="s">
        <v>1</v>
      </c>
      <c r="C41422" s="14" t="s">
        <v>70</v>
      </c>
      <c r="D41422" s="14" t="s">
        <v>246</v>
      </c>
      <c r="E41422" s="15">
        <v>45553</v>
      </c>
      <c r="F41422" s="14" t="s">
        <v>61</v>
      </c>
      <c r="G41422" s="16">
        <v>1.5791929848243729</v>
      </c>
    </row>
    <row r="41423" spans="1:7" x14ac:dyDescent="0.3">
      <c r="A41423" s="13" t="s">
        <v>245</v>
      </c>
      <c r="B41423" s="14" t="s">
        <v>1</v>
      </c>
      <c r="C41423" s="14" t="s">
        <v>70</v>
      </c>
      <c r="D41423" s="14" t="s">
        <v>246</v>
      </c>
      <c r="E41423" s="15">
        <v>45554</v>
      </c>
      <c r="F41423" s="14" t="s">
        <v>61</v>
      </c>
      <c r="G41423" s="16">
        <v>1.576593611715327</v>
      </c>
    </row>
    <row r="41424" spans="1:7" x14ac:dyDescent="0.3">
      <c r="A41424" s="13" t="s">
        <v>245</v>
      </c>
      <c r="B41424" s="14" t="s">
        <v>1</v>
      </c>
      <c r="C41424" s="14" t="s">
        <v>70</v>
      </c>
      <c r="D41424" s="14" t="s">
        <v>246</v>
      </c>
      <c r="E41424" s="15">
        <v>45555</v>
      </c>
      <c r="F41424" s="14" t="s">
        <v>61</v>
      </c>
      <c r="G41424" s="16">
        <v>1.5799827341948378</v>
      </c>
    </row>
    <row r="41425" spans="1:7" x14ac:dyDescent="0.3">
      <c r="A41425" s="13" t="s">
        <v>245</v>
      </c>
      <c r="B41425" s="14" t="s">
        <v>1</v>
      </c>
      <c r="C41425" s="14" t="s">
        <v>70</v>
      </c>
      <c r="D41425" s="14" t="s">
        <v>246</v>
      </c>
      <c r="E41425" s="15">
        <v>45556</v>
      </c>
      <c r="F41425" s="14" t="s">
        <v>61</v>
      </c>
      <c r="G41425" s="16">
        <v>1.5799827341948378</v>
      </c>
    </row>
    <row r="41426" spans="1:7" x14ac:dyDescent="0.3">
      <c r="A41426" s="13" t="s">
        <v>245</v>
      </c>
      <c r="B41426" s="14" t="s">
        <v>1</v>
      </c>
      <c r="C41426" s="14" t="s">
        <v>70</v>
      </c>
      <c r="D41426" s="14" t="s">
        <v>246</v>
      </c>
      <c r="E41426" s="15">
        <v>45557</v>
      </c>
      <c r="F41426" s="14" t="s">
        <v>61</v>
      </c>
      <c r="G41426" s="16">
        <v>1.5799827341948378</v>
      </c>
    </row>
    <row r="41427" spans="1:7" x14ac:dyDescent="0.3">
      <c r="A41427" s="13" t="s">
        <v>245</v>
      </c>
      <c r="B41427" s="14" t="s">
        <v>1</v>
      </c>
      <c r="C41427" s="14" t="s">
        <v>70</v>
      </c>
      <c r="D41427" s="14" t="s">
        <v>246</v>
      </c>
      <c r="E41427" s="15">
        <v>45558</v>
      </c>
      <c r="F41427" s="14" t="s">
        <v>61</v>
      </c>
      <c r="G41427" s="16">
        <v>1.590608565868926</v>
      </c>
    </row>
    <row r="41428" spans="1:7" x14ac:dyDescent="0.3">
      <c r="A41428" s="13" t="s">
        <v>245</v>
      </c>
      <c r="B41428" s="14" t="s">
        <v>1</v>
      </c>
      <c r="C41428" s="14" t="s">
        <v>70</v>
      </c>
      <c r="D41428" s="14" t="s">
        <v>246</v>
      </c>
      <c r="E41428" s="15">
        <v>45559</v>
      </c>
      <c r="F41428" s="14" t="s">
        <v>61</v>
      </c>
      <c r="G41428" s="16">
        <v>1.593039383690485</v>
      </c>
    </row>
    <row r="41429" spans="1:7" x14ac:dyDescent="0.3">
      <c r="A41429" s="13" t="s">
        <v>245</v>
      </c>
      <c r="B41429" s="14" t="s">
        <v>1</v>
      </c>
      <c r="C41429" s="14" t="s">
        <v>70</v>
      </c>
      <c r="D41429" s="14" t="s">
        <v>246</v>
      </c>
      <c r="E41429" s="15">
        <v>45560</v>
      </c>
      <c r="F41429" s="14" t="s">
        <v>61</v>
      </c>
      <c r="G41429" s="16">
        <v>1.6032299780100758</v>
      </c>
    </row>
    <row r="41430" spans="1:7" x14ac:dyDescent="0.3">
      <c r="A41430" s="13" t="s">
        <v>245</v>
      </c>
      <c r="B41430" s="14" t="s">
        <v>1</v>
      </c>
      <c r="C41430" s="14" t="s">
        <v>70</v>
      </c>
      <c r="D41430" s="14" t="s">
        <v>246</v>
      </c>
      <c r="E41430" s="15">
        <v>45561</v>
      </c>
      <c r="F41430" s="14" t="s">
        <v>61</v>
      </c>
      <c r="G41430" s="16">
        <v>1.607703090164408</v>
      </c>
    </row>
    <row r="41431" spans="1:7" x14ac:dyDescent="0.3">
      <c r="A41431" s="13" t="s">
        <v>245</v>
      </c>
      <c r="B41431" s="14" t="s">
        <v>1</v>
      </c>
      <c r="C41431" s="14" t="s">
        <v>70</v>
      </c>
      <c r="D41431" s="14" t="s">
        <v>246</v>
      </c>
      <c r="E41431" s="15">
        <v>45562</v>
      </c>
      <c r="F41431" s="14" t="s">
        <v>61</v>
      </c>
      <c r="G41431" s="16">
        <v>1.6172793213134946</v>
      </c>
    </row>
    <row r="41432" spans="1:7" x14ac:dyDescent="0.3">
      <c r="A41432" s="13" t="s">
        <v>245</v>
      </c>
      <c r="B41432" s="14" t="s">
        <v>1</v>
      </c>
      <c r="C41432" s="14" t="s">
        <v>70</v>
      </c>
      <c r="D41432" s="14" t="s">
        <v>246</v>
      </c>
      <c r="E41432" s="15">
        <v>45563</v>
      </c>
      <c r="F41432" s="14" t="s">
        <v>61</v>
      </c>
      <c r="G41432" s="16">
        <v>1.6172793213134946</v>
      </c>
    </row>
    <row r="41433" spans="1:7" x14ac:dyDescent="0.3">
      <c r="A41433" s="13" t="s">
        <v>245</v>
      </c>
      <c r="B41433" s="14" t="s">
        <v>1</v>
      </c>
      <c r="C41433" s="14" t="s">
        <v>70</v>
      </c>
      <c r="D41433" s="14" t="s">
        <v>246</v>
      </c>
      <c r="E41433" s="15">
        <v>45564</v>
      </c>
      <c r="F41433" s="14" t="s">
        <v>61</v>
      </c>
      <c r="G41433" s="16">
        <v>1.6172793213134946</v>
      </c>
    </row>
    <row r="41434" spans="1:7" x14ac:dyDescent="0.3">
      <c r="A41434" s="13" t="s">
        <v>245</v>
      </c>
      <c r="B41434" s="14" t="s">
        <v>1</v>
      </c>
      <c r="C41434" s="14" t="s">
        <v>70</v>
      </c>
      <c r="D41434" s="14" t="s">
        <v>246</v>
      </c>
      <c r="E41434" s="15">
        <v>45565</v>
      </c>
      <c r="F41434" s="14" t="s">
        <v>61</v>
      </c>
      <c r="G41434" s="16">
        <v>1.6399170038222246</v>
      </c>
    </row>
    <row r="41435" spans="1:7" x14ac:dyDescent="0.3">
      <c r="A41435" s="13" t="s">
        <v>245</v>
      </c>
      <c r="B41435" s="14" t="s">
        <v>1</v>
      </c>
      <c r="C41435" s="14" t="s">
        <v>70</v>
      </c>
      <c r="D41435" s="14" t="s">
        <v>246</v>
      </c>
      <c r="E41435" s="15">
        <v>45566</v>
      </c>
      <c r="F41435" s="14" t="s">
        <v>61</v>
      </c>
      <c r="G41435" s="16">
        <v>1.665410191113885</v>
      </c>
    </row>
    <row r="41436" spans="1:7" x14ac:dyDescent="0.3">
      <c r="A41436" s="13" t="s">
        <v>245</v>
      </c>
      <c r="B41436" s="14" t="s">
        <v>1</v>
      </c>
      <c r="C41436" s="14" t="s">
        <v>70</v>
      </c>
      <c r="D41436" s="14" t="s">
        <v>246</v>
      </c>
      <c r="E41436" s="15">
        <v>45567</v>
      </c>
      <c r="F41436" s="14" t="s">
        <v>61</v>
      </c>
      <c r="G41436" s="16">
        <v>1.6739425663329004</v>
      </c>
    </row>
    <row r="41437" spans="1:7" x14ac:dyDescent="0.3">
      <c r="A41437" s="13" t="s">
        <v>245</v>
      </c>
      <c r="B41437" s="14" t="s">
        <v>1</v>
      </c>
      <c r="C41437" s="14" t="s">
        <v>70</v>
      </c>
      <c r="D41437" s="14" t="s">
        <v>246</v>
      </c>
      <c r="E41437" s="15">
        <v>45568</v>
      </c>
      <c r="F41437" s="14" t="s">
        <v>61</v>
      </c>
      <c r="G41437" s="16">
        <v>1.6789796216101427</v>
      </c>
    </row>
    <row r="41438" spans="1:7" x14ac:dyDescent="0.3">
      <c r="A41438" s="13" t="s">
        <v>245</v>
      </c>
      <c r="B41438" s="14" t="s">
        <v>1</v>
      </c>
      <c r="C41438" s="14" t="s">
        <v>70</v>
      </c>
      <c r="D41438" s="14" t="s">
        <v>246</v>
      </c>
      <c r="E41438" s="15">
        <v>45569</v>
      </c>
      <c r="F41438" s="14" t="s">
        <v>61</v>
      </c>
      <c r="G41438" s="16">
        <v>1.6930735378389783</v>
      </c>
    </row>
    <row r="41439" spans="1:7" x14ac:dyDescent="0.3">
      <c r="A41439" s="13" t="s">
        <v>245</v>
      </c>
      <c r="B41439" s="14" t="s">
        <v>1</v>
      </c>
      <c r="C41439" s="14" t="s">
        <v>70</v>
      </c>
      <c r="D41439" s="14" t="s">
        <v>246</v>
      </c>
      <c r="E41439" s="15">
        <v>45570</v>
      </c>
      <c r="F41439" s="14" t="s">
        <v>61</v>
      </c>
      <c r="G41439" s="16">
        <v>1.6930735378389783</v>
      </c>
    </row>
    <row r="41440" spans="1:7" x14ac:dyDescent="0.3">
      <c r="A41440" s="13" t="s">
        <v>245</v>
      </c>
      <c r="B41440" s="14" t="s">
        <v>1</v>
      </c>
      <c r="C41440" s="14" t="s">
        <v>70</v>
      </c>
      <c r="D41440" s="14" t="s">
        <v>246</v>
      </c>
      <c r="E41440" s="15">
        <v>45571</v>
      </c>
      <c r="F41440" s="14" t="s">
        <v>61</v>
      </c>
      <c r="G41440" s="16">
        <v>1.6930735378389783</v>
      </c>
    </row>
    <row r="41441" spans="1:7" x14ac:dyDescent="0.3">
      <c r="A41441" s="13" t="s">
        <v>245</v>
      </c>
      <c r="B41441" s="14" t="s">
        <v>1</v>
      </c>
      <c r="C41441" s="14" t="s">
        <v>70</v>
      </c>
      <c r="D41441" s="14" t="s">
        <v>246</v>
      </c>
      <c r="E41441" s="15">
        <v>45572</v>
      </c>
      <c r="F41441" s="14" t="s">
        <v>61</v>
      </c>
      <c r="G41441" s="16">
        <v>1.7128429544254449</v>
      </c>
    </row>
    <row r="41442" spans="1:7" x14ac:dyDescent="0.3">
      <c r="A41442" s="13" t="s">
        <v>245</v>
      </c>
      <c r="B41442" s="14" t="s">
        <v>1</v>
      </c>
      <c r="C41442" s="14" t="s">
        <v>70</v>
      </c>
      <c r="D41442" s="14" t="s">
        <v>246</v>
      </c>
      <c r="E41442" s="15">
        <v>45573</v>
      </c>
      <c r="F41442" s="14" t="s">
        <v>61</v>
      </c>
      <c r="G41442" s="16">
        <v>1.7228405585615871</v>
      </c>
    </row>
    <row r="41443" spans="1:7" x14ac:dyDescent="0.3">
      <c r="A41443" s="13" t="s">
        <v>245</v>
      </c>
      <c r="B41443" s="14" t="s">
        <v>1</v>
      </c>
      <c r="C41443" s="14" t="s">
        <v>70</v>
      </c>
      <c r="D41443" s="14" t="s">
        <v>246</v>
      </c>
      <c r="E41443" s="15">
        <v>45574</v>
      </c>
      <c r="F41443" s="14" t="s">
        <v>61</v>
      </c>
      <c r="G41443" s="16">
        <v>1.7332395123552991</v>
      </c>
    </row>
    <row r="41444" spans="1:7" x14ac:dyDescent="0.3">
      <c r="A41444" s="13" t="s">
        <v>245</v>
      </c>
      <c r="B41444" s="14" t="s">
        <v>1</v>
      </c>
      <c r="C41444" s="14" t="s">
        <v>70</v>
      </c>
      <c r="D41444" s="14" t="s">
        <v>246</v>
      </c>
      <c r="E41444" s="15">
        <v>45575</v>
      </c>
      <c r="F41444" s="14" t="s">
        <v>61</v>
      </c>
      <c r="G41444" s="16">
        <v>1.7374535933984567</v>
      </c>
    </row>
    <row r="41445" spans="1:7" x14ac:dyDescent="0.3">
      <c r="A41445" s="13" t="s">
        <v>245</v>
      </c>
      <c r="B41445" s="14" t="s">
        <v>1</v>
      </c>
      <c r="C41445" s="14" t="s">
        <v>70</v>
      </c>
      <c r="D41445" s="14" t="s">
        <v>246</v>
      </c>
      <c r="E41445" s="15">
        <v>45576</v>
      </c>
      <c r="F41445" s="14" t="s">
        <v>61</v>
      </c>
      <c r="G41445" s="16">
        <v>1.7544038248313205</v>
      </c>
    </row>
    <row r="41446" spans="1:7" x14ac:dyDescent="0.3">
      <c r="A41446" s="13" t="s">
        <v>245</v>
      </c>
      <c r="B41446" s="14" t="s">
        <v>1</v>
      </c>
      <c r="C41446" s="14" t="s">
        <v>70</v>
      </c>
      <c r="D41446" s="14" t="s">
        <v>246</v>
      </c>
      <c r="E41446" s="15">
        <v>45577</v>
      </c>
      <c r="F41446" s="14" t="s">
        <v>61</v>
      </c>
      <c r="G41446" s="16">
        <v>1.7544038248313205</v>
      </c>
    </row>
    <row r="41447" spans="1:7" x14ac:dyDescent="0.3">
      <c r="A41447" s="13" t="s">
        <v>245</v>
      </c>
      <c r="B41447" s="14" t="s">
        <v>1</v>
      </c>
      <c r="C41447" s="14" t="s">
        <v>70</v>
      </c>
      <c r="D41447" s="14" t="s">
        <v>246</v>
      </c>
      <c r="E41447" s="15">
        <v>45578</v>
      </c>
      <c r="F41447" s="14" t="s">
        <v>61</v>
      </c>
      <c r="G41447" s="16">
        <v>1.7544038248313205</v>
      </c>
    </row>
    <row r="41448" spans="1:7" x14ac:dyDescent="0.3">
      <c r="A41448" s="13" t="s">
        <v>245</v>
      </c>
      <c r="B41448" s="14" t="s">
        <v>1</v>
      </c>
      <c r="C41448" s="14" t="s">
        <v>70</v>
      </c>
      <c r="D41448" s="14" t="s">
        <v>246</v>
      </c>
      <c r="E41448" s="15">
        <v>45579</v>
      </c>
      <c r="F41448" s="14" t="s">
        <v>61</v>
      </c>
      <c r="G41448" s="16">
        <v>1.762648192714362</v>
      </c>
    </row>
    <row r="41449" spans="1:7" x14ac:dyDescent="0.3">
      <c r="A41449" s="13" t="s">
        <v>245</v>
      </c>
      <c r="B41449" s="14" t="s">
        <v>1</v>
      </c>
      <c r="C41449" s="14" t="s">
        <v>70</v>
      </c>
      <c r="D41449" s="14" t="s">
        <v>246</v>
      </c>
      <c r="E41449" s="15">
        <v>45580</v>
      </c>
      <c r="F41449" s="14" t="s">
        <v>61</v>
      </c>
      <c r="G41449" s="16">
        <v>1.7764396996389449</v>
      </c>
    </row>
    <row r="41450" spans="1:7" x14ac:dyDescent="0.3">
      <c r="A41450" s="13" t="s">
        <v>245</v>
      </c>
      <c r="B41450" s="14" t="s">
        <v>1</v>
      </c>
      <c r="C41450" s="14" t="s">
        <v>70</v>
      </c>
      <c r="D41450" s="14" t="s">
        <v>246</v>
      </c>
      <c r="E41450" s="15">
        <v>45581</v>
      </c>
      <c r="F41450" s="14" t="s">
        <v>61</v>
      </c>
      <c r="G41450" s="16">
        <v>1.7886168173176169</v>
      </c>
    </row>
    <row r="41451" spans="1:7" x14ac:dyDescent="0.3">
      <c r="A41451" s="13" t="s">
        <v>245</v>
      </c>
      <c r="B41451" s="14" t="s">
        <v>1</v>
      </c>
      <c r="C41451" s="14" t="s">
        <v>70</v>
      </c>
      <c r="D41451" s="14" t="s">
        <v>246</v>
      </c>
      <c r="E41451" s="15">
        <v>45582</v>
      </c>
      <c r="F41451" s="14" t="s">
        <v>61</v>
      </c>
      <c r="G41451" s="16">
        <v>1.7979634577918826</v>
      </c>
    </row>
    <row r="41452" spans="1:7" x14ac:dyDescent="0.3">
      <c r="A41452" s="13" t="s">
        <v>245</v>
      </c>
      <c r="B41452" s="14" t="s">
        <v>1</v>
      </c>
      <c r="C41452" s="14" t="s">
        <v>70</v>
      </c>
      <c r="D41452" s="14" t="s">
        <v>246</v>
      </c>
      <c r="E41452" s="15">
        <v>45583</v>
      </c>
      <c r="F41452" s="14" t="s">
        <v>61</v>
      </c>
      <c r="G41452" s="16">
        <v>1.8019783458887852</v>
      </c>
    </row>
    <row r="41453" spans="1:7" x14ac:dyDescent="0.3">
      <c r="A41453" s="13" t="s">
        <v>245</v>
      </c>
      <c r="B41453" s="14" t="s">
        <v>1</v>
      </c>
      <c r="C41453" s="14" t="s">
        <v>70</v>
      </c>
      <c r="D41453" s="14" t="s">
        <v>246</v>
      </c>
      <c r="E41453" s="15">
        <v>45584</v>
      </c>
      <c r="F41453" s="14" t="s">
        <v>61</v>
      </c>
      <c r="G41453" s="16">
        <v>1.8019783458887852</v>
      </c>
    </row>
    <row r="41454" spans="1:7" x14ac:dyDescent="0.3">
      <c r="A41454" s="13" t="s">
        <v>245</v>
      </c>
      <c r="B41454" s="14" t="s">
        <v>1</v>
      </c>
      <c r="C41454" s="14" t="s">
        <v>70</v>
      </c>
      <c r="D41454" s="14" t="s">
        <v>246</v>
      </c>
      <c r="E41454" s="15">
        <v>45585</v>
      </c>
      <c r="F41454" s="14" t="s">
        <v>61</v>
      </c>
      <c r="G41454" s="16">
        <v>1.8019783458887852</v>
      </c>
    </row>
    <row r="41455" spans="1:7" x14ac:dyDescent="0.3">
      <c r="A41455" s="13" t="s">
        <v>245</v>
      </c>
      <c r="B41455" s="14" t="s">
        <v>1</v>
      </c>
      <c r="C41455" s="14" t="s">
        <v>70</v>
      </c>
      <c r="D41455" s="14" t="s">
        <v>246</v>
      </c>
      <c r="E41455" s="15">
        <v>45586</v>
      </c>
      <c r="F41455" s="14" t="s">
        <v>61</v>
      </c>
      <c r="G41455" s="16">
        <v>1.8196225240568757</v>
      </c>
    </row>
    <row r="41456" spans="1:7" x14ac:dyDescent="0.3">
      <c r="A41456" s="13" t="s">
        <v>245</v>
      </c>
      <c r="B41456" s="14" t="s">
        <v>1</v>
      </c>
      <c r="C41456" s="14" t="s">
        <v>70</v>
      </c>
      <c r="D41456" s="14" t="s">
        <v>246</v>
      </c>
      <c r="E41456" s="15">
        <v>45587</v>
      </c>
      <c r="F41456" s="14" t="s">
        <v>61</v>
      </c>
      <c r="G41456" s="16">
        <v>1.8329449024052413</v>
      </c>
    </row>
    <row r="41457" spans="1:7" x14ac:dyDescent="0.3">
      <c r="A41457" s="13" t="s">
        <v>245</v>
      </c>
      <c r="B41457" s="14" t="s">
        <v>1</v>
      </c>
      <c r="C41457" s="14" t="s">
        <v>70</v>
      </c>
      <c r="D41457" s="14" t="s">
        <v>246</v>
      </c>
      <c r="E41457" s="15">
        <v>45588</v>
      </c>
      <c r="F41457" s="14" t="s">
        <v>61</v>
      </c>
      <c r="G41457" s="16">
        <v>1.8398102443151754</v>
      </c>
    </row>
    <row r="41458" spans="1:7" x14ac:dyDescent="0.3">
      <c r="A41458" s="13" t="s">
        <v>245</v>
      </c>
      <c r="B41458" s="14" t="s">
        <v>1</v>
      </c>
      <c r="C41458" s="14" t="s">
        <v>70</v>
      </c>
      <c r="D41458" s="14" t="s">
        <v>246</v>
      </c>
      <c r="E41458" s="15">
        <v>45589</v>
      </c>
      <c r="F41458" s="14" t="s">
        <v>61</v>
      </c>
      <c r="G41458" s="16">
        <v>1.8381468857516776</v>
      </c>
    </row>
    <row r="41459" spans="1:7" x14ac:dyDescent="0.3">
      <c r="A41459" s="13" t="s">
        <v>245</v>
      </c>
      <c r="B41459" s="14" t="s">
        <v>1</v>
      </c>
      <c r="C41459" s="14" t="s">
        <v>70</v>
      </c>
      <c r="D41459" s="14" t="s">
        <v>246</v>
      </c>
      <c r="E41459" s="15">
        <v>45590</v>
      </c>
      <c r="F41459" s="14" t="s">
        <v>61</v>
      </c>
      <c r="G41459" s="16">
        <v>1.8471837574466035</v>
      </c>
    </row>
    <row r="41460" spans="1:7" x14ac:dyDescent="0.3">
      <c r="A41460" s="13" t="s">
        <v>245</v>
      </c>
      <c r="B41460" s="14" t="s">
        <v>1</v>
      </c>
      <c r="C41460" s="14" t="s">
        <v>70</v>
      </c>
      <c r="D41460" s="14" t="s">
        <v>246</v>
      </c>
      <c r="E41460" s="15">
        <v>45591</v>
      </c>
      <c r="F41460" s="14" t="s">
        <v>61</v>
      </c>
      <c r="G41460" s="16">
        <v>1.8471837574466035</v>
      </c>
    </row>
    <row r="41461" spans="1:7" x14ac:dyDescent="0.3">
      <c r="A41461" s="13" t="s">
        <v>245</v>
      </c>
      <c r="B41461" s="14" t="s">
        <v>1</v>
      </c>
      <c r="C41461" s="14" t="s">
        <v>70</v>
      </c>
      <c r="D41461" s="14" t="s">
        <v>246</v>
      </c>
      <c r="E41461" s="15">
        <v>45592</v>
      </c>
      <c r="F41461" s="14" t="s">
        <v>61</v>
      </c>
      <c r="G41461" s="16">
        <v>1.8471837574466035</v>
      </c>
    </row>
    <row r="41462" spans="1:7" x14ac:dyDescent="0.3">
      <c r="A41462" s="13" t="s">
        <v>245</v>
      </c>
      <c r="B41462" s="14" t="s">
        <v>1</v>
      </c>
      <c r="C41462" s="14" t="s">
        <v>70</v>
      </c>
      <c r="D41462" s="14" t="s">
        <v>246</v>
      </c>
      <c r="E41462" s="15">
        <v>45593</v>
      </c>
      <c r="F41462" s="14" t="s">
        <v>61</v>
      </c>
      <c r="G41462" s="16">
        <v>1.8471837574466035</v>
      </c>
    </row>
    <row r="41463" spans="1:7" x14ac:dyDescent="0.3">
      <c r="A41463" s="13" t="s">
        <v>245</v>
      </c>
      <c r="B41463" s="14" t="s">
        <v>1</v>
      </c>
      <c r="C41463" s="14" t="s">
        <v>70</v>
      </c>
      <c r="D41463" s="14" t="s">
        <v>246</v>
      </c>
      <c r="E41463" s="15">
        <v>45594</v>
      </c>
      <c r="F41463" s="14" t="s">
        <v>61</v>
      </c>
      <c r="G41463" s="16">
        <v>1.8474896080844312</v>
      </c>
    </row>
    <row r="41464" spans="1:7" x14ac:dyDescent="0.3">
      <c r="A41464" s="13" t="s">
        <v>245</v>
      </c>
      <c r="B41464" s="14" t="s">
        <v>1</v>
      </c>
      <c r="C41464" s="14" t="s">
        <v>70</v>
      </c>
      <c r="D41464" s="14" t="s">
        <v>246</v>
      </c>
      <c r="E41464" s="15">
        <v>45595</v>
      </c>
      <c r="F41464" s="14" t="s">
        <v>61</v>
      </c>
      <c r="G41464" s="16">
        <v>1.8641866853975653</v>
      </c>
    </row>
    <row r="41465" spans="1:7" x14ac:dyDescent="0.3">
      <c r="A41465" s="13" t="s">
        <v>245</v>
      </c>
      <c r="B41465" s="14" t="s">
        <v>1</v>
      </c>
      <c r="C41465" s="14" t="s">
        <v>70</v>
      </c>
      <c r="D41465" s="14" t="s">
        <v>246</v>
      </c>
      <c r="E41465" s="15">
        <v>45596</v>
      </c>
      <c r="F41465" s="14" t="s">
        <v>61</v>
      </c>
      <c r="G41465" s="16">
        <v>1.8632007386316944</v>
      </c>
    </row>
    <row r="41466" spans="1:7" x14ac:dyDescent="0.3">
      <c r="A41466" s="13" t="s">
        <v>245</v>
      </c>
      <c r="B41466" s="14" t="s">
        <v>1</v>
      </c>
      <c r="C41466" s="14" t="s">
        <v>70</v>
      </c>
      <c r="D41466" s="14" t="s">
        <v>246</v>
      </c>
      <c r="E41466" s="15">
        <v>45597</v>
      </c>
      <c r="F41466" s="14" t="s">
        <v>61</v>
      </c>
      <c r="G41466" s="16">
        <v>1.8773638137248181</v>
      </c>
    </row>
    <row r="41467" spans="1:7" x14ac:dyDescent="0.3">
      <c r="A41467" s="13" t="s">
        <v>245</v>
      </c>
      <c r="B41467" s="14" t="s">
        <v>1</v>
      </c>
      <c r="C41467" s="14" t="s">
        <v>70</v>
      </c>
      <c r="D41467" s="14" t="s">
        <v>246</v>
      </c>
      <c r="E41467" s="15">
        <v>45598</v>
      </c>
      <c r="F41467" s="14" t="s">
        <v>61</v>
      </c>
      <c r="G41467" s="16">
        <v>1.8773638137248181</v>
      </c>
    </row>
    <row r="41468" spans="1:7" x14ac:dyDescent="0.3">
      <c r="A41468" s="13" t="s">
        <v>245</v>
      </c>
      <c r="B41468" s="14" t="s">
        <v>1</v>
      </c>
      <c r="C41468" s="14" t="s">
        <v>70</v>
      </c>
      <c r="D41468" s="14" t="s">
        <v>246</v>
      </c>
      <c r="E41468" s="15">
        <v>45599</v>
      </c>
      <c r="F41468" s="14" t="s">
        <v>61</v>
      </c>
      <c r="G41468" s="16">
        <v>1.8773638137248181</v>
      </c>
    </row>
    <row r="41469" spans="1:7" x14ac:dyDescent="0.3">
      <c r="A41469" s="13" t="s">
        <v>245</v>
      </c>
      <c r="B41469" s="14" t="s">
        <v>1</v>
      </c>
      <c r="C41469" s="14" t="s">
        <v>70</v>
      </c>
      <c r="D41469" s="14" t="s">
        <v>246</v>
      </c>
      <c r="E41469" s="15">
        <v>45600</v>
      </c>
      <c r="F41469" s="14" t="s">
        <v>61</v>
      </c>
      <c r="G41469" s="16">
        <v>1.8679975446532739</v>
      </c>
    </row>
    <row r="41470" spans="1:7" x14ac:dyDescent="0.3">
      <c r="A41470" s="13" t="s">
        <v>245</v>
      </c>
      <c r="B41470" s="14" t="s">
        <v>1</v>
      </c>
      <c r="C41470" s="14" t="s">
        <v>70</v>
      </c>
      <c r="D41470" s="14" t="s">
        <v>246</v>
      </c>
      <c r="E41470" s="15">
        <v>45601</v>
      </c>
      <c r="F41470" s="14" t="s">
        <v>61</v>
      </c>
      <c r="G41470" s="16">
        <v>1.8690593819870358</v>
      </c>
    </row>
    <row r="41471" spans="1:7" x14ac:dyDescent="0.3">
      <c r="A41471" s="13" t="s">
        <v>245</v>
      </c>
      <c r="B41471" s="14" t="s">
        <v>1</v>
      </c>
      <c r="C41471" s="14" t="s">
        <v>70</v>
      </c>
      <c r="D41471" s="14" t="s">
        <v>246</v>
      </c>
      <c r="E41471" s="15">
        <v>45602</v>
      </c>
      <c r="F41471" s="14" t="s">
        <v>61</v>
      </c>
      <c r="G41471" s="16">
        <v>1.9099301062392329</v>
      </c>
    </row>
    <row r="41472" spans="1:7" x14ac:dyDescent="0.3">
      <c r="A41472" s="13" t="s">
        <v>245</v>
      </c>
      <c r="B41472" s="14" t="s">
        <v>1</v>
      </c>
      <c r="C41472" s="14" t="s">
        <v>70</v>
      </c>
      <c r="D41472" s="14" t="s">
        <v>246</v>
      </c>
      <c r="E41472" s="15">
        <v>45603</v>
      </c>
      <c r="F41472" s="14" t="s">
        <v>61</v>
      </c>
      <c r="G41472" s="16">
        <v>1.900051643843792</v>
      </c>
    </row>
    <row r="41473" spans="1:7" x14ac:dyDescent="0.3">
      <c r="A41473" s="13" t="s">
        <v>245</v>
      </c>
      <c r="B41473" s="14" t="s">
        <v>1</v>
      </c>
      <c r="C41473" s="14" t="s">
        <v>70</v>
      </c>
      <c r="D41473" s="14" t="s">
        <v>246</v>
      </c>
      <c r="E41473" s="15">
        <v>45604</v>
      </c>
      <c r="F41473" s="14" t="s">
        <v>61</v>
      </c>
      <c r="G41473" s="16">
        <v>1.9323602748979825</v>
      </c>
    </row>
    <row r="41474" spans="1:7" x14ac:dyDescent="0.3">
      <c r="A41474" s="13" t="s">
        <v>245</v>
      </c>
      <c r="B41474" s="14" t="s">
        <v>1</v>
      </c>
      <c r="C41474" s="14" t="s">
        <v>70</v>
      </c>
      <c r="D41474" s="14" t="s">
        <v>246</v>
      </c>
      <c r="E41474" s="15">
        <v>45605</v>
      </c>
      <c r="F41474" s="14" t="s">
        <v>61</v>
      </c>
      <c r="G41474" s="16">
        <v>1.9323602748979825</v>
      </c>
    </row>
    <row r="41475" spans="1:7" x14ac:dyDescent="0.3">
      <c r="A41475" s="13" t="s">
        <v>245</v>
      </c>
      <c r="B41475" s="14" t="s">
        <v>1</v>
      </c>
      <c r="C41475" s="14" t="s">
        <v>70</v>
      </c>
      <c r="D41475" s="14" t="s">
        <v>246</v>
      </c>
      <c r="E41475" s="15">
        <v>45606</v>
      </c>
      <c r="F41475" s="14" t="s">
        <v>61</v>
      </c>
      <c r="G41475" s="16">
        <v>1.9323602748979825</v>
      </c>
    </row>
    <row r="41476" spans="1:7" x14ac:dyDescent="0.3">
      <c r="A41476" s="13" t="s">
        <v>245</v>
      </c>
      <c r="B41476" s="14" t="s">
        <v>1</v>
      </c>
      <c r="C41476" s="14" t="s">
        <v>70</v>
      </c>
      <c r="D41476" s="14" t="s">
        <v>246</v>
      </c>
      <c r="E41476" s="15">
        <v>45607</v>
      </c>
      <c r="F41476" s="14" t="s">
        <v>61</v>
      </c>
      <c r="G41476" s="16">
        <v>1.9530273203967494</v>
      </c>
    </row>
    <row r="41477" spans="1:7" x14ac:dyDescent="0.3">
      <c r="A41477" s="13" t="s">
        <v>245</v>
      </c>
      <c r="B41477" s="14" t="s">
        <v>1</v>
      </c>
      <c r="C41477" s="14" t="s">
        <v>70</v>
      </c>
      <c r="D41477" s="14" t="s">
        <v>246</v>
      </c>
      <c r="E41477" s="15">
        <v>45608</v>
      </c>
      <c r="F41477" s="14" t="s">
        <v>61</v>
      </c>
      <c r="G41477" s="16">
        <v>1.9700729027651698</v>
      </c>
    </row>
    <row r="41478" spans="1:7" x14ac:dyDescent="0.3">
      <c r="A41478" s="13" t="s">
        <v>245</v>
      </c>
      <c r="B41478" s="14" t="s">
        <v>1</v>
      </c>
      <c r="C41478" s="14" t="s">
        <v>70</v>
      </c>
      <c r="D41478" s="14" t="s">
        <v>246</v>
      </c>
      <c r="E41478" s="15">
        <v>45609</v>
      </c>
      <c r="F41478" s="14" t="s">
        <v>61</v>
      </c>
      <c r="G41478" s="16">
        <v>1.9836466035333085</v>
      </c>
    </row>
    <row r="41479" spans="1:7" x14ac:dyDescent="0.3">
      <c r="A41479" s="13" t="s">
        <v>245</v>
      </c>
      <c r="B41479" s="14" t="s">
        <v>1</v>
      </c>
      <c r="C41479" s="14" t="s">
        <v>70</v>
      </c>
      <c r="D41479" s="14" t="s">
        <v>246</v>
      </c>
      <c r="E41479" s="15">
        <v>45610</v>
      </c>
      <c r="F41479" s="14" t="s">
        <v>61</v>
      </c>
      <c r="G41479" s="16">
        <v>1.993639994016126</v>
      </c>
    </row>
    <row r="41480" spans="1:7" x14ac:dyDescent="0.3">
      <c r="A41480" s="13" t="s">
        <v>245</v>
      </c>
      <c r="B41480" s="14" t="s">
        <v>1</v>
      </c>
      <c r="C41480" s="14" t="s">
        <v>70</v>
      </c>
      <c r="D41480" s="14" t="s">
        <v>246</v>
      </c>
      <c r="E41480" s="15">
        <v>45611</v>
      </c>
      <c r="F41480" s="14" t="s">
        <v>61</v>
      </c>
      <c r="G41480" s="16">
        <v>2.0290998968281113</v>
      </c>
    </row>
    <row r="41481" spans="1:7" x14ac:dyDescent="0.3">
      <c r="A41481" s="13" t="s">
        <v>245</v>
      </c>
      <c r="B41481" s="14" t="s">
        <v>1</v>
      </c>
      <c r="C41481" s="14" t="s">
        <v>70</v>
      </c>
      <c r="D41481" s="14" t="s">
        <v>246</v>
      </c>
      <c r="E41481" s="15">
        <v>45612</v>
      </c>
      <c r="F41481" s="14" t="s">
        <v>61</v>
      </c>
      <c r="G41481" s="16">
        <v>2.0290998968281113</v>
      </c>
    </row>
    <row r="41482" spans="1:7" x14ac:dyDescent="0.3">
      <c r="A41482" s="13" t="s">
        <v>245</v>
      </c>
      <c r="B41482" s="14" t="s">
        <v>1</v>
      </c>
      <c r="C41482" s="14" t="s">
        <v>70</v>
      </c>
      <c r="D41482" s="14" t="s">
        <v>246</v>
      </c>
      <c r="E41482" s="15">
        <v>45613</v>
      </c>
      <c r="F41482" s="14" t="s">
        <v>61</v>
      </c>
      <c r="G41482" s="16">
        <v>2.0290998968281113</v>
      </c>
    </row>
    <row r="41483" spans="1:7" x14ac:dyDescent="0.3">
      <c r="A41483" s="13" t="s">
        <v>245</v>
      </c>
      <c r="B41483" s="14" t="s">
        <v>1</v>
      </c>
      <c r="C41483" s="14" t="s">
        <v>70</v>
      </c>
      <c r="D41483" s="14" t="s">
        <v>246</v>
      </c>
      <c r="E41483" s="15">
        <v>45614</v>
      </c>
      <c r="F41483" s="14" t="s">
        <v>61</v>
      </c>
      <c r="G41483" s="16">
        <v>2.0271083005547816</v>
      </c>
    </row>
    <row r="41484" spans="1:7" x14ac:dyDescent="0.3">
      <c r="A41484" s="13" t="s">
        <v>245</v>
      </c>
      <c r="B41484" s="14" t="s">
        <v>1</v>
      </c>
      <c r="C41484" s="14" t="s">
        <v>70</v>
      </c>
      <c r="D41484" s="14" t="s">
        <v>246</v>
      </c>
      <c r="E41484" s="15">
        <v>45615</v>
      </c>
      <c r="F41484" s="14" t="s">
        <v>61</v>
      </c>
      <c r="G41484" s="16">
        <v>2.0598562770516158</v>
      </c>
    </row>
    <row r="41485" spans="1:7" x14ac:dyDescent="0.3">
      <c r="A41485" s="13" t="s">
        <v>245</v>
      </c>
      <c r="B41485" s="14" t="s">
        <v>1</v>
      </c>
      <c r="C41485" s="14" t="s">
        <v>70</v>
      </c>
      <c r="D41485" s="14" t="s">
        <v>246</v>
      </c>
      <c r="E41485" s="15">
        <v>45616</v>
      </c>
      <c r="F41485" s="14" t="s">
        <v>61</v>
      </c>
      <c r="G41485" s="16">
        <v>2.0733212133802961</v>
      </c>
    </row>
    <row r="41486" spans="1:7" x14ac:dyDescent="0.3">
      <c r="A41486" s="13" t="s">
        <v>245</v>
      </c>
      <c r="B41486" s="14" t="s">
        <v>1</v>
      </c>
      <c r="C41486" s="14" t="s">
        <v>70</v>
      </c>
      <c r="D41486" s="14" t="s">
        <v>246</v>
      </c>
      <c r="E41486" s="15">
        <v>45617</v>
      </c>
      <c r="F41486" s="14" t="s">
        <v>61</v>
      </c>
      <c r="G41486" s="16">
        <v>2.0934651222499983</v>
      </c>
    </row>
    <row r="41487" spans="1:7" x14ac:dyDescent="0.3">
      <c r="A41487" s="13" t="s">
        <v>245</v>
      </c>
      <c r="B41487" s="14" t="s">
        <v>1</v>
      </c>
      <c r="C41487" s="14" t="s">
        <v>70</v>
      </c>
      <c r="D41487" s="14" t="s">
        <v>246</v>
      </c>
      <c r="E41487" s="15">
        <v>45618</v>
      </c>
      <c r="F41487" s="14" t="s">
        <v>61</v>
      </c>
      <c r="G41487" s="16">
        <v>2.1108614131830015</v>
      </c>
    </row>
    <row r="41488" spans="1:7" x14ac:dyDescent="0.3">
      <c r="A41488" s="13" t="s">
        <v>245</v>
      </c>
      <c r="B41488" s="14" t="s">
        <v>1</v>
      </c>
      <c r="C41488" s="14" t="s">
        <v>70</v>
      </c>
      <c r="D41488" s="14" t="s">
        <v>246</v>
      </c>
      <c r="E41488" s="15">
        <v>45619</v>
      </c>
      <c r="F41488" s="14" t="s">
        <v>61</v>
      </c>
      <c r="G41488" s="16">
        <v>2.1108614131830015</v>
      </c>
    </row>
    <row r="41489" spans="1:7" x14ac:dyDescent="0.3">
      <c r="A41489" s="13" t="s">
        <v>245</v>
      </c>
      <c r="B41489" s="14" t="s">
        <v>1</v>
      </c>
      <c r="C41489" s="14" t="s">
        <v>70</v>
      </c>
      <c r="D41489" s="14" t="s">
        <v>246</v>
      </c>
      <c r="E41489" s="15">
        <v>45620</v>
      </c>
      <c r="F41489" s="14" t="s">
        <v>61</v>
      </c>
      <c r="G41489" s="16">
        <v>2.1108614131830015</v>
      </c>
    </row>
    <row r="41490" spans="1:7" x14ac:dyDescent="0.3">
      <c r="A41490" s="13" t="s">
        <v>245</v>
      </c>
      <c r="B41490" s="14" t="s">
        <v>1</v>
      </c>
      <c r="C41490" s="14" t="s">
        <v>70</v>
      </c>
      <c r="D41490" s="14" t="s">
        <v>246</v>
      </c>
      <c r="E41490" s="15">
        <v>45621</v>
      </c>
      <c r="F41490" s="14" t="s">
        <v>61</v>
      </c>
      <c r="G41490" s="16">
        <v>2.0996471500523977</v>
      </c>
    </row>
    <row r="41491" spans="1:7" x14ac:dyDescent="0.3">
      <c r="A41491" s="13" t="s">
        <v>245</v>
      </c>
      <c r="B41491" s="14" t="s">
        <v>1</v>
      </c>
      <c r="C41491" s="14" t="s">
        <v>70</v>
      </c>
      <c r="D41491" s="14" t="s">
        <v>246</v>
      </c>
      <c r="E41491" s="15">
        <v>45622</v>
      </c>
      <c r="F41491" s="14" t="s">
        <v>61</v>
      </c>
      <c r="G41491" s="16">
        <v>2.1209547081672766</v>
      </c>
    </row>
    <row r="41492" spans="1:7" x14ac:dyDescent="0.3">
      <c r="A41492" s="13" t="s">
        <v>245</v>
      </c>
      <c r="B41492" s="14" t="s">
        <v>1</v>
      </c>
      <c r="C41492" s="14" t="s">
        <v>70</v>
      </c>
      <c r="D41492" s="14" t="s">
        <v>246</v>
      </c>
      <c r="E41492" s="15">
        <v>45623</v>
      </c>
      <c r="F41492" s="14" t="s">
        <v>61</v>
      </c>
      <c r="G41492" s="16">
        <v>2.114587962082787</v>
      </c>
    </row>
    <row r="41493" spans="1:7" x14ac:dyDescent="0.3">
      <c r="A41493" s="13" t="s">
        <v>245</v>
      </c>
      <c r="B41493" s="14" t="s">
        <v>1</v>
      </c>
      <c r="C41493" s="14" t="s">
        <v>70</v>
      </c>
      <c r="D41493" s="14" t="s">
        <v>246</v>
      </c>
      <c r="E41493" s="15">
        <v>45624</v>
      </c>
      <c r="F41493" s="14" t="s">
        <v>61</v>
      </c>
      <c r="G41493" s="16">
        <v>2.1246735126230325</v>
      </c>
    </row>
    <row r="41494" spans="1:7" x14ac:dyDescent="0.3">
      <c r="A41494" s="13" t="s">
        <v>245</v>
      </c>
      <c r="B41494" s="14" t="s">
        <v>1</v>
      </c>
      <c r="C41494" s="14" t="s">
        <v>70</v>
      </c>
      <c r="D41494" s="14" t="s">
        <v>246</v>
      </c>
      <c r="E41494" s="15">
        <v>45625</v>
      </c>
      <c r="F41494" s="14" t="s">
        <v>61</v>
      </c>
      <c r="G41494" s="16">
        <v>2.1241263842651836</v>
      </c>
    </row>
    <row r="41495" spans="1:7" x14ac:dyDescent="0.3">
      <c r="A41495" s="13" t="s">
        <v>245</v>
      </c>
      <c r="B41495" s="14" t="s">
        <v>1</v>
      </c>
      <c r="C41495" s="14" t="s">
        <v>70</v>
      </c>
      <c r="D41495" s="14" t="s">
        <v>246</v>
      </c>
      <c r="E41495" s="15">
        <v>45626</v>
      </c>
      <c r="F41495" s="14" t="s">
        <v>61</v>
      </c>
      <c r="G41495" s="16">
        <v>2.1241263842651836</v>
      </c>
    </row>
    <row r="41496" spans="1:7" x14ac:dyDescent="0.3">
      <c r="A41496" s="13" t="s">
        <v>245</v>
      </c>
      <c r="B41496" s="14" t="s">
        <v>1</v>
      </c>
      <c r="C41496" s="14" t="s">
        <v>70</v>
      </c>
      <c r="D41496" s="14" t="s">
        <v>246</v>
      </c>
      <c r="E41496" s="15">
        <v>45627</v>
      </c>
      <c r="F41496" s="14" t="s">
        <v>61</v>
      </c>
      <c r="G41496" s="16">
        <v>2.1241263842651836</v>
      </c>
    </row>
    <row r="41497" spans="1:7" x14ac:dyDescent="0.3">
      <c r="A41497" s="13" t="s">
        <v>245</v>
      </c>
      <c r="B41497" s="14" t="s">
        <v>1</v>
      </c>
      <c r="C41497" s="14" t="s">
        <v>70</v>
      </c>
      <c r="D41497" s="14" t="s">
        <v>246</v>
      </c>
      <c r="E41497" s="15">
        <v>45628</v>
      </c>
      <c r="F41497" s="14" t="s">
        <v>61</v>
      </c>
      <c r="G41497" s="16">
        <v>2.1518834079057938</v>
      </c>
    </row>
    <row r="41498" spans="1:7" x14ac:dyDescent="0.3">
      <c r="A41498" s="13" t="s">
        <v>245</v>
      </c>
      <c r="B41498" s="14" t="s">
        <v>1</v>
      </c>
      <c r="C41498" s="14" t="s">
        <v>70</v>
      </c>
      <c r="D41498" s="14" t="s">
        <v>246</v>
      </c>
      <c r="E41498" s="15">
        <v>45629</v>
      </c>
      <c r="F41498" s="14" t="s">
        <v>61</v>
      </c>
      <c r="G41498" s="16">
        <v>2.1667287870497463</v>
      </c>
    </row>
    <row r="41499" spans="1:7" x14ac:dyDescent="0.3">
      <c r="A41499" s="13" t="s">
        <v>245</v>
      </c>
      <c r="B41499" s="14" t="s">
        <v>1</v>
      </c>
      <c r="C41499" s="14" t="s">
        <v>70</v>
      </c>
      <c r="D41499" s="14" t="s">
        <v>246</v>
      </c>
      <c r="E41499" s="15">
        <v>45630</v>
      </c>
      <c r="F41499" s="14" t="s">
        <v>61</v>
      </c>
      <c r="G41499" s="16">
        <v>2.1726044125522148</v>
      </c>
    </row>
    <row r="41500" spans="1:7" x14ac:dyDescent="0.3">
      <c r="A41500" s="13" t="s">
        <v>245</v>
      </c>
      <c r="B41500" s="14" t="s">
        <v>1</v>
      </c>
      <c r="C41500" s="14" t="s">
        <v>70</v>
      </c>
      <c r="D41500" s="14" t="s">
        <v>246</v>
      </c>
      <c r="E41500" s="15">
        <v>45631</v>
      </c>
      <c r="F41500" s="14" t="s">
        <v>61</v>
      </c>
      <c r="G41500" s="16">
        <v>2.1616183998636527</v>
      </c>
    </row>
    <row r="41501" spans="1:7" x14ac:dyDescent="0.3">
      <c r="A41501" s="13" t="s">
        <v>245</v>
      </c>
      <c r="B41501" s="14" t="s">
        <v>1</v>
      </c>
      <c r="C41501" s="14" t="s">
        <v>70</v>
      </c>
      <c r="D41501" s="14" t="s">
        <v>246</v>
      </c>
      <c r="E41501" s="15">
        <v>45632</v>
      </c>
      <c r="F41501" s="14" t="s">
        <v>61</v>
      </c>
      <c r="G41501" s="16">
        <v>2.1728750094247129</v>
      </c>
    </row>
    <row r="41502" spans="1:7" x14ac:dyDescent="0.3">
      <c r="A41502" s="13" t="s">
        <v>245</v>
      </c>
      <c r="B41502" s="14" t="s">
        <v>1</v>
      </c>
      <c r="C41502" s="14" t="s">
        <v>70</v>
      </c>
      <c r="D41502" s="14" t="s">
        <v>246</v>
      </c>
      <c r="E41502" s="15">
        <v>45633</v>
      </c>
      <c r="F41502" s="14" t="s">
        <v>61</v>
      </c>
      <c r="G41502" s="16">
        <v>2.1728750094247129</v>
      </c>
    </row>
    <row r="41503" spans="1:7" x14ac:dyDescent="0.3">
      <c r="A41503" s="13" t="s">
        <v>245</v>
      </c>
      <c r="B41503" s="14" t="s">
        <v>1</v>
      </c>
      <c r="C41503" s="14" t="s">
        <v>70</v>
      </c>
      <c r="D41503" s="14" t="s">
        <v>246</v>
      </c>
      <c r="E41503" s="15">
        <v>45634</v>
      </c>
      <c r="F41503" s="14" t="s">
        <v>61</v>
      </c>
      <c r="G41503" s="16">
        <v>2.1728750094247129</v>
      </c>
    </row>
    <row r="41504" spans="1:7" x14ac:dyDescent="0.3">
      <c r="A41504" s="13" t="s">
        <v>245</v>
      </c>
      <c r="B41504" s="14" t="s">
        <v>1</v>
      </c>
      <c r="C41504" s="14" t="s">
        <v>70</v>
      </c>
      <c r="D41504" s="14" t="s">
        <v>246</v>
      </c>
      <c r="E41504" s="15">
        <v>45635</v>
      </c>
      <c r="F41504" s="14" t="s">
        <v>61</v>
      </c>
      <c r="G41504" s="16">
        <v>2.1795135368832548</v>
      </c>
    </row>
    <row r="41505" spans="1:7" x14ac:dyDescent="0.3">
      <c r="A41505" s="13" t="s">
        <v>245</v>
      </c>
      <c r="B41505" s="14" t="s">
        <v>1</v>
      </c>
      <c r="C41505" s="14" t="s">
        <v>70</v>
      </c>
      <c r="D41505" s="14" t="s">
        <v>246</v>
      </c>
      <c r="E41505" s="15">
        <v>45636</v>
      </c>
      <c r="F41505" s="14" t="s">
        <v>61</v>
      </c>
      <c r="G41505" s="16">
        <v>2.2008784303975357</v>
      </c>
    </row>
    <row r="41506" spans="1:7" x14ac:dyDescent="0.3">
      <c r="A41506" s="13" t="s">
        <v>245</v>
      </c>
      <c r="B41506" s="14" t="s">
        <v>1</v>
      </c>
      <c r="C41506" s="14" t="s">
        <v>70</v>
      </c>
      <c r="D41506" s="14" t="s">
        <v>246</v>
      </c>
      <c r="E41506" s="15">
        <v>45637</v>
      </c>
      <c r="F41506" s="14" t="s">
        <v>61</v>
      </c>
      <c r="G41506" s="16">
        <v>2.21240181840234</v>
      </c>
    </row>
    <row r="41507" spans="1:7" x14ac:dyDescent="0.3">
      <c r="A41507" s="13" t="s">
        <v>245</v>
      </c>
      <c r="B41507" s="14" t="s">
        <v>1</v>
      </c>
      <c r="C41507" s="14" t="s">
        <v>70</v>
      </c>
      <c r="D41507" s="14" t="s">
        <v>246</v>
      </c>
      <c r="E41507" s="15">
        <v>45638</v>
      </c>
      <c r="F41507" s="14" t="s">
        <v>61</v>
      </c>
      <c r="G41507" s="16">
        <v>2.2230735575612943</v>
      </c>
    </row>
    <row r="41508" spans="1:7" x14ac:dyDescent="0.3">
      <c r="A41508" s="13" t="s">
        <v>245</v>
      </c>
      <c r="B41508" s="14" t="s">
        <v>1</v>
      </c>
      <c r="C41508" s="14" t="s">
        <v>70</v>
      </c>
      <c r="D41508" s="14" t="s">
        <v>246</v>
      </c>
      <c r="E41508" s="15">
        <v>45639</v>
      </c>
      <c r="F41508" s="14" t="s">
        <v>61</v>
      </c>
      <c r="G41508" s="16">
        <v>2.2211592706410741</v>
      </c>
    </row>
    <row r="41509" spans="1:7" x14ac:dyDescent="0.3">
      <c r="A41509" s="13" t="s">
        <v>245</v>
      </c>
      <c r="B41509" s="14" t="s">
        <v>1</v>
      </c>
      <c r="C41509" s="14" t="s">
        <v>70</v>
      </c>
      <c r="D41509" s="14" t="s">
        <v>246</v>
      </c>
      <c r="E41509" s="15">
        <v>45640</v>
      </c>
      <c r="F41509" s="14" t="s">
        <v>61</v>
      </c>
      <c r="G41509" s="16">
        <v>2.2211592706410741</v>
      </c>
    </row>
    <row r="41510" spans="1:7" x14ac:dyDescent="0.3">
      <c r="A41510" s="13" t="s">
        <v>245</v>
      </c>
      <c r="B41510" s="14" t="s">
        <v>1</v>
      </c>
      <c r="C41510" s="14" t="s">
        <v>70</v>
      </c>
      <c r="D41510" s="14" t="s">
        <v>246</v>
      </c>
      <c r="E41510" s="15">
        <v>45641</v>
      </c>
      <c r="F41510" s="14" t="s">
        <v>61</v>
      </c>
      <c r="G41510" s="16">
        <v>2.2211592706410741</v>
      </c>
    </row>
    <row r="41511" spans="1:7" x14ac:dyDescent="0.3">
      <c r="A41511" s="13" t="s">
        <v>245</v>
      </c>
      <c r="B41511" s="14" t="s">
        <v>1</v>
      </c>
      <c r="C41511" s="14" t="s">
        <v>70</v>
      </c>
      <c r="D41511" s="14" t="s">
        <v>246</v>
      </c>
      <c r="E41511" s="15">
        <v>45642</v>
      </c>
      <c r="F41511" s="14" t="s">
        <v>61</v>
      </c>
      <c r="G41511" s="16">
        <v>2.2261128461605866</v>
      </c>
    </row>
    <row r="41512" spans="1:7" x14ac:dyDescent="0.3">
      <c r="A41512" s="13" t="s">
        <v>245</v>
      </c>
      <c r="B41512" s="14" t="s">
        <v>1</v>
      </c>
      <c r="C41512" s="14" t="s">
        <v>70</v>
      </c>
      <c r="D41512" s="14" t="s">
        <v>246</v>
      </c>
      <c r="E41512" s="15">
        <v>45643</v>
      </c>
      <c r="F41512" s="14" t="s">
        <v>61</v>
      </c>
      <c r="G41512" s="16">
        <v>2.2459386682046389</v>
      </c>
    </row>
    <row r="41513" spans="1:7" x14ac:dyDescent="0.3">
      <c r="A41513" s="13" t="s">
        <v>245</v>
      </c>
      <c r="B41513" s="14" t="s">
        <v>1</v>
      </c>
      <c r="C41513" s="14" t="s">
        <v>70</v>
      </c>
      <c r="D41513" s="14" t="s">
        <v>246</v>
      </c>
      <c r="E41513" s="15">
        <v>45644</v>
      </c>
      <c r="F41513" s="14" t="s">
        <v>61</v>
      </c>
      <c r="G41513" s="16">
        <v>2.2780893967168323</v>
      </c>
    </row>
    <row r="41514" spans="1:7" x14ac:dyDescent="0.3">
      <c r="A41514" s="13" t="s">
        <v>245</v>
      </c>
      <c r="B41514" s="14" t="s">
        <v>1</v>
      </c>
      <c r="C41514" s="14" t="s">
        <v>70</v>
      </c>
      <c r="D41514" s="14" t="s">
        <v>246</v>
      </c>
      <c r="E41514" s="15">
        <v>45645</v>
      </c>
      <c r="F41514" s="14" t="s">
        <v>61</v>
      </c>
      <c r="G41514" s="16">
        <v>2.2794323829342886</v>
      </c>
    </row>
    <row r="41515" spans="1:7" x14ac:dyDescent="0.3">
      <c r="A41515" s="13" t="s">
        <v>245</v>
      </c>
      <c r="B41515" s="14" t="s">
        <v>1</v>
      </c>
      <c r="C41515" s="14" t="s">
        <v>70</v>
      </c>
      <c r="D41515" s="14" t="s">
        <v>246</v>
      </c>
      <c r="E41515" s="15">
        <v>45646</v>
      </c>
      <c r="F41515" s="14" t="s">
        <v>61</v>
      </c>
      <c r="G41515" s="16">
        <v>2.2716110371943583</v>
      </c>
    </row>
    <row r="41516" spans="1:7" x14ac:dyDescent="0.3">
      <c r="A41516" s="13" t="s">
        <v>245</v>
      </c>
      <c r="B41516" s="14" t="s">
        <v>1</v>
      </c>
      <c r="C41516" s="14" t="s">
        <v>70</v>
      </c>
      <c r="D41516" s="14" t="s">
        <v>246</v>
      </c>
      <c r="E41516" s="15">
        <v>45647</v>
      </c>
      <c r="F41516" s="14" t="s">
        <v>61</v>
      </c>
      <c r="G41516" s="16">
        <v>2.2716110371943583</v>
      </c>
    </row>
    <row r="41517" spans="1:7" x14ac:dyDescent="0.3">
      <c r="A41517" s="13" t="s">
        <v>245</v>
      </c>
      <c r="B41517" s="14" t="s">
        <v>1</v>
      </c>
      <c r="C41517" s="14" t="s">
        <v>70</v>
      </c>
      <c r="D41517" s="14" t="s">
        <v>246</v>
      </c>
      <c r="E41517" s="15">
        <v>45648</v>
      </c>
      <c r="F41517" s="14" t="s">
        <v>61</v>
      </c>
      <c r="G41517" s="16">
        <v>2.2716110371943583</v>
      </c>
    </row>
    <row r="41518" spans="1:7" x14ac:dyDescent="0.3">
      <c r="A41518" s="13" t="s">
        <v>245</v>
      </c>
      <c r="B41518" s="14" t="s">
        <v>1</v>
      </c>
      <c r="C41518" s="14" t="s">
        <v>70</v>
      </c>
      <c r="D41518" s="14" t="s">
        <v>246</v>
      </c>
      <c r="E41518" s="15">
        <v>45649</v>
      </c>
      <c r="F41518" s="14" t="s">
        <v>61</v>
      </c>
      <c r="G41518" s="16">
        <v>2.2806325305983743</v>
      </c>
    </row>
    <row r="41519" spans="1:7" x14ac:dyDescent="0.3">
      <c r="A41519" s="13" t="s">
        <v>245</v>
      </c>
      <c r="B41519" s="14" t="s">
        <v>1</v>
      </c>
      <c r="C41519" s="14" t="s">
        <v>70</v>
      </c>
      <c r="D41519" s="14" t="s">
        <v>246</v>
      </c>
      <c r="E41519" s="15">
        <v>45650</v>
      </c>
      <c r="F41519" s="14" t="s">
        <v>61</v>
      </c>
      <c r="G41519" s="16">
        <v>2.2946148937467239</v>
      </c>
    </row>
    <row r="41520" spans="1:7" x14ac:dyDescent="0.3">
      <c r="A41520" s="13" t="s">
        <v>245</v>
      </c>
      <c r="B41520" s="14" t="s">
        <v>1</v>
      </c>
      <c r="C41520" s="14" t="s">
        <v>70</v>
      </c>
      <c r="D41520" s="14" t="s">
        <v>246</v>
      </c>
      <c r="E41520" s="15">
        <v>45651</v>
      </c>
      <c r="F41520" s="14" t="s">
        <v>61</v>
      </c>
      <c r="G41520" s="16">
        <v>2.2946148937467239</v>
      </c>
    </row>
    <row r="41521" spans="1:7" x14ac:dyDescent="0.3">
      <c r="A41521" s="13" t="s">
        <v>245</v>
      </c>
      <c r="B41521" s="14" t="s">
        <v>1</v>
      </c>
      <c r="C41521" s="14" t="s">
        <v>70</v>
      </c>
      <c r="D41521" s="14" t="s">
        <v>246</v>
      </c>
      <c r="E41521" s="15">
        <v>45652</v>
      </c>
      <c r="F41521" s="14" t="s">
        <v>61</v>
      </c>
      <c r="G41521" s="16">
        <v>2.2946148937467239</v>
      </c>
    </row>
    <row r="41522" spans="1:7" x14ac:dyDescent="0.3">
      <c r="A41522" s="13" t="s">
        <v>245</v>
      </c>
      <c r="B41522" s="14" t="s">
        <v>1</v>
      </c>
      <c r="C41522" s="14" t="s">
        <v>70</v>
      </c>
      <c r="D41522" s="14" t="s">
        <v>246</v>
      </c>
      <c r="E41522" s="15">
        <v>45653</v>
      </c>
      <c r="F41522" s="14" t="s">
        <v>61</v>
      </c>
      <c r="G41522" s="16">
        <v>2.2946148937467239</v>
      </c>
    </row>
    <row r="41523" spans="1:7" x14ac:dyDescent="0.3">
      <c r="A41523" s="13" t="s">
        <v>245</v>
      </c>
      <c r="B41523" s="14" t="s">
        <v>1</v>
      </c>
      <c r="C41523" s="14" t="s">
        <v>70</v>
      </c>
      <c r="D41523" s="14" t="s">
        <v>246</v>
      </c>
      <c r="E41523" s="15">
        <v>45654</v>
      </c>
      <c r="F41523" s="14" t="s">
        <v>61</v>
      </c>
      <c r="G41523" s="16">
        <v>2.2946148937467239</v>
      </c>
    </row>
    <row r="41524" spans="1:7" x14ac:dyDescent="0.3">
      <c r="A41524" s="13" t="s">
        <v>245</v>
      </c>
      <c r="B41524" s="14" t="s">
        <v>1</v>
      </c>
      <c r="C41524" s="14" t="s">
        <v>70</v>
      </c>
      <c r="D41524" s="14" t="s">
        <v>246</v>
      </c>
      <c r="E41524" s="15">
        <v>45655</v>
      </c>
      <c r="F41524" s="14" t="s">
        <v>61</v>
      </c>
      <c r="G41524" s="16">
        <v>2.2946148937467239</v>
      </c>
    </row>
    <row r="41525" spans="1:7" x14ac:dyDescent="0.3">
      <c r="A41525" s="13" t="s">
        <v>245</v>
      </c>
      <c r="B41525" s="14" t="s">
        <v>1</v>
      </c>
      <c r="C41525" s="14" t="s">
        <v>70</v>
      </c>
      <c r="D41525" s="14" t="s">
        <v>246</v>
      </c>
      <c r="E41525" s="15">
        <v>45656</v>
      </c>
      <c r="F41525" s="14" t="s">
        <v>61</v>
      </c>
      <c r="G41525" s="16">
        <v>2.2964175458200522</v>
      </c>
    </row>
    <row r="41526" spans="1:7" x14ac:dyDescent="0.3">
      <c r="A41526" s="13" t="s">
        <v>245</v>
      </c>
      <c r="B41526" s="14" t="s">
        <v>1</v>
      </c>
      <c r="C41526" s="14" t="s">
        <v>70</v>
      </c>
      <c r="D41526" s="14" t="s">
        <v>246</v>
      </c>
      <c r="E41526" s="15">
        <v>45657</v>
      </c>
      <c r="F41526" s="14" t="s">
        <v>61</v>
      </c>
      <c r="G41526" s="16">
        <v>2.3312772097553731</v>
      </c>
    </row>
    <row r="41527" spans="1:7" x14ac:dyDescent="0.3">
      <c r="A41527" s="13" t="s">
        <v>245</v>
      </c>
      <c r="B41527" s="14" t="s">
        <v>1</v>
      </c>
      <c r="C41527" s="14" t="s">
        <v>70</v>
      </c>
      <c r="D41527" s="14" t="s">
        <v>246</v>
      </c>
      <c r="E41527" s="15">
        <v>45658</v>
      </c>
      <c r="F41527" s="14" t="s">
        <v>61</v>
      </c>
      <c r="G41527" s="16">
        <v>2.3312772097553731</v>
      </c>
    </row>
    <row r="41528" spans="1:7" x14ac:dyDescent="0.3">
      <c r="A41528" s="13" t="s">
        <v>245</v>
      </c>
      <c r="B41528" s="14" t="s">
        <v>1</v>
      </c>
      <c r="C41528" s="14" t="s">
        <v>70</v>
      </c>
      <c r="D41528" s="14" t="s">
        <v>246</v>
      </c>
      <c r="E41528" s="15">
        <v>45659</v>
      </c>
      <c r="F41528" s="14" t="s">
        <v>61</v>
      </c>
      <c r="G41528" s="16">
        <v>2.3312772097553731</v>
      </c>
    </row>
    <row r="41529" spans="1:7" x14ac:dyDescent="0.3">
      <c r="A41529" s="13" t="s">
        <v>245</v>
      </c>
      <c r="B41529" s="14" t="s">
        <v>1</v>
      </c>
      <c r="C41529" s="14" t="s">
        <v>70</v>
      </c>
      <c r="D41529" s="14" t="s">
        <v>246</v>
      </c>
      <c r="E41529" s="15">
        <v>45660</v>
      </c>
      <c r="F41529" s="14" t="s">
        <v>61</v>
      </c>
      <c r="G41529" s="16">
        <v>2.3522431606213057</v>
      </c>
    </row>
    <row r="41530" spans="1:7" x14ac:dyDescent="0.3">
      <c r="A41530" s="13" t="s">
        <v>245</v>
      </c>
      <c r="B41530" s="14" t="s">
        <v>1</v>
      </c>
      <c r="C41530" s="14" t="s">
        <v>70</v>
      </c>
      <c r="D41530" s="14" t="s">
        <v>246</v>
      </c>
      <c r="E41530" s="15">
        <v>45661</v>
      </c>
      <c r="F41530" s="14" t="s">
        <v>61</v>
      </c>
      <c r="G41530" s="16">
        <v>2.3522431606213057</v>
      </c>
    </row>
    <row r="41531" spans="1:7" x14ac:dyDescent="0.3">
      <c r="A41531" s="13" t="s">
        <v>245</v>
      </c>
      <c r="B41531" s="14" t="s">
        <v>1</v>
      </c>
      <c r="C41531" s="14" t="s">
        <v>70</v>
      </c>
      <c r="D41531" s="14" t="s">
        <v>246</v>
      </c>
      <c r="E41531" s="15">
        <v>45662</v>
      </c>
      <c r="F41531" s="14" t="s">
        <v>61</v>
      </c>
      <c r="G41531" s="16">
        <v>2.3522431606213057</v>
      </c>
    </row>
    <row r="41532" spans="1:7" x14ac:dyDescent="0.3">
      <c r="A41532" s="13" t="s">
        <v>245</v>
      </c>
      <c r="B41532" s="14" t="s">
        <v>1</v>
      </c>
      <c r="C41532" s="14" t="s">
        <v>70</v>
      </c>
      <c r="D41532" s="14" t="s">
        <v>246</v>
      </c>
      <c r="E41532" s="15">
        <v>45663</v>
      </c>
      <c r="F41532" s="14" t="s">
        <v>61</v>
      </c>
      <c r="G41532" s="16">
        <v>2.3608756001661453</v>
      </c>
    </row>
    <row r="41533" spans="1:7" x14ac:dyDescent="0.3">
      <c r="A41533" s="13" t="s">
        <v>245</v>
      </c>
      <c r="B41533" s="14" t="s">
        <v>1</v>
      </c>
      <c r="C41533" s="14" t="s">
        <v>70</v>
      </c>
      <c r="D41533" s="14" t="s">
        <v>246</v>
      </c>
      <c r="E41533" s="15">
        <v>45664</v>
      </c>
      <c r="F41533" s="14" t="s">
        <v>61</v>
      </c>
      <c r="G41533" s="16">
        <v>2.3909023000388094</v>
      </c>
    </row>
    <row r="41534" spans="1:7" x14ac:dyDescent="0.3">
      <c r="A41534" s="13" t="s">
        <v>245</v>
      </c>
      <c r="B41534" s="14" t="s">
        <v>1</v>
      </c>
      <c r="C41534" s="14" t="s">
        <v>70</v>
      </c>
      <c r="D41534" s="14" t="s">
        <v>246</v>
      </c>
      <c r="E41534" s="15">
        <v>45665</v>
      </c>
      <c r="F41534" s="14" t="s">
        <v>61</v>
      </c>
      <c r="G41534" s="16">
        <v>2.3995364365813674</v>
      </c>
    </row>
    <row r="41535" spans="1:7" x14ac:dyDescent="0.3">
      <c r="A41535" s="13" t="s">
        <v>245</v>
      </c>
      <c r="B41535" s="14" t="s">
        <v>1</v>
      </c>
      <c r="C41535" s="14" t="s">
        <v>70</v>
      </c>
      <c r="D41535" s="14" t="s">
        <v>246</v>
      </c>
      <c r="E41535" s="15">
        <v>45666</v>
      </c>
      <c r="F41535" s="14" t="s">
        <v>61</v>
      </c>
      <c r="G41535" s="16">
        <v>2.4168233215252894</v>
      </c>
    </row>
    <row r="41536" spans="1:7" x14ac:dyDescent="0.3">
      <c r="A41536" s="13" t="s">
        <v>245</v>
      </c>
      <c r="B41536" s="14" t="s">
        <v>1</v>
      </c>
      <c r="C41536" s="14" t="s">
        <v>70</v>
      </c>
      <c r="D41536" s="14" t="s">
        <v>246</v>
      </c>
      <c r="E41536" s="15">
        <v>45667</v>
      </c>
      <c r="F41536" s="14" t="s">
        <v>61</v>
      </c>
      <c r="G41536" s="16">
        <v>2.4332214132685608</v>
      </c>
    </row>
    <row r="41537" spans="1:7" x14ac:dyDescent="0.3">
      <c r="A41537" s="13" t="s">
        <v>245</v>
      </c>
      <c r="B41537" s="14" t="s">
        <v>1</v>
      </c>
      <c r="C41537" s="14" t="s">
        <v>70</v>
      </c>
      <c r="D41537" s="14" t="s">
        <v>246</v>
      </c>
      <c r="E41537" s="15">
        <v>45668</v>
      </c>
      <c r="F41537" s="14" t="s">
        <v>61</v>
      </c>
      <c r="G41537" s="16">
        <v>2.4332214132685608</v>
      </c>
    </row>
    <row r="41538" spans="1:7" x14ac:dyDescent="0.3">
      <c r="A41538" s="13" t="s">
        <v>245</v>
      </c>
      <c r="B41538" s="14" t="s">
        <v>1</v>
      </c>
      <c r="C41538" s="14" t="s">
        <v>70</v>
      </c>
      <c r="D41538" s="14" t="s">
        <v>246</v>
      </c>
      <c r="E41538" s="15">
        <v>45669</v>
      </c>
      <c r="F41538" s="14" t="s">
        <v>61</v>
      </c>
      <c r="G41538" s="16">
        <v>2.4332214132685608</v>
      </c>
    </row>
    <row r="41539" spans="1:7" x14ac:dyDescent="0.3">
      <c r="A41539" s="13" t="s">
        <v>245</v>
      </c>
      <c r="B41539" s="14" t="s">
        <v>1</v>
      </c>
      <c r="C41539" s="14" t="s">
        <v>70</v>
      </c>
      <c r="D41539" s="14" t="s">
        <v>246</v>
      </c>
      <c r="E41539" s="15">
        <v>45670</v>
      </c>
      <c r="F41539" s="14" t="s">
        <v>61</v>
      </c>
      <c r="G41539" s="16">
        <v>2.4522600631071896</v>
      </c>
    </row>
    <row r="41540" spans="1:7" x14ac:dyDescent="0.3">
      <c r="A41540" s="13" t="s">
        <v>245</v>
      </c>
      <c r="B41540" s="14" t="s">
        <v>1</v>
      </c>
      <c r="C41540" s="14" t="s">
        <v>70</v>
      </c>
      <c r="D41540" s="14" t="s">
        <v>246</v>
      </c>
      <c r="E41540" s="15">
        <v>45671</v>
      </c>
      <c r="F41540" s="14" t="s">
        <v>61</v>
      </c>
      <c r="G41540" s="16">
        <v>2.4482719083031701</v>
      </c>
    </row>
    <row r="41541" spans="1:7" x14ac:dyDescent="0.3">
      <c r="A41541" s="13" t="s">
        <v>245</v>
      </c>
      <c r="B41541" s="14" t="s">
        <v>1</v>
      </c>
      <c r="C41541" s="14" t="s">
        <v>70</v>
      </c>
      <c r="D41541" s="14" t="s">
        <v>246</v>
      </c>
      <c r="E41541" s="15">
        <v>45672</v>
      </c>
      <c r="F41541" s="14" t="s">
        <v>61</v>
      </c>
      <c r="G41541" s="16">
        <v>2.4568030307359865</v>
      </c>
    </row>
    <row r="41542" spans="1:7" x14ac:dyDescent="0.3">
      <c r="A41542" s="13" t="s">
        <v>245</v>
      </c>
      <c r="B41542" s="14" t="s">
        <v>1</v>
      </c>
      <c r="C41542" s="14" t="s">
        <v>70</v>
      </c>
      <c r="D41542" s="14" t="s">
        <v>246</v>
      </c>
      <c r="E41542" s="15">
        <v>45673</v>
      </c>
      <c r="F41542" s="14" t="s">
        <v>61</v>
      </c>
      <c r="G41542" s="16">
        <v>2.4622430310789007</v>
      </c>
    </row>
    <row r="41543" spans="1:7" x14ac:dyDescent="0.3">
      <c r="A41543" s="13" t="s">
        <v>245</v>
      </c>
      <c r="B41543" s="14" t="s">
        <v>1</v>
      </c>
      <c r="C41543" s="14" t="s">
        <v>70</v>
      </c>
      <c r="D41543" s="14" t="s">
        <v>246</v>
      </c>
      <c r="E41543" s="15">
        <v>45674</v>
      </c>
      <c r="F41543" s="14" t="s">
        <v>61</v>
      </c>
      <c r="G41543" s="16">
        <v>2.4721882702881133</v>
      </c>
    </row>
    <row r="41544" spans="1:7" x14ac:dyDescent="0.3">
      <c r="A41544" s="13" t="s">
        <v>245</v>
      </c>
      <c r="B41544" s="14" t="s">
        <v>1</v>
      </c>
      <c r="C41544" s="14" t="s">
        <v>70</v>
      </c>
      <c r="D41544" s="14" t="s">
        <v>246</v>
      </c>
      <c r="E41544" s="15">
        <v>45675</v>
      </c>
      <c r="F41544" s="14" t="s">
        <v>61</v>
      </c>
      <c r="G41544" s="16">
        <v>2.4721882702881133</v>
      </c>
    </row>
    <row r="41545" spans="1:7" x14ac:dyDescent="0.3">
      <c r="A41545" s="13" t="s">
        <v>245</v>
      </c>
      <c r="B41545" s="14" t="s">
        <v>1</v>
      </c>
      <c r="C41545" s="14" t="s">
        <v>70</v>
      </c>
      <c r="D41545" s="14" t="s">
        <v>246</v>
      </c>
      <c r="E41545" s="15">
        <v>45676</v>
      </c>
      <c r="F41545" s="14" t="s">
        <v>61</v>
      </c>
      <c r="G41545" s="16">
        <v>2.4721882702881133</v>
      </c>
    </row>
    <row r="41546" spans="1:7" x14ac:dyDescent="0.3">
      <c r="A41546" s="13" t="s">
        <v>245</v>
      </c>
      <c r="B41546" s="14" t="s">
        <v>1</v>
      </c>
      <c r="C41546" s="14" t="s">
        <v>70</v>
      </c>
      <c r="D41546" s="14" t="s">
        <v>246</v>
      </c>
      <c r="E41546" s="15">
        <v>45677</v>
      </c>
      <c r="F41546" s="14" t="s">
        <v>61</v>
      </c>
      <c r="G41546" s="16">
        <v>2.4463780326124116</v>
      </c>
    </row>
    <row r="41547" spans="1:7" x14ac:dyDescent="0.3">
      <c r="A41547" s="13" t="s">
        <v>245</v>
      </c>
      <c r="B41547" s="14" t="s">
        <v>1</v>
      </c>
      <c r="C41547" s="14" t="s">
        <v>70</v>
      </c>
      <c r="D41547" s="14" t="s">
        <v>246</v>
      </c>
      <c r="E41547" s="15">
        <v>45678</v>
      </c>
      <c r="F41547" s="14" t="s">
        <v>61</v>
      </c>
      <c r="G41547" s="16">
        <v>2.4724535564533658</v>
      </c>
    </row>
    <row r="41548" spans="1:7" x14ac:dyDescent="0.3">
      <c r="A41548" s="13" t="s">
        <v>245</v>
      </c>
      <c r="B41548" s="14" t="s">
        <v>1</v>
      </c>
      <c r="C41548" s="14" t="s">
        <v>70</v>
      </c>
      <c r="D41548" s="14" t="s">
        <v>246</v>
      </c>
      <c r="E41548" s="15">
        <v>45679</v>
      </c>
      <c r="F41548" s="14" t="s">
        <v>61</v>
      </c>
      <c r="G41548" s="16">
        <v>2.4807128102068932</v>
      </c>
    </row>
    <row r="41549" spans="1:7" x14ac:dyDescent="0.3">
      <c r="A41549" s="13" t="s">
        <v>245</v>
      </c>
      <c r="B41549" s="14" t="s">
        <v>1</v>
      </c>
      <c r="C41549" s="14" t="s">
        <v>70</v>
      </c>
      <c r="D41549" s="14" t="s">
        <v>246</v>
      </c>
      <c r="E41549" s="15">
        <v>45680</v>
      </c>
      <c r="F41549" s="14" t="s">
        <v>61</v>
      </c>
      <c r="G41549" s="16">
        <v>2.4826984095047018</v>
      </c>
    </row>
    <row r="41550" spans="1:7" x14ac:dyDescent="0.3">
      <c r="A41550" s="13" t="s">
        <v>245</v>
      </c>
      <c r="B41550" s="14" t="s">
        <v>1</v>
      </c>
      <c r="C41550" s="14" t="s">
        <v>70</v>
      </c>
      <c r="D41550" s="14" t="s">
        <v>246</v>
      </c>
      <c r="E41550" s="15">
        <v>45681</v>
      </c>
      <c r="F41550" s="14" t="s">
        <v>61</v>
      </c>
      <c r="G41550" s="16">
        <v>2.4673607851199106</v>
      </c>
    </row>
    <row r="41551" spans="1:7" x14ac:dyDescent="0.3">
      <c r="A41551" s="13" t="s">
        <v>245</v>
      </c>
      <c r="B41551" s="14" t="s">
        <v>1</v>
      </c>
      <c r="C41551" s="14" t="s">
        <v>70</v>
      </c>
      <c r="D41551" s="14" t="s">
        <v>246</v>
      </c>
      <c r="E41551" s="15">
        <v>45682</v>
      </c>
      <c r="F41551" s="14" t="s">
        <v>61</v>
      </c>
      <c r="G41551" s="16">
        <v>2.4673607851199106</v>
      </c>
    </row>
    <row r="41552" spans="1:7" x14ac:dyDescent="0.3">
      <c r="A41552" s="13" t="s">
        <v>245</v>
      </c>
      <c r="B41552" s="14" t="s">
        <v>1</v>
      </c>
      <c r="C41552" s="14" t="s">
        <v>70</v>
      </c>
      <c r="D41552" s="14" t="s">
        <v>246</v>
      </c>
      <c r="E41552" s="15">
        <v>45683</v>
      </c>
      <c r="F41552" s="14" t="s">
        <v>61</v>
      </c>
      <c r="G41552" s="16">
        <v>2.4673607851199106</v>
      </c>
    </row>
    <row r="41553" spans="1:7" x14ac:dyDescent="0.3">
      <c r="A41553" s="13" t="s">
        <v>245</v>
      </c>
      <c r="B41553" s="14" t="s">
        <v>1</v>
      </c>
      <c r="C41553" s="14" t="s">
        <v>70</v>
      </c>
      <c r="D41553" s="14" t="s">
        <v>246</v>
      </c>
      <c r="E41553" s="15">
        <v>45684</v>
      </c>
      <c r="F41553" s="14" t="s">
        <v>61</v>
      </c>
      <c r="G41553" s="16">
        <v>2.4781276192973967</v>
      </c>
    </row>
    <row r="41554" spans="1:7" x14ac:dyDescent="0.3">
      <c r="A41554" s="13" t="s">
        <v>245</v>
      </c>
      <c r="B41554" s="14" t="s">
        <v>1</v>
      </c>
      <c r="C41554" s="14" t="s">
        <v>70</v>
      </c>
      <c r="D41554" s="14" t="s">
        <v>246</v>
      </c>
      <c r="E41554" s="15">
        <v>45685</v>
      </c>
      <c r="F41554" s="14" t="s">
        <v>61</v>
      </c>
      <c r="G41554" s="16">
        <v>2.5009633068769452</v>
      </c>
    </row>
    <row r="41555" spans="1:7" x14ac:dyDescent="0.3">
      <c r="A41555" s="13" t="s">
        <v>245</v>
      </c>
      <c r="B41555" s="14" t="s">
        <v>1</v>
      </c>
      <c r="C41555" s="14" t="s">
        <v>70</v>
      </c>
      <c r="D41555" s="14" t="s">
        <v>246</v>
      </c>
      <c r="E41555" s="15">
        <v>45686</v>
      </c>
      <c r="F41555" s="14" t="s">
        <v>61</v>
      </c>
      <c r="G41555" s="16">
        <v>2.5073750474782091</v>
      </c>
    </row>
    <row r="41556" spans="1:7" x14ac:dyDescent="0.3">
      <c r="A41556" s="13" t="s">
        <v>245</v>
      </c>
      <c r="B41556" s="14" t="s">
        <v>1</v>
      </c>
      <c r="C41556" s="14" t="s">
        <v>70</v>
      </c>
      <c r="D41556" s="14" t="s">
        <v>246</v>
      </c>
      <c r="E41556" s="15">
        <v>45687</v>
      </c>
      <c r="F41556" s="14" t="s">
        <v>61</v>
      </c>
      <c r="G41556" s="16">
        <v>2.519470878628586</v>
      </c>
    </row>
    <row r="41557" spans="1:7" x14ac:dyDescent="0.3">
      <c r="A41557" s="13" t="s">
        <v>245</v>
      </c>
      <c r="B41557" s="14" t="s">
        <v>1</v>
      </c>
      <c r="C41557" s="14" t="s">
        <v>70</v>
      </c>
      <c r="D41557" s="14" t="s">
        <v>246</v>
      </c>
      <c r="E41557" s="15">
        <v>45688</v>
      </c>
      <c r="F41557" s="14" t="s">
        <v>61</v>
      </c>
      <c r="G41557" s="16">
        <v>2.5295649498933228</v>
      </c>
    </row>
    <row r="41558" spans="1:7" x14ac:dyDescent="0.3">
      <c r="A41558" s="13" t="s">
        <v>245</v>
      </c>
      <c r="B41558" s="14" t="s">
        <v>1</v>
      </c>
      <c r="C41558" s="14" t="s">
        <v>70</v>
      </c>
      <c r="D41558" s="14" t="s">
        <v>246</v>
      </c>
      <c r="E41558" s="15">
        <v>45689</v>
      </c>
      <c r="F41558" s="14" t="s">
        <v>61</v>
      </c>
      <c r="G41558" s="16">
        <v>2.5295649498933228</v>
      </c>
    </row>
    <row r="41559" spans="1:7" x14ac:dyDescent="0.3">
      <c r="A41559" s="13" t="s">
        <v>245</v>
      </c>
      <c r="B41559" s="14" t="s">
        <v>1</v>
      </c>
      <c r="C41559" s="14" t="s">
        <v>70</v>
      </c>
      <c r="D41559" s="14" t="s">
        <v>246</v>
      </c>
      <c r="E41559" s="15">
        <v>45690</v>
      </c>
      <c r="F41559" s="14" t="s">
        <v>61</v>
      </c>
      <c r="G41559" s="16">
        <v>2.5295649498933228</v>
      </c>
    </row>
    <row r="41560" spans="1:7" x14ac:dyDescent="0.3">
      <c r="A41560" s="13" t="s">
        <v>245</v>
      </c>
      <c r="B41560" s="14" t="s">
        <v>1</v>
      </c>
      <c r="C41560" s="14" t="s">
        <v>70</v>
      </c>
      <c r="D41560" s="14" t="s">
        <v>246</v>
      </c>
      <c r="E41560" s="15">
        <v>45691</v>
      </c>
      <c r="F41560" s="14" t="s">
        <v>61</v>
      </c>
      <c r="G41560" s="16">
        <v>2.5295649498933228</v>
      </c>
    </row>
    <row r="41561" spans="1:7" x14ac:dyDescent="0.3">
      <c r="A41561" s="13" t="s">
        <v>245</v>
      </c>
      <c r="B41561" s="14" t="s">
        <v>1</v>
      </c>
      <c r="C41561" s="14" t="s">
        <v>70</v>
      </c>
      <c r="D41561" s="14" t="s">
        <v>246</v>
      </c>
      <c r="E41561" s="15">
        <v>45692</v>
      </c>
      <c r="F41561" s="14" t="s">
        <v>61</v>
      </c>
      <c r="G41561" s="16">
        <v>2.5313053712253928</v>
      </c>
    </row>
    <row r="41562" spans="1:7" x14ac:dyDescent="0.3">
      <c r="A41562" s="13" t="s">
        <v>245</v>
      </c>
      <c r="B41562" s="14" t="s">
        <v>1</v>
      </c>
      <c r="C41562" s="14" t="s">
        <v>70</v>
      </c>
      <c r="D41562" s="14" t="s">
        <v>246</v>
      </c>
      <c r="E41562" s="15">
        <v>45693</v>
      </c>
      <c r="F41562" s="14" t="s">
        <v>61</v>
      </c>
      <c r="G41562" s="16">
        <v>2.5360149476125562</v>
      </c>
    </row>
    <row r="41563" spans="1:7" x14ac:dyDescent="0.3">
      <c r="A41563" s="13" t="s">
        <v>245</v>
      </c>
      <c r="B41563" s="14" t="s">
        <v>1</v>
      </c>
      <c r="C41563" s="14" t="s">
        <v>70</v>
      </c>
      <c r="D41563" s="14" t="s">
        <v>246</v>
      </c>
      <c r="E41563" s="15">
        <v>45694</v>
      </c>
      <c r="F41563" s="14" t="s">
        <v>61</v>
      </c>
      <c r="G41563" s="16">
        <v>2.5439710106640274</v>
      </c>
    </row>
    <row r="41564" spans="1:7" x14ac:dyDescent="0.3">
      <c r="A41564" s="13" t="s">
        <v>245</v>
      </c>
      <c r="B41564" s="14" t="s">
        <v>1</v>
      </c>
      <c r="C41564" s="14" t="s">
        <v>70</v>
      </c>
      <c r="D41564" s="14" t="s">
        <v>246</v>
      </c>
      <c r="E41564" s="15">
        <v>45695</v>
      </c>
      <c r="F41564" s="14" t="s">
        <v>61</v>
      </c>
      <c r="G41564" s="16">
        <v>2.5639742996333608</v>
      </c>
    </row>
    <row r="41565" spans="1:7" x14ac:dyDescent="0.3">
      <c r="A41565" s="13" t="s">
        <v>245</v>
      </c>
      <c r="B41565" s="14" t="s">
        <v>1</v>
      </c>
      <c r="C41565" s="14" t="s">
        <v>70</v>
      </c>
      <c r="D41565" s="14" t="s">
        <v>246</v>
      </c>
      <c r="E41565" s="15">
        <v>45696</v>
      </c>
      <c r="F41565" s="14" t="s">
        <v>61</v>
      </c>
      <c r="G41565" s="16">
        <v>2.5639742996333608</v>
      </c>
    </row>
    <row r="41566" spans="1:7" x14ac:dyDescent="0.3">
      <c r="A41566" s="13" t="s">
        <v>245</v>
      </c>
      <c r="B41566" s="14" t="s">
        <v>1</v>
      </c>
      <c r="C41566" s="14" t="s">
        <v>70</v>
      </c>
      <c r="D41566" s="14" t="s">
        <v>246</v>
      </c>
      <c r="E41566" s="15">
        <v>45697</v>
      </c>
      <c r="F41566" s="14" t="s">
        <v>61</v>
      </c>
      <c r="G41566" s="16">
        <v>2.5639742996333608</v>
      </c>
    </row>
    <row r="41567" spans="1:7" x14ac:dyDescent="0.3">
      <c r="A41567" s="13" t="s">
        <v>245</v>
      </c>
      <c r="B41567" s="14" t="s">
        <v>1</v>
      </c>
      <c r="C41567" s="14" t="s">
        <v>70</v>
      </c>
      <c r="D41567" s="14" t="s">
        <v>246</v>
      </c>
      <c r="E41567" s="15">
        <v>45698</v>
      </c>
      <c r="F41567" s="14" t="s">
        <v>61</v>
      </c>
      <c r="G41567" s="16">
        <v>2.5724802588634632</v>
      </c>
    </row>
    <row r="41568" spans="1:7" x14ac:dyDescent="0.3">
      <c r="A41568" s="13" t="s">
        <v>245</v>
      </c>
      <c r="B41568" s="14" t="s">
        <v>1</v>
      </c>
      <c r="C41568" s="14" t="s">
        <v>70</v>
      </c>
      <c r="D41568" s="14" t="s">
        <v>246</v>
      </c>
      <c r="E41568" s="15">
        <v>45699</v>
      </c>
      <c r="F41568" s="14" t="s">
        <v>61</v>
      </c>
      <c r="G41568" s="16">
        <v>2.5710024752757854</v>
      </c>
    </row>
    <row r="41569" spans="1:7" x14ac:dyDescent="0.3">
      <c r="A41569" s="13" t="s">
        <v>245</v>
      </c>
      <c r="B41569" s="14" t="s">
        <v>1</v>
      </c>
      <c r="C41569" s="14" t="s">
        <v>70</v>
      </c>
      <c r="D41569" s="14" t="s">
        <v>246</v>
      </c>
      <c r="E41569" s="15">
        <v>45700</v>
      </c>
      <c r="F41569" s="14" t="s">
        <v>61</v>
      </c>
      <c r="G41569" s="16">
        <v>2.5696109709013495</v>
      </c>
    </row>
    <row r="41570" spans="1:7" x14ac:dyDescent="0.3">
      <c r="A41570" s="13" t="s">
        <v>245</v>
      </c>
      <c r="B41570" s="14" t="s">
        <v>1</v>
      </c>
      <c r="C41570" s="14" t="s">
        <v>70</v>
      </c>
      <c r="D41570" s="14" t="s">
        <v>246</v>
      </c>
      <c r="E41570" s="15">
        <v>45701</v>
      </c>
      <c r="F41570" s="14" t="s">
        <v>61</v>
      </c>
      <c r="G41570" s="16">
        <v>2.560132900772667</v>
      </c>
    </row>
    <row r="41571" spans="1:7" x14ac:dyDescent="0.3">
      <c r="A41571" s="13" t="s">
        <v>245</v>
      </c>
      <c r="B41571" s="14" t="s">
        <v>1</v>
      </c>
      <c r="C41571" s="14" t="s">
        <v>70</v>
      </c>
      <c r="D41571" s="14" t="s">
        <v>246</v>
      </c>
      <c r="E41571" s="15">
        <v>45702</v>
      </c>
      <c r="F41571" s="14" t="s">
        <v>61</v>
      </c>
      <c r="G41571" s="16">
        <v>2.5665007862619795</v>
      </c>
    </row>
    <row r="41572" spans="1:7" x14ac:dyDescent="0.3">
      <c r="A41572" s="13" t="s">
        <v>245</v>
      </c>
      <c r="B41572" s="14" t="s">
        <v>1</v>
      </c>
      <c r="C41572" s="14" t="s">
        <v>70</v>
      </c>
      <c r="D41572" s="14" t="s">
        <v>246</v>
      </c>
      <c r="E41572" s="15">
        <v>45703</v>
      </c>
      <c r="F41572" s="14" t="s">
        <v>61</v>
      </c>
      <c r="G41572" s="16">
        <v>2.5665007862619795</v>
      </c>
    </row>
    <row r="41573" spans="1:7" x14ac:dyDescent="0.3">
      <c r="A41573" s="13" t="s">
        <v>245</v>
      </c>
      <c r="B41573" s="14" t="s">
        <v>1</v>
      </c>
      <c r="C41573" s="14" t="s">
        <v>70</v>
      </c>
      <c r="D41573" s="14" t="s">
        <v>246</v>
      </c>
      <c r="E41573" s="15">
        <v>45704</v>
      </c>
      <c r="F41573" s="14" t="s">
        <v>61</v>
      </c>
      <c r="G41573" s="16">
        <v>2.5665007862619795</v>
      </c>
    </row>
    <row r="41574" spans="1:7" x14ac:dyDescent="0.3">
      <c r="A41574" s="13" t="s">
        <v>245</v>
      </c>
      <c r="B41574" s="14" t="s">
        <v>1</v>
      </c>
      <c r="C41574" s="14" t="s">
        <v>70</v>
      </c>
      <c r="D41574" s="14" t="s">
        <v>246</v>
      </c>
      <c r="E41574" s="15">
        <v>45705</v>
      </c>
      <c r="F41574" s="14" t="s">
        <v>61</v>
      </c>
      <c r="G41574" s="16">
        <v>2.6156936480554762</v>
      </c>
    </row>
    <row r="41575" spans="1:7" x14ac:dyDescent="0.3">
      <c r="A41575" s="13" t="s">
        <v>245</v>
      </c>
      <c r="B41575" s="14" t="s">
        <v>1</v>
      </c>
      <c r="C41575" s="14" t="s">
        <v>70</v>
      </c>
      <c r="D41575" s="14" t="s">
        <v>246</v>
      </c>
      <c r="E41575" s="15">
        <v>45706</v>
      </c>
      <c r="F41575" s="14" t="s">
        <v>61</v>
      </c>
      <c r="G41575" s="16">
        <v>2.6360290634849366</v>
      </c>
    </row>
    <row r="41576" spans="1:7" x14ac:dyDescent="0.3">
      <c r="A41576" s="13" t="s">
        <v>245</v>
      </c>
      <c r="B41576" s="14" t="s">
        <v>1</v>
      </c>
      <c r="C41576" s="14" t="s">
        <v>70</v>
      </c>
      <c r="D41576" s="14" t="s">
        <v>246</v>
      </c>
      <c r="E41576" s="15">
        <v>45707</v>
      </c>
      <c r="F41576" s="14" t="s">
        <v>61</v>
      </c>
      <c r="G41576" s="16">
        <v>2.6590014882708735</v>
      </c>
    </row>
    <row r="41577" spans="1:7" x14ac:dyDescent="0.3">
      <c r="A41577" s="13" t="s">
        <v>245</v>
      </c>
      <c r="B41577" s="14" t="s">
        <v>1</v>
      </c>
      <c r="C41577" s="14" t="s">
        <v>70</v>
      </c>
      <c r="D41577" s="14" t="s">
        <v>246</v>
      </c>
      <c r="E41577" s="15">
        <v>45708</v>
      </c>
      <c r="F41577" s="14" t="s">
        <v>61</v>
      </c>
      <c r="G41577" s="16">
        <v>2.6420863199806606</v>
      </c>
    </row>
    <row r="41578" spans="1:7" x14ac:dyDescent="0.3">
      <c r="A41578" s="13" t="s">
        <v>245</v>
      </c>
      <c r="B41578" s="14" t="s">
        <v>1</v>
      </c>
      <c r="C41578" s="14" t="s">
        <v>70</v>
      </c>
      <c r="D41578" s="14" t="s">
        <v>246</v>
      </c>
      <c r="E41578" s="15">
        <v>45709</v>
      </c>
      <c r="F41578" s="14" t="s">
        <v>61</v>
      </c>
      <c r="G41578" s="16">
        <v>2.657011266445898</v>
      </c>
    </row>
    <row r="41579" spans="1:7" x14ac:dyDescent="0.3">
      <c r="A41579" s="13" t="s">
        <v>245</v>
      </c>
      <c r="B41579" s="14" t="s">
        <v>1</v>
      </c>
      <c r="C41579" s="14" t="s">
        <v>70</v>
      </c>
      <c r="D41579" s="14" t="s">
        <v>246</v>
      </c>
      <c r="E41579" s="15">
        <v>45710</v>
      </c>
      <c r="F41579" s="14" t="s">
        <v>61</v>
      </c>
      <c r="G41579" s="16">
        <v>2.657011266445898</v>
      </c>
    </row>
    <row r="41580" spans="1:7" x14ac:dyDescent="0.3">
      <c r="A41580" s="13" t="s">
        <v>245</v>
      </c>
      <c r="B41580" s="14" t="s">
        <v>1</v>
      </c>
      <c r="C41580" s="14" t="s">
        <v>70</v>
      </c>
      <c r="D41580" s="14" t="s">
        <v>246</v>
      </c>
      <c r="E41580" s="15">
        <v>45711</v>
      </c>
      <c r="F41580" s="14" t="s">
        <v>61</v>
      </c>
      <c r="G41580" s="16">
        <v>2.657011266445898</v>
      </c>
    </row>
    <row r="41581" spans="1:7" x14ac:dyDescent="0.3">
      <c r="A41581" s="13" t="s">
        <v>245</v>
      </c>
      <c r="B41581" s="14" t="s">
        <v>1</v>
      </c>
      <c r="C41581" s="14" t="s">
        <v>70</v>
      </c>
      <c r="D41581" s="14" t="s">
        <v>246</v>
      </c>
      <c r="E41581" s="15">
        <v>45712</v>
      </c>
      <c r="F41581" s="14" t="s">
        <v>61</v>
      </c>
      <c r="G41581" s="16">
        <v>2.658367153253514</v>
      </c>
    </row>
    <row r="41582" spans="1:7" x14ac:dyDescent="0.3">
      <c r="A41582" s="13" t="s">
        <v>245</v>
      </c>
      <c r="B41582" s="14" t="s">
        <v>1</v>
      </c>
      <c r="C41582" s="14" t="s">
        <v>70</v>
      </c>
      <c r="D41582" s="14" t="s">
        <v>246</v>
      </c>
      <c r="E41582" s="15">
        <v>45713</v>
      </c>
      <c r="F41582" s="14" t="s">
        <v>61</v>
      </c>
      <c r="G41582" s="16">
        <v>2.6576335416280705</v>
      </c>
    </row>
    <row r="41583" spans="1:7" x14ac:dyDescent="0.3">
      <c r="A41583" s="13" t="s">
        <v>245</v>
      </c>
      <c r="B41583" s="14" t="s">
        <v>1</v>
      </c>
      <c r="C41583" s="14" t="s">
        <v>70</v>
      </c>
      <c r="D41583" s="14" t="s">
        <v>246</v>
      </c>
      <c r="E41583" s="15">
        <v>45714</v>
      </c>
      <c r="F41583" s="14" t="s">
        <v>61</v>
      </c>
      <c r="G41583" s="16">
        <v>2.6683870875137847</v>
      </c>
    </row>
    <row r="41584" spans="1:7" x14ac:dyDescent="0.3">
      <c r="A41584" s="13" t="s">
        <v>245</v>
      </c>
      <c r="B41584" s="14" t="s">
        <v>1</v>
      </c>
      <c r="C41584" s="14" t="s">
        <v>70</v>
      </c>
      <c r="D41584" s="14" t="s">
        <v>246</v>
      </c>
      <c r="E41584" s="15">
        <v>45715</v>
      </c>
      <c r="F41584" s="14" t="s">
        <v>61</v>
      </c>
      <c r="G41584" s="16">
        <v>2.6954254430252464</v>
      </c>
    </row>
    <row r="41585" spans="1:7" x14ac:dyDescent="0.3">
      <c r="A41585" s="13" t="s">
        <v>245</v>
      </c>
      <c r="B41585" s="14" t="s">
        <v>1</v>
      </c>
      <c r="C41585" s="14" t="s">
        <v>70</v>
      </c>
      <c r="D41585" s="14" t="s">
        <v>246</v>
      </c>
      <c r="E41585" s="15">
        <v>45716</v>
      </c>
      <c r="F41585" s="14" t="s">
        <v>61</v>
      </c>
      <c r="G41585" s="16">
        <v>2.7097176450039275</v>
      </c>
    </row>
    <row r="41586" spans="1:7" x14ac:dyDescent="0.3">
      <c r="A41586" s="13" t="s">
        <v>245</v>
      </c>
      <c r="B41586" s="14" t="s">
        <v>1</v>
      </c>
      <c r="C41586" s="14" t="s">
        <v>70</v>
      </c>
      <c r="D41586" s="14" t="s">
        <v>246</v>
      </c>
      <c r="E41586" s="15">
        <v>45717</v>
      </c>
      <c r="F41586" s="14" t="s">
        <v>61</v>
      </c>
      <c r="G41586" s="16">
        <v>2.7097176450039275</v>
      </c>
    </row>
    <row r="41587" spans="1:7" x14ac:dyDescent="0.3">
      <c r="A41587" s="13" t="s">
        <v>245</v>
      </c>
      <c r="B41587" s="14" t="s">
        <v>1</v>
      </c>
      <c r="C41587" s="14" t="s">
        <v>70</v>
      </c>
      <c r="D41587" s="14" t="s">
        <v>246</v>
      </c>
      <c r="E41587" s="15">
        <v>45718</v>
      </c>
      <c r="F41587" s="14" t="s">
        <v>61</v>
      </c>
      <c r="G41587" s="16">
        <v>2.7097176450039275</v>
      </c>
    </row>
    <row r="41588" spans="1:7" x14ac:dyDescent="0.3">
      <c r="A41588" s="13" t="s">
        <v>245</v>
      </c>
      <c r="B41588" s="14" t="s">
        <v>1</v>
      </c>
      <c r="C41588" s="14" t="s">
        <v>70</v>
      </c>
      <c r="D41588" s="14" t="s">
        <v>246</v>
      </c>
      <c r="E41588" s="15">
        <v>45719</v>
      </c>
      <c r="F41588" s="14" t="s">
        <v>61</v>
      </c>
      <c r="G41588" s="16">
        <v>2.7075442387635347</v>
      </c>
    </row>
    <row r="41589" spans="1:7" x14ac:dyDescent="0.3">
      <c r="A41589" s="13" t="s">
        <v>245</v>
      </c>
      <c r="B41589" s="14" t="s">
        <v>1</v>
      </c>
      <c r="C41589" s="14" t="s">
        <v>70</v>
      </c>
      <c r="D41589" s="14" t="s">
        <v>246</v>
      </c>
      <c r="E41589" s="15">
        <v>45720</v>
      </c>
      <c r="F41589" s="14" t="s">
        <v>61</v>
      </c>
      <c r="G41589" s="16">
        <v>2.6841009863052432</v>
      </c>
    </row>
    <row r="41590" spans="1:7" x14ac:dyDescent="0.3">
      <c r="A41590" s="13" t="s">
        <v>245</v>
      </c>
      <c r="B41590" s="14" t="s">
        <v>1</v>
      </c>
      <c r="C41590" s="14" t="s">
        <v>70</v>
      </c>
      <c r="D41590" s="14" t="s">
        <v>246</v>
      </c>
      <c r="E41590" s="15">
        <v>45721</v>
      </c>
      <c r="F41590" s="14" t="s">
        <v>61</v>
      </c>
      <c r="G41590" s="16">
        <v>2.6470253023778381</v>
      </c>
    </row>
    <row r="41591" spans="1:7" x14ac:dyDescent="0.3">
      <c r="A41591" s="13" t="s">
        <v>245</v>
      </c>
      <c r="B41591" s="14" t="s">
        <v>1</v>
      </c>
      <c r="C41591" s="14" t="s">
        <v>70</v>
      </c>
      <c r="D41591" s="14" t="s">
        <v>246</v>
      </c>
      <c r="E41591" s="15">
        <v>45722</v>
      </c>
      <c r="F41591" s="14" t="s">
        <v>61</v>
      </c>
      <c r="G41591" s="16">
        <v>2.6544452834628598</v>
      </c>
    </row>
    <row r="41592" spans="1:7" x14ac:dyDescent="0.3">
      <c r="A41592" s="13" t="s">
        <v>245</v>
      </c>
      <c r="B41592" s="14" t="s">
        <v>1</v>
      </c>
      <c r="C41592" s="14" t="s">
        <v>70</v>
      </c>
      <c r="D41592" s="14" t="s">
        <v>246</v>
      </c>
      <c r="E41592" s="15">
        <v>45723</v>
      </c>
      <c r="F41592" s="14" t="s">
        <v>61</v>
      </c>
      <c r="G41592" s="16">
        <v>2.6871422345948477</v>
      </c>
    </row>
    <row r="41593" spans="1:7" x14ac:dyDescent="0.3">
      <c r="A41593" s="13" t="s">
        <v>245</v>
      </c>
      <c r="B41593" s="14" t="s">
        <v>1</v>
      </c>
      <c r="C41593" s="14" t="s">
        <v>70</v>
      </c>
      <c r="D41593" s="14" t="s">
        <v>246</v>
      </c>
      <c r="E41593" s="15">
        <v>45724</v>
      </c>
      <c r="F41593" s="14" t="s">
        <v>61</v>
      </c>
      <c r="G41593" s="16">
        <v>2.6871422345948477</v>
      </c>
    </row>
    <row r="41594" spans="1:7" x14ac:dyDescent="0.3">
      <c r="A41594" s="13" t="s">
        <v>245</v>
      </c>
      <c r="B41594" s="14" t="s">
        <v>1</v>
      </c>
      <c r="C41594" s="14" t="s">
        <v>70</v>
      </c>
      <c r="D41594" s="14" t="s">
        <v>246</v>
      </c>
      <c r="E41594" s="15">
        <v>45725</v>
      </c>
      <c r="F41594" s="14" t="s">
        <v>61</v>
      </c>
      <c r="G41594" s="16">
        <v>2.6871422345948477</v>
      </c>
    </row>
    <row r="41595" spans="1:7" x14ac:dyDescent="0.3">
      <c r="A41595" s="13" t="s">
        <v>245</v>
      </c>
      <c r="B41595" s="14" t="s">
        <v>1</v>
      </c>
      <c r="C41595" s="14" t="s">
        <v>70</v>
      </c>
      <c r="D41595" s="14" t="s">
        <v>246</v>
      </c>
      <c r="E41595" s="15">
        <v>45726</v>
      </c>
      <c r="F41595" s="14" t="s">
        <v>61</v>
      </c>
      <c r="G41595" s="16">
        <v>2.6946995607339064</v>
      </c>
    </row>
    <row r="41596" spans="1:7" x14ac:dyDescent="0.3">
      <c r="A41596" s="13" t="s">
        <v>245</v>
      </c>
      <c r="B41596" s="14" t="s">
        <v>1</v>
      </c>
      <c r="C41596" s="14" t="s">
        <v>70</v>
      </c>
      <c r="D41596" s="14" t="s">
        <v>246</v>
      </c>
      <c r="E41596" s="15">
        <v>45727</v>
      </c>
      <c r="F41596" s="14" t="s">
        <v>61</v>
      </c>
      <c r="G41596" s="16">
        <v>2.6880149831674327</v>
      </c>
    </row>
    <row r="41597" spans="1:7" x14ac:dyDescent="0.3">
      <c r="A41597" s="13" t="s">
        <v>245</v>
      </c>
      <c r="B41597" s="14" t="s">
        <v>1</v>
      </c>
      <c r="C41597" s="14" t="s">
        <v>70</v>
      </c>
      <c r="D41597" s="14" t="s">
        <v>246</v>
      </c>
      <c r="E41597" s="15">
        <v>45728</v>
      </c>
      <c r="F41597" s="14" t="s">
        <v>61</v>
      </c>
      <c r="G41597" s="16">
        <v>2.7100999589949968</v>
      </c>
    </row>
    <row r="41598" spans="1:7" x14ac:dyDescent="0.3">
      <c r="A41598" s="13" t="s">
        <v>245</v>
      </c>
      <c r="B41598" s="14" t="s">
        <v>1</v>
      </c>
      <c r="C41598" s="14" t="s">
        <v>70</v>
      </c>
      <c r="D41598" s="14" t="s">
        <v>246</v>
      </c>
      <c r="E41598" s="15">
        <v>45729</v>
      </c>
      <c r="F41598" s="14" t="s">
        <v>61</v>
      </c>
      <c r="G41598" s="16">
        <v>2.7227452471625133</v>
      </c>
    </row>
    <row r="41599" spans="1:7" x14ac:dyDescent="0.3">
      <c r="A41599" s="13" t="s">
        <v>245</v>
      </c>
      <c r="B41599" s="14" t="s">
        <v>1</v>
      </c>
      <c r="C41599" s="14" t="s">
        <v>70</v>
      </c>
      <c r="D41599" s="14" t="s">
        <v>246</v>
      </c>
      <c r="E41599" s="15">
        <v>45730</v>
      </c>
      <c r="F41599" s="14" t="s">
        <v>61</v>
      </c>
      <c r="G41599" s="16">
        <v>2.7282766860855348</v>
      </c>
    </row>
    <row r="41600" spans="1:7" x14ac:dyDescent="0.3">
      <c r="A41600" s="13" t="s">
        <v>245</v>
      </c>
      <c r="B41600" s="14" t="s">
        <v>1</v>
      </c>
      <c r="C41600" s="14" t="s">
        <v>70</v>
      </c>
      <c r="D41600" s="14" t="s">
        <v>246</v>
      </c>
      <c r="E41600" s="15">
        <v>45731</v>
      </c>
      <c r="F41600" s="14" t="s">
        <v>61</v>
      </c>
      <c r="G41600" s="16">
        <v>2.7282766860855348</v>
      </c>
    </row>
    <row r="41601" spans="1:7" x14ac:dyDescent="0.3">
      <c r="A41601" s="13" t="s">
        <v>245</v>
      </c>
      <c r="B41601" s="14" t="s">
        <v>1</v>
      </c>
      <c r="C41601" s="14" t="s">
        <v>70</v>
      </c>
      <c r="D41601" s="14" t="s">
        <v>246</v>
      </c>
      <c r="E41601" s="15">
        <v>45732</v>
      </c>
      <c r="F41601" s="14" t="s">
        <v>61</v>
      </c>
      <c r="G41601" s="16">
        <v>2.7282766860855348</v>
      </c>
    </row>
    <row r="41602" spans="1:7" x14ac:dyDescent="0.3">
      <c r="A41602" s="13" t="s">
        <v>245</v>
      </c>
      <c r="B41602" s="14" t="s">
        <v>1</v>
      </c>
      <c r="C41602" s="14" t="s">
        <v>70</v>
      </c>
      <c r="D41602" s="14" t="s">
        <v>246</v>
      </c>
      <c r="E41602" s="15">
        <v>45733</v>
      </c>
      <c r="F41602" s="14" t="s">
        <v>61</v>
      </c>
      <c r="G41602" s="16">
        <v>2.7282766860855348</v>
      </c>
    </row>
    <row r="41603" spans="1:7" x14ac:dyDescent="0.3">
      <c r="A41603" s="13" t="s">
        <v>245</v>
      </c>
      <c r="B41603" s="14" t="s">
        <v>1</v>
      </c>
      <c r="C41603" s="14" t="s">
        <v>70</v>
      </c>
      <c r="D41603" s="14" t="s">
        <v>246</v>
      </c>
      <c r="E41603" s="15">
        <v>45734</v>
      </c>
      <c r="F41603" s="14" t="s">
        <v>61</v>
      </c>
      <c r="G41603" s="16">
        <v>2.7219423024292899</v>
      </c>
    </row>
    <row r="41604" spans="1:7" x14ac:dyDescent="0.3">
      <c r="A41604" s="13" t="s">
        <v>245</v>
      </c>
      <c r="B41604" s="14" t="s">
        <v>1</v>
      </c>
      <c r="C41604" s="14" t="s">
        <v>70</v>
      </c>
      <c r="D41604" s="14" t="s">
        <v>246</v>
      </c>
      <c r="E41604" s="15">
        <v>45735</v>
      </c>
      <c r="F41604" s="14" t="s">
        <v>61</v>
      </c>
      <c r="G41604" s="16">
        <v>2.7549155795850164</v>
      </c>
    </row>
    <row r="41605" spans="1:7" x14ac:dyDescent="0.3">
      <c r="A41605" s="13" t="s">
        <v>245</v>
      </c>
      <c r="B41605" s="14" t="s">
        <v>1</v>
      </c>
      <c r="C41605" s="14" t="s">
        <v>70</v>
      </c>
      <c r="D41605" s="14" t="s">
        <v>246</v>
      </c>
      <c r="E41605" s="15">
        <v>45736</v>
      </c>
      <c r="F41605" s="14" t="s">
        <v>61</v>
      </c>
      <c r="G41605" s="16">
        <v>2.7711935383990967</v>
      </c>
    </row>
    <row r="41606" spans="1:7" x14ac:dyDescent="0.3">
      <c r="A41606" s="13" t="s">
        <v>245</v>
      </c>
      <c r="B41606" s="14" t="s">
        <v>1</v>
      </c>
      <c r="C41606" s="14" t="s">
        <v>70</v>
      </c>
      <c r="D41606" s="14" t="s">
        <v>246</v>
      </c>
      <c r="E41606" s="15">
        <v>45737</v>
      </c>
      <c r="F41606" s="14" t="s">
        <v>61</v>
      </c>
      <c r="G41606" s="16">
        <v>2.7844522474916165</v>
      </c>
    </row>
    <row r="41607" spans="1:7" x14ac:dyDescent="0.3">
      <c r="A41607" s="13" t="s">
        <v>245</v>
      </c>
      <c r="B41607" s="14" t="s">
        <v>1</v>
      </c>
      <c r="C41607" s="14" t="s">
        <v>70</v>
      </c>
      <c r="D41607" s="14" t="s">
        <v>246</v>
      </c>
      <c r="E41607" s="15">
        <v>45738</v>
      </c>
      <c r="F41607" s="14" t="s">
        <v>61</v>
      </c>
      <c r="G41607" s="16">
        <v>2.7844522474916165</v>
      </c>
    </row>
    <row r="41608" spans="1:7" x14ac:dyDescent="0.3">
      <c r="A41608" s="13" t="s">
        <v>245</v>
      </c>
      <c r="B41608" s="14" t="s">
        <v>1</v>
      </c>
      <c r="C41608" s="14" t="s">
        <v>70</v>
      </c>
      <c r="D41608" s="14" t="s">
        <v>246</v>
      </c>
      <c r="E41608" s="15">
        <v>45739</v>
      </c>
      <c r="F41608" s="14" t="s">
        <v>61</v>
      </c>
      <c r="G41608" s="16">
        <v>2.7844522474916165</v>
      </c>
    </row>
    <row r="41609" spans="1:7" x14ac:dyDescent="0.3">
      <c r="A41609" s="13" t="s">
        <v>245</v>
      </c>
      <c r="B41609" s="14" t="s">
        <v>1</v>
      </c>
      <c r="C41609" s="14" t="s">
        <v>70</v>
      </c>
      <c r="D41609" s="14" t="s">
        <v>246</v>
      </c>
      <c r="E41609" s="15">
        <v>45740</v>
      </c>
      <c r="F41609" s="14" t="s">
        <v>61</v>
      </c>
      <c r="G41609" s="16">
        <v>2.7917703594629586</v>
      </c>
    </row>
    <row r="41610" spans="1:7" x14ac:dyDescent="0.3">
      <c r="A41610" s="13" t="s">
        <v>245</v>
      </c>
      <c r="B41610" s="14" t="s">
        <v>1</v>
      </c>
      <c r="C41610" s="14" t="s">
        <v>70</v>
      </c>
      <c r="D41610" s="14" t="s">
        <v>246</v>
      </c>
      <c r="E41610" s="15">
        <v>45741</v>
      </c>
      <c r="F41610" s="14" t="s">
        <v>61</v>
      </c>
      <c r="G41610" s="16">
        <v>2.805328873078865</v>
      </c>
    </row>
    <row r="41611" spans="1:7" x14ac:dyDescent="0.3">
      <c r="A41611" s="13" t="s">
        <v>245</v>
      </c>
      <c r="B41611" s="14" t="s">
        <v>1</v>
      </c>
      <c r="C41611" s="14" t="s">
        <v>70</v>
      </c>
      <c r="D41611" s="14" t="s">
        <v>246</v>
      </c>
      <c r="E41611" s="15">
        <v>45742</v>
      </c>
      <c r="F41611" s="14" t="s">
        <v>61</v>
      </c>
      <c r="G41611" s="16">
        <v>2.8186554939596986</v>
      </c>
    </row>
    <row r="41612" spans="1:7" x14ac:dyDescent="0.3">
      <c r="A41612" s="13" t="s">
        <v>245</v>
      </c>
      <c r="B41612" s="14" t="s">
        <v>1</v>
      </c>
      <c r="C41612" s="14" t="s">
        <v>70</v>
      </c>
      <c r="D41612" s="14" t="s">
        <v>246</v>
      </c>
      <c r="E41612" s="15">
        <v>45743</v>
      </c>
      <c r="F41612" s="14" t="s">
        <v>61</v>
      </c>
      <c r="G41612" s="16">
        <v>2.8234141615637949</v>
      </c>
    </row>
    <row r="41613" spans="1:7" x14ac:dyDescent="0.3">
      <c r="A41613" s="13" t="s">
        <v>245</v>
      </c>
      <c r="B41613" s="14" t="s">
        <v>1</v>
      </c>
      <c r="C41613" s="14" t="s">
        <v>70</v>
      </c>
      <c r="D41613" s="14" t="s">
        <v>246</v>
      </c>
      <c r="E41613" s="15">
        <v>45744</v>
      </c>
      <c r="F41613" s="14" t="s">
        <v>61</v>
      </c>
      <c r="G41613" s="16">
        <v>2.9110820079814337</v>
      </c>
    </row>
    <row r="41614" spans="1:7" x14ac:dyDescent="0.3">
      <c r="A41614" s="13" t="s">
        <v>245</v>
      </c>
      <c r="B41614" s="14" t="s">
        <v>1</v>
      </c>
      <c r="C41614" s="14" t="s">
        <v>70</v>
      </c>
      <c r="D41614" s="14" t="s">
        <v>246</v>
      </c>
      <c r="E41614" s="15">
        <v>45745</v>
      </c>
      <c r="F41614" s="14" t="s">
        <v>61</v>
      </c>
      <c r="G41614" s="16">
        <v>2.9110820079814337</v>
      </c>
    </row>
    <row r="41615" spans="1:7" x14ac:dyDescent="0.3">
      <c r="A41615" s="13" t="s">
        <v>245</v>
      </c>
      <c r="B41615" s="14" t="s">
        <v>1</v>
      </c>
      <c r="C41615" s="14" t="s">
        <v>70</v>
      </c>
      <c r="D41615" s="14" t="s">
        <v>246</v>
      </c>
      <c r="E41615" s="15">
        <v>45746</v>
      </c>
      <c r="F41615" s="14" t="s">
        <v>61</v>
      </c>
      <c r="G41615" s="16">
        <v>2.9110820079814337</v>
      </c>
    </row>
    <row r="41616" spans="1:7" x14ac:dyDescent="0.3">
      <c r="A41616" s="13" t="s">
        <v>245</v>
      </c>
      <c r="B41616" s="14" t="s">
        <v>1</v>
      </c>
      <c r="C41616" s="14" t="s">
        <v>70</v>
      </c>
      <c r="D41616" s="14" t="s">
        <v>246</v>
      </c>
      <c r="E41616" s="15">
        <v>45747</v>
      </c>
      <c r="F41616" s="14" t="s">
        <v>61</v>
      </c>
      <c r="G41616" s="16">
        <v>2.9621426665721207</v>
      </c>
    </row>
    <row r="41617" spans="1:7" x14ac:dyDescent="0.3">
      <c r="A41617" s="13" t="s">
        <v>247</v>
      </c>
      <c r="B41617" s="14" t="s">
        <v>1</v>
      </c>
      <c r="C41617" s="14" t="s">
        <v>41</v>
      </c>
      <c r="D41617" s="14" t="s">
        <v>14</v>
      </c>
      <c r="E41617" s="15">
        <v>45383</v>
      </c>
      <c r="F41617" s="14" t="s">
        <v>15</v>
      </c>
      <c r="G41617" s="16">
        <v>0</v>
      </c>
    </row>
    <row r="41618" spans="1:7" x14ac:dyDescent="0.3">
      <c r="A41618" s="13" t="s">
        <v>247</v>
      </c>
      <c r="B41618" s="14" t="s">
        <v>1</v>
      </c>
      <c r="C41618" s="14" t="s">
        <v>41</v>
      </c>
      <c r="D41618" s="14" t="s">
        <v>14</v>
      </c>
      <c r="E41618" s="15">
        <v>45384</v>
      </c>
      <c r="F41618" s="14" t="s">
        <v>15</v>
      </c>
      <c r="G41618" s="16">
        <v>0</v>
      </c>
    </row>
    <row r="41619" spans="1:7" x14ac:dyDescent="0.3">
      <c r="A41619" s="13" t="s">
        <v>247</v>
      </c>
      <c r="B41619" s="14" t="s">
        <v>1</v>
      </c>
      <c r="C41619" s="14" t="s">
        <v>41</v>
      </c>
      <c r="D41619" s="14" t="s">
        <v>14</v>
      </c>
      <c r="E41619" s="15">
        <v>45385</v>
      </c>
      <c r="F41619" s="14" t="s">
        <v>15</v>
      </c>
      <c r="G41619" s="16">
        <v>0</v>
      </c>
    </row>
    <row r="41620" spans="1:7" x14ac:dyDescent="0.3">
      <c r="A41620" s="13" t="s">
        <v>247</v>
      </c>
      <c r="B41620" s="14" t="s">
        <v>1</v>
      </c>
      <c r="C41620" s="14" t="s">
        <v>41</v>
      </c>
      <c r="D41620" s="14" t="s">
        <v>14</v>
      </c>
      <c r="E41620" s="15">
        <v>45386</v>
      </c>
      <c r="F41620" s="14" t="s">
        <v>15</v>
      </c>
      <c r="G41620" s="16">
        <v>0</v>
      </c>
    </row>
    <row r="41621" spans="1:7" x14ac:dyDescent="0.3">
      <c r="A41621" s="13" t="s">
        <v>247</v>
      </c>
      <c r="B41621" s="14" t="s">
        <v>1</v>
      </c>
      <c r="C41621" s="14" t="s">
        <v>41</v>
      </c>
      <c r="D41621" s="14" t="s">
        <v>14</v>
      </c>
      <c r="E41621" s="15">
        <v>45387</v>
      </c>
      <c r="F41621" s="14" t="s">
        <v>15</v>
      </c>
      <c r="G41621" s="16">
        <v>0</v>
      </c>
    </row>
    <row r="41622" spans="1:7" x14ac:dyDescent="0.3">
      <c r="A41622" s="13" t="s">
        <v>247</v>
      </c>
      <c r="B41622" s="14" t="s">
        <v>1</v>
      </c>
      <c r="C41622" s="14" t="s">
        <v>41</v>
      </c>
      <c r="D41622" s="14" t="s">
        <v>14</v>
      </c>
      <c r="E41622" s="15">
        <v>45388</v>
      </c>
      <c r="F41622" s="14" t="s">
        <v>15</v>
      </c>
      <c r="G41622" s="16">
        <v>0</v>
      </c>
    </row>
    <row r="41623" spans="1:7" x14ac:dyDescent="0.3">
      <c r="A41623" s="13" t="s">
        <v>247</v>
      </c>
      <c r="B41623" s="14" t="s">
        <v>1</v>
      </c>
      <c r="C41623" s="14" t="s">
        <v>41</v>
      </c>
      <c r="D41623" s="14" t="s">
        <v>14</v>
      </c>
      <c r="E41623" s="15">
        <v>45389</v>
      </c>
      <c r="F41623" s="14" t="s">
        <v>15</v>
      </c>
      <c r="G41623" s="16">
        <v>0</v>
      </c>
    </row>
    <row r="41624" spans="1:7" x14ac:dyDescent="0.3">
      <c r="A41624" s="13" t="s">
        <v>247</v>
      </c>
      <c r="B41624" s="14" t="s">
        <v>1</v>
      </c>
      <c r="C41624" s="14" t="s">
        <v>41</v>
      </c>
      <c r="D41624" s="14" t="s">
        <v>14</v>
      </c>
      <c r="E41624" s="15">
        <v>45390</v>
      </c>
      <c r="F41624" s="14" t="s">
        <v>15</v>
      </c>
      <c r="G41624" s="16">
        <v>0</v>
      </c>
    </row>
    <row r="41625" spans="1:7" x14ac:dyDescent="0.3">
      <c r="A41625" s="13" t="s">
        <v>247</v>
      </c>
      <c r="B41625" s="14" t="s">
        <v>1</v>
      </c>
      <c r="C41625" s="14" t="s">
        <v>41</v>
      </c>
      <c r="D41625" s="14" t="s">
        <v>14</v>
      </c>
      <c r="E41625" s="15">
        <v>45391</v>
      </c>
      <c r="F41625" s="14" t="s">
        <v>15</v>
      </c>
      <c r="G41625" s="16">
        <v>0</v>
      </c>
    </row>
    <row r="41626" spans="1:7" x14ac:dyDescent="0.3">
      <c r="A41626" s="13" t="s">
        <v>247</v>
      </c>
      <c r="B41626" s="14" t="s">
        <v>1</v>
      </c>
      <c r="C41626" s="14" t="s">
        <v>41</v>
      </c>
      <c r="D41626" s="14" t="s">
        <v>14</v>
      </c>
      <c r="E41626" s="15">
        <v>45392</v>
      </c>
      <c r="F41626" s="14" t="s">
        <v>15</v>
      </c>
      <c r="G41626" s="16">
        <v>0</v>
      </c>
    </row>
    <row r="41627" spans="1:7" x14ac:dyDescent="0.3">
      <c r="A41627" s="13" t="s">
        <v>247</v>
      </c>
      <c r="B41627" s="14" t="s">
        <v>1</v>
      </c>
      <c r="C41627" s="14" t="s">
        <v>41</v>
      </c>
      <c r="D41627" s="14" t="s">
        <v>14</v>
      </c>
      <c r="E41627" s="15">
        <v>45393</v>
      </c>
      <c r="F41627" s="14" t="s">
        <v>15</v>
      </c>
      <c r="G41627" s="16">
        <v>0</v>
      </c>
    </row>
    <row r="41628" spans="1:7" x14ac:dyDescent="0.3">
      <c r="A41628" s="13" t="s">
        <v>247</v>
      </c>
      <c r="B41628" s="14" t="s">
        <v>1</v>
      </c>
      <c r="C41628" s="14" t="s">
        <v>41</v>
      </c>
      <c r="D41628" s="14" t="s">
        <v>14</v>
      </c>
      <c r="E41628" s="15">
        <v>45394</v>
      </c>
      <c r="F41628" s="14" t="s">
        <v>15</v>
      </c>
      <c r="G41628" s="16">
        <v>0</v>
      </c>
    </row>
    <row r="41629" spans="1:7" x14ac:dyDescent="0.3">
      <c r="A41629" s="13" t="s">
        <v>247</v>
      </c>
      <c r="B41629" s="14" t="s">
        <v>1</v>
      </c>
      <c r="C41629" s="14" t="s">
        <v>41</v>
      </c>
      <c r="D41629" s="14" t="s">
        <v>14</v>
      </c>
      <c r="E41629" s="15">
        <v>45395</v>
      </c>
      <c r="F41629" s="14" t="s">
        <v>15</v>
      </c>
      <c r="G41629" s="16">
        <v>0</v>
      </c>
    </row>
    <row r="41630" spans="1:7" x14ac:dyDescent="0.3">
      <c r="A41630" s="13" t="s">
        <v>247</v>
      </c>
      <c r="B41630" s="14" t="s">
        <v>1</v>
      </c>
      <c r="C41630" s="14" t="s">
        <v>41</v>
      </c>
      <c r="D41630" s="14" t="s">
        <v>14</v>
      </c>
      <c r="E41630" s="15">
        <v>45396</v>
      </c>
      <c r="F41630" s="14" t="s">
        <v>15</v>
      </c>
      <c r="G41630" s="16">
        <v>0</v>
      </c>
    </row>
    <row r="41631" spans="1:7" x14ac:dyDescent="0.3">
      <c r="A41631" s="13" t="s">
        <v>247</v>
      </c>
      <c r="B41631" s="14" t="s">
        <v>1</v>
      </c>
      <c r="C41631" s="14" t="s">
        <v>41</v>
      </c>
      <c r="D41631" s="14" t="s">
        <v>14</v>
      </c>
      <c r="E41631" s="15">
        <v>45397</v>
      </c>
      <c r="F41631" s="14" t="s">
        <v>15</v>
      </c>
      <c r="G41631" s="16">
        <v>0</v>
      </c>
    </row>
    <row r="41632" spans="1:7" x14ac:dyDescent="0.3">
      <c r="A41632" s="13" t="s">
        <v>247</v>
      </c>
      <c r="B41632" s="14" t="s">
        <v>1</v>
      </c>
      <c r="C41632" s="14" t="s">
        <v>41</v>
      </c>
      <c r="D41632" s="14" t="s">
        <v>14</v>
      </c>
      <c r="E41632" s="15">
        <v>45398</v>
      </c>
      <c r="F41632" s="14" t="s">
        <v>15</v>
      </c>
      <c r="G41632" s="16">
        <v>0</v>
      </c>
    </row>
    <row r="41633" spans="1:7" x14ac:dyDescent="0.3">
      <c r="A41633" s="13" t="s">
        <v>247</v>
      </c>
      <c r="B41633" s="14" t="s">
        <v>1</v>
      </c>
      <c r="C41633" s="14" t="s">
        <v>41</v>
      </c>
      <c r="D41633" s="14" t="s">
        <v>14</v>
      </c>
      <c r="E41633" s="15">
        <v>45399</v>
      </c>
      <c r="F41633" s="14" t="s">
        <v>15</v>
      </c>
      <c r="G41633" s="16">
        <v>0</v>
      </c>
    </row>
    <row r="41634" spans="1:7" x14ac:dyDescent="0.3">
      <c r="A41634" s="13" t="s">
        <v>247</v>
      </c>
      <c r="B41634" s="14" t="s">
        <v>1</v>
      </c>
      <c r="C41634" s="14" t="s">
        <v>41</v>
      </c>
      <c r="D41634" s="14" t="s">
        <v>14</v>
      </c>
      <c r="E41634" s="15">
        <v>45400</v>
      </c>
      <c r="F41634" s="14" t="s">
        <v>15</v>
      </c>
      <c r="G41634" s="16">
        <v>0</v>
      </c>
    </row>
    <row r="41635" spans="1:7" x14ac:dyDescent="0.3">
      <c r="A41635" s="13" t="s">
        <v>247</v>
      </c>
      <c r="B41635" s="14" t="s">
        <v>1</v>
      </c>
      <c r="C41635" s="14" t="s">
        <v>41</v>
      </c>
      <c r="D41635" s="14" t="s">
        <v>14</v>
      </c>
      <c r="E41635" s="15">
        <v>45401</v>
      </c>
      <c r="F41635" s="14" t="s">
        <v>15</v>
      </c>
      <c r="G41635" s="16">
        <v>0</v>
      </c>
    </row>
    <row r="41636" spans="1:7" x14ac:dyDescent="0.3">
      <c r="A41636" s="13" t="s">
        <v>247</v>
      </c>
      <c r="B41636" s="14" t="s">
        <v>1</v>
      </c>
      <c r="C41636" s="14" t="s">
        <v>41</v>
      </c>
      <c r="D41636" s="14" t="s">
        <v>14</v>
      </c>
      <c r="E41636" s="15">
        <v>45402</v>
      </c>
      <c r="F41636" s="14" t="s">
        <v>15</v>
      </c>
      <c r="G41636" s="16">
        <v>0</v>
      </c>
    </row>
    <row r="41637" spans="1:7" x14ac:dyDescent="0.3">
      <c r="A41637" s="13" t="s">
        <v>247</v>
      </c>
      <c r="B41637" s="14" t="s">
        <v>1</v>
      </c>
      <c r="C41637" s="14" t="s">
        <v>41</v>
      </c>
      <c r="D41637" s="14" t="s">
        <v>14</v>
      </c>
      <c r="E41637" s="15">
        <v>45403</v>
      </c>
      <c r="F41637" s="14" t="s">
        <v>15</v>
      </c>
      <c r="G41637" s="16">
        <v>0</v>
      </c>
    </row>
    <row r="41638" spans="1:7" x14ac:dyDescent="0.3">
      <c r="A41638" s="13" t="s">
        <v>247</v>
      </c>
      <c r="B41638" s="14" t="s">
        <v>1</v>
      </c>
      <c r="C41638" s="14" t="s">
        <v>41</v>
      </c>
      <c r="D41638" s="14" t="s">
        <v>14</v>
      </c>
      <c r="E41638" s="15">
        <v>45404</v>
      </c>
      <c r="F41638" s="14" t="s">
        <v>15</v>
      </c>
      <c r="G41638" s="16">
        <v>0</v>
      </c>
    </row>
    <row r="41639" spans="1:7" x14ac:dyDescent="0.3">
      <c r="A41639" s="13" t="s">
        <v>247</v>
      </c>
      <c r="B41639" s="14" t="s">
        <v>1</v>
      </c>
      <c r="C41639" s="14" t="s">
        <v>41</v>
      </c>
      <c r="D41639" s="14" t="s">
        <v>14</v>
      </c>
      <c r="E41639" s="15">
        <v>45405</v>
      </c>
      <c r="F41639" s="14" t="s">
        <v>15</v>
      </c>
      <c r="G41639" s="16">
        <v>0</v>
      </c>
    </row>
    <row r="41640" spans="1:7" x14ac:dyDescent="0.3">
      <c r="A41640" s="13" t="s">
        <v>247</v>
      </c>
      <c r="B41640" s="14" t="s">
        <v>1</v>
      </c>
      <c r="C41640" s="14" t="s">
        <v>41</v>
      </c>
      <c r="D41640" s="14" t="s">
        <v>14</v>
      </c>
      <c r="E41640" s="15">
        <v>45406</v>
      </c>
      <c r="F41640" s="14" t="s">
        <v>15</v>
      </c>
      <c r="G41640" s="16">
        <v>0</v>
      </c>
    </row>
    <row r="41641" spans="1:7" x14ac:dyDescent="0.3">
      <c r="A41641" s="13" t="s">
        <v>247</v>
      </c>
      <c r="B41641" s="14" t="s">
        <v>1</v>
      </c>
      <c r="C41641" s="14" t="s">
        <v>41</v>
      </c>
      <c r="D41641" s="14" t="s">
        <v>14</v>
      </c>
      <c r="E41641" s="15">
        <v>45407</v>
      </c>
      <c r="F41641" s="14" t="s">
        <v>15</v>
      </c>
      <c r="G41641" s="16">
        <v>0</v>
      </c>
    </row>
    <row r="41642" spans="1:7" x14ac:dyDescent="0.3">
      <c r="A41642" s="13" t="s">
        <v>247</v>
      </c>
      <c r="B41642" s="14" t="s">
        <v>1</v>
      </c>
      <c r="C41642" s="14" t="s">
        <v>41</v>
      </c>
      <c r="D41642" s="14" t="s">
        <v>14</v>
      </c>
      <c r="E41642" s="15">
        <v>45408</v>
      </c>
      <c r="F41642" s="14" t="s">
        <v>15</v>
      </c>
      <c r="G41642" s="16">
        <v>0</v>
      </c>
    </row>
    <row r="41643" spans="1:7" x14ac:dyDescent="0.3">
      <c r="A41643" s="13" t="s">
        <v>247</v>
      </c>
      <c r="B41643" s="14" t="s">
        <v>1</v>
      </c>
      <c r="C41643" s="14" t="s">
        <v>41</v>
      </c>
      <c r="D41643" s="14" t="s">
        <v>14</v>
      </c>
      <c r="E41643" s="15">
        <v>45409</v>
      </c>
      <c r="F41643" s="14" t="s">
        <v>15</v>
      </c>
      <c r="G41643" s="16">
        <v>0</v>
      </c>
    </row>
    <row r="41644" spans="1:7" x14ac:dyDescent="0.3">
      <c r="A41644" s="13" t="s">
        <v>247</v>
      </c>
      <c r="B41644" s="14" t="s">
        <v>1</v>
      </c>
      <c r="C41644" s="14" t="s">
        <v>41</v>
      </c>
      <c r="D41644" s="14" t="s">
        <v>14</v>
      </c>
      <c r="E41644" s="15">
        <v>45410</v>
      </c>
      <c r="F41644" s="14" t="s">
        <v>15</v>
      </c>
      <c r="G41644" s="16">
        <v>0</v>
      </c>
    </row>
    <row r="41645" spans="1:7" x14ac:dyDescent="0.3">
      <c r="A41645" s="13" t="s">
        <v>247</v>
      </c>
      <c r="B41645" s="14" t="s">
        <v>1</v>
      </c>
      <c r="C41645" s="14" t="s">
        <v>41</v>
      </c>
      <c r="D41645" s="14" t="s">
        <v>14</v>
      </c>
      <c r="E41645" s="15">
        <v>45411</v>
      </c>
      <c r="F41645" s="14" t="s">
        <v>15</v>
      </c>
      <c r="G41645" s="16">
        <v>0</v>
      </c>
    </row>
    <row r="41646" spans="1:7" x14ac:dyDescent="0.3">
      <c r="A41646" s="13" t="s">
        <v>247</v>
      </c>
      <c r="B41646" s="14" t="s">
        <v>1</v>
      </c>
      <c r="C41646" s="14" t="s">
        <v>41</v>
      </c>
      <c r="D41646" s="14" t="s">
        <v>14</v>
      </c>
      <c r="E41646" s="15">
        <v>45412</v>
      </c>
      <c r="F41646" s="14" t="s">
        <v>15</v>
      </c>
      <c r="G41646" s="16">
        <v>0</v>
      </c>
    </row>
    <row r="41647" spans="1:7" x14ac:dyDescent="0.3">
      <c r="A41647" s="13" t="s">
        <v>247</v>
      </c>
      <c r="B41647" s="14" t="s">
        <v>1</v>
      </c>
      <c r="C41647" s="14" t="s">
        <v>41</v>
      </c>
      <c r="D41647" s="14" t="s">
        <v>14</v>
      </c>
      <c r="E41647" s="15">
        <v>45413</v>
      </c>
      <c r="F41647" s="14" t="s">
        <v>15</v>
      </c>
      <c r="G41647" s="16">
        <v>0</v>
      </c>
    </row>
    <row r="41648" spans="1:7" x14ac:dyDescent="0.3">
      <c r="A41648" s="13" t="s">
        <v>247</v>
      </c>
      <c r="B41648" s="14" t="s">
        <v>1</v>
      </c>
      <c r="C41648" s="14" t="s">
        <v>41</v>
      </c>
      <c r="D41648" s="14" t="s">
        <v>14</v>
      </c>
      <c r="E41648" s="15">
        <v>45414</v>
      </c>
      <c r="F41648" s="14" t="s">
        <v>15</v>
      </c>
      <c r="G41648" s="16">
        <v>0</v>
      </c>
    </row>
    <row r="41649" spans="1:7" x14ac:dyDescent="0.3">
      <c r="A41649" s="13" t="s">
        <v>247</v>
      </c>
      <c r="B41649" s="14" t="s">
        <v>1</v>
      </c>
      <c r="C41649" s="14" t="s">
        <v>41</v>
      </c>
      <c r="D41649" s="14" t="s">
        <v>14</v>
      </c>
      <c r="E41649" s="15">
        <v>45415</v>
      </c>
      <c r="F41649" s="14" t="s">
        <v>15</v>
      </c>
      <c r="G41649" s="16">
        <v>0</v>
      </c>
    </row>
    <row r="41650" spans="1:7" x14ac:dyDescent="0.3">
      <c r="A41650" s="13" t="s">
        <v>247</v>
      </c>
      <c r="B41650" s="14" t="s">
        <v>1</v>
      </c>
      <c r="C41650" s="14" t="s">
        <v>41</v>
      </c>
      <c r="D41650" s="14" t="s">
        <v>14</v>
      </c>
      <c r="E41650" s="15">
        <v>45416</v>
      </c>
      <c r="F41650" s="14" t="s">
        <v>15</v>
      </c>
      <c r="G41650" s="16">
        <v>0</v>
      </c>
    </row>
    <row r="41651" spans="1:7" x14ac:dyDescent="0.3">
      <c r="A41651" s="13" t="s">
        <v>247</v>
      </c>
      <c r="B41651" s="14" t="s">
        <v>1</v>
      </c>
      <c r="C41651" s="14" t="s">
        <v>41</v>
      </c>
      <c r="D41651" s="14" t="s">
        <v>14</v>
      </c>
      <c r="E41651" s="15">
        <v>45417</v>
      </c>
      <c r="F41651" s="14" t="s">
        <v>15</v>
      </c>
      <c r="G41651" s="16">
        <v>0</v>
      </c>
    </row>
    <row r="41652" spans="1:7" x14ac:dyDescent="0.3">
      <c r="A41652" s="13" t="s">
        <v>247</v>
      </c>
      <c r="B41652" s="14" t="s">
        <v>1</v>
      </c>
      <c r="C41652" s="14" t="s">
        <v>41</v>
      </c>
      <c r="D41652" s="14" t="s">
        <v>14</v>
      </c>
      <c r="E41652" s="15">
        <v>45418</v>
      </c>
      <c r="F41652" s="14" t="s">
        <v>15</v>
      </c>
      <c r="G41652" s="16">
        <v>0</v>
      </c>
    </row>
    <row r="41653" spans="1:7" x14ac:dyDescent="0.3">
      <c r="A41653" s="13" t="s">
        <v>247</v>
      </c>
      <c r="B41653" s="14" t="s">
        <v>1</v>
      </c>
      <c r="C41653" s="14" t="s">
        <v>41</v>
      </c>
      <c r="D41653" s="14" t="s">
        <v>14</v>
      </c>
      <c r="E41653" s="15">
        <v>45419</v>
      </c>
      <c r="F41653" s="14" t="s">
        <v>15</v>
      </c>
      <c r="G41653" s="16">
        <v>0</v>
      </c>
    </row>
    <row r="41654" spans="1:7" x14ac:dyDescent="0.3">
      <c r="A41654" s="13" t="s">
        <v>247</v>
      </c>
      <c r="B41654" s="14" t="s">
        <v>1</v>
      </c>
      <c r="C41654" s="14" t="s">
        <v>41</v>
      </c>
      <c r="D41654" s="14" t="s">
        <v>14</v>
      </c>
      <c r="E41654" s="15">
        <v>45420</v>
      </c>
      <c r="F41654" s="14" t="s">
        <v>15</v>
      </c>
      <c r="G41654" s="16">
        <v>0</v>
      </c>
    </row>
    <row r="41655" spans="1:7" x14ac:dyDescent="0.3">
      <c r="A41655" s="13" t="s">
        <v>247</v>
      </c>
      <c r="B41655" s="14" t="s">
        <v>1</v>
      </c>
      <c r="C41655" s="14" t="s">
        <v>41</v>
      </c>
      <c r="D41655" s="14" t="s">
        <v>14</v>
      </c>
      <c r="E41655" s="15">
        <v>45421</v>
      </c>
      <c r="F41655" s="14" t="s">
        <v>15</v>
      </c>
      <c r="G41655" s="16">
        <v>0</v>
      </c>
    </row>
    <row r="41656" spans="1:7" x14ac:dyDescent="0.3">
      <c r="A41656" s="13" t="s">
        <v>247</v>
      </c>
      <c r="B41656" s="14" t="s">
        <v>1</v>
      </c>
      <c r="C41656" s="14" t="s">
        <v>41</v>
      </c>
      <c r="D41656" s="14" t="s">
        <v>14</v>
      </c>
      <c r="E41656" s="15">
        <v>45422</v>
      </c>
      <c r="F41656" s="14" t="s">
        <v>15</v>
      </c>
      <c r="G41656" s="16">
        <v>0</v>
      </c>
    </row>
    <row r="41657" spans="1:7" x14ac:dyDescent="0.3">
      <c r="A41657" s="13" t="s">
        <v>247</v>
      </c>
      <c r="B41657" s="14" t="s">
        <v>1</v>
      </c>
      <c r="C41657" s="14" t="s">
        <v>41</v>
      </c>
      <c r="D41657" s="14" t="s">
        <v>14</v>
      </c>
      <c r="E41657" s="15">
        <v>45423</v>
      </c>
      <c r="F41657" s="14" t="s">
        <v>15</v>
      </c>
      <c r="G41657" s="16">
        <v>0</v>
      </c>
    </row>
    <row r="41658" spans="1:7" x14ac:dyDescent="0.3">
      <c r="A41658" s="13" t="s">
        <v>247</v>
      </c>
      <c r="B41658" s="14" t="s">
        <v>1</v>
      </c>
      <c r="C41658" s="14" t="s">
        <v>41</v>
      </c>
      <c r="D41658" s="14" t="s">
        <v>14</v>
      </c>
      <c r="E41658" s="15">
        <v>45424</v>
      </c>
      <c r="F41658" s="14" t="s">
        <v>15</v>
      </c>
      <c r="G41658" s="16">
        <v>0</v>
      </c>
    </row>
    <row r="41659" spans="1:7" x14ac:dyDescent="0.3">
      <c r="A41659" s="13" t="s">
        <v>247</v>
      </c>
      <c r="B41659" s="14" t="s">
        <v>1</v>
      </c>
      <c r="C41659" s="14" t="s">
        <v>41</v>
      </c>
      <c r="D41659" s="14" t="s">
        <v>14</v>
      </c>
      <c r="E41659" s="15">
        <v>45425</v>
      </c>
      <c r="F41659" s="14" t="s">
        <v>15</v>
      </c>
      <c r="G41659" s="16">
        <v>0</v>
      </c>
    </row>
    <row r="41660" spans="1:7" x14ac:dyDescent="0.3">
      <c r="A41660" s="13" t="s">
        <v>247</v>
      </c>
      <c r="B41660" s="14" t="s">
        <v>1</v>
      </c>
      <c r="C41660" s="14" t="s">
        <v>41</v>
      </c>
      <c r="D41660" s="14" t="s">
        <v>14</v>
      </c>
      <c r="E41660" s="15">
        <v>45426</v>
      </c>
      <c r="F41660" s="14" t="s">
        <v>15</v>
      </c>
      <c r="G41660" s="16">
        <v>0</v>
      </c>
    </row>
    <row r="41661" spans="1:7" x14ac:dyDescent="0.3">
      <c r="A41661" s="13" t="s">
        <v>247</v>
      </c>
      <c r="B41661" s="14" t="s">
        <v>1</v>
      </c>
      <c r="C41661" s="14" t="s">
        <v>41</v>
      </c>
      <c r="D41661" s="14" t="s">
        <v>14</v>
      </c>
      <c r="E41661" s="15">
        <v>45427</v>
      </c>
      <c r="F41661" s="14" t="s">
        <v>15</v>
      </c>
      <c r="G41661" s="16">
        <v>0</v>
      </c>
    </row>
    <row r="41662" spans="1:7" x14ac:dyDescent="0.3">
      <c r="A41662" s="13" t="s">
        <v>247</v>
      </c>
      <c r="B41662" s="14" t="s">
        <v>1</v>
      </c>
      <c r="C41662" s="14" t="s">
        <v>41</v>
      </c>
      <c r="D41662" s="14" t="s">
        <v>14</v>
      </c>
      <c r="E41662" s="15">
        <v>45428</v>
      </c>
      <c r="F41662" s="14" t="s">
        <v>15</v>
      </c>
      <c r="G41662" s="16">
        <v>0</v>
      </c>
    </row>
    <row r="41663" spans="1:7" x14ac:dyDescent="0.3">
      <c r="A41663" s="13" t="s">
        <v>247</v>
      </c>
      <c r="B41663" s="14" t="s">
        <v>1</v>
      </c>
      <c r="C41663" s="14" t="s">
        <v>41</v>
      </c>
      <c r="D41663" s="14" t="s">
        <v>14</v>
      </c>
      <c r="E41663" s="15">
        <v>45429</v>
      </c>
      <c r="F41663" s="14" t="s">
        <v>15</v>
      </c>
      <c r="G41663" s="16">
        <v>0</v>
      </c>
    </row>
    <row r="41664" spans="1:7" x14ac:dyDescent="0.3">
      <c r="A41664" s="13" t="s">
        <v>247</v>
      </c>
      <c r="B41664" s="14" t="s">
        <v>1</v>
      </c>
      <c r="C41664" s="14" t="s">
        <v>41</v>
      </c>
      <c r="D41664" s="14" t="s">
        <v>14</v>
      </c>
      <c r="E41664" s="15">
        <v>45430</v>
      </c>
      <c r="F41664" s="14" t="s">
        <v>15</v>
      </c>
      <c r="G41664" s="16">
        <v>0</v>
      </c>
    </row>
    <row r="41665" spans="1:7" x14ac:dyDescent="0.3">
      <c r="A41665" s="13" t="s">
        <v>247</v>
      </c>
      <c r="B41665" s="14" t="s">
        <v>1</v>
      </c>
      <c r="C41665" s="14" t="s">
        <v>41</v>
      </c>
      <c r="D41665" s="14" t="s">
        <v>14</v>
      </c>
      <c r="E41665" s="15">
        <v>45431</v>
      </c>
      <c r="F41665" s="14" t="s">
        <v>15</v>
      </c>
      <c r="G41665" s="16">
        <v>0</v>
      </c>
    </row>
    <row r="41666" spans="1:7" x14ac:dyDescent="0.3">
      <c r="A41666" s="13" t="s">
        <v>247</v>
      </c>
      <c r="B41666" s="14" t="s">
        <v>1</v>
      </c>
      <c r="C41666" s="14" t="s">
        <v>41</v>
      </c>
      <c r="D41666" s="14" t="s">
        <v>14</v>
      </c>
      <c r="E41666" s="15">
        <v>45432</v>
      </c>
      <c r="F41666" s="14" t="s">
        <v>15</v>
      </c>
      <c r="G41666" s="16">
        <v>0</v>
      </c>
    </row>
    <row r="41667" spans="1:7" x14ac:dyDescent="0.3">
      <c r="A41667" s="13" t="s">
        <v>247</v>
      </c>
      <c r="B41667" s="14" t="s">
        <v>1</v>
      </c>
      <c r="C41667" s="14" t="s">
        <v>41</v>
      </c>
      <c r="D41667" s="14" t="s">
        <v>14</v>
      </c>
      <c r="E41667" s="15">
        <v>45433</v>
      </c>
      <c r="F41667" s="14" t="s">
        <v>15</v>
      </c>
      <c r="G41667" s="16">
        <v>0</v>
      </c>
    </row>
    <row r="41668" spans="1:7" x14ac:dyDescent="0.3">
      <c r="A41668" s="13" t="s">
        <v>247</v>
      </c>
      <c r="B41668" s="14" t="s">
        <v>1</v>
      </c>
      <c r="C41668" s="14" t="s">
        <v>41</v>
      </c>
      <c r="D41668" s="14" t="s">
        <v>14</v>
      </c>
      <c r="E41668" s="15">
        <v>45434</v>
      </c>
      <c r="F41668" s="14" t="s">
        <v>15</v>
      </c>
      <c r="G41668" s="16">
        <v>0</v>
      </c>
    </row>
    <row r="41669" spans="1:7" x14ac:dyDescent="0.3">
      <c r="A41669" s="13" t="s">
        <v>247</v>
      </c>
      <c r="B41669" s="14" t="s">
        <v>1</v>
      </c>
      <c r="C41669" s="14" t="s">
        <v>41</v>
      </c>
      <c r="D41669" s="14" t="s">
        <v>14</v>
      </c>
      <c r="E41669" s="15">
        <v>45435</v>
      </c>
      <c r="F41669" s="14" t="s">
        <v>15</v>
      </c>
      <c r="G41669" s="16">
        <v>0</v>
      </c>
    </row>
    <row r="41670" spans="1:7" x14ac:dyDescent="0.3">
      <c r="A41670" s="13" t="s">
        <v>247</v>
      </c>
      <c r="B41670" s="14" t="s">
        <v>1</v>
      </c>
      <c r="C41670" s="14" t="s">
        <v>41</v>
      </c>
      <c r="D41670" s="14" t="s">
        <v>14</v>
      </c>
      <c r="E41670" s="15">
        <v>45436</v>
      </c>
      <c r="F41670" s="14" t="s">
        <v>15</v>
      </c>
      <c r="G41670" s="16">
        <v>0</v>
      </c>
    </row>
    <row r="41671" spans="1:7" x14ac:dyDescent="0.3">
      <c r="A41671" s="13" t="s">
        <v>247</v>
      </c>
      <c r="B41671" s="14" t="s">
        <v>1</v>
      </c>
      <c r="C41671" s="14" t="s">
        <v>41</v>
      </c>
      <c r="D41671" s="14" t="s">
        <v>14</v>
      </c>
      <c r="E41671" s="15">
        <v>45437</v>
      </c>
      <c r="F41671" s="14" t="s">
        <v>15</v>
      </c>
      <c r="G41671" s="16">
        <v>0</v>
      </c>
    </row>
    <row r="41672" spans="1:7" x14ac:dyDescent="0.3">
      <c r="A41672" s="13" t="s">
        <v>247</v>
      </c>
      <c r="B41672" s="14" t="s">
        <v>1</v>
      </c>
      <c r="C41672" s="14" t="s">
        <v>41</v>
      </c>
      <c r="D41672" s="14" t="s">
        <v>14</v>
      </c>
      <c r="E41672" s="15">
        <v>45438</v>
      </c>
      <c r="F41672" s="14" t="s">
        <v>15</v>
      </c>
      <c r="G41672" s="16">
        <v>0</v>
      </c>
    </row>
    <row r="41673" spans="1:7" x14ac:dyDescent="0.3">
      <c r="A41673" s="13" t="s">
        <v>247</v>
      </c>
      <c r="B41673" s="14" t="s">
        <v>1</v>
      </c>
      <c r="C41673" s="14" t="s">
        <v>41</v>
      </c>
      <c r="D41673" s="14" t="s">
        <v>14</v>
      </c>
      <c r="E41673" s="15">
        <v>45439</v>
      </c>
      <c r="F41673" s="14" t="s">
        <v>15</v>
      </c>
      <c r="G41673" s="16">
        <v>0</v>
      </c>
    </row>
    <row r="41674" spans="1:7" x14ac:dyDescent="0.3">
      <c r="A41674" s="13" t="s">
        <v>247</v>
      </c>
      <c r="B41674" s="14" t="s">
        <v>1</v>
      </c>
      <c r="C41674" s="14" t="s">
        <v>41</v>
      </c>
      <c r="D41674" s="14" t="s">
        <v>14</v>
      </c>
      <c r="E41674" s="15">
        <v>45440</v>
      </c>
      <c r="F41674" s="14" t="s">
        <v>15</v>
      </c>
      <c r="G41674" s="16">
        <v>0</v>
      </c>
    </row>
    <row r="41675" spans="1:7" x14ac:dyDescent="0.3">
      <c r="A41675" s="13" t="s">
        <v>247</v>
      </c>
      <c r="B41675" s="14" t="s">
        <v>1</v>
      </c>
      <c r="C41675" s="14" t="s">
        <v>41</v>
      </c>
      <c r="D41675" s="14" t="s">
        <v>14</v>
      </c>
      <c r="E41675" s="15">
        <v>45441</v>
      </c>
      <c r="F41675" s="14" t="s">
        <v>15</v>
      </c>
      <c r="G41675" s="16">
        <v>0</v>
      </c>
    </row>
    <row r="41676" spans="1:7" x14ac:dyDescent="0.3">
      <c r="A41676" s="13" t="s">
        <v>247</v>
      </c>
      <c r="B41676" s="14" t="s">
        <v>1</v>
      </c>
      <c r="C41676" s="14" t="s">
        <v>41</v>
      </c>
      <c r="D41676" s="14" t="s">
        <v>14</v>
      </c>
      <c r="E41676" s="15">
        <v>45442</v>
      </c>
      <c r="F41676" s="14" t="s">
        <v>15</v>
      </c>
      <c r="G41676" s="16">
        <v>0</v>
      </c>
    </row>
    <row r="41677" spans="1:7" x14ac:dyDescent="0.3">
      <c r="A41677" s="13" t="s">
        <v>247</v>
      </c>
      <c r="B41677" s="14" t="s">
        <v>1</v>
      </c>
      <c r="C41677" s="14" t="s">
        <v>41</v>
      </c>
      <c r="D41677" s="14" t="s">
        <v>14</v>
      </c>
      <c r="E41677" s="15">
        <v>45443</v>
      </c>
      <c r="F41677" s="14" t="s">
        <v>15</v>
      </c>
      <c r="G41677" s="16">
        <v>0</v>
      </c>
    </row>
    <row r="41678" spans="1:7" x14ac:dyDescent="0.3">
      <c r="A41678" s="13" t="s">
        <v>247</v>
      </c>
      <c r="B41678" s="14" t="s">
        <v>1</v>
      </c>
      <c r="C41678" s="14" t="s">
        <v>41</v>
      </c>
      <c r="D41678" s="14" t="s">
        <v>14</v>
      </c>
      <c r="E41678" s="15">
        <v>45444</v>
      </c>
      <c r="F41678" s="14" t="s">
        <v>15</v>
      </c>
      <c r="G41678" s="16">
        <v>0</v>
      </c>
    </row>
    <row r="41679" spans="1:7" x14ac:dyDescent="0.3">
      <c r="A41679" s="13" t="s">
        <v>247</v>
      </c>
      <c r="B41679" s="14" t="s">
        <v>1</v>
      </c>
      <c r="C41679" s="14" t="s">
        <v>41</v>
      </c>
      <c r="D41679" s="14" t="s">
        <v>14</v>
      </c>
      <c r="E41679" s="15">
        <v>45445</v>
      </c>
      <c r="F41679" s="14" t="s">
        <v>15</v>
      </c>
      <c r="G41679" s="16">
        <v>0</v>
      </c>
    </row>
    <row r="41680" spans="1:7" x14ac:dyDescent="0.3">
      <c r="A41680" s="13" t="s">
        <v>247</v>
      </c>
      <c r="B41680" s="14" t="s">
        <v>1</v>
      </c>
      <c r="C41680" s="14" t="s">
        <v>41</v>
      </c>
      <c r="D41680" s="14" t="s">
        <v>14</v>
      </c>
      <c r="E41680" s="15">
        <v>45446</v>
      </c>
      <c r="F41680" s="14" t="s">
        <v>15</v>
      </c>
      <c r="G41680" s="16">
        <v>0</v>
      </c>
    </row>
    <row r="41681" spans="1:7" x14ac:dyDescent="0.3">
      <c r="A41681" s="13" t="s">
        <v>247</v>
      </c>
      <c r="B41681" s="14" t="s">
        <v>1</v>
      </c>
      <c r="C41681" s="14" t="s">
        <v>41</v>
      </c>
      <c r="D41681" s="14" t="s">
        <v>14</v>
      </c>
      <c r="E41681" s="15">
        <v>45447</v>
      </c>
      <c r="F41681" s="14" t="s">
        <v>15</v>
      </c>
      <c r="G41681" s="16">
        <v>0</v>
      </c>
    </row>
    <row r="41682" spans="1:7" x14ac:dyDescent="0.3">
      <c r="A41682" s="13" t="s">
        <v>247</v>
      </c>
      <c r="B41682" s="14" t="s">
        <v>1</v>
      </c>
      <c r="C41682" s="14" t="s">
        <v>41</v>
      </c>
      <c r="D41682" s="14" t="s">
        <v>14</v>
      </c>
      <c r="E41682" s="15">
        <v>45448</v>
      </c>
      <c r="F41682" s="14" t="s">
        <v>15</v>
      </c>
      <c r="G41682" s="16">
        <v>0</v>
      </c>
    </row>
    <row r="41683" spans="1:7" x14ac:dyDescent="0.3">
      <c r="A41683" s="13" t="s">
        <v>247</v>
      </c>
      <c r="B41683" s="14" t="s">
        <v>1</v>
      </c>
      <c r="C41683" s="14" t="s">
        <v>41</v>
      </c>
      <c r="D41683" s="14" t="s">
        <v>14</v>
      </c>
      <c r="E41683" s="15">
        <v>45449</v>
      </c>
      <c r="F41683" s="14" t="s">
        <v>15</v>
      </c>
      <c r="G41683" s="16">
        <v>0</v>
      </c>
    </row>
    <row r="41684" spans="1:7" x14ac:dyDescent="0.3">
      <c r="A41684" s="13" t="s">
        <v>247</v>
      </c>
      <c r="B41684" s="14" t="s">
        <v>1</v>
      </c>
      <c r="C41684" s="14" t="s">
        <v>41</v>
      </c>
      <c r="D41684" s="14" t="s">
        <v>14</v>
      </c>
      <c r="E41684" s="15">
        <v>45450</v>
      </c>
      <c r="F41684" s="14" t="s">
        <v>15</v>
      </c>
      <c r="G41684" s="16">
        <v>0</v>
      </c>
    </row>
    <row r="41685" spans="1:7" x14ac:dyDescent="0.3">
      <c r="A41685" s="13" t="s">
        <v>247</v>
      </c>
      <c r="B41685" s="14" t="s">
        <v>1</v>
      </c>
      <c r="C41685" s="14" t="s">
        <v>41</v>
      </c>
      <c r="D41685" s="14" t="s">
        <v>14</v>
      </c>
      <c r="E41685" s="15">
        <v>45451</v>
      </c>
      <c r="F41685" s="14" t="s">
        <v>15</v>
      </c>
      <c r="G41685" s="16">
        <v>0</v>
      </c>
    </row>
    <row r="41686" spans="1:7" x14ac:dyDescent="0.3">
      <c r="A41686" s="13" t="s">
        <v>247</v>
      </c>
      <c r="B41686" s="14" t="s">
        <v>1</v>
      </c>
      <c r="C41686" s="14" t="s">
        <v>41</v>
      </c>
      <c r="D41686" s="14" t="s">
        <v>14</v>
      </c>
      <c r="E41686" s="15">
        <v>45452</v>
      </c>
      <c r="F41686" s="14" t="s">
        <v>15</v>
      </c>
      <c r="G41686" s="16">
        <v>0</v>
      </c>
    </row>
    <row r="41687" spans="1:7" x14ac:dyDescent="0.3">
      <c r="A41687" s="13" t="s">
        <v>247</v>
      </c>
      <c r="B41687" s="14" t="s">
        <v>1</v>
      </c>
      <c r="C41687" s="14" t="s">
        <v>41</v>
      </c>
      <c r="D41687" s="14" t="s">
        <v>14</v>
      </c>
      <c r="E41687" s="15">
        <v>45453</v>
      </c>
      <c r="F41687" s="14" t="s">
        <v>15</v>
      </c>
      <c r="G41687" s="16">
        <v>0</v>
      </c>
    </row>
    <row r="41688" spans="1:7" x14ac:dyDescent="0.3">
      <c r="A41688" s="13" t="s">
        <v>247</v>
      </c>
      <c r="B41688" s="14" t="s">
        <v>1</v>
      </c>
      <c r="C41688" s="14" t="s">
        <v>41</v>
      </c>
      <c r="D41688" s="14" t="s">
        <v>14</v>
      </c>
      <c r="E41688" s="15">
        <v>45454</v>
      </c>
      <c r="F41688" s="14" t="s">
        <v>15</v>
      </c>
      <c r="G41688" s="16">
        <v>0</v>
      </c>
    </row>
    <row r="41689" spans="1:7" x14ac:dyDescent="0.3">
      <c r="A41689" s="13" t="s">
        <v>247</v>
      </c>
      <c r="B41689" s="14" t="s">
        <v>1</v>
      </c>
      <c r="C41689" s="14" t="s">
        <v>41</v>
      </c>
      <c r="D41689" s="14" t="s">
        <v>14</v>
      </c>
      <c r="E41689" s="15">
        <v>45455</v>
      </c>
      <c r="F41689" s="14" t="s">
        <v>15</v>
      </c>
      <c r="G41689" s="16">
        <v>0</v>
      </c>
    </row>
    <row r="41690" spans="1:7" x14ac:dyDescent="0.3">
      <c r="A41690" s="13" t="s">
        <v>247</v>
      </c>
      <c r="B41690" s="14" t="s">
        <v>1</v>
      </c>
      <c r="C41690" s="14" t="s">
        <v>41</v>
      </c>
      <c r="D41690" s="14" t="s">
        <v>14</v>
      </c>
      <c r="E41690" s="15">
        <v>45456</v>
      </c>
      <c r="F41690" s="14" t="s">
        <v>15</v>
      </c>
      <c r="G41690" s="16">
        <v>0</v>
      </c>
    </row>
    <row r="41691" spans="1:7" x14ac:dyDescent="0.3">
      <c r="A41691" s="13" t="s">
        <v>247</v>
      </c>
      <c r="B41691" s="14" t="s">
        <v>1</v>
      </c>
      <c r="C41691" s="14" t="s">
        <v>41</v>
      </c>
      <c r="D41691" s="14" t="s">
        <v>14</v>
      </c>
      <c r="E41691" s="15">
        <v>45457</v>
      </c>
      <c r="F41691" s="14" t="s">
        <v>15</v>
      </c>
      <c r="G41691" s="16">
        <v>0</v>
      </c>
    </row>
    <row r="41692" spans="1:7" x14ac:dyDescent="0.3">
      <c r="A41692" s="13" t="s">
        <v>247</v>
      </c>
      <c r="B41692" s="14" t="s">
        <v>1</v>
      </c>
      <c r="C41692" s="14" t="s">
        <v>41</v>
      </c>
      <c r="D41692" s="14" t="s">
        <v>14</v>
      </c>
      <c r="E41692" s="15">
        <v>45458</v>
      </c>
      <c r="F41692" s="14" t="s">
        <v>15</v>
      </c>
      <c r="G41692" s="16">
        <v>0</v>
      </c>
    </row>
    <row r="41693" spans="1:7" x14ac:dyDescent="0.3">
      <c r="A41693" s="13" t="s">
        <v>247</v>
      </c>
      <c r="B41693" s="14" t="s">
        <v>1</v>
      </c>
      <c r="C41693" s="14" t="s">
        <v>41</v>
      </c>
      <c r="D41693" s="14" t="s">
        <v>14</v>
      </c>
      <c r="E41693" s="15">
        <v>45459</v>
      </c>
      <c r="F41693" s="14" t="s">
        <v>15</v>
      </c>
      <c r="G41693" s="16">
        <v>0</v>
      </c>
    </row>
    <row r="41694" spans="1:7" x14ac:dyDescent="0.3">
      <c r="A41694" s="13" t="s">
        <v>247</v>
      </c>
      <c r="B41694" s="14" t="s">
        <v>1</v>
      </c>
      <c r="C41694" s="14" t="s">
        <v>41</v>
      </c>
      <c r="D41694" s="14" t="s">
        <v>14</v>
      </c>
      <c r="E41694" s="15">
        <v>45460</v>
      </c>
      <c r="F41694" s="14" t="s">
        <v>15</v>
      </c>
      <c r="G41694" s="16">
        <v>0</v>
      </c>
    </row>
    <row r="41695" spans="1:7" x14ac:dyDescent="0.3">
      <c r="A41695" s="13" t="s">
        <v>247</v>
      </c>
      <c r="B41695" s="14" t="s">
        <v>1</v>
      </c>
      <c r="C41695" s="14" t="s">
        <v>41</v>
      </c>
      <c r="D41695" s="14" t="s">
        <v>14</v>
      </c>
      <c r="E41695" s="15">
        <v>45461</v>
      </c>
      <c r="F41695" s="14" t="s">
        <v>15</v>
      </c>
      <c r="G41695" s="16">
        <v>0</v>
      </c>
    </row>
    <row r="41696" spans="1:7" x14ac:dyDescent="0.3">
      <c r="A41696" s="13" t="s">
        <v>247</v>
      </c>
      <c r="B41696" s="14" t="s">
        <v>1</v>
      </c>
      <c r="C41696" s="14" t="s">
        <v>41</v>
      </c>
      <c r="D41696" s="14" t="s">
        <v>14</v>
      </c>
      <c r="E41696" s="15">
        <v>45462</v>
      </c>
      <c r="F41696" s="14" t="s">
        <v>15</v>
      </c>
      <c r="G41696" s="16">
        <v>0</v>
      </c>
    </row>
    <row r="41697" spans="1:7" x14ac:dyDescent="0.3">
      <c r="A41697" s="13" t="s">
        <v>247</v>
      </c>
      <c r="B41697" s="14" t="s">
        <v>1</v>
      </c>
      <c r="C41697" s="14" t="s">
        <v>41</v>
      </c>
      <c r="D41697" s="14" t="s">
        <v>14</v>
      </c>
      <c r="E41697" s="15">
        <v>45463</v>
      </c>
      <c r="F41697" s="14" t="s">
        <v>15</v>
      </c>
      <c r="G41697" s="16">
        <v>0</v>
      </c>
    </row>
    <row r="41698" spans="1:7" x14ac:dyDescent="0.3">
      <c r="A41698" s="13" t="s">
        <v>247</v>
      </c>
      <c r="B41698" s="14" t="s">
        <v>1</v>
      </c>
      <c r="C41698" s="14" t="s">
        <v>41</v>
      </c>
      <c r="D41698" s="14" t="s">
        <v>14</v>
      </c>
      <c r="E41698" s="15">
        <v>45464</v>
      </c>
      <c r="F41698" s="14" t="s">
        <v>15</v>
      </c>
      <c r="G41698" s="16">
        <v>0</v>
      </c>
    </row>
    <row r="41699" spans="1:7" x14ac:dyDescent="0.3">
      <c r="A41699" s="13" t="s">
        <v>247</v>
      </c>
      <c r="B41699" s="14" t="s">
        <v>1</v>
      </c>
      <c r="C41699" s="14" t="s">
        <v>41</v>
      </c>
      <c r="D41699" s="14" t="s">
        <v>14</v>
      </c>
      <c r="E41699" s="15">
        <v>45465</v>
      </c>
      <c r="F41699" s="14" t="s">
        <v>15</v>
      </c>
      <c r="G41699" s="16">
        <v>0</v>
      </c>
    </row>
    <row r="41700" spans="1:7" x14ac:dyDescent="0.3">
      <c r="A41700" s="13" t="s">
        <v>247</v>
      </c>
      <c r="B41700" s="14" t="s">
        <v>1</v>
      </c>
      <c r="C41700" s="14" t="s">
        <v>41</v>
      </c>
      <c r="D41700" s="14" t="s">
        <v>14</v>
      </c>
      <c r="E41700" s="15">
        <v>45466</v>
      </c>
      <c r="F41700" s="14" t="s">
        <v>15</v>
      </c>
      <c r="G41700" s="16">
        <v>0</v>
      </c>
    </row>
    <row r="41701" spans="1:7" x14ac:dyDescent="0.3">
      <c r="A41701" s="13" t="s">
        <v>247</v>
      </c>
      <c r="B41701" s="14" t="s">
        <v>1</v>
      </c>
      <c r="C41701" s="14" t="s">
        <v>41</v>
      </c>
      <c r="D41701" s="14" t="s">
        <v>14</v>
      </c>
      <c r="E41701" s="15">
        <v>45467</v>
      </c>
      <c r="F41701" s="14" t="s">
        <v>15</v>
      </c>
      <c r="G41701" s="16">
        <v>0</v>
      </c>
    </row>
    <row r="41702" spans="1:7" x14ac:dyDescent="0.3">
      <c r="A41702" s="13" t="s">
        <v>247</v>
      </c>
      <c r="B41702" s="14" t="s">
        <v>1</v>
      </c>
      <c r="C41702" s="14" t="s">
        <v>41</v>
      </c>
      <c r="D41702" s="14" t="s">
        <v>14</v>
      </c>
      <c r="E41702" s="15">
        <v>45468</v>
      </c>
      <c r="F41702" s="14" t="s">
        <v>15</v>
      </c>
      <c r="G41702" s="16">
        <v>0</v>
      </c>
    </row>
    <row r="41703" spans="1:7" x14ac:dyDescent="0.3">
      <c r="A41703" s="13" t="s">
        <v>247</v>
      </c>
      <c r="B41703" s="14" t="s">
        <v>1</v>
      </c>
      <c r="C41703" s="14" t="s">
        <v>41</v>
      </c>
      <c r="D41703" s="14" t="s">
        <v>14</v>
      </c>
      <c r="E41703" s="15">
        <v>45469</v>
      </c>
      <c r="F41703" s="14" t="s">
        <v>15</v>
      </c>
      <c r="G41703" s="16">
        <v>0</v>
      </c>
    </row>
    <row r="41704" spans="1:7" x14ac:dyDescent="0.3">
      <c r="A41704" s="13" t="s">
        <v>247</v>
      </c>
      <c r="B41704" s="14" t="s">
        <v>1</v>
      </c>
      <c r="C41704" s="14" t="s">
        <v>41</v>
      </c>
      <c r="D41704" s="14" t="s">
        <v>14</v>
      </c>
      <c r="E41704" s="15">
        <v>45470</v>
      </c>
      <c r="F41704" s="14" t="s">
        <v>15</v>
      </c>
      <c r="G41704" s="16">
        <v>0</v>
      </c>
    </row>
    <row r="41705" spans="1:7" x14ac:dyDescent="0.3">
      <c r="A41705" s="13" t="s">
        <v>247</v>
      </c>
      <c r="B41705" s="14" t="s">
        <v>1</v>
      </c>
      <c r="C41705" s="14" t="s">
        <v>41</v>
      </c>
      <c r="D41705" s="14" t="s">
        <v>14</v>
      </c>
      <c r="E41705" s="15">
        <v>45471</v>
      </c>
      <c r="F41705" s="14" t="s">
        <v>15</v>
      </c>
      <c r="G41705" s="16">
        <v>0</v>
      </c>
    </row>
    <row r="41706" spans="1:7" x14ac:dyDescent="0.3">
      <c r="A41706" s="13" t="s">
        <v>247</v>
      </c>
      <c r="B41706" s="14" t="s">
        <v>1</v>
      </c>
      <c r="C41706" s="14" t="s">
        <v>41</v>
      </c>
      <c r="D41706" s="14" t="s">
        <v>14</v>
      </c>
      <c r="E41706" s="15">
        <v>45472</v>
      </c>
      <c r="F41706" s="14" t="s">
        <v>15</v>
      </c>
      <c r="G41706" s="16">
        <v>0</v>
      </c>
    </row>
    <row r="41707" spans="1:7" x14ac:dyDescent="0.3">
      <c r="A41707" s="13" t="s">
        <v>247</v>
      </c>
      <c r="B41707" s="14" t="s">
        <v>1</v>
      </c>
      <c r="C41707" s="14" t="s">
        <v>41</v>
      </c>
      <c r="D41707" s="14" t="s">
        <v>14</v>
      </c>
      <c r="E41707" s="15">
        <v>45473</v>
      </c>
      <c r="F41707" s="14" t="s">
        <v>15</v>
      </c>
      <c r="G41707" s="16">
        <v>0</v>
      </c>
    </row>
    <row r="41708" spans="1:7" x14ac:dyDescent="0.3">
      <c r="A41708" s="13" t="s">
        <v>247</v>
      </c>
      <c r="B41708" s="14" t="s">
        <v>1</v>
      </c>
      <c r="C41708" s="14" t="s">
        <v>41</v>
      </c>
      <c r="D41708" s="14" t="s">
        <v>14</v>
      </c>
      <c r="E41708" s="15">
        <v>45474</v>
      </c>
      <c r="F41708" s="14" t="s">
        <v>15</v>
      </c>
      <c r="G41708" s="16">
        <v>0</v>
      </c>
    </row>
    <row r="41709" spans="1:7" x14ac:dyDescent="0.3">
      <c r="A41709" s="13" t="s">
        <v>247</v>
      </c>
      <c r="B41709" s="14" t="s">
        <v>1</v>
      </c>
      <c r="C41709" s="14" t="s">
        <v>41</v>
      </c>
      <c r="D41709" s="14" t="s">
        <v>14</v>
      </c>
      <c r="E41709" s="15">
        <v>45475</v>
      </c>
      <c r="F41709" s="14" t="s">
        <v>15</v>
      </c>
      <c r="G41709" s="16">
        <v>0</v>
      </c>
    </row>
    <row r="41710" spans="1:7" x14ac:dyDescent="0.3">
      <c r="A41710" s="13" t="s">
        <v>247</v>
      </c>
      <c r="B41710" s="14" t="s">
        <v>1</v>
      </c>
      <c r="C41710" s="14" t="s">
        <v>41</v>
      </c>
      <c r="D41710" s="14" t="s">
        <v>14</v>
      </c>
      <c r="E41710" s="15">
        <v>45476</v>
      </c>
      <c r="F41710" s="14" t="s">
        <v>15</v>
      </c>
      <c r="G41710" s="16">
        <v>0</v>
      </c>
    </row>
    <row r="41711" spans="1:7" x14ac:dyDescent="0.3">
      <c r="A41711" s="13" t="s">
        <v>247</v>
      </c>
      <c r="B41711" s="14" t="s">
        <v>1</v>
      </c>
      <c r="C41711" s="14" t="s">
        <v>41</v>
      </c>
      <c r="D41711" s="14" t="s">
        <v>14</v>
      </c>
      <c r="E41711" s="15">
        <v>45477</v>
      </c>
      <c r="F41711" s="14" t="s">
        <v>15</v>
      </c>
      <c r="G41711" s="16">
        <v>0</v>
      </c>
    </row>
    <row r="41712" spans="1:7" x14ac:dyDescent="0.3">
      <c r="A41712" s="13" t="s">
        <v>247</v>
      </c>
      <c r="B41712" s="14" t="s">
        <v>1</v>
      </c>
      <c r="C41712" s="14" t="s">
        <v>41</v>
      </c>
      <c r="D41712" s="14" t="s">
        <v>14</v>
      </c>
      <c r="E41712" s="15">
        <v>45478</v>
      </c>
      <c r="F41712" s="14" t="s">
        <v>15</v>
      </c>
      <c r="G41712" s="16">
        <v>0</v>
      </c>
    </row>
    <row r="41713" spans="1:7" x14ac:dyDescent="0.3">
      <c r="A41713" s="13" t="s">
        <v>247</v>
      </c>
      <c r="B41713" s="14" t="s">
        <v>1</v>
      </c>
      <c r="C41713" s="14" t="s">
        <v>41</v>
      </c>
      <c r="D41713" s="14" t="s">
        <v>14</v>
      </c>
      <c r="E41713" s="15">
        <v>45479</v>
      </c>
      <c r="F41713" s="14" t="s">
        <v>15</v>
      </c>
      <c r="G41713" s="16">
        <v>0</v>
      </c>
    </row>
    <row r="41714" spans="1:7" x14ac:dyDescent="0.3">
      <c r="A41714" s="13" t="s">
        <v>247</v>
      </c>
      <c r="B41714" s="14" t="s">
        <v>1</v>
      </c>
      <c r="C41714" s="14" t="s">
        <v>41</v>
      </c>
      <c r="D41714" s="14" t="s">
        <v>14</v>
      </c>
      <c r="E41714" s="15">
        <v>45480</v>
      </c>
      <c r="F41714" s="14" t="s">
        <v>15</v>
      </c>
      <c r="G41714" s="16">
        <v>0</v>
      </c>
    </row>
    <row r="41715" spans="1:7" x14ac:dyDescent="0.3">
      <c r="A41715" s="13" t="s">
        <v>247</v>
      </c>
      <c r="B41715" s="14" t="s">
        <v>1</v>
      </c>
      <c r="C41715" s="14" t="s">
        <v>41</v>
      </c>
      <c r="D41715" s="14" t="s">
        <v>14</v>
      </c>
      <c r="E41715" s="15">
        <v>45481</v>
      </c>
      <c r="F41715" s="14" t="s">
        <v>15</v>
      </c>
      <c r="G41715" s="16">
        <v>0</v>
      </c>
    </row>
    <row r="41716" spans="1:7" x14ac:dyDescent="0.3">
      <c r="A41716" s="13" t="s">
        <v>247</v>
      </c>
      <c r="B41716" s="14" t="s">
        <v>1</v>
      </c>
      <c r="C41716" s="14" t="s">
        <v>41</v>
      </c>
      <c r="D41716" s="14" t="s">
        <v>14</v>
      </c>
      <c r="E41716" s="15">
        <v>45482</v>
      </c>
      <c r="F41716" s="14" t="s">
        <v>15</v>
      </c>
      <c r="G41716" s="16">
        <v>0</v>
      </c>
    </row>
    <row r="41717" spans="1:7" x14ac:dyDescent="0.3">
      <c r="A41717" s="13" t="s">
        <v>247</v>
      </c>
      <c r="B41717" s="14" t="s">
        <v>1</v>
      </c>
      <c r="C41717" s="14" t="s">
        <v>41</v>
      </c>
      <c r="D41717" s="14" t="s">
        <v>14</v>
      </c>
      <c r="E41717" s="15">
        <v>45483</v>
      </c>
      <c r="F41717" s="14" t="s">
        <v>15</v>
      </c>
      <c r="G41717" s="16">
        <v>0</v>
      </c>
    </row>
    <row r="41718" spans="1:7" x14ac:dyDescent="0.3">
      <c r="A41718" s="13" t="s">
        <v>247</v>
      </c>
      <c r="B41718" s="14" t="s">
        <v>1</v>
      </c>
      <c r="C41718" s="14" t="s">
        <v>41</v>
      </c>
      <c r="D41718" s="14" t="s">
        <v>14</v>
      </c>
      <c r="E41718" s="15">
        <v>45484</v>
      </c>
      <c r="F41718" s="14" t="s">
        <v>15</v>
      </c>
      <c r="G41718" s="16">
        <v>0</v>
      </c>
    </row>
    <row r="41719" spans="1:7" x14ac:dyDescent="0.3">
      <c r="A41719" s="13" t="s">
        <v>247</v>
      </c>
      <c r="B41719" s="14" t="s">
        <v>1</v>
      </c>
      <c r="C41719" s="14" t="s">
        <v>41</v>
      </c>
      <c r="D41719" s="14" t="s">
        <v>14</v>
      </c>
      <c r="E41719" s="15">
        <v>45485</v>
      </c>
      <c r="F41719" s="14" t="s">
        <v>15</v>
      </c>
      <c r="G41719" s="16">
        <v>0</v>
      </c>
    </row>
    <row r="41720" spans="1:7" x14ac:dyDescent="0.3">
      <c r="A41720" s="13" t="s">
        <v>247</v>
      </c>
      <c r="B41720" s="14" t="s">
        <v>1</v>
      </c>
      <c r="C41720" s="14" t="s">
        <v>41</v>
      </c>
      <c r="D41720" s="14" t="s">
        <v>14</v>
      </c>
      <c r="E41720" s="15">
        <v>45486</v>
      </c>
      <c r="F41720" s="14" t="s">
        <v>15</v>
      </c>
      <c r="G41720" s="16">
        <v>0</v>
      </c>
    </row>
    <row r="41721" spans="1:7" x14ac:dyDescent="0.3">
      <c r="A41721" s="13" t="s">
        <v>247</v>
      </c>
      <c r="B41721" s="14" t="s">
        <v>1</v>
      </c>
      <c r="C41721" s="14" t="s">
        <v>41</v>
      </c>
      <c r="D41721" s="14" t="s">
        <v>14</v>
      </c>
      <c r="E41721" s="15">
        <v>45487</v>
      </c>
      <c r="F41721" s="14" t="s">
        <v>15</v>
      </c>
      <c r="G41721" s="16">
        <v>0</v>
      </c>
    </row>
    <row r="41722" spans="1:7" x14ac:dyDescent="0.3">
      <c r="A41722" s="13" t="s">
        <v>247</v>
      </c>
      <c r="B41722" s="14" t="s">
        <v>1</v>
      </c>
      <c r="C41722" s="14" t="s">
        <v>41</v>
      </c>
      <c r="D41722" s="14" t="s">
        <v>14</v>
      </c>
      <c r="E41722" s="15">
        <v>45488</v>
      </c>
      <c r="F41722" s="14" t="s">
        <v>15</v>
      </c>
      <c r="G41722" s="16">
        <v>0</v>
      </c>
    </row>
    <row r="41723" spans="1:7" x14ac:dyDescent="0.3">
      <c r="A41723" s="13" t="s">
        <v>247</v>
      </c>
      <c r="B41723" s="14" t="s">
        <v>1</v>
      </c>
      <c r="C41723" s="14" t="s">
        <v>41</v>
      </c>
      <c r="D41723" s="14" t="s">
        <v>14</v>
      </c>
      <c r="E41723" s="15">
        <v>45489</v>
      </c>
      <c r="F41723" s="14" t="s">
        <v>15</v>
      </c>
      <c r="G41723" s="16">
        <v>0</v>
      </c>
    </row>
    <row r="41724" spans="1:7" x14ac:dyDescent="0.3">
      <c r="A41724" s="13" t="s">
        <v>247</v>
      </c>
      <c r="B41724" s="14" t="s">
        <v>1</v>
      </c>
      <c r="C41724" s="14" t="s">
        <v>41</v>
      </c>
      <c r="D41724" s="14" t="s">
        <v>14</v>
      </c>
      <c r="E41724" s="15">
        <v>45490</v>
      </c>
      <c r="F41724" s="14" t="s">
        <v>15</v>
      </c>
      <c r="G41724" s="16">
        <v>0</v>
      </c>
    </row>
    <row r="41725" spans="1:7" x14ac:dyDescent="0.3">
      <c r="A41725" s="13" t="s">
        <v>247</v>
      </c>
      <c r="B41725" s="14" t="s">
        <v>1</v>
      </c>
      <c r="C41725" s="14" t="s">
        <v>41</v>
      </c>
      <c r="D41725" s="14" t="s">
        <v>14</v>
      </c>
      <c r="E41725" s="15">
        <v>45491</v>
      </c>
      <c r="F41725" s="14" t="s">
        <v>15</v>
      </c>
      <c r="G41725" s="16">
        <v>0</v>
      </c>
    </row>
    <row r="41726" spans="1:7" x14ac:dyDescent="0.3">
      <c r="A41726" s="13" t="s">
        <v>247</v>
      </c>
      <c r="B41726" s="14" t="s">
        <v>1</v>
      </c>
      <c r="C41726" s="14" t="s">
        <v>41</v>
      </c>
      <c r="D41726" s="14" t="s">
        <v>14</v>
      </c>
      <c r="E41726" s="15">
        <v>45492</v>
      </c>
      <c r="F41726" s="14" t="s">
        <v>15</v>
      </c>
      <c r="G41726" s="16">
        <v>0</v>
      </c>
    </row>
    <row r="41727" spans="1:7" x14ac:dyDescent="0.3">
      <c r="A41727" s="13" t="s">
        <v>247</v>
      </c>
      <c r="B41727" s="14" t="s">
        <v>1</v>
      </c>
      <c r="C41727" s="14" t="s">
        <v>41</v>
      </c>
      <c r="D41727" s="14" t="s">
        <v>14</v>
      </c>
      <c r="E41727" s="15">
        <v>45493</v>
      </c>
      <c r="F41727" s="14" t="s">
        <v>15</v>
      </c>
      <c r="G41727" s="16">
        <v>0</v>
      </c>
    </row>
    <row r="41728" spans="1:7" x14ac:dyDescent="0.3">
      <c r="A41728" s="13" t="s">
        <v>247</v>
      </c>
      <c r="B41728" s="14" t="s">
        <v>1</v>
      </c>
      <c r="C41728" s="14" t="s">
        <v>41</v>
      </c>
      <c r="D41728" s="14" t="s">
        <v>14</v>
      </c>
      <c r="E41728" s="15">
        <v>45494</v>
      </c>
      <c r="F41728" s="14" t="s">
        <v>15</v>
      </c>
      <c r="G41728" s="16">
        <v>0</v>
      </c>
    </row>
    <row r="41729" spans="1:7" x14ac:dyDescent="0.3">
      <c r="A41729" s="13" t="s">
        <v>247</v>
      </c>
      <c r="B41729" s="14" t="s">
        <v>1</v>
      </c>
      <c r="C41729" s="14" t="s">
        <v>41</v>
      </c>
      <c r="D41729" s="14" t="s">
        <v>14</v>
      </c>
      <c r="E41729" s="15">
        <v>45495</v>
      </c>
      <c r="F41729" s="14" t="s">
        <v>15</v>
      </c>
      <c r="G41729" s="16">
        <v>0</v>
      </c>
    </row>
    <row r="41730" spans="1:7" x14ac:dyDescent="0.3">
      <c r="A41730" s="13" t="s">
        <v>247</v>
      </c>
      <c r="B41730" s="14" t="s">
        <v>1</v>
      </c>
      <c r="C41730" s="14" t="s">
        <v>41</v>
      </c>
      <c r="D41730" s="14" t="s">
        <v>14</v>
      </c>
      <c r="E41730" s="15">
        <v>45496</v>
      </c>
      <c r="F41730" s="14" t="s">
        <v>15</v>
      </c>
      <c r="G41730" s="16">
        <v>0</v>
      </c>
    </row>
    <row r="41731" spans="1:7" x14ac:dyDescent="0.3">
      <c r="A41731" s="13" t="s">
        <v>247</v>
      </c>
      <c r="B41731" s="14" t="s">
        <v>1</v>
      </c>
      <c r="C41731" s="14" t="s">
        <v>41</v>
      </c>
      <c r="D41731" s="14" t="s">
        <v>14</v>
      </c>
      <c r="E41731" s="15">
        <v>45497</v>
      </c>
      <c r="F41731" s="14" t="s">
        <v>15</v>
      </c>
      <c r="G41731" s="16">
        <v>0</v>
      </c>
    </row>
    <row r="41732" spans="1:7" x14ac:dyDescent="0.3">
      <c r="A41732" s="13" t="s">
        <v>247</v>
      </c>
      <c r="B41732" s="14" t="s">
        <v>1</v>
      </c>
      <c r="C41732" s="14" t="s">
        <v>41</v>
      </c>
      <c r="D41732" s="14" t="s">
        <v>14</v>
      </c>
      <c r="E41732" s="15">
        <v>45498</v>
      </c>
      <c r="F41732" s="14" t="s">
        <v>15</v>
      </c>
      <c r="G41732" s="16">
        <v>0</v>
      </c>
    </row>
    <row r="41733" spans="1:7" x14ac:dyDescent="0.3">
      <c r="A41733" s="13" t="s">
        <v>247</v>
      </c>
      <c r="B41733" s="14" t="s">
        <v>1</v>
      </c>
      <c r="C41733" s="14" t="s">
        <v>41</v>
      </c>
      <c r="D41733" s="14" t="s">
        <v>14</v>
      </c>
      <c r="E41733" s="15">
        <v>45499</v>
      </c>
      <c r="F41733" s="14" t="s">
        <v>15</v>
      </c>
      <c r="G41733" s="16">
        <v>0</v>
      </c>
    </row>
    <row r="41734" spans="1:7" x14ac:dyDescent="0.3">
      <c r="A41734" s="13" t="s">
        <v>247</v>
      </c>
      <c r="B41734" s="14" t="s">
        <v>1</v>
      </c>
      <c r="C41734" s="14" t="s">
        <v>41</v>
      </c>
      <c r="D41734" s="14" t="s">
        <v>14</v>
      </c>
      <c r="E41734" s="15">
        <v>45500</v>
      </c>
      <c r="F41734" s="14" t="s">
        <v>15</v>
      </c>
      <c r="G41734" s="16">
        <v>0</v>
      </c>
    </row>
    <row r="41735" spans="1:7" x14ac:dyDescent="0.3">
      <c r="A41735" s="13" t="s">
        <v>247</v>
      </c>
      <c r="B41735" s="14" t="s">
        <v>1</v>
      </c>
      <c r="C41735" s="14" t="s">
        <v>41</v>
      </c>
      <c r="D41735" s="14" t="s">
        <v>14</v>
      </c>
      <c r="E41735" s="15">
        <v>45501</v>
      </c>
      <c r="F41735" s="14" t="s">
        <v>15</v>
      </c>
      <c r="G41735" s="16">
        <v>0</v>
      </c>
    </row>
    <row r="41736" spans="1:7" x14ac:dyDescent="0.3">
      <c r="A41736" s="13" t="s">
        <v>247</v>
      </c>
      <c r="B41736" s="14" t="s">
        <v>1</v>
      </c>
      <c r="C41736" s="14" t="s">
        <v>41</v>
      </c>
      <c r="D41736" s="14" t="s">
        <v>14</v>
      </c>
      <c r="E41736" s="15">
        <v>45502</v>
      </c>
      <c r="F41736" s="14" t="s">
        <v>15</v>
      </c>
      <c r="G41736" s="16">
        <v>0</v>
      </c>
    </row>
    <row r="41737" spans="1:7" x14ac:dyDescent="0.3">
      <c r="A41737" s="13" t="s">
        <v>247</v>
      </c>
      <c r="B41737" s="14" t="s">
        <v>1</v>
      </c>
      <c r="C41737" s="14" t="s">
        <v>41</v>
      </c>
      <c r="D41737" s="14" t="s">
        <v>14</v>
      </c>
      <c r="E41737" s="15">
        <v>45503</v>
      </c>
      <c r="F41737" s="14" t="s">
        <v>15</v>
      </c>
      <c r="G41737" s="16">
        <v>0</v>
      </c>
    </row>
    <row r="41738" spans="1:7" x14ac:dyDescent="0.3">
      <c r="A41738" s="13" t="s">
        <v>247</v>
      </c>
      <c r="B41738" s="14" t="s">
        <v>1</v>
      </c>
      <c r="C41738" s="14" t="s">
        <v>41</v>
      </c>
      <c r="D41738" s="14" t="s">
        <v>14</v>
      </c>
      <c r="E41738" s="15">
        <v>45504</v>
      </c>
      <c r="F41738" s="14" t="s">
        <v>15</v>
      </c>
      <c r="G41738" s="16">
        <v>0</v>
      </c>
    </row>
    <row r="41739" spans="1:7" x14ac:dyDescent="0.3">
      <c r="A41739" s="13" t="s">
        <v>247</v>
      </c>
      <c r="B41739" s="14" t="s">
        <v>1</v>
      </c>
      <c r="C41739" s="14" t="s">
        <v>41</v>
      </c>
      <c r="D41739" s="14" t="s">
        <v>14</v>
      </c>
      <c r="E41739" s="15">
        <v>45505</v>
      </c>
      <c r="F41739" s="14" t="s">
        <v>15</v>
      </c>
      <c r="G41739" s="16">
        <v>0</v>
      </c>
    </row>
    <row r="41740" spans="1:7" x14ac:dyDescent="0.3">
      <c r="A41740" s="13" t="s">
        <v>247</v>
      </c>
      <c r="B41740" s="14" t="s">
        <v>1</v>
      </c>
      <c r="C41740" s="14" t="s">
        <v>41</v>
      </c>
      <c r="D41740" s="14" t="s">
        <v>14</v>
      </c>
      <c r="E41740" s="15">
        <v>45506</v>
      </c>
      <c r="F41740" s="14" t="s">
        <v>15</v>
      </c>
      <c r="G41740" s="16">
        <v>0</v>
      </c>
    </row>
    <row r="41741" spans="1:7" x14ac:dyDescent="0.3">
      <c r="A41741" s="13" t="s">
        <v>247</v>
      </c>
      <c r="B41741" s="14" t="s">
        <v>1</v>
      </c>
      <c r="C41741" s="14" t="s">
        <v>41</v>
      </c>
      <c r="D41741" s="14" t="s">
        <v>14</v>
      </c>
      <c r="E41741" s="15">
        <v>45507</v>
      </c>
      <c r="F41741" s="14" t="s">
        <v>15</v>
      </c>
      <c r="G41741" s="16">
        <v>0</v>
      </c>
    </row>
    <row r="41742" spans="1:7" x14ac:dyDescent="0.3">
      <c r="A41742" s="13" t="s">
        <v>247</v>
      </c>
      <c r="B41742" s="14" t="s">
        <v>1</v>
      </c>
      <c r="C41742" s="14" t="s">
        <v>41</v>
      </c>
      <c r="D41742" s="14" t="s">
        <v>14</v>
      </c>
      <c r="E41742" s="15">
        <v>45508</v>
      </c>
      <c r="F41742" s="14" t="s">
        <v>15</v>
      </c>
      <c r="G41742" s="16">
        <v>0</v>
      </c>
    </row>
    <row r="41743" spans="1:7" x14ac:dyDescent="0.3">
      <c r="A41743" s="13" t="s">
        <v>247</v>
      </c>
      <c r="B41743" s="14" t="s">
        <v>1</v>
      </c>
      <c r="C41743" s="14" t="s">
        <v>41</v>
      </c>
      <c r="D41743" s="14" t="s">
        <v>14</v>
      </c>
      <c r="E41743" s="15">
        <v>45509</v>
      </c>
      <c r="F41743" s="14" t="s">
        <v>15</v>
      </c>
      <c r="G41743" s="16">
        <v>0</v>
      </c>
    </row>
    <row r="41744" spans="1:7" x14ac:dyDescent="0.3">
      <c r="A41744" s="13" t="s">
        <v>247</v>
      </c>
      <c r="B41744" s="14" t="s">
        <v>1</v>
      </c>
      <c r="C41744" s="14" t="s">
        <v>41</v>
      </c>
      <c r="D41744" s="14" t="s">
        <v>14</v>
      </c>
      <c r="E41744" s="15">
        <v>45510</v>
      </c>
      <c r="F41744" s="14" t="s">
        <v>15</v>
      </c>
      <c r="G41744" s="16">
        <v>0</v>
      </c>
    </row>
    <row r="41745" spans="1:7" x14ac:dyDescent="0.3">
      <c r="A41745" s="13" t="s">
        <v>247</v>
      </c>
      <c r="B41745" s="14" t="s">
        <v>1</v>
      </c>
      <c r="C41745" s="14" t="s">
        <v>41</v>
      </c>
      <c r="D41745" s="14" t="s">
        <v>14</v>
      </c>
      <c r="E41745" s="15">
        <v>45511</v>
      </c>
      <c r="F41745" s="14" t="s">
        <v>15</v>
      </c>
      <c r="G41745" s="16">
        <v>0</v>
      </c>
    </row>
    <row r="41746" spans="1:7" x14ac:dyDescent="0.3">
      <c r="A41746" s="13" t="s">
        <v>247</v>
      </c>
      <c r="B41746" s="14" t="s">
        <v>1</v>
      </c>
      <c r="C41746" s="14" t="s">
        <v>41</v>
      </c>
      <c r="D41746" s="14" t="s">
        <v>14</v>
      </c>
      <c r="E41746" s="15">
        <v>45512</v>
      </c>
      <c r="F41746" s="14" t="s">
        <v>15</v>
      </c>
      <c r="G41746" s="16">
        <v>0</v>
      </c>
    </row>
    <row r="41747" spans="1:7" x14ac:dyDescent="0.3">
      <c r="A41747" s="13" t="s">
        <v>247</v>
      </c>
      <c r="B41747" s="14" t="s">
        <v>1</v>
      </c>
      <c r="C41747" s="14" t="s">
        <v>41</v>
      </c>
      <c r="D41747" s="14" t="s">
        <v>14</v>
      </c>
      <c r="E41747" s="15">
        <v>45513</v>
      </c>
      <c r="F41747" s="14" t="s">
        <v>15</v>
      </c>
      <c r="G41747" s="16">
        <v>0</v>
      </c>
    </row>
    <row r="41748" spans="1:7" x14ac:dyDescent="0.3">
      <c r="A41748" s="13" t="s">
        <v>247</v>
      </c>
      <c r="B41748" s="14" t="s">
        <v>1</v>
      </c>
      <c r="C41748" s="14" t="s">
        <v>41</v>
      </c>
      <c r="D41748" s="14" t="s">
        <v>14</v>
      </c>
      <c r="E41748" s="15">
        <v>45514</v>
      </c>
      <c r="F41748" s="14" t="s">
        <v>15</v>
      </c>
      <c r="G41748" s="16">
        <v>0</v>
      </c>
    </row>
    <row r="41749" spans="1:7" x14ac:dyDescent="0.3">
      <c r="A41749" s="13" t="s">
        <v>247</v>
      </c>
      <c r="B41749" s="14" t="s">
        <v>1</v>
      </c>
      <c r="C41749" s="14" t="s">
        <v>41</v>
      </c>
      <c r="D41749" s="14" t="s">
        <v>14</v>
      </c>
      <c r="E41749" s="15">
        <v>45515</v>
      </c>
      <c r="F41749" s="14" t="s">
        <v>15</v>
      </c>
      <c r="G41749" s="16">
        <v>0</v>
      </c>
    </row>
    <row r="41750" spans="1:7" x14ac:dyDescent="0.3">
      <c r="A41750" s="13" t="s">
        <v>247</v>
      </c>
      <c r="B41750" s="14" t="s">
        <v>1</v>
      </c>
      <c r="C41750" s="14" t="s">
        <v>41</v>
      </c>
      <c r="D41750" s="14" t="s">
        <v>14</v>
      </c>
      <c r="E41750" s="15">
        <v>45516</v>
      </c>
      <c r="F41750" s="14" t="s">
        <v>15</v>
      </c>
      <c r="G41750" s="16">
        <v>0</v>
      </c>
    </row>
    <row r="41751" spans="1:7" x14ac:dyDescent="0.3">
      <c r="A41751" s="13" t="s">
        <v>247</v>
      </c>
      <c r="B41751" s="14" t="s">
        <v>1</v>
      </c>
      <c r="C41751" s="14" t="s">
        <v>41</v>
      </c>
      <c r="D41751" s="14" t="s">
        <v>14</v>
      </c>
      <c r="E41751" s="15">
        <v>45517</v>
      </c>
      <c r="F41751" s="14" t="s">
        <v>15</v>
      </c>
      <c r="G41751" s="16">
        <v>0</v>
      </c>
    </row>
    <row r="41752" spans="1:7" x14ac:dyDescent="0.3">
      <c r="A41752" s="13" t="s">
        <v>247</v>
      </c>
      <c r="B41752" s="14" t="s">
        <v>1</v>
      </c>
      <c r="C41752" s="14" t="s">
        <v>41</v>
      </c>
      <c r="D41752" s="14" t="s">
        <v>14</v>
      </c>
      <c r="E41752" s="15">
        <v>45518</v>
      </c>
      <c r="F41752" s="14" t="s">
        <v>15</v>
      </c>
      <c r="G41752" s="16">
        <v>0</v>
      </c>
    </row>
    <row r="41753" spans="1:7" x14ac:dyDescent="0.3">
      <c r="A41753" s="13" t="s">
        <v>247</v>
      </c>
      <c r="B41753" s="14" t="s">
        <v>1</v>
      </c>
      <c r="C41753" s="14" t="s">
        <v>41</v>
      </c>
      <c r="D41753" s="14" t="s">
        <v>14</v>
      </c>
      <c r="E41753" s="15">
        <v>45519</v>
      </c>
      <c r="F41753" s="14" t="s">
        <v>15</v>
      </c>
      <c r="G41753" s="16">
        <v>0</v>
      </c>
    </row>
    <row r="41754" spans="1:7" x14ac:dyDescent="0.3">
      <c r="A41754" s="13" t="s">
        <v>247</v>
      </c>
      <c r="B41754" s="14" t="s">
        <v>1</v>
      </c>
      <c r="C41754" s="14" t="s">
        <v>41</v>
      </c>
      <c r="D41754" s="14" t="s">
        <v>14</v>
      </c>
      <c r="E41754" s="15">
        <v>45520</v>
      </c>
      <c r="F41754" s="14" t="s">
        <v>15</v>
      </c>
      <c r="G41754" s="16">
        <v>0</v>
      </c>
    </row>
    <row r="41755" spans="1:7" x14ac:dyDescent="0.3">
      <c r="A41755" s="13" t="s">
        <v>247</v>
      </c>
      <c r="B41755" s="14" t="s">
        <v>1</v>
      </c>
      <c r="C41755" s="14" t="s">
        <v>41</v>
      </c>
      <c r="D41755" s="14" t="s">
        <v>14</v>
      </c>
      <c r="E41755" s="15">
        <v>45521</v>
      </c>
      <c r="F41755" s="14" t="s">
        <v>15</v>
      </c>
      <c r="G41755" s="16">
        <v>0</v>
      </c>
    </row>
    <row r="41756" spans="1:7" x14ac:dyDescent="0.3">
      <c r="A41756" s="13" t="s">
        <v>247</v>
      </c>
      <c r="B41756" s="14" t="s">
        <v>1</v>
      </c>
      <c r="C41756" s="14" t="s">
        <v>41</v>
      </c>
      <c r="D41756" s="14" t="s">
        <v>14</v>
      </c>
      <c r="E41756" s="15">
        <v>45522</v>
      </c>
      <c r="F41756" s="14" t="s">
        <v>15</v>
      </c>
      <c r="G41756" s="16">
        <v>0</v>
      </c>
    </row>
    <row r="41757" spans="1:7" x14ac:dyDescent="0.3">
      <c r="A41757" s="13" t="s">
        <v>247</v>
      </c>
      <c r="B41757" s="14" t="s">
        <v>1</v>
      </c>
      <c r="C41757" s="14" t="s">
        <v>41</v>
      </c>
      <c r="D41757" s="14" t="s">
        <v>14</v>
      </c>
      <c r="E41757" s="15">
        <v>45523</v>
      </c>
      <c r="F41757" s="14" t="s">
        <v>15</v>
      </c>
      <c r="G41757" s="16">
        <v>0</v>
      </c>
    </row>
    <row r="41758" spans="1:7" x14ac:dyDescent="0.3">
      <c r="A41758" s="13" t="s">
        <v>247</v>
      </c>
      <c r="B41758" s="14" t="s">
        <v>1</v>
      </c>
      <c r="C41758" s="14" t="s">
        <v>41</v>
      </c>
      <c r="D41758" s="14" t="s">
        <v>14</v>
      </c>
      <c r="E41758" s="15">
        <v>45524</v>
      </c>
      <c r="F41758" s="14" t="s">
        <v>15</v>
      </c>
      <c r="G41758" s="16">
        <v>0</v>
      </c>
    </row>
    <row r="41759" spans="1:7" x14ac:dyDescent="0.3">
      <c r="A41759" s="13" t="s">
        <v>247</v>
      </c>
      <c r="B41759" s="14" t="s">
        <v>1</v>
      </c>
      <c r="C41759" s="14" t="s">
        <v>41</v>
      </c>
      <c r="D41759" s="14" t="s">
        <v>14</v>
      </c>
      <c r="E41759" s="15">
        <v>45525</v>
      </c>
      <c r="F41759" s="14" t="s">
        <v>15</v>
      </c>
      <c r="G41759" s="16">
        <v>0</v>
      </c>
    </row>
    <row r="41760" spans="1:7" x14ac:dyDescent="0.3">
      <c r="A41760" s="13" t="s">
        <v>247</v>
      </c>
      <c r="B41760" s="14" t="s">
        <v>1</v>
      </c>
      <c r="C41760" s="14" t="s">
        <v>41</v>
      </c>
      <c r="D41760" s="14" t="s">
        <v>14</v>
      </c>
      <c r="E41760" s="15">
        <v>45526</v>
      </c>
      <c r="F41760" s="14" t="s">
        <v>15</v>
      </c>
      <c r="G41760" s="16">
        <v>0</v>
      </c>
    </row>
    <row r="41761" spans="1:7" x14ac:dyDescent="0.3">
      <c r="A41761" s="13" t="s">
        <v>247</v>
      </c>
      <c r="B41761" s="14" t="s">
        <v>1</v>
      </c>
      <c r="C41761" s="14" t="s">
        <v>41</v>
      </c>
      <c r="D41761" s="14" t="s">
        <v>14</v>
      </c>
      <c r="E41761" s="15">
        <v>45527</v>
      </c>
      <c r="F41761" s="14" t="s">
        <v>15</v>
      </c>
      <c r="G41761" s="16">
        <v>0</v>
      </c>
    </row>
    <row r="41762" spans="1:7" x14ac:dyDescent="0.3">
      <c r="A41762" s="13" t="s">
        <v>247</v>
      </c>
      <c r="B41762" s="14" t="s">
        <v>1</v>
      </c>
      <c r="C41762" s="14" t="s">
        <v>41</v>
      </c>
      <c r="D41762" s="14" t="s">
        <v>14</v>
      </c>
      <c r="E41762" s="15">
        <v>45528</v>
      </c>
      <c r="F41762" s="14" t="s">
        <v>15</v>
      </c>
      <c r="G41762" s="16">
        <v>0</v>
      </c>
    </row>
    <row r="41763" spans="1:7" x14ac:dyDescent="0.3">
      <c r="A41763" s="13" t="s">
        <v>247</v>
      </c>
      <c r="B41763" s="14" t="s">
        <v>1</v>
      </c>
      <c r="C41763" s="14" t="s">
        <v>41</v>
      </c>
      <c r="D41763" s="14" t="s">
        <v>14</v>
      </c>
      <c r="E41763" s="15">
        <v>45529</v>
      </c>
      <c r="F41763" s="14" t="s">
        <v>15</v>
      </c>
      <c r="G41763" s="16">
        <v>0</v>
      </c>
    </row>
    <row r="41764" spans="1:7" x14ac:dyDescent="0.3">
      <c r="A41764" s="13" t="s">
        <v>247</v>
      </c>
      <c r="B41764" s="14" t="s">
        <v>1</v>
      </c>
      <c r="C41764" s="14" t="s">
        <v>41</v>
      </c>
      <c r="D41764" s="14" t="s">
        <v>14</v>
      </c>
      <c r="E41764" s="15">
        <v>45530</v>
      </c>
      <c r="F41764" s="14" t="s">
        <v>15</v>
      </c>
      <c r="G41764" s="16">
        <v>0</v>
      </c>
    </row>
    <row r="41765" spans="1:7" x14ac:dyDescent="0.3">
      <c r="A41765" s="13" t="s">
        <v>247</v>
      </c>
      <c r="B41765" s="14" t="s">
        <v>1</v>
      </c>
      <c r="C41765" s="14" t="s">
        <v>41</v>
      </c>
      <c r="D41765" s="14" t="s">
        <v>14</v>
      </c>
      <c r="E41765" s="15">
        <v>45531</v>
      </c>
      <c r="F41765" s="14" t="s">
        <v>15</v>
      </c>
      <c r="G41765" s="16">
        <v>0</v>
      </c>
    </row>
    <row r="41766" spans="1:7" x14ac:dyDescent="0.3">
      <c r="A41766" s="13" t="s">
        <v>247</v>
      </c>
      <c r="B41766" s="14" t="s">
        <v>1</v>
      </c>
      <c r="C41766" s="14" t="s">
        <v>41</v>
      </c>
      <c r="D41766" s="14" t="s">
        <v>14</v>
      </c>
      <c r="E41766" s="15">
        <v>45532</v>
      </c>
      <c r="F41766" s="14" t="s">
        <v>15</v>
      </c>
      <c r="G41766" s="16">
        <v>0</v>
      </c>
    </row>
    <row r="41767" spans="1:7" x14ac:dyDescent="0.3">
      <c r="A41767" s="13" t="s">
        <v>247</v>
      </c>
      <c r="B41767" s="14" t="s">
        <v>1</v>
      </c>
      <c r="C41767" s="14" t="s">
        <v>41</v>
      </c>
      <c r="D41767" s="14" t="s">
        <v>14</v>
      </c>
      <c r="E41767" s="15">
        <v>45533</v>
      </c>
      <c r="F41767" s="14" t="s">
        <v>15</v>
      </c>
      <c r="G41767" s="16">
        <v>0</v>
      </c>
    </row>
    <row r="41768" spans="1:7" x14ac:dyDescent="0.3">
      <c r="A41768" s="13" t="s">
        <v>247</v>
      </c>
      <c r="B41768" s="14" t="s">
        <v>1</v>
      </c>
      <c r="C41768" s="14" t="s">
        <v>41</v>
      </c>
      <c r="D41768" s="14" t="s">
        <v>14</v>
      </c>
      <c r="E41768" s="15">
        <v>45534</v>
      </c>
      <c r="F41768" s="14" t="s">
        <v>15</v>
      </c>
      <c r="G41768" s="16">
        <v>0</v>
      </c>
    </row>
    <row r="41769" spans="1:7" x14ac:dyDescent="0.3">
      <c r="A41769" s="13" t="s">
        <v>247</v>
      </c>
      <c r="B41769" s="14" t="s">
        <v>1</v>
      </c>
      <c r="C41769" s="14" t="s">
        <v>41</v>
      </c>
      <c r="D41769" s="14" t="s">
        <v>14</v>
      </c>
      <c r="E41769" s="15">
        <v>45535</v>
      </c>
      <c r="F41769" s="14" t="s">
        <v>15</v>
      </c>
      <c r="G41769" s="16">
        <v>0</v>
      </c>
    </row>
    <row r="41770" spans="1:7" x14ac:dyDescent="0.3">
      <c r="A41770" s="13" t="s">
        <v>247</v>
      </c>
      <c r="B41770" s="14" t="s">
        <v>1</v>
      </c>
      <c r="C41770" s="14" t="s">
        <v>41</v>
      </c>
      <c r="D41770" s="14" t="s">
        <v>14</v>
      </c>
      <c r="E41770" s="15">
        <v>45536</v>
      </c>
      <c r="F41770" s="14" t="s">
        <v>15</v>
      </c>
      <c r="G41770" s="16">
        <v>0</v>
      </c>
    </row>
    <row r="41771" spans="1:7" x14ac:dyDescent="0.3">
      <c r="A41771" s="13" t="s">
        <v>247</v>
      </c>
      <c r="B41771" s="14" t="s">
        <v>1</v>
      </c>
      <c r="C41771" s="14" t="s">
        <v>41</v>
      </c>
      <c r="D41771" s="14" t="s">
        <v>14</v>
      </c>
      <c r="E41771" s="15">
        <v>45537</v>
      </c>
      <c r="F41771" s="14" t="s">
        <v>15</v>
      </c>
      <c r="G41771" s="16">
        <v>0</v>
      </c>
    </row>
    <row r="41772" spans="1:7" x14ac:dyDescent="0.3">
      <c r="A41772" s="13" t="s">
        <v>247</v>
      </c>
      <c r="B41772" s="14" t="s">
        <v>1</v>
      </c>
      <c r="C41772" s="14" t="s">
        <v>41</v>
      </c>
      <c r="D41772" s="14" t="s">
        <v>14</v>
      </c>
      <c r="E41772" s="15">
        <v>45538</v>
      </c>
      <c r="F41772" s="14" t="s">
        <v>15</v>
      </c>
      <c r="G41772" s="16">
        <v>0</v>
      </c>
    </row>
    <row r="41773" spans="1:7" x14ac:dyDescent="0.3">
      <c r="A41773" s="13" t="s">
        <v>247</v>
      </c>
      <c r="B41773" s="14" t="s">
        <v>1</v>
      </c>
      <c r="C41773" s="14" t="s">
        <v>41</v>
      </c>
      <c r="D41773" s="14" t="s">
        <v>14</v>
      </c>
      <c r="E41773" s="15">
        <v>45539</v>
      </c>
      <c r="F41773" s="14" t="s">
        <v>15</v>
      </c>
      <c r="G41773" s="16">
        <v>0</v>
      </c>
    </row>
    <row r="41774" spans="1:7" x14ac:dyDescent="0.3">
      <c r="A41774" s="13" t="s">
        <v>247</v>
      </c>
      <c r="B41774" s="14" t="s">
        <v>1</v>
      </c>
      <c r="C41774" s="14" t="s">
        <v>41</v>
      </c>
      <c r="D41774" s="14" t="s">
        <v>14</v>
      </c>
      <c r="E41774" s="15">
        <v>45540</v>
      </c>
      <c r="F41774" s="14" t="s">
        <v>15</v>
      </c>
      <c r="G41774" s="16">
        <v>0</v>
      </c>
    </row>
    <row r="41775" spans="1:7" x14ac:dyDescent="0.3">
      <c r="A41775" s="13" t="s">
        <v>247</v>
      </c>
      <c r="B41775" s="14" t="s">
        <v>1</v>
      </c>
      <c r="C41775" s="14" t="s">
        <v>41</v>
      </c>
      <c r="D41775" s="14" t="s">
        <v>14</v>
      </c>
      <c r="E41775" s="15">
        <v>45541</v>
      </c>
      <c r="F41775" s="14" t="s">
        <v>15</v>
      </c>
      <c r="G41775" s="16">
        <v>0</v>
      </c>
    </row>
    <row r="41776" spans="1:7" x14ac:dyDescent="0.3">
      <c r="A41776" s="13" t="s">
        <v>247</v>
      </c>
      <c r="B41776" s="14" t="s">
        <v>1</v>
      </c>
      <c r="C41776" s="14" t="s">
        <v>41</v>
      </c>
      <c r="D41776" s="14" t="s">
        <v>14</v>
      </c>
      <c r="E41776" s="15">
        <v>45542</v>
      </c>
      <c r="F41776" s="14" t="s">
        <v>15</v>
      </c>
      <c r="G41776" s="16">
        <v>0</v>
      </c>
    </row>
    <row r="41777" spans="1:7" x14ac:dyDescent="0.3">
      <c r="A41777" s="13" t="s">
        <v>247</v>
      </c>
      <c r="B41777" s="14" t="s">
        <v>1</v>
      </c>
      <c r="C41777" s="14" t="s">
        <v>41</v>
      </c>
      <c r="D41777" s="14" t="s">
        <v>14</v>
      </c>
      <c r="E41777" s="15">
        <v>45543</v>
      </c>
      <c r="F41777" s="14" t="s">
        <v>15</v>
      </c>
      <c r="G41777" s="16">
        <v>0</v>
      </c>
    </row>
    <row r="41778" spans="1:7" x14ac:dyDescent="0.3">
      <c r="A41778" s="13" t="s">
        <v>247</v>
      </c>
      <c r="B41778" s="14" t="s">
        <v>1</v>
      </c>
      <c r="C41778" s="14" t="s">
        <v>41</v>
      </c>
      <c r="D41778" s="14" t="s">
        <v>14</v>
      </c>
      <c r="E41778" s="15">
        <v>45544</v>
      </c>
      <c r="F41778" s="14" t="s">
        <v>15</v>
      </c>
      <c r="G41778" s="16">
        <v>0</v>
      </c>
    </row>
    <row r="41779" spans="1:7" x14ac:dyDescent="0.3">
      <c r="A41779" s="13" t="s">
        <v>247</v>
      </c>
      <c r="B41779" s="14" t="s">
        <v>1</v>
      </c>
      <c r="C41779" s="14" t="s">
        <v>41</v>
      </c>
      <c r="D41779" s="14" t="s">
        <v>14</v>
      </c>
      <c r="E41779" s="15">
        <v>45545</v>
      </c>
      <c r="F41779" s="14" t="s">
        <v>15</v>
      </c>
      <c r="G41779" s="16">
        <v>0</v>
      </c>
    </row>
    <row r="41780" spans="1:7" x14ac:dyDescent="0.3">
      <c r="A41780" s="13" t="s">
        <v>247</v>
      </c>
      <c r="B41780" s="14" t="s">
        <v>1</v>
      </c>
      <c r="C41780" s="14" t="s">
        <v>41</v>
      </c>
      <c r="D41780" s="14" t="s">
        <v>14</v>
      </c>
      <c r="E41780" s="15">
        <v>45546</v>
      </c>
      <c r="F41780" s="14" t="s">
        <v>15</v>
      </c>
      <c r="G41780" s="16">
        <v>0</v>
      </c>
    </row>
    <row r="41781" spans="1:7" x14ac:dyDescent="0.3">
      <c r="A41781" s="13" t="s">
        <v>247</v>
      </c>
      <c r="B41781" s="14" t="s">
        <v>1</v>
      </c>
      <c r="C41781" s="14" t="s">
        <v>41</v>
      </c>
      <c r="D41781" s="14" t="s">
        <v>14</v>
      </c>
      <c r="E41781" s="15">
        <v>45547</v>
      </c>
      <c r="F41781" s="14" t="s">
        <v>15</v>
      </c>
      <c r="G41781" s="16">
        <v>0</v>
      </c>
    </row>
    <row r="41782" spans="1:7" x14ac:dyDescent="0.3">
      <c r="A41782" s="13" t="s">
        <v>247</v>
      </c>
      <c r="B41782" s="14" t="s">
        <v>1</v>
      </c>
      <c r="C41782" s="14" t="s">
        <v>41</v>
      </c>
      <c r="D41782" s="14" t="s">
        <v>14</v>
      </c>
      <c r="E41782" s="15">
        <v>45548</v>
      </c>
      <c r="F41782" s="14" t="s">
        <v>15</v>
      </c>
      <c r="G41782" s="16">
        <v>0</v>
      </c>
    </row>
    <row r="41783" spans="1:7" x14ac:dyDescent="0.3">
      <c r="A41783" s="13" t="s">
        <v>247</v>
      </c>
      <c r="B41783" s="14" t="s">
        <v>1</v>
      </c>
      <c r="C41783" s="14" t="s">
        <v>41</v>
      </c>
      <c r="D41783" s="14" t="s">
        <v>14</v>
      </c>
      <c r="E41783" s="15">
        <v>45549</v>
      </c>
      <c r="F41783" s="14" t="s">
        <v>15</v>
      </c>
      <c r="G41783" s="16">
        <v>0</v>
      </c>
    </row>
    <row r="41784" spans="1:7" x14ac:dyDescent="0.3">
      <c r="A41784" s="13" t="s">
        <v>247</v>
      </c>
      <c r="B41784" s="14" t="s">
        <v>1</v>
      </c>
      <c r="C41784" s="14" t="s">
        <v>41</v>
      </c>
      <c r="D41784" s="14" t="s">
        <v>14</v>
      </c>
      <c r="E41784" s="15">
        <v>45550</v>
      </c>
      <c r="F41784" s="14" t="s">
        <v>15</v>
      </c>
      <c r="G41784" s="16">
        <v>0</v>
      </c>
    </row>
    <row r="41785" spans="1:7" x14ac:dyDescent="0.3">
      <c r="A41785" s="13" t="s">
        <v>247</v>
      </c>
      <c r="B41785" s="14" t="s">
        <v>1</v>
      </c>
      <c r="C41785" s="14" t="s">
        <v>41</v>
      </c>
      <c r="D41785" s="14" t="s">
        <v>14</v>
      </c>
      <c r="E41785" s="15">
        <v>45551</v>
      </c>
      <c r="F41785" s="14" t="s">
        <v>15</v>
      </c>
      <c r="G41785" s="16">
        <v>0</v>
      </c>
    </row>
    <row r="41786" spans="1:7" x14ac:dyDescent="0.3">
      <c r="A41786" s="13" t="s">
        <v>247</v>
      </c>
      <c r="B41786" s="14" t="s">
        <v>1</v>
      </c>
      <c r="C41786" s="14" t="s">
        <v>41</v>
      </c>
      <c r="D41786" s="14" t="s">
        <v>14</v>
      </c>
      <c r="E41786" s="15">
        <v>45552</v>
      </c>
      <c r="F41786" s="14" t="s">
        <v>15</v>
      </c>
      <c r="G41786" s="16">
        <v>0</v>
      </c>
    </row>
    <row r="41787" spans="1:7" x14ac:dyDescent="0.3">
      <c r="A41787" s="13" t="s">
        <v>247</v>
      </c>
      <c r="B41787" s="14" t="s">
        <v>1</v>
      </c>
      <c r="C41787" s="14" t="s">
        <v>41</v>
      </c>
      <c r="D41787" s="14" t="s">
        <v>14</v>
      </c>
      <c r="E41787" s="15">
        <v>45553</v>
      </c>
      <c r="F41787" s="14" t="s">
        <v>15</v>
      </c>
      <c r="G41787" s="16">
        <v>0</v>
      </c>
    </row>
    <row r="41788" spans="1:7" x14ac:dyDescent="0.3">
      <c r="A41788" s="13" t="s">
        <v>247</v>
      </c>
      <c r="B41788" s="14" t="s">
        <v>1</v>
      </c>
      <c r="C41788" s="14" t="s">
        <v>41</v>
      </c>
      <c r="D41788" s="14" t="s">
        <v>14</v>
      </c>
      <c r="E41788" s="15">
        <v>45554</v>
      </c>
      <c r="F41788" s="14" t="s">
        <v>15</v>
      </c>
      <c r="G41788" s="16">
        <v>0</v>
      </c>
    </row>
    <row r="41789" spans="1:7" x14ac:dyDescent="0.3">
      <c r="A41789" s="13" t="s">
        <v>247</v>
      </c>
      <c r="B41789" s="14" t="s">
        <v>1</v>
      </c>
      <c r="C41789" s="14" t="s">
        <v>41</v>
      </c>
      <c r="D41789" s="14" t="s">
        <v>14</v>
      </c>
      <c r="E41789" s="15">
        <v>45555</v>
      </c>
      <c r="F41789" s="14" t="s">
        <v>15</v>
      </c>
      <c r="G41789" s="16">
        <v>0</v>
      </c>
    </row>
    <row r="41790" spans="1:7" x14ac:dyDescent="0.3">
      <c r="A41790" s="13" t="s">
        <v>247</v>
      </c>
      <c r="B41790" s="14" t="s">
        <v>1</v>
      </c>
      <c r="C41790" s="14" t="s">
        <v>41</v>
      </c>
      <c r="D41790" s="14" t="s">
        <v>14</v>
      </c>
      <c r="E41790" s="15">
        <v>45556</v>
      </c>
      <c r="F41790" s="14" t="s">
        <v>15</v>
      </c>
      <c r="G41790" s="16">
        <v>0</v>
      </c>
    </row>
    <row r="41791" spans="1:7" x14ac:dyDescent="0.3">
      <c r="A41791" s="13" t="s">
        <v>247</v>
      </c>
      <c r="B41791" s="14" t="s">
        <v>1</v>
      </c>
      <c r="C41791" s="14" t="s">
        <v>41</v>
      </c>
      <c r="D41791" s="14" t="s">
        <v>14</v>
      </c>
      <c r="E41791" s="15">
        <v>45557</v>
      </c>
      <c r="F41791" s="14" t="s">
        <v>15</v>
      </c>
      <c r="G41791" s="16">
        <v>0</v>
      </c>
    </row>
    <row r="41792" spans="1:7" x14ac:dyDescent="0.3">
      <c r="A41792" s="13" t="s">
        <v>247</v>
      </c>
      <c r="B41792" s="14" t="s">
        <v>1</v>
      </c>
      <c r="C41792" s="14" t="s">
        <v>41</v>
      </c>
      <c r="D41792" s="14" t="s">
        <v>14</v>
      </c>
      <c r="E41792" s="15">
        <v>45558</v>
      </c>
      <c r="F41792" s="14" t="s">
        <v>15</v>
      </c>
      <c r="G41792" s="16">
        <v>0</v>
      </c>
    </row>
    <row r="41793" spans="1:7" x14ac:dyDescent="0.3">
      <c r="A41793" s="13" t="s">
        <v>247</v>
      </c>
      <c r="B41793" s="14" t="s">
        <v>1</v>
      </c>
      <c r="C41793" s="14" t="s">
        <v>41</v>
      </c>
      <c r="D41793" s="14" t="s">
        <v>14</v>
      </c>
      <c r="E41793" s="15">
        <v>45559</v>
      </c>
      <c r="F41793" s="14" t="s">
        <v>15</v>
      </c>
      <c r="G41793" s="16">
        <v>0</v>
      </c>
    </row>
    <row r="41794" spans="1:7" x14ac:dyDescent="0.3">
      <c r="A41794" s="13" t="s">
        <v>247</v>
      </c>
      <c r="B41794" s="14" t="s">
        <v>1</v>
      </c>
      <c r="C41794" s="14" t="s">
        <v>41</v>
      </c>
      <c r="D41794" s="14" t="s">
        <v>14</v>
      </c>
      <c r="E41794" s="15">
        <v>45560</v>
      </c>
      <c r="F41794" s="14" t="s">
        <v>15</v>
      </c>
      <c r="G41794" s="16">
        <v>0</v>
      </c>
    </row>
    <row r="41795" spans="1:7" x14ac:dyDescent="0.3">
      <c r="A41795" s="13" t="s">
        <v>247</v>
      </c>
      <c r="B41795" s="14" t="s">
        <v>1</v>
      </c>
      <c r="C41795" s="14" t="s">
        <v>41</v>
      </c>
      <c r="D41795" s="14" t="s">
        <v>14</v>
      </c>
      <c r="E41795" s="15">
        <v>45561</v>
      </c>
      <c r="F41795" s="14" t="s">
        <v>15</v>
      </c>
      <c r="G41795" s="16">
        <v>0</v>
      </c>
    </row>
    <row r="41796" spans="1:7" x14ac:dyDescent="0.3">
      <c r="A41796" s="13" t="s">
        <v>247</v>
      </c>
      <c r="B41796" s="14" t="s">
        <v>1</v>
      </c>
      <c r="C41796" s="14" t="s">
        <v>41</v>
      </c>
      <c r="D41796" s="14" t="s">
        <v>14</v>
      </c>
      <c r="E41796" s="15">
        <v>45562</v>
      </c>
      <c r="F41796" s="14" t="s">
        <v>15</v>
      </c>
      <c r="G41796" s="16">
        <v>0</v>
      </c>
    </row>
    <row r="41797" spans="1:7" x14ac:dyDescent="0.3">
      <c r="A41797" s="13" t="s">
        <v>247</v>
      </c>
      <c r="B41797" s="14" t="s">
        <v>1</v>
      </c>
      <c r="C41797" s="14" t="s">
        <v>41</v>
      </c>
      <c r="D41797" s="14" t="s">
        <v>14</v>
      </c>
      <c r="E41797" s="15">
        <v>45563</v>
      </c>
      <c r="F41797" s="14" t="s">
        <v>15</v>
      </c>
      <c r="G41797" s="16">
        <v>0</v>
      </c>
    </row>
    <row r="41798" spans="1:7" x14ac:dyDescent="0.3">
      <c r="A41798" s="13" t="s">
        <v>247</v>
      </c>
      <c r="B41798" s="14" t="s">
        <v>1</v>
      </c>
      <c r="C41798" s="14" t="s">
        <v>41</v>
      </c>
      <c r="D41798" s="14" t="s">
        <v>14</v>
      </c>
      <c r="E41798" s="15">
        <v>45564</v>
      </c>
      <c r="F41798" s="14" t="s">
        <v>15</v>
      </c>
      <c r="G41798" s="16">
        <v>0</v>
      </c>
    </row>
    <row r="41799" spans="1:7" x14ac:dyDescent="0.3">
      <c r="A41799" s="13" t="s">
        <v>247</v>
      </c>
      <c r="B41799" s="14" t="s">
        <v>1</v>
      </c>
      <c r="C41799" s="14" t="s">
        <v>41</v>
      </c>
      <c r="D41799" s="14" t="s">
        <v>14</v>
      </c>
      <c r="E41799" s="15">
        <v>45565</v>
      </c>
      <c r="F41799" s="14" t="s">
        <v>15</v>
      </c>
      <c r="G41799" s="16">
        <v>0.2956515003386504</v>
      </c>
    </row>
    <row r="41800" spans="1:7" x14ac:dyDescent="0.3">
      <c r="A41800" s="13" t="s">
        <v>247</v>
      </c>
      <c r="B41800" s="14" t="s">
        <v>1</v>
      </c>
      <c r="C41800" s="14" t="s">
        <v>41</v>
      </c>
      <c r="D41800" s="14" t="s">
        <v>14</v>
      </c>
      <c r="E41800" s="15">
        <v>45566</v>
      </c>
      <c r="F41800" s="14" t="s">
        <v>15</v>
      </c>
      <c r="G41800" s="16">
        <v>0.28277568282067017</v>
      </c>
    </row>
    <row r="41801" spans="1:7" x14ac:dyDescent="0.3">
      <c r="A41801" s="13" t="s">
        <v>247</v>
      </c>
      <c r="B41801" s="14" t="s">
        <v>1</v>
      </c>
      <c r="C41801" s="14" t="s">
        <v>41</v>
      </c>
      <c r="D41801" s="14" t="s">
        <v>14</v>
      </c>
      <c r="E41801" s="15">
        <v>45567</v>
      </c>
      <c r="F41801" s="14" t="s">
        <v>15</v>
      </c>
      <c r="G41801" s="16">
        <v>0.2730214416870021</v>
      </c>
    </row>
    <row r="41802" spans="1:7" x14ac:dyDescent="0.3">
      <c r="A41802" s="13" t="s">
        <v>247</v>
      </c>
      <c r="B41802" s="14" t="s">
        <v>1</v>
      </c>
      <c r="C41802" s="14" t="s">
        <v>41</v>
      </c>
      <c r="D41802" s="14" t="s">
        <v>14</v>
      </c>
      <c r="E41802" s="15">
        <v>45568</v>
      </c>
      <c r="F41802" s="14" t="s">
        <v>15</v>
      </c>
      <c r="G41802" s="16">
        <v>0.26794123573380529</v>
      </c>
    </row>
    <row r="41803" spans="1:7" x14ac:dyDescent="0.3">
      <c r="A41803" s="13" t="s">
        <v>247</v>
      </c>
      <c r="B41803" s="14" t="s">
        <v>1</v>
      </c>
      <c r="C41803" s="14" t="s">
        <v>41</v>
      </c>
      <c r="D41803" s="14" t="s">
        <v>14</v>
      </c>
      <c r="E41803" s="15">
        <v>45569</v>
      </c>
      <c r="F41803" s="14" t="s">
        <v>15</v>
      </c>
      <c r="G41803" s="16">
        <v>0.26062046752259577</v>
      </c>
    </row>
    <row r="41804" spans="1:7" x14ac:dyDescent="0.3">
      <c r="A41804" s="13" t="s">
        <v>247</v>
      </c>
      <c r="B41804" s="14" t="s">
        <v>1</v>
      </c>
      <c r="C41804" s="14" t="s">
        <v>41</v>
      </c>
      <c r="D41804" s="14" t="s">
        <v>14</v>
      </c>
      <c r="E41804" s="15">
        <v>45570</v>
      </c>
      <c r="F41804" s="14" t="s">
        <v>15</v>
      </c>
      <c r="G41804" s="16">
        <v>0.26062046752259577</v>
      </c>
    </row>
    <row r="41805" spans="1:7" x14ac:dyDescent="0.3">
      <c r="A41805" s="13" t="s">
        <v>247</v>
      </c>
      <c r="B41805" s="14" t="s">
        <v>1</v>
      </c>
      <c r="C41805" s="14" t="s">
        <v>41</v>
      </c>
      <c r="D41805" s="14" t="s">
        <v>14</v>
      </c>
      <c r="E41805" s="15">
        <v>45571</v>
      </c>
      <c r="F41805" s="14" t="s">
        <v>15</v>
      </c>
      <c r="G41805" s="16">
        <v>0.26062046752259577</v>
      </c>
    </row>
    <row r="41806" spans="1:7" x14ac:dyDescent="0.3">
      <c r="A41806" s="13" t="s">
        <v>247</v>
      </c>
      <c r="B41806" s="14" t="s">
        <v>1</v>
      </c>
      <c r="C41806" s="14" t="s">
        <v>41</v>
      </c>
      <c r="D41806" s="14" t="s">
        <v>14</v>
      </c>
      <c r="E41806" s="15">
        <v>45572</v>
      </c>
      <c r="F41806" s="14" t="s">
        <v>15</v>
      </c>
      <c r="G41806" s="16">
        <v>0.25743883195312434</v>
      </c>
    </row>
    <row r="41807" spans="1:7" x14ac:dyDescent="0.3">
      <c r="A41807" s="13" t="s">
        <v>247</v>
      </c>
      <c r="B41807" s="14" t="s">
        <v>1</v>
      </c>
      <c r="C41807" s="14" t="s">
        <v>41</v>
      </c>
      <c r="D41807" s="14" t="s">
        <v>14</v>
      </c>
      <c r="E41807" s="15">
        <v>45573</v>
      </c>
      <c r="F41807" s="14" t="s">
        <v>15</v>
      </c>
      <c r="G41807" s="16">
        <v>0.24498855384002682</v>
      </c>
    </row>
    <row r="41808" spans="1:7" x14ac:dyDescent="0.3">
      <c r="A41808" s="13" t="s">
        <v>247</v>
      </c>
      <c r="B41808" s="14" t="s">
        <v>1</v>
      </c>
      <c r="C41808" s="14" t="s">
        <v>41</v>
      </c>
      <c r="D41808" s="14" t="s">
        <v>14</v>
      </c>
      <c r="E41808" s="15">
        <v>45574</v>
      </c>
      <c r="F41808" s="14" t="s">
        <v>15</v>
      </c>
      <c r="G41808" s="16">
        <v>0.23892185503375082</v>
      </c>
    </row>
    <row r="41809" spans="1:7" x14ac:dyDescent="0.3">
      <c r="A41809" s="13" t="s">
        <v>247</v>
      </c>
      <c r="B41809" s="14" t="s">
        <v>1</v>
      </c>
      <c r="C41809" s="14" t="s">
        <v>41</v>
      </c>
      <c r="D41809" s="14" t="s">
        <v>14</v>
      </c>
      <c r="E41809" s="15">
        <v>45575</v>
      </c>
      <c r="F41809" s="14" t="s">
        <v>15</v>
      </c>
      <c r="G41809" s="16">
        <v>0.23593015122478456</v>
      </c>
    </row>
    <row r="41810" spans="1:7" x14ac:dyDescent="0.3">
      <c r="A41810" s="13" t="s">
        <v>247</v>
      </c>
      <c r="B41810" s="14" t="s">
        <v>1</v>
      </c>
      <c r="C41810" s="14" t="s">
        <v>41</v>
      </c>
      <c r="D41810" s="14" t="s">
        <v>14</v>
      </c>
      <c r="E41810" s="15">
        <v>45576</v>
      </c>
      <c r="F41810" s="14" t="s">
        <v>15</v>
      </c>
      <c r="G41810" s="16">
        <v>0.2308510975341749</v>
      </c>
    </row>
    <row r="41811" spans="1:7" x14ac:dyDescent="0.3">
      <c r="A41811" s="13" t="s">
        <v>247</v>
      </c>
      <c r="B41811" s="14" t="s">
        <v>1</v>
      </c>
      <c r="C41811" s="14" t="s">
        <v>41</v>
      </c>
      <c r="D41811" s="14" t="s">
        <v>14</v>
      </c>
      <c r="E41811" s="15">
        <v>45577</v>
      </c>
      <c r="F41811" s="14" t="s">
        <v>15</v>
      </c>
      <c r="G41811" s="16">
        <v>0.2308510975341749</v>
      </c>
    </row>
    <row r="41812" spans="1:7" x14ac:dyDescent="0.3">
      <c r="A41812" s="13" t="s">
        <v>247</v>
      </c>
      <c r="B41812" s="14" t="s">
        <v>1</v>
      </c>
      <c r="C41812" s="14" t="s">
        <v>41</v>
      </c>
      <c r="D41812" s="14" t="s">
        <v>14</v>
      </c>
      <c r="E41812" s="15">
        <v>45578</v>
      </c>
      <c r="F41812" s="14" t="s">
        <v>15</v>
      </c>
      <c r="G41812" s="16">
        <v>0.2308510975341749</v>
      </c>
    </row>
    <row r="41813" spans="1:7" x14ac:dyDescent="0.3">
      <c r="A41813" s="13" t="s">
        <v>247</v>
      </c>
      <c r="B41813" s="14" t="s">
        <v>1</v>
      </c>
      <c r="C41813" s="14" t="s">
        <v>41</v>
      </c>
      <c r="D41813" s="14" t="s">
        <v>14</v>
      </c>
      <c r="E41813" s="15">
        <v>45579</v>
      </c>
      <c r="F41813" s="14" t="s">
        <v>15</v>
      </c>
      <c r="G41813" s="16">
        <v>0.2308510975341749</v>
      </c>
    </row>
    <row r="41814" spans="1:7" x14ac:dyDescent="0.3">
      <c r="A41814" s="13" t="s">
        <v>247</v>
      </c>
      <c r="B41814" s="14" t="s">
        <v>1</v>
      </c>
      <c r="C41814" s="14" t="s">
        <v>41</v>
      </c>
      <c r="D41814" s="14" t="s">
        <v>14</v>
      </c>
      <c r="E41814" s="15">
        <v>45580</v>
      </c>
      <c r="F41814" s="14" t="s">
        <v>15</v>
      </c>
      <c r="G41814" s="16">
        <v>0.2266039189445411</v>
      </c>
    </row>
    <row r="41815" spans="1:7" x14ac:dyDescent="0.3">
      <c r="A41815" s="13" t="s">
        <v>247</v>
      </c>
      <c r="B41815" s="14" t="s">
        <v>1</v>
      </c>
      <c r="C41815" s="14" t="s">
        <v>41</v>
      </c>
      <c r="D41815" s="14" t="s">
        <v>14</v>
      </c>
      <c r="E41815" s="15">
        <v>45581</v>
      </c>
      <c r="F41815" s="14" t="s">
        <v>15</v>
      </c>
      <c r="G41815" s="16">
        <v>0.20939834013076797</v>
      </c>
    </row>
    <row r="41816" spans="1:7" x14ac:dyDescent="0.3">
      <c r="A41816" s="13" t="s">
        <v>247</v>
      </c>
      <c r="B41816" s="14" t="s">
        <v>1</v>
      </c>
      <c r="C41816" s="14" t="s">
        <v>41</v>
      </c>
      <c r="D41816" s="14" t="s">
        <v>14</v>
      </c>
      <c r="E41816" s="15">
        <v>45582</v>
      </c>
      <c r="F41816" s="14" t="s">
        <v>15</v>
      </c>
      <c r="G41816" s="16">
        <v>0.20445041066918351</v>
      </c>
    </row>
    <row r="41817" spans="1:7" x14ac:dyDescent="0.3">
      <c r="A41817" s="13" t="s">
        <v>247</v>
      </c>
      <c r="B41817" s="14" t="s">
        <v>1</v>
      </c>
      <c r="C41817" s="14" t="s">
        <v>41</v>
      </c>
      <c r="D41817" s="14" t="s">
        <v>14</v>
      </c>
      <c r="E41817" s="15">
        <v>45583</v>
      </c>
      <c r="F41817" s="14" t="s">
        <v>15</v>
      </c>
      <c r="G41817" s="16">
        <v>0.20120570134226942</v>
      </c>
    </row>
    <row r="41818" spans="1:7" x14ac:dyDescent="0.3">
      <c r="A41818" s="13" t="s">
        <v>247</v>
      </c>
      <c r="B41818" s="14" t="s">
        <v>1</v>
      </c>
      <c r="C41818" s="14" t="s">
        <v>41</v>
      </c>
      <c r="D41818" s="14" t="s">
        <v>14</v>
      </c>
      <c r="E41818" s="15">
        <v>45584</v>
      </c>
      <c r="F41818" s="14" t="s">
        <v>15</v>
      </c>
      <c r="G41818" s="16">
        <v>0.20120570134226942</v>
      </c>
    </row>
    <row r="41819" spans="1:7" x14ac:dyDescent="0.3">
      <c r="A41819" s="13" t="s">
        <v>247</v>
      </c>
      <c r="B41819" s="14" t="s">
        <v>1</v>
      </c>
      <c r="C41819" s="14" t="s">
        <v>41</v>
      </c>
      <c r="D41819" s="14" t="s">
        <v>14</v>
      </c>
      <c r="E41819" s="15">
        <v>45585</v>
      </c>
      <c r="F41819" s="14" t="s">
        <v>15</v>
      </c>
      <c r="G41819" s="16">
        <v>0.20120570134226942</v>
      </c>
    </row>
    <row r="41820" spans="1:7" x14ac:dyDescent="0.3">
      <c r="A41820" s="13" t="s">
        <v>247</v>
      </c>
      <c r="B41820" s="14" t="s">
        <v>1</v>
      </c>
      <c r="C41820" s="14" t="s">
        <v>41</v>
      </c>
      <c r="D41820" s="14" t="s">
        <v>14</v>
      </c>
      <c r="E41820" s="15">
        <v>45586</v>
      </c>
      <c r="F41820" s="14" t="s">
        <v>15</v>
      </c>
      <c r="G41820" s="16">
        <v>0.19539991340148752</v>
      </c>
    </row>
    <row r="41821" spans="1:7" x14ac:dyDescent="0.3">
      <c r="A41821" s="13" t="s">
        <v>247</v>
      </c>
      <c r="B41821" s="14" t="s">
        <v>1</v>
      </c>
      <c r="C41821" s="14" t="s">
        <v>41</v>
      </c>
      <c r="D41821" s="14" t="s">
        <v>14</v>
      </c>
      <c r="E41821" s="15">
        <v>45587</v>
      </c>
      <c r="F41821" s="14" t="s">
        <v>15</v>
      </c>
      <c r="G41821" s="16">
        <v>0.18291560682029692</v>
      </c>
    </row>
    <row r="41822" spans="1:7" x14ac:dyDescent="0.3">
      <c r="A41822" s="13" t="s">
        <v>247</v>
      </c>
      <c r="B41822" s="14" t="s">
        <v>1</v>
      </c>
      <c r="C41822" s="14" t="s">
        <v>41</v>
      </c>
      <c r="D41822" s="14" t="s">
        <v>14</v>
      </c>
      <c r="E41822" s="15">
        <v>45588</v>
      </c>
      <c r="F41822" s="14" t="s">
        <v>15</v>
      </c>
      <c r="G41822" s="16">
        <v>0.18812109757222398</v>
      </c>
    </row>
    <row r="41823" spans="1:7" x14ac:dyDescent="0.3">
      <c r="A41823" s="13" t="s">
        <v>247</v>
      </c>
      <c r="B41823" s="14" t="s">
        <v>1</v>
      </c>
      <c r="C41823" s="14" t="s">
        <v>41</v>
      </c>
      <c r="D41823" s="14" t="s">
        <v>14</v>
      </c>
      <c r="E41823" s="15">
        <v>45589</v>
      </c>
      <c r="F41823" s="14" t="s">
        <v>15</v>
      </c>
      <c r="G41823" s="16">
        <v>0.18526990255736467</v>
      </c>
    </row>
    <row r="41824" spans="1:7" x14ac:dyDescent="0.3">
      <c r="A41824" s="13" t="s">
        <v>247</v>
      </c>
      <c r="B41824" s="14" t="s">
        <v>1</v>
      </c>
      <c r="C41824" s="14" t="s">
        <v>41</v>
      </c>
      <c r="D41824" s="14" t="s">
        <v>14</v>
      </c>
      <c r="E41824" s="15">
        <v>45590</v>
      </c>
      <c r="F41824" s="14" t="s">
        <v>15</v>
      </c>
      <c r="G41824" s="16">
        <v>0.18074384916855329</v>
      </c>
    </row>
    <row r="41825" spans="1:7" x14ac:dyDescent="0.3">
      <c r="A41825" s="13" t="s">
        <v>247</v>
      </c>
      <c r="B41825" s="14" t="s">
        <v>1</v>
      </c>
      <c r="C41825" s="14" t="s">
        <v>41</v>
      </c>
      <c r="D41825" s="14" t="s">
        <v>14</v>
      </c>
      <c r="E41825" s="15">
        <v>45591</v>
      </c>
      <c r="F41825" s="14" t="s">
        <v>15</v>
      </c>
      <c r="G41825" s="16">
        <v>0.18074384916855329</v>
      </c>
    </row>
    <row r="41826" spans="1:7" x14ac:dyDescent="0.3">
      <c r="A41826" s="13" t="s">
        <v>247</v>
      </c>
      <c r="B41826" s="14" t="s">
        <v>1</v>
      </c>
      <c r="C41826" s="14" t="s">
        <v>41</v>
      </c>
      <c r="D41826" s="14" t="s">
        <v>14</v>
      </c>
      <c r="E41826" s="15">
        <v>45592</v>
      </c>
      <c r="F41826" s="14" t="s">
        <v>15</v>
      </c>
      <c r="G41826" s="16">
        <v>0.18074384916855329</v>
      </c>
    </row>
    <row r="41827" spans="1:7" x14ac:dyDescent="0.3">
      <c r="A41827" s="13" t="s">
        <v>247</v>
      </c>
      <c r="B41827" s="14" t="s">
        <v>1</v>
      </c>
      <c r="C41827" s="14" t="s">
        <v>41</v>
      </c>
      <c r="D41827" s="14" t="s">
        <v>14</v>
      </c>
      <c r="E41827" s="15">
        <v>45593</v>
      </c>
      <c r="F41827" s="14" t="s">
        <v>15</v>
      </c>
      <c r="G41827" s="16">
        <v>0.18074384916855329</v>
      </c>
    </row>
    <row r="41828" spans="1:7" x14ac:dyDescent="0.3">
      <c r="A41828" s="13" t="s">
        <v>247</v>
      </c>
      <c r="B41828" s="14" t="s">
        <v>1</v>
      </c>
      <c r="C41828" s="14" t="s">
        <v>41</v>
      </c>
      <c r="D41828" s="14" t="s">
        <v>14</v>
      </c>
      <c r="E41828" s="15">
        <v>45594</v>
      </c>
      <c r="F41828" s="14" t="s">
        <v>15</v>
      </c>
      <c r="G41828" s="16">
        <v>0.17685134642434328</v>
      </c>
    </row>
    <row r="41829" spans="1:7" x14ac:dyDescent="0.3">
      <c r="A41829" s="13" t="s">
        <v>247</v>
      </c>
      <c r="B41829" s="14" t="s">
        <v>1</v>
      </c>
      <c r="C41829" s="14" t="s">
        <v>41</v>
      </c>
      <c r="D41829" s="14" t="s">
        <v>14</v>
      </c>
      <c r="E41829" s="15">
        <v>45595</v>
      </c>
      <c r="F41829" s="14" t="s">
        <v>15</v>
      </c>
      <c r="G41829" s="16">
        <v>0.16180265718762418</v>
      </c>
    </row>
    <row r="41830" spans="1:7" x14ac:dyDescent="0.3">
      <c r="A41830" s="13" t="s">
        <v>247</v>
      </c>
      <c r="B41830" s="14" t="s">
        <v>1</v>
      </c>
      <c r="C41830" s="14" t="s">
        <v>41</v>
      </c>
      <c r="D41830" s="14" t="s">
        <v>14</v>
      </c>
      <c r="E41830" s="15">
        <v>45596</v>
      </c>
      <c r="F41830" s="14" t="s">
        <v>15</v>
      </c>
      <c r="G41830" s="16">
        <v>0.16308048922519597</v>
      </c>
    </row>
    <row r="41831" spans="1:7" x14ac:dyDescent="0.3">
      <c r="A41831" s="13" t="s">
        <v>247</v>
      </c>
      <c r="B41831" s="14" t="s">
        <v>1</v>
      </c>
      <c r="C41831" s="14" t="s">
        <v>41</v>
      </c>
      <c r="D41831" s="14" t="s">
        <v>14</v>
      </c>
      <c r="E41831" s="15">
        <v>45597</v>
      </c>
      <c r="F41831" s="14" t="s">
        <v>15</v>
      </c>
      <c r="G41831" s="16">
        <v>0.15884284875854654</v>
      </c>
    </row>
    <row r="41832" spans="1:7" x14ac:dyDescent="0.3">
      <c r="A41832" s="13" t="s">
        <v>247</v>
      </c>
      <c r="B41832" s="14" t="s">
        <v>1</v>
      </c>
      <c r="C41832" s="14" t="s">
        <v>41</v>
      </c>
      <c r="D41832" s="14" t="s">
        <v>14</v>
      </c>
      <c r="E41832" s="15">
        <v>45598</v>
      </c>
      <c r="F41832" s="14" t="s">
        <v>15</v>
      </c>
      <c r="G41832" s="16">
        <v>0.15884284875854654</v>
      </c>
    </row>
    <row r="41833" spans="1:7" x14ac:dyDescent="0.3">
      <c r="A41833" s="13" t="s">
        <v>247</v>
      </c>
      <c r="B41833" s="14" t="s">
        <v>1</v>
      </c>
      <c r="C41833" s="14" t="s">
        <v>41</v>
      </c>
      <c r="D41833" s="14" t="s">
        <v>14</v>
      </c>
      <c r="E41833" s="15">
        <v>45599</v>
      </c>
      <c r="F41833" s="14" t="s">
        <v>15</v>
      </c>
      <c r="G41833" s="16">
        <v>0.15884284875854654</v>
      </c>
    </row>
    <row r="41834" spans="1:7" x14ac:dyDescent="0.3">
      <c r="A41834" s="13" t="s">
        <v>247</v>
      </c>
      <c r="B41834" s="14" t="s">
        <v>1</v>
      </c>
      <c r="C41834" s="14" t="s">
        <v>41</v>
      </c>
      <c r="D41834" s="14" t="s">
        <v>14</v>
      </c>
      <c r="E41834" s="15">
        <v>45600</v>
      </c>
      <c r="F41834" s="14" t="s">
        <v>15</v>
      </c>
      <c r="G41834" s="16">
        <v>0.15884284875854654</v>
      </c>
    </row>
    <row r="41835" spans="1:7" x14ac:dyDescent="0.3">
      <c r="A41835" s="13" t="s">
        <v>247</v>
      </c>
      <c r="B41835" s="14" t="s">
        <v>1</v>
      </c>
      <c r="C41835" s="14" t="s">
        <v>41</v>
      </c>
      <c r="D41835" s="14" t="s">
        <v>14</v>
      </c>
      <c r="E41835" s="15">
        <v>45601</v>
      </c>
      <c r="F41835" s="14" t="s">
        <v>15</v>
      </c>
      <c r="G41835" s="16">
        <v>0.15625279574228385</v>
      </c>
    </row>
    <row r="41836" spans="1:7" x14ac:dyDescent="0.3">
      <c r="A41836" s="13" t="s">
        <v>247</v>
      </c>
      <c r="B41836" s="14" t="s">
        <v>1</v>
      </c>
      <c r="C41836" s="14" t="s">
        <v>41</v>
      </c>
      <c r="D41836" s="14" t="s">
        <v>14</v>
      </c>
      <c r="E41836" s="15">
        <v>45602</v>
      </c>
      <c r="F41836" s="14" t="s">
        <v>15</v>
      </c>
      <c r="G41836" s="16">
        <v>0.13768150961507192</v>
      </c>
    </row>
    <row r="41837" spans="1:7" x14ac:dyDescent="0.3">
      <c r="A41837" s="13" t="s">
        <v>247</v>
      </c>
      <c r="B41837" s="14" t="s">
        <v>1</v>
      </c>
      <c r="C41837" s="14" t="s">
        <v>41</v>
      </c>
      <c r="D41837" s="14" t="s">
        <v>14</v>
      </c>
      <c r="E41837" s="15">
        <v>45603</v>
      </c>
      <c r="F41837" s="14" t="s">
        <v>15</v>
      </c>
      <c r="G41837" s="16">
        <v>0.13520092475900267</v>
      </c>
    </row>
    <row r="41838" spans="1:7" x14ac:dyDescent="0.3">
      <c r="A41838" s="13" t="s">
        <v>247</v>
      </c>
      <c r="B41838" s="14" t="s">
        <v>1</v>
      </c>
      <c r="C41838" s="14" t="s">
        <v>41</v>
      </c>
      <c r="D41838" s="14" t="s">
        <v>14</v>
      </c>
      <c r="E41838" s="15">
        <v>45604</v>
      </c>
      <c r="F41838" s="14" t="s">
        <v>15</v>
      </c>
      <c r="G41838" s="16">
        <v>0.14185860846539122</v>
      </c>
    </row>
    <row r="41839" spans="1:7" x14ac:dyDescent="0.3">
      <c r="A41839" s="13" t="s">
        <v>247</v>
      </c>
      <c r="B41839" s="14" t="s">
        <v>1</v>
      </c>
      <c r="C41839" s="14" t="s">
        <v>41</v>
      </c>
      <c r="D41839" s="14" t="s">
        <v>14</v>
      </c>
      <c r="E41839" s="15">
        <v>45605</v>
      </c>
      <c r="F41839" s="14" t="s">
        <v>15</v>
      </c>
      <c r="G41839" s="16">
        <v>0.14185860846539122</v>
      </c>
    </row>
    <row r="41840" spans="1:7" x14ac:dyDescent="0.3">
      <c r="A41840" s="13" t="s">
        <v>247</v>
      </c>
      <c r="B41840" s="14" t="s">
        <v>1</v>
      </c>
      <c r="C41840" s="14" t="s">
        <v>41</v>
      </c>
      <c r="D41840" s="14" t="s">
        <v>14</v>
      </c>
      <c r="E41840" s="15">
        <v>45606</v>
      </c>
      <c r="F41840" s="14" t="s">
        <v>15</v>
      </c>
      <c r="G41840" s="16">
        <v>0.14185860846539122</v>
      </c>
    </row>
    <row r="41841" spans="1:7" x14ac:dyDescent="0.3">
      <c r="A41841" s="13" t="s">
        <v>247</v>
      </c>
      <c r="B41841" s="14" t="s">
        <v>1</v>
      </c>
      <c r="C41841" s="14" t="s">
        <v>41</v>
      </c>
      <c r="D41841" s="14" t="s">
        <v>14</v>
      </c>
      <c r="E41841" s="15">
        <v>45607</v>
      </c>
      <c r="F41841" s="14" t="s">
        <v>15</v>
      </c>
      <c r="G41841" s="16">
        <v>0.1438725515967457</v>
      </c>
    </row>
    <row r="41842" spans="1:7" x14ac:dyDescent="0.3">
      <c r="A41842" s="13" t="s">
        <v>247</v>
      </c>
      <c r="B41842" s="14" t="s">
        <v>1</v>
      </c>
      <c r="C41842" s="14" t="s">
        <v>41</v>
      </c>
      <c r="D41842" s="14" t="s">
        <v>14</v>
      </c>
      <c r="E41842" s="15">
        <v>45608</v>
      </c>
      <c r="F41842" s="14" t="s">
        <v>15</v>
      </c>
      <c r="G41842" s="16">
        <v>0.13084376860610017</v>
      </c>
    </row>
    <row r="41843" spans="1:7" x14ac:dyDescent="0.3">
      <c r="A41843" s="13" t="s">
        <v>247</v>
      </c>
      <c r="B41843" s="14" t="s">
        <v>1</v>
      </c>
      <c r="C41843" s="14" t="s">
        <v>41</v>
      </c>
      <c r="D41843" s="14" t="s">
        <v>14</v>
      </c>
      <c r="E41843" s="15">
        <v>45609</v>
      </c>
      <c r="F41843" s="14" t="s">
        <v>15</v>
      </c>
      <c r="G41843" s="16">
        <v>0.12761926811056004</v>
      </c>
    </row>
    <row r="41844" spans="1:7" x14ac:dyDescent="0.3">
      <c r="A41844" s="13" t="s">
        <v>247</v>
      </c>
      <c r="B41844" s="14" t="s">
        <v>1</v>
      </c>
      <c r="C41844" s="14" t="s">
        <v>41</v>
      </c>
      <c r="D41844" s="14" t="s">
        <v>14</v>
      </c>
      <c r="E41844" s="15">
        <v>45610</v>
      </c>
      <c r="F41844" s="14" t="s">
        <v>15</v>
      </c>
      <c r="G41844" s="16">
        <v>0.12292228260477239</v>
      </c>
    </row>
    <row r="41845" spans="1:7" x14ac:dyDescent="0.3">
      <c r="A41845" s="13" t="s">
        <v>247</v>
      </c>
      <c r="B41845" s="14" t="s">
        <v>1</v>
      </c>
      <c r="C41845" s="14" t="s">
        <v>41</v>
      </c>
      <c r="D41845" s="14" t="s">
        <v>14</v>
      </c>
      <c r="E41845" s="15">
        <v>45611</v>
      </c>
      <c r="F41845" s="14" t="s">
        <v>15</v>
      </c>
      <c r="G41845" s="16">
        <v>0.12041922603187009</v>
      </c>
    </row>
    <row r="41846" spans="1:7" x14ac:dyDescent="0.3">
      <c r="A41846" s="13" t="s">
        <v>247</v>
      </c>
      <c r="B41846" s="14" t="s">
        <v>1</v>
      </c>
      <c r="C41846" s="14" t="s">
        <v>41</v>
      </c>
      <c r="D41846" s="14" t="s">
        <v>14</v>
      </c>
      <c r="E41846" s="15">
        <v>45612</v>
      </c>
      <c r="F41846" s="14" t="s">
        <v>15</v>
      </c>
      <c r="G41846" s="16">
        <v>0.12041922603187009</v>
      </c>
    </row>
    <row r="41847" spans="1:7" x14ac:dyDescent="0.3">
      <c r="A41847" s="13" t="s">
        <v>247</v>
      </c>
      <c r="B41847" s="14" t="s">
        <v>1</v>
      </c>
      <c r="C41847" s="14" t="s">
        <v>41</v>
      </c>
      <c r="D41847" s="14" t="s">
        <v>14</v>
      </c>
      <c r="E41847" s="15">
        <v>45613</v>
      </c>
      <c r="F41847" s="14" t="s">
        <v>15</v>
      </c>
      <c r="G41847" s="16">
        <v>0.12041922603187009</v>
      </c>
    </row>
    <row r="41848" spans="1:7" x14ac:dyDescent="0.3">
      <c r="A41848" s="13" t="s">
        <v>247</v>
      </c>
      <c r="B41848" s="14" t="s">
        <v>1</v>
      </c>
      <c r="C41848" s="14" t="s">
        <v>41</v>
      </c>
      <c r="D41848" s="14" t="s">
        <v>14</v>
      </c>
      <c r="E41848" s="15">
        <v>45614</v>
      </c>
      <c r="F41848" s="14" t="s">
        <v>15</v>
      </c>
      <c r="G41848" s="16">
        <v>0.12310208584052827</v>
      </c>
    </row>
    <row r="41849" spans="1:7" x14ac:dyDescent="0.3">
      <c r="A41849" s="13" t="s">
        <v>247</v>
      </c>
      <c r="B41849" s="14" t="s">
        <v>1</v>
      </c>
      <c r="C41849" s="14" t="s">
        <v>41</v>
      </c>
      <c r="D41849" s="14" t="s">
        <v>14</v>
      </c>
      <c r="E41849" s="15">
        <v>45615</v>
      </c>
      <c r="F41849" s="14" t="s">
        <v>15</v>
      </c>
      <c r="G41849" s="16">
        <v>0.11102905452052156</v>
      </c>
    </row>
    <row r="41850" spans="1:7" x14ac:dyDescent="0.3">
      <c r="A41850" s="13" t="s">
        <v>247</v>
      </c>
      <c r="B41850" s="14" t="s">
        <v>1</v>
      </c>
      <c r="C41850" s="14" t="s">
        <v>41</v>
      </c>
      <c r="D41850" s="14" t="s">
        <v>14</v>
      </c>
      <c r="E41850" s="15">
        <v>45616</v>
      </c>
      <c r="F41850" s="14" t="s">
        <v>15</v>
      </c>
      <c r="G41850" s="16">
        <v>0.10735915513114307</v>
      </c>
    </row>
    <row r="41851" spans="1:7" x14ac:dyDescent="0.3">
      <c r="A41851" s="13" t="s">
        <v>247</v>
      </c>
      <c r="B41851" s="14" t="s">
        <v>1</v>
      </c>
      <c r="C41851" s="14" t="s">
        <v>41</v>
      </c>
      <c r="D41851" s="14" t="s">
        <v>14</v>
      </c>
      <c r="E41851" s="15">
        <v>45617</v>
      </c>
      <c r="F41851" s="14" t="s">
        <v>15</v>
      </c>
      <c r="G41851" s="16">
        <v>0.10392789271908533</v>
      </c>
    </row>
    <row r="41852" spans="1:7" x14ac:dyDescent="0.3">
      <c r="A41852" s="13" t="s">
        <v>247</v>
      </c>
      <c r="B41852" s="14" t="s">
        <v>1</v>
      </c>
      <c r="C41852" s="14" t="s">
        <v>41</v>
      </c>
      <c r="D41852" s="14" t="s">
        <v>14</v>
      </c>
      <c r="E41852" s="15">
        <v>45618</v>
      </c>
      <c r="F41852" s="14" t="s">
        <v>15</v>
      </c>
      <c r="G41852" s="16">
        <v>9.9765711487264083E-2</v>
      </c>
    </row>
    <row r="41853" spans="1:7" x14ac:dyDescent="0.3">
      <c r="A41853" s="13" t="s">
        <v>247</v>
      </c>
      <c r="B41853" s="14" t="s">
        <v>1</v>
      </c>
      <c r="C41853" s="14" t="s">
        <v>41</v>
      </c>
      <c r="D41853" s="14" t="s">
        <v>14</v>
      </c>
      <c r="E41853" s="15">
        <v>45619</v>
      </c>
      <c r="F41853" s="14" t="s">
        <v>15</v>
      </c>
      <c r="G41853" s="16">
        <v>9.9765711487264083E-2</v>
      </c>
    </row>
    <row r="41854" spans="1:7" x14ac:dyDescent="0.3">
      <c r="A41854" s="13" t="s">
        <v>247</v>
      </c>
      <c r="B41854" s="14" t="s">
        <v>1</v>
      </c>
      <c r="C41854" s="14" t="s">
        <v>41</v>
      </c>
      <c r="D41854" s="14" t="s">
        <v>14</v>
      </c>
      <c r="E41854" s="15">
        <v>45620</v>
      </c>
      <c r="F41854" s="14" t="s">
        <v>15</v>
      </c>
      <c r="G41854" s="16">
        <v>9.9765711487264083E-2</v>
      </c>
    </row>
    <row r="41855" spans="1:7" x14ac:dyDescent="0.3">
      <c r="A41855" s="13" t="s">
        <v>247</v>
      </c>
      <c r="B41855" s="14" t="s">
        <v>1</v>
      </c>
      <c r="C41855" s="14" t="s">
        <v>41</v>
      </c>
      <c r="D41855" s="14" t="s">
        <v>14</v>
      </c>
      <c r="E41855" s="15">
        <v>45621</v>
      </c>
      <c r="F41855" s="14" t="s">
        <v>15</v>
      </c>
      <c r="G41855" s="16">
        <v>9.6112455155836399E-2</v>
      </c>
    </row>
    <row r="41856" spans="1:7" x14ac:dyDescent="0.3">
      <c r="A41856" s="13" t="s">
        <v>247</v>
      </c>
      <c r="B41856" s="14" t="s">
        <v>1</v>
      </c>
      <c r="C41856" s="14" t="s">
        <v>41</v>
      </c>
      <c r="D41856" s="14" t="s">
        <v>14</v>
      </c>
      <c r="E41856" s="15">
        <v>45622</v>
      </c>
      <c r="F41856" s="14" t="s">
        <v>15</v>
      </c>
      <c r="G41856" s="16">
        <v>8.467363367013056E-2</v>
      </c>
    </row>
    <row r="41857" spans="1:7" x14ac:dyDescent="0.3">
      <c r="A41857" s="13" t="s">
        <v>247</v>
      </c>
      <c r="B41857" s="14" t="s">
        <v>1</v>
      </c>
      <c r="C41857" s="14" t="s">
        <v>41</v>
      </c>
      <c r="D41857" s="14" t="s">
        <v>14</v>
      </c>
      <c r="E41857" s="15">
        <v>45623</v>
      </c>
      <c r="F41857" s="14" t="s">
        <v>15</v>
      </c>
      <c r="G41857" s="16">
        <v>8.1645896940034643E-2</v>
      </c>
    </row>
    <row r="41858" spans="1:7" x14ac:dyDescent="0.3">
      <c r="A41858" s="13" t="s">
        <v>247</v>
      </c>
      <c r="B41858" s="14" t="s">
        <v>1</v>
      </c>
      <c r="C41858" s="14" t="s">
        <v>41</v>
      </c>
      <c r="D41858" s="14" t="s">
        <v>14</v>
      </c>
      <c r="E41858" s="15">
        <v>45624</v>
      </c>
      <c r="F41858" s="14" t="s">
        <v>15</v>
      </c>
      <c r="G41858" s="16">
        <v>7.7365658742611462E-2</v>
      </c>
    </row>
    <row r="41859" spans="1:7" x14ac:dyDescent="0.3">
      <c r="A41859" s="13" t="s">
        <v>247</v>
      </c>
      <c r="B41859" s="14" t="s">
        <v>1</v>
      </c>
      <c r="C41859" s="14" t="s">
        <v>41</v>
      </c>
      <c r="D41859" s="14" t="s">
        <v>14</v>
      </c>
      <c r="E41859" s="15">
        <v>45625</v>
      </c>
      <c r="F41859" s="14" t="s">
        <v>15</v>
      </c>
      <c r="G41859" s="16">
        <v>7.8952815601974868E-2</v>
      </c>
    </row>
    <row r="41860" spans="1:7" x14ac:dyDescent="0.3">
      <c r="A41860" s="13" t="s">
        <v>247</v>
      </c>
      <c r="B41860" s="14" t="s">
        <v>1</v>
      </c>
      <c r="C41860" s="14" t="s">
        <v>41</v>
      </c>
      <c r="D41860" s="14" t="s">
        <v>14</v>
      </c>
      <c r="E41860" s="15">
        <v>45626</v>
      </c>
      <c r="F41860" s="14" t="s">
        <v>15</v>
      </c>
      <c r="G41860" s="16">
        <v>7.8952815601974868E-2</v>
      </c>
    </row>
    <row r="41861" spans="1:7" x14ac:dyDescent="0.3">
      <c r="A41861" s="13" t="s">
        <v>247</v>
      </c>
      <c r="B41861" s="14" t="s">
        <v>1</v>
      </c>
      <c r="C41861" s="14" t="s">
        <v>41</v>
      </c>
      <c r="D41861" s="14" t="s">
        <v>14</v>
      </c>
      <c r="E41861" s="15">
        <v>45627</v>
      </c>
      <c r="F41861" s="14" t="s">
        <v>15</v>
      </c>
      <c r="G41861" s="16">
        <v>7.8952815601974868E-2</v>
      </c>
    </row>
    <row r="41862" spans="1:7" x14ac:dyDescent="0.3">
      <c r="A41862" s="13" t="s">
        <v>247</v>
      </c>
      <c r="B41862" s="14" t="s">
        <v>1</v>
      </c>
      <c r="C41862" s="14" t="s">
        <v>41</v>
      </c>
      <c r="D41862" s="14" t="s">
        <v>14</v>
      </c>
      <c r="E41862" s="15">
        <v>45628</v>
      </c>
      <c r="F41862" s="14" t="s">
        <v>15</v>
      </c>
      <c r="G41862" s="16">
        <v>7.4882011969113996E-2</v>
      </c>
    </row>
    <row r="41863" spans="1:7" x14ac:dyDescent="0.3">
      <c r="A41863" s="13" t="s">
        <v>247</v>
      </c>
      <c r="B41863" s="14" t="s">
        <v>1</v>
      </c>
      <c r="C41863" s="14" t="s">
        <v>41</v>
      </c>
      <c r="D41863" s="14" t="s">
        <v>14</v>
      </c>
      <c r="E41863" s="15">
        <v>45629</v>
      </c>
      <c r="F41863" s="14" t="s">
        <v>15</v>
      </c>
      <c r="G41863" s="16">
        <v>6.9491986780243722E-2</v>
      </c>
    </row>
    <row r="41864" spans="1:7" x14ac:dyDescent="0.3">
      <c r="A41864" s="13" t="s">
        <v>247</v>
      </c>
      <c r="B41864" s="14" t="s">
        <v>1</v>
      </c>
      <c r="C41864" s="14" t="s">
        <v>41</v>
      </c>
      <c r="D41864" s="14" t="s">
        <v>14</v>
      </c>
      <c r="E41864" s="15">
        <v>45630</v>
      </c>
      <c r="F41864" s="14" t="s">
        <v>15</v>
      </c>
      <c r="G41864" s="16">
        <v>6.4851044833876381E-2</v>
      </c>
    </row>
    <row r="41865" spans="1:7" x14ac:dyDescent="0.3">
      <c r="A41865" s="13" t="s">
        <v>247</v>
      </c>
      <c r="B41865" s="14" t="s">
        <v>1</v>
      </c>
      <c r="C41865" s="14" t="s">
        <v>41</v>
      </c>
      <c r="D41865" s="14" t="s">
        <v>14</v>
      </c>
      <c r="E41865" s="15">
        <v>45631</v>
      </c>
      <c r="F41865" s="14" t="s">
        <v>15</v>
      </c>
      <c r="G41865" s="16">
        <v>6.0819381599127254E-2</v>
      </c>
    </row>
    <row r="41866" spans="1:7" x14ac:dyDescent="0.3">
      <c r="A41866" s="13" t="s">
        <v>247</v>
      </c>
      <c r="B41866" s="14" t="s">
        <v>1</v>
      </c>
      <c r="C41866" s="14" t="s">
        <v>41</v>
      </c>
      <c r="D41866" s="14" t="s">
        <v>14</v>
      </c>
      <c r="E41866" s="15">
        <v>45632</v>
      </c>
      <c r="F41866" s="14" t="s">
        <v>15</v>
      </c>
      <c r="G41866" s="16">
        <v>5.6567984131240534E-2</v>
      </c>
    </row>
    <row r="41867" spans="1:7" x14ac:dyDescent="0.3">
      <c r="A41867" s="13" t="s">
        <v>247</v>
      </c>
      <c r="B41867" s="14" t="s">
        <v>1</v>
      </c>
      <c r="C41867" s="14" t="s">
        <v>41</v>
      </c>
      <c r="D41867" s="14" t="s">
        <v>14</v>
      </c>
      <c r="E41867" s="15">
        <v>45633</v>
      </c>
      <c r="F41867" s="14" t="s">
        <v>15</v>
      </c>
      <c r="G41867" s="16">
        <v>5.6567984131240534E-2</v>
      </c>
    </row>
    <row r="41868" spans="1:7" x14ac:dyDescent="0.3">
      <c r="A41868" s="13" t="s">
        <v>247</v>
      </c>
      <c r="B41868" s="14" t="s">
        <v>1</v>
      </c>
      <c r="C41868" s="14" t="s">
        <v>41</v>
      </c>
      <c r="D41868" s="14" t="s">
        <v>14</v>
      </c>
      <c r="E41868" s="15">
        <v>45634</v>
      </c>
      <c r="F41868" s="14" t="s">
        <v>15</v>
      </c>
      <c r="G41868" s="16">
        <v>5.6567984131240534E-2</v>
      </c>
    </row>
    <row r="41869" spans="1:7" x14ac:dyDescent="0.3">
      <c r="A41869" s="13" t="s">
        <v>247</v>
      </c>
      <c r="B41869" s="14" t="s">
        <v>1</v>
      </c>
      <c r="C41869" s="14" t="s">
        <v>41</v>
      </c>
      <c r="D41869" s="14" t="s">
        <v>14</v>
      </c>
      <c r="E41869" s="15">
        <v>45635</v>
      </c>
      <c r="F41869" s="14" t="s">
        <v>15</v>
      </c>
      <c r="G41869" s="16">
        <v>5.1912863408573144E-2</v>
      </c>
    </row>
    <row r="41870" spans="1:7" x14ac:dyDescent="0.3">
      <c r="A41870" s="13" t="s">
        <v>247</v>
      </c>
      <c r="B41870" s="14" t="s">
        <v>1</v>
      </c>
      <c r="C41870" s="14" t="s">
        <v>41</v>
      </c>
      <c r="D41870" s="14" t="s">
        <v>14</v>
      </c>
      <c r="E41870" s="15">
        <v>45636</v>
      </c>
      <c r="F41870" s="14" t="s">
        <v>15</v>
      </c>
      <c r="G41870" s="16">
        <v>3.925460836974045E-2</v>
      </c>
    </row>
    <row r="41871" spans="1:7" x14ac:dyDescent="0.3">
      <c r="A41871" s="13" t="s">
        <v>247</v>
      </c>
      <c r="B41871" s="14" t="s">
        <v>1</v>
      </c>
      <c r="C41871" s="14" t="s">
        <v>41</v>
      </c>
      <c r="D41871" s="14" t="s">
        <v>14</v>
      </c>
      <c r="E41871" s="15">
        <v>45637</v>
      </c>
      <c r="F41871" s="14" t="s">
        <v>15</v>
      </c>
      <c r="G41871" s="16">
        <v>3.4980289886837358E-2</v>
      </c>
    </row>
    <row r="41872" spans="1:7" x14ac:dyDescent="0.3">
      <c r="A41872" s="13" t="s">
        <v>247</v>
      </c>
      <c r="B41872" s="14" t="s">
        <v>1</v>
      </c>
      <c r="C41872" s="14" t="s">
        <v>41</v>
      </c>
      <c r="D41872" s="14" t="s">
        <v>14</v>
      </c>
      <c r="E41872" s="15">
        <v>45638</v>
      </c>
      <c r="F41872" s="14" t="s">
        <v>15</v>
      </c>
      <c r="G41872" s="16">
        <v>3.0799167856383754E-2</v>
      </c>
    </row>
    <row r="41873" spans="1:7" x14ac:dyDescent="0.3">
      <c r="A41873" s="13" t="s">
        <v>247</v>
      </c>
      <c r="B41873" s="14" t="s">
        <v>1</v>
      </c>
      <c r="C41873" s="14" t="s">
        <v>41</v>
      </c>
      <c r="D41873" s="14" t="s">
        <v>14</v>
      </c>
      <c r="E41873" s="15">
        <v>45639</v>
      </c>
      <c r="F41873" s="14" t="s">
        <v>15</v>
      </c>
      <c r="G41873" s="16">
        <v>2.6449046675193152E-2</v>
      </c>
    </row>
    <row r="41874" spans="1:7" x14ac:dyDescent="0.3">
      <c r="A41874" s="13" t="s">
        <v>247</v>
      </c>
      <c r="B41874" s="14" t="s">
        <v>1</v>
      </c>
      <c r="C41874" s="14" t="s">
        <v>41</v>
      </c>
      <c r="D41874" s="14" t="s">
        <v>14</v>
      </c>
      <c r="E41874" s="15">
        <v>45640</v>
      </c>
      <c r="F41874" s="14" t="s">
        <v>15</v>
      </c>
      <c r="G41874" s="16">
        <v>2.6449046675193152E-2</v>
      </c>
    </row>
    <row r="41875" spans="1:7" x14ac:dyDescent="0.3">
      <c r="A41875" s="13" t="s">
        <v>247</v>
      </c>
      <c r="B41875" s="14" t="s">
        <v>1</v>
      </c>
      <c r="C41875" s="14" t="s">
        <v>41</v>
      </c>
      <c r="D41875" s="14" t="s">
        <v>14</v>
      </c>
      <c r="E41875" s="15">
        <v>45641</v>
      </c>
      <c r="F41875" s="14" t="s">
        <v>15</v>
      </c>
      <c r="G41875" s="16">
        <v>2.6449046675193152E-2</v>
      </c>
    </row>
    <row r="41876" spans="1:7" x14ac:dyDescent="0.3">
      <c r="A41876" s="13" t="s">
        <v>247</v>
      </c>
      <c r="B41876" s="14" t="s">
        <v>1</v>
      </c>
      <c r="C41876" s="14" t="s">
        <v>41</v>
      </c>
      <c r="D41876" s="14" t="s">
        <v>14</v>
      </c>
      <c r="E41876" s="15">
        <v>45642</v>
      </c>
      <c r="F41876" s="14" t="s">
        <v>15</v>
      </c>
      <c r="G41876" s="16">
        <v>2.2200293402117217E-2</v>
      </c>
    </row>
    <row r="41877" spans="1:7" x14ac:dyDescent="0.3">
      <c r="A41877" s="13" t="s">
        <v>247</v>
      </c>
      <c r="B41877" s="14" t="s">
        <v>1</v>
      </c>
      <c r="C41877" s="14" t="s">
        <v>41</v>
      </c>
      <c r="D41877" s="14" t="s">
        <v>14</v>
      </c>
      <c r="E41877" s="15">
        <v>45643</v>
      </c>
      <c r="F41877" s="14" t="s">
        <v>15</v>
      </c>
      <c r="G41877" s="16">
        <v>9.9520921053854027E-3</v>
      </c>
    </row>
    <row r="41878" spans="1:7" x14ac:dyDescent="0.3">
      <c r="A41878" s="13" t="s">
        <v>247</v>
      </c>
      <c r="B41878" s="14" t="s">
        <v>1</v>
      </c>
      <c r="C41878" s="14" t="s">
        <v>41</v>
      </c>
      <c r="D41878" s="14" t="s">
        <v>14</v>
      </c>
      <c r="E41878" s="15">
        <v>45644</v>
      </c>
      <c r="F41878" s="14" t="s">
        <v>15</v>
      </c>
      <c r="G41878" s="16">
        <v>5.7923759134021844E-3</v>
      </c>
    </row>
    <row r="41879" spans="1:7" x14ac:dyDescent="0.3">
      <c r="A41879" s="13" t="s">
        <v>247</v>
      </c>
      <c r="B41879" s="14" t="s">
        <v>1</v>
      </c>
      <c r="C41879" s="14" t="s">
        <v>41</v>
      </c>
      <c r="D41879" s="14" t="s">
        <v>14</v>
      </c>
      <c r="E41879" s="15">
        <v>45645</v>
      </c>
      <c r="F41879" s="14" t="s">
        <v>15</v>
      </c>
      <c r="G41879" s="16">
        <v>1.7070201451712759E-3</v>
      </c>
    </row>
    <row r="41880" spans="1:7" x14ac:dyDescent="0.3">
      <c r="A41880" s="13" t="s">
        <v>247</v>
      </c>
      <c r="B41880" s="14" t="s">
        <v>1</v>
      </c>
      <c r="C41880" s="14" t="s">
        <v>41</v>
      </c>
      <c r="D41880" s="14" t="s">
        <v>14</v>
      </c>
      <c r="E41880" s="15">
        <v>45646</v>
      </c>
      <c r="F41880" s="14" t="s">
        <v>15</v>
      </c>
      <c r="G41880" s="16">
        <v>0</v>
      </c>
    </row>
    <row r="41881" spans="1:7" x14ac:dyDescent="0.3">
      <c r="A41881" s="13" t="s">
        <v>247</v>
      </c>
      <c r="B41881" s="14" t="s">
        <v>1</v>
      </c>
      <c r="C41881" s="14" t="s">
        <v>41</v>
      </c>
      <c r="D41881" s="14" t="s">
        <v>14</v>
      </c>
      <c r="E41881" s="15">
        <v>45647</v>
      </c>
      <c r="F41881" s="14" t="s">
        <v>15</v>
      </c>
      <c r="G41881" s="16">
        <v>0</v>
      </c>
    </row>
    <row r="41882" spans="1:7" x14ac:dyDescent="0.3">
      <c r="A41882" s="13" t="s">
        <v>247</v>
      </c>
      <c r="B41882" s="14" t="s">
        <v>1</v>
      </c>
      <c r="C41882" s="14" t="s">
        <v>41</v>
      </c>
      <c r="D41882" s="14" t="s">
        <v>14</v>
      </c>
      <c r="E41882" s="15">
        <v>45648</v>
      </c>
      <c r="F41882" s="14" t="s">
        <v>15</v>
      </c>
      <c r="G41882" s="16">
        <v>0</v>
      </c>
    </row>
    <row r="41883" spans="1:7" x14ac:dyDescent="0.3">
      <c r="A41883" s="13" t="s">
        <v>247</v>
      </c>
      <c r="B41883" s="14" t="s">
        <v>1</v>
      </c>
      <c r="C41883" s="14" t="s">
        <v>41</v>
      </c>
      <c r="D41883" s="14" t="s">
        <v>14</v>
      </c>
      <c r="E41883" s="15">
        <v>45649</v>
      </c>
      <c r="F41883" s="14" t="s">
        <v>15</v>
      </c>
      <c r="G41883" s="16">
        <v>0</v>
      </c>
    </row>
    <row r="41884" spans="1:7" x14ac:dyDescent="0.3">
      <c r="A41884" s="13" t="s">
        <v>247</v>
      </c>
      <c r="B41884" s="14" t="s">
        <v>1</v>
      </c>
      <c r="C41884" s="14" t="s">
        <v>41</v>
      </c>
      <c r="D41884" s="14" t="s">
        <v>14</v>
      </c>
      <c r="E41884" s="15">
        <v>45650</v>
      </c>
      <c r="F41884" s="14" t="s">
        <v>15</v>
      </c>
      <c r="G41884" s="16">
        <v>0</v>
      </c>
    </row>
    <row r="41885" spans="1:7" x14ac:dyDescent="0.3">
      <c r="A41885" s="13" t="s">
        <v>247</v>
      </c>
      <c r="B41885" s="14" t="s">
        <v>1</v>
      </c>
      <c r="C41885" s="14" t="s">
        <v>41</v>
      </c>
      <c r="D41885" s="14" t="s">
        <v>14</v>
      </c>
      <c r="E41885" s="15">
        <v>45651</v>
      </c>
      <c r="F41885" s="14" t="s">
        <v>15</v>
      </c>
      <c r="G41885" s="16">
        <v>0</v>
      </c>
    </row>
    <row r="41886" spans="1:7" x14ac:dyDescent="0.3">
      <c r="A41886" s="13" t="s">
        <v>247</v>
      </c>
      <c r="B41886" s="14" t="s">
        <v>1</v>
      </c>
      <c r="C41886" s="14" t="s">
        <v>41</v>
      </c>
      <c r="D41886" s="14" t="s">
        <v>14</v>
      </c>
      <c r="E41886" s="15">
        <v>45652</v>
      </c>
      <c r="F41886" s="14" t="s">
        <v>15</v>
      </c>
      <c r="G41886" s="16">
        <v>0</v>
      </c>
    </row>
    <row r="41887" spans="1:7" x14ac:dyDescent="0.3">
      <c r="A41887" s="13" t="s">
        <v>247</v>
      </c>
      <c r="B41887" s="14" t="s">
        <v>1</v>
      </c>
      <c r="C41887" s="14" t="s">
        <v>41</v>
      </c>
      <c r="D41887" s="14" t="s">
        <v>14</v>
      </c>
      <c r="E41887" s="15">
        <v>45653</v>
      </c>
      <c r="F41887" s="14" t="s">
        <v>15</v>
      </c>
      <c r="G41887" s="16">
        <v>0</v>
      </c>
    </row>
    <row r="41888" spans="1:7" x14ac:dyDescent="0.3">
      <c r="A41888" s="13" t="s">
        <v>247</v>
      </c>
      <c r="B41888" s="14" t="s">
        <v>1</v>
      </c>
      <c r="C41888" s="14" t="s">
        <v>41</v>
      </c>
      <c r="D41888" s="14" t="s">
        <v>14</v>
      </c>
      <c r="E41888" s="15">
        <v>45654</v>
      </c>
      <c r="F41888" s="14" t="s">
        <v>15</v>
      </c>
      <c r="G41888" s="16">
        <v>0</v>
      </c>
    </row>
    <row r="41889" spans="1:7" x14ac:dyDescent="0.3">
      <c r="A41889" s="13" t="s">
        <v>247</v>
      </c>
      <c r="B41889" s="14" t="s">
        <v>1</v>
      </c>
      <c r="C41889" s="14" t="s">
        <v>41</v>
      </c>
      <c r="D41889" s="14" t="s">
        <v>14</v>
      </c>
      <c r="E41889" s="15">
        <v>45655</v>
      </c>
      <c r="F41889" s="14" t="s">
        <v>15</v>
      </c>
      <c r="G41889" s="16">
        <v>0</v>
      </c>
    </row>
    <row r="41890" spans="1:7" x14ac:dyDescent="0.3">
      <c r="A41890" s="13" t="s">
        <v>247</v>
      </c>
      <c r="B41890" s="14" t="s">
        <v>1</v>
      </c>
      <c r="C41890" s="14" t="s">
        <v>41</v>
      </c>
      <c r="D41890" s="14" t="s">
        <v>14</v>
      </c>
      <c r="E41890" s="15">
        <v>45656</v>
      </c>
      <c r="F41890" s="14" t="s">
        <v>15</v>
      </c>
      <c r="G41890" s="16">
        <v>0</v>
      </c>
    </row>
    <row r="41891" spans="1:7" x14ac:dyDescent="0.3">
      <c r="A41891" s="13" t="s">
        <v>247</v>
      </c>
      <c r="B41891" s="14" t="s">
        <v>1</v>
      </c>
      <c r="C41891" s="14" t="s">
        <v>41</v>
      </c>
      <c r="D41891" s="14" t="s">
        <v>14</v>
      </c>
      <c r="E41891" s="15">
        <v>45657</v>
      </c>
      <c r="F41891" s="14" t="s">
        <v>15</v>
      </c>
      <c r="G41891" s="16">
        <v>0</v>
      </c>
    </row>
    <row r="41892" spans="1:7" x14ac:dyDescent="0.3">
      <c r="A41892" s="13" t="s">
        <v>247</v>
      </c>
      <c r="B41892" s="14" t="s">
        <v>1</v>
      </c>
      <c r="C41892" s="14" t="s">
        <v>41</v>
      </c>
      <c r="D41892" s="14" t="s">
        <v>14</v>
      </c>
      <c r="E41892" s="15">
        <v>45658</v>
      </c>
      <c r="F41892" s="14" t="s">
        <v>15</v>
      </c>
      <c r="G41892" s="16">
        <v>0</v>
      </c>
    </row>
    <row r="41893" spans="1:7" x14ac:dyDescent="0.3">
      <c r="A41893" s="13" t="s">
        <v>247</v>
      </c>
      <c r="B41893" s="14" t="s">
        <v>1</v>
      </c>
      <c r="C41893" s="14" t="s">
        <v>41</v>
      </c>
      <c r="D41893" s="14" t="s">
        <v>14</v>
      </c>
      <c r="E41893" s="15">
        <v>45659</v>
      </c>
      <c r="F41893" s="14" t="s">
        <v>15</v>
      </c>
      <c r="G41893" s="16">
        <v>0</v>
      </c>
    </row>
    <row r="41894" spans="1:7" x14ac:dyDescent="0.3">
      <c r="A41894" s="13" t="s">
        <v>247</v>
      </c>
      <c r="B41894" s="14" t="s">
        <v>1</v>
      </c>
      <c r="C41894" s="14" t="s">
        <v>41</v>
      </c>
      <c r="D41894" s="14" t="s">
        <v>14</v>
      </c>
      <c r="E41894" s="15">
        <v>45660</v>
      </c>
      <c r="F41894" s="14" t="s">
        <v>15</v>
      </c>
      <c r="G41894" s="16">
        <v>0</v>
      </c>
    </row>
    <row r="41895" spans="1:7" x14ac:dyDescent="0.3">
      <c r="A41895" s="13" t="s">
        <v>247</v>
      </c>
      <c r="B41895" s="14" t="s">
        <v>1</v>
      </c>
      <c r="C41895" s="14" t="s">
        <v>41</v>
      </c>
      <c r="D41895" s="14" t="s">
        <v>14</v>
      </c>
      <c r="E41895" s="15">
        <v>45661</v>
      </c>
      <c r="F41895" s="14" t="s">
        <v>15</v>
      </c>
      <c r="G41895" s="16">
        <v>0</v>
      </c>
    </row>
    <row r="41896" spans="1:7" x14ac:dyDescent="0.3">
      <c r="A41896" s="13" t="s">
        <v>247</v>
      </c>
      <c r="B41896" s="14" t="s">
        <v>1</v>
      </c>
      <c r="C41896" s="14" t="s">
        <v>41</v>
      </c>
      <c r="D41896" s="14" t="s">
        <v>14</v>
      </c>
      <c r="E41896" s="15">
        <v>45662</v>
      </c>
      <c r="F41896" s="14" t="s">
        <v>15</v>
      </c>
      <c r="G41896" s="16">
        <v>0</v>
      </c>
    </row>
    <row r="41897" spans="1:7" x14ac:dyDescent="0.3">
      <c r="A41897" s="13" t="s">
        <v>247</v>
      </c>
      <c r="B41897" s="14" t="s">
        <v>1</v>
      </c>
      <c r="C41897" s="14" t="s">
        <v>41</v>
      </c>
      <c r="D41897" s="14" t="s">
        <v>14</v>
      </c>
      <c r="E41897" s="15">
        <v>45663</v>
      </c>
      <c r="F41897" s="14" t="s">
        <v>15</v>
      </c>
      <c r="G41897" s="16">
        <v>5.7513628598891996E-2</v>
      </c>
    </row>
    <row r="41898" spans="1:7" x14ac:dyDescent="0.3">
      <c r="A41898" s="13" t="s">
        <v>247</v>
      </c>
      <c r="B41898" s="14" t="s">
        <v>1</v>
      </c>
      <c r="C41898" s="14" t="s">
        <v>41</v>
      </c>
      <c r="D41898" s="14" t="s">
        <v>14</v>
      </c>
      <c r="E41898" s="15">
        <v>45664</v>
      </c>
      <c r="F41898" s="14" t="s">
        <v>15</v>
      </c>
      <c r="G41898" s="16">
        <v>2.9708611865323246E-2</v>
      </c>
    </row>
    <row r="41899" spans="1:7" x14ac:dyDescent="0.3">
      <c r="A41899" s="13" t="s">
        <v>247</v>
      </c>
      <c r="B41899" s="14" t="s">
        <v>1</v>
      </c>
      <c r="C41899" s="14" t="s">
        <v>41</v>
      </c>
      <c r="D41899" s="14" t="s">
        <v>14</v>
      </c>
      <c r="E41899" s="15">
        <v>45665</v>
      </c>
      <c r="F41899" s="14" t="s">
        <v>15</v>
      </c>
      <c r="G41899" s="16">
        <v>2.5634647200456783E-2</v>
      </c>
    </row>
    <row r="41900" spans="1:7" x14ac:dyDescent="0.3">
      <c r="A41900" s="13" t="s">
        <v>247</v>
      </c>
      <c r="B41900" s="14" t="s">
        <v>1</v>
      </c>
      <c r="C41900" s="14" t="s">
        <v>41</v>
      </c>
      <c r="D41900" s="14" t="s">
        <v>14</v>
      </c>
      <c r="E41900" s="15">
        <v>45666</v>
      </c>
      <c r="F41900" s="14" t="s">
        <v>15</v>
      </c>
      <c r="G41900" s="16">
        <v>2.1593673712303332E-2</v>
      </c>
    </row>
    <row r="41901" spans="1:7" x14ac:dyDescent="0.3">
      <c r="A41901" s="13" t="s">
        <v>247</v>
      </c>
      <c r="B41901" s="14" t="s">
        <v>1</v>
      </c>
      <c r="C41901" s="14" t="s">
        <v>41</v>
      </c>
      <c r="D41901" s="14" t="s">
        <v>14</v>
      </c>
      <c r="E41901" s="15">
        <v>45667</v>
      </c>
      <c r="F41901" s="14" t="s">
        <v>15</v>
      </c>
      <c r="G41901" s="16">
        <v>1.7590802588022644E-2</v>
      </c>
    </row>
    <row r="41902" spans="1:7" x14ac:dyDescent="0.3">
      <c r="A41902" s="13" t="s">
        <v>247</v>
      </c>
      <c r="B41902" s="14" t="s">
        <v>1</v>
      </c>
      <c r="C41902" s="14" t="s">
        <v>41</v>
      </c>
      <c r="D41902" s="14" t="s">
        <v>14</v>
      </c>
      <c r="E41902" s="15">
        <v>45668</v>
      </c>
      <c r="F41902" s="14" t="s">
        <v>15</v>
      </c>
      <c r="G41902" s="16">
        <v>1.7590802588022644E-2</v>
      </c>
    </row>
    <row r="41903" spans="1:7" x14ac:dyDescent="0.3">
      <c r="A41903" s="13" t="s">
        <v>247</v>
      </c>
      <c r="B41903" s="14" t="s">
        <v>1</v>
      </c>
      <c r="C41903" s="14" t="s">
        <v>41</v>
      </c>
      <c r="D41903" s="14" t="s">
        <v>14</v>
      </c>
      <c r="E41903" s="15">
        <v>45669</v>
      </c>
      <c r="F41903" s="14" t="s">
        <v>15</v>
      </c>
      <c r="G41903" s="16">
        <v>1.7590802588022644E-2</v>
      </c>
    </row>
    <row r="41904" spans="1:7" x14ac:dyDescent="0.3">
      <c r="A41904" s="13" t="s">
        <v>247</v>
      </c>
      <c r="B41904" s="14" t="s">
        <v>1</v>
      </c>
      <c r="C41904" s="14" t="s">
        <v>41</v>
      </c>
      <c r="D41904" s="14" t="s">
        <v>14</v>
      </c>
      <c r="E41904" s="15">
        <v>45670</v>
      </c>
      <c r="F41904" s="14" t="s">
        <v>15</v>
      </c>
      <c r="G41904" s="16">
        <v>1.7590802588022644E-2</v>
      </c>
    </row>
    <row r="41905" spans="1:7" x14ac:dyDescent="0.3">
      <c r="A41905" s="13" t="s">
        <v>247</v>
      </c>
      <c r="B41905" s="14" t="s">
        <v>1</v>
      </c>
      <c r="C41905" s="14" t="s">
        <v>41</v>
      </c>
      <c r="D41905" s="14" t="s">
        <v>14</v>
      </c>
      <c r="E41905" s="15">
        <v>45671</v>
      </c>
      <c r="F41905" s="14" t="s">
        <v>15</v>
      </c>
      <c r="G41905" s="16">
        <v>1.3567479806952111E-2</v>
      </c>
    </row>
    <row r="41906" spans="1:7" x14ac:dyDescent="0.3">
      <c r="A41906" s="13" t="s">
        <v>247</v>
      </c>
      <c r="B41906" s="14" t="s">
        <v>1</v>
      </c>
      <c r="C41906" s="14" t="s">
        <v>41</v>
      </c>
      <c r="D41906" s="14" t="s">
        <v>14</v>
      </c>
      <c r="E41906" s="15">
        <v>45672</v>
      </c>
      <c r="F41906" s="14" t="s">
        <v>15</v>
      </c>
      <c r="G41906" s="16">
        <v>0</v>
      </c>
    </row>
    <row r="41907" spans="1:7" x14ac:dyDescent="0.3">
      <c r="A41907" s="13" t="s">
        <v>247</v>
      </c>
      <c r="B41907" s="14" t="s">
        <v>1</v>
      </c>
      <c r="C41907" s="14" t="s">
        <v>41</v>
      </c>
      <c r="D41907" s="14" t="s">
        <v>14</v>
      </c>
      <c r="E41907" s="15">
        <v>45673</v>
      </c>
      <c r="F41907" s="14" t="s">
        <v>15</v>
      </c>
      <c r="G41907" s="16">
        <v>0</v>
      </c>
    </row>
    <row r="41908" spans="1:7" x14ac:dyDescent="0.3">
      <c r="A41908" s="13" t="s">
        <v>247</v>
      </c>
      <c r="B41908" s="14" t="s">
        <v>1</v>
      </c>
      <c r="C41908" s="14" t="s">
        <v>41</v>
      </c>
      <c r="D41908" s="14" t="s">
        <v>14</v>
      </c>
      <c r="E41908" s="15">
        <v>45674</v>
      </c>
      <c r="F41908" s="14" t="s">
        <v>15</v>
      </c>
      <c r="G41908" s="16">
        <v>0</v>
      </c>
    </row>
    <row r="41909" spans="1:7" x14ac:dyDescent="0.3">
      <c r="A41909" s="13" t="s">
        <v>247</v>
      </c>
      <c r="B41909" s="14" t="s">
        <v>1</v>
      </c>
      <c r="C41909" s="14" t="s">
        <v>41</v>
      </c>
      <c r="D41909" s="14" t="s">
        <v>14</v>
      </c>
      <c r="E41909" s="15">
        <v>45675</v>
      </c>
      <c r="F41909" s="14" t="s">
        <v>15</v>
      </c>
      <c r="G41909" s="16">
        <v>0</v>
      </c>
    </row>
    <row r="41910" spans="1:7" x14ac:dyDescent="0.3">
      <c r="A41910" s="13" t="s">
        <v>247</v>
      </c>
      <c r="B41910" s="14" t="s">
        <v>1</v>
      </c>
      <c r="C41910" s="14" t="s">
        <v>41</v>
      </c>
      <c r="D41910" s="14" t="s">
        <v>14</v>
      </c>
      <c r="E41910" s="15">
        <v>45676</v>
      </c>
      <c r="F41910" s="14" t="s">
        <v>15</v>
      </c>
      <c r="G41910" s="16">
        <v>0</v>
      </c>
    </row>
    <row r="41911" spans="1:7" x14ac:dyDescent="0.3">
      <c r="A41911" s="13" t="s">
        <v>247</v>
      </c>
      <c r="B41911" s="14" t="s">
        <v>1</v>
      </c>
      <c r="C41911" s="14" t="s">
        <v>41</v>
      </c>
      <c r="D41911" s="14" t="s">
        <v>14</v>
      </c>
      <c r="E41911" s="15">
        <v>45677</v>
      </c>
      <c r="F41911" s="14" t="s">
        <v>15</v>
      </c>
      <c r="G41911" s="16">
        <v>0</v>
      </c>
    </row>
    <row r="41912" spans="1:7" x14ac:dyDescent="0.3">
      <c r="A41912" s="13" t="s">
        <v>247</v>
      </c>
      <c r="B41912" s="14" t="s">
        <v>1</v>
      </c>
      <c r="C41912" s="14" t="s">
        <v>41</v>
      </c>
      <c r="D41912" s="14" t="s">
        <v>14</v>
      </c>
      <c r="E41912" s="15">
        <v>45678</v>
      </c>
      <c r="F41912" s="14" t="s">
        <v>15</v>
      </c>
      <c r="G41912" s="16">
        <v>0</v>
      </c>
    </row>
    <row r="41913" spans="1:7" x14ac:dyDescent="0.3">
      <c r="A41913" s="13" t="s">
        <v>247</v>
      </c>
      <c r="B41913" s="14" t="s">
        <v>1</v>
      </c>
      <c r="C41913" s="14" t="s">
        <v>41</v>
      </c>
      <c r="D41913" s="14" t="s">
        <v>14</v>
      </c>
      <c r="E41913" s="15">
        <v>45679</v>
      </c>
      <c r="F41913" s="14" t="s">
        <v>15</v>
      </c>
      <c r="G41913" s="16">
        <v>0</v>
      </c>
    </row>
    <row r="41914" spans="1:7" x14ac:dyDescent="0.3">
      <c r="A41914" s="13" t="s">
        <v>247</v>
      </c>
      <c r="B41914" s="14" t="s">
        <v>1</v>
      </c>
      <c r="C41914" s="14" t="s">
        <v>41</v>
      </c>
      <c r="D41914" s="14" t="s">
        <v>14</v>
      </c>
      <c r="E41914" s="15">
        <v>45680</v>
      </c>
      <c r="F41914" s="14" t="s">
        <v>15</v>
      </c>
      <c r="G41914" s="16">
        <v>0</v>
      </c>
    </row>
    <row r="41915" spans="1:7" x14ac:dyDescent="0.3">
      <c r="A41915" s="13" t="s">
        <v>247</v>
      </c>
      <c r="B41915" s="14" t="s">
        <v>1</v>
      </c>
      <c r="C41915" s="14" t="s">
        <v>41</v>
      </c>
      <c r="D41915" s="14" t="s">
        <v>14</v>
      </c>
      <c r="E41915" s="15">
        <v>45681</v>
      </c>
      <c r="F41915" s="14" t="s">
        <v>15</v>
      </c>
      <c r="G41915" s="16">
        <v>0</v>
      </c>
    </row>
    <row r="41916" spans="1:7" x14ac:dyDescent="0.3">
      <c r="A41916" s="13" t="s">
        <v>247</v>
      </c>
      <c r="B41916" s="14" t="s">
        <v>1</v>
      </c>
      <c r="C41916" s="14" t="s">
        <v>41</v>
      </c>
      <c r="D41916" s="14" t="s">
        <v>14</v>
      </c>
      <c r="E41916" s="15">
        <v>45682</v>
      </c>
      <c r="F41916" s="14" t="s">
        <v>15</v>
      </c>
      <c r="G41916" s="16">
        <v>0</v>
      </c>
    </row>
    <row r="41917" spans="1:7" x14ac:dyDescent="0.3">
      <c r="A41917" s="13" t="s">
        <v>247</v>
      </c>
      <c r="B41917" s="14" t="s">
        <v>1</v>
      </c>
      <c r="C41917" s="14" t="s">
        <v>41</v>
      </c>
      <c r="D41917" s="14" t="s">
        <v>14</v>
      </c>
      <c r="E41917" s="15">
        <v>45683</v>
      </c>
      <c r="F41917" s="14" t="s">
        <v>15</v>
      </c>
      <c r="G41917" s="16">
        <v>0</v>
      </c>
    </row>
    <row r="41918" spans="1:7" x14ac:dyDescent="0.3">
      <c r="A41918" s="13" t="s">
        <v>247</v>
      </c>
      <c r="B41918" s="14" t="s">
        <v>1</v>
      </c>
      <c r="C41918" s="14" t="s">
        <v>41</v>
      </c>
      <c r="D41918" s="14" t="s">
        <v>14</v>
      </c>
      <c r="E41918" s="15">
        <v>45684</v>
      </c>
      <c r="F41918" s="14" t="s">
        <v>15</v>
      </c>
      <c r="G41918" s="16">
        <v>0</v>
      </c>
    </row>
    <row r="41919" spans="1:7" x14ac:dyDescent="0.3">
      <c r="A41919" s="13" t="s">
        <v>247</v>
      </c>
      <c r="B41919" s="14" t="s">
        <v>1</v>
      </c>
      <c r="C41919" s="14" t="s">
        <v>41</v>
      </c>
      <c r="D41919" s="14" t="s">
        <v>14</v>
      </c>
      <c r="E41919" s="15">
        <v>45685</v>
      </c>
      <c r="F41919" s="14" t="s">
        <v>15</v>
      </c>
      <c r="G41919" s="16">
        <v>0</v>
      </c>
    </row>
    <row r="41920" spans="1:7" x14ac:dyDescent="0.3">
      <c r="A41920" s="13" t="s">
        <v>247</v>
      </c>
      <c r="B41920" s="14" t="s">
        <v>1</v>
      </c>
      <c r="C41920" s="14" t="s">
        <v>41</v>
      </c>
      <c r="D41920" s="14" t="s">
        <v>14</v>
      </c>
      <c r="E41920" s="15">
        <v>45686</v>
      </c>
      <c r="F41920" s="14" t="s">
        <v>15</v>
      </c>
      <c r="G41920" s="16">
        <v>0</v>
      </c>
    </row>
    <row r="41921" spans="1:7" x14ac:dyDescent="0.3">
      <c r="A41921" s="13" t="s">
        <v>247</v>
      </c>
      <c r="B41921" s="14" t="s">
        <v>1</v>
      </c>
      <c r="C41921" s="14" t="s">
        <v>41</v>
      </c>
      <c r="D41921" s="14" t="s">
        <v>14</v>
      </c>
      <c r="E41921" s="15">
        <v>45687</v>
      </c>
      <c r="F41921" s="14" t="s">
        <v>15</v>
      </c>
      <c r="G41921" s="16">
        <v>0</v>
      </c>
    </row>
    <row r="41922" spans="1:7" x14ac:dyDescent="0.3">
      <c r="A41922" s="13" t="s">
        <v>247</v>
      </c>
      <c r="B41922" s="14" t="s">
        <v>1</v>
      </c>
      <c r="C41922" s="14" t="s">
        <v>41</v>
      </c>
      <c r="D41922" s="14" t="s">
        <v>14</v>
      </c>
      <c r="E41922" s="15">
        <v>45688</v>
      </c>
      <c r="F41922" s="14" t="s">
        <v>15</v>
      </c>
      <c r="G41922" s="16">
        <v>0</v>
      </c>
    </row>
    <row r="41923" spans="1:7" x14ac:dyDescent="0.3">
      <c r="A41923" s="13" t="s">
        <v>247</v>
      </c>
      <c r="B41923" s="14" t="s">
        <v>1</v>
      </c>
      <c r="C41923" s="14" t="s">
        <v>41</v>
      </c>
      <c r="D41923" s="14" t="s">
        <v>14</v>
      </c>
      <c r="E41923" s="15">
        <v>45689</v>
      </c>
      <c r="F41923" s="14" t="s">
        <v>15</v>
      </c>
      <c r="G41923" s="16">
        <v>0</v>
      </c>
    </row>
    <row r="41924" spans="1:7" x14ac:dyDescent="0.3">
      <c r="A41924" s="13" t="s">
        <v>247</v>
      </c>
      <c r="B41924" s="14" t="s">
        <v>1</v>
      </c>
      <c r="C41924" s="14" t="s">
        <v>41</v>
      </c>
      <c r="D41924" s="14" t="s">
        <v>14</v>
      </c>
      <c r="E41924" s="15">
        <v>45690</v>
      </c>
      <c r="F41924" s="14" t="s">
        <v>15</v>
      </c>
      <c r="G41924" s="16">
        <v>0</v>
      </c>
    </row>
    <row r="41925" spans="1:7" x14ac:dyDescent="0.3">
      <c r="A41925" s="13" t="s">
        <v>247</v>
      </c>
      <c r="B41925" s="14" t="s">
        <v>1</v>
      </c>
      <c r="C41925" s="14" t="s">
        <v>41</v>
      </c>
      <c r="D41925" s="14" t="s">
        <v>14</v>
      </c>
      <c r="E41925" s="15">
        <v>45691</v>
      </c>
      <c r="F41925" s="14" t="s">
        <v>15</v>
      </c>
      <c r="G41925" s="16">
        <v>0</v>
      </c>
    </row>
    <row r="41926" spans="1:7" x14ac:dyDescent="0.3">
      <c r="A41926" s="13" t="s">
        <v>247</v>
      </c>
      <c r="B41926" s="14" t="s">
        <v>1</v>
      </c>
      <c r="C41926" s="14" t="s">
        <v>41</v>
      </c>
      <c r="D41926" s="14" t="s">
        <v>14</v>
      </c>
      <c r="E41926" s="15">
        <v>45692</v>
      </c>
      <c r="F41926" s="14" t="s">
        <v>15</v>
      </c>
      <c r="G41926" s="16">
        <v>0</v>
      </c>
    </row>
    <row r="41927" spans="1:7" x14ac:dyDescent="0.3">
      <c r="A41927" s="13" t="s">
        <v>247</v>
      </c>
      <c r="B41927" s="14" t="s">
        <v>1</v>
      </c>
      <c r="C41927" s="14" t="s">
        <v>41</v>
      </c>
      <c r="D41927" s="14" t="s">
        <v>14</v>
      </c>
      <c r="E41927" s="15">
        <v>45693</v>
      </c>
      <c r="F41927" s="14" t="s">
        <v>15</v>
      </c>
      <c r="G41927" s="16">
        <v>0</v>
      </c>
    </row>
    <row r="41928" spans="1:7" x14ac:dyDescent="0.3">
      <c r="A41928" s="13" t="s">
        <v>247</v>
      </c>
      <c r="B41928" s="14" t="s">
        <v>1</v>
      </c>
      <c r="C41928" s="14" t="s">
        <v>41</v>
      </c>
      <c r="D41928" s="14" t="s">
        <v>14</v>
      </c>
      <c r="E41928" s="15">
        <v>45694</v>
      </c>
      <c r="F41928" s="14" t="s">
        <v>15</v>
      </c>
      <c r="G41928" s="16">
        <v>0</v>
      </c>
    </row>
    <row r="41929" spans="1:7" x14ac:dyDescent="0.3">
      <c r="A41929" s="13" t="s">
        <v>247</v>
      </c>
      <c r="B41929" s="14" t="s">
        <v>1</v>
      </c>
      <c r="C41929" s="14" t="s">
        <v>41</v>
      </c>
      <c r="D41929" s="14" t="s">
        <v>14</v>
      </c>
      <c r="E41929" s="15">
        <v>45695</v>
      </c>
      <c r="F41929" s="14" t="s">
        <v>15</v>
      </c>
      <c r="G41929" s="16">
        <v>0</v>
      </c>
    </row>
    <row r="41930" spans="1:7" x14ac:dyDescent="0.3">
      <c r="A41930" s="13" t="s">
        <v>247</v>
      </c>
      <c r="B41930" s="14" t="s">
        <v>1</v>
      </c>
      <c r="C41930" s="14" t="s">
        <v>41</v>
      </c>
      <c r="D41930" s="14" t="s">
        <v>14</v>
      </c>
      <c r="E41930" s="15">
        <v>45696</v>
      </c>
      <c r="F41930" s="14" t="s">
        <v>15</v>
      </c>
      <c r="G41930" s="16">
        <v>0</v>
      </c>
    </row>
    <row r="41931" spans="1:7" x14ac:dyDescent="0.3">
      <c r="A41931" s="13" t="s">
        <v>247</v>
      </c>
      <c r="B41931" s="14" t="s">
        <v>1</v>
      </c>
      <c r="C41931" s="14" t="s">
        <v>41</v>
      </c>
      <c r="D41931" s="14" t="s">
        <v>14</v>
      </c>
      <c r="E41931" s="15">
        <v>45697</v>
      </c>
      <c r="F41931" s="14" t="s">
        <v>15</v>
      </c>
      <c r="G41931" s="16">
        <v>0</v>
      </c>
    </row>
    <row r="41932" spans="1:7" x14ac:dyDescent="0.3">
      <c r="A41932" s="13" t="s">
        <v>247</v>
      </c>
      <c r="B41932" s="14" t="s">
        <v>1</v>
      </c>
      <c r="C41932" s="14" t="s">
        <v>41</v>
      </c>
      <c r="D41932" s="14" t="s">
        <v>14</v>
      </c>
      <c r="E41932" s="15">
        <v>45698</v>
      </c>
      <c r="F41932" s="14" t="s">
        <v>15</v>
      </c>
      <c r="G41932" s="16">
        <v>0</v>
      </c>
    </row>
    <row r="41933" spans="1:7" x14ac:dyDescent="0.3">
      <c r="A41933" s="13" t="s">
        <v>247</v>
      </c>
      <c r="B41933" s="14" t="s">
        <v>1</v>
      </c>
      <c r="C41933" s="14" t="s">
        <v>41</v>
      </c>
      <c r="D41933" s="14" t="s">
        <v>14</v>
      </c>
      <c r="E41933" s="15">
        <v>45699</v>
      </c>
      <c r="F41933" s="14" t="s">
        <v>15</v>
      </c>
      <c r="G41933" s="16">
        <v>0</v>
      </c>
    </row>
    <row r="41934" spans="1:7" x14ac:dyDescent="0.3">
      <c r="A41934" s="13" t="s">
        <v>247</v>
      </c>
      <c r="B41934" s="14" t="s">
        <v>1</v>
      </c>
      <c r="C41934" s="14" t="s">
        <v>41</v>
      </c>
      <c r="D41934" s="14" t="s">
        <v>14</v>
      </c>
      <c r="E41934" s="15">
        <v>45700</v>
      </c>
      <c r="F41934" s="14" t="s">
        <v>15</v>
      </c>
      <c r="G41934" s="16">
        <v>0</v>
      </c>
    </row>
    <row r="41935" spans="1:7" x14ac:dyDescent="0.3">
      <c r="A41935" s="13" t="s">
        <v>247</v>
      </c>
      <c r="B41935" s="14" t="s">
        <v>1</v>
      </c>
      <c r="C41935" s="14" t="s">
        <v>41</v>
      </c>
      <c r="D41935" s="14" t="s">
        <v>14</v>
      </c>
      <c r="E41935" s="15">
        <v>45701</v>
      </c>
      <c r="F41935" s="14" t="s">
        <v>15</v>
      </c>
      <c r="G41935" s="16">
        <v>0</v>
      </c>
    </row>
    <row r="41936" spans="1:7" x14ac:dyDescent="0.3">
      <c r="A41936" s="13" t="s">
        <v>247</v>
      </c>
      <c r="B41936" s="14" t="s">
        <v>1</v>
      </c>
      <c r="C41936" s="14" t="s">
        <v>41</v>
      </c>
      <c r="D41936" s="14" t="s">
        <v>14</v>
      </c>
      <c r="E41936" s="15">
        <v>45702</v>
      </c>
      <c r="F41936" s="14" t="s">
        <v>15</v>
      </c>
      <c r="G41936" s="16">
        <v>0</v>
      </c>
    </row>
    <row r="41937" spans="1:7" x14ac:dyDescent="0.3">
      <c r="A41937" s="13" t="s">
        <v>247</v>
      </c>
      <c r="B41937" s="14" t="s">
        <v>1</v>
      </c>
      <c r="C41937" s="14" t="s">
        <v>41</v>
      </c>
      <c r="D41937" s="14" t="s">
        <v>14</v>
      </c>
      <c r="E41937" s="15">
        <v>45703</v>
      </c>
      <c r="F41937" s="14" t="s">
        <v>15</v>
      </c>
      <c r="G41937" s="16">
        <v>0</v>
      </c>
    </row>
    <row r="41938" spans="1:7" x14ac:dyDescent="0.3">
      <c r="A41938" s="13" t="s">
        <v>247</v>
      </c>
      <c r="B41938" s="14" t="s">
        <v>1</v>
      </c>
      <c r="C41938" s="14" t="s">
        <v>41</v>
      </c>
      <c r="D41938" s="14" t="s">
        <v>14</v>
      </c>
      <c r="E41938" s="15">
        <v>45704</v>
      </c>
      <c r="F41938" s="14" t="s">
        <v>15</v>
      </c>
      <c r="G41938" s="16">
        <v>0</v>
      </c>
    </row>
    <row r="41939" spans="1:7" x14ac:dyDescent="0.3">
      <c r="A41939" s="13" t="s">
        <v>247</v>
      </c>
      <c r="B41939" s="14" t="s">
        <v>1</v>
      </c>
      <c r="C41939" s="14" t="s">
        <v>41</v>
      </c>
      <c r="D41939" s="14" t="s">
        <v>14</v>
      </c>
      <c r="E41939" s="15">
        <v>45705</v>
      </c>
      <c r="F41939" s="14" t="s">
        <v>15</v>
      </c>
      <c r="G41939" s="16">
        <v>0</v>
      </c>
    </row>
    <row r="41940" spans="1:7" x14ac:dyDescent="0.3">
      <c r="A41940" s="13" t="s">
        <v>247</v>
      </c>
      <c r="B41940" s="14" t="s">
        <v>1</v>
      </c>
      <c r="C41940" s="14" t="s">
        <v>41</v>
      </c>
      <c r="D41940" s="14" t="s">
        <v>14</v>
      </c>
      <c r="E41940" s="15">
        <v>45706</v>
      </c>
      <c r="F41940" s="14" t="s">
        <v>15</v>
      </c>
      <c r="G41940" s="16">
        <v>0</v>
      </c>
    </row>
    <row r="41941" spans="1:7" x14ac:dyDescent="0.3">
      <c r="A41941" s="13" t="s">
        <v>247</v>
      </c>
      <c r="B41941" s="14" t="s">
        <v>1</v>
      </c>
      <c r="C41941" s="14" t="s">
        <v>41</v>
      </c>
      <c r="D41941" s="14" t="s">
        <v>14</v>
      </c>
      <c r="E41941" s="15">
        <v>45707</v>
      </c>
      <c r="F41941" s="14" t="s">
        <v>15</v>
      </c>
      <c r="G41941" s="16">
        <v>0</v>
      </c>
    </row>
    <row r="41942" spans="1:7" x14ac:dyDescent="0.3">
      <c r="A41942" s="13" t="s">
        <v>247</v>
      </c>
      <c r="B41942" s="14" t="s">
        <v>1</v>
      </c>
      <c r="C41942" s="14" t="s">
        <v>41</v>
      </c>
      <c r="D41942" s="14" t="s">
        <v>14</v>
      </c>
      <c r="E41942" s="15">
        <v>45708</v>
      </c>
      <c r="F41942" s="14" t="s">
        <v>15</v>
      </c>
      <c r="G41942" s="16">
        <v>0</v>
      </c>
    </row>
    <row r="41943" spans="1:7" x14ac:dyDescent="0.3">
      <c r="A41943" s="13" t="s">
        <v>247</v>
      </c>
      <c r="B41943" s="14" t="s">
        <v>1</v>
      </c>
      <c r="C41943" s="14" t="s">
        <v>41</v>
      </c>
      <c r="D41943" s="14" t="s">
        <v>14</v>
      </c>
      <c r="E41943" s="15">
        <v>45709</v>
      </c>
      <c r="F41943" s="14" t="s">
        <v>15</v>
      </c>
      <c r="G41943" s="16">
        <v>0</v>
      </c>
    </row>
    <row r="41944" spans="1:7" x14ac:dyDescent="0.3">
      <c r="A41944" s="13" t="s">
        <v>247</v>
      </c>
      <c r="B41944" s="14" t="s">
        <v>1</v>
      </c>
      <c r="C41944" s="14" t="s">
        <v>41</v>
      </c>
      <c r="D41944" s="14" t="s">
        <v>14</v>
      </c>
      <c r="E41944" s="15">
        <v>45710</v>
      </c>
      <c r="F41944" s="14" t="s">
        <v>15</v>
      </c>
      <c r="G41944" s="16">
        <v>0</v>
      </c>
    </row>
    <row r="41945" spans="1:7" x14ac:dyDescent="0.3">
      <c r="A41945" s="13" t="s">
        <v>247</v>
      </c>
      <c r="B41945" s="14" t="s">
        <v>1</v>
      </c>
      <c r="C41945" s="14" t="s">
        <v>41</v>
      </c>
      <c r="D41945" s="14" t="s">
        <v>14</v>
      </c>
      <c r="E41945" s="15">
        <v>45711</v>
      </c>
      <c r="F41945" s="14" t="s">
        <v>15</v>
      </c>
      <c r="G41945" s="16">
        <v>0</v>
      </c>
    </row>
    <row r="41946" spans="1:7" x14ac:dyDescent="0.3">
      <c r="A41946" s="13" t="s">
        <v>247</v>
      </c>
      <c r="B41946" s="14" t="s">
        <v>1</v>
      </c>
      <c r="C41946" s="14" t="s">
        <v>41</v>
      </c>
      <c r="D41946" s="14" t="s">
        <v>14</v>
      </c>
      <c r="E41946" s="15">
        <v>45712</v>
      </c>
      <c r="F41946" s="14" t="s">
        <v>15</v>
      </c>
      <c r="G41946" s="16">
        <v>0</v>
      </c>
    </row>
    <row r="41947" spans="1:7" x14ac:dyDescent="0.3">
      <c r="A41947" s="13" t="s">
        <v>247</v>
      </c>
      <c r="B41947" s="14" t="s">
        <v>1</v>
      </c>
      <c r="C41947" s="14" t="s">
        <v>41</v>
      </c>
      <c r="D41947" s="14" t="s">
        <v>14</v>
      </c>
      <c r="E41947" s="15">
        <v>45713</v>
      </c>
      <c r="F41947" s="14" t="s">
        <v>15</v>
      </c>
      <c r="G41947" s="16">
        <v>0</v>
      </c>
    </row>
    <row r="41948" spans="1:7" x14ac:dyDescent="0.3">
      <c r="A41948" s="13" t="s">
        <v>247</v>
      </c>
      <c r="B41948" s="14" t="s">
        <v>1</v>
      </c>
      <c r="C41948" s="14" t="s">
        <v>41</v>
      </c>
      <c r="D41948" s="14" t="s">
        <v>14</v>
      </c>
      <c r="E41948" s="15">
        <v>45714</v>
      </c>
      <c r="F41948" s="14" t="s">
        <v>15</v>
      </c>
      <c r="G41948" s="16">
        <v>0</v>
      </c>
    </row>
    <row r="41949" spans="1:7" x14ac:dyDescent="0.3">
      <c r="A41949" s="13" t="s">
        <v>247</v>
      </c>
      <c r="B41949" s="14" t="s">
        <v>1</v>
      </c>
      <c r="C41949" s="14" t="s">
        <v>41</v>
      </c>
      <c r="D41949" s="14" t="s">
        <v>14</v>
      </c>
      <c r="E41949" s="15">
        <v>45715</v>
      </c>
      <c r="F41949" s="14" t="s">
        <v>15</v>
      </c>
      <c r="G41949" s="16">
        <v>0</v>
      </c>
    </row>
    <row r="41950" spans="1:7" x14ac:dyDescent="0.3">
      <c r="A41950" s="13" t="s">
        <v>247</v>
      </c>
      <c r="B41950" s="14" t="s">
        <v>1</v>
      </c>
      <c r="C41950" s="14" t="s">
        <v>41</v>
      </c>
      <c r="D41950" s="14" t="s">
        <v>14</v>
      </c>
      <c r="E41950" s="15">
        <v>45716</v>
      </c>
      <c r="F41950" s="14" t="s">
        <v>15</v>
      </c>
      <c r="G41950" s="16">
        <v>0</v>
      </c>
    </row>
    <row r="41951" spans="1:7" x14ac:dyDescent="0.3">
      <c r="A41951" s="13" t="s">
        <v>247</v>
      </c>
      <c r="B41951" s="14" t="s">
        <v>1</v>
      </c>
      <c r="C41951" s="14" t="s">
        <v>41</v>
      </c>
      <c r="D41951" s="14" t="s">
        <v>14</v>
      </c>
      <c r="E41951" s="15">
        <v>45717</v>
      </c>
      <c r="F41951" s="14" t="s">
        <v>15</v>
      </c>
      <c r="G41951" s="16">
        <v>0</v>
      </c>
    </row>
    <row r="41952" spans="1:7" x14ac:dyDescent="0.3">
      <c r="A41952" s="13" t="s">
        <v>247</v>
      </c>
      <c r="B41952" s="14" t="s">
        <v>1</v>
      </c>
      <c r="C41952" s="14" t="s">
        <v>41</v>
      </c>
      <c r="D41952" s="14" t="s">
        <v>14</v>
      </c>
      <c r="E41952" s="15">
        <v>45718</v>
      </c>
      <c r="F41952" s="14" t="s">
        <v>15</v>
      </c>
      <c r="G41952" s="16">
        <v>0</v>
      </c>
    </row>
    <row r="41953" spans="1:7" x14ac:dyDescent="0.3">
      <c r="A41953" s="13" t="s">
        <v>247</v>
      </c>
      <c r="B41953" s="14" t="s">
        <v>1</v>
      </c>
      <c r="C41953" s="14" t="s">
        <v>41</v>
      </c>
      <c r="D41953" s="14" t="s">
        <v>14</v>
      </c>
      <c r="E41953" s="15">
        <v>45719</v>
      </c>
      <c r="F41953" s="14" t="s">
        <v>15</v>
      </c>
      <c r="G41953" s="16">
        <v>0</v>
      </c>
    </row>
    <row r="41954" spans="1:7" x14ac:dyDescent="0.3">
      <c r="A41954" s="13" t="s">
        <v>247</v>
      </c>
      <c r="B41954" s="14" t="s">
        <v>1</v>
      </c>
      <c r="C41954" s="14" t="s">
        <v>41</v>
      </c>
      <c r="D41954" s="14" t="s">
        <v>14</v>
      </c>
      <c r="E41954" s="15">
        <v>45720</v>
      </c>
      <c r="F41954" s="14" t="s">
        <v>15</v>
      </c>
      <c r="G41954" s="16">
        <v>0</v>
      </c>
    </row>
    <row r="41955" spans="1:7" x14ac:dyDescent="0.3">
      <c r="A41955" s="13" t="s">
        <v>247</v>
      </c>
      <c r="B41955" s="14" t="s">
        <v>1</v>
      </c>
      <c r="C41955" s="14" t="s">
        <v>41</v>
      </c>
      <c r="D41955" s="14" t="s">
        <v>14</v>
      </c>
      <c r="E41955" s="15">
        <v>45721</v>
      </c>
      <c r="F41955" s="14" t="s">
        <v>15</v>
      </c>
      <c r="G41955" s="16">
        <v>0</v>
      </c>
    </row>
    <row r="41956" spans="1:7" x14ac:dyDescent="0.3">
      <c r="A41956" s="13" t="s">
        <v>247</v>
      </c>
      <c r="B41956" s="14" t="s">
        <v>1</v>
      </c>
      <c r="C41956" s="14" t="s">
        <v>41</v>
      </c>
      <c r="D41956" s="14" t="s">
        <v>14</v>
      </c>
      <c r="E41956" s="15">
        <v>45722</v>
      </c>
      <c r="F41956" s="14" t="s">
        <v>15</v>
      </c>
      <c r="G41956" s="16">
        <v>0</v>
      </c>
    </row>
    <row r="41957" spans="1:7" x14ac:dyDescent="0.3">
      <c r="A41957" s="13" t="s">
        <v>247</v>
      </c>
      <c r="B41957" s="14" t="s">
        <v>1</v>
      </c>
      <c r="C41957" s="14" t="s">
        <v>41</v>
      </c>
      <c r="D41957" s="14" t="s">
        <v>14</v>
      </c>
      <c r="E41957" s="15">
        <v>45723</v>
      </c>
      <c r="F41957" s="14" t="s">
        <v>15</v>
      </c>
      <c r="G41957" s="16">
        <v>0</v>
      </c>
    </row>
    <row r="41958" spans="1:7" x14ac:dyDescent="0.3">
      <c r="A41958" s="13" t="s">
        <v>247</v>
      </c>
      <c r="B41958" s="14" t="s">
        <v>1</v>
      </c>
      <c r="C41958" s="14" t="s">
        <v>41</v>
      </c>
      <c r="D41958" s="14" t="s">
        <v>14</v>
      </c>
      <c r="E41958" s="15">
        <v>45724</v>
      </c>
      <c r="F41958" s="14" t="s">
        <v>15</v>
      </c>
      <c r="G41958" s="16">
        <v>0</v>
      </c>
    </row>
    <row r="41959" spans="1:7" x14ac:dyDescent="0.3">
      <c r="A41959" s="13" t="s">
        <v>247</v>
      </c>
      <c r="B41959" s="14" t="s">
        <v>1</v>
      </c>
      <c r="C41959" s="14" t="s">
        <v>41</v>
      </c>
      <c r="D41959" s="14" t="s">
        <v>14</v>
      </c>
      <c r="E41959" s="15">
        <v>45725</v>
      </c>
      <c r="F41959" s="14" t="s">
        <v>15</v>
      </c>
      <c r="G41959" s="16">
        <v>0</v>
      </c>
    </row>
    <row r="41960" spans="1:7" x14ac:dyDescent="0.3">
      <c r="A41960" s="13" t="s">
        <v>247</v>
      </c>
      <c r="B41960" s="14" t="s">
        <v>1</v>
      </c>
      <c r="C41960" s="14" t="s">
        <v>41</v>
      </c>
      <c r="D41960" s="14" t="s">
        <v>14</v>
      </c>
      <c r="E41960" s="15">
        <v>45726</v>
      </c>
      <c r="F41960" s="14" t="s">
        <v>15</v>
      </c>
      <c r="G41960" s="16">
        <v>0</v>
      </c>
    </row>
    <row r="41961" spans="1:7" x14ac:dyDescent="0.3">
      <c r="A41961" s="13" t="s">
        <v>247</v>
      </c>
      <c r="B41961" s="14" t="s">
        <v>1</v>
      </c>
      <c r="C41961" s="14" t="s">
        <v>41</v>
      </c>
      <c r="D41961" s="14" t="s">
        <v>14</v>
      </c>
      <c r="E41961" s="15">
        <v>45727</v>
      </c>
      <c r="F41961" s="14" t="s">
        <v>15</v>
      </c>
      <c r="G41961" s="16">
        <v>0</v>
      </c>
    </row>
    <row r="41962" spans="1:7" x14ac:dyDescent="0.3">
      <c r="A41962" s="13" t="s">
        <v>247</v>
      </c>
      <c r="B41962" s="14" t="s">
        <v>1</v>
      </c>
      <c r="C41962" s="14" t="s">
        <v>41</v>
      </c>
      <c r="D41962" s="14" t="s">
        <v>14</v>
      </c>
      <c r="E41962" s="15">
        <v>45728</v>
      </c>
      <c r="F41962" s="14" t="s">
        <v>15</v>
      </c>
      <c r="G41962" s="16">
        <v>0</v>
      </c>
    </row>
    <row r="41963" spans="1:7" x14ac:dyDescent="0.3">
      <c r="A41963" s="13" t="s">
        <v>247</v>
      </c>
      <c r="B41963" s="14" t="s">
        <v>1</v>
      </c>
      <c r="C41963" s="14" t="s">
        <v>41</v>
      </c>
      <c r="D41963" s="14" t="s">
        <v>14</v>
      </c>
      <c r="E41963" s="15">
        <v>45729</v>
      </c>
      <c r="F41963" s="14" t="s">
        <v>15</v>
      </c>
      <c r="G41963" s="16">
        <v>0</v>
      </c>
    </row>
    <row r="41964" spans="1:7" x14ac:dyDescent="0.3">
      <c r="A41964" s="13" t="s">
        <v>247</v>
      </c>
      <c r="B41964" s="14" t="s">
        <v>1</v>
      </c>
      <c r="C41964" s="14" t="s">
        <v>41</v>
      </c>
      <c r="D41964" s="14" t="s">
        <v>14</v>
      </c>
      <c r="E41964" s="15">
        <v>45730</v>
      </c>
      <c r="F41964" s="14" t="s">
        <v>15</v>
      </c>
      <c r="G41964" s="16">
        <v>0</v>
      </c>
    </row>
    <row r="41965" spans="1:7" x14ac:dyDescent="0.3">
      <c r="A41965" s="13" t="s">
        <v>247</v>
      </c>
      <c r="B41965" s="14" t="s">
        <v>1</v>
      </c>
      <c r="C41965" s="14" t="s">
        <v>41</v>
      </c>
      <c r="D41965" s="14" t="s">
        <v>14</v>
      </c>
      <c r="E41965" s="15">
        <v>45731</v>
      </c>
      <c r="F41965" s="14" t="s">
        <v>15</v>
      </c>
      <c r="G41965" s="16">
        <v>0</v>
      </c>
    </row>
    <row r="41966" spans="1:7" x14ac:dyDescent="0.3">
      <c r="A41966" s="13" t="s">
        <v>247</v>
      </c>
      <c r="B41966" s="14" t="s">
        <v>1</v>
      </c>
      <c r="C41966" s="14" t="s">
        <v>41</v>
      </c>
      <c r="D41966" s="14" t="s">
        <v>14</v>
      </c>
      <c r="E41966" s="15">
        <v>45732</v>
      </c>
      <c r="F41966" s="14" t="s">
        <v>15</v>
      </c>
      <c r="G41966" s="16">
        <v>0</v>
      </c>
    </row>
    <row r="41967" spans="1:7" x14ac:dyDescent="0.3">
      <c r="A41967" s="13" t="s">
        <v>247</v>
      </c>
      <c r="B41967" s="14" t="s">
        <v>1</v>
      </c>
      <c r="C41967" s="14" t="s">
        <v>41</v>
      </c>
      <c r="D41967" s="14" t="s">
        <v>14</v>
      </c>
      <c r="E41967" s="15">
        <v>45733</v>
      </c>
      <c r="F41967" s="14" t="s">
        <v>15</v>
      </c>
      <c r="G41967" s="16">
        <v>0</v>
      </c>
    </row>
    <row r="41968" spans="1:7" x14ac:dyDescent="0.3">
      <c r="A41968" s="13" t="s">
        <v>247</v>
      </c>
      <c r="B41968" s="14" t="s">
        <v>1</v>
      </c>
      <c r="C41968" s="14" t="s">
        <v>41</v>
      </c>
      <c r="D41968" s="14" t="s">
        <v>14</v>
      </c>
      <c r="E41968" s="15">
        <v>45734</v>
      </c>
      <c r="F41968" s="14" t="s">
        <v>15</v>
      </c>
      <c r="G41968" s="16">
        <v>0</v>
      </c>
    </row>
    <row r="41969" spans="1:7" x14ac:dyDescent="0.3">
      <c r="A41969" s="13" t="s">
        <v>247</v>
      </c>
      <c r="B41969" s="14" t="s">
        <v>1</v>
      </c>
      <c r="C41969" s="14" t="s">
        <v>41</v>
      </c>
      <c r="D41969" s="14" t="s">
        <v>14</v>
      </c>
      <c r="E41969" s="15">
        <v>45735</v>
      </c>
      <c r="F41969" s="14" t="s">
        <v>15</v>
      </c>
      <c r="G41969" s="16">
        <v>0</v>
      </c>
    </row>
    <row r="41970" spans="1:7" x14ac:dyDescent="0.3">
      <c r="A41970" s="13" t="s">
        <v>247</v>
      </c>
      <c r="B41970" s="14" t="s">
        <v>1</v>
      </c>
      <c r="C41970" s="14" t="s">
        <v>41</v>
      </c>
      <c r="D41970" s="14" t="s">
        <v>14</v>
      </c>
      <c r="E41970" s="15">
        <v>45736</v>
      </c>
      <c r="F41970" s="14" t="s">
        <v>15</v>
      </c>
      <c r="G41970" s="16">
        <v>0</v>
      </c>
    </row>
    <row r="41971" spans="1:7" x14ac:dyDescent="0.3">
      <c r="A41971" s="13" t="s">
        <v>247</v>
      </c>
      <c r="B41971" s="14" t="s">
        <v>1</v>
      </c>
      <c r="C41971" s="14" t="s">
        <v>41</v>
      </c>
      <c r="D41971" s="14" t="s">
        <v>14</v>
      </c>
      <c r="E41971" s="15">
        <v>45737</v>
      </c>
      <c r="F41971" s="14" t="s">
        <v>15</v>
      </c>
      <c r="G41971" s="16">
        <v>0</v>
      </c>
    </row>
    <row r="41972" spans="1:7" x14ac:dyDescent="0.3">
      <c r="A41972" s="13" t="s">
        <v>247</v>
      </c>
      <c r="B41972" s="14" t="s">
        <v>1</v>
      </c>
      <c r="C41972" s="14" t="s">
        <v>41</v>
      </c>
      <c r="D41972" s="14" t="s">
        <v>14</v>
      </c>
      <c r="E41972" s="15">
        <v>45738</v>
      </c>
      <c r="F41972" s="14" t="s">
        <v>15</v>
      </c>
      <c r="G41972" s="16">
        <v>0</v>
      </c>
    </row>
    <row r="41973" spans="1:7" x14ac:dyDescent="0.3">
      <c r="A41973" s="13" t="s">
        <v>247</v>
      </c>
      <c r="B41973" s="14" t="s">
        <v>1</v>
      </c>
      <c r="C41973" s="14" t="s">
        <v>41</v>
      </c>
      <c r="D41973" s="14" t="s">
        <v>14</v>
      </c>
      <c r="E41973" s="15">
        <v>45739</v>
      </c>
      <c r="F41973" s="14" t="s">
        <v>15</v>
      </c>
      <c r="G41973" s="16">
        <v>0</v>
      </c>
    </row>
    <row r="41974" spans="1:7" x14ac:dyDescent="0.3">
      <c r="A41974" s="13" t="s">
        <v>247</v>
      </c>
      <c r="B41974" s="14" t="s">
        <v>1</v>
      </c>
      <c r="C41974" s="14" t="s">
        <v>41</v>
      </c>
      <c r="D41974" s="14" t="s">
        <v>14</v>
      </c>
      <c r="E41974" s="15">
        <v>45740</v>
      </c>
      <c r="F41974" s="14" t="s">
        <v>15</v>
      </c>
      <c r="G41974" s="16">
        <v>0</v>
      </c>
    </row>
    <row r="41975" spans="1:7" x14ac:dyDescent="0.3">
      <c r="A41975" s="13" t="s">
        <v>247</v>
      </c>
      <c r="B41975" s="14" t="s">
        <v>1</v>
      </c>
      <c r="C41975" s="14" t="s">
        <v>41</v>
      </c>
      <c r="D41975" s="14" t="s">
        <v>14</v>
      </c>
      <c r="E41975" s="15">
        <v>45741</v>
      </c>
      <c r="F41975" s="14" t="s">
        <v>15</v>
      </c>
      <c r="G41975" s="16">
        <v>0</v>
      </c>
    </row>
    <row r="41976" spans="1:7" x14ac:dyDescent="0.3">
      <c r="A41976" s="13" t="s">
        <v>247</v>
      </c>
      <c r="B41976" s="14" t="s">
        <v>1</v>
      </c>
      <c r="C41976" s="14" t="s">
        <v>41</v>
      </c>
      <c r="D41976" s="14" t="s">
        <v>14</v>
      </c>
      <c r="E41976" s="15">
        <v>45742</v>
      </c>
      <c r="F41976" s="14" t="s">
        <v>15</v>
      </c>
      <c r="G41976" s="16">
        <v>0</v>
      </c>
    </row>
    <row r="41977" spans="1:7" x14ac:dyDescent="0.3">
      <c r="A41977" s="13" t="s">
        <v>247</v>
      </c>
      <c r="B41977" s="14" t="s">
        <v>1</v>
      </c>
      <c r="C41977" s="14" t="s">
        <v>41</v>
      </c>
      <c r="D41977" s="14" t="s">
        <v>14</v>
      </c>
      <c r="E41977" s="15">
        <v>45743</v>
      </c>
      <c r="F41977" s="14" t="s">
        <v>15</v>
      </c>
      <c r="G41977" s="16">
        <v>0</v>
      </c>
    </row>
    <row r="41978" spans="1:7" x14ac:dyDescent="0.3">
      <c r="A41978" s="13" t="s">
        <v>247</v>
      </c>
      <c r="B41978" s="14" t="s">
        <v>1</v>
      </c>
      <c r="C41978" s="14" t="s">
        <v>41</v>
      </c>
      <c r="D41978" s="14" t="s">
        <v>14</v>
      </c>
      <c r="E41978" s="15">
        <v>45744</v>
      </c>
      <c r="F41978" s="14" t="s">
        <v>15</v>
      </c>
      <c r="G41978" s="16">
        <v>0</v>
      </c>
    </row>
    <row r="41979" spans="1:7" x14ac:dyDescent="0.3">
      <c r="A41979" s="13" t="s">
        <v>247</v>
      </c>
      <c r="B41979" s="14" t="s">
        <v>1</v>
      </c>
      <c r="C41979" s="14" t="s">
        <v>41</v>
      </c>
      <c r="D41979" s="14" t="s">
        <v>14</v>
      </c>
      <c r="E41979" s="15">
        <v>45745</v>
      </c>
      <c r="F41979" s="14" t="s">
        <v>15</v>
      </c>
      <c r="G41979" s="16">
        <v>0</v>
      </c>
    </row>
    <row r="41980" spans="1:7" x14ac:dyDescent="0.3">
      <c r="A41980" s="13" t="s">
        <v>247</v>
      </c>
      <c r="B41980" s="14" t="s">
        <v>1</v>
      </c>
      <c r="C41980" s="14" t="s">
        <v>41</v>
      </c>
      <c r="D41980" s="14" t="s">
        <v>14</v>
      </c>
      <c r="E41980" s="15">
        <v>45746</v>
      </c>
      <c r="F41980" s="14" t="s">
        <v>15</v>
      </c>
      <c r="G41980" s="16">
        <v>0</v>
      </c>
    </row>
    <row r="41981" spans="1:7" x14ac:dyDescent="0.3">
      <c r="A41981" s="13" t="s">
        <v>247</v>
      </c>
      <c r="B41981" s="14" t="s">
        <v>1</v>
      </c>
      <c r="C41981" s="14" t="s">
        <v>41</v>
      </c>
      <c r="D41981" s="14" t="s">
        <v>14</v>
      </c>
      <c r="E41981" s="15">
        <v>45747</v>
      </c>
      <c r="F41981" s="14" t="s">
        <v>15</v>
      </c>
      <c r="G41981" s="16">
        <v>0.61226226310326859</v>
      </c>
    </row>
    <row r="41982" spans="1:7" x14ac:dyDescent="0.3">
      <c r="A41982" s="13" t="s">
        <v>248</v>
      </c>
      <c r="B41982" s="14" t="s">
        <v>1</v>
      </c>
      <c r="C41982" s="14" t="s">
        <v>96</v>
      </c>
      <c r="D41982" s="14" t="s">
        <v>249</v>
      </c>
      <c r="E41982" s="15">
        <v>45383</v>
      </c>
      <c r="F41982" s="14" t="s">
        <v>28</v>
      </c>
      <c r="G41982" s="16">
        <v>0</v>
      </c>
    </row>
    <row r="41983" spans="1:7" x14ac:dyDescent="0.3">
      <c r="A41983" s="13" t="s">
        <v>248</v>
      </c>
      <c r="B41983" s="14" t="s">
        <v>1</v>
      </c>
      <c r="C41983" s="14" t="s">
        <v>96</v>
      </c>
      <c r="D41983" s="14" t="s">
        <v>249</v>
      </c>
      <c r="E41983" s="15">
        <v>45384</v>
      </c>
      <c r="F41983" s="14" t="s">
        <v>28</v>
      </c>
      <c r="G41983" s="16">
        <v>0</v>
      </c>
    </row>
    <row r="41984" spans="1:7" x14ac:dyDescent="0.3">
      <c r="A41984" s="13" t="s">
        <v>248</v>
      </c>
      <c r="B41984" s="14" t="s">
        <v>1</v>
      </c>
      <c r="C41984" s="14" t="s">
        <v>96</v>
      </c>
      <c r="D41984" s="14" t="s">
        <v>249</v>
      </c>
      <c r="E41984" s="15">
        <v>45385</v>
      </c>
      <c r="F41984" s="14" t="s">
        <v>28</v>
      </c>
      <c r="G41984" s="16">
        <v>0</v>
      </c>
    </row>
    <row r="41985" spans="1:7" x14ac:dyDescent="0.3">
      <c r="A41985" s="13" t="s">
        <v>248</v>
      </c>
      <c r="B41985" s="14" t="s">
        <v>1</v>
      </c>
      <c r="C41985" s="14" t="s">
        <v>96</v>
      </c>
      <c r="D41985" s="14" t="s">
        <v>249</v>
      </c>
      <c r="E41985" s="15">
        <v>45386</v>
      </c>
      <c r="F41985" s="14" t="s">
        <v>28</v>
      </c>
      <c r="G41985" s="16">
        <v>0</v>
      </c>
    </row>
    <row r="41986" spans="1:7" x14ac:dyDescent="0.3">
      <c r="A41986" s="13" t="s">
        <v>248</v>
      </c>
      <c r="B41986" s="14" t="s">
        <v>1</v>
      </c>
      <c r="C41986" s="14" t="s">
        <v>96</v>
      </c>
      <c r="D41986" s="14" t="s">
        <v>249</v>
      </c>
      <c r="E41986" s="15">
        <v>45387</v>
      </c>
      <c r="F41986" s="14" t="s">
        <v>28</v>
      </c>
      <c r="G41986" s="16">
        <v>0</v>
      </c>
    </row>
    <row r="41987" spans="1:7" x14ac:dyDescent="0.3">
      <c r="A41987" s="13" t="s">
        <v>248</v>
      </c>
      <c r="B41987" s="14" t="s">
        <v>1</v>
      </c>
      <c r="C41987" s="14" t="s">
        <v>96</v>
      </c>
      <c r="D41987" s="14" t="s">
        <v>249</v>
      </c>
      <c r="E41987" s="15">
        <v>45388</v>
      </c>
      <c r="F41987" s="14" t="s">
        <v>28</v>
      </c>
      <c r="G41987" s="16">
        <v>0</v>
      </c>
    </row>
    <row r="41988" spans="1:7" x14ac:dyDescent="0.3">
      <c r="A41988" s="13" t="s">
        <v>248</v>
      </c>
      <c r="B41988" s="14" t="s">
        <v>1</v>
      </c>
      <c r="C41988" s="14" t="s">
        <v>96</v>
      </c>
      <c r="D41988" s="14" t="s">
        <v>249</v>
      </c>
      <c r="E41988" s="15">
        <v>45389</v>
      </c>
      <c r="F41988" s="14" t="s">
        <v>28</v>
      </c>
      <c r="G41988" s="16">
        <v>0</v>
      </c>
    </row>
    <row r="41989" spans="1:7" x14ac:dyDescent="0.3">
      <c r="A41989" s="13" t="s">
        <v>248</v>
      </c>
      <c r="B41989" s="14" t="s">
        <v>1</v>
      </c>
      <c r="C41989" s="14" t="s">
        <v>96</v>
      </c>
      <c r="D41989" s="14" t="s">
        <v>249</v>
      </c>
      <c r="E41989" s="15">
        <v>45390</v>
      </c>
      <c r="F41989" s="14" t="s">
        <v>28</v>
      </c>
      <c r="G41989" s="16">
        <v>0</v>
      </c>
    </row>
    <row r="41990" spans="1:7" x14ac:dyDescent="0.3">
      <c r="A41990" s="13" t="s">
        <v>248</v>
      </c>
      <c r="B41990" s="14" t="s">
        <v>1</v>
      </c>
      <c r="C41990" s="14" t="s">
        <v>96</v>
      </c>
      <c r="D41990" s="14" t="s">
        <v>249</v>
      </c>
      <c r="E41990" s="15">
        <v>45391</v>
      </c>
      <c r="F41990" s="14" t="s">
        <v>28</v>
      </c>
      <c r="G41990" s="16">
        <v>0</v>
      </c>
    </row>
    <row r="41991" spans="1:7" x14ac:dyDescent="0.3">
      <c r="A41991" s="13" t="s">
        <v>248</v>
      </c>
      <c r="B41991" s="14" t="s">
        <v>1</v>
      </c>
      <c r="C41991" s="14" t="s">
        <v>96</v>
      </c>
      <c r="D41991" s="14" t="s">
        <v>249</v>
      </c>
      <c r="E41991" s="15">
        <v>45392</v>
      </c>
      <c r="F41991" s="14" t="s">
        <v>28</v>
      </c>
      <c r="G41991" s="16">
        <v>0</v>
      </c>
    </row>
    <row r="41992" spans="1:7" x14ac:dyDescent="0.3">
      <c r="A41992" s="13" t="s">
        <v>248</v>
      </c>
      <c r="B41992" s="14" t="s">
        <v>1</v>
      </c>
      <c r="C41992" s="14" t="s">
        <v>96</v>
      </c>
      <c r="D41992" s="14" t="s">
        <v>249</v>
      </c>
      <c r="E41992" s="15">
        <v>45393</v>
      </c>
      <c r="F41992" s="14" t="s">
        <v>28</v>
      </c>
      <c r="G41992" s="16">
        <v>0</v>
      </c>
    </row>
    <row r="41993" spans="1:7" x14ac:dyDescent="0.3">
      <c r="A41993" s="13" t="s">
        <v>248</v>
      </c>
      <c r="B41993" s="14" t="s">
        <v>1</v>
      </c>
      <c r="C41993" s="14" t="s">
        <v>96</v>
      </c>
      <c r="D41993" s="14" t="s">
        <v>249</v>
      </c>
      <c r="E41993" s="15">
        <v>45394</v>
      </c>
      <c r="F41993" s="14" t="s">
        <v>28</v>
      </c>
      <c r="G41993" s="16">
        <v>0</v>
      </c>
    </row>
    <row r="41994" spans="1:7" x14ac:dyDescent="0.3">
      <c r="A41994" s="13" t="s">
        <v>248</v>
      </c>
      <c r="B41994" s="14" t="s">
        <v>1</v>
      </c>
      <c r="C41994" s="14" t="s">
        <v>96</v>
      </c>
      <c r="D41994" s="14" t="s">
        <v>249</v>
      </c>
      <c r="E41994" s="15">
        <v>45395</v>
      </c>
      <c r="F41994" s="14" t="s">
        <v>28</v>
      </c>
      <c r="G41994" s="16">
        <v>0</v>
      </c>
    </row>
    <row r="41995" spans="1:7" x14ac:dyDescent="0.3">
      <c r="A41995" s="13" t="s">
        <v>248</v>
      </c>
      <c r="B41995" s="14" t="s">
        <v>1</v>
      </c>
      <c r="C41995" s="14" t="s">
        <v>96</v>
      </c>
      <c r="D41995" s="14" t="s">
        <v>249</v>
      </c>
      <c r="E41995" s="15">
        <v>45396</v>
      </c>
      <c r="F41995" s="14" t="s">
        <v>28</v>
      </c>
      <c r="G41995" s="16">
        <v>0</v>
      </c>
    </row>
    <row r="41996" spans="1:7" x14ac:dyDescent="0.3">
      <c r="A41996" s="13" t="s">
        <v>248</v>
      </c>
      <c r="B41996" s="14" t="s">
        <v>1</v>
      </c>
      <c r="C41996" s="14" t="s">
        <v>96</v>
      </c>
      <c r="D41996" s="14" t="s">
        <v>249</v>
      </c>
      <c r="E41996" s="15">
        <v>45397</v>
      </c>
      <c r="F41996" s="14" t="s">
        <v>28</v>
      </c>
      <c r="G41996" s="16">
        <v>0</v>
      </c>
    </row>
    <row r="41997" spans="1:7" x14ac:dyDescent="0.3">
      <c r="A41997" s="13" t="s">
        <v>248</v>
      </c>
      <c r="B41997" s="14" t="s">
        <v>1</v>
      </c>
      <c r="C41997" s="14" t="s">
        <v>96</v>
      </c>
      <c r="D41997" s="14" t="s">
        <v>249</v>
      </c>
      <c r="E41997" s="15">
        <v>45398</v>
      </c>
      <c r="F41997" s="14" t="s">
        <v>28</v>
      </c>
      <c r="G41997" s="16">
        <v>0</v>
      </c>
    </row>
    <row r="41998" spans="1:7" x14ac:dyDescent="0.3">
      <c r="A41998" s="13" t="s">
        <v>248</v>
      </c>
      <c r="B41998" s="14" t="s">
        <v>1</v>
      </c>
      <c r="C41998" s="14" t="s">
        <v>96</v>
      </c>
      <c r="D41998" s="14" t="s">
        <v>249</v>
      </c>
      <c r="E41998" s="15">
        <v>45399</v>
      </c>
      <c r="F41998" s="14" t="s">
        <v>28</v>
      </c>
      <c r="G41998" s="16">
        <v>0</v>
      </c>
    </row>
    <row r="41999" spans="1:7" x14ac:dyDescent="0.3">
      <c r="A41999" s="13" t="s">
        <v>248</v>
      </c>
      <c r="B41999" s="14" t="s">
        <v>1</v>
      </c>
      <c r="C41999" s="14" t="s">
        <v>96</v>
      </c>
      <c r="D41999" s="14" t="s">
        <v>249</v>
      </c>
      <c r="E41999" s="15">
        <v>45400</v>
      </c>
      <c r="F41999" s="14" t="s">
        <v>28</v>
      </c>
      <c r="G41999" s="16">
        <v>0</v>
      </c>
    </row>
    <row r="42000" spans="1:7" x14ac:dyDescent="0.3">
      <c r="A42000" s="13" t="s">
        <v>248</v>
      </c>
      <c r="B42000" s="14" t="s">
        <v>1</v>
      </c>
      <c r="C42000" s="14" t="s">
        <v>96</v>
      </c>
      <c r="D42000" s="14" t="s">
        <v>249</v>
      </c>
      <c r="E42000" s="15">
        <v>45401</v>
      </c>
      <c r="F42000" s="14" t="s">
        <v>28</v>
      </c>
      <c r="G42000" s="16">
        <v>0</v>
      </c>
    </row>
    <row r="42001" spans="1:7" x14ac:dyDescent="0.3">
      <c r="A42001" s="13" t="s">
        <v>248</v>
      </c>
      <c r="B42001" s="14" t="s">
        <v>1</v>
      </c>
      <c r="C42001" s="14" t="s">
        <v>96</v>
      </c>
      <c r="D42001" s="14" t="s">
        <v>249</v>
      </c>
      <c r="E42001" s="15">
        <v>45402</v>
      </c>
      <c r="F42001" s="14" t="s">
        <v>28</v>
      </c>
      <c r="G42001" s="16">
        <v>0</v>
      </c>
    </row>
    <row r="42002" spans="1:7" x14ac:dyDescent="0.3">
      <c r="A42002" s="13" t="s">
        <v>248</v>
      </c>
      <c r="B42002" s="14" t="s">
        <v>1</v>
      </c>
      <c r="C42002" s="14" t="s">
        <v>96</v>
      </c>
      <c r="D42002" s="14" t="s">
        <v>249</v>
      </c>
      <c r="E42002" s="15">
        <v>45403</v>
      </c>
      <c r="F42002" s="14" t="s">
        <v>28</v>
      </c>
      <c r="G42002" s="16">
        <v>0</v>
      </c>
    </row>
    <row r="42003" spans="1:7" x14ac:dyDescent="0.3">
      <c r="A42003" s="13" t="s">
        <v>248</v>
      </c>
      <c r="B42003" s="14" t="s">
        <v>1</v>
      </c>
      <c r="C42003" s="14" t="s">
        <v>96</v>
      </c>
      <c r="D42003" s="14" t="s">
        <v>249</v>
      </c>
      <c r="E42003" s="15">
        <v>45404</v>
      </c>
      <c r="F42003" s="14" t="s">
        <v>28</v>
      </c>
      <c r="G42003" s="16">
        <v>0</v>
      </c>
    </row>
    <row r="42004" spans="1:7" x14ac:dyDescent="0.3">
      <c r="A42004" s="13" t="s">
        <v>248</v>
      </c>
      <c r="B42004" s="14" t="s">
        <v>1</v>
      </c>
      <c r="C42004" s="14" t="s">
        <v>96</v>
      </c>
      <c r="D42004" s="14" t="s">
        <v>249</v>
      </c>
      <c r="E42004" s="15">
        <v>45405</v>
      </c>
      <c r="F42004" s="14" t="s">
        <v>28</v>
      </c>
      <c r="G42004" s="16">
        <v>0</v>
      </c>
    </row>
    <row r="42005" spans="1:7" x14ac:dyDescent="0.3">
      <c r="A42005" s="13" t="s">
        <v>248</v>
      </c>
      <c r="B42005" s="14" t="s">
        <v>1</v>
      </c>
      <c r="C42005" s="14" t="s">
        <v>96</v>
      </c>
      <c r="D42005" s="14" t="s">
        <v>249</v>
      </c>
      <c r="E42005" s="15">
        <v>45406</v>
      </c>
      <c r="F42005" s="14" t="s">
        <v>28</v>
      </c>
      <c r="G42005" s="16">
        <v>0</v>
      </c>
    </row>
    <row r="42006" spans="1:7" x14ac:dyDescent="0.3">
      <c r="A42006" s="13" t="s">
        <v>248</v>
      </c>
      <c r="B42006" s="14" t="s">
        <v>1</v>
      </c>
      <c r="C42006" s="14" t="s">
        <v>96</v>
      </c>
      <c r="D42006" s="14" t="s">
        <v>249</v>
      </c>
      <c r="E42006" s="15">
        <v>45407</v>
      </c>
      <c r="F42006" s="14" t="s">
        <v>28</v>
      </c>
      <c r="G42006" s="16">
        <v>0</v>
      </c>
    </row>
    <row r="42007" spans="1:7" x14ac:dyDescent="0.3">
      <c r="A42007" s="13" t="s">
        <v>248</v>
      </c>
      <c r="B42007" s="14" t="s">
        <v>1</v>
      </c>
      <c r="C42007" s="14" t="s">
        <v>96</v>
      </c>
      <c r="D42007" s="14" t="s">
        <v>249</v>
      </c>
      <c r="E42007" s="15">
        <v>45408</v>
      </c>
      <c r="F42007" s="14" t="s">
        <v>28</v>
      </c>
      <c r="G42007" s="16">
        <v>0</v>
      </c>
    </row>
    <row r="42008" spans="1:7" x14ac:dyDescent="0.3">
      <c r="A42008" s="13" t="s">
        <v>248</v>
      </c>
      <c r="B42008" s="14" t="s">
        <v>1</v>
      </c>
      <c r="C42008" s="14" t="s">
        <v>96</v>
      </c>
      <c r="D42008" s="14" t="s">
        <v>249</v>
      </c>
      <c r="E42008" s="15">
        <v>45409</v>
      </c>
      <c r="F42008" s="14" t="s">
        <v>28</v>
      </c>
      <c r="G42008" s="16">
        <v>0</v>
      </c>
    </row>
    <row r="42009" spans="1:7" x14ac:dyDescent="0.3">
      <c r="A42009" s="13" t="s">
        <v>248</v>
      </c>
      <c r="B42009" s="14" t="s">
        <v>1</v>
      </c>
      <c r="C42009" s="14" t="s">
        <v>96</v>
      </c>
      <c r="D42009" s="14" t="s">
        <v>249</v>
      </c>
      <c r="E42009" s="15">
        <v>45410</v>
      </c>
      <c r="F42009" s="14" t="s">
        <v>28</v>
      </c>
      <c r="G42009" s="16">
        <v>0</v>
      </c>
    </row>
    <row r="42010" spans="1:7" x14ac:dyDescent="0.3">
      <c r="A42010" s="13" t="s">
        <v>248</v>
      </c>
      <c r="B42010" s="14" t="s">
        <v>1</v>
      </c>
      <c r="C42010" s="14" t="s">
        <v>96</v>
      </c>
      <c r="D42010" s="14" t="s">
        <v>249</v>
      </c>
      <c r="E42010" s="15">
        <v>45411</v>
      </c>
      <c r="F42010" s="14" t="s">
        <v>28</v>
      </c>
      <c r="G42010" s="16">
        <v>0</v>
      </c>
    </row>
    <row r="42011" spans="1:7" x14ac:dyDescent="0.3">
      <c r="A42011" s="13" t="s">
        <v>248</v>
      </c>
      <c r="B42011" s="14" t="s">
        <v>1</v>
      </c>
      <c r="C42011" s="14" t="s">
        <v>96</v>
      </c>
      <c r="D42011" s="14" t="s">
        <v>249</v>
      </c>
      <c r="E42011" s="15">
        <v>45412</v>
      </c>
      <c r="F42011" s="14" t="s">
        <v>28</v>
      </c>
      <c r="G42011" s="16">
        <v>0</v>
      </c>
    </row>
    <row r="42012" spans="1:7" x14ac:dyDescent="0.3">
      <c r="A42012" s="13" t="s">
        <v>248</v>
      </c>
      <c r="B42012" s="14" t="s">
        <v>1</v>
      </c>
      <c r="C42012" s="14" t="s">
        <v>96</v>
      </c>
      <c r="D42012" s="14" t="s">
        <v>249</v>
      </c>
      <c r="E42012" s="15">
        <v>45413</v>
      </c>
      <c r="F42012" s="14" t="s">
        <v>28</v>
      </c>
      <c r="G42012" s="16">
        <v>0</v>
      </c>
    </row>
    <row r="42013" spans="1:7" x14ac:dyDescent="0.3">
      <c r="A42013" s="13" t="s">
        <v>248</v>
      </c>
      <c r="B42013" s="14" t="s">
        <v>1</v>
      </c>
      <c r="C42013" s="14" t="s">
        <v>96</v>
      </c>
      <c r="D42013" s="14" t="s">
        <v>249</v>
      </c>
      <c r="E42013" s="15">
        <v>45414</v>
      </c>
      <c r="F42013" s="14" t="s">
        <v>28</v>
      </c>
      <c r="G42013" s="16">
        <v>0</v>
      </c>
    </row>
    <row r="42014" spans="1:7" x14ac:dyDescent="0.3">
      <c r="A42014" s="13" t="s">
        <v>248</v>
      </c>
      <c r="B42014" s="14" t="s">
        <v>1</v>
      </c>
      <c r="C42014" s="14" t="s">
        <v>96</v>
      </c>
      <c r="D42014" s="14" t="s">
        <v>249</v>
      </c>
      <c r="E42014" s="15">
        <v>45415</v>
      </c>
      <c r="F42014" s="14" t="s">
        <v>28</v>
      </c>
      <c r="G42014" s="16">
        <v>0</v>
      </c>
    </row>
    <row r="42015" spans="1:7" x14ac:dyDescent="0.3">
      <c r="A42015" s="13" t="s">
        <v>248</v>
      </c>
      <c r="B42015" s="14" t="s">
        <v>1</v>
      </c>
      <c r="C42015" s="14" t="s">
        <v>96</v>
      </c>
      <c r="D42015" s="14" t="s">
        <v>249</v>
      </c>
      <c r="E42015" s="15">
        <v>45416</v>
      </c>
      <c r="F42015" s="14" t="s">
        <v>28</v>
      </c>
      <c r="G42015" s="16">
        <v>0</v>
      </c>
    </row>
    <row r="42016" spans="1:7" x14ac:dyDescent="0.3">
      <c r="A42016" s="13" t="s">
        <v>248</v>
      </c>
      <c r="B42016" s="14" t="s">
        <v>1</v>
      </c>
      <c r="C42016" s="14" t="s">
        <v>96</v>
      </c>
      <c r="D42016" s="14" t="s">
        <v>249</v>
      </c>
      <c r="E42016" s="15">
        <v>45417</v>
      </c>
      <c r="F42016" s="14" t="s">
        <v>28</v>
      </c>
      <c r="G42016" s="16">
        <v>0</v>
      </c>
    </row>
    <row r="42017" spans="1:7" x14ac:dyDescent="0.3">
      <c r="A42017" s="13" t="s">
        <v>248</v>
      </c>
      <c r="B42017" s="14" t="s">
        <v>1</v>
      </c>
      <c r="C42017" s="14" t="s">
        <v>96</v>
      </c>
      <c r="D42017" s="14" t="s">
        <v>249</v>
      </c>
      <c r="E42017" s="15">
        <v>45418</v>
      </c>
      <c r="F42017" s="14" t="s">
        <v>28</v>
      </c>
      <c r="G42017" s="16">
        <v>0</v>
      </c>
    </row>
    <row r="42018" spans="1:7" x14ac:dyDescent="0.3">
      <c r="A42018" s="13" t="s">
        <v>248</v>
      </c>
      <c r="B42018" s="14" t="s">
        <v>1</v>
      </c>
      <c r="C42018" s="14" t="s">
        <v>96</v>
      </c>
      <c r="D42018" s="14" t="s">
        <v>249</v>
      </c>
      <c r="E42018" s="15">
        <v>45419</v>
      </c>
      <c r="F42018" s="14" t="s">
        <v>28</v>
      </c>
      <c r="G42018" s="16">
        <v>0</v>
      </c>
    </row>
    <row r="42019" spans="1:7" x14ac:dyDescent="0.3">
      <c r="A42019" s="13" t="s">
        <v>248</v>
      </c>
      <c r="B42019" s="14" t="s">
        <v>1</v>
      </c>
      <c r="C42019" s="14" t="s">
        <v>96</v>
      </c>
      <c r="D42019" s="14" t="s">
        <v>249</v>
      </c>
      <c r="E42019" s="15">
        <v>45420</v>
      </c>
      <c r="F42019" s="14" t="s">
        <v>28</v>
      </c>
      <c r="G42019" s="16">
        <v>0</v>
      </c>
    </row>
    <row r="42020" spans="1:7" x14ac:dyDescent="0.3">
      <c r="A42020" s="13" t="s">
        <v>248</v>
      </c>
      <c r="B42020" s="14" t="s">
        <v>1</v>
      </c>
      <c r="C42020" s="14" t="s">
        <v>96</v>
      </c>
      <c r="D42020" s="14" t="s">
        <v>249</v>
      </c>
      <c r="E42020" s="15">
        <v>45421</v>
      </c>
      <c r="F42020" s="14" t="s">
        <v>28</v>
      </c>
      <c r="G42020" s="16">
        <v>0</v>
      </c>
    </row>
    <row r="42021" spans="1:7" x14ac:dyDescent="0.3">
      <c r="A42021" s="13" t="s">
        <v>248</v>
      </c>
      <c r="B42021" s="14" t="s">
        <v>1</v>
      </c>
      <c r="C42021" s="14" t="s">
        <v>96</v>
      </c>
      <c r="D42021" s="14" t="s">
        <v>249</v>
      </c>
      <c r="E42021" s="15">
        <v>45422</v>
      </c>
      <c r="F42021" s="14" t="s">
        <v>28</v>
      </c>
      <c r="G42021" s="16">
        <v>0</v>
      </c>
    </row>
    <row r="42022" spans="1:7" x14ac:dyDescent="0.3">
      <c r="A42022" s="13" t="s">
        <v>248</v>
      </c>
      <c r="B42022" s="14" t="s">
        <v>1</v>
      </c>
      <c r="C42022" s="14" t="s">
        <v>96</v>
      </c>
      <c r="D42022" s="14" t="s">
        <v>249</v>
      </c>
      <c r="E42022" s="15">
        <v>45423</v>
      </c>
      <c r="F42022" s="14" t="s">
        <v>28</v>
      </c>
      <c r="G42022" s="16">
        <v>0</v>
      </c>
    </row>
    <row r="42023" spans="1:7" x14ac:dyDescent="0.3">
      <c r="A42023" s="13" t="s">
        <v>248</v>
      </c>
      <c r="B42023" s="14" t="s">
        <v>1</v>
      </c>
      <c r="C42023" s="14" t="s">
        <v>96</v>
      </c>
      <c r="D42023" s="14" t="s">
        <v>249</v>
      </c>
      <c r="E42023" s="15">
        <v>45424</v>
      </c>
      <c r="F42023" s="14" t="s">
        <v>28</v>
      </c>
      <c r="G42023" s="16">
        <v>0</v>
      </c>
    </row>
    <row r="42024" spans="1:7" x14ac:dyDescent="0.3">
      <c r="A42024" s="13" t="s">
        <v>248</v>
      </c>
      <c r="B42024" s="14" t="s">
        <v>1</v>
      </c>
      <c r="C42024" s="14" t="s">
        <v>96</v>
      </c>
      <c r="D42024" s="14" t="s">
        <v>249</v>
      </c>
      <c r="E42024" s="15">
        <v>45425</v>
      </c>
      <c r="F42024" s="14" t="s">
        <v>28</v>
      </c>
      <c r="G42024" s="16">
        <v>0</v>
      </c>
    </row>
    <row r="42025" spans="1:7" x14ac:dyDescent="0.3">
      <c r="A42025" s="13" t="s">
        <v>248</v>
      </c>
      <c r="B42025" s="14" t="s">
        <v>1</v>
      </c>
      <c r="C42025" s="14" t="s">
        <v>96</v>
      </c>
      <c r="D42025" s="14" t="s">
        <v>249</v>
      </c>
      <c r="E42025" s="15">
        <v>45426</v>
      </c>
      <c r="F42025" s="14" t="s">
        <v>28</v>
      </c>
      <c r="G42025" s="16">
        <v>0</v>
      </c>
    </row>
    <row r="42026" spans="1:7" x14ac:dyDescent="0.3">
      <c r="A42026" s="13" t="s">
        <v>248</v>
      </c>
      <c r="B42026" s="14" t="s">
        <v>1</v>
      </c>
      <c r="C42026" s="14" t="s">
        <v>96</v>
      </c>
      <c r="D42026" s="14" t="s">
        <v>249</v>
      </c>
      <c r="E42026" s="15">
        <v>45427</v>
      </c>
      <c r="F42026" s="14" t="s">
        <v>28</v>
      </c>
      <c r="G42026" s="16">
        <v>0</v>
      </c>
    </row>
    <row r="42027" spans="1:7" x14ac:dyDescent="0.3">
      <c r="A42027" s="13" t="s">
        <v>248</v>
      </c>
      <c r="B42027" s="14" t="s">
        <v>1</v>
      </c>
      <c r="C42027" s="14" t="s">
        <v>96</v>
      </c>
      <c r="D42027" s="14" t="s">
        <v>249</v>
      </c>
      <c r="E42027" s="15">
        <v>45428</v>
      </c>
      <c r="F42027" s="14" t="s">
        <v>28</v>
      </c>
      <c r="G42027" s="16">
        <v>0</v>
      </c>
    </row>
    <row r="42028" spans="1:7" x14ac:dyDescent="0.3">
      <c r="A42028" s="13" t="s">
        <v>248</v>
      </c>
      <c r="B42028" s="14" t="s">
        <v>1</v>
      </c>
      <c r="C42028" s="14" t="s">
        <v>96</v>
      </c>
      <c r="D42028" s="14" t="s">
        <v>249</v>
      </c>
      <c r="E42028" s="15">
        <v>45429</v>
      </c>
      <c r="F42028" s="14" t="s">
        <v>28</v>
      </c>
      <c r="G42028" s="16">
        <v>0</v>
      </c>
    </row>
    <row r="42029" spans="1:7" x14ac:dyDescent="0.3">
      <c r="A42029" s="13" t="s">
        <v>248</v>
      </c>
      <c r="B42029" s="14" t="s">
        <v>1</v>
      </c>
      <c r="C42029" s="14" t="s">
        <v>96</v>
      </c>
      <c r="D42029" s="14" t="s">
        <v>249</v>
      </c>
      <c r="E42029" s="15">
        <v>45430</v>
      </c>
      <c r="F42029" s="14" t="s">
        <v>28</v>
      </c>
      <c r="G42029" s="16">
        <v>0</v>
      </c>
    </row>
    <row r="42030" spans="1:7" x14ac:dyDescent="0.3">
      <c r="A42030" s="13" t="s">
        <v>248</v>
      </c>
      <c r="B42030" s="14" t="s">
        <v>1</v>
      </c>
      <c r="C42030" s="14" t="s">
        <v>96</v>
      </c>
      <c r="D42030" s="14" t="s">
        <v>249</v>
      </c>
      <c r="E42030" s="15">
        <v>45431</v>
      </c>
      <c r="F42030" s="14" t="s">
        <v>28</v>
      </c>
      <c r="G42030" s="16">
        <v>0</v>
      </c>
    </row>
    <row r="42031" spans="1:7" x14ac:dyDescent="0.3">
      <c r="A42031" s="13" t="s">
        <v>248</v>
      </c>
      <c r="B42031" s="14" t="s">
        <v>1</v>
      </c>
      <c r="C42031" s="14" t="s">
        <v>96</v>
      </c>
      <c r="D42031" s="14" t="s">
        <v>249</v>
      </c>
      <c r="E42031" s="15">
        <v>45432</v>
      </c>
      <c r="F42031" s="14" t="s">
        <v>28</v>
      </c>
      <c r="G42031" s="16">
        <v>0</v>
      </c>
    </row>
    <row r="42032" spans="1:7" x14ac:dyDescent="0.3">
      <c r="A42032" s="13" t="s">
        <v>248</v>
      </c>
      <c r="B42032" s="14" t="s">
        <v>1</v>
      </c>
      <c r="C42032" s="14" t="s">
        <v>96</v>
      </c>
      <c r="D42032" s="14" t="s">
        <v>249</v>
      </c>
      <c r="E42032" s="15">
        <v>45433</v>
      </c>
      <c r="F42032" s="14" t="s">
        <v>28</v>
      </c>
      <c r="G42032" s="16">
        <v>0</v>
      </c>
    </row>
    <row r="42033" spans="1:7" x14ac:dyDescent="0.3">
      <c r="A42033" s="13" t="s">
        <v>248</v>
      </c>
      <c r="B42033" s="14" t="s">
        <v>1</v>
      </c>
      <c r="C42033" s="14" t="s">
        <v>96</v>
      </c>
      <c r="D42033" s="14" t="s">
        <v>249</v>
      </c>
      <c r="E42033" s="15">
        <v>45434</v>
      </c>
      <c r="F42033" s="14" t="s">
        <v>28</v>
      </c>
      <c r="G42033" s="16">
        <v>0</v>
      </c>
    </row>
    <row r="42034" spans="1:7" x14ac:dyDescent="0.3">
      <c r="A42034" s="13" t="s">
        <v>248</v>
      </c>
      <c r="B42034" s="14" t="s">
        <v>1</v>
      </c>
      <c r="C42034" s="14" t="s">
        <v>96</v>
      </c>
      <c r="D42034" s="14" t="s">
        <v>249</v>
      </c>
      <c r="E42034" s="15">
        <v>45435</v>
      </c>
      <c r="F42034" s="14" t="s">
        <v>28</v>
      </c>
      <c r="G42034" s="16">
        <v>0</v>
      </c>
    </row>
    <row r="42035" spans="1:7" x14ac:dyDescent="0.3">
      <c r="A42035" s="13" t="s">
        <v>248</v>
      </c>
      <c r="B42035" s="14" t="s">
        <v>1</v>
      </c>
      <c r="C42035" s="14" t="s">
        <v>96</v>
      </c>
      <c r="D42035" s="14" t="s">
        <v>249</v>
      </c>
      <c r="E42035" s="15">
        <v>45436</v>
      </c>
      <c r="F42035" s="14" t="s">
        <v>28</v>
      </c>
      <c r="G42035" s="16">
        <v>0</v>
      </c>
    </row>
    <row r="42036" spans="1:7" x14ac:dyDescent="0.3">
      <c r="A42036" s="13" t="s">
        <v>248</v>
      </c>
      <c r="B42036" s="14" t="s">
        <v>1</v>
      </c>
      <c r="C42036" s="14" t="s">
        <v>96</v>
      </c>
      <c r="D42036" s="14" t="s">
        <v>249</v>
      </c>
      <c r="E42036" s="15">
        <v>45437</v>
      </c>
      <c r="F42036" s="14" t="s">
        <v>28</v>
      </c>
      <c r="G42036" s="16">
        <v>0</v>
      </c>
    </row>
    <row r="42037" spans="1:7" x14ac:dyDescent="0.3">
      <c r="A42037" s="13" t="s">
        <v>248</v>
      </c>
      <c r="B42037" s="14" t="s">
        <v>1</v>
      </c>
      <c r="C42037" s="14" t="s">
        <v>96</v>
      </c>
      <c r="D42037" s="14" t="s">
        <v>249</v>
      </c>
      <c r="E42037" s="15">
        <v>45438</v>
      </c>
      <c r="F42037" s="14" t="s">
        <v>28</v>
      </c>
      <c r="G42037" s="16">
        <v>0</v>
      </c>
    </row>
    <row r="42038" spans="1:7" x14ac:dyDescent="0.3">
      <c r="A42038" s="13" t="s">
        <v>248</v>
      </c>
      <c r="B42038" s="14" t="s">
        <v>1</v>
      </c>
      <c r="C42038" s="14" t="s">
        <v>96</v>
      </c>
      <c r="D42038" s="14" t="s">
        <v>249</v>
      </c>
      <c r="E42038" s="15">
        <v>45439</v>
      </c>
      <c r="F42038" s="14" t="s">
        <v>28</v>
      </c>
      <c r="G42038" s="16">
        <v>0</v>
      </c>
    </row>
    <row r="42039" spans="1:7" x14ac:dyDescent="0.3">
      <c r="A42039" s="13" t="s">
        <v>248</v>
      </c>
      <c r="B42039" s="14" t="s">
        <v>1</v>
      </c>
      <c r="C42039" s="14" t="s">
        <v>96</v>
      </c>
      <c r="D42039" s="14" t="s">
        <v>249</v>
      </c>
      <c r="E42039" s="15">
        <v>45440</v>
      </c>
      <c r="F42039" s="14" t="s">
        <v>28</v>
      </c>
      <c r="G42039" s="16">
        <v>0</v>
      </c>
    </row>
    <row r="42040" spans="1:7" x14ac:dyDescent="0.3">
      <c r="A42040" s="13" t="s">
        <v>248</v>
      </c>
      <c r="B42040" s="14" t="s">
        <v>1</v>
      </c>
      <c r="C42040" s="14" t="s">
        <v>96</v>
      </c>
      <c r="D42040" s="14" t="s">
        <v>249</v>
      </c>
      <c r="E42040" s="15">
        <v>45441</v>
      </c>
      <c r="F42040" s="14" t="s">
        <v>28</v>
      </c>
      <c r="G42040" s="16">
        <v>0</v>
      </c>
    </row>
    <row r="42041" spans="1:7" x14ac:dyDescent="0.3">
      <c r="A42041" s="13" t="s">
        <v>248</v>
      </c>
      <c r="B42041" s="14" t="s">
        <v>1</v>
      </c>
      <c r="C42041" s="14" t="s">
        <v>96</v>
      </c>
      <c r="D42041" s="14" t="s">
        <v>249</v>
      </c>
      <c r="E42041" s="15">
        <v>45442</v>
      </c>
      <c r="F42041" s="14" t="s">
        <v>28</v>
      </c>
      <c r="G42041" s="16">
        <v>0</v>
      </c>
    </row>
    <row r="42042" spans="1:7" x14ac:dyDescent="0.3">
      <c r="A42042" s="13" t="s">
        <v>248</v>
      </c>
      <c r="B42042" s="14" t="s">
        <v>1</v>
      </c>
      <c r="C42042" s="14" t="s">
        <v>96</v>
      </c>
      <c r="D42042" s="14" t="s">
        <v>249</v>
      </c>
      <c r="E42042" s="15">
        <v>45443</v>
      </c>
      <c r="F42042" s="14" t="s">
        <v>28</v>
      </c>
      <c r="G42042" s="16">
        <v>0</v>
      </c>
    </row>
    <row r="42043" spans="1:7" x14ac:dyDescent="0.3">
      <c r="A42043" s="13" t="s">
        <v>248</v>
      </c>
      <c r="B42043" s="14" t="s">
        <v>1</v>
      </c>
      <c r="C42043" s="14" t="s">
        <v>96</v>
      </c>
      <c r="D42043" s="14" t="s">
        <v>249</v>
      </c>
      <c r="E42043" s="15">
        <v>45444</v>
      </c>
      <c r="F42043" s="14" t="s">
        <v>28</v>
      </c>
      <c r="G42043" s="16">
        <v>0</v>
      </c>
    </row>
    <row r="42044" spans="1:7" x14ac:dyDescent="0.3">
      <c r="A42044" s="13" t="s">
        <v>248</v>
      </c>
      <c r="B42044" s="14" t="s">
        <v>1</v>
      </c>
      <c r="C42044" s="14" t="s">
        <v>96</v>
      </c>
      <c r="D42044" s="14" t="s">
        <v>249</v>
      </c>
      <c r="E42044" s="15">
        <v>45445</v>
      </c>
      <c r="F42044" s="14" t="s">
        <v>28</v>
      </c>
      <c r="G42044" s="16">
        <v>0</v>
      </c>
    </row>
    <row r="42045" spans="1:7" x14ac:dyDescent="0.3">
      <c r="A42045" s="13" t="s">
        <v>248</v>
      </c>
      <c r="B42045" s="14" t="s">
        <v>1</v>
      </c>
      <c r="C42045" s="14" t="s">
        <v>96</v>
      </c>
      <c r="D42045" s="14" t="s">
        <v>249</v>
      </c>
      <c r="E42045" s="15">
        <v>45446</v>
      </c>
      <c r="F42045" s="14" t="s">
        <v>28</v>
      </c>
      <c r="G42045" s="16">
        <v>0</v>
      </c>
    </row>
    <row r="42046" spans="1:7" x14ac:dyDescent="0.3">
      <c r="A42046" s="13" t="s">
        <v>248</v>
      </c>
      <c r="B42046" s="14" t="s">
        <v>1</v>
      </c>
      <c r="C42046" s="14" t="s">
        <v>96</v>
      </c>
      <c r="D42046" s="14" t="s">
        <v>249</v>
      </c>
      <c r="E42046" s="15">
        <v>45447</v>
      </c>
      <c r="F42046" s="14" t="s">
        <v>28</v>
      </c>
      <c r="G42046" s="16">
        <v>0</v>
      </c>
    </row>
    <row r="42047" spans="1:7" x14ac:dyDescent="0.3">
      <c r="A42047" s="13" t="s">
        <v>248</v>
      </c>
      <c r="B42047" s="14" t="s">
        <v>1</v>
      </c>
      <c r="C42047" s="14" t="s">
        <v>96</v>
      </c>
      <c r="D42047" s="14" t="s">
        <v>249</v>
      </c>
      <c r="E42047" s="15">
        <v>45448</v>
      </c>
      <c r="F42047" s="14" t="s">
        <v>28</v>
      </c>
      <c r="G42047" s="16">
        <v>0</v>
      </c>
    </row>
    <row r="42048" spans="1:7" x14ac:dyDescent="0.3">
      <c r="A42048" s="13" t="s">
        <v>248</v>
      </c>
      <c r="B42048" s="14" t="s">
        <v>1</v>
      </c>
      <c r="C42048" s="14" t="s">
        <v>96</v>
      </c>
      <c r="D42048" s="14" t="s">
        <v>249</v>
      </c>
      <c r="E42048" s="15">
        <v>45449</v>
      </c>
      <c r="F42048" s="14" t="s">
        <v>28</v>
      </c>
      <c r="G42048" s="16">
        <v>0</v>
      </c>
    </row>
    <row r="42049" spans="1:7" x14ac:dyDescent="0.3">
      <c r="A42049" s="13" t="s">
        <v>248</v>
      </c>
      <c r="B42049" s="14" t="s">
        <v>1</v>
      </c>
      <c r="C42049" s="14" t="s">
        <v>96</v>
      </c>
      <c r="D42049" s="14" t="s">
        <v>249</v>
      </c>
      <c r="E42049" s="15">
        <v>45450</v>
      </c>
      <c r="F42049" s="14" t="s">
        <v>28</v>
      </c>
      <c r="G42049" s="16">
        <v>0</v>
      </c>
    </row>
    <row r="42050" spans="1:7" x14ac:dyDescent="0.3">
      <c r="A42050" s="13" t="s">
        <v>248</v>
      </c>
      <c r="B42050" s="14" t="s">
        <v>1</v>
      </c>
      <c r="C42050" s="14" t="s">
        <v>96</v>
      </c>
      <c r="D42050" s="14" t="s">
        <v>249</v>
      </c>
      <c r="E42050" s="15">
        <v>45451</v>
      </c>
      <c r="F42050" s="14" t="s">
        <v>28</v>
      </c>
      <c r="G42050" s="16">
        <v>0</v>
      </c>
    </row>
    <row r="42051" spans="1:7" x14ac:dyDescent="0.3">
      <c r="A42051" s="13" t="s">
        <v>248</v>
      </c>
      <c r="B42051" s="14" t="s">
        <v>1</v>
      </c>
      <c r="C42051" s="14" t="s">
        <v>96</v>
      </c>
      <c r="D42051" s="14" t="s">
        <v>249</v>
      </c>
      <c r="E42051" s="15">
        <v>45452</v>
      </c>
      <c r="F42051" s="14" t="s">
        <v>28</v>
      </c>
      <c r="G42051" s="16">
        <v>0</v>
      </c>
    </row>
    <row r="42052" spans="1:7" x14ac:dyDescent="0.3">
      <c r="A42052" s="13" t="s">
        <v>248</v>
      </c>
      <c r="B42052" s="14" t="s">
        <v>1</v>
      </c>
      <c r="C42052" s="14" t="s">
        <v>96</v>
      </c>
      <c r="D42052" s="14" t="s">
        <v>249</v>
      </c>
      <c r="E42052" s="15">
        <v>45453</v>
      </c>
      <c r="F42052" s="14" t="s">
        <v>28</v>
      </c>
      <c r="G42052" s="16">
        <v>0</v>
      </c>
    </row>
    <row r="42053" spans="1:7" x14ac:dyDescent="0.3">
      <c r="A42053" s="13" t="s">
        <v>248</v>
      </c>
      <c r="B42053" s="14" t="s">
        <v>1</v>
      </c>
      <c r="C42053" s="14" t="s">
        <v>96</v>
      </c>
      <c r="D42053" s="14" t="s">
        <v>249</v>
      </c>
      <c r="E42053" s="15">
        <v>45454</v>
      </c>
      <c r="F42053" s="14" t="s">
        <v>28</v>
      </c>
      <c r="G42053" s="16">
        <v>0</v>
      </c>
    </row>
    <row r="42054" spans="1:7" x14ac:dyDescent="0.3">
      <c r="A42054" s="13" t="s">
        <v>248</v>
      </c>
      <c r="B42054" s="14" t="s">
        <v>1</v>
      </c>
      <c r="C42054" s="14" t="s">
        <v>96</v>
      </c>
      <c r="D42054" s="14" t="s">
        <v>249</v>
      </c>
      <c r="E42054" s="15">
        <v>45455</v>
      </c>
      <c r="F42054" s="14" t="s">
        <v>28</v>
      </c>
      <c r="G42054" s="16">
        <v>0</v>
      </c>
    </row>
    <row r="42055" spans="1:7" x14ac:dyDescent="0.3">
      <c r="A42055" s="13" t="s">
        <v>248</v>
      </c>
      <c r="B42055" s="14" t="s">
        <v>1</v>
      </c>
      <c r="C42055" s="14" t="s">
        <v>96</v>
      </c>
      <c r="D42055" s="14" t="s">
        <v>249</v>
      </c>
      <c r="E42055" s="15">
        <v>45456</v>
      </c>
      <c r="F42055" s="14" t="s">
        <v>28</v>
      </c>
      <c r="G42055" s="16">
        <v>0</v>
      </c>
    </row>
    <row r="42056" spans="1:7" x14ac:dyDescent="0.3">
      <c r="A42056" s="13" t="s">
        <v>248</v>
      </c>
      <c r="B42056" s="14" t="s">
        <v>1</v>
      </c>
      <c r="C42056" s="14" t="s">
        <v>96</v>
      </c>
      <c r="D42056" s="14" t="s">
        <v>249</v>
      </c>
      <c r="E42056" s="15">
        <v>45457</v>
      </c>
      <c r="F42056" s="14" t="s">
        <v>28</v>
      </c>
      <c r="G42056" s="16">
        <v>0</v>
      </c>
    </row>
    <row r="42057" spans="1:7" x14ac:dyDescent="0.3">
      <c r="A42057" s="13" t="s">
        <v>248</v>
      </c>
      <c r="B42057" s="14" t="s">
        <v>1</v>
      </c>
      <c r="C42057" s="14" t="s">
        <v>96</v>
      </c>
      <c r="D42057" s="14" t="s">
        <v>249</v>
      </c>
      <c r="E42057" s="15">
        <v>45458</v>
      </c>
      <c r="F42057" s="14" t="s">
        <v>28</v>
      </c>
      <c r="G42057" s="16">
        <v>0</v>
      </c>
    </row>
    <row r="42058" spans="1:7" x14ac:dyDescent="0.3">
      <c r="A42058" s="13" t="s">
        <v>248</v>
      </c>
      <c r="B42058" s="14" t="s">
        <v>1</v>
      </c>
      <c r="C42058" s="14" t="s">
        <v>96</v>
      </c>
      <c r="D42058" s="14" t="s">
        <v>249</v>
      </c>
      <c r="E42058" s="15">
        <v>45459</v>
      </c>
      <c r="F42058" s="14" t="s">
        <v>28</v>
      </c>
      <c r="G42058" s="16">
        <v>0</v>
      </c>
    </row>
    <row r="42059" spans="1:7" x14ac:dyDescent="0.3">
      <c r="A42059" s="13" t="s">
        <v>248</v>
      </c>
      <c r="B42059" s="14" t="s">
        <v>1</v>
      </c>
      <c r="C42059" s="14" t="s">
        <v>96</v>
      </c>
      <c r="D42059" s="14" t="s">
        <v>249</v>
      </c>
      <c r="E42059" s="15">
        <v>45460</v>
      </c>
      <c r="F42059" s="14" t="s">
        <v>28</v>
      </c>
      <c r="G42059" s="16">
        <v>0</v>
      </c>
    </row>
    <row r="42060" spans="1:7" x14ac:dyDescent="0.3">
      <c r="A42060" s="13" t="s">
        <v>248</v>
      </c>
      <c r="B42060" s="14" t="s">
        <v>1</v>
      </c>
      <c r="C42060" s="14" t="s">
        <v>96</v>
      </c>
      <c r="D42060" s="14" t="s">
        <v>249</v>
      </c>
      <c r="E42060" s="15">
        <v>45461</v>
      </c>
      <c r="F42060" s="14" t="s">
        <v>28</v>
      </c>
      <c r="G42060" s="16">
        <v>0</v>
      </c>
    </row>
    <row r="42061" spans="1:7" x14ac:dyDescent="0.3">
      <c r="A42061" s="13" t="s">
        <v>248</v>
      </c>
      <c r="B42061" s="14" t="s">
        <v>1</v>
      </c>
      <c r="C42061" s="14" t="s">
        <v>96</v>
      </c>
      <c r="D42061" s="14" t="s">
        <v>249</v>
      </c>
      <c r="E42061" s="15">
        <v>45462</v>
      </c>
      <c r="F42061" s="14" t="s">
        <v>28</v>
      </c>
      <c r="G42061" s="16">
        <v>0</v>
      </c>
    </row>
    <row r="42062" spans="1:7" x14ac:dyDescent="0.3">
      <c r="A42062" s="13" t="s">
        <v>248</v>
      </c>
      <c r="B42062" s="14" t="s">
        <v>1</v>
      </c>
      <c r="C42062" s="14" t="s">
        <v>96</v>
      </c>
      <c r="D42062" s="14" t="s">
        <v>249</v>
      </c>
      <c r="E42062" s="15">
        <v>45463</v>
      </c>
      <c r="F42062" s="14" t="s">
        <v>28</v>
      </c>
      <c r="G42062" s="16">
        <v>0</v>
      </c>
    </row>
    <row r="42063" spans="1:7" x14ac:dyDescent="0.3">
      <c r="A42063" s="13" t="s">
        <v>248</v>
      </c>
      <c r="B42063" s="14" t="s">
        <v>1</v>
      </c>
      <c r="C42063" s="14" t="s">
        <v>96</v>
      </c>
      <c r="D42063" s="14" t="s">
        <v>249</v>
      </c>
      <c r="E42063" s="15">
        <v>45464</v>
      </c>
      <c r="F42063" s="14" t="s">
        <v>28</v>
      </c>
      <c r="G42063" s="16">
        <v>0</v>
      </c>
    </row>
    <row r="42064" spans="1:7" x14ac:dyDescent="0.3">
      <c r="A42064" s="13" t="s">
        <v>248</v>
      </c>
      <c r="B42064" s="14" t="s">
        <v>1</v>
      </c>
      <c r="C42064" s="14" t="s">
        <v>96</v>
      </c>
      <c r="D42064" s="14" t="s">
        <v>249</v>
      </c>
      <c r="E42064" s="15">
        <v>45465</v>
      </c>
      <c r="F42064" s="14" t="s">
        <v>28</v>
      </c>
      <c r="G42064" s="16">
        <v>0</v>
      </c>
    </row>
    <row r="42065" spans="1:7" x14ac:dyDescent="0.3">
      <c r="A42065" s="13" t="s">
        <v>248</v>
      </c>
      <c r="B42065" s="14" t="s">
        <v>1</v>
      </c>
      <c r="C42065" s="14" t="s">
        <v>96</v>
      </c>
      <c r="D42065" s="14" t="s">
        <v>249</v>
      </c>
      <c r="E42065" s="15">
        <v>45466</v>
      </c>
      <c r="F42065" s="14" t="s">
        <v>28</v>
      </c>
      <c r="G42065" s="16">
        <v>0</v>
      </c>
    </row>
    <row r="42066" spans="1:7" x14ac:dyDescent="0.3">
      <c r="A42066" s="13" t="s">
        <v>248</v>
      </c>
      <c r="B42066" s="14" t="s">
        <v>1</v>
      </c>
      <c r="C42066" s="14" t="s">
        <v>96</v>
      </c>
      <c r="D42066" s="14" t="s">
        <v>249</v>
      </c>
      <c r="E42066" s="15">
        <v>45467</v>
      </c>
      <c r="F42066" s="14" t="s">
        <v>28</v>
      </c>
      <c r="G42066" s="16">
        <v>0</v>
      </c>
    </row>
    <row r="42067" spans="1:7" x14ac:dyDescent="0.3">
      <c r="A42067" s="13" t="s">
        <v>248</v>
      </c>
      <c r="B42067" s="14" t="s">
        <v>1</v>
      </c>
      <c r="C42067" s="14" t="s">
        <v>96</v>
      </c>
      <c r="D42067" s="14" t="s">
        <v>249</v>
      </c>
      <c r="E42067" s="15">
        <v>45468</v>
      </c>
      <c r="F42067" s="14" t="s">
        <v>28</v>
      </c>
      <c r="G42067" s="16">
        <v>0</v>
      </c>
    </row>
    <row r="42068" spans="1:7" x14ac:dyDescent="0.3">
      <c r="A42068" s="13" t="s">
        <v>248</v>
      </c>
      <c r="B42068" s="14" t="s">
        <v>1</v>
      </c>
      <c r="C42068" s="14" t="s">
        <v>96</v>
      </c>
      <c r="D42068" s="14" t="s">
        <v>249</v>
      </c>
      <c r="E42068" s="15">
        <v>45469</v>
      </c>
      <c r="F42068" s="14" t="s">
        <v>28</v>
      </c>
      <c r="G42068" s="16">
        <v>0</v>
      </c>
    </row>
    <row r="42069" spans="1:7" x14ac:dyDescent="0.3">
      <c r="A42069" s="13" t="s">
        <v>248</v>
      </c>
      <c r="B42069" s="14" t="s">
        <v>1</v>
      </c>
      <c r="C42069" s="14" t="s">
        <v>96</v>
      </c>
      <c r="D42069" s="14" t="s">
        <v>249</v>
      </c>
      <c r="E42069" s="15">
        <v>45470</v>
      </c>
      <c r="F42069" s="14" t="s">
        <v>28</v>
      </c>
      <c r="G42069" s="16">
        <v>0</v>
      </c>
    </row>
    <row r="42070" spans="1:7" x14ac:dyDescent="0.3">
      <c r="A42070" s="13" t="s">
        <v>248</v>
      </c>
      <c r="B42070" s="14" t="s">
        <v>1</v>
      </c>
      <c r="C42070" s="14" t="s">
        <v>96</v>
      </c>
      <c r="D42070" s="14" t="s">
        <v>249</v>
      </c>
      <c r="E42070" s="15">
        <v>45471</v>
      </c>
      <c r="F42070" s="14" t="s">
        <v>28</v>
      </c>
      <c r="G42070" s="16">
        <v>0</v>
      </c>
    </row>
    <row r="42071" spans="1:7" x14ac:dyDescent="0.3">
      <c r="A42071" s="13" t="s">
        <v>248</v>
      </c>
      <c r="B42071" s="14" t="s">
        <v>1</v>
      </c>
      <c r="C42071" s="14" t="s">
        <v>96</v>
      </c>
      <c r="D42071" s="14" t="s">
        <v>249</v>
      </c>
      <c r="E42071" s="15">
        <v>45472</v>
      </c>
      <c r="F42071" s="14" t="s">
        <v>28</v>
      </c>
      <c r="G42071" s="16">
        <v>0</v>
      </c>
    </row>
    <row r="42072" spans="1:7" x14ac:dyDescent="0.3">
      <c r="A42072" s="13" t="s">
        <v>248</v>
      </c>
      <c r="B42072" s="14" t="s">
        <v>1</v>
      </c>
      <c r="C42072" s="14" t="s">
        <v>96</v>
      </c>
      <c r="D42072" s="14" t="s">
        <v>249</v>
      </c>
      <c r="E42072" s="15">
        <v>45473</v>
      </c>
      <c r="F42072" s="14" t="s">
        <v>28</v>
      </c>
      <c r="G42072" s="16">
        <v>0</v>
      </c>
    </row>
    <row r="42073" spans="1:7" x14ac:dyDescent="0.3">
      <c r="A42073" s="13" t="s">
        <v>248</v>
      </c>
      <c r="B42073" s="14" t="s">
        <v>1</v>
      </c>
      <c r="C42073" s="14" t="s">
        <v>96</v>
      </c>
      <c r="D42073" s="14" t="s">
        <v>249</v>
      </c>
      <c r="E42073" s="15">
        <v>45474</v>
      </c>
      <c r="F42073" s="14" t="s">
        <v>28</v>
      </c>
      <c r="G42073" s="16">
        <v>0</v>
      </c>
    </row>
    <row r="42074" spans="1:7" x14ac:dyDescent="0.3">
      <c r="A42074" s="13" t="s">
        <v>248</v>
      </c>
      <c r="B42074" s="14" t="s">
        <v>1</v>
      </c>
      <c r="C42074" s="14" t="s">
        <v>96</v>
      </c>
      <c r="D42074" s="14" t="s">
        <v>249</v>
      </c>
      <c r="E42074" s="15">
        <v>45475</v>
      </c>
      <c r="F42074" s="14" t="s">
        <v>28</v>
      </c>
      <c r="G42074" s="16">
        <v>0</v>
      </c>
    </row>
    <row r="42075" spans="1:7" x14ac:dyDescent="0.3">
      <c r="A42075" s="13" t="s">
        <v>248</v>
      </c>
      <c r="B42075" s="14" t="s">
        <v>1</v>
      </c>
      <c r="C42075" s="14" t="s">
        <v>96</v>
      </c>
      <c r="D42075" s="14" t="s">
        <v>249</v>
      </c>
      <c r="E42075" s="15">
        <v>45476</v>
      </c>
      <c r="F42075" s="14" t="s">
        <v>28</v>
      </c>
      <c r="G42075" s="16">
        <v>0</v>
      </c>
    </row>
    <row r="42076" spans="1:7" x14ac:dyDescent="0.3">
      <c r="A42076" s="13" t="s">
        <v>248</v>
      </c>
      <c r="B42076" s="14" t="s">
        <v>1</v>
      </c>
      <c r="C42076" s="14" t="s">
        <v>96</v>
      </c>
      <c r="D42076" s="14" t="s">
        <v>249</v>
      </c>
      <c r="E42076" s="15">
        <v>45477</v>
      </c>
      <c r="F42076" s="14" t="s">
        <v>28</v>
      </c>
      <c r="G42076" s="16">
        <v>0</v>
      </c>
    </row>
    <row r="42077" spans="1:7" x14ac:dyDescent="0.3">
      <c r="A42077" s="13" t="s">
        <v>248</v>
      </c>
      <c r="B42077" s="14" t="s">
        <v>1</v>
      </c>
      <c r="C42077" s="14" t="s">
        <v>96</v>
      </c>
      <c r="D42077" s="14" t="s">
        <v>249</v>
      </c>
      <c r="E42077" s="15">
        <v>45478</v>
      </c>
      <c r="F42077" s="14" t="s">
        <v>28</v>
      </c>
      <c r="G42077" s="16">
        <v>0</v>
      </c>
    </row>
    <row r="42078" spans="1:7" x14ac:dyDescent="0.3">
      <c r="A42078" s="13" t="s">
        <v>248</v>
      </c>
      <c r="B42078" s="14" t="s">
        <v>1</v>
      </c>
      <c r="C42078" s="14" t="s">
        <v>96</v>
      </c>
      <c r="D42078" s="14" t="s">
        <v>249</v>
      </c>
      <c r="E42078" s="15">
        <v>45479</v>
      </c>
      <c r="F42078" s="14" t="s">
        <v>28</v>
      </c>
      <c r="G42078" s="16">
        <v>0</v>
      </c>
    </row>
    <row r="42079" spans="1:7" x14ac:dyDescent="0.3">
      <c r="A42079" s="13" t="s">
        <v>248</v>
      </c>
      <c r="B42079" s="14" t="s">
        <v>1</v>
      </c>
      <c r="C42079" s="14" t="s">
        <v>96</v>
      </c>
      <c r="D42079" s="14" t="s">
        <v>249</v>
      </c>
      <c r="E42079" s="15">
        <v>45480</v>
      </c>
      <c r="F42079" s="14" t="s">
        <v>28</v>
      </c>
      <c r="G42079" s="16">
        <v>0</v>
      </c>
    </row>
    <row r="42080" spans="1:7" x14ac:dyDescent="0.3">
      <c r="A42080" s="13" t="s">
        <v>248</v>
      </c>
      <c r="B42080" s="14" t="s">
        <v>1</v>
      </c>
      <c r="C42080" s="14" t="s">
        <v>96</v>
      </c>
      <c r="D42080" s="14" t="s">
        <v>249</v>
      </c>
      <c r="E42080" s="15">
        <v>45481</v>
      </c>
      <c r="F42080" s="14" t="s">
        <v>28</v>
      </c>
      <c r="G42080" s="16">
        <v>0</v>
      </c>
    </row>
    <row r="42081" spans="1:7" x14ac:dyDescent="0.3">
      <c r="A42081" s="13" t="s">
        <v>248</v>
      </c>
      <c r="B42081" s="14" t="s">
        <v>1</v>
      </c>
      <c r="C42081" s="14" t="s">
        <v>96</v>
      </c>
      <c r="D42081" s="14" t="s">
        <v>249</v>
      </c>
      <c r="E42081" s="15">
        <v>45482</v>
      </c>
      <c r="F42081" s="14" t="s">
        <v>28</v>
      </c>
      <c r="G42081" s="16">
        <v>0</v>
      </c>
    </row>
    <row r="42082" spans="1:7" x14ac:dyDescent="0.3">
      <c r="A42082" s="13" t="s">
        <v>248</v>
      </c>
      <c r="B42082" s="14" t="s">
        <v>1</v>
      </c>
      <c r="C42082" s="14" t="s">
        <v>96</v>
      </c>
      <c r="D42082" s="14" t="s">
        <v>249</v>
      </c>
      <c r="E42082" s="15">
        <v>45483</v>
      </c>
      <c r="F42082" s="14" t="s">
        <v>28</v>
      </c>
      <c r="G42082" s="16">
        <v>0</v>
      </c>
    </row>
    <row r="42083" spans="1:7" x14ac:dyDescent="0.3">
      <c r="A42083" s="13" t="s">
        <v>248</v>
      </c>
      <c r="B42083" s="14" t="s">
        <v>1</v>
      </c>
      <c r="C42083" s="14" t="s">
        <v>96</v>
      </c>
      <c r="D42083" s="14" t="s">
        <v>249</v>
      </c>
      <c r="E42083" s="15">
        <v>45484</v>
      </c>
      <c r="F42083" s="14" t="s">
        <v>28</v>
      </c>
      <c r="G42083" s="16">
        <v>0</v>
      </c>
    </row>
    <row r="42084" spans="1:7" x14ac:dyDescent="0.3">
      <c r="A42084" s="13" t="s">
        <v>248</v>
      </c>
      <c r="B42084" s="14" t="s">
        <v>1</v>
      </c>
      <c r="C42084" s="14" t="s">
        <v>96</v>
      </c>
      <c r="D42084" s="14" t="s">
        <v>249</v>
      </c>
      <c r="E42084" s="15">
        <v>45485</v>
      </c>
      <c r="F42084" s="14" t="s">
        <v>28</v>
      </c>
      <c r="G42084" s="16">
        <v>0</v>
      </c>
    </row>
    <row r="42085" spans="1:7" x14ac:dyDescent="0.3">
      <c r="A42085" s="13" t="s">
        <v>248</v>
      </c>
      <c r="B42085" s="14" t="s">
        <v>1</v>
      </c>
      <c r="C42085" s="14" t="s">
        <v>96</v>
      </c>
      <c r="D42085" s="14" t="s">
        <v>249</v>
      </c>
      <c r="E42085" s="15">
        <v>45486</v>
      </c>
      <c r="F42085" s="14" t="s">
        <v>28</v>
      </c>
      <c r="G42085" s="16">
        <v>0</v>
      </c>
    </row>
    <row r="42086" spans="1:7" x14ac:dyDescent="0.3">
      <c r="A42086" s="13" t="s">
        <v>248</v>
      </c>
      <c r="B42086" s="14" t="s">
        <v>1</v>
      </c>
      <c r="C42086" s="14" t="s">
        <v>96</v>
      </c>
      <c r="D42086" s="14" t="s">
        <v>249</v>
      </c>
      <c r="E42086" s="15">
        <v>45487</v>
      </c>
      <c r="F42086" s="14" t="s">
        <v>28</v>
      </c>
      <c r="G42086" s="16">
        <v>0</v>
      </c>
    </row>
    <row r="42087" spans="1:7" x14ac:dyDescent="0.3">
      <c r="A42087" s="13" t="s">
        <v>248</v>
      </c>
      <c r="B42087" s="14" t="s">
        <v>1</v>
      </c>
      <c r="C42087" s="14" t="s">
        <v>96</v>
      </c>
      <c r="D42087" s="14" t="s">
        <v>249</v>
      </c>
      <c r="E42087" s="15">
        <v>45488</v>
      </c>
      <c r="F42087" s="14" t="s">
        <v>28</v>
      </c>
      <c r="G42087" s="16">
        <v>0</v>
      </c>
    </row>
    <row r="42088" spans="1:7" x14ac:dyDescent="0.3">
      <c r="A42088" s="13" t="s">
        <v>248</v>
      </c>
      <c r="B42088" s="14" t="s">
        <v>1</v>
      </c>
      <c r="C42088" s="14" t="s">
        <v>96</v>
      </c>
      <c r="D42088" s="14" t="s">
        <v>249</v>
      </c>
      <c r="E42088" s="15">
        <v>45489</v>
      </c>
      <c r="F42088" s="14" t="s">
        <v>28</v>
      </c>
      <c r="G42088" s="16">
        <v>0</v>
      </c>
    </row>
    <row r="42089" spans="1:7" x14ac:dyDescent="0.3">
      <c r="A42089" s="13" t="s">
        <v>248</v>
      </c>
      <c r="B42089" s="14" t="s">
        <v>1</v>
      </c>
      <c r="C42089" s="14" t="s">
        <v>96</v>
      </c>
      <c r="D42089" s="14" t="s">
        <v>249</v>
      </c>
      <c r="E42089" s="15">
        <v>45490</v>
      </c>
      <c r="F42089" s="14" t="s">
        <v>28</v>
      </c>
      <c r="G42089" s="16">
        <v>0</v>
      </c>
    </row>
    <row r="42090" spans="1:7" x14ac:dyDescent="0.3">
      <c r="A42090" s="13" t="s">
        <v>248</v>
      </c>
      <c r="B42090" s="14" t="s">
        <v>1</v>
      </c>
      <c r="C42090" s="14" t="s">
        <v>96</v>
      </c>
      <c r="D42090" s="14" t="s">
        <v>249</v>
      </c>
      <c r="E42090" s="15">
        <v>45491</v>
      </c>
      <c r="F42090" s="14" t="s">
        <v>28</v>
      </c>
      <c r="G42090" s="16">
        <v>0</v>
      </c>
    </row>
    <row r="42091" spans="1:7" x14ac:dyDescent="0.3">
      <c r="A42091" s="13" t="s">
        <v>248</v>
      </c>
      <c r="B42091" s="14" t="s">
        <v>1</v>
      </c>
      <c r="C42091" s="14" t="s">
        <v>96</v>
      </c>
      <c r="D42091" s="14" t="s">
        <v>249</v>
      </c>
      <c r="E42091" s="15">
        <v>45492</v>
      </c>
      <c r="F42091" s="14" t="s">
        <v>28</v>
      </c>
      <c r="G42091" s="16">
        <v>0</v>
      </c>
    </row>
    <row r="42092" spans="1:7" x14ac:dyDescent="0.3">
      <c r="A42092" s="13" t="s">
        <v>248</v>
      </c>
      <c r="B42092" s="14" t="s">
        <v>1</v>
      </c>
      <c r="C42092" s="14" t="s">
        <v>96</v>
      </c>
      <c r="D42092" s="14" t="s">
        <v>249</v>
      </c>
      <c r="E42092" s="15">
        <v>45493</v>
      </c>
      <c r="F42092" s="14" t="s">
        <v>28</v>
      </c>
      <c r="G42092" s="16">
        <v>0</v>
      </c>
    </row>
    <row r="42093" spans="1:7" x14ac:dyDescent="0.3">
      <c r="A42093" s="13" t="s">
        <v>248</v>
      </c>
      <c r="B42093" s="14" t="s">
        <v>1</v>
      </c>
      <c r="C42093" s="14" t="s">
        <v>96</v>
      </c>
      <c r="D42093" s="14" t="s">
        <v>249</v>
      </c>
      <c r="E42093" s="15">
        <v>45494</v>
      </c>
      <c r="F42093" s="14" t="s">
        <v>28</v>
      </c>
      <c r="G42093" s="16">
        <v>0</v>
      </c>
    </row>
    <row r="42094" spans="1:7" x14ac:dyDescent="0.3">
      <c r="A42094" s="13" t="s">
        <v>248</v>
      </c>
      <c r="B42094" s="14" t="s">
        <v>1</v>
      </c>
      <c r="C42094" s="14" t="s">
        <v>96</v>
      </c>
      <c r="D42094" s="14" t="s">
        <v>249</v>
      </c>
      <c r="E42094" s="15">
        <v>45495</v>
      </c>
      <c r="F42094" s="14" t="s">
        <v>28</v>
      </c>
      <c r="G42094" s="16">
        <v>0</v>
      </c>
    </row>
    <row r="42095" spans="1:7" x14ac:dyDescent="0.3">
      <c r="A42095" s="13" t="s">
        <v>248</v>
      </c>
      <c r="B42095" s="14" t="s">
        <v>1</v>
      </c>
      <c r="C42095" s="14" t="s">
        <v>96</v>
      </c>
      <c r="D42095" s="14" t="s">
        <v>249</v>
      </c>
      <c r="E42095" s="15">
        <v>45496</v>
      </c>
      <c r="F42095" s="14" t="s">
        <v>28</v>
      </c>
      <c r="G42095" s="16">
        <v>0</v>
      </c>
    </row>
    <row r="42096" spans="1:7" x14ac:dyDescent="0.3">
      <c r="A42096" s="13" t="s">
        <v>248</v>
      </c>
      <c r="B42096" s="14" t="s">
        <v>1</v>
      </c>
      <c r="C42096" s="14" t="s">
        <v>96</v>
      </c>
      <c r="D42096" s="14" t="s">
        <v>249</v>
      </c>
      <c r="E42096" s="15">
        <v>45497</v>
      </c>
      <c r="F42096" s="14" t="s">
        <v>28</v>
      </c>
      <c r="G42096" s="16">
        <v>0</v>
      </c>
    </row>
    <row r="42097" spans="1:7" x14ac:dyDescent="0.3">
      <c r="A42097" s="13" t="s">
        <v>248</v>
      </c>
      <c r="B42097" s="14" t="s">
        <v>1</v>
      </c>
      <c r="C42097" s="14" t="s">
        <v>96</v>
      </c>
      <c r="D42097" s="14" t="s">
        <v>249</v>
      </c>
      <c r="E42097" s="15">
        <v>45498</v>
      </c>
      <c r="F42097" s="14" t="s">
        <v>28</v>
      </c>
      <c r="G42097" s="16">
        <v>0</v>
      </c>
    </row>
    <row r="42098" spans="1:7" x14ac:dyDescent="0.3">
      <c r="A42098" s="13" t="s">
        <v>248</v>
      </c>
      <c r="B42098" s="14" t="s">
        <v>1</v>
      </c>
      <c r="C42098" s="14" t="s">
        <v>96</v>
      </c>
      <c r="D42098" s="14" t="s">
        <v>249</v>
      </c>
      <c r="E42098" s="15">
        <v>45499</v>
      </c>
      <c r="F42098" s="14" t="s">
        <v>28</v>
      </c>
      <c r="G42098" s="16">
        <v>0</v>
      </c>
    </row>
    <row r="42099" spans="1:7" x14ac:dyDescent="0.3">
      <c r="A42099" s="13" t="s">
        <v>248</v>
      </c>
      <c r="B42099" s="14" t="s">
        <v>1</v>
      </c>
      <c r="C42099" s="14" t="s">
        <v>96</v>
      </c>
      <c r="D42099" s="14" t="s">
        <v>249</v>
      </c>
      <c r="E42099" s="15">
        <v>45500</v>
      </c>
      <c r="F42099" s="14" t="s">
        <v>28</v>
      </c>
      <c r="G42099" s="16">
        <v>0</v>
      </c>
    </row>
    <row r="42100" spans="1:7" x14ac:dyDescent="0.3">
      <c r="A42100" s="13" t="s">
        <v>248</v>
      </c>
      <c r="B42100" s="14" t="s">
        <v>1</v>
      </c>
      <c r="C42100" s="14" t="s">
        <v>96</v>
      </c>
      <c r="D42100" s="14" t="s">
        <v>249</v>
      </c>
      <c r="E42100" s="15">
        <v>45501</v>
      </c>
      <c r="F42100" s="14" t="s">
        <v>28</v>
      </c>
      <c r="G42100" s="16">
        <v>0</v>
      </c>
    </row>
    <row r="42101" spans="1:7" x14ac:dyDescent="0.3">
      <c r="A42101" s="13" t="s">
        <v>248</v>
      </c>
      <c r="B42101" s="14" t="s">
        <v>1</v>
      </c>
      <c r="C42101" s="14" t="s">
        <v>96</v>
      </c>
      <c r="D42101" s="14" t="s">
        <v>249</v>
      </c>
      <c r="E42101" s="15">
        <v>45502</v>
      </c>
      <c r="F42101" s="14" t="s">
        <v>28</v>
      </c>
      <c r="G42101" s="16">
        <v>0</v>
      </c>
    </row>
    <row r="42102" spans="1:7" x14ac:dyDescent="0.3">
      <c r="A42102" s="13" t="s">
        <v>248</v>
      </c>
      <c r="B42102" s="14" t="s">
        <v>1</v>
      </c>
      <c r="C42102" s="14" t="s">
        <v>96</v>
      </c>
      <c r="D42102" s="14" t="s">
        <v>249</v>
      </c>
      <c r="E42102" s="15">
        <v>45503</v>
      </c>
      <c r="F42102" s="14" t="s">
        <v>28</v>
      </c>
      <c r="G42102" s="16">
        <v>0</v>
      </c>
    </row>
    <row r="42103" spans="1:7" x14ac:dyDescent="0.3">
      <c r="A42103" s="13" t="s">
        <v>248</v>
      </c>
      <c r="B42103" s="14" t="s">
        <v>1</v>
      </c>
      <c r="C42103" s="14" t="s">
        <v>96</v>
      </c>
      <c r="D42103" s="14" t="s">
        <v>249</v>
      </c>
      <c r="E42103" s="15">
        <v>45504</v>
      </c>
      <c r="F42103" s="14" t="s">
        <v>28</v>
      </c>
      <c r="G42103" s="16">
        <v>0</v>
      </c>
    </row>
    <row r="42104" spans="1:7" x14ac:dyDescent="0.3">
      <c r="A42104" s="13" t="s">
        <v>248</v>
      </c>
      <c r="B42104" s="14" t="s">
        <v>1</v>
      </c>
      <c r="C42104" s="14" t="s">
        <v>96</v>
      </c>
      <c r="D42104" s="14" t="s">
        <v>249</v>
      </c>
      <c r="E42104" s="15">
        <v>45505</v>
      </c>
      <c r="F42104" s="14" t="s">
        <v>28</v>
      </c>
      <c r="G42104" s="16">
        <v>0</v>
      </c>
    </row>
    <row r="42105" spans="1:7" x14ac:dyDescent="0.3">
      <c r="A42105" s="13" t="s">
        <v>248</v>
      </c>
      <c r="B42105" s="14" t="s">
        <v>1</v>
      </c>
      <c r="C42105" s="14" t="s">
        <v>96</v>
      </c>
      <c r="D42105" s="14" t="s">
        <v>249</v>
      </c>
      <c r="E42105" s="15">
        <v>45506</v>
      </c>
      <c r="F42105" s="14" t="s">
        <v>28</v>
      </c>
      <c r="G42105" s="16">
        <v>0</v>
      </c>
    </row>
    <row r="42106" spans="1:7" x14ac:dyDescent="0.3">
      <c r="A42106" s="13" t="s">
        <v>248</v>
      </c>
      <c r="B42106" s="14" t="s">
        <v>1</v>
      </c>
      <c r="C42106" s="14" t="s">
        <v>96</v>
      </c>
      <c r="D42106" s="14" t="s">
        <v>249</v>
      </c>
      <c r="E42106" s="15">
        <v>45507</v>
      </c>
      <c r="F42106" s="14" t="s">
        <v>28</v>
      </c>
      <c r="G42106" s="16">
        <v>0</v>
      </c>
    </row>
    <row r="42107" spans="1:7" x14ac:dyDescent="0.3">
      <c r="A42107" s="13" t="s">
        <v>248</v>
      </c>
      <c r="B42107" s="14" t="s">
        <v>1</v>
      </c>
      <c r="C42107" s="14" t="s">
        <v>96</v>
      </c>
      <c r="D42107" s="14" t="s">
        <v>249</v>
      </c>
      <c r="E42107" s="15">
        <v>45508</v>
      </c>
      <c r="F42107" s="14" t="s">
        <v>28</v>
      </c>
      <c r="G42107" s="16">
        <v>0</v>
      </c>
    </row>
    <row r="42108" spans="1:7" x14ac:dyDescent="0.3">
      <c r="A42108" s="13" t="s">
        <v>248</v>
      </c>
      <c r="B42108" s="14" t="s">
        <v>1</v>
      </c>
      <c r="C42108" s="14" t="s">
        <v>96</v>
      </c>
      <c r="D42108" s="14" t="s">
        <v>249</v>
      </c>
      <c r="E42108" s="15">
        <v>45509</v>
      </c>
      <c r="F42108" s="14" t="s">
        <v>28</v>
      </c>
      <c r="G42108" s="16">
        <v>0</v>
      </c>
    </row>
    <row r="42109" spans="1:7" x14ac:dyDescent="0.3">
      <c r="A42109" s="13" t="s">
        <v>248</v>
      </c>
      <c r="B42109" s="14" t="s">
        <v>1</v>
      </c>
      <c r="C42109" s="14" t="s">
        <v>96</v>
      </c>
      <c r="D42109" s="14" t="s">
        <v>249</v>
      </c>
      <c r="E42109" s="15">
        <v>45510</v>
      </c>
      <c r="F42109" s="14" t="s">
        <v>28</v>
      </c>
      <c r="G42109" s="16">
        <v>0</v>
      </c>
    </row>
    <row r="42110" spans="1:7" x14ac:dyDescent="0.3">
      <c r="A42110" s="13" t="s">
        <v>248</v>
      </c>
      <c r="B42110" s="14" t="s">
        <v>1</v>
      </c>
      <c r="C42110" s="14" t="s">
        <v>96</v>
      </c>
      <c r="D42110" s="14" t="s">
        <v>249</v>
      </c>
      <c r="E42110" s="15">
        <v>45511</v>
      </c>
      <c r="F42110" s="14" t="s">
        <v>28</v>
      </c>
      <c r="G42110" s="16">
        <v>0</v>
      </c>
    </row>
    <row r="42111" spans="1:7" x14ac:dyDescent="0.3">
      <c r="A42111" s="13" t="s">
        <v>248</v>
      </c>
      <c r="B42111" s="14" t="s">
        <v>1</v>
      </c>
      <c r="C42111" s="14" t="s">
        <v>96</v>
      </c>
      <c r="D42111" s="14" t="s">
        <v>249</v>
      </c>
      <c r="E42111" s="15">
        <v>45512</v>
      </c>
      <c r="F42111" s="14" t="s">
        <v>28</v>
      </c>
      <c r="G42111" s="16">
        <v>0</v>
      </c>
    </row>
    <row r="42112" spans="1:7" x14ac:dyDescent="0.3">
      <c r="A42112" s="13" t="s">
        <v>248</v>
      </c>
      <c r="B42112" s="14" t="s">
        <v>1</v>
      </c>
      <c r="C42112" s="14" t="s">
        <v>96</v>
      </c>
      <c r="D42112" s="14" t="s">
        <v>249</v>
      </c>
      <c r="E42112" s="15">
        <v>45513</v>
      </c>
      <c r="F42112" s="14" t="s">
        <v>28</v>
      </c>
      <c r="G42112" s="16">
        <v>0</v>
      </c>
    </row>
    <row r="42113" spans="1:7" x14ac:dyDescent="0.3">
      <c r="A42113" s="13" t="s">
        <v>248</v>
      </c>
      <c r="B42113" s="14" t="s">
        <v>1</v>
      </c>
      <c r="C42113" s="14" t="s">
        <v>96</v>
      </c>
      <c r="D42113" s="14" t="s">
        <v>249</v>
      </c>
      <c r="E42113" s="15">
        <v>45514</v>
      </c>
      <c r="F42113" s="14" t="s">
        <v>28</v>
      </c>
      <c r="G42113" s="16">
        <v>0</v>
      </c>
    </row>
    <row r="42114" spans="1:7" x14ac:dyDescent="0.3">
      <c r="A42114" s="13" t="s">
        <v>248</v>
      </c>
      <c r="B42114" s="14" t="s">
        <v>1</v>
      </c>
      <c r="C42114" s="14" t="s">
        <v>96</v>
      </c>
      <c r="D42114" s="14" t="s">
        <v>249</v>
      </c>
      <c r="E42114" s="15">
        <v>45515</v>
      </c>
      <c r="F42114" s="14" t="s">
        <v>28</v>
      </c>
      <c r="G42114" s="16">
        <v>0</v>
      </c>
    </row>
    <row r="42115" spans="1:7" x14ac:dyDescent="0.3">
      <c r="A42115" s="13" t="s">
        <v>248</v>
      </c>
      <c r="B42115" s="14" t="s">
        <v>1</v>
      </c>
      <c r="C42115" s="14" t="s">
        <v>96</v>
      </c>
      <c r="D42115" s="14" t="s">
        <v>249</v>
      </c>
      <c r="E42115" s="15">
        <v>45516</v>
      </c>
      <c r="F42115" s="14" t="s">
        <v>28</v>
      </c>
      <c r="G42115" s="16">
        <v>0</v>
      </c>
    </row>
    <row r="42116" spans="1:7" x14ac:dyDescent="0.3">
      <c r="A42116" s="13" t="s">
        <v>248</v>
      </c>
      <c r="B42116" s="14" t="s">
        <v>1</v>
      </c>
      <c r="C42116" s="14" t="s">
        <v>96</v>
      </c>
      <c r="D42116" s="14" t="s">
        <v>249</v>
      </c>
      <c r="E42116" s="15">
        <v>45517</v>
      </c>
      <c r="F42116" s="14" t="s">
        <v>28</v>
      </c>
      <c r="G42116" s="16">
        <v>0</v>
      </c>
    </row>
    <row r="42117" spans="1:7" x14ac:dyDescent="0.3">
      <c r="A42117" s="13" t="s">
        <v>248</v>
      </c>
      <c r="B42117" s="14" t="s">
        <v>1</v>
      </c>
      <c r="C42117" s="14" t="s">
        <v>96</v>
      </c>
      <c r="D42117" s="14" t="s">
        <v>249</v>
      </c>
      <c r="E42117" s="15">
        <v>45518</v>
      </c>
      <c r="F42117" s="14" t="s">
        <v>28</v>
      </c>
      <c r="G42117" s="16">
        <v>0</v>
      </c>
    </row>
    <row r="42118" spans="1:7" x14ac:dyDescent="0.3">
      <c r="A42118" s="13" t="s">
        <v>248</v>
      </c>
      <c r="B42118" s="14" t="s">
        <v>1</v>
      </c>
      <c r="C42118" s="14" t="s">
        <v>96</v>
      </c>
      <c r="D42118" s="14" t="s">
        <v>249</v>
      </c>
      <c r="E42118" s="15">
        <v>45519</v>
      </c>
      <c r="F42118" s="14" t="s">
        <v>28</v>
      </c>
      <c r="G42118" s="16">
        <v>0</v>
      </c>
    </row>
    <row r="42119" spans="1:7" x14ac:dyDescent="0.3">
      <c r="A42119" s="13" t="s">
        <v>248</v>
      </c>
      <c r="B42119" s="14" t="s">
        <v>1</v>
      </c>
      <c r="C42119" s="14" t="s">
        <v>96</v>
      </c>
      <c r="D42119" s="14" t="s">
        <v>249</v>
      </c>
      <c r="E42119" s="15">
        <v>45520</v>
      </c>
      <c r="F42119" s="14" t="s">
        <v>28</v>
      </c>
      <c r="G42119" s="16">
        <v>0</v>
      </c>
    </row>
    <row r="42120" spans="1:7" x14ac:dyDescent="0.3">
      <c r="A42120" s="13" t="s">
        <v>248</v>
      </c>
      <c r="B42120" s="14" t="s">
        <v>1</v>
      </c>
      <c r="C42120" s="14" t="s">
        <v>96</v>
      </c>
      <c r="D42120" s="14" t="s">
        <v>249</v>
      </c>
      <c r="E42120" s="15">
        <v>45521</v>
      </c>
      <c r="F42120" s="14" t="s">
        <v>28</v>
      </c>
      <c r="G42120" s="16">
        <v>0</v>
      </c>
    </row>
    <row r="42121" spans="1:7" x14ac:dyDescent="0.3">
      <c r="A42121" s="13" t="s">
        <v>248</v>
      </c>
      <c r="B42121" s="14" t="s">
        <v>1</v>
      </c>
      <c r="C42121" s="14" t="s">
        <v>96</v>
      </c>
      <c r="D42121" s="14" t="s">
        <v>249</v>
      </c>
      <c r="E42121" s="15">
        <v>45522</v>
      </c>
      <c r="F42121" s="14" t="s">
        <v>28</v>
      </c>
      <c r="G42121" s="16">
        <v>0</v>
      </c>
    </row>
    <row r="42122" spans="1:7" x14ac:dyDescent="0.3">
      <c r="A42122" s="13" t="s">
        <v>248</v>
      </c>
      <c r="B42122" s="14" t="s">
        <v>1</v>
      </c>
      <c r="C42122" s="14" t="s">
        <v>96</v>
      </c>
      <c r="D42122" s="14" t="s">
        <v>249</v>
      </c>
      <c r="E42122" s="15">
        <v>45523</v>
      </c>
      <c r="F42122" s="14" t="s">
        <v>28</v>
      </c>
      <c r="G42122" s="16">
        <v>0</v>
      </c>
    </row>
    <row r="42123" spans="1:7" x14ac:dyDescent="0.3">
      <c r="A42123" s="13" t="s">
        <v>248</v>
      </c>
      <c r="B42123" s="14" t="s">
        <v>1</v>
      </c>
      <c r="C42123" s="14" t="s">
        <v>96</v>
      </c>
      <c r="D42123" s="14" t="s">
        <v>249</v>
      </c>
      <c r="E42123" s="15">
        <v>45524</v>
      </c>
      <c r="F42123" s="14" t="s">
        <v>28</v>
      </c>
      <c r="G42123" s="16">
        <v>0</v>
      </c>
    </row>
    <row r="42124" spans="1:7" x14ac:dyDescent="0.3">
      <c r="A42124" s="13" t="s">
        <v>248</v>
      </c>
      <c r="B42124" s="14" t="s">
        <v>1</v>
      </c>
      <c r="C42124" s="14" t="s">
        <v>96</v>
      </c>
      <c r="D42124" s="14" t="s">
        <v>249</v>
      </c>
      <c r="E42124" s="15">
        <v>45525</v>
      </c>
      <c r="F42124" s="14" t="s">
        <v>28</v>
      </c>
      <c r="G42124" s="16">
        <v>0</v>
      </c>
    </row>
    <row r="42125" spans="1:7" x14ac:dyDescent="0.3">
      <c r="A42125" s="13" t="s">
        <v>248</v>
      </c>
      <c r="B42125" s="14" t="s">
        <v>1</v>
      </c>
      <c r="C42125" s="14" t="s">
        <v>96</v>
      </c>
      <c r="D42125" s="14" t="s">
        <v>249</v>
      </c>
      <c r="E42125" s="15">
        <v>45526</v>
      </c>
      <c r="F42125" s="14" t="s">
        <v>28</v>
      </c>
      <c r="G42125" s="16">
        <v>0</v>
      </c>
    </row>
    <row r="42126" spans="1:7" x14ac:dyDescent="0.3">
      <c r="A42126" s="13" t="s">
        <v>248</v>
      </c>
      <c r="B42126" s="14" t="s">
        <v>1</v>
      </c>
      <c r="C42126" s="14" t="s">
        <v>96</v>
      </c>
      <c r="D42126" s="14" t="s">
        <v>249</v>
      </c>
      <c r="E42126" s="15">
        <v>45527</v>
      </c>
      <c r="F42126" s="14" t="s">
        <v>28</v>
      </c>
      <c r="G42126" s="16">
        <v>0</v>
      </c>
    </row>
    <row r="42127" spans="1:7" x14ac:dyDescent="0.3">
      <c r="A42127" s="13" t="s">
        <v>248</v>
      </c>
      <c r="B42127" s="14" t="s">
        <v>1</v>
      </c>
      <c r="C42127" s="14" t="s">
        <v>96</v>
      </c>
      <c r="D42127" s="14" t="s">
        <v>249</v>
      </c>
      <c r="E42127" s="15">
        <v>45528</v>
      </c>
      <c r="F42127" s="14" t="s">
        <v>28</v>
      </c>
      <c r="G42127" s="16">
        <v>0</v>
      </c>
    </row>
    <row r="42128" spans="1:7" x14ac:dyDescent="0.3">
      <c r="A42128" s="13" t="s">
        <v>248</v>
      </c>
      <c r="B42128" s="14" t="s">
        <v>1</v>
      </c>
      <c r="C42128" s="14" t="s">
        <v>96</v>
      </c>
      <c r="D42128" s="14" t="s">
        <v>249</v>
      </c>
      <c r="E42128" s="15">
        <v>45529</v>
      </c>
      <c r="F42128" s="14" t="s">
        <v>28</v>
      </c>
      <c r="G42128" s="16">
        <v>0</v>
      </c>
    </row>
    <row r="42129" spans="1:7" x14ac:dyDescent="0.3">
      <c r="A42129" s="13" t="s">
        <v>248</v>
      </c>
      <c r="B42129" s="14" t="s">
        <v>1</v>
      </c>
      <c r="C42129" s="14" t="s">
        <v>96</v>
      </c>
      <c r="D42129" s="14" t="s">
        <v>249</v>
      </c>
      <c r="E42129" s="15">
        <v>45530</v>
      </c>
      <c r="F42129" s="14" t="s">
        <v>28</v>
      </c>
      <c r="G42129" s="16">
        <v>0</v>
      </c>
    </row>
    <row r="42130" spans="1:7" x14ac:dyDescent="0.3">
      <c r="A42130" s="13" t="s">
        <v>248</v>
      </c>
      <c r="B42130" s="14" t="s">
        <v>1</v>
      </c>
      <c r="C42130" s="14" t="s">
        <v>96</v>
      </c>
      <c r="D42130" s="14" t="s">
        <v>249</v>
      </c>
      <c r="E42130" s="15">
        <v>45531</v>
      </c>
      <c r="F42130" s="14" t="s">
        <v>28</v>
      </c>
      <c r="G42130" s="16">
        <v>0</v>
      </c>
    </row>
    <row r="42131" spans="1:7" x14ac:dyDescent="0.3">
      <c r="A42131" s="13" t="s">
        <v>248</v>
      </c>
      <c r="B42131" s="14" t="s">
        <v>1</v>
      </c>
      <c r="C42131" s="14" t="s">
        <v>96</v>
      </c>
      <c r="D42131" s="14" t="s">
        <v>249</v>
      </c>
      <c r="E42131" s="15">
        <v>45532</v>
      </c>
      <c r="F42131" s="14" t="s">
        <v>28</v>
      </c>
      <c r="G42131" s="16">
        <v>0</v>
      </c>
    </row>
    <row r="42132" spans="1:7" x14ac:dyDescent="0.3">
      <c r="A42132" s="13" t="s">
        <v>248</v>
      </c>
      <c r="B42132" s="14" t="s">
        <v>1</v>
      </c>
      <c r="C42132" s="14" t="s">
        <v>96</v>
      </c>
      <c r="D42132" s="14" t="s">
        <v>249</v>
      </c>
      <c r="E42132" s="15">
        <v>45533</v>
      </c>
      <c r="F42132" s="14" t="s">
        <v>28</v>
      </c>
      <c r="G42132" s="16">
        <v>0</v>
      </c>
    </row>
    <row r="42133" spans="1:7" x14ac:dyDescent="0.3">
      <c r="A42133" s="13" t="s">
        <v>248</v>
      </c>
      <c r="B42133" s="14" t="s">
        <v>1</v>
      </c>
      <c r="C42133" s="14" t="s">
        <v>96</v>
      </c>
      <c r="D42133" s="14" t="s">
        <v>249</v>
      </c>
      <c r="E42133" s="15">
        <v>45534</v>
      </c>
      <c r="F42133" s="14" t="s">
        <v>28</v>
      </c>
      <c r="G42133" s="16">
        <v>0</v>
      </c>
    </row>
    <row r="42134" spans="1:7" x14ac:dyDescent="0.3">
      <c r="A42134" s="13" t="s">
        <v>248</v>
      </c>
      <c r="B42134" s="14" t="s">
        <v>1</v>
      </c>
      <c r="C42134" s="14" t="s">
        <v>96</v>
      </c>
      <c r="D42134" s="14" t="s">
        <v>249</v>
      </c>
      <c r="E42134" s="15">
        <v>45535</v>
      </c>
      <c r="F42134" s="14" t="s">
        <v>28</v>
      </c>
      <c r="G42134" s="16">
        <v>0</v>
      </c>
    </row>
    <row r="42135" spans="1:7" x14ac:dyDescent="0.3">
      <c r="A42135" s="13" t="s">
        <v>248</v>
      </c>
      <c r="B42135" s="14" t="s">
        <v>1</v>
      </c>
      <c r="C42135" s="14" t="s">
        <v>96</v>
      </c>
      <c r="D42135" s="14" t="s">
        <v>249</v>
      </c>
      <c r="E42135" s="15">
        <v>45536</v>
      </c>
      <c r="F42135" s="14" t="s">
        <v>28</v>
      </c>
      <c r="G42135" s="16">
        <v>0</v>
      </c>
    </row>
    <row r="42136" spans="1:7" x14ac:dyDescent="0.3">
      <c r="A42136" s="13" t="s">
        <v>248</v>
      </c>
      <c r="B42136" s="14" t="s">
        <v>1</v>
      </c>
      <c r="C42136" s="14" t="s">
        <v>96</v>
      </c>
      <c r="D42136" s="14" t="s">
        <v>249</v>
      </c>
      <c r="E42136" s="15">
        <v>45537</v>
      </c>
      <c r="F42136" s="14" t="s">
        <v>28</v>
      </c>
      <c r="G42136" s="16">
        <v>0</v>
      </c>
    </row>
    <row r="42137" spans="1:7" x14ac:dyDescent="0.3">
      <c r="A42137" s="13" t="s">
        <v>248</v>
      </c>
      <c r="B42137" s="14" t="s">
        <v>1</v>
      </c>
      <c r="C42137" s="14" t="s">
        <v>96</v>
      </c>
      <c r="D42137" s="14" t="s">
        <v>249</v>
      </c>
      <c r="E42137" s="15">
        <v>45538</v>
      </c>
      <c r="F42137" s="14" t="s">
        <v>28</v>
      </c>
      <c r="G42137" s="16">
        <v>0</v>
      </c>
    </row>
    <row r="42138" spans="1:7" x14ac:dyDescent="0.3">
      <c r="A42138" s="13" t="s">
        <v>248</v>
      </c>
      <c r="B42138" s="14" t="s">
        <v>1</v>
      </c>
      <c r="C42138" s="14" t="s">
        <v>96</v>
      </c>
      <c r="D42138" s="14" t="s">
        <v>249</v>
      </c>
      <c r="E42138" s="15">
        <v>45539</v>
      </c>
      <c r="F42138" s="14" t="s">
        <v>28</v>
      </c>
      <c r="G42138" s="16">
        <v>0</v>
      </c>
    </row>
    <row r="42139" spans="1:7" x14ac:dyDescent="0.3">
      <c r="A42139" s="13" t="s">
        <v>248</v>
      </c>
      <c r="B42139" s="14" t="s">
        <v>1</v>
      </c>
      <c r="C42139" s="14" t="s">
        <v>96</v>
      </c>
      <c r="D42139" s="14" t="s">
        <v>249</v>
      </c>
      <c r="E42139" s="15">
        <v>45540</v>
      </c>
      <c r="F42139" s="14" t="s">
        <v>28</v>
      </c>
      <c r="G42139" s="16">
        <v>0</v>
      </c>
    </row>
    <row r="42140" spans="1:7" x14ac:dyDescent="0.3">
      <c r="A42140" s="13" t="s">
        <v>248</v>
      </c>
      <c r="B42140" s="14" t="s">
        <v>1</v>
      </c>
      <c r="C42140" s="14" t="s">
        <v>96</v>
      </c>
      <c r="D42140" s="14" t="s">
        <v>249</v>
      </c>
      <c r="E42140" s="15">
        <v>45541</v>
      </c>
      <c r="F42140" s="14" t="s">
        <v>28</v>
      </c>
      <c r="G42140" s="16">
        <v>0</v>
      </c>
    </row>
    <row r="42141" spans="1:7" x14ac:dyDescent="0.3">
      <c r="A42141" s="13" t="s">
        <v>248</v>
      </c>
      <c r="B42141" s="14" t="s">
        <v>1</v>
      </c>
      <c r="C42141" s="14" t="s">
        <v>96</v>
      </c>
      <c r="D42141" s="14" t="s">
        <v>249</v>
      </c>
      <c r="E42141" s="15">
        <v>45542</v>
      </c>
      <c r="F42141" s="14" t="s">
        <v>28</v>
      </c>
      <c r="G42141" s="16">
        <v>0</v>
      </c>
    </row>
    <row r="42142" spans="1:7" x14ac:dyDescent="0.3">
      <c r="A42142" s="13" t="s">
        <v>248</v>
      </c>
      <c r="B42142" s="14" t="s">
        <v>1</v>
      </c>
      <c r="C42142" s="14" t="s">
        <v>96</v>
      </c>
      <c r="D42142" s="14" t="s">
        <v>249</v>
      </c>
      <c r="E42142" s="15">
        <v>45543</v>
      </c>
      <c r="F42142" s="14" t="s">
        <v>28</v>
      </c>
      <c r="G42142" s="16">
        <v>0</v>
      </c>
    </row>
    <row r="42143" spans="1:7" x14ac:dyDescent="0.3">
      <c r="A42143" s="13" t="s">
        <v>248</v>
      </c>
      <c r="B42143" s="14" t="s">
        <v>1</v>
      </c>
      <c r="C42143" s="14" t="s">
        <v>96</v>
      </c>
      <c r="D42143" s="14" t="s">
        <v>249</v>
      </c>
      <c r="E42143" s="15">
        <v>45544</v>
      </c>
      <c r="F42143" s="14" t="s">
        <v>28</v>
      </c>
      <c r="G42143" s="16">
        <v>0</v>
      </c>
    </row>
    <row r="42144" spans="1:7" x14ac:dyDescent="0.3">
      <c r="A42144" s="13" t="s">
        <v>248</v>
      </c>
      <c r="B42144" s="14" t="s">
        <v>1</v>
      </c>
      <c r="C42144" s="14" t="s">
        <v>96</v>
      </c>
      <c r="D42144" s="14" t="s">
        <v>249</v>
      </c>
      <c r="E42144" s="15">
        <v>45545</v>
      </c>
      <c r="F42144" s="14" t="s">
        <v>28</v>
      </c>
      <c r="G42144" s="16">
        <v>0</v>
      </c>
    </row>
    <row r="42145" spans="1:7" x14ac:dyDescent="0.3">
      <c r="A42145" s="13" t="s">
        <v>248</v>
      </c>
      <c r="B42145" s="14" t="s">
        <v>1</v>
      </c>
      <c r="C42145" s="14" t="s">
        <v>96</v>
      </c>
      <c r="D42145" s="14" t="s">
        <v>249</v>
      </c>
      <c r="E42145" s="15">
        <v>45546</v>
      </c>
      <c r="F42145" s="14" t="s">
        <v>28</v>
      </c>
      <c r="G42145" s="16">
        <v>0</v>
      </c>
    </row>
    <row r="42146" spans="1:7" x14ac:dyDescent="0.3">
      <c r="A42146" s="13" t="s">
        <v>248</v>
      </c>
      <c r="B42146" s="14" t="s">
        <v>1</v>
      </c>
      <c r="C42146" s="14" t="s">
        <v>96</v>
      </c>
      <c r="D42146" s="14" t="s">
        <v>249</v>
      </c>
      <c r="E42146" s="15">
        <v>45547</v>
      </c>
      <c r="F42146" s="14" t="s">
        <v>28</v>
      </c>
      <c r="G42146" s="16">
        <v>0</v>
      </c>
    </row>
    <row r="42147" spans="1:7" x14ac:dyDescent="0.3">
      <c r="A42147" s="13" t="s">
        <v>248</v>
      </c>
      <c r="B42147" s="14" t="s">
        <v>1</v>
      </c>
      <c r="C42147" s="14" t="s">
        <v>96</v>
      </c>
      <c r="D42147" s="14" t="s">
        <v>249</v>
      </c>
      <c r="E42147" s="15">
        <v>45548</v>
      </c>
      <c r="F42147" s="14" t="s">
        <v>28</v>
      </c>
      <c r="G42147" s="16">
        <v>0</v>
      </c>
    </row>
    <row r="42148" spans="1:7" x14ac:dyDescent="0.3">
      <c r="A42148" s="13" t="s">
        <v>248</v>
      </c>
      <c r="B42148" s="14" t="s">
        <v>1</v>
      </c>
      <c r="C42148" s="14" t="s">
        <v>96</v>
      </c>
      <c r="D42148" s="14" t="s">
        <v>249</v>
      </c>
      <c r="E42148" s="15">
        <v>45549</v>
      </c>
      <c r="F42148" s="14" t="s">
        <v>28</v>
      </c>
      <c r="G42148" s="16">
        <v>0</v>
      </c>
    </row>
    <row r="42149" spans="1:7" x14ac:dyDescent="0.3">
      <c r="A42149" s="13" t="s">
        <v>248</v>
      </c>
      <c r="B42149" s="14" t="s">
        <v>1</v>
      </c>
      <c r="C42149" s="14" t="s">
        <v>96</v>
      </c>
      <c r="D42149" s="14" t="s">
        <v>249</v>
      </c>
      <c r="E42149" s="15">
        <v>45550</v>
      </c>
      <c r="F42149" s="14" t="s">
        <v>28</v>
      </c>
      <c r="G42149" s="16">
        <v>0</v>
      </c>
    </row>
    <row r="42150" spans="1:7" x14ac:dyDescent="0.3">
      <c r="A42150" s="13" t="s">
        <v>248</v>
      </c>
      <c r="B42150" s="14" t="s">
        <v>1</v>
      </c>
      <c r="C42150" s="14" t="s">
        <v>96</v>
      </c>
      <c r="D42150" s="14" t="s">
        <v>249</v>
      </c>
      <c r="E42150" s="15">
        <v>45551</v>
      </c>
      <c r="F42150" s="14" t="s">
        <v>28</v>
      </c>
      <c r="G42150" s="16">
        <v>0</v>
      </c>
    </row>
    <row r="42151" spans="1:7" x14ac:dyDescent="0.3">
      <c r="A42151" s="13" t="s">
        <v>248</v>
      </c>
      <c r="B42151" s="14" t="s">
        <v>1</v>
      </c>
      <c r="C42151" s="14" t="s">
        <v>96</v>
      </c>
      <c r="D42151" s="14" t="s">
        <v>249</v>
      </c>
      <c r="E42151" s="15">
        <v>45552</v>
      </c>
      <c r="F42151" s="14" t="s">
        <v>28</v>
      </c>
      <c r="G42151" s="16">
        <v>0</v>
      </c>
    </row>
    <row r="42152" spans="1:7" x14ac:dyDescent="0.3">
      <c r="A42152" s="13" t="s">
        <v>248</v>
      </c>
      <c r="B42152" s="14" t="s">
        <v>1</v>
      </c>
      <c r="C42152" s="14" t="s">
        <v>96</v>
      </c>
      <c r="D42152" s="14" t="s">
        <v>249</v>
      </c>
      <c r="E42152" s="15">
        <v>45553</v>
      </c>
      <c r="F42152" s="14" t="s">
        <v>28</v>
      </c>
      <c r="G42152" s="16">
        <v>0</v>
      </c>
    </row>
    <row r="42153" spans="1:7" x14ac:dyDescent="0.3">
      <c r="A42153" s="13" t="s">
        <v>248</v>
      </c>
      <c r="B42153" s="14" t="s">
        <v>1</v>
      </c>
      <c r="C42153" s="14" t="s">
        <v>96</v>
      </c>
      <c r="D42153" s="14" t="s">
        <v>249</v>
      </c>
      <c r="E42153" s="15">
        <v>45554</v>
      </c>
      <c r="F42153" s="14" t="s">
        <v>28</v>
      </c>
      <c r="G42153" s="16">
        <v>0</v>
      </c>
    </row>
    <row r="42154" spans="1:7" x14ac:dyDescent="0.3">
      <c r="A42154" s="13" t="s">
        <v>248</v>
      </c>
      <c r="B42154" s="14" t="s">
        <v>1</v>
      </c>
      <c r="C42154" s="14" t="s">
        <v>96</v>
      </c>
      <c r="D42154" s="14" t="s">
        <v>249</v>
      </c>
      <c r="E42154" s="15">
        <v>45555</v>
      </c>
      <c r="F42154" s="14" t="s">
        <v>28</v>
      </c>
      <c r="G42154" s="16">
        <v>0</v>
      </c>
    </row>
    <row r="42155" spans="1:7" x14ac:dyDescent="0.3">
      <c r="A42155" s="13" t="s">
        <v>248</v>
      </c>
      <c r="B42155" s="14" t="s">
        <v>1</v>
      </c>
      <c r="C42155" s="14" t="s">
        <v>96</v>
      </c>
      <c r="D42155" s="14" t="s">
        <v>249</v>
      </c>
      <c r="E42155" s="15">
        <v>45556</v>
      </c>
      <c r="F42155" s="14" t="s">
        <v>28</v>
      </c>
      <c r="G42155" s="16">
        <v>0</v>
      </c>
    </row>
    <row r="42156" spans="1:7" x14ac:dyDescent="0.3">
      <c r="A42156" s="13" t="s">
        <v>248</v>
      </c>
      <c r="B42156" s="14" t="s">
        <v>1</v>
      </c>
      <c r="C42156" s="14" t="s">
        <v>96</v>
      </c>
      <c r="D42156" s="14" t="s">
        <v>249</v>
      </c>
      <c r="E42156" s="15">
        <v>45557</v>
      </c>
      <c r="F42156" s="14" t="s">
        <v>28</v>
      </c>
      <c r="G42156" s="16">
        <v>0</v>
      </c>
    </row>
    <row r="42157" spans="1:7" x14ac:dyDescent="0.3">
      <c r="A42157" s="13" t="s">
        <v>248</v>
      </c>
      <c r="B42157" s="14" t="s">
        <v>1</v>
      </c>
      <c r="C42157" s="14" t="s">
        <v>96</v>
      </c>
      <c r="D42157" s="14" t="s">
        <v>249</v>
      </c>
      <c r="E42157" s="15">
        <v>45558</v>
      </c>
      <c r="F42157" s="14" t="s">
        <v>28</v>
      </c>
      <c r="G42157" s="16">
        <v>0</v>
      </c>
    </row>
    <row r="42158" spans="1:7" x14ac:dyDescent="0.3">
      <c r="A42158" s="13" t="s">
        <v>248</v>
      </c>
      <c r="B42158" s="14" t="s">
        <v>1</v>
      </c>
      <c r="C42158" s="14" t="s">
        <v>96</v>
      </c>
      <c r="D42158" s="14" t="s">
        <v>249</v>
      </c>
      <c r="E42158" s="15">
        <v>45559</v>
      </c>
      <c r="F42158" s="14" t="s">
        <v>28</v>
      </c>
      <c r="G42158" s="16">
        <v>0</v>
      </c>
    </row>
    <row r="42159" spans="1:7" x14ac:dyDescent="0.3">
      <c r="A42159" s="13" t="s">
        <v>248</v>
      </c>
      <c r="B42159" s="14" t="s">
        <v>1</v>
      </c>
      <c r="C42159" s="14" t="s">
        <v>96</v>
      </c>
      <c r="D42159" s="14" t="s">
        <v>249</v>
      </c>
      <c r="E42159" s="15">
        <v>45560</v>
      </c>
      <c r="F42159" s="14" t="s">
        <v>28</v>
      </c>
      <c r="G42159" s="16">
        <v>0</v>
      </c>
    </row>
    <row r="42160" spans="1:7" x14ac:dyDescent="0.3">
      <c r="A42160" s="13" t="s">
        <v>248</v>
      </c>
      <c r="B42160" s="14" t="s">
        <v>1</v>
      </c>
      <c r="C42160" s="14" t="s">
        <v>96</v>
      </c>
      <c r="D42160" s="14" t="s">
        <v>249</v>
      </c>
      <c r="E42160" s="15">
        <v>45561</v>
      </c>
      <c r="F42160" s="14" t="s">
        <v>28</v>
      </c>
      <c r="G42160" s="16">
        <v>0</v>
      </c>
    </row>
    <row r="42161" spans="1:7" x14ac:dyDescent="0.3">
      <c r="A42161" s="13" t="s">
        <v>248</v>
      </c>
      <c r="B42161" s="14" t="s">
        <v>1</v>
      </c>
      <c r="C42161" s="14" t="s">
        <v>96</v>
      </c>
      <c r="D42161" s="14" t="s">
        <v>249</v>
      </c>
      <c r="E42161" s="15">
        <v>45562</v>
      </c>
      <c r="F42161" s="14" t="s">
        <v>28</v>
      </c>
      <c r="G42161" s="16">
        <v>0</v>
      </c>
    </row>
    <row r="42162" spans="1:7" x14ac:dyDescent="0.3">
      <c r="A42162" s="13" t="s">
        <v>248</v>
      </c>
      <c r="B42162" s="14" t="s">
        <v>1</v>
      </c>
      <c r="C42162" s="14" t="s">
        <v>96</v>
      </c>
      <c r="D42162" s="14" t="s">
        <v>249</v>
      </c>
      <c r="E42162" s="15">
        <v>45563</v>
      </c>
      <c r="F42162" s="14" t="s">
        <v>28</v>
      </c>
      <c r="G42162" s="16">
        <v>0</v>
      </c>
    </row>
    <row r="42163" spans="1:7" x14ac:dyDescent="0.3">
      <c r="A42163" s="13" t="s">
        <v>248</v>
      </c>
      <c r="B42163" s="14" t="s">
        <v>1</v>
      </c>
      <c r="C42163" s="14" t="s">
        <v>96</v>
      </c>
      <c r="D42163" s="14" t="s">
        <v>249</v>
      </c>
      <c r="E42163" s="15">
        <v>45564</v>
      </c>
      <c r="F42163" s="14" t="s">
        <v>28</v>
      </c>
      <c r="G42163" s="16">
        <v>0</v>
      </c>
    </row>
    <row r="42164" spans="1:7" x14ac:dyDescent="0.3">
      <c r="A42164" s="13" t="s">
        <v>248</v>
      </c>
      <c r="B42164" s="14" t="s">
        <v>1</v>
      </c>
      <c r="C42164" s="14" t="s">
        <v>96</v>
      </c>
      <c r="D42164" s="14" t="s">
        <v>249</v>
      </c>
      <c r="E42164" s="15">
        <v>45565</v>
      </c>
      <c r="F42164" s="14" t="s">
        <v>28</v>
      </c>
      <c r="G42164" s="16">
        <v>0</v>
      </c>
    </row>
    <row r="42165" spans="1:7" x14ac:dyDescent="0.3">
      <c r="A42165" s="13" t="s">
        <v>248</v>
      </c>
      <c r="B42165" s="14" t="s">
        <v>1</v>
      </c>
      <c r="C42165" s="14" t="s">
        <v>96</v>
      </c>
      <c r="D42165" s="14" t="s">
        <v>249</v>
      </c>
      <c r="E42165" s="15">
        <v>45566</v>
      </c>
      <c r="F42165" s="14" t="s">
        <v>28</v>
      </c>
      <c r="G42165" s="16">
        <v>0</v>
      </c>
    </row>
    <row r="42166" spans="1:7" x14ac:dyDescent="0.3">
      <c r="A42166" s="13" t="s">
        <v>248</v>
      </c>
      <c r="B42166" s="14" t="s">
        <v>1</v>
      </c>
      <c r="C42166" s="14" t="s">
        <v>96</v>
      </c>
      <c r="D42166" s="14" t="s">
        <v>249</v>
      </c>
      <c r="E42166" s="15">
        <v>45567</v>
      </c>
      <c r="F42166" s="14" t="s">
        <v>28</v>
      </c>
      <c r="G42166" s="16">
        <v>0</v>
      </c>
    </row>
    <row r="42167" spans="1:7" x14ac:dyDescent="0.3">
      <c r="A42167" s="13" t="s">
        <v>248</v>
      </c>
      <c r="B42167" s="14" t="s">
        <v>1</v>
      </c>
      <c r="C42167" s="14" t="s">
        <v>96</v>
      </c>
      <c r="D42167" s="14" t="s">
        <v>249</v>
      </c>
      <c r="E42167" s="15">
        <v>45568</v>
      </c>
      <c r="F42167" s="14" t="s">
        <v>28</v>
      </c>
      <c r="G42167" s="16">
        <v>0</v>
      </c>
    </row>
    <row r="42168" spans="1:7" x14ac:dyDescent="0.3">
      <c r="A42168" s="13" t="s">
        <v>248</v>
      </c>
      <c r="B42168" s="14" t="s">
        <v>1</v>
      </c>
      <c r="C42168" s="14" t="s">
        <v>96</v>
      </c>
      <c r="D42168" s="14" t="s">
        <v>249</v>
      </c>
      <c r="E42168" s="15">
        <v>45569</v>
      </c>
      <c r="F42168" s="14" t="s">
        <v>28</v>
      </c>
      <c r="G42168" s="16">
        <v>0</v>
      </c>
    </row>
    <row r="42169" spans="1:7" x14ac:dyDescent="0.3">
      <c r="A42169" s="13" t="s">
        <v>248</v>
      </c>
      <c r="B42169" s="14" t="s">
        <v>1</v>
      </c>
      <c r="C42169" s="14" t="s">
        <v>96</v>
      </c>
      <c r="D42169" s="14" t="s">
        <v>249</v>
      </c>
      <c r="E42169" s="15">
        <v>45570</v>
      </c>
      <c r="F42169" s="14" t="s">
        <v>28</v>
      </c>
      <c r="G42169" s="16">
        <v>0</v>
      </c>
    </row>
    <row r="42170" spans="1:7" x14ac:dyDescent="0.3">
      <c r="A42170" s="13" t="s">
        <v>248</v>
      </c>
      <c r="B42170" s="14" t="s">
        <v>1</v>
      </c>
      <c r="C42170" s="14" t="s">
        <v>96</v>
      </c>
      <c r="D42170" s="14" t="s">
        <v>249</v>
      </c>
      <c r="E42170" s="15">
        <v>45571</v>
      </c>
      <c r="F42170" s="14" t="s">
        <v>28</v>
      </c>
      <c r="G42170" s="16">
        <v>0</v>
      </c>
    </row>
    <row r="42171" spans="1:7" x14ac:dyDescent="0.3">
      <c r="A42171" s="13" t="s">
        <v>248</v>
      </c>
      <c r="B42171" s="14" t="s">
        <v>1</v>
      </c>
      <c r="C42171" s="14" t="s">
        <v>96</v>
      </c>
      <c r="D42171" s="14" t="s">
        <v>249</v>
      </c>
      <c r="E42171" s="15">
        <v>45572</v>
      </c>
      <c r="F42171" s="14" t="s">
        <v>28</v>
      </c>
      <c r="G42171" s="16">
        <v>0</v>
      </c>
    </row>
    <row r="42172" spans="1:7" x14ac:dyDescent="0.3">
      <c r="A42172" s="13" t="s">
        <v>248</v>
      </c>
      <c r="B42172" s="14" t="s">
        <v>1</v>
      </c>
      <c r="C42172" s="14" t="s">
        <v>96</v>
      </c>
      <c r="D42172" s="14" t="s">
        <v>249</v>
      </c>
      <c r="E42172" s="15">
        <v>45573</v>
      </c>
      <c r="F42172" s="14" t="s">
        <v>28</v>
      </c>
      <c r="G42172" s="16">
        <v>0</v>
      </c>
    </row>
    <row r="42173" spans="1:7" x14ac:dyDescent="0.3">
      <c r="A42173" s="13" t="s">
        <v>248</v>
      </c>
      <c r="B42173" s="14" t="s">
        <v>1</v>
      </c>
      <c r="C42173" s="14" t="s">
        <v>96</v>
      </c>
      <c r="D42173" s="14" t="s">
        <v>249</v>
      </c>
      <c r="E42173" s="15">
        <v>45574</v>
      </c>
      <c r="F42173" s="14" t="s">
        <v>28</v>
      </c>
      <c r="G42173" s="16">
        <v>0</v>
      </c>
    </row>
    <row r="42174" spans="1:7" x14ac:dyDescent="0.3">
      <c r="A42174" s="13" t="s">
        <v>248</v>
      </c>
      <c r="B42174" s="14" t="s">
        <v>1</v>
      </c>
      <c r="C42174" s="14" t="s">
        <v>96</v>
      </c>
      <c r="D42174" s="14" t="s">
        <v>249</v>
      </c>
      <c r="E42174" s="15">
        <v>45575</v>
      </c>
      <c r="F42174" s="14" t="s">
        <v>28</v>
      </c>
      <c r="G42174" s="16">
        <v>0</v>
      </c>
    </row>
    <row r="42175" spans="1:7" x14ac:dyDescent="0.3">
      <c r="A42175" s="13" t="s">
        <v>248</v>
      </c>
      <c r="B42175" s="14" t="s">
        <v>1</v>
      </c>
      <c r="C42175" s="14" t="s">
        <v>96</v>
      </c>
      <c r="D42175" s="14" t="s">
        <v>249</v>
      </c>
      <c r="E42175" s="15">
        <v>45576</v>
      </c>
      <c r="F42175" s="14" t="s">
        <v>28</v>
      </c>
      <c r="G42175" s="16">
        <v>0</v>
      </c>
    </row>
    <row r="42176" spans="1:7" x14ac:dyDescent="0.3">
      <c r="A42176" s="13" t="s">
        <v>248</v>
      </c>
      <c r="B42176" s="14" t="s">
        <v>1</v>
      </c>
      <c r="C42176" s="14" t="s">
        <v>96</v>
      </c>
      <c r="D42176" s="14" t="s">
        <v>249</v>
      </c>
      <c r="E42176" s="15">
        <v>45577</v>
      </c>
      <c r="F42176" s="14" t="s">
        <v>28</v>
      </c>
      <c r="G42176" s="16">
        <v>0</v>
      </c>
    </row>
    <row r="42177" spans="1:7" x14ac:dyDescent="0.3">
      <c r="A42177" s="13" t="s">
        <v>248</v>
      </c>
      <c r="B42177" s="14" t="s">
        <v>1</v>
      </c>
      <c r="C42177" s="14" t="s">
        <v>96</v>
      </c>
      <c r="D42177" s="14" t="s">
        <v>249</v>
      </c>
      <c r="E42177" s="15">
        <v>45578</v>
      </c>
      <c r="F42177" s="14" t="s">
        <v>28</v>
      </c>
      <c r="G42177" s="16">
        <v>0</v>
      </c>
    </row>
    <row r="42178" spans="1:7" x14ac:dyDescent="0.3">
      <c r="A42178" s="13" t="s">
        <v>248</v>
      </c>
      <c r="B42178" s="14" t="s">
        <v>1</v>
      </c>
      <c r="C42178" s="14" t="s">
        <v>96</v>
      </c>
      <c r="D42178" s="14" t="s">
        <v>249</v>
      </c>
      <c r="E42178" s="15">
        <v>45579</v>
      </c>
      <c r="F42178" s="14" t="s">
        <v>28</v>
      </c>
      <c r="G42178" s="16">
        <v>0</v>
      </c>
    </row>
    <row r="42179" spans="1:7" x14ac:dyDescent="0.3">
      <c r="A42179" s="13" t="s">
        <v>248</v>
      </c>
      <c r="B42179" s="14" t="s">
        <v>1</v>
      </c>
      <c r="C42179" s="14" t="s">
        <v>96</v>
      </c>
      <c r="D42179" s="14" t="s">
        <v>249</v>
      </c>
      <c r="E42179" s="15">
        <v>45580</v>
      </c>
      <c r="F42179" s="14" t="s">
        <v>28</v>
      </c>
      <c r="G42179" s="16">
        <v>0</v>
      </c>
    </row>
    <row r="42180" spans="1:7" x14ac:dyDescent="0.3">
      <c r="A42180" s="13" t="s">
        <v>248</v>
      </c>
      <c r="B42180" s="14" t="s">
        <v>1</v>
      </c>
      <c r="C42180" s="14" t="s">
        <v>96</v>
      </c>
      <c r="D42180" s="14" t="s">
        <v>249</v>
      </c>
      <c r="E42180" s="15">
        <v>45581</v>
      </c>
      <c r="F42180" s="14" t="s">
        <v>28</v>
      </c>
      <c r="G42180" s="16">
        <v>0</v>
      </c>
    </row>
    <row r="42181" spans="1:7" x14ac:dyDescent="0.3">
      <c r="A42181" s="13" t="s">
        <v>248</v>
      </c>
      <c r="B42181" s="14" t="s">
        <v>1</v>
      </c>
      <c r="C42181" s="14" t="s">
        <v>96</v>
      </c>
      <c r="D42181" s="14" t="s">
        <v>249</v>
      </c>
      <c r="E42181" s="15">
        <v>45582</v>
      </c>
      <c r="F42181" s="14" t="s">
        <v>28</v>
      </c>
      <c r="G42181" s="16">
        <v>0</v>
      </c>
    </row>
    <row r="42182" spans="1:7" x14ac:dyDescent="0.3">
      <c r="A42182" s="13" t="s">
        <v>248</v>
      </c>
      <c r="B42182" s="14" t="s">
        <v>1</v>
      </c>
      <c r="C42182" s="14" t="s">
        <v>96</v>
      </c>
      <c r="D42182" s="14" t="s">
        <v>249</v>
      </c>
      <c r="E42182" s="15">
        <v>45583</v>
      </c>
      <c r="F42182" s="14" t="s">
        <v>28</v>
      </c>
      <c r="G42182" s="16">
        <v>0</v>
      </c>
    </row>
    <row r="42183" spans="1:7" x14ac:dyDescent="0.3">
      <c r="A42183" s="13" t="s">
        <v>248</v>
      </c>
      <c r="B42183" s="14" t="s">
        <v>1</v>
      </c>
      <c r="C42183" s="14" t="s">
        <v>96</v>
      </c>
      <c r="D42183" s="14" t="s">
        <v>249</v>
      </c>
      <c r="E42183" s="15">
        <v>45584</v>
      </c>
      <c r="F42183" s="14" t="s">
        <v>28</v>
      </c>
      <c r="G42183" s="16">
        <v>0</v>
      </c>
    </row>
    <row r="42184" spans="1:7" x14ac:dyDescent="0.3">
      <c r="A42184" s="13" t="s">
        <v>248</v>
      </c>
      <c r="B42184" s="14" t="s">
        <v>1</v>
      </c>
      <c r="C42184" s="14" t="s">
        <v>96</v>
      </c>
      <c r="D42184" s="14" t="s">
        <v>249</v>
      </c>
      <c r="E42184" s="15">
        <v>45585</v>
      </c>
      <c r="F42184" s="14" t="s">
        <v>28</v>
      </c>
      <c r="G42184" s="16">
        <v>0</v>
      </c>
    </row>
    <row r="42185" spans="1:7" x14ac:dyDescent="0.3">
      <c r="A42185" s="13" t="s">
        <v>248</v>
      </c>
      <c r="B42185" s="14" t="s">
        <v>1</v>
      </c>
      <c r="C42185" s="14" t="s">
        <v>96</v>
      </c>
      <c r="D42185" s="14" t="s">
        <v>249</v>
      </c>
      <c r="E42185" s="15">
        <v>45586</v>
      </c>
      <c r="F42185" s="14" t="s">
        <v>28</v>
      </c>
      <c r="G42185" s="16">
        <v>0</v>
      </c>
    </row>
    <row r="42186" spans="1:7" x14ac:dyDescent="0.3">
      <c r="A42186" s="13" t="s">
        <v>248</v>
      </c>
      <c r="B42186" s="14" t="s">
        <v>1</v>
      </c>
      <c r="C42186" s="14" t="s">
        <v>96</v>
      </c>
      <c r="D42186" s="14" t="s">
        <v>249</v>
      </c>
      <c r="E42186" s="15">
        <v>45587</v>
      </c>
      <c r="F42186" s="14" t="s">
        <v>28</v>
      </c>
      <c r="G42186" s="16">
        <v>0</v>
      </c>
    </row>
    <row r="42187" spans="1:7" x14ac:dyDescent="0.3">
      <c r="A42187" s="13" t="s">
        <v>248</v>
      </c>
      <c r="B42187" s="14" t="s">
        <v>1</v>
      </c>
      <c r="C42187" s="14" t="s">
        <v>96</v>
      </c>
      <c r="D42187" s="14" t="s">
        <v>249</v>
      </c>
      <c r="E42187" s="15">
        <v>45588</v>
      </c>
      <c r="F42187" s="14" t="s">
        <v>28</v>
      </c>
      <c r="G42187" s="16">
        <v>0</v>
      </c>
    </row>
    <row r="42188" spans="1:7" x14ac:dyDescent="0.3">
      <c r="A42188" s="13" t="s">
        <v>248</v>
      </c>
      <c r="B42188" s="14" t="s">
        <v>1</v>
      </c>
      <c r="C42188" s="14" t="s">
        <v>96</v>
      </c>
      <c r="D42188" s="14" t="s">
        <v>249</v>
      </c>
      <c r="E42188" s="15">
        <v>45589</v>
      </c>
      <c r="F42188" s="14" t="s">
        <v>28</v>
      </c>
      <c r="G42188" s="16">
        <v>0</v>
      </c>
    </row>
    <row r="42189" spans="1:7" x14ac:dyDescent="0.3">
      <c r="A42189" s="13" t="s">
        <v>248</v>
      </c>
      <c r="B42189" s="14" t="s">
        <v>1</v>
      </c>
      <c r="C42189" s="14" t="s">
        <v>96</v>
      </c>
      <c r="D42189" s="14" t="s">
        <v>249</v>
      </c>
      <c r="E42189" s="15">
        <v>45590</v>
      </c>
      <c r="F42189" s="14" t="s">
        <v>28</v>
      </c>
      <c r="G42189" s="16">
        <v>0</v>
      </c>
    </row>
    <row r="42190" spans="1:7" x14ac:dyDescent="0.3">
      <c r="A42190" s="13" t="s">
        <v>248</v>
      </c>
      <c r="B42190" s="14" t="s">
        <v>1</v>
      </c>
      <c r="C42190" s="14" t="s">
        <v>96</v>
      </c>
      <c r="D42190" s="14" t="s">
        <v>249</v>
      </c>
      <c r="E42190" s="15">
        <v>45591</v>
      </c>
      <c r="F42190" s="14" t="s">
        <v>28</v>
      </c>
      <c r="G42190" s="16">
        <v>0</v>
      </c>
    </row>
    <row r="42191" spans="1:7" x14ac:dyDescent="0.3">
      <c r="A42191" s="13" t="s">
        <v>248</v>
      </c>
      <c r="B42191" s="14" t="s">
        <v>1</v>
      </c>
      <c r="C42191" s="14" t="s">
        <v>96</v>
      </c>
      <c r="D42191" s="14" t="s">
        <v>249</v>
      </c>
      <c r="E42191" s="15">
        <v>45592</v>
      </c>
      <c r="F42191" s="14" t="s">
        <v>28</v>
      </c>
      <c r="G42191" s="16">
        <v>0</v>
      </c>
    </row>
    <row r="42192" spans="1:7" x14ac:dyDescent="0.3">
      <c r="A42192" s="13" t="s">
        <v>248</v>
      </c>
      <c r="B42192" s="14" t="s">
        <v>1</v>
      </c>
      <c r="C42192" s="14" t="s">
        <v>96</v>
      </c>
      <c r="D42192" s="14" t="s">
        <v>249</v>
      </c>
      <c r="E42192" s="15">
        <v>45593</v>
      </c>
      <c r="F42192" s="14" t="s">
        <v>28</v>
      </c>
      <c r="G42192" s="16">
        <v>0</v>
      </c>
    </row>
    <row r="42193" spans="1:7" x14ac:dyDescent="0.3">
      <c r="A42193" s="13" t="s">
        <v>248</v>
      </c>
      <c r="B42193" s="14" t="s">
        <v>1</v>
      </c>
      <c r="C42193" s="14" t="s">
        <v>96</v>
      </c>
      <c r="D42193" s="14" t="s">
        <v>249</v>
      </c>
      <c r="E42193" s="15">
        <v>45594</v>
      </c>
      <c r="F42193" s="14" t="s">
        <v>28</v>
      </c>
      <c r="G42193" s="16">
        <v>0</v>
      </c>
    </row>
    <row r="42194" spans="1:7" x14ac:dyDescent="0.3">
      <c r="A42194" s="13" t="s">
        <v>248</v>
      </c>
      <c r="B42194" s="14" t="s">
        <v>1</v>
      </c>
      <c r="C42194" s="14" t="s">
        <v>96</v>
      </c>
      <c r="D42194" s="14" t="s">
        <v>249</v>
      </c>
      <c r="E42194" s="15">
        <v>45595</v>
      </c>
      <c r="F42194" s="14" t="s">
        <v>28</v>
      </c>
      <c r="G42194" s="16">
        <v>0</v>
      </c>
    </row>
    <row r="42195" spans="1:7" x14ac:dyDescent="0.3">
      <c r="A42195" s="13" t="s">
        <v>248</v>
      </c>
      <c r="B42195" s="14" t="s">
        <v>1</v>
      </c>
      <c r="C42195" s="14" t="s">
        <v>96</v>
      </c>
      <c r="D42195" s="14" t="s">
        <v>249</v>
      </c>
      <c r="E42195" s="15">
        <v>45596</v>
      </c>
      <c r="F42195" s="14" t="s">
        <v>28</v>
      </c>
      <c r="G42195" s="16">
        <v>0</v>
      </c>
    </row>
    <row r="42196" spans="1:7" x14ac:dyDescent="0.3">
      <c r="A42196" s="13" t="s">
        <v>248</v>
      </c>
      <c r="B42196" s="14" t="s">
        <v>1</v>
      </c>
      <c r="C42196" s="14" t="s">
        <v>96</v>
      </c>
      <c r="D42196" s="14" t="s">
        <v>249</v>
      </c>
      <c r="E42196" s="15">
        <v>45597</v>
      </c>
      <c r="F42196" s="14" t="s">
        <v>28</v>
      </c>
      <c r="G42196" s="16">
        <v>0</v>
      </c>
    </row>
    <row r="42197" spans="1:7" x14ac:dyDescent="0.3">
      <c r="A42197" s="13" t="s">
        <v>248</v>
      </c>
      <c r="B42197" s="14" t="s">
        <v>1</v>
      </c>
      <c r="C42197" s="14" t="s">
        <v>96</v>
      </c>
      <c r="D42197" s="14" t="s">
        <v>249</v>
      </c>
      <c r="E42197" s="15">
        <v>45598</v>
      </c>
      <c r="F42197" s="14" t="s">
        <v>28</v>
      </c>
      <c r="G42197" s="16">
        <v>0</v>
      </c>
    </row>
    <row r="42198" spans="1:7" x14ac:dyDescent="0.3">
      <c r="A42198" s="13" t="s">
        <v>248</v>
      </c>
      <c r="B42198" s="14" t="s">
        <v>1</v>
      </c>
      <c r="C42198" s="14" t="s">
        <v>96</v>
      </c>
      <c r="D42198" s="14" t="s">
        <v>249</v>
      </c>
      <c r="E42198" s="15">
        <v>45599</v>
      </c>
      <c r="F42198" s="14" t="s">
        <v>28</v>
      </c>
      <c r="G42198" s="16">
        <v>0</v>
      </c>
    </row>
    <row r="42199" spans="1:7" x14ac:dyDescent="0.3">
      <c r="A42199" s="13" t="s">
        <v>248</v>
      </c>
      <c r="B42199" s="14" t="s">
        <v>1</v>
      </c>
      <c r="C42199" s="14" t="s">
        <v>96</v>
      </c>
      <c r="D42199" s="14" t="s">
        <v>249</v>
      </c>
      <c r="E42199" s="15">
        <v>45600</v>
      </c>
      <c r="F42199" s="14" t="s">
        <v>28</v>
      </c>
      <c r="G42199" s="16">
        <v>0</v>
      </c>
    </row>
    <row r="42200" spans="1:7" x14ac:dyDescent="0.3">
      <c r="A42200" s="13" t="s">
        <v>248</v>
      </c>
      <c r="B42200" s="14" t="s">
        <v>1</v>
      </c>
      <c r="C42200" s="14" t="s">
        <v>96</v>
      </c>
      <c r="D42200" s="14" t="s">
        <v>249</v>
      </c>
      <c r="E42200" s="15">
        <v>45601</v>
      </c>
      <c r="F42200" s="14" t="s">
        <v>28</v>
      </c>
      <c r="G42200" s="16">
        <v>0</v>
      </c>
    </row>
    <row r="42201" spans="1:7" x14ac:dyDescent="0.3">
      <c r="A42201" s="13" t="s">
        <v>248</v>
      </c>
      <c r="B42201" s="14" t="s">
        <v>1</v>
      </c>
      <c r="C42201" s="14" t="s">
        <v>96</v>
      </c>
      <c r="D42201" s="14" t="s">
        <v>249</v>
      </c>
      <c r="E42201" s="15">
        <v>45602</v>
      </c>
      <c r="F42201" s="14" t="s">
        <v>28</v>
      </c>
      <c r="G42201" s="16">
        <v>0</v>
      </c>
    </row>
    <row r="42202" spans="1:7" x14ac:dyDescent="0.3">
      <c r="A42202" s="13" t="s">
        <v>248</v>
      </c>
      <c r="B42202" s="14" t="s">
        <v>1</v>
      </c>
      <c r="C42202" s="14" t="s">
        <v>96</v>
      </c>
      <c r="D42202" s="14" t="s">
        <v>249</v>
      </c>
      <c r="E42202" s="15">
        <v>45603</v>
      </c>
      <c r="F42202" s="14" t="s">
        <v>28</v>
      </c>
      <c r="G42202" s="16">
        <v>0</v>
      </c>
    </row>
    <row r="42203" spans="1:7" x14ac:dyDescent="0.3">
      <c r="A42203" s="13" t="s">
        <v>248</v>
      </c>
      <c r="B42203" s="14" t="s">
        <v>1</v>
      </c>
      <c r="C42203" s="14" t="s">
        <v>96</v>
      </c>
      <c r="D42203" s="14" t="s">
        <v>249</v>
      </c>
      <c r="E42203" s="15">
        <v>45604</v>
      </c>
      <c r="F42203" s="14" t="s">
        <v>28</v>
      </c>
      <c r="G42203" s="16">
        <v>0</v>
      </c>
    </row>
    <row r="42204" spans="1:7" x14ac:dyDescent="0.3">
      <c r="A42204" s="13" t="s">
        <v>248</v>
      </c>
      <c r="B42204" s="14" t="s">
        <v>1</v>
      </c>
      <c r="C42204" s="14" t="s">
        <v>96</v>
      </c>
      <c r="D42204" s="14" t="s">
        <v>249</v>
      </c>
      <c r="E42204" s="15">
        <v>45605</v>
      </c>
      <c r="F42204" s="14" t="s">
        <v>28</v>
      </c>
      <c r="G42204" s="16">
        <v>0</v>
      </c>
    </row>
    <row r="42205" spans="1:7" x14ac:dyDescent="0.3">
      <c r="A42205" s="13" t="s">
        <v>248</v>
      </c>
      <c r="B42205" s="14" t="s">
        <v>1</v>
      </c>
      <c r="C42205" s="14" t="s">
        <v>96</v>
      </c>
      <c r="D42205" s="14" t="s">
        <v>249</v>
      </c>
      <c r="E42205" s="15">
        <v>45606</v>
      </c>
      <c r="F42205" s="14" t="s">
        <v>28</v>
      </c>
      <c r="G42205" s="16">
        <v>0</v>
      </c>
    </row>
    <row r="42206" spans="1:7" x14ac:dyDescent="0.3">
      <c r="A42206" s="13" t="s">
        <v>248</v>
      </c>
      <c r="B42206" s="14" t="s">
        <v>1</v>
      </c>
      <c r="C42206" s="14" t="s">
        <v>96</v>
      </c>
      <c r="D42206" s="14" t="s">
        <v>249</v>
      </c>
      <c r="E42206" s="15">
        <v>45607</v>
      </c>
      <c r="F42206" s="14" t="s">
        <v>28</v>
      </c>
      <c r="G42206" s="16">
        <v>0</v>
      </c>
    </row>
    <row r="42207" spans="1:7" x14ac:dyDescent="0.3">
      <c r="A42207" s="13" t="s">
        <v>248</v>
      </c>
      <c r="B42207" s="14" t="s">
        <v>1</v>
      </c>
      <c r="C42207" s="14" t="s">
        <v>96</v>
      </c>
      <c r="D42207" s="14" t="s">
        <v>249</v>
      </c>
      <c r="E42207" s="15">
        <v>45608</v>
      </c>
      <c r="F42207" s="14" t="s">
        <v>28</v>
      </c>
      <c r="G42207" s="16">
        <v>0</v>
      </c>
    </row>
    <row r="42208" spans="1:7" x14ac:dyDescent="0.3">
      <c r="A42208" s="13" t="s">
        <v>248</v>
      </c>
      <c r="B42208" s="14" t="s">
        <v>1</v>
      </c>
      <c r="C42208" s="14" t="s">
        <v>96</v>
      </c>
      <c r="D42208" s="14" t="s">
        <v>249</v>
      </c>
      <c r="E42208" s="15">
        <v>45609</v>
      </c>
      <c r="F42208" s="14" t="s">
        <v>28</v>
      </c>
      <c r="G42208" s="16">
        <v>0</v>
      </c>
    </row>
    <row r="42209" spans="1:7" x14ac:dyDescent="0.3">
      <c r="A42209" s="13" t="s">
        <v>248</v>
      </c>
      <c r="B42209" s="14" t="s">
        <v>1</v>
      </c>
      <c r="C42209" s="14" t="s">
        <v>96</v>
      </c>
      <c r="D42209" s="14" t="s">
        <v>249</v>
      </c>
      <c r="E42209" s="15">
        <v>45610</v>
      </c>
      <c r="F42209" s="14" t="s">
        <v>28</v>
      </c>
      <c r="G42209" s="16">
        <v>0</v>
      </c>
    </row>
    <row r="42210" spans="1:7" x14ac:dyDescent="0.3">
      <c r="A42210" s="13" t="s">
        <v>248</v>
      </c>
      <c r="B42210" s="14" t="s">
        <v>1</v>
      </c>
      <c r="C42210" s="14" t="s">
        <v>96</v>
      </c>
      <c r="D42210" s="14" t="s">
        <v>249</v>
      </c>
      <c r="E42210" s="15">
        <v>45611</v>
      </c>
      <c r="F42210" s="14" t="s">
        <v>28</v>
      </c>
      <c r="G42210" s="16">
        <v>0</v>
      </c>
    </row>
    <row r="42211" spans="1:7" x14ac:dyDescent="0.3">
      <c r="A42211" s="13" t="s">
        <v>248</v>
      </c>
      <c r="B42211" s="14" t="s">
        <v>1</v>
      </c>
      <c r="C42211" s="14" t="s">
        <v>96</v>
      </c>
      <c r="D42211" s="14" t="s">
        <v>249</v>
      </c>
      <c r="E42211" s="15">
        <v>45612</v>
      </c>
      <c r="F42211" s="14" t="s">
        <v>28</v>
      </c>
      <c r="G42211" s="16">
        <v>0</v>
      </c>
    </row>
    <row r="42212" spans="1:7" x14ac:dyDescent="0.3">
      <c r="A42212" s="13" t="s">
        <v>248</v>
      </c>
      <c r="B42212" s="14" t="s">
        <v>1</v>
      </c>
      <c r="C42212" s="14" t="s">
        <v>96</v>
      </c>
      <c r="D42212" s="14" t="s">
        <v>249</v>
      </c>
      <c r="E42212" s="15">
        <v>45613</v>
      </c>
      <c r="F42212" s="14" t="s">
        <v>28</v>
      </c>
      <c r="G42212" s="16">
        <v>0</v>
      </c>
    </row>
    <row r="42213" spans="1:7" x14ac:dyDescent="0.3">
      <c r="A42213" s="13" t="s">
        <v>248</v>
      </c>
      <c r="B42213" s="14" t="s">
        <v>1</v>
      </c>
      <c r="C42213" s="14" t="s">
        <v>96</v>
      </c>
      <c r="D42213" s="14" t="s">
        <v>249</v>
      </c>
      <c r="E42213" s="15">
        <v>45614</v>
      </c>
      <c r="F42213" s="14" t="s">
        <v>28</v>
      </c>
      <c r="G42213" s="16">
        <v>0</v>
      </c>
    </row>
    <row r="42214" spans="1:7" x14ac:dyDescent="0.3">
      <c r="A42214" s="13" t="s">
        <v>248</v>
      </c>
      <c r="B42214" s="14" t="s">
        <v>1</v>
      </c>
      <c r="C42214" s="14" t="s">
        <v>96</v>
      </c>
      <c r="D42214" s="14" t="s">
        <v>249</v>
      </c>
      <c r="E42214" s="15">
        <v>45615</v>
      </c>
      <c r="F42214" s="14" t="s">
        <v>28</v>
      </c>
      <c r="G42214" s="16">
        <v>0</v>
      </c>
    </row>
    <row r="42215" spans="1:7" x14ac:dyDescent="0.3">
      <c r="A42215" s="13" t="s">
        <v>248</v>
      </c>
      <c r="B42215" s="14" t="s">
        <v>1</v>
      </c>
      <c r="C42215" s="14" t="s">
        <v>96</v>
      </c>
      <c r="D42215" s="14" t="s">
        <v>249</v>
      </c>
      <c r="E42215" s="15">
        <v>45616</v>
      </c>
      <c r="F42215" s="14" t="s">
        <v>28</v>
      </c>
      <c r="G42215" s="16">
        <v>0</v>
      </c>
    </row>
    <row r="42216" spans="1:7" x14ac:dyDescent="0.3">
      <c r="A42216" s="13" t="s">
        <v>248</v>
      </c>
      <c r="B42216" s="14" t="s">
        <v>1</v>
      </c>
      <c r="C42216" s="14" t="s">
        <v>96</v>
      </c>
      <c r="D42216" s="14" t="s">
        <v>249</v>
      </c>
      <c r="E42216" s="15">
        <v>45617</v>
      </c>
      <c r="F42216" s="14" t="s">
        <v>28</v>
      </c>
      <c r="G42216" s="16">
        <v>0</v>
      </c>
    </row>
    <row r="42217" spans="1:7" x14ac:dyDescent="0.3">
      <c r="A42217" s="13" t="s">
        <v>248</v>
      </c>
      <c r="B42217" s="14" t="s">
        <v>1</v>
      </c>
      <c r="C42217" s="14" t="s">
        <v>96</v>
      </c>
      <c r="D42217" s="14" t="s">
        <v>249</v>
      </c>
      <c r="E42217" s="15">
        <v>45618</v>
      </c>
      <c r="F42217" s="14" t="s">
        <v>28</v>
      </c>
      <c r="G42217" s="16">
        <v>0</v>
      </c>
    </row>
    <row r="42218" spans="1:7" x14ac:dyDescent="0.3">
      <c r="A42218" s="13" t="s">
        <v>248</v>
      </c>
      <c r="B42218" s="14" t="s">
        <v>1</v>
      </c>
      <c r="C42218" s="14" t="s">
        <v>96</v>
      </c>
      <c r="D42218" s="14" t="s">
        <v>249</v>
      </c>
      <c r="E42218" s="15">
        <v>45619</v>
      </c>
      <c r="F42218" s="14" t="s">
        <v>28</v>
      </c>
      <c r="G42218" s="16">
        <v>0</v>
      </c>
    </row>
    <row r="42219" spans="1:7" x14ac:dyDescent="0.3">
      <c r="A42219" s="13" t="s">
        <v>248</v>
      </c>
      <c r="B42219" s="14" t="s">
        <v>1</v>
      </c>
      <c r="C42219" s="14" t="s">
        <v>96</v>
      </c>
      <c r="D42219" s="14" t="s">
        <v>249</v>
      </c>
      <c r="E42219" s="15">
        <v>45620</v>
      </c>
      <c r="F42219" s="14" t="s">
        <v>28</v>
      </c>
      <c r="G42219" s="16">
        <v>0</v>
      </c>
    </row>
    <row r="42220" spans="1:7" x14ac:dyDescent="0.3">
      <c r="A42220" s="13" t="s">
        <v>248</v>
      </c>
      <c r="B42220" s="14" t="s">
        <v>1</v>
      </c>
      <c r="C42220" s="14" t="s">
        <v>96</v>
      </c>
      <c r="D42220" s="14" t="s">
        <v>249</v>
      </c>
      <c r="E42220" s="15">
        <v>45621</v>
      </c>
      <c r="F42220" s="14" t="s">
        <v>28</v>
      </c>
      <c r="G42220" s="16">
        <v>0</v>
      </c>
    </row>
    <row r="42221" spans="1:7" x14ac:dyDescent="0.3">
      <c r="A42221" s="13" t="s">
        <v>248</v>
      </c>
      <c r="B42221" s="14" t="s">
        <v>1</v>
      </c>
      <c r="C42221" s="14" t="s">
        <v>96</v>
      </c>
      <c r="D42221" s="14" t="s">
        <v>249</v>
      </c>
      <c r="E42221" s="15">
        <v>45622</v>
      </c>
      <c r="F42221" s="14" t="s">
        <v>28</v>
      </c>
      <c r="G42221" s="16">
        <v>0</v>
      </c>
    </row>
    <row r="42222" spans="1:7" x14ac:dyDescent="0.3">
      <c r="A42222" s="13" t="s">
        <v>248</v>
      </c>
      <c r="B42222" s="14" t="s">
        <v>1</v>
      </c>
      <c r="C42222" s="14" t="s">
        <v>96</v>
      </c>
      <c r="D42222" s="14" t="s">
        <v>249</v>
      </c>
      <c r="E42222" s="15">
        <v>45623</v>
      </c>
      <c r="F42222" s="14" t="s">
        <v>28</v>
      </c>
      <c r="G42222" s="16">
        <v>0</v>
      </c>
    </row>
    <row r="42223" spans="1:7" x14ac:dyDescent="0.3">
      <c r="A42223" s="13" t="s">
        <v>248</v>
      </c>
      <c r="B42223" s="14" t="s">
        <v>1</v>
      </c>
      <c r="C42223" s="14" t="s">
        <v>96</v>
      </c>
      <c r="D42223" s="14" t="s">
        <v>249</v>
      </c>
      <c r="E42223" s="15">
        <v>45624</v>
      </c>
      <c r="F42223" s="14" t="s">
        <v>28</v>
      </c>
      <c r="G42223" s="16">
        <v>0</v>
      </c>
    </row>
    <row r="42224" spans="1:7" x14ac:dyDescent="0.3">
      <c r="A42224" s="13" t="s">
        <v>248</v>
      </c>
      <c r="B42224" s="14" t="s">
        <v>1</v>
      </c>
      <c r="C42224" s="14" t="s">
        <v>96</v>
      </c>
      <c r="D42224" s="14" t="s">
        <v>249</v>
      </c>
      <c r="E42224" s="15">
        <v>45625</v>
      </c>
      <c r="F42224" s="14" t="s">
        <v>28</v>
      </c>
      <c r="G42224" s="16">
        <v>0</v>
      </c>
    </row>
    <row r="42225" spans="1:7" x14ac:dyDescent="0.3">
      <c r="A42225" s="13" t="s">
        <v>248</v>
      </c>
      <c r="B42225" s="14" t="s">
        <v>1</v>
      </c>
      <c r="C42225" s="14" t="s">
        <v>96</v>
      </c>
      <c r="D42225" s="14" t="s">
        <v>249</v>
      </c>
      <c r="E42225" s="15">
        <v>45626</v>
      </c>
      <c r="F42225" s="14" t="s">
        <v>28</v>
      </c>
      <c r="G42225" s="16">
        <v>0</v>
      </c>
    </row>
    <row r="42226" spans="1:7" x14ac:dyDescent="0.3">
      <c r="A42226" s="13" t="s">
        <v>248</v>
      </c>
      <c r="B42226" s="14" t="s">
        <v>1</v>
      </c>
      <c r="C42226" s="14" t="s">
        <v>96</v>
      </c>
      <c r="D42226" s="14" t="s">
        <v>249</v>
      </c>
      <c r="E42226" s="15">
        <v>45627</v>
      </c>
      <c r="F42226" s="14" t="s">
        <v>28</v>
      </c>
      <c r="G42226" s="16">
        <v>0</v>
      </c>
    </row>
    <row r="42227" spans="1:7" x14ac:dyDescent="0.3">
      <c r="A42227" s="13" t="s">
        <v>248</v>
      </c>
      <c r="B42227" s="14" t="s">
        <v>1</v>
      </c>
      <c r="C42227" s="14" t="s">
        <v>96</v>
      </c>
      <c r="D42227" s="14" t="s">
        <v>249</v>
      </c>
      <c r="E42227" s="15">
        <v>45628</v>
      </c>
      <c r="F42227" s="14" t="s">
        <v>28</v>
      </c>
      <c r="G42227" s="16">
        <v>0</v>
      </c>
    </row>
    <row r="42228" spans="1:7" x14ac:dyDescent="0.3">
      <c r="A42228" s="13" t="s">
        <v>248</v>
      </c>
      <c r="B42228" s="14" t="s">
        <v>1</v>
      </c>
      <c r="C42228" s="14" t="s">
        <v>96</v>
      </c>
      <c r="D42228" s="14" t="s">
        <v>249</v>
      </c>
      <c r="E42228" s="15">
        <v>45629</v>
      </c>
      <c r="F42228" s="14" t="s">
        <v>28</v>
      </c>
      <c r="G42228" s="16">
        <v>0</v>
      </c>
    </row>
    <row r="42229" spans="1:7" x14ac:dyDescent="0.3">
      <c r="A42229" s="13" t="s">
        <v>248</v>
      </c>
      <c r="B42229" s="14" t="s">
        <v>1</v>
      </c>
      <c r="C42229" s="14" t="s">
        <v>96</v>
      </c>
      <c r="D42229" s="14" t="s">
        <v>249</v>
      </c>
      <c r="E42229" s="15">
        <v>45630</v>
      </c>
      <c r="F42229" s="14" t="s">
        <v>28</v>
      </c>
      <c r="G42229" s="16">
        <v>0</v>
      </c>
    </row>
    <row r="42230" spans="1:7" x14ac:dyDescent="0.3">
      <c r="A42230" s="13" t="s">
        <v>248</v>
      </c>
      <c r="B42230" s="14" t="s">
        <v>1</v>
      </c>
      <c r="C42230" s="14" t="s">
        <v>96</v>
      </c>
      <c r="D42230" s="14" t="s">
        <v>249</v>
      </c>
      <c r="E42230" s="15">
        <v>45631</v>
      </c>
      <c r="F42230" s="14" t="s">
        <v>28</v>
      </c>
      <c r="G42230" s="16">
        <v>0</v>
      </c>
    </row>
    <row r="42231" spans="1:7" x14ac:dyDescent="0.3">
      <c r="A42231" s="13" t="s">
        <v>248</v>
      </c>
      <c r="B42231" s="14" t="s">
        <v>1</v>
      </c>
      <c r="C42231" s="14" t="s">
        <v>96</v>
      </c>
      <c r="D42231" s="14" t="s">
        <v>249</v>
      </c>
      <c r="E42231" s="15">
        <v>45632</v>
      </c>
      <c r="F42231" s="14" t="s">
        <v>28</v>
      </c>
      <c r="G42231" s="16">
        <v>0</v>
      </c>
    </row>
    <row r="42232" spans="1:7" x14ac:dyDescent="0.3">
      <c r="A42232" s="13" t="s">
        <v>248</v>
      </c>
      <c r="B42232" s="14" t="s">
        <v>1</v>
      </c>
      <c r="C42232" s="14" t="s">
        <v>96</v>
      </c>
      <c r="D42232" s="14" t="s">
        <v>249</v>
      </c>
      <c r="E42232" s="15">
        <v>45633</v>
      </c>
      <c r="F42232" s="14" t="s">
        <v>28</v>
      </c>
      <c r="G42232" s="16">
        <v>0</v>
      </c>
    </row>
    <row r="42233" spans="1:7" x14ac:dyDescent="0.3">
      <c r="A42233" s="13" t="s">
        <v>248</v>
      </c>
      <c r="B42233" s="14" t="s">
        <v>1</v>
      </c>
      <c r="C42233" s="14" t="s">
        <v>96</v>
      </c>
      <c r="D42233" s="14" t="s">
        <v>249</v>
      </c>
      <c r="E42233" s="15">
        <v>45634</v>
      </c>
      <c r="F42233" s="14" t="s">
        <v>28</v>
      </c>
      <c r="G42233" s="16">
        <v>0</v>
      </c>
    </row>
    <row r="42234" spans="1:7" x14ac:dyDescent="0.3">
      <c r="A42234" s="13" t="s">
        <v>248</v>
      </c>
      <c r="B42234" s="14" t="s">
        <v>1</v>
      </c>
      <c r="C42234" s="14" t="s">
        <v>96</v>
      </c>
      <c r="D42234" s="14" t="s">
        <v>249</v>
      </c>
      <c r="E42234" s="15">
        <v>45635</v>
      </c>
      <c r="F42234" s="14" t="s">
        <v>28</v>
      </c>
      <c r="G42234" s="16">
        <v>0</v>
      </c>
    </row>
    <row r="42235" spans="1:7" x14ac:dyDescent="0.3">
      <c r="A42235" s="13" t="s">
        <v>248</v>
      </c>
      <c r="B42235" s="14" t="s">
        <v>1</v>
      </c>
      <c r="C42235" s="14" t="s">
        <v>96</v>
      </c>
      <c r="D42235" s="14" t="s">
        <v>249</v>
      </c>
      <c r="E42235" s="15">
        <v>45636</v>
      </c>
      <c r="F42235" s="14" t="s">
        <v>28</v>
      </c>
      <c r="G42235" s="16">
        <v>0</v>
      </c>
    </row>
    <row r="42236" spans="1:7" x14ac:dyDescent="0.3">
      <c r="A42236" s="13" t="s">
        <v>248</v>
      </c>
      <c r="B42236" s="14" t="s">
        <v>1</v>
      </c>
      <c r="C42236" s="14" t="s">
        <v>96</v>
      </c>
      <c r="D42236" s="14" t="s">
        <v>249</v>
      </c>
      <c r="E42236" s="15">
        <v>45637</v>
      </c>
      <c r="F42236" s="14" t="s">
        <v>28</v>
      </c>
      <c r="G42236" s="16">
        <v>0</v>
      </c>
    </row>
    <row r="42237" spans="1:7" x14ac:dyDescent="0.3">
      <c r="A42237" s="13" t="s">
        <v>248</v>
      </c>
      <c r="B42237" s="14" t="s">
        <v>1</v>
      </c>
      <c r="C42237" s="14" t="s">
        <v>96</v>
      </c>
      <c r="D42237" s="14" t="s">
        <v>249</v>
      </c>
      <c r="E42237" s="15">
        <v>45638</v>
      </c>
      <c r="F42237" s="14" t="s">
        <v>28</v>
      </c>
      <c r="G42237" s="16">
        <v>0</v>
      </c>
    </row>
    <row r="42238" spans="1:7" x14ac:dyDescent="0.3">
      <c r="A42238" s="13" t="s">
        <v>248</v>
      </c>
      <c r="B42238" s="14" t="s">
        <v>1</v>
      </c>
      <c r="C42238" s="14" t="s">
        <v>96</v>
      </c>
      <c r="D42238" s="14" t="s">
        <v>249</v>
      </c>
      <c r="E42238" s="15">
        <v>45639</v>
      </c>
      <c r="F42238" s="14" t="s">
        <v>28</v>
      </c>
      <c r="G42238" s="16">
        <v>0</v>
      </c>
    </row>
    <row r="42239" spans="1:7" x14ac:dyDescent="0.3">
      <c r="A42239" s="13" t="s">
        <v>248</v>
      </c>
      <c r="B42239" s="14" t="s">
        <v>1</v>
      </c>
      <c r="C42239" s="14" t="s">
        <v>96</v>
      </c>
      <c r="D42239" s="14" t="s">
        <v>249</v>
      </c>
      <c r="E42239" s="15">
        <v>45640</v>
      </c>
      <c r="F42239" s="14" t="s">
        <v>28</v>
      </c>
      <c r="G42239" s="16">
        <v>0</v>
      </c>
    </row>
    <row r="42240" spans="1:7" x14ac:dyDescent="0.3">
      <c r="A42240" s="13" t="s">
        <v>248</v>
      </c>
      <c r="B42240" s="14" t="s">
        <v>1</v>
      </c>
      <c r="C42240" s="14" t="s">
        <v>96</v>
      </c>
      <c r="D42240" s="14" t="s">
        <v>249</v>
      </c>
      <c r="E42240" s="15">
        <v>45641</v>
      </c>
      <c r="F42240" s="14" t="s">
        <v>28</v>
      </c>
      <c r="G42240" s="16">
        <v>0</v>
      </c>
    </row>
    <row r="42241" spans="1:7" x14ac:dyDescent="0.3">
      <c r="A42241" s="13" t="s">
        <v>248</v>
      </c>
      <c r="B42241" s="14" t="s">
        <v>1</v>
      </c>
      <c r="C42241" s="14" t="s">
        <v>96</v>
      </c>
      <c r="D42241" s="14" t="s">
        <v>249</v>
      </c>
      <c r="E42241" s="15">
        <v>45642</v>
      </c>
      <c r="F42241" s="14" t="s">
        <v>28</v>
      </c>
      <c r="G42241" s="16">
        <v>0</v>
      </c>
    </row>
    <row r="42242" spans="1:7" x14ac:dyDescent="0.3">
      <c r="A42242" s="13" t="s">
        <v>248</v>
      </c>
      <c r="B42242" s="14" t="s">
        <v>1</v>
      </c>
      <c r="C42242" s="14" t="s">
        <v>96</v>
      </c>
      <c r="D42242" s="14" t="s">
        <v>249</v>
      </c>
      <c r="E42242" s="15">
        <v>45643</v>
      </c>
      <c r="F42242" s="14" t="s">
        <v>28</v>
      </c>
      <c r="G42242" s="16">
        <v>0</v>
      </c>
    </row>
    <row r="42243" spans="1:7" x14ac:dyDescent="0.3">
      <c r="A42243" s="13" t="s">
        <v>248</v>
      </c>
      <c r="B42243" s="14" t="s">
        <v>1</v>
      </c>
      <c r="C42243" s="14" t="s">
        <v>96</v>
      </c>
      <c r="D42243" s="14" t="s">
        <v>249</v>
      </c>
      <c r="E42243" s="15">
        <v>45644</v>
      </c>
      <c r="F42243" s="14" t="s">
        <v>28</v>
      </c>
      <c r="G42243" s="16">
        <v>0</v>
      </c>
    </row>
    <row r="42244" spans="1:7" x14ac:dyDescent="0.3">
      <c r="A42244" s="13" t="s">
        <v>248</v>
      </c>
      <c r="B42244" s="14" t="s">
        <v>1</v>
      </c>
      <c r="C42244" s="14" t="s">
        <v>96</v>
      </c>
      <c r="D42244" s="14" t="s">
        <v>249</v>
      </c>
      <c r="E42244" s="15">
        <v>45645</v>
      </c>
      <c r="F42244" s="14" t="s">
        <v>28</v>
      </c>
      <c r="G42244" s="16">
        <v>0</v>
      </c>
    </row>
    <row r="42245" spans="1:7" x14ac:dyDescent="0.3">
      <c r="A42245" s="13" t="s">
        <v>248</v>
      </c>
      <c r="B42245" s="14" t="s">
        <v>1</v>
      </c>
      <c r="C42245" s="14" t="s">
        <v>96</v>
      </c>
      <c r="D42245" s="14" t="s">
        <v>249</v>
      </c>
      <c r="E42245" s="15">
        <v>45646</v>
      </c>
      <c r="F42245" s="14" t="s">
        <v>28</v>
      </c>
      <c r="G42245" s="16">
        <v>0</v>
      </c>
    </row>
    <row r="42246" spans="1:7" x14ac:dyDescent="0.3">
      <c r="A42246" s="13" t="s">
        <v>248</v>
      </c>
      <c r="B42246" s="14" t="s">
        <v>1</v>
      </c>
      <c r="C42246" s="14" t="s">
        <v>96</v>
      </c>
      <c r="D42246" s="14" t="s">
        <v>249</v>
      </c>
      <c r="E42246" s="15">
        <v>45647</v>
      </c>
      <c r="F42246" s="14" t="s">
        <v>28</v>
      </c>
      <c r="G42246" s="16">
        <v>0</v>
      </c>
    </row>
    <row r="42247" spans="1:7" x14ac:dyDescent="0.3">
      <c r="A42247" s="13" t="s">
        <v>248</v>
      </c>
      <c r="B42247" s="14" t="s">
        <v>1</v>
      </c>
      <c r="C42247" s="14" t="s">
        <v>96</v>
      </c>
      <c r="D42247" s="14" t="s">
        <v>249</v>
      </c>
      <c r="E42247" s="15">
        <v>45648</v>
      </c>
      <c r="F42247" s="14" t="s">
        <v>28</v>
      </c>
      <c r="G42247" s="16">
        <v>0</v>
      </c>
    </row>
    <row r="42248" spans="1:7" x14ac:dyDescent="0.3">
      <c r="A42248" s="13" t="s">
        <v>248</v>
      </c>
      <c r="B42248" s="14" t="s">
        <v>1</v>
      </c>
      <c r="C42248" s="14" t="s">
        <v>96</v>
      </c>
      <c r="D42248" s="14" t="s">
        <v>249</v>
      </c>
      <c r="E42248" s="15">
        <v>45649</v>
      </c>
      <c r="F42248" s="14" t="s">
        <v>28</v>
      </c>
      <c r="G42248" s="16">
        <v>0</v>
      </c>
    </row>
    <row r="42249" spans="1:7" x14ac:dyDescent="0.3">
      <c r="A42249" s="13" t="s">
        <v>248</v>
      </c>
      <c r="B42249" s="14" t="s">
        <v>1</v>
      </c>
      <c r="C42249" s="14" t="s">
        <v>96</v>
      </c>
      <c r="D42249" s="14" t="s">
        <v>249</v>
      </c>
      <c r="E42249" s="15">
        <v>45650</v>
      </c>
      <c r="F42249" s="14" t="s">
        <v>28</v>
      </c>
      <c r="G42249" s="16">
        <v>0</v>
      </c>
    </row>
    <row r="42250" spans="1:7" x14ac:dyDescent="0.3">
      <c r="A42250" s="13" t="s">
        <v>248</v>
      </c>
      <c r="B42250" s="14" t="s">
        <v>1</v>
      </c>
      <c r="C42250" s="14" t="s">
        <v>96</v>
      </c>
      <c r="D42250" s="14" t="s">
        <v>249</v>
      </c>
      <c r="E42250" s="15">
        <v>45651</v>
      </c>
      <c r="F42250" s="14" t="s">
        <v>28</v>
      </c>
      <c r="G42250" s="16">
        <v>0</v>
      </c>
    </row>
    <row r="42251" spans="1:7" x14ac:dyDescent="0.3">
      <c r="A42251" s="13" t="s">
        <v>248</v>
      </c>
      <c r="B42251" s="14" t="s">
        <v>1</v>
      </c>
      <c r="C42251" s="14" t="s">
        <v>96</v>
      </c>
      <c r="D42251" s="14" t="s">
        <v>249</v>
      </c>
      <c r="E42251" s="15">
        <v>45652</v>
      </c>
      <c r="F42251" s="14" t="s">
        <v>28</v>
      </c>
      <c r="G42251" s="16">
        <v>0</v>
      </c>
    </row>
    <row r="42252" spans="1:7" x14ac:dyDescent="0.3">
      <c r="A42252" s="13" t="s">
        <v>248</v>
      </c>
      <c r="B42252" s="14" t="s">
        <v>1</v>
      </c>
      <c r="C42252" s="14" t="s">
        <v>96</v>
      </c>
      <c r="D42252" s="14" t="s">
        <v>249</v>
      </c>
      <c r="E42252" s="15">
        <v>45653</v>
      </c>
      <c r="F42252" s="14" t="s">
        <v>28</v>
      </c>
      <c r="G42252" s="16">
        <v>0</v>
      </c>
    </row>
    <row r="42253" spans="1:7" x14ac:dyDescent="0.3">
      <c r="A42253" s="13" t="s">
        <v>248</v>
      </c>
      <c r="B42253" s="14" t="s">
        <v>1</v>
      </c>
      <c r="C42253" s="14" t="s">
        <v>96</v>
      </c>
      <c r="D42253" s="14" t="s">
        <v>249</v>
      </c>
      <c r="E42253" s="15">
        <v>45654</v>
      </c>
      <c r="F42253" s="14" t="s">
        <v>28</v>
      </c>
      <c r="G42253" s="16">
        <v>0</v>
      </c>
    </row>
    <row r="42254" spans="1:7" x14ac:dyDescent="0.3">
      <c r="A42254" s="13" t="s">
        <v>248</v>
      </c>
      <c r="B42254" s="14" t="s">
        <v>1</v>
      </c>
      <c r="C42254" s="14" t="s">
        <v>96</v>
      </c>
      <c r="D42254" s="14" t="s">
        <v>249</v>
      </c>
      <c r="E42254" s="15">
        <v>45655</v>
      </c>
      <c r="F42254" s="14" t="s">
        <v>28</v>
      </c>
      <c r="G42254" s="16">
        <v>0</v>
      </c>
    </row>
    <row r="42255" spans="1:7" x14ac:dyDescent="0.3">
      <c r="A42255" s="13" t="s">
        <v>248</v>
      </c>
      <c r="B42255" s="14" t="s">
        <v>1</v>
      </c>
      <c r="C42255" s="14" t="s">
        <v>96</v>
      </c>
      <c r="D42255" s="14" t="s">
        <v>249</v>
      </c>
      <c r="E42255" s="15">
        <v>45656</v>
      </c>
      <c r="F42255" s="14" t="s">
        <v>28</v>
      </c>
      <c r="G42255" s="16">
        <v>0</v>
      </c>
    </row>
    <row r="42256" spans="1:7" x14ac:dyDescent="0.3">
      <c r="A42256" s="13" t="s">
        <v>248</v>
      </c>
      <c r="B42256" s="14" t="s">
        <v>1</v>
      </c>
      <c r="C42256" s="14" t="s">
        <v>96</v>
      </c>
      <c r="D42256" s="14" t="s">
        <v>249</v>
      </c>
      <c r="E42256" s="15">
        <v>45657</v>
      </c>
      <c r="F42256" s="14" t="s">
        <v>28</v>
      </c>
      <c r="G42256" s="16">
        <v>0</v>
      </c>
    </row>
    <row r="42257" spans="1:7" x14ac:dyDescent="0.3">
      <c r="A42257" s="13" t="s">
        <v>248</v>
      </c>
      <c r="B42257" s="14" t="s">
        <v>1</v>
      </c>
      <c r="C42257" s="14" t="s">
        <v>96</v>
      </c>
      <c r="D42257" s="14" t="s">
        <v>249</v>
      </c>
      <c r="E42257" s="15">
        <v>45658</v>
      </c>
      <c r="F42257" s="14" t="s">
        <v>28</v>
      </c>
      <c r="G42257" s="16">
        <v>0</v>
      </c>
    </row>
    <row r="42258" spans="1:7" x14ac:dyDescent="0.3">
      <c r="A42258" s="13" t="s">
        <v>248</v>
      </c>
      <c r="B42258" s="14" t="s">
        <v>1</v>
      </c>
      <c r="C42258" s="14" t="s">
        <v>96</v>
      </c>
      <c r="D42258" s="14" t="s">
        <v>249</v>
      </c>
      <c r="E42258" s="15">
        <v>45659</v>
      </c>
      <c r="F42258" s="14" t="s">
        <v>28</v>
      </c>
      <c r="G42258" s="16">
        <v>0</v>
      </c>
    </row>
    <row r="42259" spans="1:7" x14ac:dyDescent="0.3">
      <c r="A42259" s="13" t="s">
        <v>248</v>
      </c>
      <c r="B42259" s="14" t="s">
        <v>1</v>
      </c>
      <c r="C42259" s="14" t="s">
        <v>96</v>
      </c>
      <c r="D42259" s="14" t="s">
        <v>249</v>
      </c>
      <c r="E42259" s="15">
        <v>45660</v>
      </c>
      <c r="F42259" s="14" t="s">
        <v>28</v>
      </c>
      <c r="G42259" s="16">
        <v>0</v>
      </c>
    </row>
    <row r="42260" spans="1:7" x14ac:dyDescent="0.3">
      <c r="A42260" s="13" t="s">
        <v>248</v>
      </c>
      <c r="B42260" s="14" t="s">
        <v>1</v>
      </c>
      <c r="C42260" s="14" t="s">
        <v>96</v>
      </c>
      <c r="D42260" s="14" t="s">
        <v>249</v>
      </c>
      <c r="E42260" s="15">
        <v>45661</v>
      </c>
      <c r="F42260" s="14" t="s">
        <v>28</v>
      </c>
      <c r="G42260" s="16">
        <v>0</v>
      </c>
    </row>
    <row r="42261" spans="1:7" x14ac:dyDescent="0.3">
      <c r="A42261" s="13" t="s">
        <v>248</v>
      </c>
      <c r="B42261" s="14" t="s">
        <v>1</v>
      </c>
      <c r="C42261" s="14" t="s">
        <v>96</v>
      </c>
      <c r="D42261" s="14" t="s">
        <v>249</v>
      </c>
      <c r="E42261" s="15">
        <v>45662</v>
      </c>
      <c r="F42261" s="14" t="s">
        <v>28</v>
      </c>
      <c r="G42261" s="16">
        <v>0</v>
      </c>
    </row>
    <row r="42262" spans="1:7" x14ac:dyDescent="0.3">
      <c r="A42262" s="13" t="s">
        <v>248</v>
      </c>
      <c r="B42262" s="14" t="s">
        <v>1</v>
      </c>
      <c r="C42262" s="14" t="s">
        <v>96</v>
      </c>
      <c r="D42262" s="14" t="s">
        <v>249</v>
      </c>
      <c r="E42262" s="15">
        <v>45663</v>
      </c>
      <c r="F42262" s="14" t="s">
        <v>28</v>
      </c>
      <c r="G42262" s="16">
        <v>0</v>
      </c>
    </row>
    <row r="42263" spans="1:7" x14ac:dyDescent="0.3">
      <c r="A42263" s="13" t="s">
        <v>248</v>
      </c>
      <c r="B42263" s="14" t="s">
        <v>1</v>
      </c>
      <c r="C42263" s="14" t="s">
        <v>96</v>
      </c>
      <c r="D42263" s="14" t="s">
        <v>249</v>
      </c>
      <c r="E42263" s="15">
        <v>45664</v>
      </c>
      <c r="F42263" s="14" t="s">
        <v>28</v>
      </c>
      <c r="G42263" s="16">
        <v>0</v>
      </c>
    </row>
    <row r="42264" spans="1:7" x14ac:dyDescent="0.3">
      <c r="A42264" s="13" t="s">
        <v>248</v>
      </c>
      <c r="B42264" s="14" t="s">
        <v>1</v>
      </c>
      <c r="C42264" s="14" t="s">
        <v>96</v>
      </c>
      <c r="D42264" s="14" t="s">
        <v>249</v>
      </c>
      <c r="E42264" s="15">
        <v>45665</v>
      </c>
      <c r="F42264" s="14" t="s">
        <v>28</v>
      </c>
      <c r="G42264" s="16">
        <v>0</v>
      </c>
    </row>
    <row r="42265" spans="1:7" x14ac:dyDescent="0.3">
      <c r="A42265" s="13" t="s">
        <v>248</v>
      </c>
      <c r="B42265" s="14" t="s">
        <v>1</v>
      </c>
      <c r="C42265" s="14" t="s">
        <v>96</v>
      </c>
      <c r="D42265" s="14" t="s">
        <v>249</v>
      </c>
      <c r="E42265" s="15">
        <v>45666</v>
      </c>
      <c r="F42265" s="14" t="s">
        <v>28</v>
      </c>
      <c r="G42265" s="16">
        <v>0</v>
      </c>
    </row>
    <row r="42266" spans="1:7" x14ac:dyDescent="0.3">
      <c r="A42266" s="13" t="s">
        <v>248</v>
      </c>
      <c r="B42266" s="14" t="s">
        <v>1</v>
      </c>
      <c r="C42266" s="14" t="s">
        <v>96</v>
      </c>
      <c r="D42266" s="14" t="s">
        <v>249</v>
      </c>
      <c r="E42266" s="15">
        <v>45667</v>
      </c>
      <c r="F42266" s="14" t="s">
        <v>28</v>
      </c>
      <c r="G42266" s="16">
        <v>0</v>
      </c>
    </row>
    <row r="42267" spans="1:7" x14ac:dyDescent="0.3">
      <c r="A42267" s="13" t="s">
        <v>248</v>
      </c>
      <c r="B42267" s="14" t="s">
        <v>1</v>
      </c>
      <c r="C42267" s="14" t="s">
        <v>96</v>
      </c>
      <c r="D42267" s="14" t="s">
        <v>249</v>
      </c>
      <c r="E42267" s="15">
        <v>45668</v>
      </c>
      <c r="F42267" s="14" t="s">
        <v>28</v>
      </c>
      <c r="G42267" s="16">
        <v>0</v>
      </c>
    </row>
    <row r="42268" spans="1:7" x14ac:dyDescent="0.3">
      <c r="A42268" s="13" t="s">
        <v>248</v>
      </c>
      <c r="B42268" s="14" t="s">
        <v>1</v>
      </c>
      <c r="C42268" s="14" t="s">
        <v>96</v>
      </c>
      <c r="D42268" s="14" t="s">
        <v>249</v>
      </c>
      <c r="E42268" s="15">
        <v>45669</v>
      </c>
      <c r="F42268" s="14" t="s">
        <v>28</v>
      </c>
      <c r="G42268" s="16">
        <v>0</v>
      </c>
    </row>
    <row r="42269" spans="1:7" x14ac:dyDescent="0.3">
      <c r="A42269" s="13" t="s">
        <v>248</v>
      </c>
      <c r="B42269" s="14" t="s">
        <v>1</v>
      </c>
      <c r="C42269" s="14" t="s">
        <v>96</v>
      </c>
      <c r="D42269" s="14" t="s">
        <v>249</v>
      </c>
      <c r="E42269" s="15">
        <v>45670</v>
      </c>
      <c r="F42269" s="14" t="s">
        <v>28</v>
      </c>
      <c r="G42269" s="16">
        <v>0</v>
      </c>
    </row>
    <row r="42270" spans="1:7" x14ac:dyDescent="0.3">
      <c r="A42270" s="13" t="s">
        <v>248</v>
      </c>
      <c r="B42270" s="14" t="s">
        <v>1</v>
      </c>
      <c r="C42270" s="14" t="s">
        <v>96</v>
      </c>
      <c r="D42270" s="14" t="s">
        <v>249</v>
      </c>
      <c r="E42270" s="15">
        <v>45671</v>
      </c>
      <c r="F42270" s="14" t="s">
        <v>28</v>
      </c>
      <c r="G42270" s="16">
        <v>0</v>
      </c>
    </row>
    <row r="42271" spans="1:7" x14ac:dyDescent="0.3">
      <c r="A42271" s="13" t="s">
        <v>248</v>
      </c>
      <c r="B42271" s="14" t="s">
        <v>1</v>
      </c>
      <c r="C42271" s="14" t="s">
        <v>96</v>
      </c>
      <c r="D42271" s="14" t="s">
        <v>249</v>
      </c>
      <c r="E42271" s="15">
        <v>45672</v>
      </c>
      <c r="F42271" s="14" t="s">
        <v>28</v>
      </c>
      <c r="G42271" s="16">
        <v>0</v>
      </c>
    </row>
    <row r="42272" spans="1:7" x14ac:dyDescent="0.3">
      <c r="A42272" s="13" t="s">
        <v>248</v>
      </c>
      <c r="B42272" s="14" t="s">
        <v>1</v>
      </c>
      <c r="C42272" s="14" t="s">
        <v>96</v>
      </c>
      <c r="D42272" s="14" t="s">
        <v>249</v>
      </c>
      <c r="E42272" s="15">
        <v>45673</v>
      </c>
      <c r="F42272" s="14" t="s">
        <v>28</v>
      </c>
      <c r="G42272" s="16">
        <v>0</v>
      </c>
    </row>
    <row r="42273" spans="1:7" x14ac:dyDescent="0.3">
      <c r="A42273" s="13" t="s">
        <v>248</v>
      </c>
      <c r="B42273" s="14" t="s">
        <v>1</v>
      </c>
      <c r="C42273" s="14" t="s">
        <v>96</v>
      </c>
      <c r="D42273" s="14" t="s">
        <v>249</v>
      </c>
      <c r="E42273" s="15">
        <v>45674</v>
      </c>
      <c r="F42273" s="14" t="s">
        <v>28</v>
      </c>
      <c r="G42273" s="16">
        <v>0</v>
      </c>
    </row>
    <row r="42274" spans="1:7" x14ac:dyDescent="0.3">
      <c r="A42274" s="13" t="s">
        <v>248</v>
      </c>
      <c r="B42274" s="14" t="s">
        <v>1</v>
      </c>
      <c r="C42274" s="14" t="s">
        <v>96</v>
      </c>
      <c r="D42274" s="14" t="s">
        <v>249</v>
      </c>
      <c r="E42274" s="15">
        <v>45675</v>
      </c>
      <c r="F42274" s="14" t="s">
        <v>28</v>
      </c>
      <c r="G42274" s="16">
        <v>0</v>
      </c>
    </row>
    <row r="42275" spans="1:7" x14ac:dyDescent="0.3">
      <c r="A42275" s="13" t="s">
        <v>248</v>
      </c>
      <c r="B42275" s="14" t="s">
        <v>1</v>
      </c>
      <c r="C42275" s="14" t="s">
        <v>96</v>
      </c>
      <c r="D42275" s="14" t="s">
        <v>249</v>
      </c>
      <c r="E42275" s="15">
        <v>45676</v>
      </c>
      <c r="F42275" s="14" t="s">
        <v>28</v>
      </c>
      <c r="G42275" s="16">
        <v>0</v>
      </c>
    </row>
    <row r="42276" spans="1:7" x14ac:dyDescent="0.3">
      <c r="A42276" s="13" t="s">
        <v>248</v>
      </c>
      <c r="B42276" s="14" t="s">
        <v>1</v>
      </c>
      <c r="C42276" s="14" t="s">
        <v>96</v>
      </c>
      <c r="D42276" s="14" t="s">
        <v>249</v>
      </c>
      <c r="E42276" s="15">
        <v>45677</v>
      </c>
      <c r="F42276" s="14" t="s">
        <v>28</v>
      </c>
      <c r="G42276" s="16">
        <v>0</v>
      </c>
    </row>
    <row r="42277" spans="1:7" x14ac:dyDescent="0.3">
      <c r="A42277" s="13" t="s">
        <v>248</v>
      </c>
      <c r="B42277" s="14" t="s">
        <v>1</v>
      </c>
      <c r="C42277" s="14" t="s">
        <v>96</v>
      </c>
      <c r="D42277" s="14" t="s">
        <v>249</v>
      </c>
      <c r="E42277" s="15">
        <v>45678</v>
      </c>
      <c r="F42277" s="14" t="s">
        <v>28</v>
      </c>
      <c r="G42277" s="16">
        <v>0</v>
      </c>
    </row>
    <row r="42278" spans="1:7" x14ac:dyDescent="0.3">
      <c r="A42278" s="13" t="s">
        <v>248</v>
      </c>
      <c r="B42278" s="14" t="s">
        <v>1</v>
      </c>
      <c r="C42278" s="14" t="s">
        <v>96</v>
      </c>
      <c r="D42278" s="14" t="s">
        <v>249</v>
      </c>
      <c r="E42278" s="15">
        <v>45679</v>
      </c>
      <c r="F42278" s="14" t="s">
        <v>28</v>
      </c>
      <c r="G42278" s="16">
        <v>0</v>
      </c>
    </row>
    <row r="42279" spans="1:7" x14ac:dyDescent="0.3">
      <c r="A42279" s="13" t="s">
        <v>248</v>
      </c>
      <c r="B42279" s="14" t="s">
        <v>1</v>
      </c>
      <c r="C42279" s="14" t="s">
        <v>96</v>
      </c>
      <c r="D42279" s="14" t="s">
        <v>249</v>
      </c>
      <c r="E42279" s="15">
        <v>45680</v>
      </c>
      <c r="F42279" s="14" t="s">
        <v>28</v>
      </c>
      <c r="G42279" s="16">
        <v>0</v>
      </c>
    </row>
    <row r="42280" spans="1:7" x14ac:dyDescent="0.3">
      <c r="A42280" s="13" t="s">
        <v>248</v>
      </c>
      <c r="B42280" s="14" t="s">
        <v>1</v>
      </c>
      <c r="C42280" s="14" t="s">
        <v>96</v>
      </c>
      <c r="D42280" s="14" t="s">
        <v>249</v>
      </c>
      <c r="E42280" s="15">
        <v>45681</v>
      </c>
      <c r="F42280" s="14" t="s">
        <v>28</v>
      </c>
      <c r="G42280" s="16">
        <v>0</v>
      </c>
    </row>
    <row r="42281" spans="1:7" x14ac:dyDescent="0.3">
      <c r="A42281" s="13" t="s">
        <v>248</v>
      </c>
      <c r="B42281" s="14" t="s">
        <v>1</v>
      </c>
      <c r="C42281" s="14" t="s">
        <v>96</v>
      </c>
      <c r="D42281" s="14" t="s">
        <v>249</v>
      </c>
      <c r="E42281" s="15">
        <v>45682</v>
      </c>
      <c r="F42281" s="14" t="s">
        <v>28</v>
      </c>
      <c r="G42281" s="16">
        <v>0</v>
      </c>
    </row>
    <row r="42282" spans="1:7" x14ac:dyDescent="0.3">
      <c r="A42282" s="13" t="s">
        <v>248</v>
      </c>
      <c r="B42282" s="14" t="s">
        <v>1</v>
      </c>
      <c r="C42282" s="14" t="s">
        <v>96</v>
      </c>
      <c r="D42282" s="14" t="s">
        <v>249</v>
      </c>
      <c r="E42282" s="15">
        <v>45683</v>
      </c>
      <c r="F42282" s="14" t="s">
        <v>28</v>
      </c>
      <c r="G42282" s="16">
        <v>0</v>
      </c>
    </row>
    <row r="42283" spans="1:7" x14ac:dyDescent="0.3">
      <c r="A42283" s="13" t="s">
        <v>248</v>
      </c>
      <c r="B42283" s="14" t="s">
        <v>1</v>
      </c>
      <c r="C42283" s="14" t="s">
        <v>96</v>
      </c>
      <c r="D42283" s="14" t="s">
        <v>249</v>
      </c>
      <c r="E42283" s="15">
        <v>45684</v>
      </c>
      <c r="F42283" s="14" t="s">
        <v>28</v>
      </c>
      <c r="G42283" s="16">
        <v>0</v>
      </c>
    </row>
    <row r="42284" spans="1:7" x14ac:dyDescent="0.3">
      <c r="A42284" s="13" t="s">
        <v>248</v>
      </c>
      <c r="B42284" s="14" t="s">
        <v>1</v>
      </c>
      <c r="C42284" s="14" t="s">
        <v>96</v>
      </c>
      <c r="D42284" s="14" t="s">
        <v>249</v>
      </c>
      <c r="E42284" s="15">
        <v>45685</v>
      </c>
      <c r="F42284" s="14" t="s">
        <v>28</v>
      </c>
      <c r="G42284" s="16">
        <v>0</v>
      </c>
    </row>
    <row r="42285" spans="1:7" x14ac:dyDescent="0.3">
      <c r="A42285" s="13" t="s">
        <v>248</v>
      </c>
      <c r="B42285" s="14" t="s">
        <v>1</v>
      </c>
      <c r="C42285" s="14" t="s">
        <v>96</v>
      </c>
      <c r="D42285" s="14" t="s">
        <v>249</v>
      </c>
      <c r="E42285" s="15">
        <v>45686</v>
      </c>
      <c r="F42285" s="14" t="s">
        <v>28</v>
      </c>
      <c r="G42285" s="16">
        <v>0</v>
      </c>
    </row>
    <row r="42286" spans="1:7" x14ac:dyDescent="0.3">
      <c r="A42286" s="13" t="s">
        <v>248</v>
      </c>
      <c r="B42286" s="14" t="s">
        <v>1</v>
      </c>
      <c r="C42286" s="14" t="s">
        <v>96</v>
      </c>
      <c r="D42286" s="14" t="s">
        <v>249</v>
      </c>
      <c r="E42286" s="15">
        <v>45687</v>
      </c>
      <c r="F42286" s="14" t="s">
        <v>28</v>
      </c>
      <c r="G42286" s="16">
        <v>0</v>
      </c>
    </row>
    <row r="42287" spans="1:7" x14ac:dyDescent="0.3">
      <c r="A42287" s="13" t="s">
        <v>248</v>
      </c>
      <c r="B42287" s="14" t="s">
        <v>1</v>
      </c>
      <c r="C42287" s="14" t="s">
        <v>96</v>
      </c>
      <c r="D42287" s="14" t="s">
        <v>249</v>
      </c>
      <c r="E42287" s="15">
        <v>45688</v>
      </c>
      <c r="F42287" s="14" t="s">
        <v>28</v>
      </c>
      <c r="G42287" s="16">
        <v>0</v>
      </c>
    </row>
    <row r="42288" spans="1:7" x14ac:dyDescent="0.3">
      <c r="A42288" s="13" t="s">
        <v>248</v>
      </c>
      <c r="B42288" s="14" t="s">
        <v>1</v>
      </c>
      <c r="C42288" s="14" t="s">
        <v>96</v>
      </c>
      <c r="D42288" s="14" t="s">
        <v>249</v>
      </c>
      <c r="E42288" s="15">
        <v>45689</v>
      </c>
      <c r="F42288" s="14" t="s">
        <v>28</v>
      </c>
      <c r="G42288" s="16">
        <v>0</v>
      </c>
    </row>
    <row r="42289" spans="1:7" x14ac:dyDescent="0.3">
      <c r="A42289" s="13" t="s">
        <v>248</v>
      </c>
      <c r="B42289" s="14" t="s">
        <v>1</v>
      </c>
      <c r="C42289" s="14" t="s">
        <v>96</v>
      </c>
      <c r="D42289" s="14" t="s">
        <v>249</v>
      </c>
      <c r="E42289" s="15">
        <v>45690</v>
      </c>
      <c r="F42289" s="14" t="s">
        <v>28</v>
      </c>
      <c r="G42289" s="16">
        <v>0</v>
      </c>
    </row>
    <row r="42290" spans="1:7" x14ac:dyDescent="0.3">
      <c r="A42290" s="13" t="s">
        <v>248</v>
      </c>
      <c r="B42290" s="14" t="s">
        <v>1</v>
      </c>
      <c r="C42290" s="14" t="s">
        <v>96</v>
      </c>
      <c r="D42290" s="14" t="s">
        <v>249</v>
      </c>
      <c r="E42290" s="15">
        <v>45691</v>
      </c>
      <c r="F42290" s="14" t="s">
        <v>28</v>
      </c>
      <c r="G42290" s="16">
        <v>0</v>
      </c>
    </row>
    <row r="42291" spans="1:7" x14ac:dyDescent="0.3">
      <c r="A42291" s="13" t="s">
        <v>248</v>
      </c>
      <c r="B42291" s="14" t="s">
        <v>1</v>
      </c>
      <c r="C42291" s="14" t="s">
        <v>96</v>
      </c>
      <c r="D42291" s="14" t="s">
        <v>249</v>
      </c>
      <c r="E42291" s="15">
        <v>45692</v>
      </c>
      <c r="F42291" s="14" t="s">
        <v>28</v>
      </c>
      <c r="G42291" s="16">
        <v>0</v>
      </c>
    </row>
    <row r="42292" spans="1:7" x14ac:dyDescent="0.3">
      <c r="A42292" s="13" t="s">
        <v>248</v>
      </c>
      <c r="B42292" s="14" t="s">
        <v>1</v>
      </c>
      <c r="C42292" s="14" t="s">
        <v>96</v>
      </c>
      <c r="D42292" s="14" t="s">
        <v>249</v>
      </c>
      <c r="E42292" s="15">
        <v>45693</v>
      </c>
      <c r="F42292" s="14" t="s">
        <v>28</v>
      </c>
      <c r="G42292" s="16">
        <v>0</v>
      </c>
    </row>
    <row r="42293" spans="1:7" x14ac:dyDescent="0.3">
      <c r="A42293" s="13" t="s">
        <v>248</v>
      </c>
      <c r="B42293" s="14" t="s">
        <v>1</v>
      </c>
      <c r="C42293" s="14" t="s">
        <v>96</v>
      </c>
      <c r="D42293" s="14" t="s">
        <v>249</v>
      </c>
      <c r="E42293" s="15">
        <v>45694</v>
      </c>
      <c r="F42293" s="14" t="s">
        <v>28</v>
      </c>
      <c r="G42293" s="16">
        <v>0</v>
      </c>
    </row>
    <row r="42294" spans="1:7" x14ac:dyDescent="0.3">
      <c r="A42294" s="13" t="s">
        <v>248</v>
      </c>
      <c r="B42294" s="14" t="s">
        <v>1</v>
      </c>
      <c r="C42294" s="14" t="s">
        <v>96</v>
      </c>
      <c r="D42294" s="14" t="s">
        <v>249</v>
      </c>
      <c r="E42294" s="15">
        <v>45695</v>
      </c>
      <c r="F42294" s="14" t="s">
        <v>28</v>
      </c>
      <c r="G42294" s="16">
        <v>0</v>
      </c>
    </row>
    <row r="42295" spans="1:7" x14ac:dyDescent="0.3">
      <c r="A42295" s="13" t="s">
        <v>248</v>
      </c>
      <c r="B42295" s="14" t="s">
        <v>1</v>
      </c>
      <c r="C42295" s="14" t="s">
        <v>96</v>
      </c>
      <c r="D42295" s="14" t="s">
        <v>249</v>
      </c>
      <c r="E42295" s="15">
        <v>45696</v>
      </c>
      <c r="F42295" s="14" t="s">
        <v>28</v>
      </c>
      <c r="G42295" s="16">
        <v>0</v>
      </c>
    </row>
    <row r="42296" spans="1:7" x14ac:dyDescent="0.3">
      <c r="A42296" s="13" t="s">
        <v>248</v>
      </c>
      <c r="B42296" s="14" t="s">
        <v>1</v>
      </c>
      <c r="C42296" s="14" t="s">
        <v>96</v>
      </c>
      <c r="D42296" s="14" t="s">
        <v>249</v>
      </c>
      <c r="E42296" s="15">
        <v>45697</v>
      </c>
      <c r="F42296" s="14" t="s">
        <v>28</v>
      </c>
      <c r="G42296" s="16">
        <v>0</v>
      </c>
    </row>
    <row r="42297" spans="1:7" x14ac:dyDescent="0.3">
      <c r="A42297" s="13" t="s">
        <v>248</v>
      </c>
      <c r="B42297" s="14" t="s">
        <v>1</v>
      </c>
      <c r="C42297" s="14" t="s">
        <v>96</v>
      </c>
      <c r="D42297" s="14" t="s">
        <v>249</v>
      </c>
      <c r="E42297" s="15">
        <v>45698</v>
      </c>
      <c r="F42297" s="14" t="s">
        <v>28</v>
      </c>
      <c r="G42297" s="16">
        <v>0</v>
      </c>
    </row>
    <row r="42298" spans="1:7" x14ac:dyDescent="0.3">
      <c r="A42298" s="13" t="s">
        <v>248</v>
      </c>
      <c r="B42298" s="14" t="s">
        <v>1</v>
      </c>
      <c r="C42298" s="14" t="s">
        <v>96</v>
      </c>
      <c r="D42298" s="14" t="s">
        <v>249</v>
      </c>
      <c r="E42298" s="15">
        <v>45699</v>
      </c>
      <c r="F42298" s="14" t="s">
        <v>28</v>
      </c>
      <c r="G42298" s="16">
        <v>0</v>
      </c>
    </row>
    <row r="42299" spans="1:7" x14ac:dyDescent="0.3">
      <c r="A42299" s="13" t="s">
        <v>248</v>
      </c>
      <c r="B42299" s="14" t="s">
        <v>1</v>
      </c>
      <c r="C42299" s="14" t="s">
        <v>96</v>
      </c>
      <c r="D42299" s="14" t="s">
        <v>249</v>
      </c>
      <c r="E42299" s="15">
        <v>45700</v>
      </c>
      <c r="F42299" s="14" t="s">
        <v>28</v>
      </c>
      <c r="G42299" s="16">
        <v>0</v>
      </c>
    </row>
    <row r="42300" spans="1:7" x14ac:dyDescent="0.3">
      <c r="A42300" s="13" t="s">
        <v>248</v>
      </c>
      <c r="B42300" s="14" t="s">
        <v>1</v>
      </c>
      <c r="C42300" s="14" t="s">
        <v>96</v>
      </c>
      <c r="D42300" s="14" t="s">
        <v>249</v>
      </c>
      <c r="E42300" s="15">
        <v>45701</v>
      </c>
      <c r="F42300" s="14" t="s">
        <v>28</v>
      </c>
      <c r="G42300" s="16">
        <v>0</v>
      </c>
    </row>
    <row r="42301" spans="1:7" x14ac:dyDescent="0.3">
      <c r="A42301" s="13" t="s">
        <v>248</v>
      </c>
      <c r="B42301" s="14" t="s">
        <v>1</v>
      </c>
      <c r="C42301" s="14" t="s">
        <v>96</v>
      </c>
      <c r="D42301" s="14" t="s">
        <v>249</v>
      </c>
      <c r="E42301" s="15">
        <v>45702</v>
      </c>
      <c r="F42301" s="14" t="s">
        <v>28</v>
      </c>
      <c r="G42301" s="16">
        <v>0</v>
      </c>
    </row>
    <row r="42302" spans="1:7" x14ac:dyDescent="0.3">
      <c r="A42302" s="13" t="s">
        <v>248</v>
      </c>
      <c r="B42302" s="14" t="s">
        <v>1</v>
      </c>
      <c r="C42302" s="14" t="s">
        <v>96</v>
      </c>
      <c r="D42302" s="14" t="s">
        <v>249</v>
      </c>
      <c r="E42302" s="15">
        <v>45703</v>
      </c>
      <c r="F42302" s="14" t="s">
        <v>28</v>
      </c>
      <c r="G42302" s="16">
        <v>0</v>
      </c>
    </row>
    <row r="42303" spans="1:7" x14ac:dyDescent="0.3">
      <c r="A42303" s="13" t="s">
        <v>248</v>
      </c>
      <c r="B42303" s="14" t="s">
        <v>1</v>
      </c>
      <c r="C42303" s="14" t="s">
        <v>96</v>
      </c>
      <c r="D42303" s="14" t="s">
        <v>249</v>
      </c>
      <c r="E42303" s="15">
        <v>45704</v>
      </c>
      <c r="F42303" s="14" t="s">
        <v>28</v>
      </c>
      <c r="G42303" s="16">
        <v>0</v>
      </c>
    </row>
    <row r="42304" spans="1:7" x14ac:dyDescent="0.3">
      <c r="A42304" s="13" t="s">
        <v>248</v>
      </c>
      <c r="B42304" s="14" t="s">
        <v>1</v>
      </c>
      <c r="C42304" s="14" t="s">
        <v>96</v>
      </c>
      <c r="D42304" s="14" t="s">
        <v>249</v>
      </c>
      <c r="E42304" s="15">
        <v>45705</v>
      </c>
      <c r="F42304" s="14" t="s">
        <v>28</v>
      </c>
      <c r="G42304" s="16">
        <v>0</v>
      </c>
    </row>
    <row r="42305" spans="1:7" x14ac:dyDescent="0.3">
      <c r="A42305" s="13" t="s">
        <v>248</v>
      </c>
      <c r="B42305" s="14" t="s">
        <v>1</v>
      </c>
      <c r="C42305" s="14" t="s">
        <v>96</v>
      </c>
      <c r="D42305" s="14" t="s">
        <v>249</v>
      </c>
      <c r="E42305" s="15">
        <v>45706</v>
      </c>
      <c r="F42305" s="14" t="s">
        <v>28</v>
      </c>
      <c r="G42305" s="16">
        <v>0</v>
      </c>
    </row>
    <row r="42306" spans="1:7" x14ac:dyDescent="0.3">
      <c r="A42306" s="13" t="s">
        <v>248</v>
      </c>
      <c r="B42306" s="14" t="s">
        <v>1</v>
      </c>
      <c r="C42306" s="14" t="s">
        <v>96</v>
      </c>
      <c r="D42306" s="14" t="s">
        <v>249</v>
      </c>
      <c r="E42306" s="15">
        <v>45707</v>
      </c>
      <c r="F42306" s="14" t="s">
        <v>28</v>
      </c>
      <c r="G42306" s="16">
        <v>0</v>
      </c>
    </row>
    <row r="42307" spans="1:7" x14ac:dyDescent="0.3">
      <c r="A42307" s="13" t="s">
        <v>248</v>
      </c>
      <c r="B42307" s="14" t="s">
        <v>1</v>
      </c>
      <c r="C42307" s="14" t="s">
        <v>96</v>
      </c>
      <c r="D42307" s="14" t="s">
        <v>249</v>
      </c>
      <c r="E42307" s="15">
        <v>45708</v>
      </c>
      <c r="F42307" s="14" t="s">
        <v>28</v>
      </c>
      <c r="G42307" s="16">
        <v>0</v>
      </c>
    </row>
    <row r="42308" spans="1:7" x14ac:dyDescent="0.3">
      <c r="A42308" s="13" t="s">
        <v>248</v>
      </c>
      <c r="B42308" s="14" t="s">
        <v>1</v>
      </c>
      <c r="C42308" s="14" t="s">
        <v>96</v>
      </c>
      <c r="D42308" s="14" t="s">
        <v>249</v>
      </c>
      <c r="E42308" s="15">
        <v>45709</v>
      </c>
      <c r="F42308" s="14" t="s">
        <v>28</v>
      </c>
      <c r="G42308" s="16">
        <v>0</v>
      </c>
    </row>
    <row r="42309" spans="1:7" x14ac:dyDescent="0.3">
      <c r="A42309" s="13" t="s">
        <v>248</v>
      </c>
      <c r="B42309" s="14" t="s">
        <v>1</v>
      </c>
      <c r="C42309" s="14" t="s">
        <v>96</v>
      </c>
      <c r="D42309" s="14" t="s">
        <v>249</v>
      </c>
      <c r="E42309" s="15">
        <v>45710</v>
      </c>
      <c r="F42309" s="14" t="s">
        <v>28</v>
      </c>
      <c r="G42309" s="16">
        <v>0</v>
      </c>
    </row>
    <row r="42310" spans="1:7" x14ac:dyDescent="0.3">
      <c r="A42310" s="13" t="s">
        <v>248</v>
      </c>
      <c r="B42310" s="14" t="s">
        <v>1</v>
      </c>
      <c r="C42310" s="14" t="s">
        <v>96</v>
      </c>
      <c r="D42310" s="14" t="s">
        <v>249</v>
      </c>
      <c r="E42310" s="15">
        <v>45711</v>
      </c>
      <c r="F42310" s="14" t="s">
        <v>28</v>
      </c>
      <c r="G42310" s="16">
        <v>0</v>
      </c>
    </row>
    <row r="42311" spans="1:7" x14ac:dyDescent="0.3">
      <c r="A42311" s="13" t="s">
        <v>248</v>
      </c>
      <c r="B42311" s="14" t="s">
        <v>1</v>
      </c>
      <c r="C42311" s="14" t="s">
        <v>96</v>
      </c>
      <c r="D42311" s="14" t="s">
        <v>249</v>
      </c>
      <c r="E42311" s="15">
        <v>45712</v>
      </c>
      <c r="F42311" s="14" t="s">
        <v>28</v>
      </c>
      <c r="G42311" s="16">
        <v>0</v>
      </c>
    </row>
    <row r="42312" spans="1:7" x14ac:dyDescent="0.3">
      <c r="A42312" s="13" t="s">
        <v>248</v>
      </c>
      <c r="B42312" s="14" t="s">
        <v>1</v>
      </c>
      <c r="C42312" s="14" t="s">
        <v>96</v>
      </c>
      <c r="D42312" s="14" t="s">
        <v>249</v>
      </c>
      <c r="E42312" s="15">
        <v>45713</v>
      </c>
      <c r="F42312" s="14" t="s">
        <v>28</v>
      </c>
      <c r="G42312" s="16">
        <v>0</v>
      </c>
    </row>
    <row r="42313" spans="1:7" x14ac:dyDescent="0.3">
      <c r="A42313" s="13" t="s">
        <v>248</v>
      </c>
      <c r="B42313" s="14" t="s">
        <v>1</v>
      </c>
      <c r="C42313" s="14" t="s">
        <v>96</v>
      </c>
      <c r="D42313" s="14" t="s">
        <v>249</v>
      </c>
      <c r="E42313" s="15">
        <v>45714</v>
      </c>
      <c r="F42313" s="14" t="s">
        <v>28</v>
      </c>
      <c r="G42313" s="16">
        <v>0</v>
      </c>
    </row>
    <row r="42314" spans="1:7" x14ac:dyDescent="0.3">
      <c r="A42314" s="13" t="s">
        <v>248</v>
      </c>
      <c r="B42314" s="14" t="s">
        <v>1</v>
      </c>
      <c r="C42314" s="14" t="s">
        <v>96</v>
      </c>
      <c r="D42314" s="14" t="s">
        <v>249</v>
      </c>
      <c r="E42314" s="15">
        <v>45715</v>
      </c>
      <c r="F42314" s="14" t="s">
        <v>28</v>
      </c>
      <c r="G42314" s="16">
        <v>0</v>
      </c>
    </row>
    <row r="42315" spans="1:7" x14ac:dyDescent="0.3">
      <c r="A42315" s="13" t="s">
        <v>248</v>
      </c>
      <c r="B42315" s="14" t="s">
        <v>1</v>
      </c>
      <c r="C42315" s="14" t="s">
        <v>96</v>
      </c>
      <c r="D42315" s="14" t="s">
        <v>249</v>
      </c>
      <c r="E42315" s="15">
        <v>45716</v>
      </c>
      <c r="F42315" s="14" t="s">
        <v>28</v>
      </c>
      <c r="G42315" s="16">
        <v>0</v>
      </c>
    </row>
    <row r="42316" spans="1:7" x14ac:dyDescent="0.3">
      <c r="A42316" s="13" t="s">
        <v>248</v>
      </c>
      <c r="B42316" s="14" t="s">
        <v>1</v>
      </c>
      <c r="C42316" s="14" t="s">
        <v>96</v>
      </c>
      <c r="D42316" s="14" t="s">
        <v>249</v>
      </c>
      <c r="E42316" s="15">
        <v>45717</v>
      </c>
      <c r="F42316" s="14" t="s">
        <v>28</v>
      </c>
      <c r="G42316" s="16">
        <v>0</v>
      </c>
    </row>
    <row r="42317" spans="1:7" x14ac:dyDescent="0.3">
      <c r="A42317" s="13" t="s">
        <v>248</v>
      </c>
      <c r="B42317" s="14" t="s">
        <v>1</v>
      </c>
      <c r="C42317" s="14" t="s">
        <v>96</v>
      </c>
      <c r="D42317" s="14" t="s">
        <v>249</v>
      </c>
      <c r="E42317" s="15">
        <v>45718</v>
      </c>
      <c r="F42317" s="14" t="s">
        <v>28</v>
      </c>
      <c r="G42317" s="16">
        <v>0</v>
      </c>
    </row>
    <row r="42318" spans="1:7" x14ac:dyDescent="0.3">
      <c r="A42318" s="13" t="s">
        <v>248</v>
      </c>
      <c r="B42318" s="14" t="s">
        <v>1</v>
      </c>
      <c r="C42318" s="14" t="s">
        <v>96</v>
      </c>
      <c r="D42318" s="14" t="s">
        <v>249</v>
      </c>
      <c r="E42318" s="15">
        <v>45719</v>
      </c>
      <c r="F42318" s="14" t="s">
        <v>28</v>
      </c>
      <c r="G42318" s="16">
        <v>0</v>
      </c>
    </row>
    <row r="42319" spans="1:7" x14ac:dyDescent="0.3">
      <c r="A42319" s="13" t="s">
        <v>248</v>
      </c>
      <c r="B42319" s="14" t="s">
        <v>1</v>
      </c>
      <c r="C42319" s="14" t="s">
        <v>96</v>
      </c>
      <c r="D42319" s="14" t="s">
        <v>249</v>
      </c>
      <c r="E42319" s="15">
        <v>45720</v>
      </c>
      <c r="F42319" s="14" t="s">
        <v>28</v>
      </c>
      <c r="G42319" s="16">
        <v>0</v>
      </c>
    </row>
    <row r="42320" spans="1:7" x14ac:dyDescent="0.3">
      <c r="A42320" s="13" t="s">
        <v>248</v>
      </c>
      <c r="B42320" s="14" t="s">
        <v>1</v>
      </c>
      <c r="C42320" s="14" t="s">
        <v>96</v>
      </c>
      <c r="D42320" s="14" t="s">
        <v>249</v>
      </c>
      <c r="E42320" s="15">
        <v>45721</v>
      </c>
      <c r="F42320" s="14" t="s">
        <v>28</v>
      </c>
      <c r="G42320" s="16">
        <v>0</v>
      </c>
    </row>
    <row r="42321" spans="1:7" x14ac:dyDescent="0.3">
      <c r="A42321" s="13" t="s">
        <v>248</v>
      </c>
      <c r="B42321" s="14" t="s">
        <v>1</v>
      </c>
      <c r="C42321" s="14" t="s">
        <v>96</v>
      </c>
      <c r="D42321" s="14" t="s">
        <v>249</v>
      </c>
      <c r="E42321" s="15">
        <v>45722</v>
      </c>
      <c r="F42321" s="14" t="s">
        <v>28</v>
      </c>
      <c r="G42321" s="16">
        <v>0</v>
      </c>
    </row>
    <row r="42322" spans="1:7" x14ac:dyDescent="0.3">
      <c r="A42322" s="13" t="s">
        <v>248</v>
      </c>
      <c r="B42322" s="14" t="s">
        <v>1</v>
      </c>
      <c r="C42322" s="14" t="s">
        <v>96</v>
      </c>
      <c r="D42322" s="14" t="s">
        <v>249</v>
      </c>
      <c r="E42322" s="15">
        <v>45723</v>
      </c>
      <c r="F42322" s="14" t="s">
        <v>28</v>
      </c>
      <c r="G42322" s="16">
        <v>0</v>
      </c>
    </row>
    <row r="42323" spans="1:7" x14ac:dyDescent="0.3">
      <c r="A42323" s="13" t="s">
        <v>248</v>
      </c>
      <c r="B42323" s="14" t="s">
        <v>1</v>
      </c>
      <c r="C42323" s="14" t="s">
        <v>96</v>
      </c>
      <c r="D42323" s="14" t="s">
        <v>249</v>
      </c>
      <c r="E42323" s="15">
        <v>45724</v>
      </c>
      <c r="F42323" s="14" t="s">
        <v>28</v>
      </c>
      <c r="G42323" s="16">
        <v>0</v>
      </c>
    </row>
    <row r="42324" spans="1:7" x14ac:dyDescent="0.3">
      <c r="A42324" s="13" t="s">
        <v>248</v>
      </c>
      <c r="B42324" s="14" t="s">
        <v>1</v>
      </c>
      <c r="C42324" s="14" t="s">
        <v>96</v>
      </c>
      <c r="D42324" s="14" t="s">
        <v>249</v>
      </c>
      <c r="E42324" s="15">
        <v>45725</v>
      </c>
      <c r="F42324" s="14" t="s">
        <v>28</v>
      </c>
      <c r="G42324" s="16">
        <v>0</v>
      </c>
    </row>
    <row r="42325" spans="1:7" x14ac:dyDescent="0.3">
      <c r="A42325" s="13" t="s">
        <v>248</v>
      </c>
      <c r="B42325" s="14" t="s">
        <v>1</v>
      </c>
      <c r="C42325" s="14" t="s">
        <v>96</v>
      </c>
      <c r="D42325" s="14" t="s">
        <v>249</v>
      </c>
      <c r="E42325" s="15">
        <v>45726</v>
      </c>
      <c r="F42325" s="14" t="s">
        <v>28</v>
      </c>
      <c r="G42325" s="16">
        <v>0</v>
      </c>
    </row>
    <row r="42326" spans="1:7" x14ac:dyDescent="0.3">
      <c r="A42326" s="13" t="s">
        <v>248</v>
      </c>
      <c r="B42326" s="14" t="s">
        <v>1</v>
      </c>
      <c r="C42326" s="14" t="s">
        <v>96</v>
      </c>
      <c r="D42326" s="14" t="s">
        <v>249</v>
      </c>
      <c r="E42326" s="15">
        <v>45727</v>
      </c>
      <c r="F42326" s="14" t="s">
        <v>28</v>
      </c>
      <c r="G42326" s="16">
        <v>0</v>
      </c>
    </row>
    <row r="42327" spans="1:7" x14ac:dyDescent="0.3">
      <c r="A42327" s="13" t="s">
        <v>248</v>
      </c>
      <c r="B42327" s="14" t="s">
        <v>1</v>
      </c>
      <c r="C42327" s="14" t="s">
        <v>96</v>
      </c>
      <c r="D42327" s="14" t="s">
        <v>249</v>
      </c>
      <c r="E42327" s="15">
        <v>45728</v>
      </c>
      <c r="F42327" s="14" t="s">
        <v>28</v>
      </c>
      <c r="G42327" s="16">
        <v>0</v>
      </c>
    </row>
    <row r="42328" spans="1:7" x14ac:dyDescent="0.3">
      <c r="A42328" s="13" t="s">
        <v>248</v>
      </c>
      <c r="B42328" s="14" t="s">
        <v>1</v>
      </c>
      <c r="C42328" s="14" t="s">
        <v>96</v>
      </c>
      <c r="D42328" s="14" t="s">
        <v>249</v>
      </c>
      <c r="E42328" s="15">
        <v>45729</v>
      </c>
      <c r="F42328" s="14" t="s">
        <v>28</v>
      </c>
      <c r="G42328" s="16">
        <v>0</v>
      </c>
    </row>
    <row r="42329" spans="1:7" x14ac:dyDescent="0.3">
      <c r="A42329" s="13" t="s">
        <v>248</v>
      </c>
      <c r="B42329" s="14" t="s">
        <v>1</v>
      </c>
      <c r="C42329" s="14" t="s">
        <v>96</v>
      </c>
      <c r="D42329" s="14" t="s">
        <v>249</v>
      </c>
      <c r="E42329" s="15">
        <v>45730</v>
      </c>
      <c r="F42329" s="14" t="s">
        <v>28</v>
      </c>
      <c r="G42329" s="16">
        <v>0</v>
      </c>
    </row>
    <row r="42330" spans="1:7" x14ac:dyDescent="0.3">
      <c r="A42330" s="13" t="s">
        <v>248</v>
      </c>
      <c r="B42330" s="14" t="s">
        <v>1</v>
      </c>
      <c r="C42330" s="14" t="s">
        <v>96</v>
      </c>
      <c r="D42330" s="14" t="s">
        <v>249</v>
      </c>
      <c r="E42330" s="15">
        <v>45731</v>
      </c>
      <c r="F42330" s="14" t="s">
        <v>28</v>
      </c>
      <c r="G42330" s="16">
        <v>0</v>
      </c>
    </row>
    <row r="42331" spans="1:7" x14ac:dyDescent="0.3">
      <c r="A42331" s="13" t="s">
        <v>248</v>
      </c>
      <c r="B42331" s="14" t="s">
        <v>1</v>
      </c>
      <c r="C42331" s="14" t="s">
        <v>96</v>
      </c>
      <c r="D42331" s="14" t="s">
        <v>249</v>
      </c>
      <c r="E42331" s="15">
        <v>45732</v>
      </c>
      <c r="F42331" s="14" t="s">
        <v>28</v>
      </c>
      <c r="G42331" s="16">
        <v>0</v>
      </c>
    </row>
    <row r="42332" spans="1:7" x14ac:dyDescent="0.3">
      <c r="A42332" s="13" t="s">
        <v>248</v>
      </c>
      <c r="B42332" s="14" t="s">
        <v>1</v>
      </c>
      <c r="C42332" s="14" t="s">
        <v>96</v>
      </c>
      <c r="D42332" s="14" t="s">
        <v>249</v>
      </c>
      <c r="E42332" s="15">
        <v>45733</v>
      </c>
      <c r="F42332" s="14" t="s">
        <v>28</v>
      </c>
      <c r="G42332" s="16">
        <v>0</v>
      </c>
    </row>
    <row r="42333" spans="1:7" x14ac:dyDescent="0.3">
      <c r="A42333" s="13" t="s">
        <v>248</v>
      </c>
      <c r="B42333" s="14" t="s">
        <v>1</v>
      </c>
      <c r="C42333" s="14" t="s">
        <v>96</v>
      </c>
      <c r="D42333" s="14" t="s">
        <v>249</v>
      </c>
      <c r="E42333" s="15">
        <v>45734</v>
      </c>
      <c r="F42333" s="14" t="s">
        <v>28</v>
      </c>
      <c r="G42333" s="16">
        <v>0</v>
      </c>
    </row>
    <row r="42334" spans="1:7" x14ac:dyDescent="0.3">
      <c r="A42334" s="13" t="s">
        <v>248</v>
      </c>
      <c r="B42334" s="14" t="s">
        <v>1</v>
      </c>
      <c r="C42334" s="14" t="s">
        <v>96</v>
      </c>
      <c r="D42334" s="14" t="s">
        <v>249</v>
      </c>
      <c r="E42334" s="15">
        <v>45735</v>
      </c>
      <c r="F42334" s="14" t="s">
        <v>28</v>
      </c>
      <c r="G42334" s="16">
        <v>0</v>
      </c>
    </row>
    <row r="42335" spans="1:7" x14ac:dyDescent="0.3">
      <c r="A42335" s="13" t="s">
        <v>248</v>
      </c>
      <c r="B42335" s="14" t="s">
        <v>1</v>
      </c>
      <c r="C42335" s="14" t="s">
        <v>96</v>
      </c>
      <c r="D42335" s="14" t="s">
        <v>249</v>
      </c>
      <c r="E42335" s="15">
        <v>45736</v>
      </c>
      <c r="F42335" s="14" t="s">
        <v>28</v>
      </c>
      <c r="G42335" s="16">
        <v>0</v>
      </c>
    </row>
    <row r="42336" spans="1:7" x14ac:dyDescent="0.3">
      <c r="A42336" s="13" t="s">
        <v>248</v>
      </c>
      <c r="B42336" s="14" t="s">
        <v>1</v>
      </c>
      <c r="C42336" s="14" t="s">
        <v>96</v>
      </c>
      <c r="D42336" s="14" t="s">
        <v>249</v>
      </c>
      <c r="E42336" s="15">
        <v>45737</v>
      </c>
      <c r="F42336" s="14" t="s">
        <v>28</v>
      </c>
      <c r="G42336" s="16">
        <v>0</v>
      </c>
    </row>
    <row r="42337" spans="1:7" x14ac:dyDescent="0.3">
      <c r="A42337" s="13" t="s">
        <v>248</v>
      </c>
      <c r="B42337" s="14" t="s">
        <v>1</v>
      </c>
      <c r="C42337" s="14" t="s">
        <v>96</v>
      </c>
      <c r="D42337" s="14" t="s">
        <v>249</v>
      </c>
      <c r="E42337" s="15">
        <v>45738</v>
      </c>
      <c r="F42337" s="14" t="s">
        <v>28</v>
      </c>
      <c r="G42337" s="16">
        <v>0</v>
      </c>
    </row>
    <row r="42338" spans="1:7" x14ac:dyDescent="0.3">
      <c r="A42338" s="13" t="s">
        <v>248</v>
      </c>
      <c r="B42338" s="14" t="s">
        <v>1</v>
      </c>
      <c r="C42338" s="14" t="s">
        <v>96</v>
      </c>
      <c r="D42338" s="14" t="s">
        <v>249</v>
      </c>
      <c r="E42338" s="15">
        <v>45739</v>
      </c>
      <c r="F42338" s="14" t="s">
        <v>28</v>
      </c>
      <c r="G42338" s="16">
        <v>0</v>
      </c>
    </row>
    <row r="42339" spans="1:7" x14ac:dyDescent="0.3">
      <c r="A42339" s="13" t="s">
        <v>248</v>
      </c>
      <c r="B42339" s="14" t="s">
        <v>1</v>
      </c>
      <c r="C42339" s="14" t="s">
        <v>96</v>
      </c>
      <c r="D42339" s="14" t="s">
        <v>249</v>
      </c>
      <c r="E42339" s="15">
        <v>45740</v>
      </c>
      <c r="F42339" s="14" t="s">
        <v>28</v>
      </c>
      <c r="G42339" s="16">
        <v>0</v>
      </c>
    </row>
    <row r="42340" spans="1:7" x14ac:dyDescent="0.3">
      <c r="A42340" s="13" t="s">
        <v>248</v>
      </c>
      <c r="B42340" s="14" t="s">
        <v>1</v>
      </c>
      <c r="C42340" s="14" t="s">
        <v>96</v>
      </c>
      <c r="D42340" s="14" t="s">
        <v>249</v>
      </c>
      <c r="E42340" s="15">
        <v>45741</v>
      </c>
      <c r="F42340" s="14" t="s">
        <v>28</v>
      </c>
      <c r="G42340" s="16">
        <v>0</v>
      </c>
    </row>
    <row r="42341" spans="1:7" x14ac:dyDescent="0.3">
      <c r="A42341" s="13" t="s">
        <v>248</v>
      </c>
      <c r="B42341" s="14" t="s">
        <v>1</v>
      </c>
      <c r="C42341" s="14" t="s">
        <v>96</v>
      </c>
      <c r="D42341" s="14" t="s">
        <v>249</v>
      </c>
      <c r="E42341" s="15">
        <v>45742</v>
      </c>
      <c r="F42341" s="14" t="s">
        <v>28</v>
      </c>
      <c r="G42341" s="16">
        <v>1.1894034144578357E-2</v>
      </c>
    </row>
    <row r="42342" spans="1:7" x14ac:dyDescent="0.3">
      <c r="A42342" s="13" t="s">
        <v>248</v>
      </c>
      <c r="B42342" s="14" t="s">
        <v>1</v>
      </c>
      <c r="C42342" s="14" t="s">
        <v>96</v>
      </c>
      <c r="D42342" s="14" t="s">
        <v>249</v>
      </c>
      <c r="E42342" s="15">
        <v>45743</v>
      </c>
      <c r="F42342" s="14" t="s">
        <v>28</v>
      </c>
      <c r="G42342" s="16">
        <v>2.051185686094386E-2</v>
      </c>
    </row>
    <row r="42343" spans="1:7" x14ac:dyDescent="0.3">
      <c r="A42343" s="13" t="s">
        <v>248</v>
      </c>
      <c r="B42343" s="14" t="s">
        <v>1</v>
      </c>
      <c r="C42343" s="14" t="s">
        <v>96</v>
      </c>
      <c r="D42343" s="14" t="s">
        <v>249</v>
      </c>
      <c r="E42343" s="15">
        <v>45744</v>
      </c>
      <c r="F42343" s="14" t="s">
        <v>28</v>
      </c>
      <c r="G42343" s="16">
        <v>1.0255563963163126E-2</v>
      </c>
    </row>
    <row r="42344" spans="1:7" x14ac:dyDescent="0.3">
      <c r="A42344" s="13" t="s">
        <v>248</v>
      </c>
      <c r="B42344" s="14" t="s">
        <v>1</v>
      </c>
      <c r="C42344" s="14" t="s">
        <v>96</v>
      </c>
      <c r="D42344" s="14" t="s">
        <v>249</v>
      </c>
      <c r="E42344" s="15">
        <v>45745</v>
      </c>
      <c r="F42344" s="14" t="s">
        <v>28</v>
      </c>
      <c r="G42344" s="16">
        <v>1.0255563963163126E-2</v>
      </c>
    </row>
    <row r="42345" spans="1:7" x14ac:dyDescent="0.3">
      <c r="A42345" s="13" t="s">
        <v>248</v>
      </c>
      <c r="B42345" s="14" t="s">
        <v>1</v>
      </c>
      <c r="C42345" s="14" t="s">
        <v>96</v>
      </c>
      <c r="D42345" s="14" t="s">
        <v>249</v>
      </c>
      <c r="E42345" s="15">
        <v>45746</v>
      </c>
      <c r="F42345" s="14" t="s">
        <v>28</v>
      </c>
      <c r="G42345" s="16">
        <v>1.0255563963163126E-2</v>
      </c>
    </row>
    <row r="42346" spans="1:7" x14ac:dyDescent="0.3">
      <c r="A42346" s="13" t="s">
        <v>248</v>
      </c>
      <c r="B42346" s="14" t="s">
        <v>1</v>
      </c>
      <c r="C42346" s="14" t="s">
        <v>96</v>
      </c>
      <c r="D42346" s="14" t="s">
        <v>249</v>
      </c>
      <c r="E42346" s="15">
        <v>45747</v>
      </c>
      <c r="F42346" s="14" t="s">
        <v>28</v>
      </c>
      <c r="G42346" s="16">
        <v>1.0255563963163126E-2</v>
      </c>
    </row>
    <row r="42347" spans="1:7" x14ac:dyDescent="0.3">
      <c r="A42347" s="13" t="s">
        <v>250</v>
      </c>
      <c r="B42347" s="14" t="s">
        <v>1</v>
      </c>
      <c r="C42347" s="14" t="s">
        <v>101</v>
      </c>
      <c r="D42347" s="14" t="s">
        <v>146</v>
      </c>
      <c r="E42347" s="15">
        <v>45383</v>
      </c>
      <c r="F42347" s="14" t="s">
        <v>61</v>
      </c>
      <c r="G42347" s="16">
        <v>0</v>
      </c>
    </row>
    <row r="42348" spans="1:7" x14ac:dyDescent="0.3">
      <c r="A42348" s="13" t="s">
        <v>250</v>
      </c>
      <c r="B42348" s="14" t="s">
        <v>1</v>
      </c>
      <c r="C42348" s="14" t="s">
        <v>101</v>
      </c>
      <c r="D42348" s="14" t="s">
        <v>146</v>
      </c>
      <c r="E42348" s="15">
        <v>45384</v>
      </c>
      <c r="F42348" s="14" t="s">
        <v>61</v>
      </c>
      <c r="G42348" s="16">
        <v>0</v>
      </c>
    </row>
    <row r="42349" spans="1:7" x14ac:dyDescent="0.3">
      <c r="A42349" s="13" t="s">
        <v>250</v>
      </c>
      <c r="B42349" s="14" t="s">
        <v>1</v>
      </c>
      <c r="C42349" s="14" t="s">
        <v>101</v>
      </c>
      <c r="D42349" s="14" t="s">
        <v>146</v>
      </c>
      <c r="E42349" s="15">
        <v>45385</v>
      </c>
      <c r="F42349" s="14" t="s">
        <v>61</v>
      </c>
      <c r="G42349" s="16">
        <v>0</v>
      </c>
    </row>
    <row r="42350" spans="1:7" x14ac:dyDescent="0.3">
      <c r="A42350" s="13" t="s">
        <v>250</v>
      </c>
      <c r="B42350" s="14" t="s">
        <v>1</v>
      </c>
      <c r="C42350" s="14" t="s">
        <v>101</v>
      </c>
      <c r="D42350" s="14" t="s">
        <v>146</v>
      </c>
      <c r="E42350" s="15">
        <v>45386</v>
      </c>
      <c r="F42350" s="14" t="s">
        <v>61</v>
      </c>
      <c r="G42350" s="16">
        <v>0</v>
      </c>
    </row>
    <row r="42351" spans="1:7" x14ac:dyDescent="0.3">
      <c r="A42351" s="13" t="s">
        <v>250</v>
      </c>
      <c r="B42351" s="14" t="s">
        <v>1</v>
      </c>
      <c r="C42351" s="14" t="s">
        <v>101</v>
      </c>
      <c r="D42351" s="14" t="s">
        <v>146</v>
      </c>
      <c r="E42351" s="15">
        <v>45387</v>
      </c>
      <c r="F42351" s="14" t="s">
        <v>61</v>
      </c>
      <c r="G42351" s="16">
        <v>0</v>
      </c>
    </row>
    <row r="42352" spans="1:7" x14ac:dyDescent="0.3">
      <c r="A42352" s="13" t="s">
        <v>250</v>
      </c>
      <c r="B42352" s="14" t="s">
        <v>1</v>
      </c>
      <c r="C42352" s="14" t="s">
        <v>101</v>
      </c>
      <c r="D42352" s="14" t="s">
        <v>146</v>
      </c>
      <c r="E42352" s="15">
        <v>45388</v>
      </c>
      <c r="F42352" s="14" t="s">
        <v>61</v>
      </c>
      <c r="G42352" s="16">
        <v>0</v>
      </c>
    </row>
    <row r="42353" spans="1:7" x14ac:dyDescent="0.3">
      <c r="A42353" s="13" t="s">
        <v>250</v>
      </c>
      <c r="B42353" s="14" t="s">
        <v>1</v>
      </c>
      <c r="C42353" s="14" t="s">
        <v>101</v>
      </c>
      <c r="D42353" s="14" t="s">
        <v>146</v>
      </c>
      <c r="E42353" s="15">
        <v>45389</v>
      </c>
      <c r="F42353" s="14" t="s">
        <v>61</v>
      </c>
      <c r="G42353" s="16">
        <v>0</v>
      </c>
    </row>
    <row r="42354" spans="1:7" x14ac:dyDescent="0.3">
      <c r="A42354" s="13" t="s">
        <v>250</v>
      </c>
      <c r="B42354" s="14" t="s">
        <v>1</v>
      </c>
      <c r="C42354" s="14" t="s">
        <v>101</v>
      </c>
      <c r="D42354" s="14" t="s">
        <v>146</v>
      </c>
      <c r="E42354" s="15">
        <v>45390</v>
      </c>
      <c r="F42354" s="14" t="s">
        <v>61</v>
      </c>
      <c r="G42354" s="16">
        <v>0</v>
      </c>
    </row>
    <row r="42355" spans="1:7" x14ac:dyDescent="0.3">
      <c r="A42355" s="13" t="s">
        <v>250</v>
      </c>
      <c r="B42355" s="14" t="s">
        <v>1</v>
      </c>
      <c r="C42355" s="14" t="s">
        <v>101</v>
      </c>
      <c r="D42355" s="14" t="s">
        <v>146</v>
      </c>
      <c r="E42355" s="15">
        <v>45391</v>
      </c>
      <c r="F42355" s="14" t="s">
        <v>61</v>
      </c>
      <c r="G42355" s="16">
        <v>0</v>
      </c>
    </row>
    <row r="42356" spans="1:7" x14ac:dyDescent="0.3">
      <c r="A42356" s="13" t="s">
        <v>250</v>
      </c>
      <c r="B42356" s="14" t="s">
        <v>1</v>
      </c>
      <c r="C42356" s="14" t="s">
        <v>101</v>
      </c>
      <c r="D42356" s="14" t="s">
        <v>146</v>
      </c>
      <c r="E42356" s="15">
        <v>45392</v>
      </c>
      <c r="F42356" s="14" t="s">
        <v>61</v>
      </c>
      <c r="G42356" s="16">
        <v>0</v>
      </c>
    </row>
    <row r="42357" spans="1:7" x14ac:dyDescent="0.3">
      <c r="A42357" s="13" t="s">
        <v>250</v>
      </c>
      <c r="B42357" s="14" t="s">
        <v>1</v>
      </c>
      <c r="C42357" s="14" t="s">
        <v>101</v>
      </c>
      <c r="D42357" s="14" t="s">
        <v>146</v>
      </c>
      <c r="E42357" s="15">
        <v>45393</v>
      </c>
      <c r="F42357" s="14" t="s">
        <v>61</v>
      </c>
      <c r="G42357" s="16">
        <v>0</v>
      </c>
    </row>
    <row r="42358" spans="1:7" x14ac:dyDescent="0.3">
      <c r="A42358" s="13" t="s">
        <v>250</v>
      </c>
      <c r="B42358" s="14" t="s">
        <v>1</v>
      </c>
      <c r="C42358" s="14" t="s">
        <v>101</v>
      </c>
      <c r="D42358" s="14" t="s">
        <v>146</v>
      </c>
      <c r="E42358" s="15">
        <v>45394</v>
      </c>
      <c r="F42358" s="14" t="s">
        <v>61</v>
      </c>
      <c r="G42358" s="16">
        <v>3.1123669250479449E-2</v>
      </c>
    </row>
    <row r="42359" spans="1:7" x14ac:dyDescent="0.3">
      <c r="A42359" s="13" t="s">
        <v>250</v>
      </c>
      <c r="B42359" s="14" t="s">
        <v>1</v>
      </c>
      <c r="C42359" s="14" t="s">
        <v>101</v>
      </c>
      <c r="D42359" s="14" t="s">
        <v>146</v>
      </c>
      <c r="E42359" s="15">
        <v>45395</v>
      </c>
      <c r="F42359" s="14" t="s">
        <v>61</v>
      </c>
      <c r="G42359" s="16">
        <v>3.1123669250479449E-2</v>
      </c>
    </row>
    <row r="42360" spans="1:7" x14ac:dyDescent="0.3">
      <c r="A42360" s="13" t="s">
        <v>250</v>
      </c>
      <c r="B42360" s="14" t="s">
        <v>1</v>
      </c>
      <c r="C42360" s="14" t="s">
        <v>101</v>
      </c>
      <c r="D42360" s="14" t="s">
        <v>146</v>
      </c>
      <c r="E42360" s="15">
        <v>45396</v>
      </c>
      <c r="F42360" s="14" t="s">
        <v>61</v>
      </c>
      <c r="G42360" s="16">
        <v>3.1123669250479449E-2</v>
      </c>
    </row>
    <row r="42361" spans="1:7" x14ac:dyDescent="0.3">
      <c r="A42361" s="13" t="s">
        <v>250</v>
      </c>
      <c r="B42361" s="14" t="s">
        <v>1</v>
      </c>
      <c r="C42361" s="14" t="s">
        <v>101</v>
      </c>
      <c r="D42361" s="14" t="s">
        <v>146</v>
      </c>
      <c r="E42361" s="15">
        <v>45397</v>
      </c>
      <c r="F42361" s="14" t="s">
        <v>61</v>
      </c>
      <c r="G42361" s="16">
        <v>2.6773044033161341E-2</v>
      </c>
    </row>
    <row r="42362" spans="1:7" x14ac:dyDescent="0.3">
      <c r="A42362" s="13" t="s">
        <v>250</v>
      </c>
      <c r="B42362" s="14" t="s">
        <v>1</v>
      </c>
      <c r="C42362" s="14" t="s">
        <v>101</v>
      </c>
      <c r="D42362" s="14" t="s">
        <v>146</v>
      </c>
      <c r="E42362" s="15">
        <v>45398</v>
      </c>
      <c r="F42362" s="14" t="s">
        <v>61</v>
      </c>
      <c r="G42362" s="16">
        <v>1.3207203823507823E-2</v>
      </c>
    </row>
    <row r="42363" spans="1:7" x14ac:dyDescent="0.3">
      <c r="A42363" s="13" t="s">
        <v>250</v>
      </c>
      <c r="B42363" s="14" t="s">
        <v>1</v>
      </c>
      <c r="C42363" s="14" t="s">
        <v>101</v>
      </c>
      <c r="D42363" s="14" t="s">
        <v>146</v>
      </c>
      <c r="E42363" s="15">
        <v>45399</v>
      </c>
      <c r="F42363" s="14" t="s">
        <v>61</v>
      </c>
      <c r="G42363" s="16">
        <v>9.8999746868624911E-3</v>
      </c>
    </row>
    <row r="42364" spans="1:7" x14ac:dyDescent="0.3">
      <c r="A42364" s="13" t="s">
        <v>250</v>
      </c>
      <c r="B42364" s="14" t="s">
        <v>1</v>
      </c>
      <c r="C42364" s="14" t="s">
        <v>101</v>
      </c>
      <c r="D42364" s="14" t="s">
        <v>146</v>
      </c>
      <c r="E42364" s="15">
        <v>45400</v>
      </c>
      <c r="F42364" s="14" t="s">
        <v>61</v>
      </c>
      <c r="G42364" s="16">
        <v>5.6630703708315912E-3</v>
      </c>
    </row>
    <row r="42365" spans="1:7" x14ac:dyDescent="0.3">
      <c r="A42365" s="13" t="s">
        <v>250</v>
      </c>
      <c r="B42365" s="14" t="s">
        <v>1</v>
      </c>
      <c r="C42365" s="14" t="s">
        <v>101</v>
      </c>
      <c r="D42365" s="14" t="s">
        <v>146</v>
      </c>
      <c r="E42365" s="15">
        <v>45401</v>
      </c>
      <c r="F42365" s="14" t="s">
        <v>61</v>
      </c>
      <c r="G42365" s="16">
        <v>7.4604812837287234E-3</v>
      </c>
    </row>
    <row r="42366" spans="1:7" x14ac:dyDescent="0.3">
      <c r="A42366" s="13" t="s">
        <v>250</v>
      </c>
      <c r="B42366" s="14" t="s">
        <v>1</v>
      </c>
      <c r="C42366" s="14" t="s">
        <v>101</v>
      </c>
      <c r="D42366" s="14" t="s">
        <v>146</v>
      </c>
      <c r="E42366" s="15">
        <v>45402</v>
      </c>
      <c r="F42366" s="14" t="s">
        <v>61</v>
      </c>
      <c r="G42366" s="16">
        <v>7.4604812837287234E-3</v>
      </c>
    </row>
    <row r="42367" spans="1:7" x14ac:dyDescent="0.3">
      <c r="A42367" s="13" t="s">
        <v>250</v>
      </c>
      <c r="B42367" s="14" t="s">
        <v>1</v>
      </c>
      <c r="C42367" s="14" t="s">
        <v>101</v>
      </c>
      <c r="D42367" s="14" t="s">
        <v>146</v>
      </c>
      <c r="E42367" s="15">
        <v>45403</v>
      </c>
      <c r="F42367" s="14" t="s">
        <v>61</v>
      </c>
      <c r="G42367" s="16">
        <v>7.4604812837287234E-3</v>
      </c>
    </row>
    <row r="42368" spans="1:7" x14ac:dyDescent="0.3">
      <c r="A42368" s="13" t="s">
        <v>250</v>
      </c>
      <c r="B42368" s="14" t="s">
        <v>1</v>
      </c>
      <c r="C42368" s="14" t="s">
        <v>101</v>
      </c>
      <c r="D42368" s="14" t="s">
        <v>146</v>
      </c>
      <c r="E42368" s="15">
        <v>45404</v>
      </c>
      <c r="F42368" s="14" t="s">
        <v>61</v>
      </c>
      <c r="G42368" s="16">
        <v>3.203100242722824E-3</v>
      </c>
    </row>
    <row r="42369" spans="1:7" x14ac:dyDescent="0.3">
      <c r="A42369" s="13" t="s">
        <v>250</v>
      </c>
      <c r="B42369" s="14" t="s">
        <v>1</v>
      </c>
      <c r="C42369" s="14" t="s">
        <v>101</v>
      </c>
      <c r="D42369" s="14" t="s">
        <v>146</v>
      </c>
      <c r="E42369" s="15">
        <v>45405</v>
      </c>
      <c r="F42369" s="14" t="s">
        <v>61</v>
      </c>
      <c r="G42369" s="16">
        <v>6.0959382327402188E-2</v>
      </c>
    </row>
    <row r="42370" spans="1:7" x14ac:dyDescent="0.3">
      <c r="A42370" s="13" t="s">
        <v>250</v>
      </c>
      <c r="B42370" s="14" t="s">
        <v>1</v>
      </c>
      <c r="C42370" s="14" t="s">
        <v>101</v>
      </c>
      <c r="D42370" s="14" t="s">
        <v>146</v>
      </c>
      <c r="E42370" s="15">
        <v>45406</v>
      </c>
      <c r="F42370" s="14" t="s">
        <v>61</v>
      </c>
      <c r="G42370" s="16">
        <v>6.0786307169797514E-2</v>
      </c>
    </row>
    <row r="42371" spans="1:7" x14ac:dyDescent="0.3">
      <c r="A42371" s="13" t="s">
        <v>250</v>
      </c>
      <c r="B42371" s="14" t="s">
        <v>1</v>
      </c>
      <c r="C42371" s="14" t="s">
        <v>101</v>
      </c>
      <c r="D42371" s="14" t="s">
        <v>146</v>
      </c>
      <c r="E42371" s="15">
        <v>45407</v>
      </c>
      <c r="F42371" s="14" t="s">
        <v>61</v>
      </c>
      <c r="G42371" s="16">
        <v>5.2298258853707029E-2</v>
      </c>
    </row>
    <row r="42372" spans="1:7" x14ac:dyDescent="0.3">
      <c r="A42372" s="13" t="s">
        <v>250</v>
      </c>
      <c r="B42372" s="14" t="s">
        <v>1</v>
      </c>
      <c r="C42372" s="14" t="s">
        <v>101</v>
      </c>
      <c r="D42372" s="14" t="s">
        <v>146</v>
      </c>
      <c r="E42372" s="15">
        <v>45408</v>
      </c>
      <c r="F42372" s="14" t="s">
        <v>61</v>
      </c>
      <c r="G42372" s="16">
        <v>4.9718317732606779E-2</v>
      </c>
    </row>
    <row r="42373" spans="1:7" x14ac:dyDescent="0.3">
      <c r="A42373" s="13" t="s">
        <v>250</v>
      </c>
      <c r="B42373" s="14" t="s">
        <v>1</v>
      </c>
      <c r="C42373" s="14" t="s">
        <v>101</v>
      </c>
      <c r="D42373" s="14" t="s">
        <v>146</v>
      </c>
      <c r="E42373" s="15">
        <v>45409</v>
      </c>
      <c r="F42373" s="14" t="s">
        <v>61</v>
      </c>
      <c r="G42373" s="16">
        <v>4.9718317732606779E-2</v>
      </c>
    </row>
    <row r="42374" spans="1:7" x14ac:dyDescent="0.3">
      <c r="A42374" s="13" t="s">
        <v>250</v>
      </c>
      <c r="B42374" s="14" t="s">
        <v>1</v>
      </c>
      <c r="C42374" s="14" t="s">
        <v>101</v>
      </c>
      <c r="D42374" s="14" t="s">
        <v>146</v>
      </c>
      <c r="E42374" s="15">
        <v>45410</v>
      </c>
      <c r="F42374" s="14" t="s">
        <v>61</v>
      </c>
      <c r="G42374" s="16">
        <v>4.9718317732606779E-2</v>
      </c>
    </row>
    <row r="42375" spans="1:7" x14ac:dyDescent="0.3">
      <c r="A42375" s="13" t="s">
        <v>250</v>
      </c>
      <c r="B42375" s="14" t="s">
        <v>1</v>
      </c>
      <c r="C42375" s="14" t="s">
        <v>101</v>
      </c>
      <c r="D42375" s="14" t="s">
        <v>146</v>
      </c>
      <c r="E42375" s="15">
        <v>45411</v>
      </c>
      <c r="F42375" s="14" t="s">
        <v>61</v>
      </c>
      <c r="G42375" s="16">
        <v>4.5284860488770333E-2</v>
      </c>
    </row>
    <row r="42376" spans="1:7" x14ac:dyDescent="0.3">
      <c r="A42376" s="13" t="s">
        <v>250</v>
      </c>
      <c r="B42376" s="14" t="s">
        <v>1</v>
      </c>
      <c r="C42376" s="14" t="s">
        <v>101</v>
      </c>
      <c r="D42376" s="14" t="s">
        <v>146</v>
      </c>
      <c r="E42376" s="15">
        <v>45412</v>
      </c>
      <c r="F42376" s="14" t="s">
        <v>61</v>
      </c>
      <c r="G42376" s="16">
        <v>3.8253272326273707E-2</v>
      </c>
    </row>
    <row r="42377" spans="1:7" x14ac:dyDescent="0.3">
      <c r="A42377" s="13" t="s">
        <v>250</v>
      </c>
      <c r="B42377" s="14" t="s">
        <v>1</v>
      </c>
      <c r="C42377" s="14" t="s">
        <v>101</v>
      </c>
      <c r="D42377" s="14" t="s">
        <v>146</v>
      </c>
      <c r="E42377" s="15">
        <v>45413</v>
      </c>
      <c r="F42377" s="14" t="s">
        <v>61</v>
      </c>
      <c r="G42377" s="16">
        <v>0.17589402241338031</v>
      </c>
    </row>
    <row r="42378" spans="1:7" x14ac:dyDescent="0.3">
      <c r="A42378" s="13" t="s">
        <v>250</v>
      </c>
      <c r="B42378" s="14" t="s">
        <v>1</v>
      </c>
      <c r="C42378" s="14" t="s">
        <v>101</v>
      </c>
      <c r="D42378" s="14" t="s">
        <v>146</v>
      </c>
      <c r="E42378" s="15">
        <v>45414</v>
      </c>
      <c r="F42378" s="14" t="s">
        <v>61</v>
      </c>
      <c r="G42378" s="16">
        <v>0.17038654768121336</v>
      </c>
    </row>
    <row r="42379" spans="1:7" x14ac:dyDescent="0.3">
      <c r="A42379" s="13" t="s">
        <v>250</v>
      </c>
      <c r="B42379" s="14" t="s">
        <v>1</v>
      </c>
      <c r="C42379" s="14" t="s">
        <v>101</v>
      </c>
      <c r="D42379" s="14" t="s">
        <v>146</v>
      </c>
      <c r="E42379" s="15">
        <v>45415</v>
      </c>
      <c r="F42379" s="14" t="s">
        <v>61</v>
      </c>
      <c r="G42379" s="16">
        <v>0.16553055503772443</v>
      </c>
    </row>
    <row r="42380" spans="1:7" x14ac:dyDescent="0.3">
      <c r="A42380" s="13" t="s">
        <v>250</v>
      </c>
      <c r="B42380" s="14" t="s">
        <v>1</v>
      </c>
      <c r="C42380" s="14" t="s">
        <v>101</v>
      </c>
      <c r="D42380" s="14" t="s">
        <v>146</v>
      </c>
      <c r="E42380" s="15">
        <v>45416</v>
      </c>
      <c r="F42380" s="14" t="s">
        <v>61</v>
      </c>
      <c r="G42380" s="16">
        <v>0.16553055503772443</v>
      </c>
    </row>
    <row r="42381" spans="1:7" x14ac:dyDescent="0.3">
      <c r="A42381" s="13" t="s">
        <v>250</v>
      </c>
      <c r="B42381" s="14" t="s">
        <v>1</v>
      </c>
      <c r="C42381" s="14" t="s">
        <v>101</v>
      </c>
      <c r="D42381" s="14" t="s">
        <v>146</v>
      </c>
      <c r="E42381" s="15">
        <v>45417</v>
      </c>
      <c r="F42381" s="14" t="s">
        <v>61</v>
      </c>
      <c r="G42381" s="16">
        <v>0.16553055503772443</v>
      </c>
    </row>
    <row r="42382" spans="1:7" x14ac:dyDescent="0.3">
      <c r="A42382" s="13" t="s">
        <v>250</v>
      </c>
      <c r="B42382" s="14" t="s">
        <v>1</v>
      </c>
      <c r="C42382" s="14" t="s">
        <v>101</v>
      </c>
      <c r="D42382" s="14" t="s">
        <v>146</v>
      </c>
      <c r="E42382" s="15">
        <v>45418</v>
      </c>
      <c r="F42382" s="14" t="s">
        <v>61</v>
      </c>
      <c r="G42382" s="16">
        <v>0.16553055503772443</v>
      </c>
    </row>
    <row r="42383" spans="1:7" x14ac:dyDescent="0.3">
      <c r="A42383" s="13" t="s">
        <v>250</v>
      </c>
      <c r="B42383" s="14" t="s">
        <v>1</v>
      </c>
      <c r="C42383" s="14" t="s">
        <v>101</v>
      </c>
      <c r="D42383" s="14" t="s">
        <v>146</v>
      </c>
      <c r="E42383" s="15">
        <v>45419</v>
      </c>
      <c r="F42383" s="14" t="s">
        <v>61</v>
      </c>
      <c r="G42383" s="16">
        <v>0.17694268022371662</v>
      </c>
    </row>
    <row r="42384" spans="1:7" x14ac:dyDescent="0.3">
      <c r="A42384" s="13" t="s">
        <v>250</v>
      </c>
      <c r="B42384" s="14" t="s">
        <v>1</v>
      </c>
      <c r="C42384" s="14" t="s">
        <v>101</v>
      </c>
      <c r="D42384" s="14" t="s">
        <v>146</v>
      </c>
      <c r="E42384" s="15">
        <v>45420</v>
      </c>
      <c r="F42384" s="14" t="s">
        <v>61</v>
      </c>
      <c r="G42384" s="16">
        <v>0.21619401372897187</v>
      </c>
    </row>
    <row r="42385" spans="1:7" x14ac:dyDescent="0.3">
      <c r="A42385" s="13" t="s">
        <v>250</v>
      </c>
      <c r="B42385" s="14" t="s">
        <v>1</v>
      </c>
      <c r="C42385" s="14" t="s">
        <v>101</v>
      </c>
      <c r="D42385" s="14" t="s">
        <v>146</v>
      </c>
      <c r="E42385" s="15">
        <v>45421</v>
      </c>
      <c r="F42385" s="14" t="s">
        <v>61</v>
      </c>
      <c r="G42385" s="16">
        <v>0.26801008065773163</v>
      </c>
    </row>
    <row r="42386" spans="1:7" x14ac:dyDescent="0.3">
      <c r="A42386" s="13" t="s">
        <v>250</v>
      </c>
      <c r="B42386" s="14" t="s">
        <v>1</v>
      </c>
      <c r="C42386" s="14" t="s">
        <v>101</v>
      </c>
      <c r="D42386" s="14" t="s">
        <v>146</v>
      </c>
      <c r="E42386" s="15">
        <v>45422</v>
      </c>
      <c r="F42386" s="14" t="s">
        <v>61</v>
      </c>
      <c r="G42386" s="16">
        <v>0.27980172009196447</v>
      </c>
    </row>
    <row r="42387" spans="1:7" x14ac:dyDescent="0.3">
      <c r="A42387" s="13" t="s">
        <v>250</v>
      </c>
      <c r="B42387" s="14" t="s">
        <v>1</v>
      </c>
      <c r="C42387" s="14" t="s">
        <v>101</v>
      </c>
      <c r="D42387" s="14" t="s">
        <v>146</v>
      </c>
      <c r="E42387" s="15">
        <v>45423</v>
      </c>
      <c r="F42387" s="14" t="s">
        <v>61</v>
      </c>
      <c r="G42387" s="16">
        <v>0.27980172009196447</v>
      </c>
    </row>
    <row r="42388" spans="1:7" x14ac:dyDescent="0.3">
      <c r="A42388" s="13" t="s">
        <v>250</v>
      </c>
      <c r="B42388" s="14" t="s">
        <v>1</v>
      </c>
      <c r="C42388" s="14" t="s">
        <v>101</v>
      </c>
      <c r="D42388" s="14" t="s">
        <v>146</v>
      </c>
      <c r="E42388" s="15">
        <v>45424</v>
      </c>
      <c r="F42388" s="14" t="s">
        <v>61</v>
      </c>
      <c r="G42388" s="16">
        <v>0.27980172009196447</v>
      </c>
    </row>
    <row r="42389" spans="1:7" x14ac:dyDescent="0.3">
      <c r="A42389" s="13" t="s">
        <v>250</v>
      </c>
      <c r="B42389" s="14" t="s">
        <v>1</v>
      </c>
      <c r="C42389" s="14" t="s">
        <v>101</v>
      </c>
      <c r="D42389" s="14" t="s">
        <v>146</v>
      </c>
      <c r="E42389" s="15">
        <v>45425</v>
      </c>
      <c r="F42389" s="14" t="s">
        <v>61</v>
      </c>
      <c r="G42389" s="16">
        <v>0.27786758884168011</v>
      </c>
    </row>
    <row r="42390" spans="1:7" x14ac:dyDescent="0.3">
      <c r="A42390" s="13" t="s">
        <v>250</v>
      </c>
      <c r="B42390" s="14" t="s">
        <v>1</v>
      </c>
      <c r="C42390" s="14" t="s">
        <v>101</v>
      </c>
      <c r="D42390" s="14" t="s">
        <v>146</v>
      </c>
      <c r="E42390" s="15">
        <v>45426</v>
      </c>
      <c r="F42390" s="14" t="s">
        <v>61</v>
      </c>
      <c r="G42390" s="16">
        <v>0.256470509977068</v>
      </c>
    </row>
    <row r="42391" spans="1:7" x14ac:dyDescent="0.3">
      <c r="A42391" s="13" t="s">
        <v>250</v>
      </c>
      <c r="B42391" s="14" t="s">
        <v>1</v>
      </c>
      <c r="C42391" s="14" t="s">
        <v>101</v>
      </c>
      <c r="D42391" s="14" t="s">
        <v>146</v>
      </c>
      <c r="E42391" s="15">
        <v>45427</v>
      </c>
      <c r="F42391" s="14" t="s">
        <v>61</v>
      </c>
      <c r="G42391" s="16">
        <v>0.2504952357170982</v>
      </c>
    </row>
    <row r="42392" spans="1:7" x14ac:dyDescent="0.3">
      <c r="A42392" s="13" t="s">
        <v>250</v>
      </c>
      <c r="B42392" s="14" t="s">
        <v>1</v>
      </c>
      <c r="C42392" s="14" t="s">
        <v>101</v>
      </c>
      <c r="D42392" s="14" t="s">
        <v>146</v>
      </c>
      <c r="E42392" s="15">
        <v>45428</v>
      </c>
      <c r="F42392" s="14" t="s">
        <v>61</v>
      </c>
      <c r="G42392" s="16">
        <v>0.28614364741472331</v>
      </c>
    </row>
    <row r="42393" spans="1:7" x14ac:dyDescent="0.3">
      <c r="A42393" s="13" t="s">
        <v>250</v>
      </c>
      <c r="B42393" s="14" t="s">
        <v>1</v>
      </c>
      <c r="C42393" s="14" t="s">
        <v>101</v>
      </c>
      <c r="D42393" s="14" t="s">
        <v>146</v>
      </c>
      <c r="E42393" s="15">
        <v>45429</v>
      </c>
      <c r="F42393" s="14" t="s">
        <v>61</v>
      </c>
      <c r="G42393" s="16">
        <v>0.31554150505667056</v>
      </c>
    </row>
    <row r="42394" spans="1:7" x14ac:dyDescent="0.3">
      <c r="A42394" s="13" t="s">
        <v>250</v>
      </c>
      <c r="B42394" s="14" t="s">
        <v>1</v>
      </c>
      <c r="C42394" s="14" t="s">
        <v>101</v>
      </c>
      <c r="D42394" s="14" t="s">
        <v>146</v>
      </c>
      <c r="E42394" s="15">
        <v>45430</v>
      </c>
      <c r="F42394" s="14" t="s">
        <v>61</v>
      </c>
      <c r="G42394" s="16">
        <v>0.31554150505667056</v>
      </c>
    </row>
    <row r="42395" spans="1:7" x14ac:dyDescent="0.3">
      <c r="A42395" s="13" t="s">
        <v>250</v>
      </c>
      <c r="B42395" s="14" t="s">
        <v>1</v>
      </c>
      <c r="C42395" s="14" t="s">
        <v>101</v>
      </c>
      <c r="D42395" s="14" t="s">
        <v>146</v>
      </c>
      <c r="E42395" s="15">
        <v>45431</v>
      </c>
      <c r="F42395" s="14" t="s">
        <v>61</v>
      </c>
      <c r="G42395" s="16">
        <v>0.31554150505667056</v>
      </c>
    </row>
    <row r="42396" spans="1:7" x14ac:dyDescent="0.3">
      <c r="A42396" s="13" t="s">
        <v>250</v>
      </c>
      <c r="B42396" s="14" t="s">
        <v>1</v>
      </c>
      <c r="C42396" s="14" t="s">
        <v>101</v>
      </c>
      <c r="D42396" s="14" t="s">
        <v>146</v>
      </c>
      <c r="E42396" s="15">
        <v>45432</v>
      </c>
      <c r="F42396" s="14" t="s">
        <v>61</v>
      </c>
      <c r="G42396" s="16">
        <v>0.31142208078599504</v>
      </c>
    </row>
    <row r="42397" spans="1:7" x14ac:dyDescent="0.3">
      <c r="A42397" s="13" t="s">
        <v>250</v>
      </c>
      <c r="B42397" s="14" t="s">
        <v>1</v>
      </c>
      <c r="C42397" s="14" t="s">
        <v>101</v>
      </c>
      <c r="D42397" s="14" t="s">
        <v>146</v>
      </c>
      <c r="E42397" s="15">
        <v>45433</v>
      </c>
      <c r="F42397" s="14" t="s">
        <v>61</v>
      </c>
      <c r="G42397" s="16">
        <v>0.29724763497328383</v>
      </c>
    </row>
    <row r="42398" spans="1:7" x14ac:dyDescent="0.3">
      <c r="A42398" s="13" t="s">
        <v>250</v>
      </c>
      <c r="B42398" s="14" t="s">
        <v>1</v>
      </c>
      <c r="C42398" s="14" t="s">
        <v>101</v>
      </c>
      <c r="D42398" s="14" t="s">
        <v>146</v>
      </c>
      <c r="E42398" s="15">
        <v>45434</v>
      </c>
      <c r="F42398" s="14" t="s">
        <v>61</v>
      </c>
      <c r="G42398" s="16">
        <v>0.29351216854391221</v>
      </c>
    </row>
    <row r="42399" spans="1:7" x14ac:dyDescent="0.3">
      <c r="A42399" s="13" t="s">
        <v>250</v>
      </c>
      <c r="B42399" s="14" t="s">
        <v>1</v>
      </c>
      <c r="C42399" s="14" t="s">
        <v>101</v>
      </c>
      <c r="D42399" s="14" t="s">
        <v>146</v>
      </c>
      <c r="E42399" s="15">
        <v>45435</v>
      </c>
      <c r="F42399" s="14" t="s">
        <v>61</v>
      </c>
      <c r="G42399" s="16">
        <v>0.28919402561908292</v>
      </c>
    </row>
    <row r="42400" spans="1:7" x14ac:dyDescent="0.3">
      <c r="A42400" s="13" t="s">
        <v>250</v>
      </c>
      <c r="B42400" s="14" t="s">
        <v>1</v>
      </c>
      <c r="C42400" s="14" t="s">
        <v>101</v>
      </c>
      <c r="D42400" s="14" t="s">
        <v>146</v>
      </c>
      <c r="E42400" s="15">
        <v>45436</v>
      </c>
      <c r="F42400" s="14" t="s">
        <v>61</v>
      </c>
      <c r="G42400" s="16">
        <v>0.2926113106996856</v>
      </c>
    </row>
    <row r="42401" spans="1:7" x14ac:dyDescent="0.3">
      <c r="A42401" s="13" t="s">
        <v>250</v>
      </c>
      <c r="B42401" s="14" t="s">
        <v>1</v>
      </c>
      <c r="C42401" s="14" t="s">
        <v>101</v>
      </c>
      <c r="D42401" s="14" t="s">
        <v>146</v>
      </c>
      <c r="E42401" s="15">
        <v>45437</v>
      </c>
      <c r="F42401" s="14" t="s">
        <v>61</v>
      </c>
      <c r="G42401" s="16">
        <v>0.2926113106996856</v>
      </c>
    </row>
    <row r="42402" spans="1:7" x14ac:dyDescent="0.3">
      <c r="A42402" s="13" t="s">
        <v>250</v>
      </c>
      <c r="B42402" s="14" t="s">
        <v>1</v>
      </c>
      <c r="C42402" s="14" t="s">
        <v>101</v>
      </c>
      <c r="D42402" s="14" t="s">
        <v>146</v>
      </c>
      <c r="E42402" s="15">
        <v>45438</v>
      </c>
      <c r="F42402" s="14" t="s">
        <v>61</v>
      </c>
      <c r="G42402" s="16">
        <v>0.2926113106996856</v>
      </c>
    </row>
    <row r="42403" spans="1:7" x14ac:dyDescent="0.3">
      <c r="A42403" s="13" t="s">
        <v>250</v>
      </c>
      <c r="B42403" s="14" t="s">
        <v>1</v>
      </c>
      <c r="C42403" s="14" t="s">
        <v>101</v>
      </c>
      <c r="D42403" s="14" t="s">
        <v>146</v>
      </c>
      <c r="E42403" s="15">
        <v>45439</v>
      </c>
      <c r="F42403" s="14" t="s">
        <v>61</v>
      </c>
      <c r="G42403" s="16">
        <v>0.28786849946268722</v>
      </c>
    </row>
    <row r="42404" spans="1:7" x14ac:dyDescent="0.3">
      <c r="A42404" s="13" t="s">
        <v>250</v>
      </c>
      <c r="B42404" s="14" t="s">
        <v>1</v>
      </c>
      <c r="C42404" s="14" t="s">
        <v>101</v>
      </c>
      <c r="D42404" s="14" t="s">
        <v>146</v>
      </c>
      <c r="E42404" s="15">
        <v>45440</v>
      </c>
      <c r="F42404" s="14" t="s">
        <v>61</v>
      </c>
      <c r="G42404" s="16">
        <v>0.27374382306858852</v>
      </c>
    </row>
    <row r="42405" spans="1:7" x14ac:dyDescent="0.3">
      <c r="A42405" s="13" t="s">
        <v>250</v>
      </c>
      <c r="B42405" s="14" t="s">
        <v>1</v>
      </c>
      <c r="C42405" s="14" t="s">
        <v>101</v>
      </c>
      <c r="D42405" s="14" t="s">
        <v>146</v>
      </c>
      <c r="E42405" s="15">
        <v>45441</v>
      </c>
      <c r="F42405" s="14" t="s">
        <v>61</v>
      </c>
      <c r="G42405" s="16">
        <v>0.30233002559812761</v>
      </c>
    </row>
    <row r="42406" spans="1:7" x14ac:dyDescent="0.3">
      <c r="A42406" s="13" t="s">
        <v>250</v>
      </c>
      <c r="B42406" s="14" t="s">
        <v>1</v>
      </c>
      <c r="C42406" s="14" t="s">
        <v>101</v>
      </c>
      <c r="D42406" s="14" t="s">
        <v>146</v>
      </c>
      <c r="E42406" s="15">
        <v>45442</v>
      </c>
      <c r="F42406" s="14" t="s">
        <v>61</v>
      </c>
      <c r="G42406" s="16">
        <v>0.2969629037566156</v>
      </c>
    </row>
    <row r="42407" spans="1:7" x14ac:dyDescent="0.3">
      <c r="A42407" s="13" t="s">
        <v>250</v>
      </c>
      <c r="B42407" s="14" t="s">
        <v>1</v>
      </c>
      <c r="C42407" s="14" t="s">
        <v>101</v>
      </c>
      <c r="D42407" s="14" t="s">
        <v>146</v>
      </c>
      <c r="E42407" s="15">
        <v>45443</v>
      </c>
      <c r="F42407" s="14" t="s">
        <v>61</v>
      </c>
      <c r="G42407" s="16">
        <v>0.2968007810052164</v>
      </c>
    </row>
    <row r="42408" spans="1:7" x14ac:dyDescent="0.3">
      <c r="A42408" s="13" t="s">
        <v>250</v>
      </c>
      <c r="B42408" s="14" t="s">
        <v>1</v>
      </c>
      <c r="C42408" s="14" t="s">
        <v>101</v>
      </c>
      <c r="D42408" s="14" t="s">
        <v>146</v>
      </c>
      <c r="E42408" s="15">
        <v>45444</v>
      </c>
      <c r="F42408" s="14" t="s">
        <v>61</v>
      </c>
      <c r="G42408" s="16">
        <v>0.2968007810052164</v>
      </c>
    </row>
    <row r="42409" spans="1:7" x14ac:dyDescent="0.3">
      <c r="A42409" s="13" t="s">
        <v>250</v>
      </c>
      <c r="B42409" s="14" t="s">
        <v>1</v>
      </c>
      <c r="C42409" s="14" t="s">
        <v>101</v>
      </c>
      <c r="D42409" s="14" t="s">
        <v>146</v>
      </c>
      <c r="E42409" s="15">
        <v>45445</v>
      </c>
      <c r="F42409" s="14" t="s">
        <v>61</v>
      </c>
      <c r="G42409" s="16">
        <v>0.2968007810052164</v>
      </c>
    </row>
    <row r="42410" spans="1:7" x14ac:dyDescent="0.3">
      <c r="A42410" s="13" t="s">
        <v>250</v>
      </c>
      <c r="B42410" s="14" t="s">
        <v>1</v>
      </c>
      <c r="C42410" s="14" t="s">
        <v>101</v>
      </c>
      <c r="D42410" s="14" t="s">
        <v>146</v>
      </c>
      <c r="E42410" s="15">
        <v>45446</v>
      </c>
      <c r="F42410" s="14" t="s">
        <v>61</v>
      </c>
      <c r="G42410" s="16">
        <v>0.2968007810052164</v>
      </c>
    </row>
    <row r="42411" spans="1:7" x14ac:dyDescent="0.3">
      <c r="A42411" s="13" t="s">
        <v>250</v>
      </c>
      <c r="B42411" s="14" t="s">
        <v>1</v>
      </c>
      <c r="C42411" s="14" t="s">
        <v>101</v>
      </c>
      <c r="D42411" s="14" t="s">
        <v>146</v>
      </c>
      <c r="E42411" s="15">
        <v>45447</v>
      </c>
      <c r="F42411" s="14" t="s">
        <v>61</v>
      </c>
      <c r="G42411" s="16">
        <v>0.32321066908238982</v>
      </c>
    </row>
    <row r="42412" spans="1:7" x14ac:dyDescent="0.3">
      <c r="A42412" s="13" t="s">
        <v>250</v>
      </c>
      <c r="B42412" s="14" t="s">
        <v>1</v>
      </c>
      <c r="C42412" s="14" t="s">
        <v>101</v>
      </c>
      <c r="D42412" s="14" t="s">
        <v>146</v>
      </c>
      <c r="E42412" s="15">
        <v>45448</v>
      </c>
      <c r="F42412" s="14" t="s">
        <v>61</v>
      </c>
      <c r="G42412" s="16">
        <v>0.31980508361772919</v>
      </c>
    </row>
    <row r="42413" spans="1:7" x14ac:dyDescent="0.3">
      <c r="A42413" s="13" t="s">
        <v>250</v>
      </c>
      <c r="B42413" s="14" t="s">
        <v>1</v>
      </c>
      <c r="C42413" s="14" t="s">
        <v>101</v>
      </c>
      <c r="D42413" s="14" t="s">
        <v>146</v>
      </c>
      <c r="E42413" s="15">
        <v>45449</v>
      </c>
      <c r="F42413" s="14" t="s">
        <v>61</v>
      </c>
      <c r="G42413" s="16">
        <v>0.32507835271201513</v>
      </c>
    </row>
    <row r="42414" spans="1:7" x14ac:dyDescent="0.3">
      <c r="A42414" s="13" t="s">
        <v>250</v>
      </c>
      <c r="B42414" s="14" t="s">
        <v>1</v>
      </c>
      <c r="C42414" s="14" t="s">
        <v>101</v>
      </c>
      <c r="D42414" s="14" t="s">
        <v>146</v>
      </c>
      <c r="E42414" s="15">
        <v>45450</v>
      </c>
      <c r="F42414" s="14" t="s">
        <v>61</v>
      </c>
      <c r="G42414" s="16">
        <v>0.32774466828169918</v>
      </c>
    </row>
    <row r="42415" spans="1:7" x14ac:dyDescent="0.3">
      <c r="A42415" s="13" t="s">
        <v>250</v>
      </c>
      <c r="B42415" s="14" t="s">
        <v>1</v>
      </c>
      <c r="C42415" s="14" t="s">
        <v>101</v>
      </c>
      <c r="D42415" s="14" t="s">
        <v>146</v>
      </c>
      <c r="E42415" s="15">
        <v>45451</v>
      </c>
      <c r="F42415" s="14" t="s">
        <v>61</v>
      </c>
      <c r="G42415" s="16">
        <v>0.32774466828169918</v>
      </c>
    </row>
    <row r="42416" spans="1:7" x14ac:dyDescent="0.3">
      <c r="A42416" s="13" t="s">
        <v>250</v>
      </c>
      <c r="B42416" s="14" t="s">
        <v>1</v>
      </c>
      <c r="C42416" s="14" t="s">
        <v>101</v>
      </c>
      <c r="D42416" s="14" t="s">
        <v>146</v>
      </c>
      <c r="E42416" s="15">
        <v>45452</v>
      </c>
      <c r="F42416" s="14" t="s">
        <v>61</v>
      </c>
      <c r="G42416" s="16">
        <v>0.32774466828169918</v>
      </c>
    </row>
    <row r="42417" spans="1:7" x14ac:dyDescent="0.3">
      <c r="A42417" s="13" t="s">
        <v>250</v>
      </c>
      <c r="B42417" s="14" t="s">
        <v>1</v>
      </c>
      <c r="C42417" s="14" t="s">
        <v>101</v>
      </c>
      <c r="D42417" s="14" t="s">
        <v>146</v>
      </c>
      <c r="E42417" s="15">
        <v>45453</v>
      </c>
      <c r="F42417" s="14" t="s">
        <v>61</v>
      </c>
      <c r="G42417" s="16">
        <v>0.33153932233292555</v>
      </c>
    </row>
    <row r="42418" spans="1:7" x14ac:dyDescent="0.3">
      <c r="A42418" s="13" t="s">
        <v>250</v>
      </c>
      <c r="B42418" s="14" t="s">
        <v>1</v>
      </c>
      <c r="C42418" s="14" t="s">
        <v>101</v>
      </c>
      <c r="D42418" s="14" t="s">
        <v>146</v>
      </c>
      <c r="E42418" s="15">
        <v>45454</v>
      </c>
      <c r="F42418" s="14" t="s">
        <v>61</v>
      </c>
      <c r="G42418" s="16">
        <v>0.38134149394581496</v>
      </c>
    </row>
    <row r="42419" spans="1:7" x14ac:dyDescent="0.3">
      <c r="A42419" s="13" t="s">
        <v>250</v>
      </c>
      <c r="B42419" s="14" t="s">
        <v>1</v>
      </c>
      <c r="C42419" s="14" t="s">
        <v>101</v>
      </c>
      <c r="D42419" s="14" t="s">
        <v>146</v>
      </c>
      <c r="E42419" s="15">
        <v>45455</v>
      </c>
      <c r="F42419" s="14" t="s">
        <v>61</v>
      </c>
      <c r="G42419" s="16">
        <v>0.37447516024923494</v>
      </c>
    </row>
    <row r="42420" spans="1:7" x14ac:dyDescent="0.3">
      <c r="A42420" s="13" t="s">
        <v>250</v>
      </c>
      <c r="B42420" s="14" t="s">
        <v>1</v>
      </c>
      <c r="C42420" s="14" t="s">
        <v>101</v>
      </c>
      <c r="D42420" s="14" t="s">
        <v>146</v>
      </c>
      <c r="E42420" s="15">
        <v>45456</v>
      </c>
      <c r="F42420" s="14" t="s">
        <v>61</v>
      </c>
      <c r="G42420" s="16">
        <v>0.37257792257496519</v>
      </c>
    </row>
    <row r="42421" spans="1:7" x14ac:dyDescent="0.3">
      <c r="A42421" s="13" t="s">
        <v>250</v>
      </c>
      <c r="B42421" s="14" t="s">
        <v>1</v>
      </c>
      <c r="C42421" s="14" t="s">
        <v>101</v>
      </c>
      <c r="D42421" s="14" t="s">
        <v>146</v>
      </c>
      <c r="E42421" s="15">
        <v>45457</v>
      </c>
      <c r="F42421" s="14" t="s">
        <v>61</v>
      </c>
      <c r="G42421" s="16">
        <v>0.37437112012998958</v>
      </c>
    </row>
    <row r="42422" spans="1:7" x14ac:dyDescent="0.3">
      <c r="A42422" s="13" t="s">
        <v>250</v>
      </c>
      <c r="B42422" s="14" t="s">
        <v>1</v>
      </c>
      <c r="C42422" s="14" t="s">
        <v>101</v>
      </c>
      <c r="D42422" s="14" t="s">
        <v>146</v>
      </c>
      <c r="E42422" s="15">
        <v>45458</v>
      </c>
      <c r="F42422" s="14" t="s">
        <v>61</v>
      </c>
      <c r="G42422" s="16">
        <v>0.37437112012998958</v>
      </c>
    </row>
    <row r="42423" spans="1:7" x14ac:dyDescent="0.3">
      <c r="A42423" s="13" t="s">
        <v>250</v>
      </c>
      <c r="B42423" s="14" t="s">
        <v>1</v>
      </c>
      <c r="C42423" s="14" t="s">
        <v>101</v>
      </c>
      <c r="D42423" s="14" t="s">
        <v>146</v>
      </c>
      <c r="E42423" s="15">
        <v>45459</v>
      </c>
      <c r="F42423" s="14" t="s">
        <v>61</v>
      </c>
      <c r="G42423" s="16">
        <v>0.37437112012998958</v>
      </c>
    </row>
    <row r="42424" spans="1:7" x14ac:dyDescent="0.3">
      <c r="A42424" s="13" t="s">
        <v>250</v>
      </c>
      <c r="B42424" s="14" t="s">
        <v>1</v>
      </c>
      <c r="C42424" s="14" t="s">
        <v>101</v>
      </c>
      <c r="D42424" s="14" t="s">
        <v>146</v>
      </c>
      <c r="E42424" s="15">
        <v>45460</v>
      </c>
      <c r="F42424" s="14" t="s">
        <v>61</v>
      </c>
      <c r="G42424" s="16">
        <v>0.3708586733121052</v>
      </c>
    </row>
    <row r="42425" spans="1:7" x14ac:dyDescent="0.3">
      <c r="A42425" s="13" t="s">
        <v>250</v>
      </c>
      <c r="B42425" s="14" t="s">
        <v>1</v>
      </c>
      <c r="C42425" s="14" t="s">
        <v>101</v>
      </c>
      <c r="D42425" s="14" t="s">
        <v>146</v>
      </c>
      <c r="E42425" s="15">
        <v>45461</v>
      </c>
      <c r="F42425" s="14" t="s">
        <v>61</v>
      </c>
      <c r="G42425" s="16">
        <v>0.37768476362105835</v>
      </c>
    </row>
    <row r="42426" spans="1:7" x14ac:dyDescent="0.3">
      <c r="A42426" s="13" t="s">
        <v>250</v>
      </c>
      <c r="B42426" s="14" t="s">
        <v>1</v>
      </c>
      <c r="C42426" s="14" t="s">
        <v>101</v>
      </c>
      <c r="D42426" s="14" t="s">
        <v>146</v>
      </c>
      <c r="E42426" s="15">
        <v>45462</v>
      </c>
      <c r="F42426" s="14" t="s">
        <v>61</v>
      </c>
      <c r="G42426" s="16">
        <v>0.37934317677891394</v>
      </c>
    </row>
    <row r="42427" spans="1:7" x14ac:dyDescent="0.3">
      <c r="A42427" s="13" t="s">
        <v>250</v>
      </c>
      <c r="B42427" s="14" t="s">
        <v>1</v>
      </c>
      <c r="C42427" s="14" t="s">
        <v>101</v>
      </c>
      <c r="D42427" s="14" t="s">
        <v>146</v>
      </c>
      <c r="E42427" s="15">
        <v>45463</v>
      </c>
      <c r="F42427" s="14" t="s">
        <v>61</v>
      </c>
      <c r="G42427" s="16">
        <v>0.37638034793481351</v>
      </c>
    </row>
    <row r="42428" spans="1:7" x14ac:dyDescent="0.3">
      <c r="A42428" s="13" t="s">
        <v>250</v>
      </c>
      <c r="B42428" s="14" t="s">
        <v>1</v>
      </c>
      <c r="C42428" s="14" t="s">
        <v>101</v>
      </c>
      <c r="D42428" s="14" t="s">
        <v>146</v>
      </c>
      <c r="E42428" s="15">
        <v>45464</v>
      </c>
      <c r="F42428" s="14" t="s">
        <v>61</v>
      </c>
      <c r="G42428" s="16">
        <v>0.3767159975254003</v>
      </c>
    </row>
    <row r="42429" spans="1:7" x14ac:dyDescent="0.3">
      <c r="A42429" s="13" t="s">
        <v>250</v>
      </c>
      <c r="B42429" s="14" t="s">
        <v>1</v>
      </c>
      <c r="C42429" s="14" t="s">
        <v>101</v>
      </c>
      <c r="D42429" s="14" t="s">
        <v>146</v>
      </c>
      <c r="E42429" s="15">
        <v>45465</v>
      </c>
      <c r="F42429" s="14" t="s">
        <v>61</v>
      </c>
      <c r="G42429" s="16">
        <v>0.3767159975254003</v>
      </c>
    </row>
    <row r="42430" spans="1:7" x14ac:dyDescent="0.3">
      <c r="A42430" s="13" t="s">
        <v>250</v>
      </c>
      <c r="B42430" s="14" t="s">
        <v>1</v>
      </c>
      <c r="C42430" s="14" t="s">
        <v>101</v>
      </c>
      <c r="D42430" s="14" t="s">
        <v>146</v>
      </c>
      <c r="E42430" s="15">
        <v>45466</v>
      </c>
      <c r="F42430" s="14" t="s">
        <v>61</v>
      </c>
      <c r="G42430" s="16">
        <v>0.3767159975254003</v>
      </c>
    </row>
    <row r="42431" spans="1:7" x14ac:dyDescent="0.3">
      <c r="A42431" s="13" t="s">
        <v>250</v>
      </c>
      <c r="B42431" s="14" t="s">
        <v>1</v>
      </c>
      <c r="C42431" s="14" t="s">
        <v>101</v>
      </c>
      <c r="D42431" s="14" t="s">
        <v>146</v>
      </c>
      <c r="E42431" s="15">
        <v>45467</v>
      </c>
      <c r="F42431" s="14" t="s">
        <v>61</v>
      </c>
      <c r="G42431" s="16">
        <v>0.37089229874443097</v>
      </c>
    </row>
    <row r="42432" spans="1:7" x14ac:dyDescent="0.3">
      <c r="A42432" s="13" t="s">
        <v>250</v>
      </c>
      <c r="B42432" s="14" t="s">
        <v>1</v>
      </c>
      <c r="C42432" s="14" t="s">
        <v>101</v>
      </c>
      <c r="D42432" s="14" t="s">
        <v>146</v>
      </c>
      <c r="E42432" s="15">
        <v>45468</v>
      </c>
      <c r="F42432" s="14" t="s">
        <v>61</v>
      </c>
      <c r="G42432" s="16">
        <v>0.35765374205982087</v>
      </c>
    </row>
    <row r="42433" spans="1:7" x14ac:dyDescent="0.3">
      <c r="A42433" s="13" t="s">
        <v>250</v>
      </c>
      <c r="B42433" s="14" t="s">
        <v>1</v>
      </c>
      <c r="C42433" s="14" t="s">
        <v>101</v>
      </c>
      <c r="D42433" s="14" t="s">
        <v>146</v>
      </c>
      <c r="E42433" s="15">
        <v>45469</v>
      </c>
      <c r="F42433" s="14" t="s">
        <v>61</v>
      </c>
      <c r="G42433" s="16">
        <v>0.3543170880580413</v>
      </c>
    </row>
    <row r="42434" spans="1:7" x14ac:dyDescent="0.3">
      <c r="A42434" s="13" t="s">
        <v>250</v>
      </c>
      <c r="B42434" s="14" t="s">
        <v>1</v>
      </c>
      <c r="C42434" s="14" t="s">
        <v>101</v>
      </c>
      <c r="D42434" s="14" t="s">
        <v>146</v>
      </c>
      <c r="E42434" s="15">
        <v>45470</v>
      </c>
      <c r="F42434" s="14" t="s">
        <v>61</v>
      </c>
      <c r="G42434" s="16">
        <v>0.34908828577776257</v>
      </c>
    </row>
    <row r="42435" spans="1:7" x14ac:dyDescent="0.3">
      <c r="A42435" s="13" t="s">
        <v>250</v>
      </c>
      <c r="B42435" s="14" t="s">
        <v>1</v>
      </c>
      <c r="C42435" s="14" t="s">
        <v>101</v>
      </c>
      <c r="D42435" s="14" t="s">
        <v>146</v>
      </c>
      <c r="E42435" s="15">
        <v>45471</v>
      </c>
      <c r="F42435" s="14" t="s">
        <v>61</v>
      </c>
      <c r="G42435" s="16">
        <v>0.35740725787074207</v>
      </c>
    </row>
    <row r="42436" spans="1:7" x14ac:dyDescent="0.3">
      <c r="A42436" s="13" t="s">
        <v>250</v>
      </c>
      <c r="B42436" s="14" t="s">
        <v>1</v>
      </c>
      <c r="C42436" s="14" t="s">
        <v>101</v>
      </c>
      <c r="D42436" s="14" t="s">
        <v>146</v>
      </c>
      <c r="E42436" s="15">
        <v>45472</v>
      </c>
      <c r="F42436" s="14" t="s">
        <v>61</v>
      </c>
      <c r="G42436" s="16">
        <v>0.35740725787074207</v>
      </c>
    </row>
    <row r="42437" spans="1:7" x14ac:dyDescent="0.3">
      <c r="A42437" s="13" t="s">
        <v>250</v>
      </c>
      <c r="B42437" s="14" t="s">
        <v>1</v>
      </c>
      <c r="C42437" s="14" t="s">
        <v>101</v>
      </c>
      <c r="D42437" s="14" t="s">
        <v>146</v>
      </c>
      <c r="E42437" s="15">
        <v>45473</v>
      </c>
      <c r="F42437" s="14" t="s">
        <v>61</v>
      </c>
      <c r="G42437" s="16">
        <v>0.35740725787074207</v>
      </c>
    </row>
    <row r="42438" spans="1:7" x14ac:dyDescent="0.3">
      <c r="A42438" s="13" t="s">
        <v>250</v>
      </c>
      <c r="B42438" s="14" t="s">
        <v>1</v>
      </c>
      <c r="C42438" s="14" t="s">
        <v>101</v>
      </c>
      <c r="D42438" s="14" t="s">
        <v>146</v>
      </c>
      <c r="E42438" s="15">
        <v>45474</v>
      </c>
      <c r="F42438" s="14" t="s">
        <v>61</v>
      </c>
      <c r="G42438" s="16">
        <v>0.35773474503130753</v>
      </c>
    </row>
    <row r="42439" spans="1:7" x14ac:dyDescent="0.3">
      <c r="A42439" s="13" t="s">
        <v>250</v>
      </c>
      <c r="B42439" s="14" t="s">
        <v>1</v>
      </c>
      <c r="C42439" s="14" t="s">
        <v>101</v>
      </c>
      <c r="D42439" s="14" t="s">
        <v>146</v>
      </c>
      <c r="E42439" s="15">
        <v>45475</v>
      </c>
      <c r="F42439" s="14" t="s">
        <v>61</v>
      </c>
      <c r="G42439" s="16">
        <v>0.34395271475386019</v>
      </c>
    </row>
    <row r="42440" spans="1:7" x14ac:dyDescent="0.3">
      <c r="A42440" s="13" t="s">
        <v>250</v>
      </c>
      <c r="B42440" s="14" t="s">
        <v>1</v>
      </c>
      <c r="C42440" s="14" t="s">
        <v>101</v>
      </c>
      <c r="D42440" s="14" t="s">
        <v>146</v>
      </c>
      <c r="E42440" s="15">
        <v>45476</v>
      </c>
      <c r="F42440" s="14" t="s">
        <v>61</v>
      </c>
      <c r="G42440" s="16">
        <v>0.3382011901224985</v>
      </c>
    </row>
    <row r="42441" spans="1:7" x14ac:dyDescent="0.3">
      <c r="A42441" s="13" t="s">
        <v>250</v>
      </c>
      <c r="B42441" s="14" t="s">
        <v>1</v>
      </c>
      <c r="C42441" s="14" t="s">
        <v>101</v>
      </c>
      <c r="D42441" s="14" t="s">
        <v>146</v>
      </c>
      <c r="E42441" s="15">
        <v>45477</v>
      </c>
      <c r="F42441" s="14" t="s">
        <v>61</v>
      </c>
      <c r="G42441" s="16">
        <v>0.33712651657692627</v>
      </c>
    </row>
    <row r="42442" spans="1:7" x14ac:dyDescent="0.3">
      <c r="A42442" s="13" t="s">
        <v>250</v>
      </c>
      <c r="B42442" s="14" t="s">
        <v>1</v>
      </c>
      <c r="C42442" s="14" t="s">
        <v>101</v>
      </c>
      <c r="D42442" s="14" t="s">
        <v>146</v>
      </c>
      <c r="E42442" s="15">
        <v>45478</v>
      </c>
      <c r="F42442" s="14" t="s">
        <v>61</v>
      </c>
      <c r="G42442" s="16">
        <v>0.33170062919693494</v>
      </c>
    </row>
    <row r="42443" spans="1:7" x14ac:dyDescent="0.3">
      <c r="A42443" s="13" t="s">
        <v>250</v>
      </c>
      <c r="B42443" s="14" t="s">
        <v>1</v>
      </c>
      <c r="C42443" s="14" t="s">
        <v>101</v>
      </c>
      <c r="D42443" s="14" t="s">
        <v>146</v>
      </c>
      <c r="E42443" s="15">
        <v>45479</v>
      </c>
      <c r="F42443" s="14" t="s">
        <v>61</v>
      </c>
      <c r="G42443" s="16">
        <v>0.33170062919693494</v>
      </c>
    </row>
    <row r="42444" spans="1:7" x14ac:dyDescent="0.3">
      <c r="A42444" s="13" t="s">
        <v>250</v>
      </c>
      <c r="B42444" s="14" t="s">
        <v>1</v>
      </c>
      <c r="C42444" s="14" t="s">
        <v>101</v>
      </c>
      <c r="D42444" s="14" t="s">
        <v>146</v>
      </c>
      <c r="E42444" s="15">
        <v>45480</v>
      </c>
      <c r="F42444" s="14" t="s">
        <v>61</v>
      </c>
      <c r="G42444" s="16">
        <v>0.33170062919693494</v>
      </c>
    </row>
    <row r="42445" spans="1:7" x14ac:dyDescent="0.3">
      <c r="A42445" s="13" t="s">
        <v>250</v>
      </c>
      <c r="B42445" s="14" t="s">
        <v>1</v>
      </c>
      <c r="C42445" s="14" t="s">
        <v>101</v>
      </c>
      <c r="D42445" s="14" t="s">
        <v>146</v>
      </c>
      <c r="E42445" s="15">
        <v>45481</v>
      </c>
      <c r="F42445" s="14" t="s">
        <v>61</v>
      </c>
      <c r="G42445" s="16">
        <v>0.32863193881896868</v>
      </c>
    </row>
    <row r="42446" spans="1:7" x14ac:dyDescent="0.3">
      <c r="A42446" s="13" t="s">
        <v>250</v>
      </c>
      <c r="B42446" s="14" t="s">
        <v>1</v>
      </c>
      <c r="C42446" s="14" t="s">
        <v>101</v>
      </c>
      <c r="D42446" s="14" t="s">
        <v>146</v>
      </c>
      <c r="E42446" s="15">
        <v>45482</v>
      </c>
      <c r="F42446" s="14" t="s">
        <v>61</v>
      </c>
      <c r="G42446" s="16">
        <v>0.31461545183782985</v>
      </c>
    </row>
    <row r="42447" spans="1:7" x14ac:dyDescent="0.3">
      <c r="A42447" s="13" t="s">
        <v>250</v>
      </c>
      <c r="B42447" s="14" t="s">
        <v>1</v>
      </c>
      <c r="C42447" s="14" t="s">
        <v>101</v>
      </c>
      <c r="D42447" s="14" t="s">
        <v>146</v>
      </c>
      <c r="E42447" s="15">
        <v>45483</v>
      </c>
      <c r="F42447" s="14" t="s">
        <v>61</v>
      </c>
      <c r="G42447" s="16">
        <v>0.3095811506093919</v>
      </c>
    </row>
    <row r="42448" spans="1:7" x14ac:dyDescent="0.3">
      <c r="A42448" s="13" t="s">
        <v>250</v>
      </c>
      <c r="B42448" s="14" t="s">
        <v>1</v>
      </c>
      <c r="C42448" s="14" t="s">
        <v>101</v>
      </c>
      <c r="D42448" s="14" t="s">
        <v>146</v>
      </c>
      <c r="E42448" s="15">
        <v>45484</v>
      </c>
      <c r="F42448" s="14" t="s">
        <v>61</v>
      </c>
      <c r="G42448" s="16">
        <v>0.30392242575474676</v>
      </c>
    </row>
    <row r="42449" spans="1:7" x14ac:dyDescent="0.3">
      <c r="A42449" s="13" t="s">
        <v>250</v>
      </c>
      <c r="B42449" s="14" t="s">
        <v>1</v>
      </c>
      <c r="C42449" s="14" t="s">
        <v>101</v>
      </c>
      <c r="D42449" s="14" t="s">
        <v>146</v>
      </c>
      <c r="E42449" s="15">
        <v>45485</v>
      </c>
      <c r="F42449" s="14" t="s">
        <v>61</v>
      </c>
      <c r="G42449" s="16">
        <v>0.30607978693806731</v>
      </c>
    </row>
    <row r="42450" spans="1:7" x14ac:dyDescent="0.3">
      <c r="A42450" s="13" t="s">
        <v>250</v>
      </c>
      <c r="B42450" s="14" t="s">
        <v>1</v>
      </c>
      <c r="C42450" s="14" t="s">
        <v>101</v>
      </c>
      <c r="D42450" s="14" t="s">
        <v>146</v>
      </c>
      <c r="E42450" s="15">
        <v>45486</v>
      </c>
      <c r="F42450" s="14" t="s">
        <v>61</v>
      </c>
      <c r="G42450" s="16">
        <v>0.30607978693806731</v>
      </c>
    </row>
    <row r="42451" spans="1:7" x14ac:dyDescent="0.3">
      <c r="A42451" s="13" t="s">
        <v>250</v>
      </c>
      <c r="B42451" s="14" t="s">
        <v>1</v>
      </c>
      <c r="C42451" s="14" t="s">
        <v>101</v>
      </c>
      <c r="D42451" s="14" t="s">
        <v>146</v>
      </c>
      <c r="E42451" s="15">
        <v>45487</v>
      </c>
      <c r="F42451" s="14" t="s">
        <v>61</v>
      </c>
      <c r="G42451" s="16">
        <v>0.30607978693806731</v>
      </c>
    </row>
    <row r="42452" spans="1:7" x14ac:dyDescent="0.3">
      <c r="A42452" s="13" t="s">
        <v>250</v>
      </c>
      <c r="B42452" s="14" t="s">
        <v>1</v>
      </c>
      <c r="C42452" s="14" t="s">
        <v>101</v>
      </c>
      <c r="D42452" s="14" t="s">
        <v>146</v>
      </c>
      <c r="E42452" s="15">
        <v>45488</v>
      </c>
      <c r="F42452" s="14" t="s">
        <v>61</v>
      </c>
      <c r="G42452" s="16">
        <v>0.3064366686140077</v>
      </c>
    </row>
    <row r="42453" spans="1:7" x14ac:dyDescent="0.3">
      <c r="A42453" s="13" t="s">
        <v>250</v>
      </c>
      <c r="B42453" s="14" t="s">
        <v>1</v>
      </c>
      <c r="C42453" s="14" t="s">
        <v>101</v>
      </c>
      <c r="D42453" s="14" t="s">
        <v>146</v>
      </c>
      <c r="E42453" s="15">
        <v>45489</v>
      </c>
      <c r="F42453" s="14" t="s">
        <v>61</v>
      </c>
      <c r="G42453" s="16">
        <v>0.29150797601757739</v>
      </c>
    </row>
    <row r="42454" spans="1:7" x14ac:dyDescent="0.3">
      <c r="A42454" s="13" t="s">
        <v>250</v>
      </c>
      <c r="B42454" s="14" t="s">
        <v>1</v>
      </c>
      <c r="C42454" s="14" t="s">
        <v>101</v>
      </c>
      <c r="D42454" s="14" t="s">
        <v>146</v>
      </c>
      <c r="E42454" s="15">
        <v>45490</v>
      </c>
      <c r="F42454" s="14" t="s">
        <v>61</v>
      </c>
      <c r="G42454" s="16">
        <v>0.2857728865300399</v>
      </c>
    </row>
    <row r="42455" spans="1:7" x14ac:dyDescent="0.3">
      <c r="A42455" s="13" t="s">
        <v>250</v>
      </c>
      <c r="B42455" s="14" t="s">
        <v>1</v>
      </c>
      <c r="C42455" s="14" t="s">
        <v>101</v>
      </c>
      <c r="D42455" s="14" t="s">
        <v>146</v>
      </c>
      <c r="E42455" s="15">
        <v>45491</v>
      </c>
      <c r="F42455" s="14" t="s">
        <v>61</v>
      </c>
      <c r="G42455" s="16">
        <v>0.28221170989510136</v>
      </c>
    </row>
    <row r="42456" spans="1:7" x14ac:dyDescent="0.3">
      <c r="A42456" s="13" t="s">
        <v>250</v>
      </c>
      <c r="B42456" s="14" t="s">
        <v>1</v>
      </c>
      <c r="C42456" s="14" t="s">
        <v>101</v>
      </c>
      <c r="D42456" s="14" t="s">
        <v>146</v>
      </c>
      <c r="E42456" s="15">
        <v>45492</v>
      </c>
      <c r="F42456" s="14" t="s">
        <v>61</v>
      </c>
      <c r="G42456" s="16">
        <v>0.28512048695205255</v>
      </c>
    </row>
    <row r="42457" spans="1:7" x14ac:dyDescent="0.3">
      <c r="A42457" s="13" t="s">
        <v>250</v>
      </c>
      <c r="B42457" s="14" t="s">
        <v>1</v>
      </c>
      <c r="C42457" s="14" t="s">
        <v>101</v>
      </c>
      <c r="D42457" s="14" t="s">
        <v>146</v>
      </c>
      <c r="E42457" s="15">
        <v>45493</v>
      </c>
      <c r="F42457" s="14" t="s">
        <v>61</v>
      </c>
      <c r="G42457" s="16">
        <v>0.28512048695205255</v>
      </c>
    </row>
    <row r="42458" spans="1:7" x14ac:dyDescent="0.3">
      <c r="A42458" s="13" t="s">
        <v>250</v>
      </c>
      <c r="B42458" s="14" t="s">
        <v>1</v>
      </c>
      <c r="C42458" s="14" t="s">
        <v>101</v>
      </c>
      <c r="D42458" s="14" t="s">
        <v>146</v>
      </c>
      <c r="E42458" s="15">
        <v>45494</v>
      </c>
      <c r="F42458" s="14" t="s">
        <v>61</v>
      </c>
      <c r="G42458" s="16">
        <v>0.28512048695205255</v>
      </c>
    </row>
    <row r="42459" spans="1:7" x14ac:dyDescent="0.3">
      <c r="A42459" s="13" t="s">
        <v>250</v>
      </c>
      <c r="B42459" s="14" t="s">
        <v>1</v>
      </c>
      <c r="C42459" s="14" t="s">
        <v>101</v>
      </c>
      <c r="D42459" s="14" t="s">
        <v>146</v>
      </c>
      <c r="E42459" s="15">
        <v>45495</v>
      </c>
      <c r="F42459" s="14" t="s">
        <v>61</v>
      </c>
      <c r="G42459" s="16">
        <v>0.28005876122382373</v>
      </c>
    </row>
    <row r="42460" spans="1:7" x14ac:dyDescent="0.3">
      <c r="A42460" s="13" t="s">
        <v>250</v>
      </c>
      <c r="B42460" s="14" t="s">
        <v>1</v>
      </c>
      <c r="C42460" s="14" t="s">
        <v>101</v>
      </c>
      <c r="D42460" s="14" t="s">
        <v>146</v>
      </c>
      <c r="E42460" s="15">
        <v>45496</v>
      </c>
      <c r="F42460" s="14" t="s">
        <v>61</v>
      </c>
      <c r="G42460" s="16">
        <v>0.26644096589332772</v>
      </c>
    </row>
    <row r="42461" spans="1:7" x14ac:dyDescent="0.3">
      <c r="A42461" s="13" t="s">
        <v>250</v>
      </c>
      <c r="B42461" s="14" t="s">
        <v>1</v>
      </c>
      <c r="C42461" s="14" t="s">
        <v>101</v>
      </c>
      <c r="D42461" s="14" t="s">
        <v>146</v>
      </c>
      <c r="E42461" s="15">
        <v>45497</v>
      </c>
      <c r="F42461" s="14" t="s">
        <v>61</v>
      </c>
      <c r="G42461" s="16">
        <v>0.26202526276478655</v>
      </c>
    </row>
    <row r="42462" spans="1:7" x14ac:dyDescent="0.3">
      <c r="A42462" s="13" t="s">
        <v>250</v>
      </c>
      <c r="B42462" s="14" t="s">
        <v>1</v>
      </c>
      <c r="C42462" s="14" t="s">
        <v>101</v>
      </c>
      <c r="D42462" s="14" t="s">
        <v>146</v>
      </c>
      <c r="E42462" s="15">
        <v>45498</v>
      </c>
      <c r="F42462" s="14" t="s">
        <v>61</v>
      </c>
      <c r="G42462" s="16">
        <v>0.2571893893738838</v>
      </c>
    </row>
    <row r="42463" spans="1:7" x14ac:dyDescent="0.3">
      <c r="A42463" s="13" t="s">
        <v>250</v>
      </c>
      <c r="B42463" s="14" t="s">
        <v>1</v>
      </c>
      <c r="C42463" s="14" t="s">
        <v>101</v>
      </c>
      <c r="D42463" s="14" t="s">
        <v>146</v>
      </c>
      <c r="E42463" s="15">
        <v>45499</v>
      </c>
      <c r="F42463" s="14" t="s">
        <v>61</v>
      </c>
      <c r="G42463" s="16">
        <v>0.31205064085009604</v>
      </c>
    </row>
    <row r="42464" spans="1:7" x14ac:dyDescent="0.3">
      <c r="A42464" s="13" t="s">
        <v>250</v>
      </c>
      <c r="B42464" s="14" t="s">
        <v>1</v>
      </c>
      <c r="C42464" s="14" t="s">
        <v>101</v>
      </c>
      <c r="D42464" s="14" t="s">
        <v>146</v>
      </c>
      <c r="E42464" s="15">
        <v>45500</v>
      </c>
      <c r="F42464" s="14" t="s">
        <v>61</v>
      </c>
      <c r="G42464" s="16">
        <v>0.31205064085009604</v>
      </c>
    </row>
    <row r="42465" spans="1:7" x14ac:dyDescent="0.3">
      <c r="A42465" s="13" t="s">
        <v>250</v>
      </c>
      <c r="B42465" s="14" t="s">
        <v>1</v>
      </c>
      <c r="C42465" s="14" t="s">
        <v>101</v>
      </c>
      <c r="D42465" s="14" t="s">
        <v>146</v>
      </c>
      <c r="E42465" s="15">
        <v>45501</v>
      </c>
      <c r="F42465" s="14" t="s">
        <v>61</v>
      </c>
      <c r="G42465" s="16">
        <v>0.31205064085009604</v>
      </c>
    </row>
    <row r="42466" spans="1:7" x14ac:dyDescent="0.3">
      <c r="A42466" s="13" t="s">
        <v>250</v>
      </c>
      <c r="B42466" s="14" t="s">
        <v>1</v>
      </c>
      <c r="C42466" s="14" t="s">
        <v>101</v>
      </c>
      <c r="D42466" s="14" t="s">
        <v>146</v>
      </c>
      <c r="E42466" s="15">
        <v>45502</v>
      </c>
      <c r="F42466" s="14" t="s">
        <v>61</v>
      </c>
      <c r="G42466" s="16">
        <v>0.31559018806823169</v>
      </c>
    </row>
    <row r="42467" spans="1:7" x14ac:dyDescent="0.3">
      <c r="A42467" s="13" t="s">
        <v>250</v>
      </c>
      <c r="B42467" s="14" t="s">
        <v>1</v>
      </c>
      <c r="C42467" s="14" t="s">
        <v>101</v>
      </c>
      <c r="D42467" s="14" t="s">
        <v>146</v>
      </c>
      <c r="E42467" s="15">
        <v>45503</v>
      </c>
      <c r="F42467" s="14" t="s">
        <v>61</v>
      </c>
      <c r="G42467" s="16">
        <v>0.30238383072152392</v>
      </c>
    </row>
    <row r="42468" spans="1:7" x14ac:dyDescent="0.3">
      <c r="A42468" s="13" t="s">
        <v>250</v>
      </c>
      <c r="B42468" s="14" t="s">
        <v>1</v>
      </c>
      <c r="C42468" s="14" t="s">
        <v>101</v>
      </c>
      <c r="D42468" s="14" t="s">
        <v>146</v>
      </c>
      <c r="E42468" s="15">
        <v>45504</v>
      </c>
      <c r="F42468" s="14" t="s">
        <v>61</v>
      </c>
      <c r="G42468" s="16">
        <v>0.29740630574790289</v>
      </c>
    </row>
    <row r="42469" spans="1:7" x14ac:dyDescent="0.3">
      <c r="A42469" s="13" t="s">
        <v>250</v>
      </c>
      <c r="B42469" s="14" t="s">
        <v>1</v>
      </c>
      <c r="C42469" s="14" t="s">
        <v>101</v>
      </c>
      <c r="D42469" s="14" t="s">
        <v>146</v>
      </c>
      <c r="E42469" s="15">
        <v>45505</v>
      </c>
      <c r="F42469" s="14" t="s">
        <v>61</v>
      </c>
      <c r="G42469" s="16">
        <v>0.30311745140014412</v>
      </c>
    </row>
    <row r="42470" spans="1:7" x14ac:dyDescent="0.3">
      <c r="A42470" s="13" t="s">
        <v>250</v>
      </c>
      <c r="B42470" s="14" t="s">
        <v>1</v>
      </c>
      <c r="C42470" s="14" t="s">
        <v>101</v>
      </c>
      <c r="D42470" s="14" t="s">
        <v>146</v>
      </c>
      <c r="E42470" s="15">
        <v>45506</v>
      </c>
      <c r="F42470" s="14" t="s">
        <v>61</v>
      </c>
      <c r="G42470" s="16">
        <v>0.29550766965204428</v>
      </c>
    </row>
    <row r="42471" spans="1:7" x14ac:dyDescent="0.3">
      <c r="A42471" s="13" t="s">
        <v>250</v>
      </c>
      <c r="B42471" s="14" t="s">
        <v>1</v>
      </c>
      <c r="C42471" s="14" t="s">
        <v>101</v>
      </c>
      <c r="D42471" s="14" t="s">
        <v>146</v>
      </c>
      <c r="E42471" s="15">
        <v>45507</v>
      </c>
      <c r="F42471" s="14" t="s">
        <v>61</v>
      </c>
      <c r="G42471" s="16">
        <v>0.29550766965204428</v>
      </c>
    </row>
    <row r="42472" spans="1:7" x14ac:dyDescent="0.3">
      <c r="A42472" s="13" t="s">
        <v>250</v>
      </c>
      <c r="B42472" s="14" t="s">
        <v>1</v>
      </c>
      <c r="C42472" s="14" t="s">
        <v>101</v>
      </c>
      <c r="D42472" s="14" t="s">
        <v>146</v>
      </c>
      <c r="E42472" s="15">
        <v>45508</v>
      </c>
      <c r="F42472" s="14" t="s">
        <v>61</v>
      </c>
      <c r="G42472" s="16">
        <v>0.29550766965204428</v>
      </c>
    </row>
    <row r="42473" spans="1:7" x14ac:dyDescent="0.3">
      <c r="A42473" s="13" t="s">
        <v>250</v>
      </c>
      <c r="B42473" s="14" t="s">
        <v>1</v>
      </c>
      <c r="C42473" s="14" t="s">
        <v>101</v>
      </c>
      <c r="D42473" s="14" t="s">
        <v>146</v>
      </c>
      <c r="E42473" s="15">
        <v>45509</v>
      </c>
      <c r="F42473" s="14" t="s">
        <v>61</v>
      </c>
      <c r="G42473" s="16">
        <v>0.29550766965204428</v>
      </c>
    </row>
    <row r="42474" spans="1:7" x14ac:dyDescent="0.3">
      <c r="A42474" s="13" t="s">
        <v>250</v>
      </c>
      <c r="B42474" s="14" t="s">
        <v>1</v>
      </c>
      <c r="C42474" s="14" t="s">
        <v>101</v>
      </c>
      <c r="D42474" s="14" t="s">
        <v>146</v>
      </c>
      <c r="E42474" s="15">
        <v>45510</v>
      </c>
      <c r="F42474" s="14" t="s">
        <v>61</v>
      </c>
      <c r="G42474" s="16">
        <v>0.29037251143356235</v>
      </c>
    </row>
    <row r="42475" spans="1:7" x14ac:dyDescent="0.3">
      <c r="A42475" s="13" t="s">
        <v>250</v>
      </c>
      <c r="B42475" s="14" t="s">
        <v>1</v>
      </c>
      <c r="C42475" s="14" t="s">
        <v>101</v>
      </c>
      <c r="D42475" s="14" t="s">
        <v>146</v>
      </c>
      <c r="E42475" s="15">
        <v>45511</v>
      </c>
      <c r="F42475" s="14" t="s">
        <v>61</v>
      </c>
      <c r="G42475" s="16">
        <v>0.27199034425836027</v>
      </c>
    </row>
    <row r="42476" spans="1:7" x14ac:dyDescent="0.3">
      <c r="A42476" s="13" t="s">
        <v>250</v>
      </c>
      <c r="B42476" s="14" t="s">
        <v>1</v>
      </c>
      <c r="C42476" s="14" t="s">
        <v>101</v>
      </c>
      <c r="D42476" s="14" t="s">
        <v>146</v>
      </c>
      <c r="E42476" s="15">
        <v>45512</v>
      </c>
      <c r="F42476" s="14" t="s">
        <v>61</v>
      </c>
      <c r="G42476" s="16">
        <v>0.26754801503810938</v>
      </c>
    </row>
    <row r="42477" spans="1:7" x14ac:dyDescent="0.3">
      <c r="A42477" s="13" t="s">
        <v>250</v>
      </c>
      <c r="B42477" s="14" t="s">
        <v>1</v>
      </c>
      <c r="C42477" s="14" t="s">
        <v>101</v>
      </c>
      <c r="D42477" s="14" t="s">
        <v>146</v>
      </c>
      <c r="E42477" s="15">
        <v>45513</v>
      </c>
      <c r="F42477" s="14" t="s">
        <v>61</v>
      </c>
      <c r="G42477" s="16">
        <v>0.26306423098809034</v>
      </c>
    </row>
    <row r="42478" spans="1:7" x14ac:dyDescent="0.3">
      <c r="A42478" s="13" t="s">
        <v>250</v>
      </c>
      <c r="B42478" s="14" t="s">
        <v>1</v>
      </c>
      <c r="C42478" s="14" t="s">
        <v>101</v>
      </c>
      <c r="D42478" s="14" t="s">
        <v>146</v>
      </c>
      <c r="E42478" s="15">
        <v>45514</v>
      </c>
      <c r="F42478" s="14" t="s">
        <v>61</v>
      </c>
      <c r="G42478" s="16">
        <v>0.26306423098809034</v>
      </c>
    </row>
    <row r="42479" spans="1:7" x14ac:dyDescent="0.3">
      <c r="A42479" s="13" t="s">
        <v>250</v>
      </c>
      <c r="B42479" s="14" t="s">
        <v>1</v>
      </c>
      <c r="C42479" s="14" t="s">
        <v>101</v>
      </c>
      <c r="D42479" s="14" t="s">
        <v>146</v>
      </c>
      <c r="E42479" s="15">
        <v>45515</v>
      </c>
      <c r="F42479" s="14" t="s">
        <v>61</v>
      </c>
      <c r="G42479" s="16">
        <v>0.26306423098809034</v>
      </c>
    </row>
    <row r="42480" spans="1:7" x14ac:dyDescent="0.3">
      <c r="A42480" s="13" t="s">
        <v>250</v>
      </c>
      <c r="B42480" s="14" t="s">
        <v>1</v>
      </c>
      <c r="C42480" s="14" t="s">
        <v>101</v>
      </c>
      <c r="D42480" s="14" t="s">
        <v>146</v>
      </c>
      <c r="E42480" s="15">
        <v>45516</v>
      </c>
      <c r="F42480" s="14" t="s">
        <v>61</v>
      </c>
      <c r="G42480" s="16">
        <v>0.25811776971957184</v>
      </c>
    </row>
    <row r="42481" spans="1:7" x14ac:dyDescent="0.3">
      <c r="A42481" s="13" t="s">
        <v>250</v>
      </c>
      <c r="B42481" s="14" t="s">
        <v>1</v>
      </c>
      <c r="C42481" s="14" t="s">
        <v>101</v>
      </c>
      <c r="D42481" s="14" t="s">
        <v>146</v>
      </c>
      <c r="E42481" s="15">
        <v>45517</v>
      </c>
      <c r="F42481" s="14" t="s">
        <v>61</v>
      </c>
      <c r="G42481" s="16">
        <v>0.24245048734307384</v>
      </c>
    </row>
    <row r="42482" spans="1:7" x14ac:dyDescent="0.3">
      <c r="A42482" s="13" t="s">
        <v>250</v>
      </c>
      <c r="B42482" s="14" t="s">
        <v>1</v>
      </c>
      <c r="C42482" s="14" t="s">
        <v>101</v>
      </c>
      <c r="D42482" s="14" t="s">
        <v>146</v>
      </c>
      <c r="E42482" s="15">
        <v>45518</v>
      </c>
      <c r="F42482" s="14" t="s">
        <v>61</v>
      </c>
      <c r="G42482" s="16">
        <v>0.24780427632529323</v>
      </c>
    </row>
    <row r="42483" spans="1:7" x14ac:dyDescent="0.3">
      <c r="A42483" s="13" t="s">
        <v>250</v>
      </c>
      <c r="B42483" s="14" t="s">
        <v>1</v>
      </c>
      <c r="C42483" s="14" t="s">
        <v>101</v>
      </c>
      <c r="D42483" s="14" t="s">
        <v>146</v>
      </c>
      <c r="E42483" s="15">
        <v>45519</v>
      </c>
      <c r="F42483" s="14" t="s">
        <v>61</v>
      </c>
      <c r="G42483" s="16">
        <v>0.24407174988090366</v>
      </c>
    </row>
    <row r="42484" spans="1:7" x14ac:dyDescent="0.3">
      <c r="A42484" s="13" t="s">
        <v>250</v>
      </c>
      <c r="B42484" s="14" t="s">
        <v>1</v>
      </c>
      <c r="C42484" s="14" t="s">
        <v>101</v>
      </c>
      <c r="D42484" s="14" t="s">
        <v>146</v>
      </c>
      <c r="E42484" s="15">
        <v>45520</v>
      </c>
      <c r="F42484" s="14" t="s">
        <v>61</v>
      </c>
      <c r="G42484" s="16">
        <v>0.25513791601462821</v>
      </c>
    </row>
    <row r="42485" spans="1:7" x14ac:dyDescent="0.3">
      <c r="A42485" s="13" t="s">
        <v>250</v>
      </c>
      <c r="B42485" s="14" t="s">
        <v>1</v>
      </c>
      <c r="C42485" s="14" t="s">
        <v>101</v>
      </c>
      <c r="D42485" s="14" t="s">
        <v>146</v>
      </c>
      <c r="E42485" s="15">
        <v>45521</v>
      </c>
      <c r="F42485" s="14" t="s">
        <v>61</v>
      </c>
      <c r="G42485" s="16">
        <v>0.25513791601462821</v>
      </c>
    </row>
    <row r="42486" spans="1:7" x14ac:dyDescent="0.3">
      <c r="A42486" s="13" t="s">
        <v>250</v>
      </c>
      <c r="B42486" s="14" t="s">
        <v>1</v>
      </c>
      <c r="C42486" s="14" t="s">
        <v>101</v>
      </c>
      <c r="D42486" s="14" t="s">
        <v>146</v>
      </c>
      <c r="E42486" s="15">
        <v>45522</v>
      </c>
      <c r="F42486" s="14" t="s">
        <v>61</v>
      </c>
      <c r="G42486" s="16">
        <v>0.25513791601462821</v>
      </c>
    </row>
    <row r="42487" spans="1:7" x14ac:dyDescent="0.3">
      <c r="A42487" s="13" t="s">
        <v>250</v>
      </c>
      <c r="B42487" s="14" t="s">
        <v>1</v>
      </c>
      <c r="C42487" s="14" t="s">
        <v>101</v>
      </c>
      <c r="D42487" s="14" t="s">
        <v>146</v>
      </c>
      <c r="E42487" s="15">
        <v>45523</v>
      </c>
      <c r="F42487" s="14" t="s">
        <v>61</v>
      </c>
      <c r="G42487" s="16">
        <v>0.25557697417395903</v>
      </c>
    </row>
    <row r="42488" spans="1:7" x14ac:dyDescent="0.3">
      <c r="A42488" s="13" t="s">
        <v>250</v>
      </c>
      <c r="B42488" s="14" t="s">
        <v>1</v>
      </c>
      <c r="C42488" s="14" t="s">
        <v>101</v>
      </c>
      <c r="D42488" s="14" t="s">
        <v>146</v>
      </c>
      <c r="E42488" s="15">
        <v>45524</v>
      </c>
      <c r="F42488" s="14" t="s">
        <v>61</v>
      </c>
      <c r="G42488" s="16">
        <v>0.24003023721946481</v>
      </c>
    </row>
    <row r="42489" spans="1:7" x14ac:dyDescent="0.3">
      <c r="A42489" s="13" t="s">
        <v>250</v>
      </c>
      <c r="B42489" s="14" t="s">
        <v>1</v>
      </c>
      <c r="C42489" s="14" t="s">
        <v>101</v>
      </c>
      <c r="D42489" s="14" t="s">
        <v>146</v>
      </c>
      <c r="E42489" s="15">
        <v>45525</v>
      </c>
      <c r="F42489" s="14" t="s">
        <v>61</v>
      </c>
      <c r="G42489" s="16">
        <v>0.23447019431310456</v>
      </c>
    </row>
    <row r="42490" spans="1:7" x14ac:dyDescent="0.3">
      <c r="A42490" s="13" t="s">
        <v>250</v>
      </c>
      <c r="B42490" s="14" t="s">
        <v>1</v>
      </c>
      <c r="C42490" s="14" t="s">
        <v>101</v>
      </c>
      <c r="D42490" s="14" t="s">
        <v>146</v>
      </c>
      <c r="E42490" s="15">
        <v>45526</v>
      </c>
      <c r="F42490" s="14" t="s">
        <v>61</v>
      </c>
      <c r="G42490" s="16">
        <v>0.28466285298476418</v>
      </c>
    </row>
    <row r="42491" spans="1:7" x14ac:dyDescent="0.3">
      <c r="A42491" s="13" t="s">
        <v>250</v>
      </c>
      <c r="B42491" s="14" t="s">
        <v>1</v>
      </c>
      <c r="C42491" s="14" t="s">
        <v>101</v>
      </c>
      <c r="D42491" s="14" t="s">
        <v>146</v>
      </c>
      <c r="E42491" s="15">
        <v>45527</v>
      </c>
      <c r="F42491" s="14" t="s">
        <v>61</v>
      </c>
      <c r="G42491" s="16">
        <v>0.27785950140671062</v>
      </c>
    </row>
    <row r="42492" spans="1:7" x14ac:dyDescent="0.3">
      <c r="A42492" s="13" t="s">
        <v>250</v>
      </c>
      <c r="B42492" s="14" t="s">
        <v>1</v>
      </c>
      <c r="C42492" s="14" t="s">
        <v>101</v>
      </c>
      <c r="D42492" s="14" t="s">
        <v>146</v>
      </c>
      <c r="E42492" s="15">
        <v>45528</v>
      </c>
      <c r="F42492" s="14" t="s">
        <v>61</v>
      </c>
      <c r="G42492" s="16">
        <v>0.27785950140671062</v>
      </c>
    </row>
    <row r="42493" spans="1:7" x14ac:dyDescent="0.3">
      <c r="A42493" s="13" t="s">
        <v>250</v>
      </c>
      <c r="B42493" s="14" t="s">
        <v>1</v>
      </c>
      <c r="C42493" s="14" t="s">
        <v>101</v>
      </c>
      <c r="D42493" s="14" t="s">
        <v>146</v>
      </c>
      <c r="E42493" s="15">
        <v>45529</v>
      </c>
      <c r="F42493" s="14" t="s">
        <v>61</v>
      </c>
      <c r="G42493" s="16">
        <v>0.27785950140671062</v>
      </c>
    </row>
    <row r="42494" spans="1:7" x14ac:dyDescent="0.3">
      <c r="A42494" s="13" t="s">
        <v>250</v>
      </c>
      <c r="B42494" s="14" t="s">
        <v>1</v>
      </c>
      <c r="C42494" s="14" t="s">
        <v>101</v>
      </c>
      <c r="D42494" s="14" t="s">
        <v>146</v>
      </c>
      <c r="E42494" s="15">
        <v>45530</v>
      </c>
      <c r="F42494" s="14" t="s">
        <v>61</v>
      </c>
      <c r="G42494" s="16">
        <v>0.28231155797109098</v>
      </c>
    </row>
    <row r="42495" spans="1:7" x14ac:dyDescent="0.3">
      <c r="A42495" s="13" t="s">
        <v>250</v>
      </c>
      <c r="B42495" s="14" t="s">
        <v>1</v>
      </c>
      <c r="C42495" s="14" t="s">
        <v>101</v>
      </c>
      <c r="D42495" s="14" t="s">
        <v>146</v>
      </c>
      <c r="E42495" s="15">
        <v>45531</v>
      </c>
      <c r="F42495" s="14" t="s">
        <v>61</v>
      </c>
      <c r="G42495" s="16">
        <v>0.26666767770628108</v>
      </c>
    </row>
    <row r="42496" spans="1:7" x14ac:dyDescent="0.3">
      <c r="A42496" s="13" t="s">
        <v>250</v>
      </c>
      <c r="B42496" s="14" t="s">
        <v>1</v>
      </c>
      <c r="C42496" s="14" t="s">
        <v>101</v>
      </c>
      <c r="D42496" s="14" t="s">
        <v>146</v>
      </c>
      <c r="E42496" s="15">
        <v>45532</v>
      </c>
      <c r="F42496" s="14" t="s">
        <v>61</v>
      </c>
      <c r="G42496" s="16">
        <v>0.26332070052605283</v>
      </c>
    </row>
    <row r="42497" spans="1:7" x14ac:dyDescent="0.3">
      <c r="A42497" s="13" t="s">
        <v>250</v>
      </c>
      <c r="B42497" s="14" t="s">
        <v>1</v>
      </c>
      <c r="C42497" s="14" t="s">
        <v>101</v>
      </c>
      <c r="D42497" s="14" t="s">
        <v>146</v>
      </c>
      <c r="E42497" s="15">
        <v>45533</v>
      </c>
      <c r="F42497" s="14" t="s">
        <v>61</v>
      </c>
      <c r="G42497" s="16">
        <v>0.25946051424503913</v>
      </c>
    </row>
    <row r="42498" spans="1:7" x14ac:dyDescent="0.3">
      <c r="A42498" s="13" t="s">
        <v>250</v>
      </c>
      <c r="B42498" s="14" t="s">
        <v>1</v>
      </c>
      <c r="C42498" s="14" t="s">
        <v>101</v>
      </c>
      <c r="D42498" s="14" t="s">
        <v>146</v>
      </c>
      <c r="E42498" s="15">
        <v>45534</v>
      </c>
      <c r="F42498" s="14" t="s">
        <v>61</v>
      </c>
      <c r="G42498" s="16">
        <v>0.26116948557207909</v>
      </c>
    </row>
    <row r="42499" spans="1:7" x14ac:dyDescent="0.3">
      <c r="A42499" s="13" t="s">
        <v>250</v>
      </c>
      <c r="B42499" s="14" t="s">
        <v>1</v>
      </c>
      <c r="C42499" s="14" t="s">
        <v>101</v>
      </c>
      <c r="D42499" s="14" t="s">
        <v>146</v>
      </c>
      <c r="E42499" s="15">
        <v>45535</v>
      </c>
      <c r="F42499" s="14" t="s">
        <v>61</v>
      </c>
      <c r="G42499" s="16">
        <v>0.26116948557207909</v>
      </c>
    </row>
    <row r="42500" spans="1:7" x14ac:dyDescent="0.3">
      <c r="A42500" s="13" t="s">
        <v>250</v>
      </c>
      <c r="B42500" s="14" t="s">
        <v>1</v>
      </c>
      <c r="C42500" s="14" t="s">
        <v>101</v>
      </c>
      <c r="D42500" s="14" t="s">
        <v>146</v>
      </c>
      <c r="E42500" s="15">
        <v>45536</v>
      </c>
      <c r="F42500" s="14" t="s">
        <v>61</v>
      </c>
      <c r="G42500" s="16">
        <v>0.26116948557207909</v>
      </c>
    </row>
    <row r="42501" spans="1:7" x14ac:dyDescent="0.3">
      <c r="A42501" s="13" t="s">
        <v>250</v>
      </c>
      <c r="B42501" s="14" t="s">
        <v>1</v>
      </c>
      <c r="C42501" s="14" t="s">
        <v>101</v>
      </c>
      <c r="D42501" s="14" t="s">
        <v>146</v>
      </c>
      <c r="E42501" s="15">
        <v>45537</v>
      </c>
      <c r="F42501" s="14" t="s">
        <v>61</v>
      </c>
      <c r="G42501" s="16">
        <v>0.31510140586689395</v>
      </c>
    </row>
    <row r="42502" spans="1:7" x14ac:dyDescent="0.3">
      <c r="A42502" s="13" t="s">
        <v>250</v>
      </c>
      <c r="B42502" s="14" t="s">
        <v>1</v>
      </c>
      <c r="C42502" s="14" t="s">
        <v>101</v>
      </c>
      <c r="D42502" s="14" t="s">
        <v>146</v>
      </c>
      <c r="E42502" s="15">
        <v>45538</v>
      </c>
      <c r="F42502" s="14" t="s">
        <v>61</v>
      </c>
      <c r="G42502" s="16">
        <v>0.30128148092978158</v>
      </c>
    </row>
    <row r="42503" spans="1:7" x14ac:dyDescent="0.3">
      <c r="A42503" s="13" t="s">
        <v>250</v>
      </c>
      <c r="B42503" s="14" t="s">
        <v>1</v>
      </c>
      <c r="C42503" s="14" t="s">
        <v>101</v>
      </c>
      <c r="D42503" s="14" t="s">
        <v>146</v>
      </c>
      <c r="E42503" s="15">
        <v>45539</v>
      </c>
      <c r="F42503" s="14" t="s">
        <v>61</v>
      </c>
      <c r="G42503" s="16">
        <v>0.29533884871505106</v>
      </c>
    </row>
    <row r="42504" spans="1:7" x14ac:dyDescent="0.3">
      <c r="A42504" s="13" t="s">
        <v>250</v>
      </c>
      <c r="B42504" s="14" t="s">
        <v>1</v>
      </c>
      <c r="C42504" s="14" t="s">
        <v>101</v>
      </c>
      <c r="D42504" s="14" t="s">
        <v>146</v>
      </c>
      <c r="E42504" s="15">
        <v>45540</v>
      </c>
      <c r="F42504" s="14" t="s">
        <v>61</v>
      </c>
      <c r="G42504" s="16">
        <v>0.3032571624090678</v>
      </c>
    </row>
    <row r="42505" spans="1:7" x14ac:dyDescent="0.3">
      <c r="A42505" s="13" t="s">
        <v>250</v>
      </c>
      <c r="B42505" s="14" t="s">
        <v>1</v>
      </c>
      <c r="C42505" s="14" t="s">
        <v>101</v>
      </c>
      <c r="D42505" s="14" t="s">
        <v>146</v>
      </c>
      <c r="E42505" s="15">
        <v>45541</v>
      </c>
      <c r="F42505" s="14" t="s">
        <v>61</v>
      </c>
      <c r="G42505" s="16">
        <v>0.29907181399414667</v>
      </c>
    </row>
    <row r="42506" spans="1:7" x14ac:dyDescent="0.3">
      <c r="A42506" s="13" t="s">
        <v>250</v>
      </c>
      <c r="B42506" s="14" t="s">
        <v>1</v>
      </c>
      <c r="C42506" s="14" t="s">
        <v>101</v>
      </c>
      <c r="D42506" s="14" t="s">
        <v>146</v>
      </c>
      <c r="E42506" s="15">
        <v>45542</v>
      </c>
      <c r="F42506" s="14" t="s">
        <v>61</v>
      </c>
      <c r="G42506" s="16">
        <v>0.29907181399414667</v>
      </c>
    </row>
    <row r="42507" spans="1:7" x14ac:dyDescent="0.3">
      <c r="A42507" s="13" t="s">
        <v>250</v>
      </c>
      <c r="B42507" s="14" t="s">
        <v>1</v>
      </c>
      <c r="C42507" s="14" t="s">
        <v>101</v>
      </c>
      <c r="D42507" s="14" t="s">
        <v>146</v>
      </c>
      <c r="E42507" s="15">
        <v>45543</v>
      </c>
      <c r="F42507" s="14" t="s">
        <v>61</v>
      </c>
      <c r="G42507" s="16">
        <v>0.29907181399414667</v>
      </c>
    </row>
    <row r="42508" spans="1:7" x14ac:dyDescent="0.3">
      <c r="A42508" s="13" t="s">
        <v>250</v>
      </c>
      <c r="B42508" s="14" t="s">
        <v>1</v>
      </c>
      <c r="C42508" s="14" t="s">
        <v>101</v>
      </c>
      <c r="D42508" s="14" t="s">
        <v>146</v>
      </c>
      <c r="E42508" s="15">
        <v>45544</v>
      </c>
      <c r="F42508" s="14" t="s">
        <v>61</v>
      </c>
      <c r="G42508" s="16">
        <v>0.301661268138608</v>
      </c>
    </row>
    <row r="42509" spans="1:7" x14ac:dyDescent="0.3">
      <c r="A42509" s="13" t="s">
        <v>250</v>
      </c>
      <c r="B42509" s="14" t="s">
        <v>1</v>
      </c>
      <c r="C42509" s="14" t="s">
        <v>101</v>
      </c>
      <c r="D42509" s="14" t="s">
        <v>146</v>
      </c>
      <c r="E42509" s="15">
        <v>45545</v>
      </c>
      <c r="F42509" s="14" t="s">
        <v>61</v>
      </c>
      <c r="G42509" s="16">
        <v>0.28699228498374441</v>
      </c>
    </row>
    <row r="42510" spans="1:7" x14ac:dyDescent="0.3">
      <c r="A42510" s="13" t="s">
        <v>250</v>
      </c>
      <c r="B42510" s="14" t="s">
        <v>1</v>
      </c>
      <c r="C42510" s="14" t="s">
        <v>101</v>
      </c>
      <c r="D42510" s="14" t="s">
        <v>146</v>
      </c>
      <c r="E42510" s="15">
        <v>45546</v>
      </c>
      <c r="F42510" s="14" t="s">
        <v>61</v>
      </c>
      <c r="G42510" s="16">
        <v>0.28231731877954924</v>
      </c>
    </row>
    <row r="42511" spans="1:7" x14ac:dyDescent="0.3">
      <c r="A42511" s="13" t="s">
        <v>250</v>
      </c>
      <c r="B42511" s="14" t="s">
        <v>1</v>
      </c>
      <c r="C42511" s="14" t="s">
        <v>101</v>
      </c>
      <c r="D42511" s="14" t="s">
        <v>146</v>
      </c>
      <c r="E42511" s="15">
        <v>45547</v>
      </c>
      <c r="F42511" s="14" t="s">
        <v>61</v>
      </c>
      <c r="G42511" s="16">
        <v>0.30185809299872068</v>
      </c>
    </row>
    <row r="42512" spans="1:7" x14ac:dyDescent="0.3">
      <c r="A42512" s="13" t="s">
        <v>250</v>
      </c>
      <c r="B42512" s="14" t="s">
        <v>1</v>
      </c>
      <c r="C42512" s="14" t="s">
        <v>101</v>
      </c>
      <c r="D42512" s="14" t="s">
        <v>146</v>
      </c>
      <c r="E42512" s="15">
        <v>45548</v>
      </c>
      <c r="F42512" s="14" t="s">
        <v>61</v>
      </c>
      <c r="G42512" s="16">
        <v>0.29452523829306942</v>
      </c>
    </row>
    <row r="42513" spans="1:7" x14ac:dyDescent="0.3">
      <c r="A42513" s="13" t="s">
        <v>250</v>
      </c>
      <c r="B42513" s="14" t="s">
        <v>1</v>
      </c>
      <c r="C42513" s="14" t="s">
        <v>101</v>
      </c>
      <c r="D42513" s="14" t="s">
        <v>146</v>
      </c>
      <c r="E42513" s="15">
        <v>45549</v>
      </c>
      <c r="F42513" s="14" t="s">
        <v>61</v>
      </c>
      <c r="G42513" s="16">
        <v>0.29452523829306942</v>
      </c>
    </row>
    <row r="42514" spans="1:7" x14ac:dyDescent="0.3">
      <c r="A42514" s="13" t="s">
        <v>250</v>
      </c>
      <c r="B42514" s="14" t="s">
        <v>1</v>
      </c>
      <c r="C42514" s="14" t="s">
        <v>101</v>
      </c>
      <c r="D42514" s="14" t="s">
        <v>146</v>
      </c>
      <c r="E42514" s="15">
        <v>45550</v>
      </c>
      <c r="F42514" s="14" t="s">
        <v>61</v>
      </c>
      <c r="G42514" s="16">
        <v>0.29452523829306942</v>
      </c>
    </row>
    <row r="42515" spans="1:7" x14ac:dyDescent="0.3">
      <c r="A42515" s="13" t="s">
        <v>250</v>
      </c>
      <c r="B42515" s="14" t="s">
        <v>1</v>
      </c>
      <c r="C42515" s="14" t="s">
        <v>101</v>
      </c>
      <c r="D42515" s="14" t="s">
        <v>146</v>
      </c>
      <c r="E42515" s="15">
        <v>45551</v>
      </c>
      <c r="F42515" s="14" t="s">
        <v>61</v>
      </c>
      <c r="G42515" s="16">
        <v>0.2972719058879576</v>
      </c>
    </row>
    <row r="42516" spans="1:7" x14ac:dyDescent="0.3">
      <c r="A42516" s="13" t="s">
        <v>250</v>
      </c>
      <c r="B42516" s="14" t="s">
        <v>1</v>
      </c>
      <c r="C42516" s="14" t="s">
        <v>101</v>
      </c>
      <c r="D42516" s="14" t="s">
        <v>146</v>
      </c>
      <c r="E42516" s="15">
        <v>45552</v>
      </c>
      <c r="F42516" s="14" t="s">
        <v>61</v>
      </c>
      <c r="G42516" s="16">
        <v>0.28252750825289963</v>
      </c>
    </row>
    <row r="42517" spans="1:7" x14ac:dyDescent="0.3">
      <c r="A42517" s="13" t="s">
        <v>250</v>
      </c>
      <c r="B42517" s="14" t="s">
        <v>1</v>
      </c>
      <c r="C42517" s="14" t="s">
        <v>101</v>
      </c>
      <c r="D42517" s="14" t="s">
        <v>146</v>
      </c>
      <c r="E42517" s="15">
        <v>45553</v>
      </c>
      <c r="F42517" s="14" t="s">
        <v>61</v>
      </c>
      <c r="G42517" s="16">
        <v>0.28611021106841561</v>
      </c>
    </row>
    <row r="42518" spans="1:7" x14ac:dyDescent="0.3">
      <c r="A42518" s="13" t="s">
        <v>250</v>
      </c>
      <c r="B42518" s="14" t="s">
        <v>1</v>
      </c>
      <c r="C42518" s="14" t="s">
        <v>101</v>
      </c>
      <c r="D42518" s="14" t="s">
        <v>146</v>
      </c>
      <c r="E42518" s="15">
        <v>45554</v>
      </c>
      <c r="F42518" s="14" t="s">
        <v>61</v>
      </c>
      <c r="G42518" s="16">
        <v>0.28006543439206311</v>
      </c>
    </row>
    <row r="42519" spans="1:7" x14ac:dyDescent="0.3">
      <c r="A42519" s="13" t="s">
        <v>250</v>
      </c>
      <c r="B42519" s="14" t="s">
        <v>1</v>
      </c>
      <c r="C42519" s="14" t="s">
        <v>101</v>
      </c>
      <c r="D42519" s="14" t="s">
        <v>146</v>
      </c>
      <c r="E42519" s="15">
        <v>45555</v>
      </c>
      <c r="F42519" s="14" t="s">
        <v>61</v>
      </c>
      <c r="G42519" s="16">
        <v>0.28131686379775322</v>
      </c>
    </row>
    <row r="42520" spans="1:7" x14ac:dyDescent="0.3">
      <c r="A42520" s="13" t="s">
        <v>250</v>
      </c>
      <c r="B42520" s="14" t="s">
        <v>1</v>
      </c>
      <c r="C42520" s="14" t="s">
        <v>101</v>
      </c>
      <c r="D42520" s="14" t="s">
        <v>146</v>
      </c>
      <c r="E42520" s="15">
        <v>45556</v>
      </c>
      <c r="F42520" s="14" t="s">
        <v>61</v>
      </c>
      <c r="G42520" s="16">
        <v>0.28131686379775322</v>
      </c>
    </row>
    <row r="42521" spans="1:7" x14ac:dyDescent="0.3">
      <c r="A42521" s="13" t="s">
        <v>250</v>
      </c>
      <c r="B42521" s="14" t="s">
        <v>1</v>
      </c>
      <c r="C42521" s="14" t="s">
        <v>101</v>
      </c>
      <c r="D42521" s="14" t="s">
        <v>146</v>
      </c>
      <c r="E42521" s="15">
        <v>45557</v>
      </c>
      <c r="F42521" s="14" t="s">
        <v>61</v>
      </c>
      <c r="G42521" s="16">
        <v>0.28131686379775322</v>
      </c>
    </row>
    <row r="42522" spans="1:7" x14ac:dyDescent="0.3">
      <c r="A42522" s="13" t="s">
        <v>250</v>
      </c>
      <c r="B42522" s="14" t="s">
        <v>1</v>
      </c>
      <c r="C42522" s="14" t="s">
        <v>101</v>
      </c>
      <c r="D42522" s="14" t="s">
        <v>146</v>
      </c>
      <c r="E42522" s="15">
        <v>45558</v>
      </c>
      <c r="F42522" s="14" t="s">
        <v>61</v>
      </c>
      <c r="G42522" s="16">
        <v>0.27755710058039573</v>
      </c>
    </row>
    <row r="42523" spans="1:7" x14ac:dyDescent="0.3">
      <c r="A42523" s="13" t="s">
        <v>250</v>
      </c>
      <c r="B42523" s="14" t="s">
        <v>1</v>
      </c>
      <c r="C42523" s="14" t="s">
        <v>101</v>
      </c>
      <c r="D42523" s="14" t="s">
        <v>146</v>
      </c>
      <c r="E42523" s="15">
        <v>45559</v>
      </c>
      <c r="F42523" s="14" t="s">
        <v>61</v>
      </c>
      <c r="G42523" s="16">
        <v>0.26038507927209181</v>
      </c>
    </row>
    <row r="42524" spans="1:7" x14ac:dyDescent="0.3">
      <c r="A42524" s="13" t="s">
        <v>250</v>
      </c>
      <c r="B42524" s="14" t="s">
        <v>1</v>
      </c>
      <c r="C42524" s="14" t="s">
        <v>101</v>
      </c>
      <c r="D42524" s="14" t="s">
        <v>146</v>
      </c>
      <c r="E42524" s="15">
        <v>45560</v>
      </c>
      <c r="F42524" s="14" t="s">
        <v>61</v>
      </c>
      <c r="G42524" s="16">
        <v>0.26959521526213237</v>
      </c>
    </row>
    <row r="42525" spans="1:7" x14ac:dyDescent="0.3">
      <c r="A42525" s="13" t="s">
        <v>250</v>
      </c>
      <c r="B42525" s="14" t="s">
        <v>1</v>
      </c>
      <c r="C42525" s="14" t="s">
        <v>101</v>
      </c>
      <c r="D42525" s="14" t="s">
        <v>146</v>
      </c>
      <c r="E42525" s="15">
        <v>45561</v>
      </c>
      <c r="F42525" s="14" t="s">
        <v>61</v>
      </c>
      <c r="G42525" s="16">
        <v>0.26353636207297865</v>
      </c>
    </row>
    <row r="42526" spans="1:7" x14ac:dyDescent="0.3">
      <c r="A42526" s="13" t="s">
        <v>250</v>
      </c>
      <c r="B42526" s="14" t="s">
        <v>1</v>
      </c>
      <c r="C42526" s="14" t="s">
        <v>101</v>
      </c>
      <c r="D42526" s="14" t="s">
        <v>146</v>
      </c>
      <c r="E42526" s="15">
        <v>45562</v>
      </c>
      <c r="F42526" s="14" t="s">
        <v>61</v>
      </c>
      <c r="G42526" s="16">
        <v>0.25879058313829256</v>
      </c>
    </row>
    <row r="42527" spans="1:7" x14ac:dyDescent="0.3">
      <c r="A42527" s="13" t="s">
        <v>250</v>
      </c>
      <c r="B42527" s="14" t="s">
        <v>1</v>
      </c>
      <c r="C42527" s="14" t="s">
        <v>101</v>
      </c>
      <c r="D42527" s="14" t="s">
        <v>146</v>
      </c>
      <c r="E42527" s="15">
        <v>45563</v>
      </c>
      <c r="F42527" s="14" t="s">
        <v>61</v>
      </c>
      <c r="G42527" s="16">
        <v>0.25879058313829256</v>
      </c>
    </row>
    <row r="42528" spans="1:7" x14ac:dyDescent="0.3">
      <c r="A42528" s="13" t="s">
        <v>250</v>
      </c>
      <c r="B42528" s="14" t="s">
        <v>1</v>
      </c>
      <c r="C42528" s="14" t="s">
        <v>101</v>
      </c>
      <c r="D42528" s="14" t="s">
        <v>146</v>
      </c>
      <c r="E42528" s="15">
        <v>45564</v>
      </c>
      <c r="F42528" s="14" t="s">
        <v>61</v>
      </c>
      <c r="G42528" s="16">
        <v>0.25879058313829256</v>
      </c>
    </row>
    <row r="42529" spans="1:7" x14ac:dyDescent="0.3">
      <c r="A42529" s="13" t="s">
        <v>250</v>
      </c>
      <c r="B42529" s="14" t="s">
        <v>1</v>
      </c>
      <c r="C42529" s="14" t="s">
        <v>101</v>
      </c>
      <c r="D42529" s="14" t="s">
        <v>146</v>
      </c>
      <c r="E42529" s="15">
        <v>45565</v>
      </c>
      <c r="F42529" s="14" t="s">
        <v>61</v>
      </c>
      <c r="G42529" s="16">
        <v>0.35172020781963564</v>
      </c>
    </row>
    <row r="42530" spans="1:7" x14ac:dyDescent="0.3">
      <c r="A42530" s="13" t="s">
        <v>250</v>
      </c>
      <c r="B42530" s="14" t="s">
        <v>1</v>
      </c>
      <c r="C42530" s="14" t="s">
        <v>101</v>
      </c>
      <c r="D42530" s="14" t="s">
        <v>146</v>
      </c>
      <c r="E42530" s="15">
        <v>45566</v>
      </c>
      <c r="F42530" s="14" t="s">
        <v>61</v>
      </c>
      <c r="G42530" s="16">
        <v>0.34177142193215609</v>
      </c>
    </row>
    <row r="42531" spans="1:7" x14ac:dyDescent="0.3">
      <c r="A42531" s="13" t="s">
        <v>250</v>
      </c>
      <c r="B42531" s="14" t="s">
        <v>1</v>
      </c>
      <c r="C42531" s="14" t="s">
        <v>101</v>
      </c>
      <c r="D42531" s="14" t="s">
        <v>146</v>
      </c>
      <c r="E42531" s="15">
        <v>45567</v>
      </c>
      <c r="F42531" s="14" t="s">
        <v>61</v>
      </c>
      <c r="G42531" s="16">
        <v>0.33675416779504719</v>
      </c>
    </row>
    <row r="42532" spans="1:7" x14ac:dyDescent="0.3">
      <c r="A42532" s="13" t="s">
        <v>250</v>
      </c>
      <c r="B42532" s="14" t="s">
        <v>1</v>
      </c>
      <c r="C42532" s="14" t="s">
        <v>101</v>
      </c>
      <c r="D42532" s="14" t="s">
        <v>146</v>
      </c>
      <c r="E42532" s="15">
        <v>45568</v>
      </c>
      <c r="F42532" s="14" t="s">
        <v>61</v>
      </c>
      <c r="G42532" s="16">
        <v>0.32974626544760732</v>
      </c>
    </row>
    <row r="42533" spans="1:7" x14ac:dyDescent="0.3">
      <c r="A42533" s="13" t="s">
        <v>250</v>
      </c>
      <c r="B42533" s="14" t="s">
        <v>1</v>
      </c>
      <c r="C42533" s="14" t="s">
        <v>101</v>
      </c>
      <c r="D42533" s="14" t="s">
        <v>146</v>
      </c>
      <c r="E42533" s="15">
        <v>45569</v>
      </c>
      <c r="F42533" s="14" t="s">
        <v>61</v>
      </c>
      <c r="G42533" s="16">
        <v>0.32628765238487445</v>
      </c>
    </row>
    <row r="42534" spans="1:7" x14ac:dyDescent="0.3">
      <c r="A42534" s="13" t="s">
        <v>250</v>
      </c>
      <c r="B42534" s="14" t="s">
        <v>1</v>
      </c>
      <c r="C42534" s="14" t="s">
        <v>101</v>
      </c>
      <c r="D42534" s="14" t="s">
        <v>146</v>
      </c>
      <c r="E42534" s="15">
        <v>45570</v>
      </c>
      <c r="F42534" s="14" t="s">
        <v>61</v>
      </c>
      <c r="G42534" s="16">
        <v>0.32628765238487445</v>
      </c>
    </row>
    <row r="42535" spans="1:7" x14ac:dyDescent="0.3">
      <c r="A42535" s="13" t="s">
        <v>250</v>
      </c>
      <c r="B42535" s="14" t="s">
        <v>1</v>
      </c>
      <c r="C42535" s="14" t="s">
        <v>101</v>
      </c>
      <c r="D42535" s="14" t="s">
        <v>146</v>
      </c>
      <c r="E42535" s="15">
        <v>45571</v>
      </c>
      <c r="F42535" s="14" t="s">
        <v>61</v>
      </c>
      <c r="G42535" s="16">
        <v>0.32628765238487445</v>
      </c>
    </row>
    <row r="42536" spans="1:7" x14ac:dyDescent="0.3">
      <c r="A42536" s="13" t="s">
        <v>250</v>
      </c>
      <c r="B42536" s="14" t="s">
        <v>1</v>
      </c>
      <c r="C42536" s="14" t="s">
        <v>101</v>
      </c>
      <c r="D42536" s="14" t="s">
        <v>146</v>
      </c>
      <c r="E42536" s="15">
        <v>45572</v>
      </c>
      <c r="F42536" s="14" t="s">
        <v>61</v>
      </c>
      <c r="G42536" s="16">
        <v>0.325560114853708</v>
      </c>
    </row>
    <row r="42537" spans="1:7" x14ac:dyDescent="0.3">
      <c r="A42537" s="13" t="s">
        <v>250</v>
      </c>
      <c r="B42537" s="14" t="s">
        <v>1</v>
      </c>
      <c r="C42537" s="14" t="s">
        <v>101</v>
      </c>
      <c r="D42537" s="14" t="s">
        <v>146</v>
      </c>
      <c r="E42537" s="15">
        <v>45573</v>
      </c>
      <c r="F42537" s="14" t="s">
        <v>61</v>
      </c>
      <c r="G42537" s="16">
        <v>0.3098663421992871</v>
      </c>
    </row>
    <row r="42538" spans="1:7" x14ac:dyDescent="0.3">
      <c r="A42538" s="13" t="s">
        <v>250</v>
      </c>
      <c r="B42538" s="14" t="s">
        <v>1</v>
      </c>
      <c r="C42538" s="14" t="s">
        <v>101</v>
      </c>
      <c r="D42538" s="14" t="s">
        <v>146</v>
      </c>
      <c r="E42538" s="15">
        <v>45574</v>
      </c>
      <c r="F42538" s="14" t="s">
        <v>61</v>
      </c>
      <c r="G42538" s="16">
        <v>0.30611466536679172</v>
      </c>
    </row>
    <row r="42539" spans="1:7" x14ac:dyDescent="0.3">
      <c r="A42539" s="13" t="s">
        <v>250</v>
      </c>
      <c r="B42539" s="14" t="s">
        <v>1</v>
      </c>
      <c r="C42539" s="14" t="s">
        <v>101</v>
      </c>
      <c r="D42539" s="14" t="s">
        <v>146</v>
      </c>
      <c r="E42539" s="15">
        <v>45575</v>
      </c>
      <c r="F42539" s="14" t="s">
        <v>61</v>
      </c>
      <c r="G42539" s="16">
        <v>0.30123736792661948</v>
      </c>
    </row>
    <row r="42540" spans="1:7" x14ac:dyDescent="0.3">
      <c r="A42540" s="13" t="s">
        <v>250</v>
      </c>
      <c r="B42540" s="14" t="s">
        <v>1</v>
      </c>
      <c r="C42540" s="14" t="s">
        <v>101</v>
      </c>
      <c r="D42540" s="14" t="s">
        <v>146</v>
      </c>
      <c r="E42540" s="15">
        <v>45576</v>
      </c>
      <c r="F42540" s="14" t="s">
        <v>61</v>
      </c>
      <c r="G42540" s="16">
        <v>0.30562193250620057</v>
      </c>
    </row>
    <row r="42541" spans="1:7" x14ac:dyDescent="0.3">
      <c r="A42541" s="13" t="s">
        <v>250</v>
      </c>
      <c r="B42541" s="14" t="s">
        <v>1</v>
      </c>
      <c r="C42541" s="14" t="s">
        <v>101</v>
      </c>
      <c r="D42541" s="14" t="s">
        <v>146</v>
      </c>
      <c r="E42541" s="15">
        <v>45577</v>
      </c>
      <c r="F42541" s="14" t="s">
        <v>61</v>
      </c>
      <c r="G42541" s="16">
        <v>0.30562193250620057</v>
      </c>
    </row>
    <row r="42542" spans="1:7" x14ac:dyDescent="0.3">
      <c r="A42542" s="13" t="s">
        <v>250</v>
      </c>
      <c r="B42542" s="14" t="s">
        <v>1</v>
      </c>
      <c r="C42542" s="14" t="s">
        <v>101</v>
      </c>
      <c r="D42542" s="14" t="s">
        <v>146</v>
      </c>
      <c r="E42542" s="15">
        <v>45578</v>
      </c>
      <c r="F42542" s="14" t="s">
        <v>61</v>
      </c>
      <c r="G42542" s="16">
        <v>0.30562193250620057</v>
      </c>
    </row>
    <row r="42543" spans="1:7" x14ac:dyDescent="0.3">
      <c r="A42543" s="13" t="s">
        <v>250</v>
      </c>
      <c r="B42543" s="14" t="s">
        <v>1</v>
      </c>
      <c r="C42543" s="14" t="s">
        <v>101</v>
      </c>
      <c r="D42543" s="14" t="s">
        <v>146</v>
      </c>
      <c r="E42543" s="15">
        <v>45579</v>
      </c>
      <c r="F42543" s="14" t="s">
        <v>61</v>
      </c>
      <c r="G42543" s="16">
        <v>0.30614783079157315</v>
      </c>
    </row>
    <row r="42544" spans="1:7" x14ac:dyDescent="0.3">
      <c r="A42544" s="13" t="s">
        <v>250</v>
      </c>
      <c r="B42544" s="14" t="s">
        <v>1</v>
      </c>
      <c r="C42544" s="14" t="s">
        <v>101</v>
      </c>
      <c r="D42544" s="14" t="s">
        <v>146</v>
      </c>
      <c r="E42544" s="15">
        <v>45580</v>
      </c>
      <c r="F42544" s="14" t="s">
        <v>61</v>
      </c>
      <c r="G42544" s="16">
        <v>0.29109896519256812</v>
      </c>
    </row>
    <row r="42545" spans="1:7" x14ac:dyDescent="0.3">
      <c r="A42545" s="13" t="s">
        <v>250</v>
      </c>
      <c r="B42545" s="14" t="s">
        <v>1</v>
      </c>
      <c r="C42545" s="14" t="s">
        <v>101</v>
      </c>
      <c r="D42545" s="14" t="s">
        <v>146</v>
      </c>
      <c r="E42545" s="15">
        <v>45581</v>
      </c>
      <c r="F42545" s="14" t="s">
        <v>61</v>
      </c>
      <c r="G42545" s="16">
        <v>0.28688156917560237</v>
      </c>
    </row>
    <row r="42546" spans="1:7" x14ac:dyDescent="0.3">
      <c r="A42546" s="13" t="s">
        <v>250</v>
      </c>
      <c r="B42546" s="14" t="s">
        <v>1</v>
      </c>
      <c r="C42546" s="14" t="s">
        <v>101</v>
      </c>
      <c r="D42546" s="14" t="s">
        <v>146</v>
      </c>
      <c r="E42546" s="15">
        <v>45582</v>
      </c>
      <c r="F42546" s="14" t="s">
        <v>61</v>
      </c>
      <c r="G42546" s="16">
        <v>0.28269012066882226</v>
      </c>
    </row>
    <row r="42547" spans="1:7" x14ac:dyDescent="0.3">
      <c r="A42547" s="13" t="s">
        <v>250</v>
      </c>
      <c r="B42547" s="14" t="s">
        <v>1</v>
      </c>
      <c r="C42547" s="14" t="s">
        <v>101</v>
      </c>
      <c r="D42547" s="14" t="s">
        <v>146</v>
      </c>
      <c r="E42547" s="15">
        <v>45583</v>
      </c>
      <c r="F42547" s="14" t="s">
        <v>61</v>
      </c>
      <c r="G42547" s="16">
        <v>0.27679695223871364</v>
      </c>
    </row>
    <row r="42548" spans="1:7" x14ac:dyDescent="0.3">
      <c r="A42548" s="13" t="s">
        <v>250</v>
      </c>
      <c r="B42548" s="14" t="s">
        <v>1</v>
      </c>
      <c r="C42548" s="14" t="s">
        <v>101</v>
      </c>
      <c r="D42548" s="14" t="s">
        <v>146</v>
      </c>
      <c r="E42548" s="15">
        <v>45584</v>
      </c>
      <c r="F42548" s="14" t="s">
        <v>61</v>
      </c>
      <c r="G42548" s="16">
        <v>0.27679695223871364</v>
      </c>
    </row>
    <row r="42549" spans="1:7" x14ac:dyDescent="0.3">
      <c r="A42549" s="13" t="s">
        <v>250</v>
      </c>
      <c r="B42549" s="14" t="s">
        <v>1</v>
      </c>
      <c r="C42549" s="14" t="s">
        <v>101</v>
      </c>
      <c r="D42549" s="14" t="s">
        <v>146</v>
      </c>
      <c r="E42549" s="15">
        <v>45585</v>
      </c>
      <c r="F42549" s="14" t="s">
        <v>61</v>
      </c>
      <c r="G42549" s="16">
        <v>0.27679695223871364</v>
      </c>
    </row>
    <row r="42550" spans="1:7" x14ac:dyDescent="0.3">
      <c r="A42550" s="13" t="s">
        <v>250</v>
      </c>
      <c r="B42550" s="14" t="s">
        <v>1</v>
      </c>
      <c r="C42550" s="14" t="s">
        <v>101</v>
      </c>
      <c r="D42550" s="14" t="s">
        <v>146</v>
      </c>
      <c r="E42550" s="15">
        <v>45586</v>
      </c>
      <c r="F42550" s="14" t="s">
        <v>61</v>
      </c>
      <c r="G42550" s="16">
        <v>0.27422609838564588</v>
      </c>
    </row>
    <row r="42551" spans="1:7" x14ac:dyDescent="0.3">
      <c r="A42551" s="13" t="s">
        <v>250</v>
      </c>
      <c r="B42551" s="14" t="s">
        <v>1</v>
      </c>
      <c r="C42551" s="14" t="s">
        <v>101</v>
      </c>
      <c r="D42551" s="14" t="s">
        <v>146</v>
      </c>
      <c r="E42551" s="15">
        <v>45587</v>
      </c>
      <c r="F42551" s="14" t="s">
        <v>61</v>
      </c>
      <c r="G42551" s="16">
        <v>0.25899432073198286</v>
      </c>
    </row>
    <row r="42552" spans="1:7" x14ac:dyDescent="0.3">
      <c r="A42552" s="13" t="s">
        <v>250</v>
      </c>
      <c r="B42552" s="14" t="s">
        <v>1</v>
      </c>
      <c r="C42552" s="14" t="s">
        <v>101</v>
      </c>
      <c r="D42552" s="14" t="s">
        <v>146</v>
      </c>
      <c r="E42552" s="15">
        <v>45588</v>
      </c>
      <c r="F42552" s="14" t="s">
        <v>61</v>
      </c>
      <c r="G42552" s="16">
        <v>0.25443899555057831</v>
      </c>
    </row>
    <row r="42553" spans="1:7" x14ac:dyDescent="0.3">
      <c r="A42553" s="13" t="s">
        <v>250</v>
      </c>
      <c r="B42553" s="14" t="s">
        <v>1</v>
      </c>
      <c r="C42553" s="14" t="s">
        <v>101</v>
      </c>
      <c r="D42553" s="14" t="s">
        <v>146</v>
      </c>
      <c r="E42553" s="15">
        <v>45589</v>
      </c>
      <c r="F42553" s="14" t="s">
        <v>61</v>
      </c>
      <c r="G42553" s="16">
        <v>0.24870214584380698</v>
      </c>
    </row>
    <row r="42554" spans="1:7" x14ac:dyDescent="0.3">
      <c r="A42554" s="13" t="s">
        <v>250</v>
      </c>
      <c r="B42554" s="14" t="s">
        <v>1</v>
      </c>
      <c r="C42554" s="14" t="s">
        <v>101</v>
      </c>
      <c r="D42554" s="14" t="s">
        <v>146</v>
      </c>
      <c r="E42554" s="15">
        <v>45590</v>
      </c>
      <c r="F42554" s="14" t="s">
        <v>61</v>
      </c>
      <c r="G42554" s="16">
        <v>0.24455942184965426</v>
      </c>
    </row>
    <row r="42555" spans="1:7" x14ac:dyDescent="0.3">
      <c r="A42555" s="13" t="s">
        <v>250</v>
      </c>
      <c r="B42555" s="14" t="s">
        <v>1</v>
      </c>
      <c r="C42555" s="14" t="s">
        <v>101</v>
      </c>
      <c r="D42555" s="14" t="s">
        <v>146</v>
      </c>
      <c r="E42555" s="15">
        <v>45591</v>
      </c>
      <c r="F42555" s="14" t="s">
        <v>61</v>
      </c>
      <c r="G42555" s="16">
        <v>0.24455942184965426</v>
      </c>
    </row>
    <row r="42556" spans="1:7" x14ac:dyDescent="0.3">
      <c r="A42556" s="13" t="s">
        <v>250</v>
      </c>
      <c r="B42556" s="14" t="s">
        <v>1</v>
      </c>
      <c r="C42556" s="14" t="s">
        <v>101</v>
      </c>
      <c r="D42556" s="14" t="s">
        <v>146</v>
      </c>
      <c r="E42556" s="15">
        <v>45592</v>
      </c>
      <c r="F42556" s="14" t="s">
        <v>61</v>
      </c>
      <c r="G42556" s="16">
        <v>0.24455942184965426</v>
      </c>
    </row>
    <row r="42557" spans="1:7" x14ac:dyDescent="0.3">
      <c r="A42557" s="13" t="s">
        <v>250</v>
      </c>
      <c r="B42557" s="14" t="s">
        <v>1</v>
      </c>
      <c r="C42557" s="14" t="s">
        <v>101</v>
      </c>
      <c r="D42557" s="14" t="s">
        <v>146</v>
      </c>
      <c r="E42557" s="15">
        <v>45593</v>
      </c>
      <c r="F42557" s="14" t="s">
        <v>61</v>
      </c>
      <c r="G42557" s="16">
        <v>0.24455942184965426</v>
      </c>
    </row>
    <row r="42558" spans="1:7" x14ac:dyDescent="0.3">
      <c r="A42558" s="13" t="s">
        <v>250</v>
      </c>
      <c r="B42558" s="14" t="s">
        <v>1</v>
      </c>
      <c r="C42558" s="14" t="s">
        <v>101</v>
      </c>
      <c r="D42558" s="14" t="s">
        <v>146</v>
      </c>
      <c r="E42558" s="15">
        <v>45594</v>
      </c>
      <c r="F42558" s="14" t="s">
        <v>61</v>
      </c>
      <c r="G42558" s="16">
        <v>0.24019883482220941</v>
      </c>
    </row>
    <row r="42559" spans="1:7" x14ac:dyDescent="0.3">
      <c r="A42559" s="13" t="s">
        <v>250</v>
      </c>
      <c r="B42559" s="14" t="s">
        <v>1</v>
      </c>
      <c r="C42559" s="14" t="s">
        <v>101</v>
      </c>
      <c r="D42559" s="14" t="s">
        <v>146</v>
      </c>
      <c r="E42559" s="15">
        <v>45595</v>
      </c>
      <c r="F42559" s="14" t="s">
        <v>61</v>
      </c>
      <c r="G42559" s="16">
        <v>0.2189336375097628</v>
      </c>
    </row>
    <row r="42560" spans="1:7" x14ac:dyDescent="0.3">
      <c r="A42560" s="13" t="s">
        <v>250</v>
      </c>
      <c r="B42560" s="14" t="s">
        <v>1</v>
      </c>
      <c r="C42560" s="14" t="s">
        <v>101</v>
      </c>
      <c r="D42560" s="14" t="s">
        <v>146</v>
      </c>
      <c r="E42560" s="15">
        <v>45596</v>
      </c>
      <c r="F42560" s="14" t="s">
        <v>61</v>
      </c>
      <c r="G42560" s="16">
        <v>0.21351839178270327</v>
      </c>
    </row>
    <row r="42561" spans="1:7" x14ac:dyDescent="0.3">
      <c r="A42561" s="13" t="s">
        <v>250</v>
      </c>
      <c r="B42561" s="14" t="s">
        <v>1</v>
      </c>
      <c r="C42561" s="14" t="s">
        <v>101</v>
      </c>
      <c r="D42561" s="14" t="s">
        <v>146</v>
      </c>
      <c r="E42561" s="15">
        <v>45597</v>
      </c>
      <c r="F42561" s="14" t="s">
        <v>61</v>
      </c>
      <c r="G42561" s="16">
        <v>0.22303824284815699</v>
      </c>
    </row>
    <row r="42562" spans="1:7" x14ac:dyDescent="0.3">
      <c r="A42562" s="13" t="s">
        <v>250</v>
      </c>
      <c r="B42562" s="14" t="s">
        <v>1</v>
      </c>
      <c r="C42562" s="14" t="s">
        <v>101</v>
      </c>
      <c r="D42562" s="14" t="s">
        <v>146</v>
      </c>
      <c r="E42562" s="15">
        <v>45598</v>
      </c>
      <c r="F42562" s="14" t="s">
        <v>61</v>
      </c>
      <c r="G42562" s="16">
        <v>0.22303824284815699</v>
      </c>
    </row>
    <row r="42563" spans="1:7" x14ac:dyDescent="0.3">
      <c r="A42563" s="13" t="s">
        <v>250</v>
      </c>
      <c r="B42563" s="14" t="s">
        <v>1</v>
      </c>
      <c r="C42563" s="14" t="s">
        <v>101</v>
      </c>
      <c r="D42563" s="14" t="s">
        <v>146</v>
      </c>
      <c r="E42563" s="15">
        <v>45599</v>
      </c>
      <c r="F42563" s="14" t="s">
        <v>61</v>
      </c>
      <c r="G42563" s="16">
        <v>0.22303824284815699</v>
      </c>
    </row>
    <row r="42564" spans="1:7" x14ac:dyDescent="0.3">
      <c r="A42564" s="13" t="s">
        <v>250</v>
      </c>
      <c r="B42564" s="14" t="s">
        <v>1</v>
      </c>
      <c r="C42564" s="14" t="s">
        <v>101</v>
      </c>
      <c r="D42564" s="14" t="s">
        <v>146</v>
      </c>
      <c r="E42564" s="15">
        <v>45600</v>
      </c>
      <c r="F42564" s="14" t="s">
        <v>61</v>
      </c>
      <c r="G42564" s="16">
        <v>0.21788402275718916</v>
      </c>
    </row>
    <row r="42565" spans="1:7" x14ac:dyDescent="0.3">
      <c r="A42565" s="13" t="s">
        <v>250</v>
      </c>
      <c r="B42565" s="14" t="s">
        <v>1</v>
      </c>
      <c r="C42565" s="14" t="s">
        <v>101</v>
      </c>
      <c r="D42565" s="14" t="s">
        <v>146</v>
      </c>
      <c r="E42565" s="15">
        <v>45601</v>
      </c>
      <c r="F42565" s="14" t="s">
        <v>61</v>
      </c>
      <c r="G42565" s="16">
        <v>0.20182882521612147</v>
      </c>
    </row>
    <row r="42566" spans="1:7" x14ac:dyDescent="0.3">
      <c r="A42566" s="13" t="s">
        <v>250</v>
      </c>
      <c r="B42566" s="14" t="s">
        <v>1</v>
      </c>
      <c r="C42566" s="14" t="s">
        <v>101</v>
      </c>
      <c r="D42566" s="14" t="s">
        <v>146</v>
      </c>
      <c r="E42566" s="15">
        <v>45602</v>
      </c>
      <c r="F42566" s="14" t="s">
        <v>61</v>
      </c>
      <c r="G42566" s="16">
        <v>0.20072371419052132</v>
      </c>
    </row>
    <row r="42567" spans="1:7" x14ac:dyDescent="0.3">
      <c r="A42567" s="13" t="s">
        <v>250</v>
      </c>
      <c r="B42567" s="14" t="s">
        <v>1</v>
      </c>
      <c r="C42567" s="14" t="s">
        <v>101</v>
      </c>
      <c r="D42567" s="14" t="s">
        <v>146</v>
      </c>
      <c r="E42567" s="15">
        <v>45603</v>
      </c>
      <c r="F42567" s="14" t="s">
        <v>61</v>
      </c>
      <c r="G42567" s="16">
        <v>0.19435063959364079</v>
      </c>
    </row>
    <row r="42568" spans="1:7" x14ac:dyDescent="0.3">
      <c r="A42568" s="13" t="s">
        <v>250</v>
      </c>
      <c r="B42568" s="14" t="s">
        <v>1</v>
      </c>
      <c r="C42568" s="14" t="s">
        <v>101</v>
      </c>
      <c r="D42568" s="14" t="s">
        <v>146</v>
      </c>
      <c r="E42568" s="15">
        <v>45604</v>
      </c>
      <c r="F42568" s="14" t="s">
        <v>61</v>
      </c>
      <c r="G42568" s="16">
        <v>0.19096045345616583</v>
      </c>
    </row>
    <row r="42569" spans="1:7" x14ac:dyDescent="0.3">
      <c r="A42569" s="13" t="s">
        <v>250</v>
      </c>
      <c r="B42569" s="14" t="s">
        <v>1</v>
      </c>
      <c r="C42569" s="14" t="s">
        <v>101</v>
      </c>
      <c r="D42569" s="14" t="s">
        <v>146</v>
      </c>
      <c r="E42569" s="15">
        <v>45605</v>
      </c>
      <c r="F42569" s="14" t="s">
        <v>61</v>
      </c>
      <c r="G42569" s="16">
        <v>0.19096045345616583</v>
      </c>
    </row>
    <row r="42570" spans="1:7" x14ac:dyDescent="0.3">
      <c r="A42570" s="13" t="s">
        <v>250</v>
      </c>
      <c r="B42570" s="14" t="s">
        <v>1</v>
      </c>
      <c r="C42570" s="14" t="s">
        <v>101</v>
      </c>
      <c r="D42570" s="14" t="s">
        <v>146</v>
      </c>
      <c r="E42570" s="15">
        <v>45606</v>
      </c>
      <c r="F42570" s="14" t="s">
        <v>61</v>
      </c>
      <c r="G42570" s="16">
        <v>0.19096045345616583</v>
      </c>
    </row>
    <row r="42571" spans="1:7" x14ac:dyDescent="0.3">
      <c r="A42571" s="13" t="s">
        <v>250</v>
      </c>
      <c r="B42571" s="14" t="s">
        <v>1</v>
      </c>
      <c r="C42571" s="14" t="s">
        <v>101</v>
      </c>
      <c r="D42571" s="14" t="s">
        <v>146</v>
      </c>
      <c r="E42571" s="15">
        <v>45607</v>
      </c>
      <c r="F42571" s="14" t="s">
        <v>61</v>
      </c>
      <c r="G42571" s="16">
        <v>0.18701274055104761</v>
      </c>
    </row>
    <row r="42572" spans="1:7" x14ac:dyDescent="0.3">
      <c r="A42572" s="13" t="s">
        <v>250</v>
      </c>
      <c r="B42572" s="14" t="s">
        <v>1</v>
      </c>
      <c r="C42572" s="14" t="s">
        <v>101</v>
      </c>
      <c r="D42572" s="14" t="s">
        <v>146</v>
      </c>
      <c r="E42572" s="15">
        <v>45608</v>
      </c>
      <c r="F42572" s="14" t="s">
        <v>61</v>
      </c>
      <c r="G42572" s="16">
        <v>0.17193587588562514</v>
      </c>
    </row>
    <row r="42573" spans="1:7" x14ac:dyDescent="0.3">
      <c r="A42573" s="13" t="s">
        <v>250</v>
      </c>
      <c r="B42573" s="14" t="s">
        <v>1</v>
      </c>
      <c r="C42573" s="14" t="s">
        <v>101</v>
      </c>
      <c r="D42573" s="14" t="s">
        <v>146</v>
      </c>
      <c r="E42573" s="15">
        <v>45609</v>
      </c>
      <c r="F42573" s="14" t="s">
        <v>61</v>
      </c>
      <c r="G42573" s="16">
        <v>0.18558046097526451</v>
      </c>
    </row>
    <row r="42574" spans="1:7" x14ac:dyDescent="0.3">
      <c r="A42574" s="13" t="s">
        <v>250</v>
      </c>
      <c r="B42574" s="14" t="s">
        <v>1</v>
      </c>
      <c r="C42574" s="14" t="s">
        <v>101</v>
      </c>
      <c r="D42574" s="14" t="s">
        <v>146</v>
      </c>
      <c r="E42574" s="15">
        <v>45610</v>
      </c>
      <c r="F42574" s="14" t="s">
        <v>61</v>
      </c>
      <c r="G42574" s="16">
        <v>0.18446215004383343</v>
      </c>
    </row>
    <row r="42575" spans="1:7" x14ac:dyDescent="0.3">
      <c r="A42575" s="13" t="s">
        <v>250</v>
      </c>
      <c r="B42575" s="14" t="s">
        <v>1</v>
      </c>
      <c r="C42575" s="14" t="s">
        <v>101</v>
      </c>
      <c r="D42575" s="14" t="s">
        <v>146</v>
      </c>
      <c r="E42575" s="15">
        <v>45611</v>
      </c>
      <c r="F42575" s="14" t="s">
        <v>61</v>
      </c>
      <c r="G42575" s="16">
        <v>0.1793342513765189</v>
      </c>
    </row>
    <row r="42576" spans="1:7" x14ac:dyDescent="0.3">
      <c r="A42576" s="13" t="s">
        <v>250</v>
      </c>
      <c r="B42576" s="14" t="s">
        <v>1</v>
      </c>
      <c r="C42576" s="14" t="s">
        <v>101</v>
      </c>
      <c r="D42576" s="14" t="s">
        <v>146</v>
      </c>
      <c r="E42576" s="15">
        <v>45612</v>
      </c>
      <c r="F42576" s="14" t="s">
        <v>61</v>
      </c>
      <c r="G42576" s="16">
        <v>0.1793342513765189</v>
      </c>
    </row>
    <row r="42577" spans="1:7" x14ac:dyDescent="0.3">
      <c r="A42577" s="13" t="s">
        <v>250</v>
      </c>
      <c r="B42577" s="14" t="s">
        <v>1</v>
      </c>
      <c r="C42577" s="14" t="s">
        <v>101</v>
      </c>
      <c r="D42577" s="14" t="s">
        <v>146</v>
      </c>
      <c r="E42577" s="15">
        <v>45613</v>
      </c>
      <c r="F42577" s="14" t="s">
        <v>61</v>
      </c>
      <c r="G42577" s="16">
        <v>0.1793342513765189</v>
      </c>
    </row>
    <row r="42578" spans="1:7" x14ac:dyDescent="0.3">
      <c r="A42578" s="13" t="s">
        <v>250</v>
      </c>
      <c r="B42578" s="14" t="s">
        <v>1</v>
      </c>
      <c r="C42578" s="14" t="s">
        <v>101</v>
      </c>
      <c r="D42578" s="14" t="s">
        <v>146</v>
      </c>
      <c r="E42578" s="15">
        <v>45614</v>
      </c>
      <c r="F42578" s="14" t="s">
        <v>61</v>
      </c>
      <c r="G42578" s="16">
        <v>0.21407237902775744</v>
      </c>
    </row>
    <row r="42579" spans="1:7" x14ac:dyDescent="0.3">
      <c r="A42579" s="13" t="s">
        <v>250</v>
      </c>
      <c r="B42579" s="14" t="s">
        <v>1</v>
      </c>
      <c r="C42579" s="14" t="s">
        <v>101</v>
      </c>
      <c r="D42579" s="14" t="s">
        <v>146</v>
      </c>
      <c r="E42579" s="15">
        <v>45615</v>
      </c>
      <c r="F42579" s="14" t="s">
        <v>61</v>
      </c>
      <c r="G42579" s="16">
        <v>0.19911832314501057</v>
      </c>
    </row>
    <row r="42580" spans="1:7" x14ac:dyDescent="0.3">
      <c r="A42580" s="13" t="s">
        <v>250</v>
      </c>
      <c r="B42580" s="14" t="s">
        <v>1</v>
      </c>
      <c r="C42580" s="14" t="s">
        <v>101</v>
      </c>
      <c r="D42580" s="14" t="s">
        <v>146</v>
      </c>
      <c r="E42580" s="15">
        <v>45616</v>
      </c>
      <c r="F42580" s="14" t="s">
        <v>61</v>
      </c>
      <c r="G42580" s="16">
        <v>0.19520240263719132</v>
      </c>
    </row>
    <row r="42581" spans="1:7" x14ac:dyDescent="0.3">
      <c r="A42581" s="13" t="s">
        <v>250</v>
      </c>
      <c r="B42581" s="14" t="s">
        <v>1</v>
      </c>
      <c r="C42581" s="14" t="s">
        <v>101</v>
      </c>
      <c r="D42581" s="14" t="s">
        <v>146</v>
      </c>
      <c r="E42581" s="15">
        <v>45617</v>
      </c>
      <c r="F42581" s="14" t="s">
        <v>61</v>
      </c>
      <c r="G42581" s="16">
        <v>0.19157047346839151</v>
      </c>
    </row>
    <row r="42582" spans="1:7" x14ac:dyDescent="0.3">
      <c r="A42582" s="13" t="s">
        <v>250</v>
      </c>
      <c r="B42582" s="14" t="s">
        <v>1</v>
      </c>
      <c r="C42582" s="14" t="s">
        <v>101</v>
      </c>
      <c r="D42582" s="14" t="s">
        <v>146</v>
      </c>
      <c r="E42582" s="15">
        <v>45618</v>
      </c>
      <c r="F42582" s="14" t="s">
        <v>61</v>
      </c>
      <c r="G42582" s="16">
        <v>0.1876481461983506</v>
      </c>
    </row>
    <row r="42583" spans="1:7" x14ac:dyDescent="0.3">
      <c r="A42583" s="13" t="s">
        <v>250</v>
      </c>
      <c r="B42583" s="14" t="s">
        <v>1</v>
      </c>
      <c r="C42583" s="14" t="s">
        <v>101</v>
      </c>
      <c r="D42583" s="14" t="s">
        <v>146</v>
      </c>
      <c r="E42583" s="15">
        <v>45619</v>
      </c>
      <c r="F42583" s="14" t="s">
        <v>61</v>
      </c>
      <c r="G42583" s="16">
        <v>0.1876481461983506</v>
      </c>
    </row>
    <row r="42584" spans="1:7" x14ac:dyDescent="0.3">
      <c r="A42584" s="13" t="s">
        <v>250</v>
      </c>
      <c r="B42584" s="14" t="s">
        <v>1</v>
      </c>
      <c r="C42584" s="14" t="s">
        <v>101</v>
      </c>
      <c r="D42584" s="14" t="s">
        <v>146</v>
      </c>
      <c r="E42584" s="15">
        <v>45620</v>
      </c>
      <c r="F42584" s="14" t="s">
        <v>61</v>
      </c>
      <c r="G42584" s="16">
        <v>0.1876481461983506</v>
      </c>
    </row>
    <row r="42585" spans="1:7" x14ac:dyDescent="0.3">
      <c r="A42585" s="13" t="s">
        <v>250</v>
      </c>
      <c r="B42585" s="14" t="s">
        <v>1</v>
      </c>
      <c r="C42585" s="14" t="s">
        <v>101</v>
      </c>
      <c r="D42585" s="14" t="s">
        <v>146</v>
      </c>
      <c r="E42585" s="15">
        <v>45621</v>
      </c>
      <c r="F42585" s="14" t="s">
        <v>61</v>
      </c>
      <c r="G42585" s="16">
        <v>0.19199989711946011</v>
      </c>
    </row>
    <row r="42586" spans="1:7" x14ac:dyDescent="0.3">
      <c r="A42586" s="13" t="s">
        <v>250</v>
      </c>
      <c r="B42586" s="14" t="s">
        <v>1</v>
      </c>
      <c r="C42586" s="14" t="s">
        <v>101</v>
      </c>
      <c r="D42586" s="14" t="s">
        <v>146</v>
      </c>
      <c r="E42586" s="15">
        <v>45622</v>
      </c>
      <c r="F42586" s="14" t="s">
        <v>61</v>
      </c>
      <c r="G42586" s="16">
        <v>0.17674252646325386</v>
      </c>
    </row>
    <row r="42587" spans="1:7" x14ac:dyDescent="0.3">
      <c r="A42587" s="13" t="s">
        <v>250</v>
      </c>
      <c r="B42587" s="14" t="s">
        <v>1</v>
      </c>
      <c r="C42587" s="14" t="s">
        <v>101</v>
      </c>
      <c r="D42587" s="14" t="s">
        <v>146</v>
      </c>
      <c r="E42587" s="15">
        <v>45623</v>
      </c>
      <c r="F42587" s="14" t="s">
        <v>61</v>
      </c>
      <c r="G42587" s="16">
        <v>0.17648027367796076</v>
      </c>
    </row>
    <row r="42588" spans="1:7" x14ac:dyDescent="0.3">
      <c r="A42588" s="13" t="s">
        <v>250</v>
      </c>
      <c r="B42588" s="14" t="s">
        <v>1</v>
      </c>
      <c r="C42588" s="14" t="s">
        <v>101</v>
      </c>
      <c r="D42588" s="14" t="s">
        <v>146</v>
      </c>
      <c r="E42588" s="15">
        <v>45624</v>
      </c>
      <c r="F42588" s="14" t="s">
        <v>61</v>
      </c>
      <c r="G42588" s="16">
        <v>0.16974893403650454</v>
      </c>
    </row>
    <row r="42589" spans="1:7" x14ac:dyDescent="0.3">
      <c r="A42589" s="13" t="s">
        <v>250</v>
      </c>
      <c r="B42589" s="14" t="s">
        <v>1</v>
      </c>
      <c r="C42589" s="14" t="s">
        <v>101</v>
      </c>
      <c r="D42589" s="14" t="s">
        <v>146</v>
      </c>
      <c r="E42589" s="15">
        <v>45625</v>
      </c>
      <c r="F42589" s="14" t="s">
        <v>61</v>
      </c>
      <c r="G42589" s="16">
        <v>0.16447412369922637</v>
      </c>
    </row>
    <row r="42590" spans="1:7" x14ac:dyDescent="0.3">
      <c r="A42590" s="13" t="s">
        <v>250</v>
      </c>
      <c r="B42590" s="14" t="s">
        <v>1</v>
      </c>
      <c r="C42590" s="14" t="s">
        <v>101</v>
      </c>
      <c r="D42590" s="14" t="s">
        <v>146</v>
      </c>
      <c r="E42590" s="15">
        <v>45626</v>
      </c>
      <c r="F42590" s="14" t="s">
        <v>61</v>
      </c>
      <c r="G42590" s="16">
        <v>0.16447412369922637</v>
      </c>
    </row>
    <row r="42591" spans="1:7" x14ac:dyDescent="0.3">
      <c r="A42591" s="13" t="s">
        <v>250</v>
      </c>
      <c r="B42591" s="14" t="s">
        <v>1</v>
      </c>
      <c r="C42591" s="14" t="s">
        <v>101</v>
      </c>
      <c r="D42591" s="14" t="s">
        <v>146</v>
      </c>
      <c r="E42591" s="15">
        <v>45627</v>
      </c>
      <c r="F42591" s="14" t="s">
        <v>61</v>
      </c>
      <c r="G42591" s="16">
        <v>0.16447412369922637</v>
      </c>
    </row>
    <row r="42592" spans="1:7" x14ac:dyDescent="0.3">
      <c r="A42592" s="13" t="s">
        <v>250</v>
      </c>
      <c r="B42592" s="14" t="s">
        <v>1</v>
      </c>
      <c r="C42592" s="14" t="s">
        <v>101</v>
      </c>
      <c r="D42592" s="14" t="s">
        <v>146</v>
      </c>
      <c r="E42592" s="15">
        <v>45628</v>
      </c>
      <c r="F42592" s="14" t="s">
        <v>61</v>
      </c>
      <c r="G42592" s="16">
        <v>0.2004175947226382</v>
      </c>
    </row>
    <row r="42593" spans="1:7" x14ac:dyDescent="0.3">
      <c r="A42593" s="13" t="s">
        <v>250</v>
      </c>
      <c r="B42593" s="14" t="s">
        <v>1</v>
      </c>
      <c r="C42593" s="14" t="s">
        <v>101</v>
      </c>
      <c r="D42593" s="14" t="s">
        <v>146</v>
      </c>
      <c r="E42593" s="15">
        <v>45629</v>
      </c>
      <c r="F42593" s="14" t="s">
        <v>61</v>
      </c>
      <c r="G42593" s="16">
        <v>0.18639156208366944</v>
      </c>
    </row>
    <row r="42594" spans="1:7" x14ac:dyDescent="0.3">
      <c r="A42594" s="13" t="s">
        <v>250</v>
      </c>
      <c r="B42594" s="14" t="s">
        <v>1</v>
      </c>
      <c r="C42594" s="14" t="s">
        <v>101</v>
      </c>
      <c r="D42594" s="14" t="s">
        <v>146</v>
      </c>
      <c r="E42594" s="15">
        <v>45630</v>
      </c>
      <c r="F42594" s="14" t="s">
        <v>61</v>
      </c>
      <c r="G42594" s="16">
        <v>0.19551023682342381</v>
      </c>
    </row>
    <row r="42595" spans="1:7" x14ac:dyDescent="0.3">
      <c r="A42595" s="13" t="s">
        <v>250</v>
      </c>
      <c r="B42595" s="14" t="s">
        <v>1</v>
      </c>
      <c r="C42595" s="14" t="s">
        <v>101</v>
      </c>
      <c r="D42595" s="14" t="s">
        <v>146</v>
      </c>
      <c r="E42595" s="15">
        <v>45631</v>
      </c>
      <c r="F42595" s="14" t="s">
        <v>61</v>
      </c>
      <c r="G42595" s="16">
        <v>0.18915416541810864</v>
      </c>
    </row>
    <row r="42596" spans="1:7" x14ac:dyDescent="0.3">
      <c r="A42596" s="13" t="s">
        <v>250</v>
      </c>
      <c r="B42596" s="14" t="s">
        <v>1</v>
      </c>
      <c r="C42596" s="14" t="s">
        <v>101</v>
      </c>
      <c r="D42596" s="14" t="s">
        <v>146</v>
      </c>
      <c r="E42596" s="15">
        <v>45632</v>
      </c>
      <c r="F42596" s="14" t="s">
        <v>61</v>
      </c>
      <c r="G42596" s="16">
        <v>0.18447474147475248</v>
      </c>
    </row>
    <row r="42597" spans="1:7" x14ac:dyDescent="0.3">
      <c r="A42597" s="13" t="s">
        <v>250</v>
      </c>
      <c r="B42597" s="14" t="s">
        <v>1</v>
      </c>
      <c r="C42597" s="14" t="s">
        <v>101</v>
      </c>
      <c r="D42597" s="14" t="s">
        <v>146</v>
      </c>
      <c r="E42597" s="15">
        <v>45633</v>
      </c>
      <c r="F42597" s="14" t="s">
        <v>61</v>
      </c>
      <c r="G42597" s="16">
        <v>0.18447474147475248</v>
      </c>
    </row>
    <row r="42598" spans="1:7" x14ac:dyDescent="0.3">
      <c r="A42598" s="13" t="s">
        <v>250</v>
      </c>
      <c r="B42598" s="14" t="s">
        <v>1</v>
      </c>
      <c r="C42598" s="14" t="s">
        <v>101</v>
      </c>
      <c r="D42598" s="14" t="s">
        <v>146</v>
      </c>
      <c r="E42598" s="15">
        <v>45634</v>
      </c>
      <c r="F42598" s="14" t="s">
        <v>61</v>
      </c>
      <c r="G42598" s="16">
        <v>0.18447474147475248</v>
      </c>
    </row>
    <row r="42599" spans="1:7" x14ac:dyDescent="0.3">
      <c r="A42599" s="13" t="s">
        <v>250</v>
      </c>
      <c r="B42599" s="14" t="s">
        <v>1</v>
      </c>
      <c r="C42599" s="14" t="s">
        <v>101</v>
      </c>
      <c r="D42599" s="14" t="s">
        <v>146</v>
      </c>
      <c r="E42599" s="15">
        <v>45635</v>
      </c>
      <c r="F42599" s="14" t="s">
        <v>61</v>
      </c>
      <c r="G42599" s="16">
        <v>0.19209523779833867</v>
      </c>
    </row>
    <row r="42600" spans="1:7" x14ac:dyDescent="0.3">
      <c r="A42600" s="13" t="s">
        <v>250</v>
      </c>
      <c r="B42600" s="14" t="s">
        <v>1</v>
      </c>
      <c r="C42600" s="14" t="s">
        <v>101</v>
      </c>
      <c r="D42600" s="14" t="s">
        <v>146</v>
      </c>
      <c r="E42600" s="15">
        <v>45636</v>
      </c>
      <c r="F42600" s="14" t="s">
        <v>61</v>
      </c>
      <c r="G42600" s="16">
        <v>0.17700053738714999</v>
      </c>
    </row>
    <row r="42601" spans="1:7" x14ac:dyDescent="0.3">
      <c r="A42601" s="13" t="s">
        <v>250</v>
      </c>
      <c r="B42601" s="14" t="s">
        <v>1</v>
      </c>
      <c r="C42601" s="14" t="s">
        <v>101</v>
      </c>
      <c r="D42601" s="14" t="s">
        <v>146</v>
      </c>
      <c r="E42601" s="15">
        <v>45637</v>
      </c>
      <c r="F42601" s="14" t="s">
        <v>61</v>
      </c>
      <c r="G42601" s="16">
        <v>0.17251951603552809</v>
      </c>
    </row>
    <row r="42602" spans="1:7" x14ac:dyDescent="0.3">
      <c r="A42602" s="13" t="s">
        <v>250</v>
      </c>
      <c r="B42602" s="14" t="s">
        <v>1</v>
      </c>
      <c r="C42602" s="14" t="s">
        <v>101</v>
      </c>
      <c r="D42602" s="14" t="s">
        <v>146</v>
      </c>
      <c r="E42602" s="15">
        <v>45638</v>
      </c>
      <c r="F42602" s="14" t="s">
        <v>61</v>
      </c>
      <c r="G42602" s="16">
        <v>0.17149852095216997</v>
      </c>
    </row>
    <row r="42603" spans="1:7" x14ac:dyDescent="0.3">
      <c r="A42603" s="13" t="s">
        <v>250</v>
      </c>
      <c r="B42603" s="14" t="s">
        <v>1</v>
      </c>
      <c r="C42603" s="14" t="s">
        <v>101</v>
      </c>
      <c r="D42603" s="14" t="s">
        <v>146</v>
      </c>
      <c r="E42603" s="15">
        <v>45639</v>
      </c>
      <c r="F42603" s="14" t="s">
        <v>61</v>
      </c>
      <c r="G42603" s="16">
        <v>0.16597244804552921</v>
      </c>
    </row>
    <row r="42604" spans="1:7" x14ac:dyDescent="0.3">
      <c r="A42604" s="13" t="s">
        <v>250</v>
      </c>
      <c r="B42604" s="14" t="s">
        <v>1</v>
      </c>
      <c r="C42604" s="14" t="s">
        <v>101</v>
      </c>
      <c r="D42604" s="14" t="s">
        <v>146</v>
      </c>
      <c r="E42604" s="15">
        <v>45640</v>
      </c>
      <c r="F42604" s="14" t="s">
        <v>61</v>
      </c>
      <c r="G42604" s="16">
        <v>0.16597244804552921</v>
      </c>
    </row>
    <row r="42605" spans="1:7" x14ac:dyDescent="0.3">
      <c r="A42605" s="13" t="s">
        <v>250</v>
      </c>
      <c r="B42605" s="14" t="s">
        <v>1</v>
      </c>
      <c r="C42605" s="14" t="s">
        <v>101</v>
      </c>
      <c r="D42605" s="14" t="s">
        <v>146</v>
      </c>
      <c r="E42605" s="15">
        <v>45641</v>
      </c>
      <c r="F42605" s="14" t="s">
        <v>61</v>
      </c>
      <c r="G42605" s="16">
        <v>0.16597244804552921</v>
      </c>
    </row>
    <row r="42606" spans="1:7" x14ac:dyDescent="0.3">
      <c r="A42606" s="13" t="s">
        <v>250</v>
      </c>
      <c r="B42606" s="14" t="s">
        <v>1</v>
      </c>
      <c r="C42606" s="14" t="s">
        <v>101</v>
      </c>
      <c r="D42606" s="14" t="s">
        <v>146</v>
      </c>
      <c r="E42606" s="15">
        <v>45642</v>
      </c>
      <c r="F42606" s="14" t="s">
        <v>61</v>
      </c>
      <c r="G42606" s="16">
        <v>0.16272981701578682</v>
      </c>
    </row>
    <row r="42607" spans="1:7" x14ac:dyDescent="0.3">
      <c r="A42607" s="13" t="s">
        <v>250</v>
      </c>
      <c r="B42607" s="14" t="s">
        <v>1</v>
      </c>
      <c r="C42607" s="14" t="s">
        <v>101</v>
      </c>
      <c r="D42607" s="14" t="s">
        <v>146</v>
      </c>
      <c r="E42607" s="15">
        <v>45643</v>
      </c>
      <c r="F42607" s="14" t="s">
        <v>61</v>
      </c>
      <c r="G42607" s="16">
        <v>0.1477151169536253</v>
      </c>
    </row>
    <row r="42608" spans="1:7" x14ac:dyDescent="0.3">
      <c r="A42608" s="13" t="s">
        <v>250</v>
      </c>
      <c r="B42608" s="14" t="s">
        <v>1</v>
      </c>
      <c r="C42608" s="14" t="s">
        <v>101</v>
      </c>
      <c r="D42608" s="14" t="s">
        <v>146</v>
      </c>
      <c r="E42608" s="15">
        <v>45644</v>
      </c>
      <c r="F42608" s="14" t="s">
        <v>61</v>
      </c>
      <c r="G42608" s="16">
        <v>0.15846772904646125</v>
      </c>
    </row>
    <row r="42609" spans="1:7" x14ac:dyDescent="0.3">
      <c r="A42609" s="13" t="s">
        <v>250</v>
      </c>
      <c r="B42609" s="14" t="s">
        <v>1</v>
      </c>
      <c r="C42609" s="14" t="s">
        <v>101</v>
      </c>
      <c r="D42609" s="14" t="s">
        <v>146</v>
      </c>
      <c r="E42609" s="15">
        <v>45645</v>
      </c>
      <c r="F42609" s="14" t="s">
        <v>61</v>
      </c>
      <c r="G42609" s="16">
        <v>0.15333458083568319</v>
      </c>
    </row>
    <row r="42610" spans="1:7" x14ac:dyDescent="0.3">
      <c r="A42610" s="13" t="s">
        <v>250</v>
      </c>
      <c r="B42610" s="14" t="s">
        <v>1</v>
      </c>
      <c r="C42610" s="14" t="s">
        <v>101</v>
      </c>
      <c r="D42610" s="14" t="s">
        <v>146</v>
      </c>
      <c r="E42610" s="15">
        <v>45646</v>
      </c>
      <c r="F42610" s="14" t="s">
        <v>61</v>
      </c>
      <c r="G42610" s="16">
        <v>0.15580398979856325</v>
      </c>
    </row>
    <row r="42611" spans="1:7" x14ac:dyDescent="0.3">
      <c r="A42611" s="13" t="s">
        <v>250</v>
      </c>
      <c r="B42611" s="14" t="s">
        <v>1</v>
      </c>
      <c r="C42611" s="14" t="s">
        <v>101</v>
      </c>
      <c r="D42611" s="14" t="s">
        <v>146</v>
      </c>
      <c r="E42611" s="15">
        <v>45647</v>
      </c>
      <c r="F42611" s="14" t="s">
        <v>61</v>
      </c>
      <c r="G42611" s="16">
        <v>0.15580398979856325</v>
      </c>
    </row>
    <row r="42612" spans="1:7" x14ac:dyDescent="0.3">
      <c r="A42612" s="13" t="s">
        <v>250</v>
      </c>
      <c r="B42612" s="14" t="s">
        <v>1</v>
      </c>
      <c r="C42612" s="14" t="s">
        <v>101</v>
      </c>
      <c r="D42612" s="14" t="s">
        <v>146</v>
      </c>
      <c r="E42612" s="15">
        <v>45648</v>
      </c>
      <c r="F42612" s="14" t="s">
        <v>61</v>
      </c>
      <c r="G42612" s="16">
        <v>0.15580398979856325</v>
      </c>
    </row>
    <row r="42613" spans="1:7" x14ac:dyDescent="0.3">
      <c r="A42613" s="13" t="s">
        <v>250</v>
      </c>
      <c r="B42613" s="14" t="s">
        <v>1</v>
      </c>
      <c r="C42613" s="14" t="s">
        <v>101</v>
      </c>
      <c r="D42613" s="14" t="s">
        <v>146</v>
      </c>
      <c r="E42613" s="15">
        <v>45649</v>
      </c>
      <c r="F42613" s="14" t="s">
        <v>61</v>
      </c>
      <c r="G42613" s="16">
        <v>0.15523881816098398</v>
      </c>
    </row>
    <row r="42614" spans="1:7" x14ac:dyDescent="0.3">
      <c r="A42614" s="13" t="s">
        <v>250</v>
      </c>
      <c r="B42614" s="14" t="s">
        <v>1</v>
      </c>
      <c r="C42614" s="14" t="s">
        <v>101</v>
      </c>
      <c r="D42614" s="14" t="s">
        <v>146</v>
      </c>
      <c r="E42614" s="15">
        <v>45650</v>
      </c>
      <c r="F42614" s="14" t="s">
        <v>61</v>
      </c>
      <c r="G42614" s="16">
        <v>0.14632619835747029</v>
      </c>
    </row>
    <row r="42615" spans="1:7" x14ac:dyDescent="0.3">
      <c r="A42615" s="13" t="s">
        <v>250</v>
      </c>
      <c r="B42615" s="14" t="s">
        <v>1</v>
      </c>
      <c r="C42615" s="14" t="s">
        <v>101</v>
      </c>
      <c r="D42615" s="14" t="s">
        <v>146</v>
      </c>
      <c r="E42615" s="15">
        <v>45651</v>
      </c>
      <c r="F42615" s="14" t="s">
        <v>61</v>
      </c>
      <c r="G42615" s="16">
        <v>0.14632619835747029</v>
      </c>
    </row>
    <row r="42616" spans="1:7" x14ac:dyDescent="0.3">
      <c r="A42616" s="13" t="s">
        <v>250</v>
      </c>
      <c r="B42616" s="14" t="s">
        <v>1</v>
      </c>
      <c r="C42616" s="14" t="s">
        <v>101</v>
      </c>
      <c r="D42616" s="14" t="s">
        <v>146</v>
      </c>
      <c r="E42616" s="15">
        <v>45652</v>
      </c>
      <c r="F42616" s="14" t="s">
        <v>61</v>
      </c>
      <c r="G42616" s="16">
        <v>0.14632619835747029</v>
      </c>
    </row>
    <row r="42617" spans="1:7" x14ac:dyDescent="0.3">
      <c r="A42617" s="13" t="s">
        <v>250</v>
      </c>
      <c r="B42617" s="14" t="s">
        <v>1</v>
      </c>
      <c r="C42617" s="14" t="s">
        <v>101</v>
      </c>
      <c r="D42617" s="14" t="s">
        <v>146</v>
      </c>
      <c r="E42617" s="15">
        <v>45653</v>
      </c>
      <c r="F42617" s="14" t="s">
        <v>61</v>
      </c>
      <c r="G42617" s="16">
        <v>0.14632619835747029</v>
      </c>
    </row>
    <row r="42618" spans="1:7" x14ac:dyDescent="0.3">
      <c r="A42618" s="13" t="s">
        <v>250</v>
      </c>
      <c r="B42618" s="14" t="s">
        <v>1</v>
      </c>
      <c r="C42618" s="14" t="s">
        <v>101</v>
      </c>
      <c r="D42618" s="14" t="s">
        <v>146</v>
      </c>
      <c r="E42618" s="15">
        <v>45654</v>
      </c>
      <c r="F42618" s="14" t="s">
        <v>61</v>
      </c>
      <c r="G42618" s="16">
        <v>0.14632619835747029</v>
      </c>
    </row>
    <row r="42619" spans="1:7" x14ac:dyDescent="0.3">
      <c r="A42619" s="13" t="s">
        <v>250</v>
      </c>
      <c r="B42619" s="14" t="s">
        <v>1</v>
      </c>
      <c r="C42619" s="14" t="s">
        <v>101</v>
      </c>
      <c r="D42619" s="14" t="s">
        <v>146</v>
      </c>
      <c r="E42619" s="15">
        <v>45655</v>
      </c>
      <c r="F42619" s="14" t="s">
        <v>61</v>
      </c>
      <c r="G42619" s="16">
        <v>0.14632619835747029</v>
      </c>
    </row>
    <row r="42620" spans="1:7" x14ac:dyDescent="0.3">
      <c r="A42620" s="13" t="s">
        <v>250</v>
      </c>
      <c r="B42620" s="14" t="s">
        <v>1</v>
      </c>
      <c r="C42620" s="14" t="s">
        <v>101</v>
      </c>
      <c r="D42620" s="14" t="s">
        <v>146</v>
      </c>
      <c r="E42620" s="15">
        <v>45656</v>
      </c>
      <c r="F42620" s="14" t="s">
        <v>61</v>
      </c>
      <c r="G42620" s="16">
        <v>0.14144637574900101</v>
      </c>
    </row>
    <row r="42621" spans="1:7" x14ac:dyDescent="0.3">
      <c r="A42621" s="13" t="s">
        <v>250</v>
      </c>
      <c r="B42621" s="14" t="s">
        <v>1</v>
      </c>
      <c r="C42621" s="14" t="s">
        <v>101</v>
      </c>
      <c r="D42621" s="14" t="s">
        <v>146</v>
      </c>
      <c r="E42621" s="15">
        <v>45657</v>
      </c>
      <c r="F42621" s="14" t="s">
        <v>61</v>
      </c>
      <c r="G42621" s="16">
        <v>0.12740658012319309</v>
      </c>
    </row>
    <row r="42622" spans="1:7" x14ac:dyDescent="0.3">
      <c r="A42622" s="13" t="s">
        <v>250</v>
      </c>
      <c r="B42622" s="14" t="s">
        <v>1</v>
      </c>
      <c r="C42622" s="14" t="s">
        <v>101</v>
      </c>
      <c r="D42622" s="14" t="s">
        <v>146</v>
      </c>
      <c r="E42622" s="15">
        <v>45658</v>
      </c>
      <c r="F42622" s="14" t="s">
        <v>61</v>
      </c>
      <c r="G42622" s="16">
        <v>0.12740658012319309</v>
      </c>
    </row>
    <row r="42623" spans="1:7" x14ac:dyDescent="0.3">
      <c r="A42623" s="13" t="s">
        <v>250</v>
      </c>
      <c r="B42623" s="14" t="s">
        <v>1</v>
      </c>
      <c r="C42623" s="14" t="s">
        <v>101</v>
      </c>
      <c r="D42623" s="14" t="s">
        <v>146</v>
      </c>
      <c r="E42623" s="15">
        <v>45659</v>
      </c>
      <c r="F42623" s="14" t="s">
        <v>61</v>
      </c>
      <c r="G42623" s="16">
        <v>0.1302233652637193</v>
      </c>
    </row>
    <row r="42624" spans="1:7" x14ac:dyDescent="0.3">
      <c r="A42624" s="13" t="s">
        <v>250</v>
      </c>
      <c r="B42624" s="14" t="s">
        <v>1</v>
      </c>
      <c r="C42624" s="14" t="s">
        <v>101</v>
      </c>
      <c r="D42624" s="14" t="s">
        <v>146</v>
      </c>
      <c r="E42624" s="15">
        <v>45660</v>
      </c>
      <c r="F42624" s="14" t="s">
        <v>61</v>
      </c>
      <c r="G42624" s="16">
        <v>0.11981901886681103</v>
      </c>
    </row>
    <row r="42625" spans="1:7" x14ac:dyDescent="0.3">
      <c r="A42625" s="13" t="s">
        <v>250</v>
      </c>
      <c r="B42625" s="14" t="s">
        <v>1</v>
      </c>
      <c r="C42625" s="14" t="s">
        <v>101</v>
      </c>
      <c r="D42625" s="14" t="s">
        <v>146</v>
      </c>
      <c r="E42625" s="15">
        <v>45661</v>
      </c>
      <c r="F42625" s="14" t="s">
        <v>61</v>
      </c>
      <c r="G42625" s="16">
        <v>0.11981901886681103</v>
      </c>
    </row>
    <row r="42626" spans="1:7" x14ac:dyDescent="0.3">
      <c r="A42626" s="13" t="s">
        <v>250</v>
      </c>
      <c r="B42626" s="14" t="s">
        <v>1</v>
      </c>
      <c r="C42626" s="14" t="s">
        <v>101</v>
      </c>
      <c r="D42626" s="14" t="s">
        <v>146</v>
      </c>
      <c r="E42626" s="15">
        <v>45662</v>
      </c>
      <c r="F42626" s="14" t="s">
        <v>61</v>
      </c>
      <c r="G42626" s="16">
        <v>0.11981901886681103</v>
      </c>
    </row>
    <row r="42627" spans="1:7" x14ac:dyDescent="0.3">
      <c r="A42627" s="13" t="s">
        <v>250</v>
      </c>
      <c r="B42627" s="14" t="s">
        <v>1</v>
      </c>
      <c r="C42627" s="14" t="s">
        <v>101</v>
      </c>
      <c r="D42627" s="14" t="s">
        <v>146</v>
      </c>
      <c r="E42627" s="15">
        <v>45663</v>
      </c>
      <c r="F42627" s="14" t="s">
        <v>61</v>
      </c>
      <c r="G42627" s="16">
        <v>0.11421212940603293</v>
      </c>
    </row>
    <row r="42628" spans="1:7" x14ac:dyDescent="0.3">
      <c r="A42628" s="13" t="s">
        <v>250</v>
      </c>
      <c r="B42628" s="14" t="s">
        <v>1</v>
      </c>
      <c r="C42628" s="14" t="s">
        <v>101</v>
      </c>
      <c r="D42628" s="14" t="s">
        <v>146</v>
      </c>
      <c r="E42628" s="15">
        <v>45664</v>
      </c>
      <c r="F42628" s="14" t="s">
        <v>61</v>
      </c>
      <c r="G42628" s="16">
        <v>9.4556266728121563E-2</v>
      </c>
    </row>
    <row r="42629" spans="1:7" x14ac:dyDescent="0.3">
      <c r="A42629" s="13" t="s">
        <v>250</v>
      </c>
      <c r="B42629" s="14" t="s">
        <v>1</v>
      </c>
      <c r="C42629" s="14" t="s">
        <v>101</v>
      </c>
      <c r="D42629" s="14" t="s">
        <v>146</v>
      </c>
      <c r="E42629" s="15">
        <v>45665</v>
      </c>
      <c r="F42629" s="14" t="s">
        <v>61</v>
      </c>
      <c r="G42629" s="16">
        <v>8.9962026216877489E-2</v>
      </c>
    </row>
    <row r="42630" spans="1:7" x14ac:dyDescent="0.3">
      <c r="A42630" s="13" t="s">
        <v>250</v>
      </c>
      <c r="B42630" s="14" t="s">
        <v>1</v>
      </c>
      <c r="C42630" s="14" t="s">
        <v>101</v>
      </c>
      <c r="D42630" s="14" t="s">
        <v>146</v>
      </c>
      <c r="E42630" s="15">
        <v>45666</v>
      </c>
      <c r="F42630" s="14" t="s">
        <v>61</v>
      </c>
      <c r="G42630" s="16">
        <v>8.5359577565115377E-2</v>
      </c>
    </row>
    <row r="42631" spans="1:7" x14ac:dyDescent="0.3">
      <c r="A42631" s="13" t="s">
        <v>250</v>
      </c>
      <c r="B42631" s="14" t="s">
        <v>1</v>
      </c>
      <c r="C42631" s="14" t="s">
        <v>101</v>
      </c>
      <c r="D42631" s="14" t="s">
        <v>146</v>
      </c>
      <c r="E42631" s="15">
        <v>45667</v>
      </c>
      <c r="F42631" s="14" t="s">
        <v>61</v>
      </c>
      <c r="G42631" s="16">
        <v>9.173266350824176E-2</v>
      </c>
    </row>
    <row r="42632" spans="1:7" x14ac:dyDescent="0.3">
      <c r="A42632" s="13" t="s">
        <v>250</v>
      </c>
      <c r="B42632" s="14" t="s">
        <v>1</v>
      </c>
      <c r="C42632" s="14" t="s">
        <v>101</v>
      </c>
      <c r="D42632" s="14" t="s">
        <v>146</v>
      </c>
      <c r="E42632" s="15">
        <v>45668</v>
      </c>
      <c r="F42632" s="14" t="s">
        <v>61</v>
      </c>
      <c r="G42632" s="16">
        <v>9.173266350824176E-2</v>
      </c>
    </row>
    <row r="42633" spans="1:7" x14ac:dyDescent="0.3">
      <c r="A42633" s="13" t="s">
        <v>250</v>
      </c>
      <c r="B42633" s="14" t="s">
        <v>1</v>
      </c>
      <c r="C42633" s="14" t="s">
        <v>101</v>
      </c>
      <c r="D42633" s="14" t="s">
        <v>146</v>
      </c>
      <c r="E42633" s="15">
        <v>45669</v>
      </c>
      <c r="F42633" s="14" t="s">
        <v>61</v>
      </c>
      <c r="G42633" s="16">
        <v>9.173266350824176E-2</v>
      </c>
    </row>
    <row r="42634" spans="1:7" x14ac:dyDescent="0.3">
      <c r="A42634" s="13" t="s">
        <v>250</v>
      </c>
      <c r="B42634" s="14" t="s">
        <v>1</v>
      </c>
      <c r="C42634" s="14" t="s">
        <v>101</v>
      </c>
      <c r="D42634" s="14" t="s">
        <v>146</v>
      </c>
      <c r="E42634" s="15">
        <v>45670</v>
      </c>
      <c r="F42634" s="14" t="s">
        <v>61</v>
      </c>
      <c r="G42634" s="16">
        <v>8.6992531877276832E-2</v>
      </c>
    </row>
    <row r="42635" spans="1:7" x14ac:dyDescent="0.3">
      <c r="A42635" s="13" t="s">
        <v>250</v>
      </c>
      <c r="B42635" s="14" t="s">
        <v>1</v>
      </c>
      <c r="C42635" s="14" t="s">
        <v>101</v>
      </c>
      <c r="D42635" s="14" t="s">
        <v>146</v>
      </c>
      <c r="E42635" s="15">
        <v>45671</v>
      </c>
      <c r="F42635" s="14" t="s">
        <v>61</v>
      </c>
      <c r="G42635" s="16">
        <v>7.2152108860075712E-2</v>
      </c>
    </row>
    <row r="42636" spans="1:7" x14ac:dyDescent="0.3">
      <c r="A42636" s="13" t="s">
        <v>250</v>
      </c>
      <c r="B42636" s="14" t="s">
        <v>1</v>
      </c>
      <c r="C42636" s="14" t="s">
        <v>101</v>
      </c>
      <c r="D42636" s="14" t="s">
        <v>146</v>
      </c>
      <c r="E42636" s="15">
        <v>45672</v>
      </c>
      <c r="F42636" s="14" t="s">
        <v>61</v>
      </c>
      <c r="G42636" s="16">
        <v>6.7666466500831218E-2</v>
      </c>
    </row>
    <row r="42637" spans="1:7" x14ac:dyDescent="0.3">
      <c r="A42637" s="13" t="s">
        <v>250</v>
      </c>
      <c r="B42637" s="14" t="s">
        <v>1</v>
      </c>
      <c r="C42637" s="14" t="s">
        <v>101</v>
      </c>
      <c r="D42637" s="14" t="s">
        <v>146</v>
      </c>
      <c r="E42637" s="15">
        <v>45673</v>
      </c>
      <c r="F42637" s="14" t="s">
        <v>61</v>
      </c>
      <c r="G42637" s="16">
        <v>6.2904184602006058E-2</v>
      </c>
    </row>
    <row r="42638" spans="1:7" x14ac:dyDescent="0.3">
      <c r="A42638" s="13" t="s">
        <v>250</v>
      </c>
      <c r="B42638" s="14" t="s">
        <v>1</v>
      </c>
      <c r="C42638" s="14" t="s">
        <v>101</v>
      </c>
      <c r="D42638" s="14" t="s">
        <v>146</v>
      </c>
      <c r="E42638" s="15">
        <v>45674</v>
      </c>
      <c r="F42638" s="14" t="s">
        <v>61</v>
      </c>
      <c r="G42638" s="16">
        <v>5.8297929440652249E-2</v>
      </c>
    </row>
    <row r="42639" spans="1:7" x14ac:dyDescent="0.3">
      <c r="A42639" s="13" t="s">
        <v>250</v>
      </c>
      <c r="B42639" s="14" t="s">
        <v>1</v>
      </c>
      <c r="C42639" s="14" t="s">
        <v>101</v>
      </c>
      <c r="D42639" s="14" t="s">
        <v>146</v>
      </c>
      <c r="E42639" s="15">
        <v>45675</v>
      </c>
      <c r="F42639" s="14" t="s">
        <v>61</v>
      </c>
      <c r="G42639" s="16">
        <v>5.8297929440652249E-2</v>
      </c>
    </row>
    <row r="42640" spans="1:7" x14ac:dyDescent="0.3">
      <c r="A42640" s="13" t="s">
        <v>250</v>
      </c>
      <c r="B42640" s="14" t="s">
        <v>1</v>
      </c>
      <c r="C42640" s="14" t="s">
        <v>101</v>
      </c>
      <c r="D42640" s="14" t="s">
        <v>146</v>
      </c>
      <c r="E42640" s="15">
        <v>45676</v>
      </c>
      <c r="F42640" s="14" t="s">
        <v>61</v>
      </c>
      <c r="G42640" s="16">
        <v>5.8297929440652249E-2</v>
      </c>
    </row>
    <row r="42641" spans="1:7" x14ac:dyDescent="0.3">
      <c r="A42641" s="13" t="s">
        <v>250</v>
      </c>
      <c r="B42641" s="14" t="s">
        <v>1</v>
      </c>
      <c r="C42641" s="14" t="s">
        <v>101</v>
      </c>
      <c r="D42641" s="14" t="s">
        <v>146</v>
      </c>
      <c r="E42641" s="15">
        <v>45677</v>
      </c>
      <c r="F42641" s="14" t="s">
        <v>61</v>
      </c>
      <c r="G42641" s="16">
        <v>5.7532566881056887E-2</v>
      </c>
    </row>
    <row r="42642" spans="1:7" x14ac:dyDescent="0.3">
      <c r="A42642" s="13" t="s">
        <v>250</v>
      </c>
      <c r="B42642" s="14" t="s">
        <v>1</v>
      </c>
      <c r="C42642" s="14" t="s">
        <v>101</v>
      </c>
      <c r="D42642" s="14" t="s">
        <v>146</v>
      </c>
      <c r="E42642" s="15">
        <v>45678</v>
      </c>
      <c r="F42642" s="14" t="s">
        <v>61</v>
      </c>
      <c r="G42642" s="16">
        <v>4.2637942363995554E-2</v>
      </c>
    </row>
    <row r="42643" spans="1:7" x14ac:dyDescent="0.3">
      <c r="A42643" s="13" t="s">
        <v>250</v>
      </c>
      <c r="B42643" s="14" t="s">
        <v>1</v>
      </c>
      <c r="C42643" s="14" t="s">
        <v>101</v>
      </c>
      <c r="D42643" s="14" t="s">
        <v>146</v>
      </c>
      <c r="E42643" s="15">
        <v>45679</v>
      </c>
      <c r="F42643" s="14" t="s">
        <v>61</v>
      </c>
      <c r="G42643" s="16">
        <v>4.5396890836474614E-2</v>
      </c>
    </row>
    <row r="42644" spans="1:7" x14ac:dyDescent="0.3">
      <c r="A42644" s="13" t="s">
        <v>250</v>
      </c>
      <c r="B42644" s="14" t="s">
        <v>1</v>
      </c>
      <c r="C42644" s="14" t="s">
        <v>101</v>
      </c>
      <c r="D42644" s="14" t="s">
        <v>146</v>
      </c>
      <c r="E42644" s="15">
        <v>45680</v>
      </c>
      <c r="F42644" s="14" t="s">
        <v>61</v>
      </c>
      <c r="G42644" s="16">
        <v>4.0503136087509078E-2</v>
      </c>
    </row>
    <row r="42645" spans="1:7" x14ac:dyDescent="0.3">
      <c r="A42645" s="13" t="s">
        <v>250</v>
      </c>
      <c r="B42645" s="14" t="s">
        <v>1</v>
      </c>
      <c r="C42645" s="14" t="s">
        <v>101</v>
      </c>
      <c r="D42645" s="14" t="s">
        <v>146</v>
      </c>
      <c r="E42645" s="15">
        <v>45681</v>
      </c>
      <c r="F42645" s="14" t="s">
        <v>61</v>
      </c>
      <c r="G42645" s="16">
        <v>3.5352179465394387E-2</v>
      </c>
    </row>
    <row r="42646" spans="1:7" x14ac:dyDescent="0.3">
      <c r="A42646" s="13" t="s">
        <v>250</v>
      </c>
      <c r="B42646" s="14" t="s">
        <v>1</v>
      </c>
      <c r="C42646" s="14" t="s">
        <v>101</v>
      </c>
      <c r="D42646" s="14" t="s">
        <v>146</v>
      </c>
      <c r="E42646" s="15">
        <v>45682</v>
      </c>
      <c r="F42646" s="14" t="s">
        <v>61</v>
      </c>
      <c r="G42646" s="16">
        <v>3.5352179465394387E-2</v>
      </c>
    </row>
    <row r="42647" spans="1:7" x14ac:dyDescent="0.3">
      <c r="A42647" s="13" t="s">
        <v>250</v>
      </c>
      <c r="B42647" s="14" t="s">
        <v>1</v>
      </c>
      <c r="C42647" s="14" t="s">
        <v>101</v>
      </c>
      <c r="D42647" s="14" t="s">
        <v>146</v>
      </c>
      <c r="E42647" s="15">
        <v>45683</v>
      </c>
      <c r="F42647" s="14" t="s">
        <v>61</v>
      </c>
      <c r="G42647" s="16">
        <v>3.5352179465394387E-2</v>
      </c>
    </row>
    <row r="42648" spans="1:7" x14ac:dyDescent="0.3">
      <c r="A42648" s="13" t="s">
        <v>250</v>
      </c>
      <c r="B42648" s="14" t="s">
        <v>1</v>
      </c>
      <c r="C42648" s="14" t="s">
        <v>101</v>
      </c>
      <c r="D42648" s="14" t="s">
        <v>146</v>
      </c>
      <c r="E42648" s="15">
        <v>45684</v>
      </c>
      <c r="F42648" s="14" t="s">
        <v>61</v>
      </c>
      <c r="G42648" s="16">
        <v>3.0509810202821831E-2</v>
      </c>
    </row>
    <row r="42649" spans="1:7" x14ac:dyDescent="0.3">
      <c r="A42649" s="13" t="s">
        <v>250</v>
      </c>
      <c r="B42649" s="14" t="s">
        <v>1</v>
      </c>
      <c r="C42649" s="14" t="s">
        <v>101</v>
      </c>
      <c r="D42649" s="14" t="s">
        <v>146</v>
      </c>
      <c r="E42649" s="15">
        <v>45685</v>
      </c>
      <c r="F42649" s="14" t="s">
        <v>61</v>
      </c>
      <c r="G42649" s="16">
        <v>1.5261566833614796E-2</v>
      </c>
    </row>
    <row r="42650" spans="1:7" x14ac:dyDescent="0.3">
      <c r="A42650" s="13" t="s">
        <v>250</v>
      </c>
      <c r="B42650" s="14" t="s">
        <v>1</v>
      </c>
      <c r="C42650" s="14" t="s">
        <v>101</v>
      </c>
      <c r="D42650" s="14" t="s">
        <v>146</v>
      </c>
      <c r="E42650" s="15">
        <v>45686</v>
      </c>
      <c r="F42650" s="14" t="s">
        <v>61</v>
      </c>
      <c r="G42650" s="16">
        <v>1.0347698741134339E-2</v>
      </c>
    </row>
    <row r="42651" spans="1:7" x14ac:dyDescent="0.3">
      <c r="A42651" s="13" t="s">
        <v>250</v>
      </c>
      <c r="B42651" s="14" t="s">
        <v>1</v>
      </c>
      <c r="C42651" s="14" t="s">
        <v>101</v>
      </c>
      <c r="D42651" s="14" t="s">
        <v>146</v>
      </c>
      <c r="E42651" s="15">
        <v>45687</v>
      </c>
      <c r="F42651" s="14" t="s">
        <v>61</v>
      </c>
      <c r="G42651" s="16">
        <v>5.4762531461864722E-3</v>
      </c>
    </row>
    <row r="42652" spans="1:7" x14ac:dyDescent="0.3">
      <c r="A42652" s="13" t="s">
        <v>250</v>
      </c>
      <c r="B42652" s="14" t="s">
        <v>1</v>
      </c>
      <c r="C42652" s="14" t="s">
        <v>101</v>
      </c>
      <c r="D42652" s="14" t="s">
        <v>146</v>
      </c>
      <c r="E42652" s="15">
        <v>45688</v>
      </c>
      <c r="F42652" s="14" t="s">
        <v>61</v>
      </c>
      <c r="G42652" s="16">
        <v>5.8972425382611846E-4</v>
      </c>
    </row>
    <row r="42653" spans="1:7" x14ac:dyDescent="0.3">
      <c r="A42653" s="13" t="s">
        <v>250</v>
      </c>
      <c r="B42653" s="14" t="s">
        <v>1</v>
      </c>
      <c r="C42653" s="14" t="s">
        <v>101</v>
      </c>
      <c r="D42653" s="14" t="s">
        <v>146</v>
      </c>
      <c r="E42653" s="15">
        <v>45689</v>
      </c>
      <c r="F42653" s="14" t="s">
        <v>61</v>
      </c>
      <c r="G42653" s="16">
        <v>5.8972425382611846E-4</v>
      </c>
    </row>
    <row r="42654" spans="1:7" x14ac:dyDescent="0.3">
      <c r="A42654" s="13" t="s">
        <v>250</v>
      </c>
      <c r="B42654" s="14" t="s">
        <v>1</v>
      </c>
      <c r="C42654" s="14" t="s">
        <v>101</v>
      </c>
      <c r="D42654" s="14" t="s">
        <v>146</v>
      </c>
      <c r="E42654" s="15">
        <v>45690</v>
      </c>
      <c r="F42654" s="14" t="s">
        <v>61</v>
      </c>
      <c r="G42654" s="16">
        <v>5.8972425382611846E-4</v>
      </c>
    </row>
    <row r="42655" spans="1:7" x14ac:dyDescent="0.3">
      <c r="A42655" s="13" t="s">
        <v>250</v>
      </c>
      <c r="B42655" s="14" t="s">
        <v>1</v>
      </c>
      <c r="C42655" s="14" t="s">
        <v>101</v>
      </c>
      <c r="D42655" s="14" t="s">
        <v>146</v>
      </c>
      <c r="E42655" s="15">
        <v>45691</v>
      </c>
      <c r="F42655" s="14" t="s">
        <v>61</v>
      </c>
      <c r="G42655" s="16">
        <v>5.8972425382611846E-4</v>
      </c>
    </row>
    <row r="42656" spans="1:7" x14ac:dyDescent="0.3">
      <c r="A42656" s="13" t="s">
        <v>250</v>
      </c>
      <c r="B42656" s="14" t="s">
        <v>1</v>
      </c>
      <c r="C42656" s="14" t="s">
        <v>101</v>
      </c>
      <c r="D42656" s="14" t="s">
        <v>146</v>
      </c>
      <c r="E42656" s="15">
        <v>45692</v>
      </c>
      <c r="F42656" s="14" t="s">
        <v>61</v>
      </c>
      <c r="G42656" s="16">
        <v>0</v>
      </c>
    </row>
    <row r="42657" spans="1:7" x14ac:dyDescent="0.3">
      <c r="A42657" s="13" t="s">
        <v>250</v>
      </c>
      <c r="B42657" s="14" t="s">
        <v>1</v>
      </c>
      <c r="C42657" s="14" t="s">
        <v>101</v>
      </c>
      <c r="D42657" s="14" t="s">
        <v>146</v>
      </c>
      <c r="E42657" s="15">
        <v>45693</v>
      </c>
      <c r="F42657" s="14" t="s">
        <v>61</v>
      </c>
      <c r="G42657" s="16">
        <v>0</v>
      </c>
    </row>
    <row r="42658" spans="1:7" x14ac:dyDescent="0.3">
      <c r="A42658" s="13" t="s">
        <v>250</v>
      </c>
      <c r="B42658" s="14" t="s">
        <v>1</v>
      </c>
      <c r="C42658" s="14" t="s">
        <v>101</v>
      </c>
      <c r="D42658" s="14" t="s">
        <v>146</v>
      </c>
      <c r="E42658" s="15">
        <v>45694</v>
      </c>
      <c r="F42658" s="14" t="s">
        <v>61</v>
      </c>
      <c r="G42658" s="16">
        <v>0</v>
      </c>
    </row>
    <row r="42659" spans="1:7" x14ac:dyDescent="0.3">
      <c r="A42659" s="13" t="s">
        <v>250</v>
      </c>
      <c r="B42659" s="14" t="s">
        <v>1</v>
      </c>
      <c r="C42659" s="14" t="s">
        <v>101</v>
      </c>
      <c r="D42659" s="14" t="s">
        <v>146</v>
      </c>
      <c r="E42659" s="15">
        <v>45695</v>
      </c>
      <c r="F42659" s="14" t="s">
        <v>61</v>
      </c>
      <c r="G42659" s="16">
        <v>0</v>
      </c>
    </row>
    <row r="42660" spans="1:7" x14ac:dyDescent="0.3">
      <c r="A42660" s="13" t="s">
        <v>250</v>
      </c>
      <c r="B42660" s="14" t="s">
        <v>1</v>
      </c>
      <c r="C42660" s="14" t="s">
        <v>101</v>
      </c>
      <c r="D42660" s="14" t="s">
        <v>146</v>
      </c>
      <c r="E42660" s="15">
        <v>45696</v>
      </c>
      <c r="F42660" s="14" t="s">
        <v>61</v>
      </c>
      <c r="G42660" s="16">
        <v>0</v>
      </c>
    </row>
    <row r="42661" spans="1:7" x14ac:dyDescent="0.3">
      <c r="A42661" s="13" t="s">
        <v>250</v>
      </c>
      <c r="B42661" s="14" t="s">
        <v>1</v>
      </c>
      <c r="C42661" s="14" t="s">
        <v>101</v>
      </c>
      <c r="D42661" s="14" t="s">
        <v>146</v>
      </c>
      <c r="E42661" s="15">
        <v>45697</v>
      </c>
      <c r="F42661" s="14" t="s">
        <v>61</v>
      </c>
      <c r="G42661" s="16">
        <v>0</v>
      </c>
    </row>
    <row r="42662" spans="1:7" x14ac:dyDescent="0.3">
      <c r="A42662" s="13" t="s">
        <v>250</v>
      </c>
      <c r="B42662" s="14" t="s">
        <v>1</v>
      </c>
      <c r="C42662" s="14" t="s">
        <v>101</v>
      </c>
      <c r="D42662" s="14" t="s">
        <v>146</v>
      </c>
      <c r="E42662" s="15">
        <v>45698</v>
      </c>
      <c r="F42662" s="14" t="s">
        <v>61</v>
      </c>
      <c r="G42662" s="16">
        <v>0</v>
      </c>
    </row>
    <row r="42663" spans="1:7" x14ac:dyDescent="0.3">
      <c r="A42663" s="13" t="s">
        <v>250</v>
      </c>
      <c r="B42663" s="14" t="s">
        <v>1</v>
      </c>
      <c r="C42663" s="14" t="s">
        <v>101</v>
      </c>
      <c r="D42663" s="14" t="s">
        <v>146</v>
      </c>
      <c r="E42663" s="15">
        <v>45699</v>
      </c>
      <c r="F42663" s="14" t="s">
        <v>61</v>
      </c>
      <c r="G42663" s="16">
        <v>0</v>
      </c>
    </row>
    <row r="42664" spans="1:7" x14ac:dyDescent="0.3">
      <c r="A42664" s="13" t="s">
        <v>250</v>
      </c>
      <c r="B42664" s="14" t="s">
        <v>1</v>
      </c>
      <c r="C42664" s="14" t="s">
        <v>101</v>
      </c>
      <c r="D42664" s="14" t="s">
        <v>146</v>
      </c>
      <c r="E42664" s="15">
        <v>45700</v>
      </c>
      <c r="F42664" s="14" t="s">
        <v>61</v>
      </c>
      <c r="G42664" s="16">
        <v>0</v>
      </c>
    </row>
    <row r="42665" spans="1:7" x14ac:dyDescent="0.3">
      <c r="A42665" s="13" t="s">
        <v>250</v>
      </c>
      <c r="B42665" s="14" t="s">
        <v>1</v>
      </c>
      <c r="C42665" s="14" t="s">
        <v>101</v>
      </c>
      <c r="D42665" s="14" t="s">
        <v>146</v>
      </c>
      <c r="E42665" s="15">
        <v>45701</v>
      </c>
      <c r="F42665" s="14" t="s">
        <v>61</v>
      </c>
      <c r="G42665" s="16">
        <v>0</v>
      </c>
    </row>
    <row r="42666" spans="1:7" x14ac:dyDescent="0.3">
      <c r="A42666" s="13" t="s">
        <v>250</v>
      </c>
      <c r="B42666" s="14" t="s">
        <v>1</v>
      </c>
      <c r="C42666" s="14" t="s">
        <v>101</v>
      </c>
      <c r="D42666" s="14" t="s">
        <v>146</v>
      </c>
      <c r="E42666" s="15">
        <v>45702</v>
      </c>
      <c r="F42666" s="14" t="s">
        <v>61</v>
      </c>
      <c r="G42666" s="16">
        <v>0</v>
      </c>
    </row>
    <row r="42667" spans="1:7" x14ac:dyDescent="0.3">
      <c r="A42667" s="13" t="s">
        <v>250</v>
      </c>
      <c r="B42667" s="14" t="s">
        <v>1</v>
      </c>
      <c r="C42667" s="14" t="s">
        <v>101</v>
      </c>
      <c r="D42667" s="14" t="s">
        <v>146</v>
      </c>
      <c r="E42667" s="15">
        <v>45703</v>
      </c>
      <c r="F42667" s="14" t="s">
        <v>61</v>
      </c>
      <c r="G42667" s="16">
        <v>0</v>
      </c>
    </row>
    <row r="42668" spans="1:7" x14ac:dyDescent="0.3">
      <c r="A42668" s="13" t="s">
        <v>250</v>
      </c>
      <c r="B42668" s="14" t="s">
        <v>1</v>
      </c>
      <c r="C42668" s="14" t="s">
        <v>101</v>
      </c>
      <c r="D42668" s="14" t="s">
        <v>146</v>
      </c>
      <c r="E42668" s="15">
        <v>45704</v>
      </c>
      <c r="F42668" s="14" t="s">
        <v>61</v>
      </c>
      <c r="G42668" s="16">
        <v>0</v>
      </c>
    </row>
    <row r="42669" spans="1:7" x14ac:dyDescent="0.3">
      <c r="A42669" s="13" t="s">
        <v>250</v>
      </c>
      <c r="B42669" s="14" t="s">
        <v>1</v>
      </c>
      <c r="C42669" s="14" t="s">
        <v>101</v>
      </c>
      <c r="D42669" s="14" t="s">
        <v>146</v>
      </c>
      <c r="E42669" s="15">
        <v>45705</v>
      </c>
      <c r="F42669" s="14" t="s">
        <v>61</v>
      </c>
      <c r="G42669" s="16">
        <v>5.6457347664695236E-3</v>
      </c>
    </row>
    <row r="42670" spans="1:7" x14ac:dyDescent="0.3">
      <c r="A42670" s="13" t="s">
        <v>250</v>
      </c>
      <c r="B42670" s="14" t="s">
        <v>1</v>
      </c>
      <c r="C42670" s="14" t="s">
        <v>101</v>
      </c>
      <c r="D42670" s="14" t="s">
        <v>146</v>
      </c>
      <c r="E42670" s="15">
        <v>45706</v>
      </c>
      <c r="F42670" s="14" t="s">
        <v>61</v>
      </c>
      <c r="G42670" s="16">
        <v>0</v>
      </c>
    </row>
    <row r="42671" spans="1:7" x14ac:dyDescent="0.3">
      <c r="A42671" s="13" t="s">
        <v>250</v>
      </c>
      <c r="B42671" s="14" t="s">
        <v>1</v>
      </c>
      <c r="C42671" s="14" t="s">
        <v>101</v>
      </c>
      <c r="D42671" s="14" t="s">
        <v>146</v>
      </c>
      <c r="E42671" s="15">
        <v>45707</v>
      </c>
      <c r="F42671" s="14" t="s">
        <v>61</v>
      </c>
      <c r="G42671" s="16">
        <v>0</v>
      </c>
    </row>
    <row r="42672" spans="1:7" x14ac:dyDescent="0.3">
      <c r="A42672" s="13" t="s">
        <v>250</v>
      </c>
      <c r="B42672" s="14" t="s">
        <v>1</v>
      </c>
      <c r="C42672" s="14" t="s">
        <v>101</v>
      </c>
      <c r="D42672" s="14" t="s">
        <v>146</v>
      </c>
      <c r="E42672" s="15">
        <v>45708</v>
      </c>
      <c r="F42672" s="14" t="s">
        <v>61</v>
      </c>
      <c r="G42672" s="16">
        <v>0</v>
      </c>
    </row>
    <row r="42673" spans="1:7" x14ac:dyDescent="0.3">
      <c r="A42673" s="13" t="s">
        <v>250</v>
      </c>
      <c r="B42673" s="14" t="s">
        <v>1</v>
      </c>
      <c r="C42673" s="14" t="s">
        <v>101</v>
      </c>
      <c r="D42673" s="14" t="s">
        <v>146</v>
      </c>
      <c r="E42673" s="15">
        <v>45709</v>
      </c>
      <c r="F42673" s="14" t="s">
        <v>61</v>
      </c>
      <c r="G42673" s="16">
        <v>0</v>
      </c>
    </row>
    <row r="42674" spans="1:7" x14ac:dyDescent="0.3">
      <c r="A42674" s="13" t="s">
        <v>250</v>
      </c>
      <c r="B42674" s="14" t="s">
        <v>1</v>
      </c>
      <c r="C42674" s="14" t="s">
        <v>101</v>
      </c>
      <c r="D42674" s="14" t="s">
        <v>146</v>
      </c>
      <c r="E42674" s="15">
        <v>45710</v>
      </c>
      <c r="F42674" s="14" t="s">
        <v>61</v>
      </c>
      <c r="G42674" s="16">
        <v>0</v>
      </c>
    </row>
    <row r="42675" spans="1:7" x14ac:dyDescent="0.3">
      <c r="A42675" s="13" t="s">
        <v>250</v>
      </c>
      <c r="B42675" s="14" t="s">
        <v>1</v>
      </c>
      <c r="C42675" s="14" t="s">
        <v>101</v>
      </c>
      <c r="D42675" s="14" t="s">
        <v>146</v>
      </c>
      <c r="E42675" s="15">
        <v>45711</v>
      </c>
      <c r="F42675" s="14" t="s">
        <v>61</v>
      </c>
      <c r="G42675" s="16">
        <v>0</v>
      </c>
    </row>
    <row r="42676" spans="1:7" x14ac:dyDescent="0.3">
      <c r="A42676" s="13" t="s">
        <v>250</v>
      </c>
      <c r="B42676" s="14" t="s">
        <v>1</v>
      </c>
      <c r="C42676" s="14" t="s">
        <v>101</v>
      </c>
      <c r="D42676" s="14" t="s">
        <v>146</v>
      </c>
      <c r="E42676" s="15">
        <v>45712</v>
      </c>
      <c r="F42676" s="14" t="s">
        <v>61</v>
      </c>
      <c r="G42676" s="16">
        <v>0</v>
      </c>
    </row>
    <row r="42677" spans="1:7" x14ac:dyDescent="0.3">
      <c r="A42677" s="13" t="s">
        <v>250</v>
      </c>
      <c r="B42677" s="14" t="s">
        <v>1</v>
      </c>
      <c r="C42677" s="14" t="s">
        <v>101</v>
      </c>
      <c r="D42677" s="14" t="s">
        <v>146</v>
      </c>
      <c r="E42677" s="15">
        <v>45713</v>
      </c>
      <c r="F42677" s="14" t="s">
        <v>61</v>
      </c>
      <c r="G42677" s="16">
        <v>0</v>
      </c>
    </row>
    <row r="42678" spans="1:7" x14ac:dyDescent="0.3">
      <c r="A42678" s="13" t="s">
        <v>250</v>
      </c>
      <c r="B42678" s="14" t="s">
        <v>1</v>
      </c>
      <c r="C42678" s="14" t="s">
        <v>101</v>
      </c>
      <c r="D42678" s="14" t="s">
        <v>146</v>
      </c>
      <c r="E42678" s="15">
        <v>45714</v>
      </c>
      <c r="F42678" s="14" t="s">
        <v>61</v>
      </c>
      <c r="G42678" s="16">
        <v>0</v>
      </c>
    </row>
    <row r="42679" spans="1:7" x14ac:dyDescent="0.3">
      <c r="A42679" s="13" t="s">
        <v>250</v>
      </c>
      <c r="B42679" s="14" t="s">
        <v>1</v>
      </c>
      <c r="C42679" s="14" t="s">
        <v>101</v>
      </c>
      <c r="D42679" s="14" t="s">
        <v>146</v>
      </c>
      <c r="E42679" s="15">
        <v>45715</v>
      </c>
      <c r="F42679" s="14" t="s">
        <v>61</v>
      </c>
      <c r="G42679" s="16">
        <v>0</v>
      </c>
    </row>
    <row r="42680" spans="1:7" x14ac:dyDescent="0.3">
      <c r="A42680" s="13" t="s">
        <v>250</v>
      </c>
      <c r="B42680" s="14" t="s">
        <v>1</v>
      </c>
      <c r="C42680" s="14" t="s">
        <v>101</v>
      </c>
      <c r="D42680" s="14" t="s">
        <v>146</v>
      </c>
      <c r="E42680" s="15">
        <v>45716</v>
      </c>
      <c r="F42680" s="14" t="s">
        <v>61</v>
      </c>
      <c r="G42680" s="16">
        <v>0</v>
      </c>
    </row>
    <row r="42681" spans="1:7" x14ac:dyDescent="0.3">
      <c r="A42681" s="13" t="s">
        <v>250</v>
      </c>
      <c r="B42681" s="14" t="s">
        <v>1</v>
      </c>
      <c r="C42681" s="14" t="s">
        <v>101</v>
      </c>
      <c r="D42681" s="14" t="s">
        <v>146</v>
      </c>
      <c r="E42681" s="15">
        <v>45717</v>
      </c>
      <c r="F42681" s="14" t="s">
        <v>61</v>
      </c>
      <c r="G42681" s="16">
        <v>0</v>
      </c>
    </row>
    <row r="42682" spans="1:7" x14ac:dyDescent="0.3">
      <c r="A42682" s="13" t="s">
        <v>250</v>
      </c>
      <c r="B42682" s="14" t="s">
        <v>1</v>
      </c>
      <c r="C42682" s="14" t="s">
        <v>101</v>
      </c>
      <c r="D42682" s="14" t="s">
        <v>146</v>
      </c>
      <c r="E42682" s="15">
        <v>45718</v>
      </c>
      <c r="F42682" s="14" t="s">
        <v>61</v>
      </c>
      <c r="G42682" s="16">
        <v>0</v>
      </c>
    </row>
    <row r="42683" spans="1:7" x14ac:dyDescent="0.3">
      <c r="A42683" s="13" t="s">
        <v>250</v>
      </c>
      <c r="B42683" s="14" t="s">
        <v>1</v>
      </c>
      <c r="C42683" s="14" t="s">
        <v>101</v>
      </c>
      <c r="D42683" s="14" t="s">
        <v>146</v>
      </c>
      <c r="E42683" s="15">
        <v>45719</v>
      </c>
      <c r="F42683" s="14" t="s">
        <v>61</v>
      </c>
      <c r="G42683" s="16">
        <v>2.1494915538781351E-3</v>
      </c>
    </row>
    <row r="42684" spans="1:7" x14ac:dyDescent="0.3">
      <c r="A42684" s="13" t="s">
        <v>250</v>
      </c>
      <c r="B42684" s="14" t="s">
        <v>1</v>
      </c>
      <c r="C42684" s="14" t="s">
        <v>101</v>
      </c>
      <c r="D42684" s="14" t="s">
        <v>146</v>
      </c>
      <c r="E42684" s="15">
        <v>45720</v>
      </c>
      <c r="F42684" s="14" t="s">
        <v>61</v>
      </c>
      <c r="G42684" s="16">
        <v>0</v>
      </c>
    </row>
    <row r="42685" spans="1:7" x14ac:dyDescent="0.3">
      <c r="A42685" s="13" t="s">
        <v>250</v>
      </c>
      <c r="B42685" s="14" t="s">
        <v>1</v>
      </c>
      <c r="C42685" s="14" t="s">
        <v>101</v>
      </c>
      <c r="D42685" s="14" t="s">
        <v>146</v>
      </c>
      <c r="E42685" s="15">
        <v>45721</v>
      </c>
      <c r="F42685" s="14" t="s">
        <v>61</v>
      </c>
      <c r="G42685" s="16">
        <v>0</v>
      </c>
    </row>
    <row r="42686" spans="1:7" x14ac:dyDescent="0.3">
      <c r="A42686" s="13" t="s">
        <v>250</v>
      </c>
      <c r="B42686" s="14" t="s">
        <v>1</v>
      </c>
      <c r="C42686" s="14" t="s">
        <v>101</v>
      </c>
      <c r="D42686" s="14" t="s">
        <v>146</v>
      </c>
      <c r="E42686" s="15">
        <v>45722</v>
      </c>
      <c r="F42686" s="14" t="s">
        <v>61</v>
      </c>
      <c r="G42686" s="16">
        <v>0</v>
      </c>
    </row>
    <row r="42687" spans="1:7" x14ac:dyDescent="0.3">
      <c r="A42687" s="13" t="s">
        <v>250</v>
      </c>
      <c r="B42687" s="14" t="s">
        <v>1</v>
      </c>
      <c r="C42687" s="14" t="s">
        <v>101</v>
      </c>
      <c r="D42687" s="14" t="s">
        <v>146</v>
      </c>
      <c r="E42687" s="15">
        <v>45723</v>
      </c>
      <c r="F42687" s="14" t="s">
        <v>61</v>
      </c>
      <c r="G42687" s="16">
        <v>0</v>
      </c>
    </row>
    <row r="42688" spans="1:7" x14ac:dyDescent="0.3">
      <c r="A42688" s="13" t="s">
        <v>250</v>
      </c>
      <c r="B42688" s="14" t="s">
        <v>1</v>
      </c>
      <c r="C42688" s="14" t="s">
        <v>101</v>
      </c>
      <c r="D42688" s="14" t="s">
        <v>146</v>
      </c>
      <c r="E42688" s="15">
        <v>45724</v>
      </c>
      <c r="F42688" s="14" t="s">
        <v>61</v>
      </c>
      <c r="G42688" s="16">
        <v>0</v>
      </c>
    </row>
    <row r="42689" spans="1:7" x14ac:dyDescent="0.3">
      <c r="A42689" s="13" t="s">
        <v>250</v>
      </c>
      <c r="B42689" s="14" t="s">
        <v>1</v>
      </c>
      <c r="C42689" s="14" t="s">
        <v>101</v>
      </c>
      <c r="D42689" s="14" t="s">
        <v>146</v>
      </c>
      <c r="E42689" s="15">
        <v>45725</v>
      </c>
      <c r="F42689" s="14" t="s">
        <v>61</v>
      </c>
      <c r="G42689" s="16">
        <v>0</v>
      </c>
    </row>
    <row r="42690" spans="1:7" x14ac:dyDescent="0.3">
      <c r="A42690" s="13" t="s">
        <v>250</v>
      </c>
      <c r="B42690" s="14" t="s">
        <v>1</v>
      </c>
      <c r="C42690" s="14" t="s">
        <v>101</v>
      </c>
      <c r="D42690" s="14" t="s">
        <v>146</v>
      </c>
      <c r="E42690" s="15">
        <v>45726</v>
      </c>
      <c r="F42690" s="14" t="s">
        <v>61</v>
      </c>
      <c r="G42690" s="16">
        <v>0</v>
      </c>
    </row>
    <row r="42691" spans="1:7" x14ac:dyDescent="0.3">
      <c r="A42691" s="13" t="s">
        <v>250</v>
      </c>
      <c r="B42691" s="14" t="s">
        <v>1</v>
      </c>
      <c r="C42691" s="14" t="s">
        <v>101</v>
      </c>
      <c r="D42691" s="14" t="s">
        <v>146</v>
      </c>
      <c r="E42691" s="15">
        <v>45727</v>
      </c>
      <c r="F42691" s="14" t="s">
        <v>61</v>
      </c>
      <c r="G42691" s="16">
        <v>0</v>
      </c>
    </row>
    <row r="42692" spans="1:7" x14ac:dyDescent="0.3">
      <c r="A42692" s="13" t="s">
        <v>250</v>
      </c>
      <c r="B42692" s="14" t="s">
        <v>1</v>
      </c>
      <c r="C42692" s="14" t="s">
        <v>101</v>
      </c>
      <c r="D42692" s="14" t="s">
        <v>146</v>
      </c>
      <c r="E42692" s="15">
        <v>45728</v>
      </c>
      <c r="F42692" s="14" t="s">
        <v>61</v>
      </c>
      <c r="G42692" s="16">
        <v>0</v>
      </c>
    </row>
    <row r="42693" spans="1:7" x14ac:dyDescent="0.3">
      <c r="A42693" s="13" t="s">
        <v>250</v>
      </c>
      <c r="B42693" s="14" t="s">
        <v>1</v>
      </c>
      <c r="C42693" s="14" t="s">
        <v>101</v>
      </c>
      <c r="D42693" s="14" t="s">
        <v>146</v>
      </c>
      <c r="E42693" s="15">
        <v>45729</v>
      </c>
      <c r="F42693" s="14" t="s">
        <v>61</v>
      </c>
      <c r="G42693" s="16">
        <v>0</v>
      </c>
    </row>
    <row r="42694" spans="1:7" x14ac:dyDescent="0.3">
      <c r="A42694" s="13" t="s">
        <v>250</v>
      </c>
      <c r="B42694" s="14" t="s">
        <v>1</v>
      </c>
      <c r="C42694" s="14" t="s">
        <v>101</v>
      </c>
      <c r="D42694" s="14" t="s">
        <v>146</v>
      </c>
      <c r="E42694" s="15">
        <v>45730</v>
      </c>
      <c r="F42694" s="14" t="s">
        <v>61</v>
      </c>
      <c r="G42694" s="16">
        <v>0</v>
      </c>
    </row>
    <row r="42695" spans="1:7" x14ac:dyDescent="0.3">
      <c r="A42695" s="13" t="s">
        <v>250</v>
      </c>
      <c r="B42695" s="14" t="s">
        <v>1</v>
      </c>
      <c r="C42695" s="14" t="s">
        <v>101</v>
      </c>
      <c r="D42695" s="14" t="s">
        <v>146</v>
      </c>
      <c r="E42695" s="15">
        <v>45731</v>
      </c>
      <c r="F42695" s="14" t="s">
        <v>61</v>
      </c>
      <c r="G42695" s="16">
        <v>0</v>
      </c>
    </row>
    <row r="42696" spans="1:7" x14ac:dyDescent="0.3">
      <c r="A42696" s="13" t="s">
        <v>250</v>
      </c>
      <c r="B42696" s="14" t="s">
        <v>1</v>
      </c>
      <c r="C42696" s="14" t="s">
        <v>101</v>
      </c>
      <c r="D42696" s="14" t="s">
        <v>146</v>
      </c>
      <c r="E42696" s="15">
        <v>45732</v>
      </c>
      <c r="F42696" s="14" t="s">
        <v>61</v>
      </c>
      <c r="G42696" s="16">
        <v>0</v>
      </c>
    </row>
    <row r="42697" spans="1:7" x14ac:dyDescent="0.3">
      <c r="A42697" s="13" t="s">
        <v>250</v>
      </c>
      <c r="B42697" s="14" t="s">
        <v>1</v>
      </c>
      <c r="C42697" s="14" t="s">
        <v>101</v>
      </c>
      <c r="D42697" s="14" t="s">
        <v>146</v>
      </c>
      <c r="E42697" s="15">
        <v>45733</v>
      </c>
      <c r="F42697" s="14" t="s">
        <v>61</v>
      </c>
      <c r="G42697" s="16">
        <v>0</v>
      </c>
    </row>
    <row r="42698" spans="1:7" x14ac:dyDescent="0.3">
      <c r="A42698" s="13" t="s">
        <v>250</v>
      </c>
      <c r="B42698" s="14" t="s">
        <v>1</v>
      </c>
      <c r="C42698" s="14" t="s">
        <v>101</v>
      </c>
      <c r="D42698" s="14" t="s">
        <v>146</v>
      </c>
      <c r="E42698" s="15">
        <v>45734</v>
      </c>
      <c r="F42698" s="14" t="s">
        <v>61</v>
      </c>
      <c r="G42698" s="16">
        <v>0</v>
      </c>
    </row>
    <row r="42699" spans="1:7" x14ac:dyDescent="0.3">
      <c r="A42699" s="13" t="s">
        <v>250</v>
      </c>
      <c r="B42699" s="14" t="s">
        <v>1</v>
      </c>
      <c r="C42699" s="14" t="s">
        <v>101</v>
      </c>
      <c r="D42699" s="14" t="s">
        <v>146</v>
      </c>
      <c r="E42699" s="15">
        <v>45735</v>
      </c>
      <c r="F42699" s="14" t="s">
        <v>61</v>
      </c>
      <c r="G42699" s="16">
        <v>0</v>
      </c>
    </row>
    <row r="42700" spans="1:7" x14ac:dyDescent="0.3">
      <c r="A42700" s="13" t="s">
        <v>250</v>
      </c>
      <c r="B42700" s="14" t="s">
        <v>1</v>
      </c>
      <c r="C42700" s="14" t="s">
        <v>101</v>
      </c>
      <c r="D42700" s="14" t="s">
        <v>146</v>
      </c>
      <c r="E42700" s="15">
        <v>45736</v>
      </c>
      <c r="F42700" s="14" t="s">
        <v>61</v>
      </c>
      <c r="G42700" s="16">
        <v>0</v>
      </c>
    </row>
    <row r="42701" spans="1:7" x14ac:dyDescent="0.3">
      <c r="A42701" s="13" t="s">
        <v>250</v>
      </c>
      <c r="B42701" s="14" t="s">
        <v>1</v>
      </c>
      <c r="C42701" s="14" t="s">
        <v>101</v>
      </c>
      <c r="D42701" s="14" t="s">
        <v>146</v>
      </c>
      <c r="E42701" s="15">
        <v>45737</v>
      </c>
      <c r="F42701" s="14" t="s">
        <v>61</v>
      </c>
      <c r="G42701" s="16">
        <v>0</v>
      </c>
    </row>
    <row r="42702" spans="1:7" x14ac:dyDescent="0.3">
      <c r="A42702" s="13" t="s">
        <v>250</v>
      </c>
      <c r="B42702" s="14" t="s">
        <v>1</v>
      </c>
      <c r="C42702" s="14" t="s">
        <v>101</v>
      </c>
      <c r="D42702" s="14" t="s">
        <v>146</v>
      </c>
      <c r="E42702" s="15">
        <v>45738</v>
      </c>
      <c r="F42702" s="14" t="s">
        <v>61</v>
      </c>
      <c r="G42702" s="16">
        <v>0</v>
      </c>
    </row>
    <row r="42703" spans="1:7" x14ac:dyDescent="0.3">
      <c r="A42703" s="13" t="s">
        <v>250</v>
      </c>
      <c r="B42703" s="14" t="s">
        <v>1</v>
      </c>
      <c r="C42703" s="14" t="s">
        <v>101</v>
      </c>
      <c r="D42703" s="14" t="s">
        <v>146</v>
      </c>
      <c r="E42703" s="15">
        <v>45739</v>
      </c>
      <c r="F42703" s="14" t="s">
        <v>61</v>
      </c>
      <c r="G42703" s="16">
        <v>0</v>
      </c>
    </row>
    <row r="42704" spans="1:7" x14ac:dyDescent="0.3">
      <c r="A42704" s="13" t="s">
        <v>250</v>
      </c>
      <c r="B42704" s="14" t="s">
        <v>1</v>
      </c>
      <c r="C42704" s="14" t="s">
        <v>101</v>
      </c>
      <c r="D42704" s="14" t="s">
        <v>146</v>
      </c>
      <c r="E42704" s="15">
        <v>45740</v>
      </c>
      <c r="F42704" s="14" t="s">
        <v>61</v>
      </c>
      <c r="G42704" s="16">
        <v>0</v>
      </c>
    </row>
    <row r="42705" spans="1:7" x14ac:dyDescent="0.3">
      <c r="A42705" s="13" t="s">
        <v>250</v>
      </c>
      <c r="B42705" s="14" t="s">
        <v>1</v>
      </c>
      <c r="C42705" s="14" t="s">
        <v>101</v>
      </c>
      <c r="D42705" s="14" t="s">
        <v>146</v>
      </c>
      <c r="E42705" s="15">
        <v>45741</v>
      </c>
      <c r="F42705" s="14" t="s">
        <v>61</v>
      </c>
      <c r="G42705" s="16">
        <v>0</v>
      </c>
    </row>
    <row r="42706" spans="1:7" x14ac:dyDescent="0.3">
      <c r="A42706" s="13" t="s">
        <v>250</v>
      </c>
      <c r="B42706" s="14" t="s">
        <v>1</v>
      </c>
      <c r="C42706" s="14" t="s">
        <v>101</v>
      </c>
      <c r="D42706" s="14" t="s">
        <v>146</v>
      </c>
      <c r="E42706" s="15">
        <v>45742</v>
      </c>
      <c r="F42706" s="14" t="s">
        <v>61</v>
      </c>
      <c r="G42706" s="16">
        <v>0</v>
      </c>
    </row>
    <row r="42707" spans="1:7" x14ac:dyDescent="0.3">
      <c r="A42707" s="13" t="s">
        <v>250</v>
      </c>
      <c r="B42707" s="14" t="s">
        <v>1</v>
      </c>
      <c r="C42707" s="14" t="s">
        <v>101</v>
      </c>
      <c r="D42707" s="14" t="s">
        <v>146</v>
      </c>
      <c r="E42707" s="15">
        <v>45743</v>
      </c>
      <c r="F42707" s="14" t="s">
        <v>61</v>
      </c>
      <c r="G42707" s="16">
        <v>0</v>
      </c>
    </row>
    <row r="42708" spans="1:7" x14ac:dyDescent="0.3">
      <c r="A42708" s="13" t="s">
        <v>250</v>
      </c>
      <c r="B42708" s="14" t="s">
        <v>1</v>
      </c>
      <c r="C42708" s="14" t="s">
        <v>101</v>
      </c>
      <c r="D42708" s="14" t="s">
        <v>146</v>
      </c>
      <c r="E42708" s="15">
        <v>45744</v>
      </c>
      <c r="F42708" s="14" t="s">
        <v>61</v>
      </c>
      <c r="G42708" s="16">
        <v>0</v>
      </c>
    </row>
    <row r="42709" spans="1:7" x14ac:dyDescent="0.3">
      <c r="A42709" s="13" t="s">
        <v>250</v>
      </c>
      <c r="B42709" s="14" t="s">
        <v>1</v>
      </c>
      <c r="C42709" s="14" t="s">
        <v>101</v>
      </c>
      <c r="D42709" s="14" t="s">
        <v>146</v>
      </c>
      <c r="E42709" s="15">
        <v>45745</v>
      </c>
      <c r="F42709" s="14" t="s">
        <v>61</v>
      </c>
      <c r="G42709" s="16">
        <v>0</v>
      </c>
    </row>
    <row r="42710" spans="1:7" x14ac:dyDescent="0.3">
      <c r="A42710" s="13" t="s">
        <v>250</v>
      </c>
      <c r="B42710" s="14" t="s">
        <v>1</v>
      </c>
      <c r="C42710" s="14" t="s">
        <v>101</v>
      </c>
      <c r="D42710" s="14" t="s">
        <v>146</v>
      </c>
      <c r="E42710" s="15">
        <v>45746</v>
      </c>
      <c r="F42710" s="14" t="s">
        <v>61</v>
      </c>
      <c r="G42710" s="16">
        <v>0</v>
      </c>
    </row>
    <row r="42711" spans="1:7" x14ac:dyDescent="0.3">
      <c r="A42711" s="13" t="s">
        <v>250</v>
      </c>
      <c r="B42711" s="14" t="s">
        <v>1</v>
      </c>
      <c r="C42711" s="14" t="s">
        <v>101</v>
      </c>
      <c r="D42711" s="14" t="s">
        <v>146</v>
      </c>
      <c r="E42711" s="15">
        <v>45747</v>
      </c>
      <c r="F42711" s="14" t="s">
        <v>61</v>
      </c>
      <c r="G42711" s="16">
        <v>0</v>
      </c>
    </row>
    <row r="42712" spans="1:7" x14ac:dyDescent="0.3">
      <c r="A42712" s="13" t="s">
        <v>251</v>
      </c>
      <c r="B42712" s="14" t="s">
        <v>1</v>
      </c>
      <c r="C42712" s="14" t="s">
        <v>252</v>
      </c>
      <c r="D42712" s="14" t="s">
        <v>244</v>
      </c>
      <c r="E42712" s="15">
        <v>45383</v>
      </c>
      <c r="F42712" s="14" t="s">
        <v>61</v>
      </c>
      <c r="G42712" s="16">
        <v>0</v>
      </c>
    </row>
    <row r="42713" spans="1:7" x14ac:dyDescent="0.3">
      <c r="A42713" s="13" t="s">
        <v>251</v>
      </c>
      <c r="B42713" s="14" t="s">
        <v>1</v>
      </c>
      <c r="C42713" s="14" t="s">
        <v>252</v>
      </c>
      <c r="D42713" s="14" t="s">
        <v>244</v>
      </c>
      <c r="E42713" s="15">
        <v>45384</v>
      </c>
      <c r="F42713" s="14" t="s">
        <v>61</v>
      </c>
      <c r="G42713" s="16">
        <v>0</v>
      </c>
    </row>
    <row r="42714" spans="1:7" x14ac:dyDescent="0.3">
      <c r="A42714" s="13" t="s">
        <v>251</v>
      </c>
      <c r="B42714" s="14" t="s">
        <v>1</v>
      </c>
      <c r="C42714" s="14" t="s">
        <v>252</v>
      </c>
      <c r="D42714" s="14" t="s">
        <v>244</v>
      </c>
      <c r="E42714" s="15">
        <v>45385</v>
      </c>
      <c r="F42714" s="14" t="s">
        <v>61</v>
      </c>
      <c r="G42714" s="16">
        <v>0</v>
      </c>
    </row>
    <row r="42715" spans="1:7" x14ac:dyDescent="0.3">
      <c r="A42715" s="13" t="s">
        <v>251</v>
      </c>
      <c r="B42715" s="14" t="s">
        <v>1</v>
      </c>
      <c r="C42715" s="14" t="s">
        <v>252</v>
      </c>
      <c r="D42715" s="14" t="s">
        <v>244</v>
      </c>
      <c r="E42715" s="15">
        <v>45386</v>
      </c>
      <c r="F42715" s="14" t="s">
        <v>61</v>
      </c>
      <c r="G42715" s="16">
        <v>0</v>
      </c>
    </row>
    <row r="42716" spans="1:7" x14ac:dyDescent="0.3">
      <c r="A42716" s="13" t="s">
        <v>251</v>
      </c>
      <c r="B42716" s="14" t="s">
        <v>1</v>
      </c>
      <c r="C42716" s="14" t="s">
        <v>252</v>
      </c>
      <c r="D42716" s="14" t="s">
        <v>244</v>
      </c>
      <c r="E42716" s="15">
        <v>45387</v>
      </c>
      <c r="F42716" s="14" t="s">
        <v>61</v>
      </c>
      <c r="G42716" s="16">
        <v>0</v>
      </c>
    </row>
    <row r="42717" spans="1:7" x14ac:dyDescent="0.3">
      <c r="A42717" s="13" t="s">
        <v>251</v>
      </c>
      <c r="B42717" s="14" t="s">
        <v>1</v>
      </c>
      <c r="C42717" s="14" t="s">
        <v>252</v>
      </c>
      <c r="D42717" s="14" t="s">
        <v>244</v>
      </c>
      <c r="E42717" s="15">
        <v>45388</v>
      </c>
      <c r="F42717" s="14" t="s">
        <v>61</v>
      </c>
      <c r="G42717" s="16">
        <v>0</v>
      </c>
    </row>
    <row r="42718" spans="1:7" x14ac:dyDescent="0.3">
      <c r="A42718" s="13" t="s">
        <v>251</v>
      </c>
      <c r="B42718" s="14" t="s">
        <v>1</v>
      </c>
      <c r="C42718" s="14" t="s">
        <v>252</v>
      </c>
      <c r="D42718" s="14" t="s">
        <v>244</v>
      </c>
      <c r="E42718" s="15">
        <v>45389</v>
      </c>
      <c r="F42718" s="14" t="s">
        <v>61</v>
      </c>
      <c r="G42718" s="16">
        <v>0</v>
      </c>
    </row>
    <row r="42719" spans="1:7" x14ac:dyDescent="0.3">
      <c r="A42719" s="13" t="s">
        <v>251</v>
      </c>
      <c r="B42719" s="14" t="s">
        <v>1</v>
      </c>
      <c r="C42719" s="14" t="s">
        <v>252</v>
      </c>
      <c r="D42719" s="14" t="s">
        <v>244</v>
      </c>
      <c r="E42719" s="15">
        <v>45390</v>
      </c>
      <c r="F42719" s="14" t="s">
        <v>61</v>
      </c>
      <c r="G42719" s="16">
        <v>0</v>
      </c>
    </row>
    <row r="42720" spans="1:7" x14ac:dyDescent="0.3">
      <c r="A42720" s="13" t="s">
        <v>251</v>
      </c>
      <c r="B42720" s="14" t="s">
        <v>1</v>
      </c>
      <c r="C42720" s="14" t="s">
        <v>252</v>
      </c>
      <c r="D42720" s="14" t="s">
        <v>244</v>
      </c>
      <c r="E42720" s="15">
        <v>45391</v>
      </c>
      <c r="F42720" s="14" t="s">
        <v>61</v>
      </c>
      <c r="G42720" s="16">
        <v>0</v>
      </c>
    </row>
    <row r="42721" spans="1:7" x14ac:dyDescent="0.3">
      <c r="A42721" s="13" t="s">
        <v>251</v>
      </c>
      <c r="B42721" s="14" t="s">
        <v>1</v>
      </c>
      <c r="C42721" s="14" t="s">
        <v>252</v>
      </c>
      <c r="D42721" s="14" t="s">
        <v>244</v>
      </c>
      <c r="E42721" s="15">
        <v>45392</v>
      </c>
      <c r="F42721" s="14" t="s">
        <v>61</v>
      </c>
      <c r="G42721" s="16">
        <v>0</v>
      </c>
    </row>
    <row r="42722" spans="1:7" x14ac:dyDescent="0.3">
      <c r="A42722" s="13" t="s">
        <v>251</v>
      </c>
      <c r="B42722" s="14" t="s">
        <v>1</v>
      </c>
      <c r="C42722" s="14" t="s">
        <v>252</v>
      </c>
      <c r="D42722" s="14" t="s">
        <v>244</v>
      </c>
      <c r="E42722" s="15">
        <v>45393</v>
      </c>
      <c r="F42722" s="14" t="s">
        <v>61</v>
      </c>
      <c r="G42722" s="16">
        <v>0</v>
      </c>
    </row>
    <row r="42723" spans="1:7" x14ac:dyDescent="0.3">
      <c r="A42723" s="13" t="s">
        <v>251</v>
      </c>
      <c r="B42723" s="14" t="s">
        <v>1</v>
      </c>
      <c r="C42723" s="14" t="s">
        <v>252</v>
      </c>
      <c r="D42723" s="14" t="s">
        <v>244</v>
      </c>
      <c r="E42723" s="15">
        <v>45394</v>
      </c>
      <c r="F42723" s="14" t="s">
        <v>61</v>
      </c>
      <c r="G42723" s="16">
        <v>0</v>
      </c>
    </row>
    <row r="42724" spans="1:7" x14ac:dyDescent="0.3">
      <c r="A42724" s="13" t="s">
        <v>251</v>
      </c>
      <c r="B42724" s="14" t="s">
        <v>1</v>
      </c>
      <c r="C42724" s="14" t="s">
        <v>252</v>
      </c>
      <c r="D42724" s="14" t="s">
        <v>244</v>
      </c>
      <c r="E42724" s="15">
        <v>45395</v>
      </c>
      <c r="F42724" s="14" t="s">
        <v>61</v>
      </c>
      <c r="G42724" s="16">
        <v>0</v>
      </c>
    </row>
    <row r="42725" spans="1:7" x14ac:dyDescent="0.3">
      <c r="A42725" s="13" t="s">
        <v>251</v>
      </c>
      <c r="B42725" s="14" t="s">
        <v>1</v>
      </c>
      <c r="C42725" s="14" t="s">
        <v>252</v>
      </c>
      <c r="D42725" s="14" t="s">
        <v>244</v>
      </c>
      <c r="E42725" s="15">
        <v>45396</v>
      </c>
      <c r="F42725" s="14" t="s">
        <v>61</v>
      </c>
      <c r="G42725" s="16">
        <v>0</v>
      </c>
    </row>
    <row r="42726" spans="1:7" x14ac:dyDescent="0.3">
      <c r="A42726" s="13" t="s">
        <v>251</v>
      </c>
      <c r="B42726" s="14" t="s">
        <v>1</v>
      </c>
      <c r="C42726" s="14" t="s">
        <v>252</v>
      </c>
      <c r="D42726" s="14" t="s">
        <v>244</v>
      </c>
      <c r="E42726" s="15">
        <v>45397</v>
      </c>
      <c r="F42726" s="14" t="s">
        <v>61</v>
      </c>
      <c r="G42726" s="16">
        <v>0</v>
      </c>
    </row>
    <row r="42727" spans="1:7" x14ac:dyDescent="0.3">
      <c r="A42727" s="13" t="s">
        <v>251</v>
      </c>
      <c r="B42727" s="14" t="s">
        <v>1</v>
      </c>
      <c r="C42727" s="14" t="s">
        <v>252</v>
      </c>
      <c r="D42727" s="14" t="s">
        <v>244</v>
      </c>
      <c r="E42727" s="15">
        <v>45398</v>
      </c>
      <c r="F42727" s="14" t="s">
        <v>61</v>
      </c>
      <c r="G42727" s="16">
        <v>0</v>
      </c>
    </row>
    <row r="42728" spans="1:7" x14ac:dyDescent="0.3">
      <c r="A42728" s="13" t="s">
        <v>251</v>
      </c>
      <c r="B42728" s="14" t="s">
        <v>1</v>
      </c>
      <c r="C42728" s="14" t="s">
        <v>252</v>
      </c>
      <c r="D42728" s="14" t="s">
        <v>244</v>
      </c>
      <c r="E42728" s="15">
        <v>45399</v>
      </c>
      <c r="F42728" s="14" t="s">
        <v>61</v>
      </c>
      <c r="G42728" s="16">
        <v>0</v>
      </c>
    </row>
    <row r="42729" spans="1:7" x14ac:dyDescent="0.3">
      <c r="A42729" s="13" t="s">
        <v>251</v>
      </c>
      <c r="B42729" s="14" t="s">
        <v>1</v>
      </c>
      <c r="C42729" s="14" t="s">
        <v>252</v>
      </c>
      <c r="D42729" s="14" t="s">
        <v>244</v>
      </c>
      <c r="E42729" s="15">
        <v>45400</v>
      </c>
      <c r="F42729" s="14" t="s">
        <v>61</v>
      </c>
      <c r="G42729" s="16">
        <v>0</v>
      </c>
    </row>
    <row r="42730" spans="1:7" x14ac:dyDescent="0.3">
      <c r="A42730" s="13" t="s">
        <v>251</v>
      </c>
      <c r="B42730" s="14" t="s">
        <v>1</v>
      </c>
      <c r="C42730" s="14" t="s">
        <v>252</v>
      </c>
      <c r="D42730" s="14" t="s">
        <v>244</v>
      </c>
      <c r="E42730" s="15">
        <v>45401</v>
      </c>
      <c r="F42730" s="14" t="s">
        <v>61</v>
      </c>
      <c r="G42730" s="16">
        <v>0</v>
      </c>
    </row>
    <row r="42731" spans="1:7" x14ac:dyDescent="0.3">
      <c r="A42731" s="13" t="s">
        <v>251</v>
      </c>
      <c r="B42731" s="14" t="s">
        <v>1</v>
      </c>
      <c r="C42731" s="14" t="s">
        <v>252</v>
      </c>
      <c r="D42731" s="14" t="s">
        <v>244</v>
      </c>
      <c r="E42731" s="15">
        <v>45402</v>
      </c>
      <c r="F42731" s="14" t="s">
        <v>61</v>
      </c>
      <c r="G42731" s="16">
        <v>0</v>
      </c>
    </row>
    <row r="42732" spans="1:7" x14ac:dyDescent="0.3">
      <c r="A42732" s="13" t="s">
        <v>251</v>
      </c>
      <c r="B42732" s="14" t="s">
        <v>1</v>
      </c>
      <c r="C42732" s="14" t="s">
        <v>252</v>
      </c>
      <c r="D42732" s="14" t="s">
        <v>244</v>
      </c>
      <c r="E42732" s="15">
        <v>45403</v>
      </c>
      <c r="F42732" s="14" t="s">
        <v>61</v>
      </c>
      <c r="G42732" s="16">
        <v>0</v>
      </c>
    </row>
    <row r="42733" spans="1:7" x14ac:dyDescent="0.3">
      <c r="A42733" s="13" t="s">
        <v>251</v>
      </c>
      <c r="B42733" s="14" t="s">
        <v>1</v>
      </c>
      <c r="C42733" s="14" t="s">
        <v>252</v>
      </c>
      <c r="D42733" s="14" t="s">
        <v>244</v>
      </c>
      <c r="E42733" s="15">
        <v>45404</v>
      </c>
      <c r="F42733" s="14" t="s">
        <v>61</v>
      </c>
      <c r="G42733" s="16">
        <v>0</v>
      </c>
    </row>
    <row r="42734" spans="1:7" x14ac:dyDescent="0.3">
      <c r="A42734" s="13" t="s">
        <v>251</v>
      </c>
      <c r="B42734" s="14" t="s">
        <v>1</v>
      </c>
      <c r="C42734" s="14" t="s">
        <v>252</v>
      </c>
      <c r="D42734" s="14" t="s">
        <v>244</v>
      </c>
      <c r="E42734" s="15">
        <v>45405</v>
      </c>
      <c r="F42734" s="14" t="s">
        <v>61</v>
      </c>
      <c r="G42734" s="16">
        <v>0</v>
      </c>
    </row>
    <row r="42735" spans="1:7" x14ac:dyDescent="0.3">
      <c r="A42735" s="13" t="s">
        <v>251</v>
      </c>
      <c r="B42735" s="14" t="s">
        <v>1</v>
      </c>
      <c r="C42735" s="14" t="s">
        <v>252</v>
      </c>
      <c r="D42735" s="14" t="s">
        <v>244</v>
      </c>
      <c r="E42735" s="15">
        <v>45406</v>
      </c>
      <c r="F42735" s="14" t="s">
        <v>61</v>
      </c>
      <c r="G42735" s="16">
        <v>0</v>
      </c>
    </row>
    <row r="42736" spans="1:7" x14ac:dyDescent="0.3">
      <c r="A42736" s="13" t="s">
        <v>251</v>
      </c>
      <c r="B42736" s="14" t="s">
        <v>1</v>
      </c>
      <c r="C42736" s="14" t="s">
        <v>252</v>
      </c>
      <c r="D42736" s="14" t="s">
        <v>244</v>
      </c>
      <c r="E42736" s="15">
        <v>45407</v>
      </c>
      <c r="F42736" s="14" t="s">
        <v>61</v>
      </c>
      <c r="G42736" s="16">
        <v>0</v>
      </c>
    </row>
    <row r="42737" spans="1:7" x14ac:dyDescent="0.3">
      <c r="A42737" s="13" t="s">
        <v>251</v>
      </c>
      <c r="B42737" s="14" t="s">
        <v>1</v>
      </c>
      <c r="C42737" s="14" t="s">
        <v>252</v>
      </c>
      <c r="D42737" s="14" t="s">
        <v>244</v>
      </c>
      <c r="E42737" s="15">
        <v>45408</v>
      </c>
      <c r="F42737" s="14" t="s">
        <v>61</v>
      </c>
      <c r="G42737" s="16">
        <v>0</v>
      </c>
    </row>
    <row r="42738" spans="1:7" x14ac:dyDescent="0.3">
      <c r="A42738" s="13" t="s">
        <v>251</v>
      </c>
      <c r="B42738" s="14" t="s">
        <v>1</v>
      </c>
      <c r="C42738" s="14" t="s">
        <v>252</v>
      </c>
      <c r="D42738" s="14" t="s">
        <v>244</v>
      </c>
      <c r="E42738" s="15">
        <v>45409</v>
      </c>
      <c r="F42738" s="14" t="s">
        <v>61</v>
      </c>
      <c r="G42738" s="16">
        <v>0</v>
      </c>
    </row>
    <row r="42739" spans="1:7" x14ac:dyDescent="0.3">
      <c r="A42739" s="13" t="s">
        <v>251</v>
      </c>
      <c r="B42739" s="14" t="s">
        <v>1</v>
      </c>
      <c r="C42739" s="14" t="s">
        <v>252</v>
      </c>
      <c r="D42739" s="14" t="s">
        <v>244</v>
      </c>
      <c r="E42739" s="15">
        <v>45410</v>
      </c>
      <c r="F42739" s="14" t="s">
        <v>61</v>
      </c>
      <c r="G42739" s="16">
        <v>0</v>
      </c>
    </row>
    <row r="42740" spans="1:7" x14ac:dyDescent="0.3">
      <c r="A42740" s="13" t="s">
        <v>251</v>
      </c>
      <c r="B42740" s="14" t="s">
        <v>1</v>
      </c>
      <c r="C42740" s="14" t="s">
        <v>252</v>
      </c>
      <c r="D42740" s="14" t="s">
        <v>244</v>
      </c>
      <c r="E42740" s="15">
        <v>45411</v>
      </c>
      <c r="F42740" s="14" t="s">
        <v>61</v>
      </c>
      <c r="G42740" s="16">
        <v>0</v>
      </c>
    </row>
    <row r="42741" spans="1:7" x14ac:dyDescent="0.3">
      <c r="A42741" s="13" t="s">
        <v>251</v>
      </c>
      <c r="B42741" s="14" t="s">
        <v>1</v>
      </c>
      <c r="C42741" s="14" t="s">
        <v>252</v>
      </c>
      <c r="D42741" s="14" t="s">
        <v>244</v>
      </c>
      <c r="E42741" s="15">
        <v>45412</v>
      </c>
      <c r="F42741" s="14" t="s">
        <v>61</v>
      </c>
      <c r="G42741" s="16">
        <v>0</v>
      </c>
    </row>
    <row r="42742" spans="1:7" x14ac:dyDescent="0.3">
      <c r="A42742" s="13" t="s">
        <v>251</v>
      </c>
      <c r="B42742" s="14" t="s">
        <v>1</v>
      </c>
      <c r="C42742" s="14" t="s">
        <v>252</v>
      </c>
      <c r="D42742" s="14" t="s">
        <v>244</v>
      </c>
      <c r="E42742" s="15">
        <v>45413</v>
      </c>
      <c r="F42742" s="14" t="s">
        <v>61</v>
      </c>
      <c r="G42742" s="16">
        <v>0</v>
      </c>
    </row>
    <row r="42743" spans="1:7" x14ac:dyDescent="0.3">
      <c r="A42743" s="13" t="s">
        <v>251</v>
      </c>
      <c r="B42743" s="14" t="s">
        <v>1</v>
      </c>
      <c r="C42743" s="14" t="s">
        <v>252</v>
      </c>
      <c r="D42743" s="14" t="s">
        <v>244</v>
      </c>
      <c r="E42743" s="15">
        <v>45414</v>
      </c>
      <c r="F42743" s="14" t="s">
        <v>61</v>
      </c>
      <c r="G42743" s="16">
        <v>0</v>
      </c>
    </row>
    <row r="42744" spans="1:7" x14ac:dyDescent="0.3">
      <c r="A42744" s="13" t="s">
        <v>251</v>
      </c>
      <c r="B42744" s="14" t="s">
        <v>1</v>
      </c>
      <c r="C42744" s="14" t="s">
        <v>252</v>
      </c>
      <c r="D42744" s="14" t="s">
        <v>244</v>
      </c>
      <c r="E42744" s="15">
        <v>45415</v>
      </c>
      <c r="F42744" s="14" t="s">
        <v>61</v>
      </c>
      <c r="G42744" s="16">
        <v>0</v>
      </c>
    </row>
    <row r="42745" spans="1:7" x14ac:dyDescent="0.3">
      <c r="A42745" s="13" t="s">
        <v>251</v>
      </c>
      <c r="B42745" s="14" t="s">
        <v>1</v>
      </c>
      <c r="C42745" s="14" t="s">
        <v>252</v>
      </c>
      <c r="D42745" s="14" t="s">
        <v>244</v>
      </c>
      <c r="E42745" s="15">
        <v>45416</v>
      </c>
      <c r="F42745" s="14" t="s">
        <v>61</v>
      </c>
      <c r="G42745" s="16">
        <v>0</v>
      </c>
    </row>
    <row r="42746" spans="1:7" x14ac:dyDescent="0.3">
      <c r="A42746" s="13" t="s">
        <v>251</v>
      </c>
      <c r="B42746" s="14" t="s">
        <v>1</v>
      </c>
      <c r="C42746" s="14" t="s">
        <v>252</v>
      </c>
      <c r="D42746" s="14" t="s">
        <v>244</v>
      </c>
      <c r="E42746" s="15">
        <v>45417</v>
      </c>
      <c r="F42746" s="14" t="s">
        <v>61</v>
      </c>
      <c r="G42746" s="16">
        <v>0</v>
      </c>
    </row>
    <row r="42747" spans="1:7" x14ac:dyDescent="0.3">
      <c r="A42747" s="13" t="s">
        <v>251</v>
      </c>
      <c r="B42747" s="14" t="s">
        <v>1</v>
      </c>
      <c r="C42747" s="14" t="s">
        <v>252</v>
      </c>
      <c r="D42747" s="14" t="s">
        <v>244</v>
      </c>
      <c r="E42747" s="15">
        <v>45418</v>
      </c>
      <c r="F42747" s="14" t="s">
        <v>61</v>
      </c>
      <c r="G42747" s="16">
        <v>0</v>
      </c>
    </row>
    <row r="42748" spans="1:7" x14ac:dyDescent="0.3">
      <c r="A42748" s="13" t="s">
        <v>251</v>
      </c>
      <c r="B42748" s="14" t="s">
        <v>1</v>
      </c>
      <c r="C42748" s="14" t="s">
        <v>252</v>
      </c>
      <c r="D42748" s="14" t="s">
        <v>244</v>
      </c>
      <c r="E42748" s="15">
        <v>45419</v>
      </c>
      <c r="F42748" s="14" t="s">
        <v>61</v>
      </c>
      <c r="G42748" s="16">
        <v>0</v>
      </c>
    </row>
    <row r="42749" spans="1:7" x14ac:dyDescent="0.3">
      <c r="A42749" s="13" t="s">
        <v>251</v>
      </c>
      <c r="B42749" s="14" t="s">
        <v>1</v>
      </c>
      <c r="C42749" s="14" t="s">
        <v>252</v>
      </c>
      <c r="D42749" s="14" t="s">
        <v>244</v>
      </c>
      <c r="E42749" s="15">
        <v>45420</v>
      </c>
      <c r="F42749" s="14" t="s">
        <v>61</v>
      </c>
      <c r="G42749" s="16">
        <v>0</v>
      </c>
    </row>
    <row r="42750" spans="1:7" x14ac:dyDescent="0.3">
      <c r="A42750" s="13" t="s">
        <v>251</v>
      </c>
      <c r="B42750" s="14" t="s">
        <v>1</v>
      </c>
      <c r="C42750" s="14" t="s">
        <v>252</v>
      </c>
      <c r="D42750" s="14" t="s">
        <v>244</v>
      </c>
      <c r="E42750" s="15">
        <v>45421</v>
      </c>
      <c r="F42750" s="14" t="s">
        <v>61</v>
      </c>
      <c r="G42750" s="16">
        <v>0</v>
      </c>
    </row>
    <row r="42751" spans="1:7" x14ac:dyDescent="0.3">
      <c r="A42751" s="13" t="s">
        <v>251</v>
      </c>
      <c r="B42751" s="14" t="s">
        <v>1</v>
      </c>
      <c r="C42751" s="14" t="s">
        <v>252</v>
      </c>
      <c r="D42751" s="14" t="s">
        <v>244</v>
      </c>
      <c r="E42751" s="15">
        <v>45422</v>
      </c>
      <c r="F42751" s="14" t="s">
        <v>61</v>
      </c>
      <c r="G42751" s="16">
        <v>0</v>
      </c>
    </row>
    <row r="42752" spans="1:7" x14ac:dyDescent="0.3">
      <c r="A42752" s="13" t="s">
        <v>251</v>
      </c>
      <c r="B42752" s="14" t="s">
        <v>1</v>
      </c>
      <c r="C42752" s="14" t="s">
        <v>252</v>
      </c>
      <c r="D42752" s="14" t="s">
        <v>244</v>
      </c>
      <c r="E42752" s="15">
        <v>45423</v>
      </c>
      <c r="F42752" s="14" t="s">
        <v>61</v>
      </c>
      <c r="G42752" s="16">
        <v>0</v>
      </c>
    </row>
    <row r="42753" spans="1:7" x14ac:dyDescent="0.3">
      <c r="A42753" s="13" t="s">
        <v>251</v>
      </c>
      <c r="B42753" s="14" t="s">
        <v>1</v>
      </c>
      <c r="C42753" s="14" t="s">
        <v>252</v>
      </c>
      <c r="D42753" s="14" t="s">
        <v>244</v>
      </c>
      <c r="E42753" s="15">
        <v>45424</v>
      </c>
      <c r="F42753" s="14" t="s">
        <v>61</v>
      </c>
      <c r="G42753" s="16">
        <v>0</v>
      </c>
    </row>
    <row r="42754" spans="1:7" x14ac:dyDescent="0.3">
      <c r="A42754" s="13" t="s">
        <v>251</v>
      </c>
      <c r="B42754" s="14" t="s">
        <v>1</v>
      </c>
      <c r="C42754" s="14" t="s">
        <v>252</v>
      </c>
      <c r="D42754" s="14" t="s">
        <v>244</v>
      </c>
      <c r="E42754" s="15">
        <v>45425</v>
      </c>
      <c r="F42754" s="14" t="s">
        <v>61</v>
      </c>
      <c r="G42754" s="16">
        <v>0</v>
      </c>
    </row>
    <row r="42755" spans="1:7" x14ac:dyDescent="0.3">
      <c r="A42755" s="13" t="s">
        <v>251</v>
      </c>
      <c r="B42755" s="14" t="s">
        <v>1</v>
      </c>
      <c r="C42755" s="14" t="s">
        <v>252</v>
      </c>
      <c r="D42755" s="14" t="s">
        <v>244</v>
      </c>
      <c r="E42755" s="15">
        <v>45426</v>
      </c>
      <c r="F42755" s="14" t="s">
        <v>61</v>
      </c>
      <c r="G42755" s="16">
        <v>0</v>
      </c>
    </row>
    <row r="42756" spans="1:7" x14ac:dyDescent="0.3">
      <c r="A42756" s="13" t="s">
        <v>251</v>
      </c>
      <c r="B42756" s="14" t="s">
        <v>1</v>
      </c>
      <c r="C42756" s="14" t="s">
        <v>252</v>
      </c>
      <c r="D42756" s="14" t="s">
        <v>244</v>
      </c>
      <c r="E42756" s="15">
        <v>45427</v>
      </c>
      <c r="F42756" s="14" t="s">
        <v>61</v>
      </c>
      <c r="G42756" s="16">
        <v>0</v>
      </c>
    </row>
    <row r="42757" spans="1:7" x14ac:dyDescent="0.3">
      <c r="A42757" s="13" t="s">
        <v>251</v>
      </c>
      <c r="B42757" s="14" t="s">
        <v>1</v>
      </c>
      <c r="C42757" s="14" t="s">
        <v>252</v>
      </c>
      <c r="D42757" s="14" t="s">
        <v>244</v>
      </c>
      <c r="E42757" s="15">
        <v>45428</v>
      </c>
      <c r="F42757" s="14" t="s">
        <v>61</v>
      </c>
      <c r="G42757" s="16">
        <v>0</v>
      </c>
    </row>
    <row r="42758" spans="1:7" x14ac:dyDescent="0.3">
      <c r="A42758" s="13" t="s">
        <v>251</v>
      </c>
      <c r="B42758" s="14" t="s">
        <v>1</v>
      </c>
      <c r="C42758" s="14" t="s">
        <v>252</v>
      </c>
      <c r="D42758" s="14" t="s">
        <v>244</v>
      </c>
      <c r="E42758" s="15">
        <v>45429</v>
      </c>
      <c r="F42758" s="14" t="s">
        <v>61</v>
      </c>
      <c r="G42758" s="16">
        <v>0</v>
      </c>
    </row>
    <row r="42759" spans="1:7" x14ac:dyDescent="0.3">
      <c r="A42759" s="13" t="s">
        <v>251</v>
      </c>
      <c r="B42759" s="14" t="s">
        <v>1</v>
      </c>
      <c r="C42759" s="14" t="s">
        <v>252</v>
      </c>
      <c r="D42759" s="14" t="s">
        <v>244</v>
      </c>
      <c r="E42759" s="15">
        <v>45430</v>
      </c>
      <c r="F42759" s="14" t="s">
        <v>61</v>
      </c>
      <c r="G42759" s="16">
        <v>0</v>
      </c>
    </row>
    <row r="42760" spans="1:7" x14ac:dyDescent="0.3">
      <c r="A42760" s="13" t="s">
        <v>251</v>
      </c>
      <c r="B42760" s="14" t="s">
        <v>1</v>
      </c>
      <c r="C42760" s="14" t="s">
        <v>252</v>
      </c>
      <c r="D42760" s="14" t="s">
        <v>244</v>
      </c>
      <c r="E42760" s="15">
        <v>45431</v>
      </c>
      <c r="F42760" s="14" t="s">
        <v>61</v>
      </c>
      <c r="G42760" s="16">
        <v>0</v>
      </c>
    </row>
    <row r="42761" spans="1:7" x14ac:dyDescent="0.3">
      <c r="A42761" s="13" t="s">
        <v>251</v>
      </c>
      <c r="B42761" s="14" t="s">
        <v>1</v>
      </c>
      <c r="C42761" s="14" t="s">
        <v>252</v>
      </c>
      <c r="D42761" s="14" t="s">
        <v>244</v>
      </c>
      <c r="E42761" s="15">
        <v>45432</v>
      </c>
      <c r="F42761" s="14" t="s">
        <v>61</v>
      </c>
      <c r="G42761" s="16">
        <v>0</v>
      </c>
    </row>
    <row r="42762" spans="1:7" x14ac:dyDescent="0.3">
      <c r="A42762" s="13" t="s">
        <v>251</v>
      </c>
      <c r="B42762" s="14" t="s">
        <v>1</v>
      </c>
      <c r="C42762" s="14" t="s">
        <v>252</v>
      </c>
      <c r="D42762" s="14" t="s">
        <v>244</v>
      </c>
      <c r="E42762" s="15">
        <v>45433</v>
      </c>
      <c r="F42762" s="14" t="s">
        <v>61</v>
      </c>
      <c r="G42762" s="16">
        <v>0</v>
      </c>
    </row>
    <row r="42763" spans="1:7" x14ac:dyDescent="0.3">
      <c r="A42763" s="13" t="s">
        <v>251</v>
      </c>
      <c r="B42763" s="14" t="s">
        <v>1</v>
      </c>
      <c r="C42763" s="14" t="s">
        <v>252</v>
      </c>
      <c r="D42763" s="14" t="s">
        <v>244</v>
      </c>
      <c r="E42763" s="15">
        <v>45434</v>
      </c>
      <c r="F42763" s="14" t="s">
        <v>61</v>
      </c>
      <c r="G42763" s="16">
        <v>0</v>
      </c>
    </row>
    <row r="42764" spans="1:7" x14ac:dyDescent="0.3">
      <c r="A42764" s="13" t="s">
        <v>251</v>
      </c>
      <c r="B42764" s="14" t="s">
        <v>1</v>
      </c>
      <c r="C42764" s="14" t="s">
        <v>252</v>
      </c>
      <c r="D42764" s="14" t="s">
        <v>244</v>
      </c>
      <c r="E42764" s="15">
        <v>45435</v>
      </c>
      <c r="F42764" s="14" t="s">
        <v>61</v>
      </c>
      <c r="G42764" s="16">
        <v>0</v>
      </c>
    </row>
    <row r="42765" spans="1:7" x14ac:dyDescent="0.3">
      <c r="A42765" s="13" t="s">
        <v>251</v>
      </c>
      <c r="B42765" s="14" t="s">
        <v>1</v>
      </c>
      <c r="C42765" s="14" t="s">
        <v>252</v>
      </c>
      <c r="D42765" s="14" t="s">
        <v>244</v>
      </c>
      <c r="E42765" s="15">
        <v>45436</v>
      </c>
      <c r="F42765" s="14" t="s">
        <v>61</v>
      </c>
      <c r="G42765" s="16">
        <v>0</v>
      </c>
    </row>
    <row r="42766" spans="1:7" x14ac:dyDescent="0.3">
      <c r="A42766" s="13" t="s">
        <v>251</v>
      </c>
      <c r="B42766" s="14" t="s">
        <v>1</v>
      </c>
      <c r="C42766" s="14" t="s">
        <v>252</v>
      </c>
      <c r="D42766" s="14" t="s">
        <v>244</v>
      </c>
      <c r="E42766" s="15">
        <v>45437</v>
      </c>
      <c r="F42766" s="14" t="s">
        <v>61</v>
      </c>
      <c r="G42766" s="16">
        <v>0</v>
      </c>
    </row>
    <row r="42767" spans="1:7" x14ac:dyDescent="0.3">
      <c r="A42767" s="13" t="s">
        <v>251</v>
      </c>
      <c r="B42767" s="14" t="s">
        <v>1</v>
      </c>
      <c r="C42767" s="14" t="s">
        <v>252</v>
      </c>
      <c r="D42767" s="14" t="s">
        <v>244</v>
      </c>
      <c r="E42767" s="15">
        <v>45438</v>
      </c>
      <c r="F42767" s="14" t="s">
        <v>61</v>
      </c>
      <c r="G42767" s="16">
        <v>0</v>
      </c>
    </row>
    <row r="42768" spans="1:7" x14ac:dyDescent="0.3">
      <c r="A42768" s="13" t="s">
        <v>251</v>
      </c>
      <c r="B42768" s="14" t="s">
        <v>1</v>
      </c>
      <c r="C42768" s="14" t="s">
        <v>252</v>
      </c>
      <c r="D42768" s="14" t="s">
        <v>244</v>
      </c>
      <c r="E42768" s="15">
        <v>45439</v>
      </c>
      <c r="F42768" s="14" t="s">
        <v>61</v>
      </c>
      <c r="G42768" s="16">
        <v>0</v>
      </c>
    </row>
    <row r="42769" spans="1:7" x14ac:dyDescent="0.3">
      <c r="A42769" s="13" t="s">
        <v>251</v>
      </c>
      <c r="B42769" s="14" t="s">
        <v>1</v>
      </c>
      <c r="C42769" s="14" t="s">
        <v>252</v>
      </c>
      <c r="D42769" s="14" t="s">
        <v>244</v>
      </c>
      <c r="E42769" s="15">
        <v>45440</v>
      </c>
      <c r="F42769" s="14" t="s">
        <v>61</v>
      </c>
      <c r="G42769" s="16">
        <v>0</v>
      </c>
    </row>
    <row r="42770" spans="1:7" x14ac:dyDescent="0.3">
      <c r="A42770" s="13" t="s">
        <v>251</v>
      </c>
      <c r="B42770" s="14" t="s">
        <v>1</v>
      </c>
      <c r="C42770" s="14" t="s">
        <v>252</v>
      </c>
      <c r="D42770" s="14" t="s">
        <v>244</v>
      </c>
      <c r="E42770" s="15">
        <v>45441</v>
      </c>
      <c r="F42770" s="14" t="s">
        <v>61</v>
      </c>
      <c r="G42770" s="16">
        <v>0</v>
      </c>
    </row>
    <row r="42771" spans="1:7" x14ac:dyDescent="0.3">
      <c r="A42771" s="13" t="s">
        <v>251</v>
      </c>
      <c r="B42771" s="14" t="s">
        <v>1</v>
      </c>
      <c r="C42771" s="14" t="s">
        <v>252</v>
      </c>
      <c r="D42771" s="14" t="s">
        <v>244</v>
      </c>
      <c r="E42771" s="15">
        <v>45442</v>
      </c>
      <c r="F42771" s="14" t="s">
        <v>61</v>
      </c>
      <c r="G42771" s="16">
        <v>0</v>
      </c>
    </row>
    <row r="42772" spans="1:7" x14ac:dyDescent="0.3">
      <c r="A42772" s="13" t="s">
        <v>251</v>
      </c>
      <c r="B42772" s="14" t="s">
        <v>1</v>
      </c>
      <c r="C42772" s="14" t="s">
        <v>252</v>
      </c>
      <c r="D42772" s="14" t="s">
        <v>244</v>
      </c>
      <c r="E42772" s="15">
        <v>45443</v>
      </c>
      <c r="F42772" s="14" t="s">
        <v>61</v>
      </c>
      <c r="G42772" s="16">
        <v>0</v>
      </c>
    </row>
    <row r="42773" spans="1:7" x14ac:dyDescent="0.3">
      <c r="A42773" s="13" t="s">
        <v>251</v>
      </c>
      <c r="B42773" s="14" t="s">
        <v>1</v>
      </c>
      <c r="C42773" s="14" t="s">
        <v>252</v>
      </c>
      <c r="D42773" s="14" t="s">
        <v>244</v>
      </c>
      <c r="E42773" s="15">
        <v>45444</v>
      </c>
      <c r="F42773" s="14" t="s">
        <v>61</v>
      </c>
      <c r="G42773" s="16">
        <v>0</v>
      </c>
    </row>
    <row r="42774" spans="1:7" x14ac:dyDescent="0.3">
      <c r="A42774" s="13" t="s">
        <v>251</v>
      </c>
      <c r="B42774" s="14" t="s">
        <v>1</v>
      </c>
      <c r="C42774" s="14" t="s">
        <v>252</v>
      </c>
      <c r="D42774" s="14" t="s">
        <v>244</v>
      </c>
      <c r="E42774" s="15">
        <v>45445</v>
      </c>
      <c r="F42774" s="14" t="s">
        <v>61</v>
      </c>
      <c r="G42774" s="16">
        <v>0</v>
      </c>
    </row>
    <row r="42775" spans="1:7" x14ac:dyDescent="0.3">
      <c r="A42775" s="13" t="s">
        <v>251</v>
      </c>
      <c r="B42775" s="14" t="s">
        <v>1</v>
      </c>
      <c r="C42775" s="14" t="s">
        <v>252</v>
      </c>
      <c r="D42775" s="14" t="s">
        <v>244</v>
      </c>
      <c r="E42775" s="15">
        <v>45446</v>
      </c>
      <c r="F42775" s="14" t="s">
        <v>61</v>
      </c>
      <c r="G42775" s="16">
        <v>0</v>
      </c>
    </row>
    <row r="42776" spans="1:7" x14ac:dyDescent="0.3">
      <c r="A42776" s="13" t="s">
        <v>251</v>
      </c>
      <c r="B42776" s="14" t="s">
        <v>1</v>
      </c>
      <c r="C42776" s="14" t="s">
        <v>252</v>
      </c>
      <c r="D42776" s="14" t="s">
        <v>244</v>
      </c>
      <c r="E42776" s="15">
        <v>45447</v>
      </c>
      <c r="F42776" s="14" t="s">
        <v>61</v>
      </c>
      <c r="G42776" s="16">
        <v>0</v>
      </c>
    </row>
    <row r="42777" spans="1:7" x14ac:dyDescent="0.3">
      <c r="A42777" s="13" t="s">
        <v>251</v>
      </c>
      <c r="B42777" s="14" t="s">
        <v>1</v>
      </c>
      <c r="C42777" s="14" t="s">
        <v>252</v>
      </c>
      <c r="D42777" s="14" t="s">
        <v>244</v>
      </c>
      <c r="E42777" s="15">
        <v>45448</v>
      </c>
      <c r="F42777" s="14" t="s">
        <v>61</v>
      </c>
      <c r="G42777" s="16">
        <v>0</v>
      </c>
    </row>
    <row r="42778" spans="1:7" x14ac:dyDescent="0.3">
      <c r="A42778" s="13" t="s">
        <v>251</v>
      </c>
      <c r="B42778" s="14" t="s">
        <v>1</v>
      </c>
      <c r="C42778" s="14" t="s">
        <v>252</v>
      </c>
      <c r="D42778" s="14" t="s">
        <v>244</v>
      </c>
      <c r="E42778" s="15">
        <v>45449</v>
      </c>
      <c r="F42778" s="14" t="s">
        <v>61</v>
      </c>
      <c r="G42778" s="16">
        <v>0</v>
      </c>
    </row>
    <row r="42779" spans="1:7" x14ac:dyDescent="0.3">
      <c r="A42779" s="13" t="s">
        <v>251</v>
      </c>
      <c r="B42779" s="14" t="s">
        <v>1</v>
      </c>
      <c r="C42779" s="14" t="s">
        <v>252</v>
      </c>
      <c r="D42779" s="14" t="s">
        <v>244</v>
      </c>
      <c r="E42779" s="15">
        <v>45450</v>
      </c>
      <c r="F42779" s="14" t="s">
        <v>61</v>
      </c>
      <c r="G42779" s="16">
        <v>0</v>
      </c>
    </row>
    <row r="42780" spans="1:7" x14ac:dyDescent="0.3">
      <c r="A42780" s="13" t="s">
        <v>251</v>
      </c>
      <c r="B42780" s="14" t="s">
        <v>1</v>
      </c>
      <c r="C42780" s="14" t="s">
        <v>252</v>
      </c>
      <c r="D42780" s="14" t="s">
        <v>244</v>
      </c>
      <c r="E42780" s="15">
        <v>45451</v>
      </c>
      <c r="F42780" s="14" t="s">
        <v>61</v>
      </c>
      <c r="G42780" s="16">
        <v>0</v>
      </c>
    </row>
    <row r="42781" spans="1:7" x14ac:dyDescent="0.3">
      <c r="A42781" s="13" t="s">
        <v>251</v>
      </c>
      <c r="B42781" s="14" t="s">
        <v>1</v>
      </c>
      <c r="C42781" s="14" t="s">
        <v>252</v>
      </c>
      <c r="D42781" s="14" t="s">
        <v>244</v>
      </c>
      <c r="E42781" s="15">
        <v>45452</v>
      </c>
      <c r="F42781" s="14" t="s">
        <v>61</v>
      </c>
      <c r="G42781" s="16">
        <v>0</v>
      </c>
    </row>
    <row r="42782" spans="1:7" x14ac:dyDescent="0.3">
      <c r="A42782" s="13" t="s">
        <v>251</v>
      </c>
      <c r="B42782" s="14" t="s">
        <v>1</v>
      </c>
      <c r="C42782" s="14" t="s">
        <v>252</v>
      </c>
      <c r="D42782" s="14" t="s">
        <v>244</v>
      </c>
      <c r="E42782" s="15">
        <v>45453</v>
      </c>
      <c r="F42782" s="14" t="s">
        <v>61</v>
      </c>
      <c r="G42782" s="16">
        <v>0</v>
      </c>
    </row>
    <row r="42783" spans="1:7" x14ac:dyDescent="0.3">
      <c r="A42783" s="13" t="s">
        <v>251</v>
      </c>
      <c r="B42783" s="14" t="s">
        <v>1</v>
      </c>
      <c r="C42783" s="14" t="s">
        <v>252</v>
      </c>
      <c r="D42783" s="14" t="s">
        <v>244</v>
      </c>
      <c r="E42783" s="15">
        <v>45454</v>
      </c>
      <c r="F42783" s="14" t="s">
        <v>61</v>
      </c>
      <c r="G42783" s="16">
        <v>0</v>
      </c>
    </row>
    <row r="42784" spans="1:7" x14ac:dyDescent="0.3">
      <c r="A42784" s="13" t="s">
        <v>251</v>
      </c>
      <c r="B42784" s="14" t="s">
        <v>1</v>
      </c>
      <c r="C42784" s="14" t="s">
        <v>252</v>
      </c>
      <c r="D42784" s="14" t="s">
        <v>244</v>
      </c>
      <c r="E42784" s="15">
        <v>45455</v>
      </c>
      <c r="F42784" s="14" t="s">
        <v>61</v>
      </c>
      <c r="G42784" s="16">
        <v>0</v>
      </c>
    </row>
    <row r="42785" spans="1:7" x14ac:dyDescent="0.3">
      <c r="A42785" s="13" t="s">
        <v>251</v>
      </c>
      <c r="B42785" s="14" t="s">
        <v>1</v>
      </c>
      <c r="C42785" s="14" t="s">
        <v>252</v>
      </c>
      <c r="D42785" s="14" t="s">
        <v>244</v>
      </c>
      <c r="E42785" s="15">
        <v>45456</v>
      </c>
      <c r="F42785" s="14" t="s">
        <v>61</v>
      </c>
      <c r="G42785" s="16">
        <v>0</v>
      </c>
    </row>
    <row r="42786" spans="1:7" x14ac:dyDescent="0.3">
      <c r="A42786" s="13" t="s">
        <v>251</v>
      </c>
      <c r="B42786" s="14" t="s">
        <v>1</v>
      </c>
      <c r="C42786" s="14" t="s">
        <v>252</v>
      </c>
      <c r="D42786" s="14" t="s">
        <v>244</v>
      </c>
      <c r="E42786" s="15">
        <v>45457</v>
      </c>
      <c r="F42786" s="14" t="s">
        <v>61</v>
      </c>
      <c r="G42786" s="16">
        <v>0</v>
      </c>
    </row>
    <row r="42787" spans="1:7" x14ac:dyDescent="0.3">
      <c r="A42787" s="13" t="s">
        <v>251</v>
      </c>
      <c r="B42787" s="14" t="s">
        <v>1</v>
      </c>
      <c r="C42787" s="14" t="s">
        <v>252</v>
      </c>
      <c r="D42787" s="14" t="s">
        <v>244</v>
      </c>
      <c r="E42787" s="15">
        <v>45458</v>
      </c>
      <c r="F42787" s="14" t="s">
        <v>61</v>
      </c>
      <c r="G42787" s="16">
        <v>0</v>
      </c>
    </row>
    <row r="42788" spans="1:7" x14ac:dyDescent="0.3">
      <c r="A42788" s="13" t="s">
        <v>251</v>
      </c>
      <c r="B42788" s="14" t="s">
        <v>1</v>
      </c>
      <c r="C42788" s="14" t="s">
        <v>252</v>
      </c>
      <c r="D42788" s="14" t="s">
        <v>244</v>
      </c>
      <c r="E42788" s="15">
        <v>45459</v>
      </c>
      <c r="F42788" s="14" t="s">
        <v>61</v>
      </c>
      <c r="G42788" s="16">
        <v>0</v>
      </c>
    </row>
    <row r="42789" spans="1:7" x14ac:dyDescent="0.3">
      <c r="A42789" s="13" t="s">
        <v>251</v>
      </c>
      <c r="B42789" s="14" t="s">
        <v>1</v>
      </c>
      <c r="C42789" s="14" t="s">
        <v>252</v>
      </c>
      <c r="D42789" s="14" t="s">
        <v>244</v>
      </c>
      <c r="E42789" s="15">
        <v>45460</v>
      </c>
      <c r="F42789" s="14" t="s">
        <v>61</v>
      </c>
      <c r="G42789" s="16">
        <v>0</v>
      </c>
    </row>
    <row r="42790" spans="1:7" x14ac:dyDescent="0.3">
      <c r="A42790" s="13" t="s">
        <v>251</v>
      </c>
      <c r="B42790" s="14" t="s">
        <v>1</v>
      </c>
      <c r="C42790" s="14" t="s">
        <v>252</v>
      </c>
      <c r="D42790" s="14" t="s">
        <v>244</v>
      </c>
      <c r="E42790" s="15">
        <v>45461</v>
      </c>
      <c r="F42790" s="14" t="s">
        <v>61</v>
      </c>
      <c r="G42790" s="16">
        <v>0</v>
      </c>
    </row>
    <row r="42791" spans="1:7" x14ac:dyDescent="0.3">
      <c r="A42791" s="13" t="s">
        <v>251</v>
      </c>
      <c r="B42791" s="14" t="s">
        <v>1</v>
      </c>
      <c r="C42791" s="14" t="s">
        <v>252</v>
      </c>
      <c r="D42791" s="14" t="s">
        <v>244</v>
      </c>
      <c r="E42791" s="15">
        <v>45462</v>
      </c>
      <c r="F42791" s="14" t="s">
        <v>61</v>
      </c>
      <c r="G42791" s="16">
        <v>0</v>
      </c>
    </row>
    <row r="42792" spans="1:7" x14ac:dyDescent="0.3">
      <c r="A42792" s="13" t="s">
        <v>251</v>
      </c>
      <c r="B42792" s="14" t="s">
        <v>1</v>
      </c>
      <c r="C42792" s="14" t="s">
        <v>252</v>
      </c>
      <c r="D42792" s="14" t="s">
        <v>244</v>
      </c>
      <c r="E42792" s="15">
        <v>45463</v>
      </c>
      <c r="F42792" s="14" t="s">
        <v>61</v>
      </c>
      <c r="G42792" s="16">
        <v>0</v>
      </c>
    </row>
    <row r="42793" spans="1:7" x14ac:dyDescent="0.3">
      <c r="A42793" s="13" t="s">
        <v>251</v>
      </c>
      <c r="B42793" s="14" t="s">
        <v>1</v>
      </c>
      <c r="C42793" s="14" t="s">
        <v>252</v>
      </c>
      <c r="D42793" s="14" t="s">
        <v>244</v>
      </c>
      <c r="E42793" s="15">
        <v>45464</v>
      </c>
      <c r="F42793" s="14" t="s">
        <v>61</v>
      </c>
      <c r="G42793" s="16">
        <v>0</v>
      </c>
    </row>
    <row r="42794" spans="1:7" x14ac:dyDescent="0.3">
      <c r="A42794" s="13" t="s">
        <v>251</v>
      </c>
      <c r="B42794" s="14" t="s">
        <v>1</v>
      </c>
      <c r="C42794" s="14" t="s">
        <v>252</v>
      </c>
      <c r="D42794" s="14" t="s">
        <v>244</v>
      </c>
      <c r="E42794" s="15">
        <v>45465</v>
      </c>
      <c r="F42794" s="14" t="s">
        <v>61</v>
      </c>
      <c r="G42794" s="16">
        <v>0</v>
      </c>
    </row>
    <row r="42795" spans="1:7" x14ac:dyDescent="0.3">
      <c r="A42795" s="13" t="s">
        <v>251</v>
      </c>
      <c r="B42795" s="14" t="s">
        <v>1</v>
      </c>
      <c r="C42795" s="14" t="s">
        <v>252</v>
      </c>
      <c r="D42795" s="14" t="s">
        <v>244</v>
      </c>
      <c r="E42795" s="15">
        <v>45466</v>
      </c>
      <c r="F42795" s="14" t="s">
        <v>61</v>
      </c>
      <c r="G42795" s="16">
        <v>0</v>
      </c>
    </row>
    <row r="42796" spans="1:7" x14ac:dyDescent="0.3">
      <c r="A42796" s="13" t="s">
        <v>251</v>
      </c>
      <c r="B42796" s="14" t="s">
        <v>1</v>
      </c>
      <c r="C42796" s="14" t="s">
        <v>252</v>
      </c>
      <c r="D42796" s="14" t="s">
        <v>244</v>
      </c>
      <c r="E42796" s="15">
        <v>45467</v>
      </c>
      <c r="F42796" s="14" t="s">
        <v>61</v>
      </c>
      <c r="G42796" s="16">
        <v>0</v>
      </c>
    </row>
    <row r="42797" spans="1:7" x14ac:dyDescent="0.3">
      <c r="A42797" s="13" t="s">
        <v>251</v>
      </c>
      <c r="B42797" s="14" t="s">
        <v>1</v>
      </c>
      <c r="C42797" s="14" t="s">
        <v>252</v>
      </c>
      <c r="D42797" s="14" t="s">
        <v>244</v>
      </c>
      <c r="E42797" s="15">
        <v>45468</v>
      </c>
      <c r="F42797" s="14" t="s">
        <v>61</v>
      </c>
      <c r="G42797" s="16">
        <v>0</v>
      </c>
    </row>
    <row r="42798" spans="1:7" x14ac:dyDescent="0.3">
      <c r="A42798" s="13" t="s">
        <v>251</v>
      </c>
      <c r="B42798" s="14" t="s">
        <v>1</v>
      </c>
      <c r="C42798" s="14" t="s">
        <v>252</v>
      </c>
      <c r="D42798" s="14" t="s">
        <v>244</v>
      </c>
      <c r="E42798" s="15">
        <v>45469</v>
      </c>
      <c r="F42798" s="14" t="s">
        <v>61</v>
      </c>
      <c r="G42798" s="16">
        <v>0</v>
      </c>
    </row>
    <row r="42799" spans="1:7" x14ac:dyDescent="0.3">
      <c r="A42799" s="13" t="s">
        <v>251</v>
      </c>
      <c r="B42799" s="14" t="s">
        <v>1</v>
      </c>
      <c r="C42799" s="14" t="s">
        <v>252</v>
      </c>
      <c r="D42799" s="14" t="s">
        <v>244</v>
      </c>
      <c r="E42799" s="15">
        <v>45470</v>
      </c>
      <c r="F42799" s="14" t="s">
        <v>61</v>
      </c>
      <c r="G42799" s="16">
        <v>0</v>
      </c>
    </row>
    <row r="42800" spans="1:7" x14ac:dyDescent="0.3">
      <c r="A42800" s="13" t="s">
        <v>251</v>
      </c>
      <c r="B42800" s="14" t="s">
        <v>1</v>
      </c>
      <c r="C42800" s="14" t="s">
        <v>252</v>
      </c>
      <c r="D42800" s="14" t="s">
        <v>244</v>
      </c>
      <c r="E42800" s="15">
        <v>45471</v>
      </c>
      <c r="F42800" s="14" t="s">
        <v>61</v>
      </c>
      <c r="G42800" s="16">
        <v>0</v>
      </c>
    </row>
    <row r="42801" spans="1:7" x14ac:dyDescent="0.3">
      <c r="A42801" s="13" t="s">
        <v>251</v>
      </c>
      <c r="B42801" s="14" t="s">
        <v>1</v>
      </c>
      <c r="C42801" s="14" t="s">
        <v>252</v>
      </c>
      <c r="D42801" s="14" t="s">
        <v>244</v>
      </c>
      <c r="E42801" s="15">
        <v>45472</v>
      </c>
      <c r="F42801" s="14" t="s">
        <v>61</v>
      </c>
      <c r="G42801" s="16">
        <v>0</v>
      </c>
    </row>
    <row r="42802" spans="1:7" x14ac:dyDescent="0.3">
      <c r="A42802" s="13" t="s">
        <v>251</v>
      </c>
      <c r="B42802" s="14" t="s">
        <v>1</v>
      </c>
      <c r="C42802" s="14" t="s">
        <v>252</v>
      </c>
      <c r="D42802" s="14" t="s">
        <v>244</v>
      </c>
      <c r="E42802" s="15">
        <v>45473</v>
      </c>
      <c r="F42802" s="14" t="s">
        <v>61</v>
      </c>
      <c r="G42802" s="16">
        <v>0</v>
      </c>
    </row>
    <row r="42803" spans="1:7" x14ac:dyDescent="0.3">
      <c r="A42803" s="13" t="s">
        <v>251</v>
      </c>
      <c r="B42803" s="14" t="s">
        <v>1</v>
      </c>
      <c r="C42803" s="14" t="s">
        <v>252</v>
      </c>
      <c r="D42803" s="14" t="s">
        <v>244</v>
      </c>
      <c r="E42803" s="15">
        <v>45474</v>
      </c>
      <c r="F42803" s="14" t="s">
        <v>61</v>
      </c>
      <c r="G42803" s="16">
        <v>0</v>
      </c>
    </row>
    <row r="42804" spans="1:7" x14ac:dyDescent="0.3">
      <c r="A42804" s="13" t="s">
        <v>251</v>
      </c>
      <c r="B42804" s="14" t="s">
        <v>1</v>
      </c>
      <c r="C42804" s="14" t="s">
        <v>252</v>
      </c>
      <c r="D42804" s="14" t="s">
        <v>244</v>
      </c>
      <c r="E42804" s="15">
        <v>45475</v>
      </c>
      <c r="F42804" s="14" t="s">
        <v>61</v>
      </c>
      <c r="G42804" s="16">
        <v>0</v>
      </c>
    </row>
    <row r="42805" spans="1:7" x14ac:dyDescent="0.3">
      <c r="A42805" s="13" t="s">
        <v>251</v>
      </c>
      <c r="B42805" s="14" t="s">
        <v>1</v>
      </c>
      <c r="C42805" s="14" t="s">
        <v>252</v>
      </c>
      <c r="D42805" s="14" t="s">
        <v>244</v>
      </c>
      <c r="E42805" s="15">
        <v>45476</v>
      </c>
      <c r="F42805" s="14" t="s">
        <v>61</v>
      </c>
      <c r="G42805" s="16">
        <v>0</v>
      </c>
    </row>
    <row r="42806" spans="1:7" x14ac:dyDescent="0.3">
      <c r="A42806" s="13" t="s">
        <v>251</v>
      </c>
      <c r="B42806" s="14" t="s">
        <v>1</v>
      </c>
      <c r="C42806" s="14" t="s">
        <v>252</v>
      </c>
      <c r="D42806" s="14" t="s">
        <v>244</v>
      </c>
      <c r="E42806" s="15">
        <v>45477</v>
      </c>
      <c r="F42806" s="14" t="s">
        <v>61</v>
      </c>
      <c r="G42806" s="16">
        <v>0</v>
      </c>
    </row>
    <row r="42807" spans="1:7" x14ac:dyDescent="0.3">
      <c r="A42807" s="13" t="s">
        <v>251</v>
      </c>
      <c r="B42807" s="14" t="s">
        <v>1</v>
      </c>
      <c r="C42807" s="14" t="s">
        <v>252</v>
      </c>
      <c r="D42807" s="14" t="s">
        <v>244</v>
      </c>
      <c r="E42807" s="15">
        <v>45478</v>
      </c>
      <c r="F42807" s="14" t="s">
        <v>61</v>
      </c>
      <c r="G42807" s="16">
        <v>0</v>
      </c>
    </row>
    <row r="42808" spans="1:7" x14ac:dyDescent="0.3">
      <c r="A42808" s="13" t="s">
        <v>251</v>
      </c>
      <c r="B42808" s="14" t="s">
        <v>1</v>
      </c>
      <c r="C42808" s="14" t="s">
        <v>252</v>
      </c>
      <c r="D42808" s="14" t="s">
        <v>244</v>
      </c>
      <c r="E42808" s="15">
        <v>45479</v>
      </c>
      <c r="F42808" s="14" t="s">
        <v>61</v>
      </c>
      <c r="G42808" s="16">
        <v>0</v>
      </c>
    </row>
    <row r="42809" spans="1:7" x14ac:dyDescent="0.3">
      <c r="A42809" s="13" t="s">
        <v>251</v>
      </c>
      <c r="B42809" s="14" t="s">
        <v>1</v>
      </c>
      <c r="C42809" s="14" t="s">
        <v>252</v>
      </c>
      <c r="D42809" s="14" t="s">
        <v>244</v>
      </c>
      <c r="E42809" s="15">
        <v>45480</v>
      </c>
      <c r="F42809" s="14" t="s">
        <v>61</v>
      </c>
      <c r="G42809" s="16">
        <v>0</v>
      </c>
    </row>
    <row r="42810" spans="1:7" x14ac:dyDescent="0.3">
      <c r="A42810" s="13" t="s">
        <v>251</v>
      </c>
      <c r="B42810" s="14" t="s">
        <v>1</v>
      </c>
      <c r="C42810" s="14" t="s">
        <v>252</v>
      </c>
      <c r="D42810" s="14" t="s">
        <v>244</v>
      </c>
      <c r="E42810" s="15">
        <v>45481</v>
      </c>
      <c r="F42810" s="14" t="s">
        <v>61</v>
      </c>
      <c r="G42810" s="16">
        <v>0</v>
      </c>
    </row>
    <row r="42811" spans="1:7" x14ac:dyDescent="0.3">
      <c r="A42811" s="13" t="s">
        <v>251</v>
      </c>
      <c r="B42811" s="14" t="s">
        <v>1</v>
      </c>
      <c r="C42811" s="14" t="s">
        <v>252</v>
      </c>
      <c r="D42811" s="14" t="s">
        <v>244</v>
      </c>
      <c r="E42811" s="15">
        <v>45482</v>
      </c>
      <c r="F42811" s="14" t="s">
        <v>61</v>
      </c>
      <c r="G42811" s="16">
        <v>0</v>
      </c>
    </row>
    <row r="42812" spans="1:7" x14ac:dyDescent="0.3">
      <c r="A42812" s="13" t="s">
        <v>251</v>
      </c>
      <c r="B42812" s="14" t="s">
        <v>1</v>
      </c>
      <c r="C42812" s="14" t="s">
        <v>252</v>
      </c>
      <c r="D42812" s="14" t="s">
        <v>244</v>
      </c>
      <c r="E42812" s="15">
        <v>45483</v>
      </c>
      <c r="F42812" s="14" t="s">
        <v>61</v>
      </c>
      <c r="G42812" s="16">
        <v>0</v>
      </c>
    </row>
    <row r="42813" spans="1:7" x14ac:dyDescent="0.3">
      <c r="A42813" s="13" t="s">
        <v>251</v>
      </c>
      <c r="B42813" s="14" t="s">
        <v>1</v>
      </c>
      <c r="C42813" s="14" t="s">
        <v>252</v>
      </c>
      <c r="D42813" s="14" t="s">
        <v>244</v>
      </c>
      <c r="E42813" s="15">
        <v>45484</v>
      </c>
      <c r="F42813" s="14" t="s">
        <v>61</v>
      </c>
      <c r="G42813" s="16">
        <v>0</v>
      </c>
    </row>
    <row r="42814" spans="1:7" x14ac:dyDescent="0.3">
      <c r="A42814" s="13" t="s">
        <v>251</v>
      </c>
      <c r="B42814" s="14" t="s">
        <v>1</v>
      </c>
      <c r="C42814" s="14" t="s">
        <v>252</v>
      </c>
      <c r="D42814" s="14" t="s">
        <v>244</v>
      </c>
      <c r="E42814" s="15">
        <v>45485</v>
      </c>
      <c r="F42814" s="14" t="s">
        <v>61</v>
      </c>
      <c r="G42814" s="16">
        <v>0</v>
      </c>
    </row>
    <row r="42815" spans="1:7" x14ac:dyDescent="0.3">
      <c r="A42815" s="13" t="s">
        <v>251</v>
      </c>
      <c r="B42815" s="14" t="s">
        <v>1</v>
      </c>
      <c r="C42815" s="14" t="s">
        <v>252</v>
      </c>
      <c r="D42815" s="14" t="s">
        <v>244</v>
      </c>
      <c r="E42815" s="15">
        <v>45486</v>
      </c>
      <c r="F42815" s="14" t="s">
        <v>61</v>
      </c>
      <c r="G42815" s="16">
        <v>0</v>
      </c>
    </row>
    <row r="42816" spans="1:7" x14ac:dyDescent="0.3">
      <c r="A42816" s="13" t="s">
        <v>251</v>
      </c>
      <c r="B42816" s="14" t="s">
        <v>1</v>
      </c>
      <c r="C42816" s="14" t="s">
        <v>252</v>
      </c>
      <c r="D42816" s="14" t="s">
        <v>244</v>
      </c>
      <c r="E42816" s="15">
        <v>45487</v>
      </c>
      <c r="F42816" s="14" t="s">
        <v>61</v>
      </c>
      <c r="G42816" s="16">
        <v>0</v>
      </c>
    </row>
    <row r="42817" spans="1:7" x14ac:dyDescent="0.3">
      <c r="A42817" s="13" t="s">
        <v>251</v>
      </c>
      <c r="B42817" s="14" t="s">
        <v>1</v>
      </c>
      <c r="C42817" s="14" t="s">
        <v>252</v>
      </c>
      <c r="D42817" s="14" t="s">
        <v>244</v>
      </c>
      <c r="E42817" s="15">
        <v>45488</v>
      </c>
      <c r="F42817" s="14" t="s">
        <v>61</v>
      </c>
      <c r="G42817" s="16">
        <v>0</v>
      </c>
    </row>
    <row r="42818" spans="1:7" x14ac:dyDescent="0.3">
      <c r="A42818" s="13" t="s">
        <v>251</v>
      </c>
      <c r="B42818" s="14" t="s">
        <v>1</v>
      </c>
      <c r="C42818" s="14" t="s">
        <v>252</v>
      </c>
      <c r="D42818" s="14" t="s">
        <v>244</v>
      </c>
      <c r="E42818" s="15">
        <v>45489</v>
      </c>
      <c r="F42818" s="14" t="s">
        <v>61</v>
      </c>
      <c r="G42818" s="16">
        <v>0</v>
      </c>
    </row>
    <row r="42819" spans="1:7" x14ac:dyDescent="0.3">
      <c r="A42819" s="13" t="s">
        <v>251</v>
      </c>
      <c r="B42819" s="14" t="s">
        <v>1</v>
      </c>
      <c r="C42819" s="14" t="s">
        <v>252</v>
      </c>
      <c r="D42819" s="14" t="s">
        <v>244</v>
      </c>
      <c r="E42819" s="15">
        <v>45490</v>
      </c>
      <c r="F42819" s="14" t="s">
        <v>61</v>
      </c>
      <c r="G42819" s="16">
        <v>0</v>
      </c>
    </row>
    <row r="42820" spans="1:7" x14ac:dyDescent="0.3">
      <c r="A42820" s="13" t="s">
        <v>251</v>
      </c>
      <c r="B42820" s="14" t="s">
        <v>1</v>
      </c>
      <c r="C42820" s="14" t="s">
        <v>252</v>
      </c>
      <c r="D42820" s="14" t="s">
        <v>244</v>
      </c>
      <c r="E42820" s="15">
        <v>45491</v>
      </c>
      <c r="F42820" s="14" t="s">
        <v>61</v>
      </c>
      <c r="G42820" s="16">
        <v>0</v>
      </c>
    </row>
    <row r="42821" spans="1:7" x14ac:dyDescent="0.3">
      <c r="A42821" s="13" t="s">
        <v>251</v>
      </c>
      <c r="B42821" s="14" t="s">
        <v>1</v>
      </c>
      <c r="C42821" s="14" t="s">
        <v>252</v>
      </c>
      <c r="D42821" s="14" t="s">
        <v>244</v>
      </c>
      <c r="E42821" s="15">
        <v>45492</v>
      </c>
      <c r="F42821" s="14" t="s">
        <v>61</v>
      </c>
      <c r="G42821" s="16">
        <v>0</v>
      </c>
    </row>
    <row r="42822" spans="1:7" x14ac:dyDescent="0.3">
      <c r="A42822" s="13" t="s">
        <v>251</v>
      </c>
      <c r="B42822" s="14" t="s">
        <v>1</v>
      </c>
      <c r="C42822" s="14" t="s">
        <v>252</v>
      </c>
      <c r="D42822" s="14" t="s">
        <v>244</v>
      </c>
      <c r="E42822" s="15">
        <v>45493</v>
      </c>
      <c r="F42822" s="14" t="s">
        <v>61</v>
      </c>
      <c r="G42822" s="16">
        <v>0</v>
      </c>
    </row>
    <row r="42823" spans="1:7" x14ac:dyDescent="0.3">
      <c r="A42823" s="13" t="s">
        <v>251</v>
      </c>
      <c r="B42823" s="14" t="s">
        <v>1</v>
      </c>
      <c r="C42823" s="14" t="s">
        <v>252</v>
      </c>
      <c r="D42823" s="14" t="s">
        <v>244</v>
      </c>
      <c r="E42823" s="15">
        <v>45494</v>
      </c>
      <c r="F42823" s="14" t="s">
        <v>61</v>
      </c>
      <c r="G42823" s="16">
        <v>0</v>
      </c>
    </row>
    <row r="42824" spans="1:7" x14ac:dyDescent="0.3">
      <c r="A42824" s="13" t="s">
        <v>251</v>
      </c>
      <c r="B42824" s="14" t="s">
        <v>1</v>
      </c>
      <c r="C42824" s="14" t="s">
        <v>252</v>
      </c>
      <c r="D42824" s="14" t="s">
        <v>244</v>
      </c>
      <c r="E42824" s="15">
        <v>45495</v>
      </c>
      <c r="F42824" s="14" t="s">
        <v>61</v>
      </c>
      <c r="G42824" s="16">
        <v>0</v>
      </c>
    </row>
    <row r="42825" spans="1:7" x14ac:dyDescent="0.3">
      <c r="A42825" s="13" t="s">
        <v>251</v>
      </c>
      <c r="B42825" s="14" t="s">
        <v>1</v>
      </c>
      <c r="C42825" s="14" t="s">
        <v>252</v>
      </c>
      <c r="D42825" s="14" t="s">
        <v>244</v>
      </c>
      <c r="E42825" s="15">
        <v>45496</v>
      </c>
      <c r="F42825" s="14" t="s">
        <v>61</v>
      </c>
      <c r="G42825" s="16">
        <v>0</v>
      </c>
    </row>
    <row r="42826" spans="1:7" x14ac:dyDescent="0.3">
      <c r="A42826" s="13" t="s">
        <v>251</v>
      </c>
      <c r="B42826" s="14" t="s">
        <v>1</v>
      </c>
      <c r="C42826" s="14" t="s">
        <v>252</v>
      </c>
      <c r="D42826" s="14" t="s">
        <v>244</v>
      </c>
      <c r="E42826" s="15">
        <v>45497</v>
      </c>
      <c r="F42826" s="14" t="s">
        <v>61</v>
      </c>
      <c r="G42826" s="16">
        <v>0</v>
      </c>
    </row>
    <row r="42827" spans="1:7" x14ac:dyDescent="0.3">
      <c r="A42827" s="13" t="s">
        <v>251</v>
      </c>
      <c r="B42827" s="14" t="s">
        <v>1</v>
      </c>
      <c r="C42827" s="14" t="s">
        <v>252</v>
      </c>
      <c r="D42827" s="14" t="s">
        <v>244</v>
      </c>
      <c r="E42827" s="15">
        <v>45498</v>
      </c>
      <c r="F42827" s="14" t="s">
        <v>61</v>
      </c>
      <c r="G42827" s="16">
        <v>0</v>
      </c>
    </row>
    <row r="42828" spans="1:7" x14ac:dyDescent="0.3">
      <c r="A42828" s="13" t="s">
        <v>251</v>
      </c>
      <c r="B42828" s="14" t="s">
        <v>1</v>
      </c>
      <c r="C42828" s="14" t="s">
        <v>252</v>
      </c>
      <c r="D42828" s="14" t="s">
        <v>244</v>
      </c>
      <c r="E42828" s="15">
        <v>45499</v>
      </c>
      <c r="F42828" s="14" t="s">
        <v>61</v>
      </c>
      <c r="G42828" s="16">
        <v>0</v>
      </c>
    </row>
    <row r="42829" spans="1:7" x14ac:dyDescent="0.3">
      <c r="A42829" s="13" t="s">
        <v>251</v>
      </c>
      <c r="B42829" s="14" t="s">
        <v>1</v>
      </c>
      <c r="C42829" s="14" t="s">
        <v>252</v>
      </c>
      <c r="D42829" s="14" t="s">
        <v>244</v>
      </c>
      <c r="E42829" s="15">
        <v>45500</v>
      </c>
      <c r="F42829" s="14" t="s">
        <v>61</v>
      </c>
      <c r="G42829" s="16">
        <v>0</v>
      </c>
    </row>
    <row r="42830" spans="1:7" x14ac:dyDescent="0.3">
      <c r="A42830" s="13" t="s">
        <v>251</v>
      </c>
      <c r="B42830" s="14" t="s">
        <v>1</v>
      </c>
      <c r="C42830" s="14" t="s">
        <v>252</v>
      </c>
      <c r="D42830" s="14" t="s">
        <v>244</v>
      </c>
      <c r="E42830" s="15">
        <v>45501</v>
      </c>
      <c r="F42830" s="14" t="s">
        <v>61</v>
      </c>
      <c r="G42830" s="16">
        <v>0</v>
      </c>
    </row>
    <row r="42831" spans="1:7" x14ac:dyDescent="0.3">
      <c r="A42831" s="13" t="s">
        <v>251</v>
      </c>
      <c r="B42831" s="14" t="s">
        <v>1</v>
      </c>
      <c r="C42831" s="14" t="s">
        <v>252</v>
      </c>
      <c r="D42831" s="14" t="s">
        <v>244</v>
      </c>
      <c r="E42831" s="15">
        <v>45502</v>
      </c>
      <c r="F42831" s="14" t="s">
        <v>61</v>
      </c>
      <c r="G42831" s="16">
        <v>0</v>
      </c>
    </row>
    <row r="42832" spans="1:7" x14ac:dyDescent="0.3">
      <c r="A42832" s="13" t="s">
        <v>251</v>
      </c>
      <c r="B42832" s="14" t="s">
        <v>1</v>
      </c>
      <c r="C42832" s="14" t="s">
        <v>252</v>
      </c>
      <c r="D42832" s="14" t="s">
        <v>244</v>
      </c>
      <c r="E42832" s="15">
        <v>45503</v>
      </c>
      <c r="F42832" s="14" t="s">
        <v>61</v>
      </c>
      <c r="G42832" s="16">
        <v>0</v>
      </c>
    </row>
    <row r="42833" spans="1:7" x14ac:dyDescent="0.3">
      <c r="A42833" s="13" t="s">
        <v>251</v>
      </c>
      <c r="B42833" s="14" t="s">
        <v>1</v>
      </c>
      <c r="C42833" s="14" t="s">
        <v>252</v>
      </c>
      <c r="D42833" s="14" t="s">
        <v>244</v>
      </c>
      <c r="E42833" s="15">
        <v>45504</v>
      </c>
      <c r="F42833" s="14" t="s">
        <v>61</v>
      </c>
      <c r="G42833" s="16">
        <v>0</v>
      </c>
    </row>
    <row r="42834" spans="1:7" x14ac:dyDescent="0.3">
      <c r="A42834" s="13" t="s">
        <v>251</v>
      </c>
      <c r="B42834" s="14" t="s">
        <v>1</v>
      </c>
      <c r="C42834" s="14" t="s">
        <v>252</v>
      </c>
      <c r="D42834" s="14" t="s">
        <v>244</v>
      </c>
      <c r="E42834" s="15">
        <v>45505</v>
      </c>
      <c r="F42834" s="14" t="s">
        <v>61</v>
      </c>
      <c r="G42834" s="16">
        <v>0</v>
      </c>
    </row>
    <row r="42835" spans="1:7" x14ac:dyDescent="0.3">
      <c r="A42835" s="13" t="s">
        <v>251</v>
      </c>
      <c r="B42835" s="14" t="s">
        <v>1</v>
      </c>
      <c r="C42835" s="14" t="s">
        <v>252</v>
      </c>
      <c r="D42835" s="14" t="s">
        <v>244</v>
      </c>
      <c r="E42835" s="15">
        <v>45506</v>
      </c>
      <c r="F42835" s="14" t="s">
        <v>61</v>
      </c>
      <c r="G42835" s="16">
        <v>0</v>
      </c>
    </row>
    <row r="42836" spans="1:7" x14ac:dyDescent="0.3">
      <c r="A42836" s="13" t="s">
        <v>251</v>
      </c>
      <c r="B42836" s="14" t="s">
        <v>1</v>
      </c>
      <c r="C42836" s="14" t="s">
        <v>252</v>
      </c>
      <c r="D42836" s="14" t="s">
        <v>244</v>
      </c>
      <c r="E42836" s="15">
        <v>45507</v>
      </c>
      <c r="F42836" s="14" t="s">
        <v>61</v>
      </c>
      <c r="G42836" s="16">
        <v>0</v>
      </c>
    </row>
    <row r="42837" spans="1:7" x14ac:dyDescent="0.3">
      <c r="A42837" s="13" t="s">
        <v>251</v>
      </c>
      <c r="B42837" s="14" t="s">
        <v>1</v>
      </c>
      <c r="C42837" s="14" t="s">
        <v>252</v>
      </c>
      <c r="D42837" s="14" t="s">
        <v>244</v>
      </c>
      <c r="E42837" s="15">
        <v>45508</v>
      </c>
      <c r="F42837" s="14" t="s">
        <v>61</v>
      </c>
      <c r="G42837" s="16">
        <v>0</v>
      </c>
    </row>
    <row r="42838" spans="1:7" x14ac:dyDescent="0.3">
      <c r="A42838" s="13" t="s">
        <v>251</v>
      </c>
      <c r="B42838" s="14" t="s">
        <v>1</v>
      </c>
      <c r="C42838" s="14" t="s">
        <v>252</v>
      </c>
      <c r="D42838" s="14" t="s">
        <v>244</v>
      </c>
      <c r="E42838" s="15">
        <v>45509</v>
      </c>
      <c r="F42838" s="14" t="s">
        <v>61</v>
      </c>
      <c r="G42838" s="16">
        <v>0</v>
      </c>
    </row>
    <row r="42839" spans="1:7" x14ac:dyDescent="0.3">
      <c r="A42839" s="13" t="s">
        <v>251</v>
      </c>
      <c r="B42839" s="14" t="s">
        <v>1</v>
      </c>
      <c r="C42839" s="14" t="s">
        <v>252</v>
      </c>
      <c r="D42839" s="14" t="s">
        <v>244</v>
      </c>
      <c r="E42839" s="15">
        <v>45510</v>
      </c>
      <c r="F42839" s="14" t="s">
        <v>61</v>
      </c>
      <c r="G42839" s="16">
        <v>0</v>
      </c>
    </row>
    <row r="42840" spans="1:7" x14ac:dyDescent="0.3">
      <c r="A42840" s="13" t="s">
        <v>251</v>
      </c>
      <c r="B42840" s="14" t="s">
        <v>1</v>
      </c>
      <c r="C42840" s="14" t="s">
        <v>252</v>
      </c>
      <c r="D42840" s="14" t="s">
        <v>244</v>
      </c>
      <c r="E42840" s="15">
        <v>45511</v>
      </c>
      <c r="F42840" s="14" t="s">
        <v>61</v>
      </c>
      <c r="G42840" s="16">
        <v>0</v>
      </c>
    </row>
    <row r="42841" spans="1:7" x14ac:dyDescent="0.3">
      <c r="A42841" s="13" t="s">
        <v>251</v>
      </c>
      <c r="B42841" s="14" t="s">
        <v>1</v>
      </c>
      <c r="C42841" s="14" t="s">
        <v>252</v>
      </c>
      <c r="D42841" s="14" t="s">
        <v>244</v>
      </c>
      <c r="E42841" s="15">
        <v>45512</v>
      </c>
      <c r="F42841" s="14" t="s">
        <v>61</v>
      </c>
      <c r="G42841" s="16">
        <v>0</v>
      </c>
    </row>
    <row r="42842" spans="1:7" x14ac:dyDescent="0.3">
      <c r="A42842" s="13" t="s">
        <v>251</v>
      </c>
      <c r="B42842" s="14" t="s">
        <v>1</v>
      </c>
      <c r="C42842" s="14" t="s">
        <v>252</v>
      </c>
      <c r="D42842" s="14" t="s">
        <v>244</v>
      </c>
      <c r="E42842" s="15">
        <v>45513</v>
      </c>
      <c r="F42842" s="14" t="s">
        <v>61</v>
      </c>
      <c r="G42842" s="16">
        <v>0</v>
      </c>
    </row>
    <row r="42843" spans="1:7" x14ac:dyDescent="0.3">
      <c r="A42843" s="13" t="s">
        <v>251</v>
      </c>
      <c r="B42843" s="14" t="s">
        <v>1</v>
      </c>
      <c r="C42843" s="14" t="s">
        <v>252</v>
      </c>
      <c r="D42843" s="14" t="s">
        <v>244</v>
      </c>
      <c r="E42843" s="15">
        <v>45514</v>
      </c>
      <c r="F42843" s="14" t="s">
        <v>61</v>
      </c>
      <c r="G42843" s="16">
        <v>0</v>
      </c>
    </row>
    <row r="42844" spans="1:7" x14ac:dyDescent="0.3">
      <c r="A42844" s="13" t="s">
        <v>251</v>
      </c>
      <c r="B42844" s="14" t="s">
        <v>1</v>
      </c>
      <c r="C42844" s="14" t="s">
        <v>252</v>
      </c>
      <c r="D42844" s="14" t="s">
        <v>244</v>
      </c>
      <c r="E42844" s="15">
        <v>45515</v>
      </c>
      <c r="F42844" s="14" t="s">
        <v>61</v>
      </c>
      <c r="G42844" s="16">
        <v>0</v>
      </c>
    </row>
    <row r="42845" spans="1:7" x14ac:dyDescent="0.3">
      <c r="A42845" s="13" t="s">
        <v>251</v>
      </c>
      <c r="B42845" s="14" t="s">
        <v>1</v>
      </c>
      <c r="C42845" s="14" t="s">
        <v>252</v>
      </c>
      <c r="D42845" s="14" t="s">
        <v>244</v>
      </c>
      <c r="E42845" s="15">
        <v>45516</v>
      </c>
      <c r="F42845" s="14" t="s">
        <v>61</v>
      </c>
      <c r="G42845" s="16">
        <v>0</v>
      </c>
    </row>
    <row r="42846" spans="1:7" x14ac:dyDescent="0.3">
      <c r="A42846" s="13" t="s">
        <v>251</v>
      </c>
      <c r="B42846" s="14" t="s">
        <v>1</v>
      </c>
      <c r="C42846" s="14" t="s">
        <v>252</v>
      </c>
      <c r="D42846" s="14" t="s">
        <v>244</v>
      </c>
      <c r="E42846" s="15">
        <v>45517</v>
      </c>
      <c r="F42846" s="14" t="s">
        <v>61</v>
      </c>
      <c r="G42846" s="16">
        <v>0</v>
      </c>
    </row>
    <row r="42847" spans="1:7" x14ac:dyDescent="0.3">
      <c r="A42847" s="13" t="s">
        <v>251</v>
      </c>
      <c r="B42847" s="14" t="s">
        <v>1</v>
      </c>
      <c r="C42847" s="14" t="s">
        <v>252</v>
      </c>
      <c r="D42847" s="14" t="s">
        <v>244</v>
      </c>
      <c r="E42847" s="15">
        <v>45518</v>
      </c>
      <c r="F42847" s="14" t="s">
        <v>61</v>
      </c>
      <c r="G42847" s="16">
        <v>0</v>
      </c>
    </row>
    <row r="42848" spans="1:7" x14ac:dyDescent="0.3">
      <c r="A42848" s="13" t="s">
        <v>251</v>
      </c>
      <c r="B42848" s="14" t="s">
        <v>1</v>
      </c>
      <c r="C42848" s="14" t="s">
        <v>252</v>
      </c>
      <c r="D42848" s="14" t="s">
        <v>244</v>
      </c>
      <c r="E42848" s="15">
        <v>45519</v>
      </c>
      <c r="F42848" s="14" t="s">
        <v>61</v>
      </c>
      <c r="G42848" s="16">
        <v>0</v>
      </c>
    </row>
    <row r="42849" spans="1:7" x14ac:dyDescent="0.3">
      <c r="A42849" s="13" t="s">
        <v>251</v>
      </c>
      <c r="B42849" s="14" t="s">
        <v>1</v>
      </c>
      <c r="C42849" s="14" t="s">
        <v>252</v>
      </c>
      <c r="D42849" s="14" t="s">
        <v>244</v>
      </c>
      <c r="E42849" s="15">
        <v>45520</v>
      </c>
      <c r="F42849" s="14" t="s">
        <v>61</v>
      </c>
      <c r="G42849" s="16">
        <v>0</v>
      </c>
    </row>
    <row r="42850" spans="1:7" x14ac:dyDescent="0.3">
      <c r="A42850" s="13" t="s">
        <v>251</v>
      </c>
      <c r="B42850" s="14" t="s">
        <v>1</v>
      </c>
      <c r="C42850" s="14" t="s">
        <v>252</v>
      </c>
      <c r="D42850" s="14" t="s">
        <v>244</v>
      </c>
      <c r="E42850" s="15">
        <v>45521</v>
      </c>
      <c r="F42850" s="14" t="s">
        <v>61</v>
      </c>
      <c r="G42850" s="16">
        <v>0</v>
      </c>
    </row>
    <row r="42851" spans="1:7" x14ac:dyDescent="0.3">
      <c r="A42851" s="13" t="s">
        <v>251</v>
      </c>
      <c r="B42851" s="14" t="s">
        <v>1</v>
      </c>
      <c r="C42851" s="14" t="s">
        <v>252</v>
      </c>
      <c r="D42851" s="14" t="s">
        <v>244</v>
      </c>
      <c r="E42851" s="15">
        <v>45522</v>
      </c>
      <c r="F42851" s="14" t="s">
        <v>61</v>
      </c>
      <c r="G42851" s="16">
        <v>0</v>
      </c>
    </row>
    <row r="42852" spans="1:7" x14ac:dyDescent="0.3">
      <c r="A42852" s="13" t="s">
        <v>251</v>
      </c>
      <c r="B42852" s="14" t="s">
        <v>1</v>
      </c>
      <c r="C42852" s="14" t="s">
        <v>252</v>
      </c>
      <c r="D42852" s="14" t="s">
        <v>244</v>
      </c>
      <c r="E42852" s="15">
        <v>45523</v>
      </c>
      <c r="F42852" s="14" t="s">
        <v>61</v>
      </c>
      <c r="G42852" s="16">
        <v>0</v>
      </c>
    </row>
    <row r="42853" spans="1:7" x14ac:dyDescent="0.3">
      <c r="A42853" s="13" t="s">
        <v>251</v>
      </c>
      <c r="B42853" s="14" t="s">
        <v>1</v>
      </c>
      <c r="C42853" s="14" t="s">
        <v>252</v>
      </c>
      <c r="D42853" s="14" t="s">
        <v>244</v>
      </c>
      <c r="E42853" s="15">
        <v>45524</v>
      </c>
      <c r="F42853" s="14" t="s">
        <v>61</v>
      </c>
      <c r="G42853" s="16">
        <v>0</v>
      </c>
    </row>
    <row r="42854" spans="1:7" x14ac:dyDescent="0.3">
      <c r="A42854" s="13" t="s">
        <v>251</v>
      </c>
      <c r="B42854" s="14" t="s">
        <v>1</v>
      </c>
      <c r="C42854" s="14" t="s">
        <v>252</v>
      </c>
      <c r="D42854" s="14" t="s">
        <v>244</v>
      </c>
      <c r="E42854" s="15">
        <v>45525</v>
      </c>
      <c r="F42854" s="14" t="s">
        <v>61</v>
      </c>
      <c r="G42854" s="16">
        <v>0</v>
      </c>
    </row>
    <row r="42855" spans="1:7" x14ac:dyDescent="0.3">
      <c r="A42855" s="13" t="s">
        <v>251</v>
      </c>
      <c r="B42855" s="14" t="s">
        <v>1</v>
      </c>
      <c r="C42855" s="14" t="s">
        <v>252</v>
      </c>
      <c r="D42855" s="14" t="s">
        <v>244</v>
      </c>
      <c r="E42855" s="15">
        <v>45526</v>
      </c>
      <c r="F42855" s="14" t="s">
        <v>61</v>
      </c>
      <c r="G42855" s="16">
        <v>0</v>
      </c>
    </row>
    <row r="42856" spans="1:7" x14ac:dyDescent="0.3">
      <c r="A42856" s="13" t="s">
        <v>251</v>
      </c>
      <c r="B42856" s="14" t="s">
        <v>1</v>
      </c>
      <c r="C42856" s="14" t="s">
        <v>252</v>
      </c>
      <c r="D42856" s="14" t="s">
        <v>244</v>
      </c>
      <c r="E42856" s="15">
        <v>45527</v>
      </c>
      <c r="F42856" s="14" t="s">
        <v>61</v>
      </c>
      <c r="G42856" s="16">
        <v>0</v>
      </c>
    </row>
    <row r="42857" spans="1:7" x14ac:dyDescent="0.3">
      <c r="A42857" s="13" t="s">
        <v>251</v>
      </c>
      <c r="B42857" s="14" t="s">
        <v>1</v>
      </c>
      <c r="C42857" s="14" t="s">
        <v>252</v>
      </c>
      <c r="D42857" s="14" t="s">
        <v>244</v>
      </c>
      <c r="E42857" s="15">
        <v>45528</v>
      </c>
      <c r="F42857" s="14" t="s">
        <v>61</v>
      </c>
      <c r="G42857" s="16">
        <v>0</v>
      </c>
    </row>
    <row r="42858" spans="1:7" x14ac:dyDescent="0.3">
      <c r="A42858" s="13" t="s">
        <v>251</v>
      </c>
      <c r="B42858" s="14" t="s">
        <v>1</v>
      </c>
      <c r="C42858" s="14" t="s">
        <v>252</v>
      </c>
      <c r="D42858" s="14" t="s">
        <v>244</v>
      </c>
      <c r="E42858" s="15">
        <v>45529</v>
      </c>
      <c r="F42858" s="14" t="s">
        <v>61</v>
      </c>
      <c r="G42858" s="16">
        <v>0</v>
      </c>
    </row>
    <row r="42859" spans="1:7" x14ac:dyDescent="0.3">
      <c r="A42859" s="13" t="s">
        <v>251</v>
      </c>
      <c r="B42859" s="14" t="s">
        <v>1</v>
      </c>
      <c r="C42859" s="14" t="s">
        <v>252</v>
      </c>
      <c r="D42859" s="14" t="s">
        <v>244</v>
      </c>
      <c r="E42859" s="15">
        <v>45530</v>
      </c>
      <c r="F42859" s="14" t="s">
        <v>61</v>
      </c>
      <c r="G42859" s="16">
        <v>0</v>
      </c>
    </row>
    <row r="42860" spans="1:7" x14ac:dyDescent="0.3">
      <c r="A42860" s="13" t="s">
        <v>251</v>
      </c>
      <c r="B42860" s="14" t="s">
        <v>1</v>
      </c>
      <c r="C42860" s="14" t="s">
        <v>252</v>
      </c>
      <c r="D42860" s="14" t="s">
        <v>244</v>
      </c>
      <c r="E42860" s="15">
        <v>45531</v>
      </c>
      <c r="F42860" s="14" t="s">
        <v>61</v>
      </c>
      <c r="G42860" s="16">
        <v>0</v>
      </c>
    </row>
    <row r="42861" spans="1:7" x14ac:dyDescent="0.3">
      <c r="A42861" s="13" t="s">
        <v>251</v>
      </c>
      <c r="B42861" s="14" t="s">
        <v>1</v>
      </c>
      <c r="C42861" s="14" t="s">
        <v>252</v>
      </c>
      <c r="D42861" s="14" t="s">
        <v>244</v>
      </c>
      <c r="E42861" s="15">
        <v>45532</v>
      </c>
      <c r="F42861" s="14" t="s">
        <v>61</v>
      </c>
      <c r="G42861" s="16">
        <v>0</v>
      </c>
    </row>
    <row r="42862" spans="1:7" x14ac:dyDescent="0.3">
      <c r="A42862" s="13" t="s">
        <v>251</v>
      </c>
      <c r="B42862" s="14" t="s">
        <v>1</v>
      </c>
      <c r="C42862" s="14" t="s">
        <v>252</v>
      </c>
      <c r="D42862" s="14" t="s">
        <v>244</v>
      </c>
      <c r="E42862" s="15">
        <v>45533</v>
      </c>
      <c r="F42862" s="14" t="s">
        <v>61</v>
      </c>
      <c r="G42862" s="16">
        <v>0</v>
      </c>
    </row>
    <row r="42863" spans="1:7" x14ac:dyDescent="0.3">
      <c r="A42863" s="13" t="s">
        <v>251</v>
      </c>
      <c r="B42863" s="14" t="s">
        <v>1</v>
      </c>
      <c r="C42863" s="14" t="s">
        <v>252</v>
      </c>
      <c r="D42863" s="14" t="s">
        <v>244</v>
      </c>
      <c r="E42863" s="15">
        <v>45534</v>
      </c>
      <c r="F42863" s="14" t="s">
        <v>61</v>
      </c>
      <c r="G42863" s="16">
        <v>0</v>
      </c>
    </row>
    <row r="42864" spans="1:7" x14ac:dyDescent="0.3">
      <c r="A42864" s="13" t="s">
        <v>251</v>
      </c>
      <c r="B42864" s="14" t="s">
        <v>1</v>
      </c>
      <c r="C42864" s="14" t="s">
        <v>252</v>
      </c>
      <c r="D42864" s="14" t="s">
        <v>244</v>
      </c>
      <c r="E42864" s="15">
        <v>45535</v>
      </c>
      <c r="F42864" s="14" t="s">
        <v>61</v>
      </c>
      <c r="G42864" s="16">
        <v>0</v>
      </c>
    </row>
    <row r="42865" spans="1:7" x14ac:dyDescent="0.3">
      <c r="A42865" s="13" t="s">
        <v>251</v>
      </c>
      <c r="B42865" s="14" t="s">
        <v>1</v>
      </c>
      <c r="C42865" s="14" t="s">
        <v>252</v>
      </c>
      <c r="D42865" s="14" t="s">
        <v>244</v>
      </c>
      <c r="E42865" s="15">
        <v>45536</v>
      </c>
      <c r="F42865" s="14" t="s">
        <v>61</v>
      </c>
      <c r="G42865" s="16">
        <v>0</v>
      </c>
    </row>
    <row r="42866" spans="1:7" x14ac:dyDescent="0.3">
      <c r="A42866" s="13" t="s">
        <v>251</v>
      </c>
      <c r="B42866" s="14" t="s">
        <v>1</v>
      </c>
      <c r="C42866" s="14" t="s">
        <v>252</v>
      </c>
      <c r="D42866" s="14" t="s">
        <v>244</v>
      </c>
      <c r="E42866" s="15">
        <v>45537</v>
      </c>
      <c r="F42866" s="14" t="s">
        <v>61</v>
      </c>
      <c r="G42866" s="16">
        <v>0</v>
      </c>
    </row>
    <row r="42867" spans="1:7" x14ac:dyDescent="0.3">
      <c r="A42867" s="13" t="s">
        <v>251</v>
      </c>
      <c r="B42867" s="14" t="s">
        <v>1</v>
      </c>
      <c r="C42867" s="14" t="s">
        <v>252</v>
      </c>
      <c r="D42867" s="14" t="s">
        <v>244</v>
      </c>
      <c r="E42867" s="15">
        <v>45538</v>
      </c>
      <c r="F42867" s="14" t="s">
        <v>61</v>
      </c>
      <c r="G42867" s="16">
        <v>0</v>
      </c>
    </row>
    <row r="42868" spans="1:7" x14ac:dyDescent="0.3">
      <c r="A42868" s="13" t="s">
        <v>251</v>
      </c>
      <c r="B42868" s="14" t="s">
        <v>1</v>
      </c>
      <c r="C42868" s="14" t="s">
        <v>252</v>
      </c>
      <c r="D42868" s="14" t="s">
        <v>244</v>
      </c>
      <c r="E42868" s="15">
        <v>45539</v>
      </c>
      <c r="F42868" s="14" t="s">
        <v>61</v>
      </c>
      <c r="G42868" s="16">
        <v>0</v>
      </c>
    </row>
    <row r="42869" spans="1:7" x14ac:dyDescent="0.3">
      <c r="A42869" s="13" t="s">
        <v>251</v>
      </c>
      <c r="B42869" s="14" t="s">
        <v>1</v>
      </c>
      <c r="C42869" s="14" t="s">
        <v>252</v>
      </c>
      <c r="D42869" s="14" t="s">
        <v>244</v>
      </c>
      <c r="E42869" s="15">
        <v>45540</v>
      </c>
      <c r="F42869" s="14" t="s">
        <v>61</v>
      </c>
      <c r="G42869" s="16">
        <v>0</v>
      </c>
    </row>
    <row r="42870" spans="1:7" x14ac:dyDescent="0.3">
      <c r="A42870" s="13" t="s">
        <v>251</v>
      </c>
      <c r="B42870" s="14" t="s">
        <v>1</v>
      </c>
      <c r="C42870" s="14" t="s">
        <v>252</v>
      </c>
      <c r="D42870" s="14" t="s">
        <v>244</v>
      </c>
      <c r="E42870" s="15">
        <v>45541</v>
      </c>
      <c r="F42870" s="14" t="s">
        <v>61</v>
      </c>
      <c r="G42870" s="16">
        <v>0</v>
      </c>
    </row>
    <row r="42871" spans="1:7" x14ac:dyDescent="0.3">
      <c r="A42871" s="13" t="s">
        <v>251</v>
      </c>
      <c r="B42871" s="14" t="s">
        <v>1</v>
      </c>
      <c r="C42871" s="14" t="s">
        <v>252</v>
      </c>
      <c r="D42871" s="14" t="s">
        <v>244</v>
      </c>
      <c r="E42871" s="15">
        <v>45542</v>
      </c>
      <c r="F42871" s="14" t="s">
        <v>61</v>
      </c>
      <c r="G42871" s="16">
        <v>0</v>
      </c>
    </row>
    <row r="42872" spans="1:7" x14ac:dyDescent="0.3">
      <c r="A42872" s="13" t="s">
        <v>251</v>
      </c>
      <c r="B42872" s="14" t="s">
        <v>1</v>
      </c>
      <c r="C42872" s="14" t="s">
        <v>252</v>
      </c>
      <c r="D42872" s="14" t="s">
        <v>244</v>
      </c>
      <c r="E42872" s="15">
        <v>45543</v>
      </c>
      <c r="F42872" s="14" t="s">
        <v>61</v>
      </c>
      <c r="G42872" s="16">
        <v>0</v>
      </c>
    </row>
    <row r="42873" spans="1:7" x14ac:dyDescent="0.3">
      <c r="A42873" s="13" t="s">
        <v>251</v>
      </c>
      <c r="B42873" s="14" t="s">
        <v>1</v>
      </c>
      <c r="C42873" s="14" t="s">
        <v>252</v>
      </c>
      <c r="D42873" s="14" t="s">
        <v>244</v>
      </c>
      <c r="E42873" s="15">
        <v>45544</v>
      </c>
      <c r="F42873" s="14" t="s">
        <v>61</v>
      </c>
      <c r="G42873" s="16">
        <v>0</v>
      </c>
    </row>
    <row r="42874" spans="1:7" x14ac:dyDescent="0.3">
      <c r="A42874" s="13" t="s">
        <v>251</v>
      </c>
      <c r="B42874" s="14" t="s">
        <v>1</v>
      </c>
      <c r="C42874" s="14" t="s">
        <v>252</v>
      </c>
      <c r="D42874" s="14" t="s">
        <v>244</v>
      </c>
      <c r="E42874" s="15">
        <v>45545</v>
      </c>
      <c r="F42874" s="14" t="s">
        <v>61</v>
      </c>
      <c r="G42874" s="16">
        <v>0</v>
      </c>
    </row>
    <row r="42875" spans="1:7" x14ac:dyDescent="0.3">
      <c r="A42875" s="13" t="s">
        <v>251</v>
      </c>
      <c r="B42875" s="14" t="s">
        <v>1</v>
      </c>
      <c r="C42875" s="14" t="s">
        <v>252</v>
      </c>
      <c r="D42875" s="14" t="s">
        <v>244</v>
      </c>
      <c r="E42875" s="15">
        <v>45546</v>
      </c>
      <c r="F42875" s="14" t="s">
        <v>61</v>
      </c>
      <c r="G42875" s="16">
        <v>0</v>
      </c>
    </row>
    <row r="42876" spans="1:7" x14ac:dyDescent="0.3">
      <c r="A42876" s="13" t="s">
        <v>251</v>
      </c>
      <c r="B42876" s="14" t="s">
        <v>1</v>
      </c>
      <c r="C42876" s="14" t="s">
        <v>252</v>
      </c>
      <c r="D42876" s="14" t="s">
        <v>244</v>
      </c>
      <c r="E42876" s="15">
        <v>45547</v>
      </c>
      <c r="F42876" s="14" t="s">
        <v>61</v>
      </c>
      <c r="G42876" s="16">
        <v>0</v>
      </c>
    </row>
    <row r="42877" spans="1:7" x14ac:dyDescent="0.3">
      <c r="A42877" s="13" t="s">
        <v>251</v>
      </c>
      <c r="B42877" s="14" t="s">
        <v>1</v>
      </c>
      <c r="C42877" s="14" t="s">
        <v>252</v>
      </c>
      <c r="D42877" s="14" t="s">
        <v>244</v>
      </c>
      <c r="E42877" s="15">
        <v>45548</v>
      </c>
      <c r="F42877" s="14" t="s">
        <v>61</v>
      </c>
      <c r="G42877" s="16">
        <v>0</v>
      </c>
    </row>
    <row r="42878" spans="1:7" x14ac:dyDescent="0.3">
      <c r="A42878" s="13" t="s">
        <v>251</v>
      </c>
      <c r="B42878" s="14" t="s">
        <v>1</v>
      </c>
      <c r="C42878" s="14" t="s">
        <v>252</v>
      </c>
      <c r="D42878" s="14" t="s">
        <v>244</v>
      </c>
      <c r="E42878" s="15">
        <v>45549</v>
      </c>
      <c r="F42878" s="14" t="s">
        <v>61</v>
      </c>
      <c r="G42878" s="16">
        <v>0</v>
      </c>
    </row>
    <row r="42879" spans="1:7" x14ac:dyDescent="0.3">
      <c r="A42879" s="13" t="s">
        <v>251</v>
      </c>
      <c r="B42879" s="14" t="s">
        <v>1</v>
      </c>
      <c r="C42879" s="14" t="s">
        <v>252</v>
      </c>
      <c r="D42879" s="14" t="s">
        <v>244</v>
      </c>
      <c r="E42879" s="15">
        <v>45550</v>
      </c>
      <c r="F42879" s="14" t="s">
        <v>61</v>
      </c>
      <c r="G42879" s="16">
        <v>0</v>
      </c>
    </row>
    <row r="42880" spans="1:7" x14ac:dyDescent="0.3">
      <c r="A42880" s="13" t="s">
        <v>251</v>
      </c>
      <c r="B42880" s="14" t="s">
        <v>1</v>
      </c>
      <c r="C42880" s="14" t="s">
        <v>252</v>
      </c>
      <c r="D42880" s="14" t="s">
        <v>244</v>
      </c>
      <c r="E42880" s="15">
        <v>45551</v>
      </c>
      <c r="F42880" s="14" t="s">
        <v>61</v>
      </c>
      <c r="G42880" s="16">
        <v>0</v>
      </c>
    </row>
    <row r="42881" spans="1:7" x14ac:dyDescent="0.3">
      <c r="A42881" s="13" t="s">
        <v>251</v>
      </c>
      <c r="B42881" s="14" t="s">
        <v>1</v>
      </c>
      <c r="C42881" s="14" t="s">
        <v>252</v>
      </c>
      <c r="D42881" s="14" t="s">
        <v>244</v>
      </c>
      <c r="E42881" s="15">
        <v>45552</v>
      </c>
      <c r="F42881" s="14" t="s">
        <v>61</v>
      </c>
      <c r="G42881" s="16">
        <v>0</v>
      </c>
    </row>
    <row r="42882" spans="1:7" x14ac:dyDescent="0.3">
      <c r="A42882" s="13" t="s">
        <v>251</v>
      </c>
      <c r="B42882" s="14" t="s">
        <v>1</v>
      </c>
      <c r="C42882" s="14" t="s">
        <v>252</v>
      </c>
      <c r="D42882" s="14" t="s">
        <v>244</v>
      </c>
      <c r="E42882" s="15">
        <v>45553</v>
      </c>
      <c r="F42882" s="14" t="s">
        <v>61</v>
      </c>
      <c r="G42882" s="16">
        <v>0</v>
      </c>
    </row>
    <row r="42883" spans="1:7" x14ac:dyDescent="0.3">
      <c r="A42883" s="13" t="s">
        <v>251</v>
      </c>
      <c r="B42883" s="14" t="s">
        <v>1</v>
      </c>
      <c r="C42883" s="14" t="s">
        <v>252</v>
      </c>
      <c r="D42883" s="14" t="s">
        <v>244</v>
      </c>
      <c r="E42883" s="15">
        <v>45554</v>
      </c>
      <c r="F42883" s="14" t="s">
        <v>61</v>
      </c>
      <c r="G42883" s="16">
        <v>0</v>
      </c>
    </row>
    <row r="42884" spans="1:7" x14ac:dyDescent="0.3">
      <c r="A42884" s="13" t="s">
        <v>251</v>
      </c>
      <c r="B42884" s="14" t="s">
        <v>1</v>
      </c>
      <c r="C42884" s="14" t="s">
        <v>252</v>
      </c>
      <c r="D42884" s="14" t="s">
        <v>244</v>
      </c>
      <c r="E42884" s="15">
        <v>45555</v>
      </c>
      <c r="F42884" s="14" t="s">
        <v>61</v>
      </c>
      <c r="G42884" s="16">
        <v>0</v>
      </c>
    </row>
    <row r="42885" spans="1:7" x14ac:dyDescent="0.3">
      <c r="A42885" s="13" t="s">
        <v>251</v>
      </c>
      <c r="B42885" s="14" t="s">
        <v>1</v>
      </c>
      <c r="C42885" s="14" t="s">
        <v>252</v>
      </c>
      <c r="D42885" s="14" t="s">
        <v>244</v>
      </c>
      <c r="E42885" s="15">
        <v>45556</v>
      </c>
      <c r="F42885" s="14" t="s">
        <v>61</v>
      </c>
      <c r="G42885" s="16">
        <v>0</v>
      </c>
    </row>
    <row r="42886" spans="1:7" x14ac:dyDescent="0.3">
      <c r="A42886" s="13" t="s">
        <v>251</v>
      </c>
      <c r="B42886" s="14" t="s">
        <v>1</v>
      </c>
      <c r="C42886" s="14" t="s">
        <v>252</v>
      </c>
      <c r="D42886" s="14" t="s">
        <v>244</v>
      </c>
      <c r="E42886" s="15">
        <v>45557</v>
      </c>
      <c r="F42886" s="14" t="s">
        <v>61</v>
      </c>
      <c r="G42886" s="16">
        <v>0</v>
      </c>
    </row>
    <row r="42887" spans="1:7" x14ac:dyDescent="0.3">
      <c r="A42887" s="13" t="s">
        <v>251</v>
      </c>
      <c r="B42887" s="14" t="s">
        <v>1</v>
      </c>
      <c r="C42887" s="14" t="s">
        <v>252</v>
      </c>
      <c r="D42887" s="14" t="s">
        <v>244</v>
      </c>
      <c r="E42887" s="15">
        <v>45558</v>
      </c>
      <c r="F42887" s="14" t="s">
        <v>61</v>
      </c>
      <c r="G42887" s="16">
        <v>0</v>
      </c>
    </row>
    <row r="42888" spans="1:7" x14ac:dyDescent="0.3">
      <c r="A42888" s="13" t="s">
        <v>251</v>
      </c>
      <c r="B42888" s="14" t="s">
        <v>1</v>
      </c>
      <c r="C42888" s="14" t="s">
        <v>252</v>
      </c>
      <c r="D42888" s="14" t="s">
        <v>244</v>
      </c>
      <c r="E42888" s="15">
        <v>45559</v>
      </c>
      <c r="F42888" s="14" t="s">
        <v>61</v>
      </c>
      <c r="G42888" s="16">
        <v>0</v>
      </c>
    </row>
    <row r="42889" spans="1:7" x14ac:dyDescent="0.3">
      <c r="A42889" s="13" t="s">
        <v>251</v>
      </c>
      <c r="B42889" s="14" t="s">
        <v>1</v>
      </c>
      <c r="C42889" s="14" t="s">
        <v>252</v>
      </c>
      <c r="D42889" s="14" t="s">
        <v>244</v>
      </c>
      <c r="E42889" s="15">
        <v>45560</v>
      </c>
      <c r="F42889" s="14" t="s">
        <v>61</v>
      </c>
      <c r="G42889" s="16">
        <v>0</v>
      </c>
    </row>
    <row r="42890" spans="1:7" x14ac:dyDescent="0.3">
      <c r="A42890" s="13" t="s">
        <v>251</v>
      </c>
      <c r="B42890" s="14" t="s">
        <v>1</v>
      </c>
      <c r="C42890" s="14" t="s">
        <v>252</v>
      </c>
      <c r="D42890" s="14" t="s">
        <v>244</v>
      </c>
      <c r="E42890" s="15">
        <v>45561</v>
      </c>
      <c r="F42890" s="14" t="s">
        <v>61</v>
      </c>
      <c r="G42890" s="16">
        <v>0</v>
      </c>
    </row>
    <row r="42891" spans="1:7" x14ac:dyDescent="0.3">
      <c r="A42891" s="13" t="s">
        <v>251</v>
      </c>
      <c r="B42891" s="14" t="s">
        <v>1</v>
      </c>
      <c r="C42891" s="14" t="s">
        <v>252</v>
      </c>
      <c r="D42891" s="14" t="s">
        <v>244</v>
      </c>
      <c r="E42891" s="15">
        <v>45562</v>
      </c>
      <c r="F42891" s="14" t="s">
        <v>61</v>
      </c>
      <c r="G42891" s="16">
        <v>0</v>
      </c>
    </row>
    <row r="42892" spans="1:7" x14ac:dyDescent="0.3">
      <c r="A42892" s="13" t="s">
        <v>251</v>
      </c>
      <c r="B42892" s="14" t="s">
        <v>1</v>
      </c>
      <c r="C42892" s="14" t="s">
        <v>252</v>
      </c>
      <c r="D42892" s="14" t="s">
        <v>244</v>
      </c>
      <c r="E42892" s="15">
        <v>45563</v>
      </c>
      <c r="F42892" s="14" t="s">
        <v>61</v>
      </c>
      <c r="G42892" s="16">
        <v>0</v>
      </c>
    </row>
    <row r="42893" spans="1:7" x14ac:dyDescent="0.3">
      <c r="A42893" s="13" t="s">
        <v>251</v>
      </c>
      <c r="B42893" s="14" t="s">
        <v>1</v>
      </c>
      <c r="C42893" s="14" t="s">
        <v>252</v>
      </c>
      <c r="D42893" s="14" t="s">
        <v>244</v>
      </c>
      <c r="E42893" s="15">
        <v>45564</v>
      </c>
      <c r="F42893" s="14" t="s">
        <v>61</v>
      </c>
      <c r="G42893" s="16">
        <v>0</v>
      </c>
    </row>
    <row r="42894" spans="1:7" x14ac:dyDescent="0.3">
      <c r="A42894" s="13" t="s">
        <v>251</v>
      </c>
      <c r="B42894" s="14" t="s">
        <v>1</v>
      </c>
      <c r="C42894" s="14" t="s">
        <v>252</v>
      </c>
      <c r="D42894" s="14" t="s">
        <v>244</v>
      </c>
      <c r="E42894" s="15">
        <v>45565</v>
      </c>
      <c r="F42894" s="14" t="s">
        <v>61</v>
      </c>
      <c r="G42894" s="16">
        <v>0</v>
      </c>
    </row>
    <row r="42895" spans="1:7" x14ac:dyDescent="0.3">
      <c r="A42895" s="13" t="s">
        <v>251</v>
      </c>
      <c r="B42895" s="14" t="s">
        <v>1</v>
      </c>
      <c r="C42895" s="14" t="s">
        <v>252</v>
      </c>
      <c r="D42895" s="14" t="s">
        <v>244</v>
      </c>
      <c r="E42895" s="15">
        <v>45566</v>
      </c>
      <c r="F42895" s="14" t="s">
        <v>61</v>
      </c>
      <c r="G42895" s="16">
        <v>0</v>
      </c>
    </row>
    <row r="42896" spans="1:7" x14ac:dyDescent="0.3">
      <c r="A42896" s="13" t="s">
        <v>251</v>
      </c>
      <c r="B42896" s="14" t="s">
        <v>1</v>
      </c>
      <c r="C42896" s="14" t="s">
        <v>252</v>
      </c>
      <c r="D42896" s="14" t="s">
        <v>244</v>
      </c>
      <c r="E42896" s="15">
        <v>45567</v>
      </c>
      <c r="F42896" s="14" t="s">
        <v>61</v>
      </c>
      <c r="G42896" s="16">
        <v>0</v>
      </c>
    </row>
    <row r="42897" spans="1:7" x14ac:dyDescent="0.3">
      <c r="A42897" s="13" t="s">
        <v>251</v>
      </c>
      <c r="B42897" s="14" t="s">
        <v>1</v>
      </c>
      <c r="C42897" s="14" t="s">
        <v>252</v>
      </c>
      <c r="D42897" s="14" t="s">
        <v>244</v>
      </c>
      <c r="E42897" s="15">
        <v>45568</v>
      </c>
      <c r="F42897" s="14" t="s">
        <v>61</v>
      </c>
      <c r="G42897" s="16">
        <v>0</v>
      </c>
    </row>
    <row r="42898" spans="1:7" x14ac:dyDescent="0.3">
      <c r="A42898" s="13" t="s">
        <v>251</v>
      </c>
      <c r="B42898" s="14" t="s">
        <v>1</v>
      </c>
      <c r="C42898" s="14" t="s">
        <v>252</v>
      </c>
      <c r="D42898" s="14" t="s">
        <v>244</v>
      </c>
      <c r="E42898" s="15">
        <v>45569</v>
      </c>
      <c r="F42898" s="14" t="s">
        <v>61</v>
      </c>
      <c r="G42898" s="16">
        <v>0</v>
      </c>
    </row>
    <row r="42899" spans="1:7" x14ac:dyDescent="0.3">
      <c r="A42899" s="13" t="s">
        <v>251</v>
      </c>
      <c r="B42899" s="14" t="s">
        <v>1</v>
      </c>
      <c r="C42899" s="14" t="s">
        <v>252</v>
      </c>
      <c r="D42899" s="14" t="s">
        <v>244</v>
      </c>
      <c r="E42899" s="15">
        <v>45570</v>
      </c>
      <c r="F42899" s="14" t="s">
        <v>61</v>
      </c>
      <c r="G42899" s="16">
        <v>0</v>
      </c>
    </row>
    <row r="42900" spans="1:7" x14ac:dyDescent="0.3">
      <c r="A42900" s="13" t="s">
        <v>251</v>
      </c>
      <c r="B42900" s="14" t="s">
        <v>1</v>
      </c>
      <c r="C42900" s="14" t="s">
        <v>252</v>
      </c>
      <c r="D42900" s="14" t="s">
        <v>244</v>
      </c>
      <c r="E42900" s="15">
        <v>45571</v>
      </c>
      <c r="F42900" s="14" t="s">
        <v>61</v>
      </c>
      <c r="G42900" s="16">
        <v>0</v>
      </c>
    </row>
    <row r="42901" spans="1:7" x14ac:dyDescent="0.3">
      <c r="A42901" s="13" t="s">
        <v>251</v>
      </c>
      <c r="B42901" s="14" t="s">
        <v>1</v>
      </c>
      <c r="C42901" s="14" t="s">
        <v>252</v>
      </c>
      <c r="D42901" s="14" t="s">
        <v>244</v>
      </c>
      <c r="E42901" s="15">
        <v>45572</v>
      </c>
      <c r="F42901" s="14" t="s">
        <v>61</v>
      </c>
      <c r="G42901" s="16">
        <v>0</v>
      </c>
    </row>
    <row r="42902" spans="1:7" x14ac:dyDescent="0.3">
      <c r="A42902" s="13" t="s">
        <v>251</v>
      </c>
      <c r="B42902" s="14" t="s">
        <v>1</v>
      </c>
      <c r="C42902" s="14" t="s">
        <v>252</v>
      </c>
      <c r="D42902" s="14" t="s">
        <v>244</v>
      </c>
      <c r="E42902" s="15">
        <v>45573</v>
      </c>
      <c r="F42902" s="14" t="s">
        <v>61</v>
      </c>
      <c r="G42902" s="16">
        <v>0</v>
      </c>
    </row>
    <row r="42903" spans="1:7" x14ac:dyDescent="0.3">
      <c r="A42903" s="13" t="s">
        <v>251</v>
      </c>
      <c r="B42903" s="14" t="s">
        <v>1</v>
      </c>
      <c r="C42903" s="14" t="s">
        <v>252</v>
      </c>
      <c r="D42903" s="14" t="s">
        <v>244</v>
      </c>
      <c r="E42903" s="15">
        <v>45574</v>
      </c>
      <c r="F42903" s="14" t="s">
        <v>61</v>
      </c>
      <c r="G42903" s="16">
        <v>0</v>
      </c>
    </row>
    <row r="42904" spans="1:7" x14ac:dyDescent="0.3">
      <c r="A42904" s="13" t="s">
        <v>251</v>
      </c>
      <c r="B42904" s="14" t="s">
        <v>1</v>
      </c>
      <c r="C42904" s="14" t="s">
        <v>252</v>
      </c>
      <c r="D42904" s="14" t="s">
        <v>244</v>
      </c>
      <c r="E42904" s="15">
        <v>45575</v>
      </c>
      <c r="F42904" s="14" t="s">
        <v>61</v>
      </c>
      <c r="G42904" s="16">
        <v>0</v>
      </c>
    </row>
    <row r="42905" spans="1:7" x14ac:dyDescent="0.3">
      <c r="A42905" s="13" t="s">
        <v>251</v>
      </c>
      <c r="B42905" s="14" t="s">
        <v>1</v>
      </c>
      <c r="C42905" s="14" t="s">
        <v>252</v>
      </c>
      <c r="D42905" s="14" t="s">
        <v>244</v>
      </c>
      <c r="E42905" s="15">
        <v>45576</v>
      </c>
      <c r="F42905" s="14" t="s">
        <v>61</v>
      </c>
      <c r="G42905" s="16">
        <v>0</v>
      </c>
    </row>
    <row r="42906" spans="1:7" x14ac:dyDescent="0.3">
      <c r="A42906" s="13" t="s">
        <v>251</v>
      </c>
      <c r="B42906" s="14" t="s">
        <v>1</v>
      </c>
      <c r="C42906" s="14" t="s">
        <v>252</v>
      </c>
      <c r="D42906" s="14" t="s">
        <v>244</v>
      </c>
      <c r="E42906" s="15">
        <v>45577</v>
      </c>
      <c r="F42906" s="14" t="s">
        <v>61</v>
      </c>
      <c r="G42906" s="16">
        <v>0</v>
      </c>
    </row>
    <row r="42907" spans="1:7" x14ac:dyDescent="0.3">
      <c r="A42907" s="13" t="s">
        <v>251</v>
      </c>
      <c r="B42907" s="14" t="s">
        <v>1</v>
      </c>
      <c r="C42907" s="14" t="s">
        <v>252</v>
      </c>
      <c r="D42907" s="14" t="s">
        <v>244</v>
      </c>
      <c r="E42907" s="15">
        <v>45578</v>
      </c>
      <c r="F42907" s="14" t="s">
        <v>61</v>
      </c>
      <c r="G42907" s="16">
        <v>0</v>
      </c>
    </row>
    <row r="42908" spans="1:7" x14ac:dyDescent="0.3">
      <c r="A42908" s="13" t="s">
        <v>251</v>
      </c>
      <c r="B42908" s="14" t="s">
        <v>1</v>
      </c>
      <c r="C42908" s="14" t="s">
        <v>252</v>
      </c>
      <c r="D42908" s="14" t="s">
        <v>244</v>
      </c>
      <c r="E42908" s="15">
        <v>45579</v>
      </c>
      <c r="F42908" s="14" t="s">
        <v>61</v>
      </c>
      <c r="G42908" s="16">
        <v>0</v>
      </c>
    </row>
    <row r="42909" spans="1:7" x14ac:dyDescent="0.3">
      <c r="A42909" s="13" t="s">
        <v>251</v>
      </c>
      <c r="B42909" s="14" t="s">
        <v>1</v>
      </c>
      <c r="C42909" s="14" t="s">
        <v>252</v>
      </c>
      <c r="D42909" s="14" t="s">
        <v>244</v>
      </c>
      <c r="E42909" s="15">
        <v>45580</v>
      </c>
      <c r="F42909" s="14" t="s">
        <v>61</v>
      </c>
      <c r="G42909" s="16">
        <v>0</v>
      </c>
    </row>
    <row r="42910" spans="1:7" x14ac:dyDescent="0.3">
      <c r="A42910" s="13" t="s">
        <v>251</v>
      </c>
      <c r="B42910" s="14" t="s">
        <v>1</v>
      </c>
      <c r="C42910" s="14" t="s">
        <v>252</v>
      </c>
      <c r="D42910" s="14" t="s">
        <v>244</v>
      </c>
      <c r="E42910" s="15">
        <v>45581</v>
      </c>
      <c r="F42910" s="14" t="s">
        <v>61</v>
      </c>
      <c r="G42910" s="16">
        <v>0</v>
      </c>
    </row>
    <row r="42911" spans="1:7" x14ac:dyDescent="0.3">
      <c r="A42911" s="13" t="s">
        <v>251</v>
      </c>
      <c r="B42911" s="14" t="s">
        <v>1</v>
      </c>
      <c r="C42911" s="14" t="s">
        <v>252</v>
      </c>
      <c r="D42911" s="14" t="s">
        <v>244</v>
      </c>
      <c r="E42911" s="15">
        <v>45582</v>
      </c>
      <c r="F42911" s="14" t="s">
        <v>61</v>
      </c>
      <c r="G42911" s="16">
        <v>0</v>
      </c>
    </row>
    <row r="42912" spans="1:7" x14ac:dyDescent="0.3">
      <c r="A42912" s="13" t="s">
        <v>251</v>
      </c>
      <c r="B42912" s="14" t="s">
        <v>1</v>
      </c>
      <c r="C42912" s="14" t="s">
        <v>252</v>
      </c>
      <c r="D42912" s="14" t="s">
        <v>244</v>
      </c>
      <c r="E42912" s="15">
        <v>45583</v>
      </c>
      <c r="F42912" s="14" t="s">
        <v>61</v>
      </c>
      <c r="G42912" s="16">
        <v>0</v>
      </c>
    </row>
    <row r="42913" spans="1:7" x14ac:dyDescent="0.3">
      <c r="A42913" s="13" t="s">
        <v>251</v>
      </c>
      <c r="B42913" s="14" t="s">
        <v>1</v>
      </c>
      <c r="C42913" s="14" t="s">
        <v>252</v>
      </c>
      <c r="D42913" s="14" t="s">
        <v>244</v>
      </c>
      <c r="E42913" s="15">
        <v>45584</v>
      </c>
      <c r="F42913" s="14" t="s">
        <v>61</v>
      </c>
      <c r="G42913" s="16">
        <v>0</v>
      </c>
    </row>
    <row r="42914" spans="1:7" x14ac:dyDescent="0.3">
      <c r="A42914" s="13" t="s">
        <v>251</v>
      </c>
      <c r="B42914" s="14" t="s">
        <v>1</v>
      </c>
      <c r="C42914" s="14" t="s">
        <v>252</v>
      </c>
      <c r="D42914" s="14" t="s">
        <v>244</v>
      </c>
      <c r="E42914" s="15">
        <v>45585</v>
      </c>
      <c r="F42914" s="14" t="s">
        <v>61</v>
      </c>
      <c r="G42914" s="16">
        <v>0</v>
      </c>
    </row>
    <row r="42915" spans="1:7" x14ac:dyDescent="0.3">
      <c r="A42915" s="13" t="s">
        <v>251</v>
      </c>
      <c r="B42915" s="14" t="s">
        <v>1</v>
      </c>
      <c r="C42915" s="14" t="s">
        <v>252</v>
      </c>
      <c r="D42915" s="14" t="s">
        <v>244</v>
      </c>
      <c r="E42915" s="15">
        <v>45586</v>
      </c>
      <c r="F42915" s="14" t="s">
        <v>61</v>
      </c>
      <c r="G42915" s="16">
        <v>0</v>
      </c>
    </row>
    <row r="42916" spans="1:7" x14ac:dyDescent="0.3">
      <c r="A42916" s="13" t="s">
        <v>251</v>
      </c>
      <c r="B42916" s="14" t="s">
        <v>1</v>
      </c>
      <c r="C42916" s="14" t="s">
        <v>252</v>
      </c>
      <c r="D42916" s="14" t="s">
        <v>244</v>
      </c>
      <c r="E42916" s="15">
        <v>45587</v>
      </c>
      <c r="F42916" s="14" t="s">
        <v>61</v>
      </c>
      <c r="G42916" s="16">
        <v>0</v>
      </c>
    </row>
    <row r="42917" spans="1:7" x14ac:dyDescent="0.3">
      <c r="A42917" s="13" t="s">
        <v>251</v>
      </c>
      <c r="B42917" s="14" t="s">
        <v>1</v>
      </c>
      <c r="C42917" s="14" t="s">
        <v>252</v>
      </c>
      <c r="D42917" s="14" t="s">
        <v>244</v>
      </c>
      <c r="E42917" s="15">
        <v>45588</v>
      </c>
      <c r="F42917" s="14" t="s">
        <v>61</v>
      </c>
      <c r="G42917" s="16">
        <v>0</v>
      </c>
    </row>
    <row r="42918" spans="1:7" x14ac:dyDescent="0.3">
      <c r="A42918" s="13" t="s">
        <v>251</v>
      </c>
      <c r="B42918" s="14" t="s">
        <v>1</v>
      </c>
      <c r="C42918" s="14" t="s">
        <v>252</v>
      </c>
      <c r="D42918" s="14" t="s">
        <v>244</v>
      </c>
      <c r="E42918" s="15">
        <v>45589</v>
      </c>
      <c r="F42918" s="14" t="s">
        <v>61</v>
      </c>
      <c r="G42918" s="16">
        <v>0</v>
      </c>
    </row>
    <row r="42919" spans="1:7" x14ac:dyDescent="0.3">
      <c r="A42919" s="13" t="s">
        <v>251</v>
      </c>
      <c r="B42919" s="14" t="s">
        <v>1</v>
      </c>
      <c r="C42919" s="14" t="s">
        <v>252</v>
      </c>
      <c r="D42919" s="14" t="s">
        <v>244</v>
      </c>
      <c r="E42919" s="15">
        <v>45590</v>
      </c>
      <c r="F42919" s="14" t="s">
        <v>61</v>
      </c>
      <c r="G42919" s="16">
        <v>0</v>
      </c>
    </row>
    <row r="42920" spans="1:7" x14ac:dyDescent="0.3">
      <c r="A42920" s="13" t="s">
        <v>251</v>
      </c>
      <c r="B42920" s="14" t="s">
        <v>1</v>
      </c>
      <c r="C42920" s="14" t="s">
        <v>252</v>
      </c>
      <c r="D42920" s="14" t="s">
        <v>244</v>
      </c>
      <c r="E42920" s="15">
        <v>45591</v>
      </c>
      <c r="F42920" s="14" t="s">
        <v>61</v>
      </c>
      <c r="G42920" s="16">
        <v>0</v>
      </c>
    </row>
    <row r="42921" spans="1:7" x14ac:dyDescent="0.3">
      <c r="A42921" s="13" t="s">
        <v>251</v>
      </c>
      <c r="B42921" s="14" t="s">
        <v>1</v>
      </c>
      <c r="C42921" s="14" t="s">
        <v>252</v>
      </c>
      <c r="D42921" s="14" t="s">
        <v>244</v>
      </c>
      <c r="E42921" s="15">
        <v>45592</v>
      </c>
      <c r="F42921" s="14" t="s">
        <v>61</v>
      </c>
      <c r="G42921" s="16">
        <v>0</v>
      </c>
    </row>
    <row r="42922" spans="1:7" x14ac:dyDescent="0.3">
      <c r="A42922" s="13" t="s">
        <v>251</v>
      </c>
      <c r="B42922" s="14" t="s">
        <v>1</v>
      </c>
      <c r="C42922" s="14" t="s">
        <v>252</v>
      </c>
      <c r="D42922" s="14" t="s">
        <v>244</v>
      </c>
      <c r="E42922" s="15">
        <v>45593</v>
      </c>
      <c r="F42922" s="14" t="s">
        <v>61</v>
      </c>
      <c r="G42922" s="16">
        <v>0</v>
      </c>
    </row>
    <row r="42923" spans="1:7" x14ac:dyDescent="0.3">
      <c r="A42923" s="13" t="s">
        <v>251</v>
      </c>
      <c r="B42923" s="14" t="s">
        <v>1</v>
      </c>
      <c r="C42923" s="14" t="s">
        <v>252</v>
      </c>
      <c r="D42923" s="14" t="s">
        <v>244</v>
      </c>
      <c r="E42923" s="15">
        <v>45594</v>
      </c>
      <c r="F42923" s="14" t="s">
        <v>61</v>
      </c>
      <c r="G42923" s="16">
        <v>0</v>
      </c>
    </row>
    <row r="42924" spans="1:7" x14ac:dyDescent="0.3">
      <c r="A42924" s="13" t="s">
        <v>251</v>
      </c>
      <c r="B42924" s="14" t="s">
        <v>1</v>
      </c>
      <c r="C42924" s="14" t="s">
        <v>252</v>
      </c>
      <c r="D42924" s="14" t="s">
        <v>244</v>
      </c>
      <c r="E42924" s="15">
        <v>45595</v>
      </c>
      <c r="F42924" s="14" t="s">
        <v>61</v>
      </c>
      <c r="G42924" s="16">
        <v>0</v>
      </c>
    </row>
    <row r="42925" spans="1:7" x14ac:dyDescent="0.3">
      <c r="A42925" s="13" t="s">
        <v>251</v>
      </c>
      <c r="B42925" s="14" t="s">
        <v>1</v>
      </c>
      <c r="C42925" s="14" t="s">
        <v>252</v>
      </c>
      <c r="D42925" s="14" t="s">
        <v>244</v>
      </c>
      <c r="E42925" s="15">
        <v>45596</v>
      </c>
      <c r="F42925" s="14" t="s">
        <v>61</v>
      </c>
      <c r="G42925" s="16">
        <v>0</v>
      </c>
    </row>
    <row r="42926" spans="1:7" x14ac:dyDescent="0.3">
      <c r="A42926" s="13" t="s">
        <v>251</v>
      </c>
      <c r="B42926" s="14" t="s">
        <v>1</v>
      </c>
      <c r="C42926" s="14" t="s">
        <v>252</v>
      </c>
      <c r="D42926" s="14" t="s">
        <v>244</v>
      </c>
      <c r="E42926" s="15">
        <v>45597</v>
      </c>
      <c r="F42926" s="14" t="s">
        <v>61</v>
      </c>
      <c r="G42926" s="16">
        <v>0</v>
      </c>
    </row>
    <row r="42927" spans="1:7" x14ac:dyDescent="0.3">
      <c r="A42927" s="13" t="s">
        <v>251</v>
      </c>
      <c r="B42927" s="14" t="s">
        <v>1</v>
      </c>
      <c r="C42927" s="14" t="s">
        <v>252</v>
      </c>
      <c r="D42927" s="14" t="s">
        <v>244</v>
      </c>
      <c r="E42927" s="15">
        <v>45598</v>
      </c>
      <c r="F42927" s="14" t="s">
        <v>61</v>
      </c>
      <c r="G42927" s="16">
        <v>0</v>
      </c>
    </row>
    <row r="42928" spans="1:7" x14ac:dyDescent="0.3">
      <c r="A42928" s="13" t="s">
        <v>251</v>
      </c>
      <c r="B42928" s="14" t="s">
        <v>1</v>
      </c>
      <c r="C42928" s="14" t="s">
        <v>252</v>
      </c>
      <c r="D42928" s="14" t="s">
        <v>244</v>
      </c>
      <c r="E42928" s="15">
        <v>45599</v>
      </c>
      <c r="F42928" s="14" t="s">
        <v>61</v>
      </c>
      <c r="G42928" s="16">
        <v>0</v>
      </c>
    </row>
    <row r="42929" spans="1:7" x14ac:dyDescent="0.3">
      <c r="A42929" s="13" t="s">
        <v>251</v>
      </c>
      <c r="B42929" s="14" t="s">
        <v>1</v>
      </c>
      <c r="C42929" s="14" t="s">
        <v>252</v>
      </c>
      <c r="D42929" s="14" t="s">
        <v>244</v>
      </c>
      <c r="E42929" s="15">
        <v>45600</v>
      </c>
      <c r="F42929" s="14" t="s">
        <v>61</v>
      </c>
      <c r="G42929" s="16">
        <v>0</v>
      </c>
    </row>
    <row r="42930" spans="1:7" x14ac:dyDescent="0.3">
      <c r="A42930" s="13" t="s">
        <v>251</v>
      </c>
      <c r="B42930" s="14" t="s">
        <v>1</v>
      </c>
      <c r="C42930" s="14" t="s">
        <v>252</v>
      </c>
      <c r="D42930" s="14" t="s">
        <v>244</v>
      </c>
      <c r="E42930" s="15">
        <v>45601</v>
      </c>
      <c r="F42930" s="14" t="s">
        <v>61</v>
      </c>
      <c r="G42930" s="16">
        <v>0</v>
      </c>
    </row>
    <row r="42931" spans="1:7" x14ac:dyDescent="0.3">
      <c r="A42931" s="13" t="s">
        <v>251</v>
      </c>
      <c r="B42931" s="14" t="s">
        <v>1</v>
      </c>
      <c r="C42931" s="14" t="s">
        <v>252</v>
      </c>
      <c r="D42931" s="14" t="s">
        <v>244</v>
      </c>
      <c r="E42931" s="15">
        <v>45602</v>
      </c>
      <c r="F42931" s="14" t="s">
        <v>61</v>
      </c>
      <c r="G42931" s="16">
        <v>0</v>
      </c>
    </row>
    <row r="42932" spans="1:7" x14ac:dyDescent="0.3">
      <c r="A42932" s="13" t="s">
        <v>251</v>
      </c>
      <c r="B42932" s="14" t="s">
        <v>1</v>
      </c>
      <c r="C42932" s="14" t="s">
        <v>252</v>
      </c>
      <c r="D42932" s="14" t="s">
        <v>244</v>
      </c>
      <c r="E42932" s="15">
        <v>45603</v>
      </c>
      <c r="F42932" s="14" t="s">
        <v>61</v>
      </c>
      <c r="G42932" s="16">
        <v>0</v>
      </c>
    </row>
    <row r="42933" spans="1:7" x14ac:dyDescent="0.3">
      <c r="A42933" s="13" t="s">
        <v>251</v>
      </c>
      <c r="B42933" s="14" t="s">
        <v>1</v>
      </c>
      <c r="C42933" s="14" t="s">
        <v>252</v>
      </c>
      <c r="D42933" s="14" t="s">
        <v>244</v>
      </c>
      <c r="E42933" s="15">
        <v>45604</v>
      </c>
      <c r="F42933" s="14" t="s">
        <v>61</v>
      </c>
      <c r="G42933" s="16">
        <v>0</v>
      </c>
    </row>
    <row r="42934" spans="1:7" x14ac:dyDescent="0.3">
      <c r="A42934" s="13" t="s">
        <v>251</v>
      </c>
      <c r="B42934" s="14" t="s">
        <v>1</v>
      </c>
      <c r="C42934" s="14" t="s">
        <v>252</v>
      </c>
      <c r="D42934" s="14" t="s">
        <v>244</v>
      </c>
      <c r="E42934" s="15">
        <v>45605</v>
      </c>
      <c r="F42934" s="14" t="s">
        <v>61</v>
      </c>
      <c r="G42934" s="16">
        <v>0</v>
      </c>
    </row>
    <row r="42935" spans="1:7" x14ac:dyDescent="0.3">
      <c r="A42935" s="13" t="s">
        <v>251</v>
      </c>
      <c r="B42935" s="14" t="s">
        <v>1</v>
      </c>
      <c r="C42935" s="14" t="s">
        <v>252</v>
      </c>
      <c r="D42935" s="14" t="s">
        <v>244</v>
      </c>
      <c r="E42935" s="15">
        <v>45606</v>
      </c>
      <c r="F42935" s="14" t="s">
        <v>61</v>
      </c>
      <c r="G42935" s="16">
        <v>0</v>
      </c>
    </row>
    <row r="42936" spans="1:7" x14ac:dyDescent="0.3">
      <c r="A42936" s="13" t="s">
        <v>251</v>
      </c>
      <c r="B42936" s="14" t="s">
        <v>1</v>
      </c>
      <c r="C42936" s="14" t="s">
        <v>252</v>
      </c>
      <c r="D42936" s="14" t="s">
        <v>244</v>
      </c>
      <c r="E42936" s="15">
        <v>45607</v>
      </c>
      <c r="F42936" s="14" t="s">
        <v>61</v>
      </c>
      <c r="G42936" s="16">
        <v>0</v>
      </c>
    </row>
    <row r="42937" spans="1:7" x14ac:dyDescent="0.3">
      <c r="A42937" s="13" t="s">
        <v>251</v>
      </c>
      <c r="B42937" s="14" t="s">
        <v>1</v>
      </c>
      <c r="C42937" s="14" t="s">
        <v>252</v>
      </c>
      <c r="D42937" s="14" t="s">
        <v>244</v>
      </c>
      <c r="E42937" s="15">
        <v>45608</v>
      </c>
      <c r="F42937" s="14" t="s">
        <v>61</v>
      </c>
      <c r="G42937" s="16">
        <v>0</v>
      </c>
    </row>
    <row r="42938" spans="1:7" x14ac:dyDescent="0.3">
      <c r="A42938" s="13" t="s">
        <v>251</v>
      </c>
      <c r="B42938" s="14" t="s">
        <v>1</v>
      </c>
      <c r="C42938" s="14" t="s">
        <v>252</v>
      </c>
      <c r="D42938" s="14" t="s">
        <v>244</v>
      </c>
      <c r="E42938" s="15">
        <v>45609</v>
      </c>
      <c r="F42938" s="14" t="s">
        <v>61</v>
      </c>
      <c r="G42938" s="16">
        <v>0</v>
      </c>
    </row>
    <row r="42939" spans="1:7" x14ac:dyDescent="0.3">
      <c r="A42939" s="13" t="s">
        <v>251</v>
      </c>
      <c r="B42939" s="14" t="s">
        <v>1</v>
      </c>
      <c r="C42939" s="14" t="s">
        <v>252</v>
      </c>
      <c r="D42939" s="14" t="s">
        <v>244</v>
      </c>
      <c r="E42939" s="15">
        <v>45610</v>
      </c>
      <c r="F42939" s="14" t="s">
        <v>61</v>
      </c>
      <c r="G42939" s="16">
        <v>0</v>
      </c>
    </row>
    <row r="42940" spans="1:7" x14ac:dyDescent="0.3">
      <c r="A42940" s="13" t="s">
        <v>251</v>
      </c>
      <c r="B42940" s="14" t="s">
        <v>1</v>
      </c>
      <c r="C42940" s="14" t="s">
        <v>252</v>
      </c>
      <c r="D42940" s="14" t="s">
        <v>244</v>
      </c>
      <c r="E42940" s="15">
        <v>45611</v>
      </c>
      <c r="F42940" s="14" t="s">
        <v>61</v>
      </c>
      <c r="G42940" s="16">
        <v>0</v>
      </c>
    </row>
    <row r="42941" spans="1:7" x14ac:dyDescent="0.3">
      <c r="A42941" s="13" t="s">
        <v>251</v>
      </c>
      <c r="B42941" s="14" t="s">
        <v>1</v>
      </c>
      <c r="C42941" s="14" t="s">
        <v>252</v>
      </c>
      <c r="D42941" s="14" t="s">
        <v>244</v>
      </c>
      <c r="E42941" s="15">
        <v>45612</v>
      </c>
      <c r="F42941" s="14" t="s">
        <v>61</v>
      </c>
      <c r="G42941" s="16">
        <v>0</v>
      </c>
    </row>
    <row r="42942" spans="1:7" x14ac:dyDescent="0.3">
      <c r="A42942" s="13" t="s">
        <v>251</v>
      </c>
      <c r="B42942" s="14" t="s">
        <v>1</v>
      </c>
      <c r="C42942" s="14" t="s">
        <v>252</v>
      </c>
      <c r="D42942" s="14" t="s">
        <v>244</v>
      </c>
      <c r="E42942" s="15">
        <v>45613</v>
      </c>
      <c r="F42942" s="14" t="s">
        <v>61</v>
      </c>
      <c r="G42942" s="16">
        <v>0</v>
      </c>
    </row>
    <row r="42943" spans="1:7" x14ac:dyDescent="0.3">
      <c r="A42943" s="13" t="s">
        <v>251</v>
      </c>
      <c r="B42943" s="14" t="s">
        <v>1</v>
      </c>
      <c r="C42943" s="14" t="s">
        <v>252</v>
      </c>
      <c r="D42943" s="14" t="s">
        <v>244</v>
      </c>
      <c r="E42943" s="15">
        <v>45614</v>
      </c>
      <c r="F42943" s="14" t="s">
        <v>61</v>
      </c>
      <c r="G42943" s="16">
        <v>0</v>
      </c>
    </row>
    <row r="42944" spans="1:7" x14ac:dyDescent="0.3">
      <c r="A42944" s="13" t="s">
        <v>251</v>
      </c>
      <c r="B42944" s="14" t="s">
        <v>1</v>
      </c>
      <c r="C42944" s="14" t="s">
        <v>252</v>
      </c>
      <c r="D42944" s="14" t="s">
        <v>244</v>
      </c>
      <c r="E42944" s="15">
        <v>45615</v>
      </c>
      <c r="F42944" s="14" t="s">
        <v>61</v>
      </c>
      <c r="G42944" s="16">
        <v>0</v>
      </c>
    </row>
    <row r="42945" spans="1:7" x14ac:dyDescent="0.3">
      <c r="A42945" s="13" t="s">
        <v>251</v>
      </c>
      <c r="B42945" s="14" t="s">
        <v>1</v>
      </c>
      <c r="C42945" s="14" t="s">
        <v>252</v>
      </c>
      <c r="D42945" s="14" t="s">
        <v>244</v>
      </c>
      <c r="E42945" s="15">
        <v>45616</v>
      </c>
      <c r="F42945" s="14" t="s">
        <v>61</v>
      </c>
      <c r="G42945" s="16">
        <v>0</v>
      </c>
    </row>
    <row r="42946" spans="1:7" x14ac:dyDescent="0.3">
      <c r="A42946" s="13" t="s">
        <v>251</v>
      </c>
      <c r="B42946" s="14" t="s">
        <v>1</v>
      </c>
      <c r="C42946" s="14" t="s">
        <v>252</v>
      </c>
      <c r="D42946" s="14" t="s">
        <v>244</v>
      </c>
      <c r="E42946" s="15">
        <v>45617</v>
      </c>
      <c r="F42946" s="14" t="s">
        <v>61</v>
      </c>
      <c r="G42946" s="16">
        <v>0</v>
      </c>
    </row>
    <row r="42947" spans="1:7" x14ac:dyDescent="0.3">
      <c r="A42947" s="13" t="s">
        <v>251</v>
      </c>
      <c r="B42947" s="14" t="s">
        <v>1</v>
      </c>
      <c r="C42947" s="14" t="s">
        <v>252</v>
      </c>
      <c r="D42947" s="14" t="s">
        <v>244</v>
      </c>
      <c r="E42947" s="15">
        <v>45618</v>
      </c>
      <c r="F42947" s="14" t="s">
        <v>61</v>
      </c>
      <c r="G42947" s="16">
        <v>0</v>
      </c>
    </row>
    <row r="42948" spans="1:7" x14ac:dyDescent="0.3">
      <c r="A42948" s="13" t="s">
        <v>251</v>
      </c>
      <c r="B42948" s="14" t="s">
        <v>1</v>
      </c>
      <c r="C42948" s="14" t="s">
        <v>252</v>
      </c>
      <c r="D42948" s="14" t="s">
        <v>244</v>
      </c>
      <c r="E42948" s="15">
        <v>45619</v>
      </c>
      <c r="F42948" s="14" t="s">
        <v>61</v>
      </c>
      <c r="G42948" s="16">
        <v>0</v>
      </c>
    </row>
    <row r="42949" spans="1:7" x14ac:dyDescent="0.3">
      <c r="A42949" s="13" t="s">
        <v>251</v>
      </c>
      <c r="B42949" s="14" t="s">
        <v>1</v>
      </c>
      <c r="C42949" s="14" t="s">
        <v>252</v>
      </c>
      <c r="D42949" s="14" t="s">
        <v>244</v>
      </c>
      <c r="E42949" s="15">
        <v>45620</v>
      </c>
      <c r="F42949" s="14" t="s">
        <v>61</v>
      </c>
      <c r="G42949" s="16">
        <v>0</v>
      </c>
    </row>
    <row r="42950" spans="1:7" x14ac:dyDescent="0.3">
      <c r="A42950" s="13" t="s">
        <v>251</v>
      </c>
      <c r="B42950" s="14" t="s">
        <v>1</v>
      </c>
      <c r="C42950" s="14" t="s">
        <v>252</v>
      </c>
      <c r="D42950" s="14" t="s">
        <v>244</v>
      </c>
      <c r="E42950" s="15">
        <v>45621</v>
      </c>
      <c r="F42950" s="14" t="s">
        <v>61</v>
      </c>
      <c r="G42950" s="16">
        <v>0</v>
      </c>
    </row>
    <row r="42951" spans="1:7" x14ac:dyDescent="0.3">
      <c r="A42951" s="13" t="s">
        <v>251</v>
      </c>
      <c r="B42951" s="14" t="s">
        <v>1</v>
      </c>
      <c r="C42951" s="14" t="s">
        <v>252</v>
      </c>
      <c r="D42951" s="14" t="s">
        <v>244</v>
      </c>
      <c r="E42951" s="15">
        <v>45622</v>
      </c>
      <c r="F42951" s="14" t="s">
        <v>61</v>
      </c>
      <c r="G42951" s="16">
        <v>0</v>
      </c>
    </row>
    <row r="42952" spans="1:7" x14ac:dyDescent="0.3">
      <c r="A42952" s="13" t="s">
        <v>251</v>
      </c>
      <c r="B42952" s="14" t="s">
        <v>1</v>
      </c>
      <c r="C42952" s="14" t="s">
        <v>252</v>
      </c>
      <c r="D42952" s="14" t="s">
        <v>244</v>
      </c>
      <c r="E42952" s="15">
        <v>45623</v>
      </c>
      <c r="F42952" s="14" t="s">
        <v>61</v>
      </c>
      <c r="G42952" s="16">
        <v>0</v>
      </c>
    </row>
    <row r="42953" spans="1:7" x14ac:dyDescent="0.3">
      <c r="A42953" s="13" t="s">
        <v>251</v>
      </c>
      <c r="B42953" s="14" t="s">
        <v>1</v>
      </c>
      <c r="C42953" s="14" t="s">
        <v>252</v>
      </c>
      <c r="D42953" s="14" t="s">
        <v>244</v>
      </c>
      <c r="E42953" s="15">
        <v>45624</v>
      </c>
      <c r="F42953" s="14" t="s">
        <v>61</v>
      </c>
      <c r="G42953" s="16">
        <v>0</v>
      </c>
    </row>
    <row r="42954" spans="1:7" x14ac:dyDescent="0.3">
      <c r="A42954" s="13" t="s">
        <v>251</v>
      </c>
      <c r="B42954" s="14" t="s">
        <v>1</v>
      </c>
      <c r="C42954" s="14" t="s">
        <v>252</v>
      </c>
      <c r="D42954" s="14" t="s">
        <v>244</v>
      </c>
      <c r="E42954" s="15">
        <v>45625</v>
      </c>
      <c r="F42954" s="14" t="s">
        <v>61</v>
      </c>
      <c r="G42954" s="16">
        <v>0</v>
      </c>
    </row>
    <row r="42955" spans="1:7" x14ac:dyDescent="0.3">
      <c r="A42955" s="13" t="s">
        <v>251</v>
      </c>
      <c r="B42955" s="14" t="s">
        <v>1</v>
      </c>
      <c r="C42955" s="14" t="s">
        <v>252</v>
      </c>
      <c r="D42955" s="14" t="s">
        <v>244</v>
      </c>
      <c r="E42955" s="15">
        <v>45626</v>
      </c>
      <c r="F42955" s="14" t="s">
        <v>61</v>
      </c>
      <c r="G42955" s="16">
        <v>0</v>
      </c>
    </row>
    <row r="42956" spans="1:7" x14ac:dyDescent="0.3">
      <c r="A42956" s="13" t="s">
        <v>251</v>
      </c>
      <c r="B42956" s="14" t="s">
        <v>1</v>
      </c>
      <c r="C42956" s="14" t="s">
        <v>252</v>
      </c>
      <c r="D42956" s="14" t="s">
        <v>244</v>
      </c>
      <c r="E42956" s="15">
        <v>45627</v>
      </c>
      <c r="F42956" s="14" t="s">
        <v>61</v>
      </c>
      <c r="G42956" s="16">
        <v>0</v>
      </c>
    </row>
    <row r="42957" spans="1:7" x14ac:dyDescent="0.3">
      <c r="A42957" s="13" t="s">
        <v>251</v>
      </c>
      <c r="B42957" s="14" t="s">
        <v>1</v>
      </c>
      <c r="C42957" s="14" t="s">
        <v>252</v>
      </c>
      <c r="D42957" s="14" t="s">
        <v>244</v>
      </c>
      <c r="E42957" s="15">
        <v>45628</v>
      </c>
      <c r="F42957" s="14" t="s">
        <v>61</v>
      </c>
      <c r="G42957" s="16">
        <v>0</v>
      </c>
    </row>
    <row r="42958" spans="1:7" x14ac:dyDescent="0.3">
      <c r="A42958" s="13" t="s">
        <v>251</v>
      </c>
      <c r="B42958" s="14" t="s">
        <v>1</v>
      </c>
      <c r="C42958" s="14" t="s">
        <v>252</v>
      </c>
      <c r="D42958" s="14" t="s">
        <v>244</v>
      </c>
      <c r="E42958" s="15">
        <v>45629</v>
      </c>
      <c r="F42958" s="14" t="s">
        <v>61</v>
      </c>
      <c r="G42958" s="16">
        <v>0</v>
      </c>
    </row>
    <row r="42959" spans="1:7" x14ac:dyDescent="0.3">
      <c r="A42959" s="13" t="s">
        <v>251</v>
      </c>
      <c r="B42959" s="14" t="s">
        <v>1</v>
      </c>
      <c r="C42959" s="14" t="s">
        <v>252</v>
      </c>
      <c r="D42959" s="14" t="s">
        <v>244</v>
      </c>
      <c r="E42959" s="15">
        <v>45630</v>
      </c>
      <c r="F42959" s="14" t="s">
        <v>61</v>
      </c>
      <c r="G42959" s="16">
        <v>0</v>
      </c>
    </row>
    <row r="42960" spans="1:7" x14ac:dyDescent="0.3">
      <c r="A42960" s="13" t="s">
        <v>251</v>
      </c>
      <c r="B42960" s="14" t="s">
        <v>1</v>
      </c>
      <c r="C42960" s="14" t="s">
        <v>252</v>
      </c>
      <c r="D42960" s="14" t="s">
        <v>244</v>
      </c>
      <c r="E42960" s="15">
        <v>45631</v>
      </c>
      <c r="F42960" s="14" t="s">
        <v>61</v>
      </c>
      <c r="G42960" s="16">
        <v>0</v>
      </c>
    </row>
    <row r="42961" spans="1:7" x14ac:dyDescent="0.3">
      <c r="A42961" s="13" t="s">
        <v>251</v>
      </c>
      <c r="B42961" s="14" t="s">
        <v>1</v>
      </c>
      <c r="C42961" s="14" t="s">
        <v>252</v>
      </c>
      <c r="D42961" s="14" t="s">
        <v>244</v>
      </c>
      <c r="E42961" s="15">
        <v>45632</v>
      </c>
      <c r="F42961" s="14" t="s">
        <v>61</v>
      </c>
      <c r="G42961" s="16">
        <v>0</v>
      </c>
    </row>
    <row r="42962" spans="1:7" x14ac:dyDescent="0.3">
      <c r="A42962" s="13" t="s">
        <v>251</v>
      </c>
      <c r="B42962" s="14" t="s">
        <v>1</v>
      </c>
      <c r="C42962" s="14" t="s">
        <v>252</v>
      </c>
      <c r="D42962" s="14" t="s">
        <v>244</v>
      </c>
      <c r="E42962" s="15">
        <v>45633</v>
      </c>
      <c r="F42962" s="14" t="s">
        <v>61</v>
      </c>
      <c r="G42962" s="16">
        <v>0</v>
      </c>
    </row>
    <row r="42963" spans="1:7" x14ac:dyDescent="0.3">
      <c r="A42963" s="13" t="s">
        <v>251</v>
      </c>
      <c r="B42963" s="14" t="s">
        <v>1</v>
      </c>
      <c r="C42963" s="14" t="s">
        <v>252</v>
      </c>
      <c r="D42963" s="14" t="s">
        <v>244</v>
      </c>
      <c r="E42963" s="15">
        <v>45634</v>
      </c>
      <c r="F42963" s="14" t="s">
        <v>61</v>
      </c>
      <c r="G42963" s="16">
        <v>0</v>
      </c>
    </row>
    <row r="42964" spans="1:7" x14ac:dyDescent="0.3">
      <c r="A42964" s="13" t="s">
        <v>251</v>
      </c>
      <c r="B42964" s="14" t="s">
        <v>1</v>
      </c>
      <c r="C42964" s="14" t="s">
        <v>252</v>
      </c>
      <c r="D42964" s="14" t="s">
        <v>244</v>
      </c>
      <c r="E42964" s="15">
        <v>45635</v>
      </c>
      <c r="F42964" s="14" t="s">
        <v>61</v>
      </c>
      <c r="G42964" s="16">
        <v>0</v>
      </c>
    </row>
    <row r="42965" spans="1:7" x14ac:dyDescent="0.3">
      <c r="A42965" s="13" t="s">
        <v>251</v>
      </c>
      <c r="B42965" s="14" t="s">
        <v>1</v>
      </c>
      <c r="C42965" s="14" t="s">
        <v>252</v>
      </c>
      <c r="D42965" s="14" t="s">
        <v>244</v>
      </c>
      <c r="E42965" s="15">
        <v>45636</v>
      </c>
      <c r="F42965" s="14" t="s">
        <v>61</v>
      </c>
      <c r="G42965" s="16">
        <v>0</v>
      </c>
    </row>
    <row r="42966" spans="1:7" x14ac:dyDescent="0.3">
      <c r="A42966" s="13" t="s">
        <v>251</v>
      </c>
      <c r="B42966" s="14" t="s">
        <v>1</v>
      </c>
      <c r="C42966" s="14" t="s">
        <v>252</v>
      </c>
      <c r="D42966" s="14" t="s">
        <v>244</v>
      </c>
      <c r="E42966" s="15">
        <v>45637</v>
      </c>
      <c r="F42966" s="14" t="s">
        <v>61</v>
      </c>
      <c r="G42966" s="16">
        <v>0</v>
      </c>
    </row>
    <row r="42967" spans="1:7" x14ac:dyDescent="0.3">
      <c r="A42967" s="13" t="s">
        <v>251</v>
      </c>
      <c r="B42967" s="14" t="s">
        <v>1</v>
      </c>
      <c r="C42967" s="14" t="s">
        <v>252</v>
      </c>
      <c r="D42967" s="14" t="s">
        <v>244</v>
      </c>
      <c r="E42967" s="15">
        <v>45638</v>
      </c>
      <c r="F42967" s="14" t="s">
        <v>61</v>
      </c>
      <c r="G42967" s="16">
        <v>0</v>
      </c>
    </row>
    <row r="42968" spans="1:7" x14ac:dyDescent="0.3">
      <c r="A42968" s="13" t="s">
        <v>251</v>
      </c>
      <c r="B42968" s="14" t="s">
        <v>1</v>
      </c>
      <c r="C42968" s="14" t="s">
        <v>252</v>
      </c>
      <c r="D42968" s="14" t="s">
        <v>244</v>
      </c>
      <c r="E42968" s="15">
        <v>45639</v>
      </c>
      <c r="F42968" s="14" t="s">
        <v>61</v>
      </c>
      <c r="G42968" s="16">
        <v>0</v>
      </c>
    </row>
    <row r="42969" spans="1:7" x14ac:dyDescent="0.3">
      <c r="A42969" s="13" t="s">
        <v>251</v>
      </c>
      <c r="B42969" s="14" t="s">
        <v>1</v>
      </c>
      <c r="C42969" s="14" t="s">
        <v>252</v>
      </c>
      <c r="D42969" s="14" t="s">
        <v>244</v>
      </c>
      <c r="E42969" s="15">
        <v>45640</v>
      </c>
      <c r="F42969" s="14" t="s">
        <v>61</v>
      </c>
      <c r="G42969" s="16">
        <v>0</v>
      </c>
    </row>
    <row r="42970" spans="1:7" x14ac:dyDescent="0.3">
      <c r="A42970" s="13" t="s">
        <v>251</v>
      </c>
      <c r="B42970" s="14" t="s">
        <v>1</v>
      </c>
      <c r="C42970" s="14" t="s">
        <v>252</v>
      </c>
      <c r="D42970" s="14" t="s">
        <v>244</v>
      </c>
      <c r="E42970" s="15">
        <v>45641</v>
      </c>
      <c r="F42970" s="14" t="s">
        <v>61</v>
      </c>
      <c r="G42970" s="16">
        <v>0</v>
      </c>
    </row>
    <row r="42971" spans="1:7" x14ac:dyDescent="0.3">
      <c r="A42971" s="13" t="s">
        <v>251</v>
      </c>
      <c r="B42971" s="14" t="s">
        <v>1</v>
      </c>
      <c r="C42971" s="14" t="s">
        <v>252</v>
      </c>
      <c r="D42971" s="14" t="s">
        <v>244</v>
      </c>
      <c r="E42971" s="15">
        <v>45642</v>
      </c>
      <c r="F42971" s="14" t="s">
        <v>61</v>
      </c>
      <c r="G42971" s="16">
        <v>0</v>
      </c>
    </row>
    <row r="42972" spans="1:7" x14ac:dyDescent="0.3">
      <c r="A42972" s="13" t="s">
        <v>251</v>
      </c>
      <c r="B42972" s="14" t="s">
        <v>1</v>
      </c>
      <c r="C42972" s="14" t="s">
        <v>252</v>
      </c>
      <c r="D42972" s="14" t="s">
        <v>244</v>
      </c>
      <c r="E42972" s="15">
        <v>45643</v>
      </c>
      <c r="F42972" s="14" t="s">
        <v>61</v>
      </c>
      <c r="G42972" s="16">
        <v>0</v>
      </c>
    </row>
    <row r="42973" spans="1:7" x14ac:dyDescent="0.3">
      <c r="A42973" s="13" t="s">
        <v>251</v>
      </c>
      <c r="B42973" s="14" t="s">
        <v>1</v>
      </c>
      <c r="C42973" s="14" t="s">
        <v>252</v>
      </c>
      <c r="D42973" s="14" t="s">
        <v>244</v>
      </c>
      <c r="E42973" s="15">
        <v>45644</v>
      </c>
      <c r="F42973" s="14" t="s">
        <v>61</v>
      </c>
      <c r="G42973" s="16">
        <v>0</v>
      </c>
    </row>
    <row r="42974" spans="1:7" x14ac:dyDescent="0.3">
      <c r="A42974" s="13" t="s">
        <v>251</v>
      </c>
      <c r="B42974" s="14" t="s">
        <v>1</v>
      </c>
      <c r="C42974" s="14" t="s">
        <v>252</v>
      </c>
      <c r="D42974" s="14" t="s">
        <v>244</v>
      </c>
      <c r="E42974" s="15">
        <v>45645</v>
      </c>
      <c r="F42974" s="14" t="s">
        <v>61</v>
      </c>
      <c r="G42974" s="16">
        <v>0</v>
      </c>
    </row>
    <row r="42975" spans="1:7" x14ac:dyDescent="0.3">
      <c r="A42975" s="13" t="s">
        <v>251</v>
      </c>
      <c r="B42975" s="14" t="s">
        <v>1</v>
      </c>
      <c r="C42975" s="14" t="s">
        <v>252</v>
      </c>
      <c r="D42975" s="14" t="s">
        <v>244</v>
      </c>
      <c r="E42975" s="15">
        <v>45646</v>
      </c>
      <c r="F42975" s="14" t="s">
        <v>61</v>
      </c>
      <c r="G42975" s="16">
        <v>0</v>
      </c>
    </row>
    <row r="42976" spans="1:7" x14ac:dyDescent="0.3">
      <c r="A42976" s="13" t="s">
        <v>251</v>
      </c>
      <c r="B42976" s="14" t="s">
        <v>1</v>
      </c>
      <c r="C42976" s="14" t="s">
        <v>252</v>
      </c>
      <c r="D42976" s="14" t="s">
        <v>244</v>
      </c>
      <c r="E42976" s="15">
        <v>45647</v>
      </c>
      <c r="F42976" s="14" t="s">
        <v>61</v>
      </c>
      <c r="G42976" s="16">
        <v>0</v>
      </c>
    </row>
    <row r="42977" spans="1:7" x14ac:dyDescent="0.3">
      <c r="A42977" s="13" t="s">
        <v>251</v>
      </c>
      <c r="B42977" s="14" t="s">
        <v>1</v>
      </c>
      <c r="C42977" s="14" t="s">
        <v>252</v>
      </c>
      <c r="D42977" s="14" t="s">
        <v>244</v>
      </c>
      <c r="E42977" s="15">
        <v>45648</v>
      </c>
      <c r="F42977" s="14" t="s">
        <v>61</v>
      </c>
      <c r="G42977" s="16">
        <v>0</v>
      </c>
    </row>
    <row r="42978" spans="1:7" x14ac:dyDescent="0.3">
      <c r="A42978" s="13" t="s">
        <v>251</v>
      </c>
      <c r="B42978" s="14" t="s">
        <v>1</v>
      </c>
      <c r="C42978" s="14" t="s">
        <v>252</v>
      </c>
      <c r="D42978" s="14" t="s">
        <v>244</v>
      </c>
      <c r="E42978" s="15">
        <v>45649</v>
      </c>
      <c r="F42978" s="14" t="s">
        <v>61</v>
      </c>
      <c r="G42978" s="16">
        <v>0</v>
      </c>
    </row>
    <row r="42979" spans="1:7" x14ac:dyDescent="0.3">
      <c r="A42979" s="13" t="s">
        <v>251</v>
      </c>
      <c r="B42979" s="14" t="s">
        <v>1</v>
      </c>
      <c r="C42979" s="14" t="s">
        <v>252</v>
      </c>
      <c r="D42979" s="14" t="s">
        <v>244</v>
      </c>
      <c r="E42979" s="15">
        <v>45650</v>
      </c>
      <c r="F42979" s="14" t="s">
        <v>61</v>
      </c>
      <c r="G42979" s="16">
        <v>0</v>
      </c>
    </row>
    <row r="42980" spans="1:7" x14ac:dyDescent="0.3">
      <c r="A42980" s="13" t="s">
        <v>251</v>
      </c>
      <c r="B42980" s="14" t="s">
        <v>1</v>
      </c>
      <c r="C42980" s="14" t="s">
        <v>252</v>
      </c>
      <c r="D42980" s="14" t="s">
        <v>244</v>
      </c>
      <c r="E42980" s="15">
        <v>45651</v>
      </c>
      <c r="F42980" s="14" t="s">
        <v>61</v>
      </c>
      <c r="G42980" s="16">
        <v>0</v>
      </c>
    </row>
    <row r="42981" spans="1:7" x14ac:dyDescent="0.3">
      <c r="A42981" s="13" t="s">
        <v>251</v>
      </c>
      <c r="B42981" s="14" t="s">
        <v>1</v>
      </c>
      <c r="C42981" s="14" t="s">
        <v>252</v>
      </c>
      <c r="D42981" s="14" t="s">
        <v>244</v>
      </c>
      <c r="E42981" s="15">
        <v>45652</v>
      </c>
      <c r="F42981" s="14" t="s">
        <v>61</v>
      </c>
      <c r="G42981" s="16">
        <v>0</v>
      </c>
    </row>
    <row r="42982" spans="1:7" x14ac:dyDescent="0.3">
      <c r="A42982" s="13" t="s">
        <v>251</v>
      </c>
      <c r="B42982" s="14" t="s">
        <v>1</v>
      </c>
      <c r="C42982" s="14" t="s">
        <v>252</v>
      </c>
      <c r="D42982" s="14" t="s">
        <v>244</v>
      </c>
      <c r="E42982" s="15">
        <v>45653</v>
      </c>
      <c r="F42982" s="14" t="s">
        <v>61</v>
      </c>
      <c r="G42982" s="16">
        <v>0</v>
      </c>
    </row>
    <row r="42983" spans="1:7" x14ac:dyDescent="0.3">
      <c r="A42983" s="13" t="s">
        <v>251</v>
      </c>
      <c r="B42983" s="14" t="s">
        <v>1</v>
      </c>
      <c r="C42983" s="14" t="s">
        <v>252</v>
      </c>
      <c r="D42983" s="14" t="s">
        <v>244</v>
      </c>
      <c r="E42983" s="15">
        <v>45654</v>
      </c>
      <c r="F42983" s="14" t="s">
        <v>61</v>
      </c>
      <c r="G42983" s="16">
        <v>0</v>
      </c>
    </row>
    <row r="42984" spans="1:7" x14ac:dyDescent="0.3">
      <c r="A42984" s="13" t="s">
        <v>251</v>
      </c>
      <c r="B42984" s="14" t="s">
        <v>1</v>
      </c>
      <c r="C42984" s="14" t="s">
        <v>252</v>
      </c>
      <c r="D42984" s="14" t="s">
        <v>244</v>
      </c>
      <c r="E42984" s="15">
        <v>45655</v>
      </c>
      <c r="F42984" s="14" t="s">
        <v>61</v>
      </c>
      <c r="G42984" s="16">
        <v>0</v>
      </c>
    </row>
    <row r="42985" spans="1:7" x14ac:dyDescent="0.3">
      <c r="A42985" s="13" t="s">
        <v>251</v>
      </c>
      <c r="B42985" s="14" t="s">
        <v>1</v>
      </c>
      <c r="C42985" s="14" t="s">
        <v>252</v>
      </c>
      <c r="D42985" s="14" t="s">
        <v>244</v>
      </c>
      <c r="E42985" s="15">
        <v>45656</v>
      </c>
      <c r="F42985" s="14" t="s">
        <v>61</v>
      </c>
      <c r="G42985" s="16">
        <v>0</v>
      </c>
    </row>
    <row r="42986" spans="1:7" x14ac:dyDescent="0.3">
      <c r="A42986" s="13" t="s">
        <v>251</v>
      </c>
      <c r="B42986" s="14" t="s">
        <v>1</v>
      </c>
      <c r="C42986" s="14" t="s">
        <v>252</v>
      </c>
      <c r="D42986" s="14" t="s">
        <v>244</v>
      </c>
      <c r="E42986" s="15">
        <v>45657</v>
      </c>
      <c r="F42986" s="14" t="s">
        <v>61</v>
      </c>
      <c r="G42986" s="16">
        <v>0</v>
      </c>
    </row>
    <row r="42987" spans="1:7" x14ac:dyDescent="0.3">
      <c r="A42987" s="13" t="s">
        <v>251</v>
      </c>
      <c r="B42987" s="14" t="s">
        <v>1</v>
      </c>
      <c r="C42987" s="14" t="s">
        <v>252</v>
      </c>
      <c r="D42987" s="14" t="s">
        <v>244</v>
      </c>
      <c r="E42987" s="15">
        <v>45658</v>
      </c>
      <c r="F42987" s="14" t="s">
        <v>61</v>
      </c>
      <c r="G42987" s="16">
        <v>0</v>
      </c>
    </row>
    <row r="42988" spans="1:7" x14ac:dyDescent="0.3">
      <c r="A42988" s="13" t="s">
        <v>251</v>
      </c>
      <c r="B42988" s="14" t="s">
        <v>1</v>
      </c>
      <c r="C42988" s="14" t="s">
        <v>252</v>
      </c>
      <c r="D42988" s="14" t="s">
        <v>244</v>
      </c>
      <c r="E42988" s="15">
        <v>45659</v>
      </c>
      <c r="F42988" s="14" t="s">
        <v>61</v>
      </c>
      <c r="G42988" s="16">
        <v>0</v>
      </c>
    </row>
    <row r="42989" spans="1:7" x14ac:dyDescent="0.3">
      <c r="A42989" s="13" t="s">
        <v>251</v>
      </c>
      <c r="B42989" s="14" t="s">
        <v>1</v>
      </c>
      <c r="C42989" s="14" t="s">
        <v>252</v>
      </c>
      <c r="D42989" s="14" t="s">
        <v>244</v>
      </c>
      <c r="E42989" s="15">
        <v>45660</v>
      </c>
      <c r="F42989" s="14" t="s">
        <v>61</v>
      </c>
      <c r="G42989" s="16">
        <v>0</v>
      </c>
    </row>
    <row r="42990" spans="1:7" x14ac:dyDescent="0.3">
      <c r="A42990" s="13" t="s">
        <v>251</v>
      </c>
      <c r="B42990" s="14" t="s">
        <v>1</v>
      </c>
      <c r="C42990" s="14" t="s">
        <v>252</v>
      </c>
      <c r="D42990" s="14" t="s">
        <v>244</v>
      </c>
      <c r="E42990" s="15">
        <v>45661</v>
      </c>
      <c r="F42990" s="14" t="s">
        <v>61</v>
      </c>
      <c r="G42990" s="16">
        <v>0</v>
      </c>
    </row>
    <row r="42991" spans="1:7" x14ac:dyDescent="0.3">
      <c r="A42991" s="13" t="s">
        <v>251</v>
      </c>
      <c r="B42991" s="14" t="s">
        <v>1</v>
      </c>
      <c r="C42991" s="14" t="s">
        <v>252</v>
      </c>
      <c r="D42991" s="14" t="s">
        <v>244</v>
      </c>
      <c r="E42991" s="15">
        <v>45662</v>
      </c>
      <c r="F42991" s="14" t="s">
        <v>61</v>
      </c>
      <c r="G42991" s="16">
        <v>0</v>
      </c>
    </row>
    <row r="42992" spans="1:7" x14ac:dyDescent="0.3">
      <c r="A42992" s="13" t="s">
        <v>251</v>
      </c>
      <c r="B42992" s="14" t="s">
        <v>1</v>
      </c>
      <c r="C42992" s="14" t="s">
        <v>252</v>
      </c>
      <c r="D42992" s="14" t="s">
        <v>244</v>
      </c>
      <c r="E42992" s="15">
        <v>45663</v>
      </c>
      <c r="F42992" s="14" t="s">
        <v>61</v>
      </c>
      <c r="G42992" s="16">
        <v>0</v>
      </c>
    </row>
    <row r="42993" spans="1:7" x14ac:dyDescent="0.3">
      <c r="A42993" s="13" t="s">
        <v>251</v>
      </c>
      <c r="B42993" s="14" t="s">
        <v>1</v>
      </c>
      <c r="C42993" s="14" t="s">
        <v>252</v>
      </c>
      <c r="D42993" s="14" t="s">
        <v>244</v>
      </c>
      <c r="E42993" s="15">
        <v>45664</v>
      </c>
      <c r="F42993" s="14" t="s">
        <v>61</v>
      </c>
      <c r="G42993" s="16">
        <v>0</v>
      </c>
    </row>
    <row r="42994" spans="1:7" x14ac:dyDescent="0.3">
      <c r="A42994" s="13" t="s">
        <v>251</v>
      </c>
      <c r="B42994" s="14" t="s">
        <v>1</v>
      </c>
      <c r="C42994" s="14" t="s">
        <v>252</v>
      </c>
      <c r="D42994" s="14" t="s">
        <v>244</v>
      </c>
      <c r="E42994" s="15">
        <v>45665</v>
      </c>
      <c r="F42994" s="14" t="s">
        <v>61</v>
      </c>
      <c r="G42994" s="16">
        <v>0</v>
      </c>
    </row>
    <row r="42995" spans="1:7" x14ac:dyDescent="0.3">
      <c r="A42995" s="13" t="s">
        <v>251</v>
      </c>
      <c r="B42995" s="14" t="s">
        <v>1</v>
      </c>
      <c r="C42995" s="14" t="s">
        <v>252</v>
      </c>
      <c r="D42995" s="14" t="s">
        <v>244</v>
      </c>
      <c r="E42995" s="15">
        <v>45666</v>
      </c>
      <c r="F42995" s="14" t="s">
        <v>61</v>
      </c>
      <c r="G42995" s="16">
        <v>0</v>
      </c>
    </row>
    <row r="42996" spans="1:7" x14ac:dyDescent="0.3">
      <c r="A42996" s="13" t="s">
        <v>251</v>
      </c>
      <c r="B42996" s="14" t="s">
        <v>1</v>
      </c>
      <c r="C42996" s="14" t="s">
        <v>252</v>
      </c>
      <c r="D42996" s="14" t="s">
        <v>244</v>
      </c>
      <c r="E42996" s="15">
        <v>45667</v>
      </c>
      <c r="F42996" s="14" t="s">
        <v>61</v>
      </c>
      <c r="G42996" s="16">
        <v>0</v>
      </c>
    </row>
    <row r="42997" spans="1:7" x14ac:dyDescent="0.3">
      <c r="A42997" s="13" t="s">
        <v>251</v>
      </c>
      <c r="B42997" s="14" t="s">
        <v>1</v>
      </c>
      <c r="C42997" s="14" t="s">
        <v>252</v>
      </c>
      <c r="D42997" s="14" t="s">
        <v>244</v>
      </c>
      <c r="E42997" s="15">
        <v>45668</v>
      </c>
      <c r="F42997" s="14" t="s">
        <v>61</v>
      </c>
      <c r="G42997" s="16">
        <v>0</v>
      </c>
    </row>
    <row r="42998" spans="1:7" x14ac:dyDescent="0.3">
      <c r="A42998" s="13" t="s">
        <v>251</v>
      </c>
      <c r="B42998" s="14" t="s">
        <v>1</v>
      </c>
      <c r="C42998" s="14" t="s">
        <v>252</v>
      </c>
      <c r="D42998" s="14" t="s">
        <v>244</v>
      </c>
      <c r="E42998" s="15">
        <v>45669</v>
      </c>
      <c r="F42998" s="14" t="s">
        <v>61</v>
      </c>
      <c r="G42998" s="16">
        <v>0</v>
      </c>
    </row>
    <row r="42999" spans="1:7" x14ac:dyDescent="0.3">
      <c r="A42999" s="13" t="s">
        <v>251</v>
      </c>
      <c r="B42999" s="14" t="s">
        <v>1</v>
      </c>
      <c r="C42999" s="14" t="s">
        <v>252</v>
      </c>
      <c r="D42999" s="14" t="s">
        <v>244</v>
      </c>
      <c r="E42999" s="15">
        <v>45670</v>
      </c>
      <c r="F42999" s="14" t="s">
        <v>61</v>
      </c>
      <c r="G42999" s="16">
        <v>0</v>
      </c>
    </row>
    <row r="43000" spans="1:7" x14ac:dyDescent="0.3">
      <c r="A43000" s="13" t="s">
        <v>251</v>
      </c>
      <c r="B43000" s="14" t="s">
        <v>1</v>
      </c>
      <c r="C43000" s="14" t="s">
        <v>252</v>
      </c>
      <c r="D43000" s="14" t="s">
        <v>244</v>
      </c>
      <c r="E43000" s="15">
        <v>45671</v>
      </c>
      <c r="F43000" s="14" t="s">
        <v>61</v>
      </c>
      <c r="G43000" s="16">
        <v>0</v>
      </c>
    </row>
    <row r="43001" spans="1:7" x14ac:dyDescent="0.3">
      <c r="A43001" s="13" t="s">
        <v>251</v>
      </c>
      <c r="B43001" s="14" t="s">
        <v>1</v>
      </c>
      <c r="C43001" s="14" t="s">
        <v>252</v>
      </c>
      <c r="D43001" s="14" t="s">
        <v>244</v>
      </c>
      <c r="E43001" s="15">
        <v>45672</v>
      </c>
      <c r="F43001" s="14" t="s">
        <v>61</v>
      </c>
      <c r="G43001" s="16">
        <v>0</v>
      </c>
    </row>
    <row r="43002" spans="1:7" x14ac:dyDescent="0.3">
      <c r="A43002" s="13" t="s">
        <v>251</v>
      </c>
      <c r="B43002" s="14" t="s">
        <v>1</v>
      </c>
      <c r="C43002" s="14" t="s">
        <v>252</v>
      </c>
      <c r="D43002" s="14" t="s">
        <v>244</v>
      </c>
      <c r="E43002" s="15">
        <v>45673</v>
      </c>
      <c r="F43002" s="14" t="s">
        <v>61</v>
      </c>
      <c r="G43002" s="16">
        <v>0</v>
      </c>
    </row>
    <row r="43003" spans="1:7" x14ac:dyDescent="0.3">
      <c r="A43003" s="13" t="s">
        <v>251</v>
      </c>
      <c r="B43003" s="14" t="s">
        <v>1</v>
      </c>
      <c r="C43003" s="14" t="s">
        <v>252</v>
      </c>
      <c r="D43003" s="14" t="s">
        <v>244</v>
      </c>
      <c r="E43003" s="15">
        <v>45674</v>
      </c>
      <c r="F43003" s="14" t="s">
        <v>61</v>
      </c>
      <c r="G43003" s="16">
        <v>0</v>
      </c>
    </row>
    <row r="43004" spans="1:7" x14ac:dyDescent="0.3">
      <c r="A43004" s="13" t="s">
        <v>251</v>
      </c>
      <c r="B43004" s="14" t="s">
        <v>1</v>
      </c>
      <c r="C43004" s="14" t="s">
        <v>252</v>
      </c>
      <c r="D43004" s="14" t="s">
        <v>244</v>
      </c>
      <c r="E43004" s="15">
        <v>45675</v>
      </c>
      <c r="F43004" s="14" t="s">
        <v>61</v>
      </c>
      <c r="G43004" s="16">
        <v>0</v>
      </c>
    </row>
    <row r="43005" spans="1:7" x14ac:dyDescent="0.3">
      <c r="A43005" s="13" t="s">
        <v>251</v>
      </c>
      <c r="B43005" s="14" t="s">
        <v>1</v>
      </c>
      <c r="C43005" s="14" t="s">
        <v>252</v>
      </c>
      <c r="D43005" s="14" t="s">
        <v>244</v>
      </c>
      <c r="E43005" s="15">
        <v>45676</v>
      </c>
      <c r="F43005" s="14" t="s">
        <v>61</v>
      </c>
      <c r="G43005" s="16">
        <v>0</v>
      </c>
    </row>
    <row r="43006" spans="1:7" x14ac:dyDescent="0.3">
      <c r="A43006" s="13" t="s">
        <v>251</v>
      </c>
      <c r="B43006" s="14" t="s">
        <v>1</v>
      </c>
      <c r="C43006" s="14" t="s">
        <v>252</v>
      </c>
      <c r="D43006" s="14" t="s">
        <v>244</v>
      </c>
      <c r="E43006" s="15">
        <v>45677</v>
      </c>
      <c r="F43006" s="14" t="s">
        <v>61</v>
      </c>
      <c r="G43006" s="16">
        <v>0</v>
      </c>
    </row>
    <row r="43007" spans="1:7" x14ac:dyDescent="0.3">
      <c r="A43007" s="13" t="s">
        <v>251</v>
      </c>
      <c r="B43007" s="14" t="s">
        <v>1</v>
      </c>
      <c r="C43007" s="14" t="s">
        <v>252</v>
      </c>
      <c r="D43007" s="14" t="s">
        <v>244</v>
      </c>
      <c r="E43007" s="15">
        <v>45678</v>
      </c>
      <c r="F43007" s="14" t="s">
        <v>61</v>
      </c>
      <c r="G43007" s="16">
        <v>0</v>
      </c>
    </row>
    <row r="43008" spans="1:7" x14ac:dyDescent="0.3">
      <c r="A43008" s="13" t="s">
        <v>251</v>
      </c>
      <c r="B43008" s="14" t="s">
        <v>1</v>
      </c>
      <c r="C43008" s="14" t="s">
        <v>252</v>
      </c>
      <c r="D43008" s="14" t="s">
        <v>244</v>
      </c>
      <c r="E43008" s="15">
        <v>45679</v>
      </c>
      <c r="F43008" s="14" t="s">
        <v>61</v>
      </c>
      <c r="G43008" s="16">
        <v>0</v>
      </c>
    </row>
    <row r="43009" spans="1:7" x14ac:dyDescent="0.3">
      <c r="A43009" s="13" t="s">
        <v>251</v>
      </c>
      <c r="B43009" s="14" t="s">
        <v>1</v>
      </c>
      <c r="C43009" s="14" t="s">
        <v>252</v>
      </c>
      <c r="D43009" s="14" t="s">
        <v>244</v>
      </c>
      <c r="E43009" s="15">
        <v>45680</v>
      </c>
      <c r="F43009" s="14" t="s">
        <v>61</v>
      </c>
      <c r="G43009" s="16">
        <v>0</v>
      </c>
    </row>
    <row r="43010" spans="1:7" x14ac:dyDescent="0.3">
      <c r="A43010" s="13" t="s">
        <v>251</v>
      </c>
      <c r="B43010" s="14" t="s">
        <v>1</v>
      </c>
      <c r="C43010" s="14" t="s">
        <v>252</v>
      </c>
      <c r="D43010" s="14" t="s">
        <v>244</v>
      </c>
      <c r="E43010" s="15">
        <v>45681</v>
      </c>
      <c r="F43010" s="14" t="s">
        <v>61</v>
      </c>
      <c r="G43010" s="16">
        <v>0</v>
      </c>
    </row>
    <row r="43011" spans="1:7" x14ac:dyDescent="0.3">
      <c r="A43011" s="13" t="s">
        <v>251</v>
      </c>
      <c r="B43011" s="14" t="s">
        <v>1</v>
      </c>
      <c r="C43011" s="14" t="s">
        <v>252</v>
      </c>
      <c r="D43011" s="14" t="s">
        <v>244</v>
      </c>
      <c r="E43011" s="15">
        <v>45682</v>
      </c>
      <c r="F43011" s="14" t="s">
        <v>61</v>
      </c>
      <c r="G43011" s="16">
        <v>0</v>
      </c>
    </row>
    <row r="43012" spans="1:7" x14ac:dyDescent="0.3">
      <c r="A43012" s="13" t="s">
        <v>251</v>
      </c>
      <c r="B43012" s="14" t="s">
        <v>1</v>
      </c>
      <c r="C43012" s="14" t="s">
        <v>252</v>
      </c>
      <c r="D43012" s="14" t="s">
        <v>244</v>
      </c>
      <c r="E43012" s="15">
        <v>45683</v>
      </c>
      <c r="F43012" s="14" t="s">
        <v>61</v>
      </c>
      <c r="G43012" s="16">
        <v>0</v>
      </c>
    </row>
    <row r="43013" spans="1:7" x14ac:dyDescent="0.3">
      <c r="A43013" s="13" t="s">
        <v>251</v>
      </c>
      <c r="B43013" s="14" t="s">
        <v>1</v>
      </c>
      <c r="C43013" s="14" t="s">
        <v>252</v>
      </c>
      <c r="D43013" s="14" t="s">
        <v>244</v>
      </c>
      <c r="E43013" s="15">
        <v>45684</v>
      </c>
      <c r="F43013" s="14" t="s">
        <v>61</v>
      </c>
      <c r="G43013" s="16">
        <v>0</v>
      </c>
    </row>
    <row r="43014" spans="1:7" x14ac:dyDescent="0.3">
      <c r="A43014" s="13" t="s">
        <v>251</v>
      </c>
      <c r="B43014" s="14" t="s">
        <v>1</v>
      </c>
      <c r="C43014" s="14" t="s">
        <v>252</v>
      </c>
      <c r="D43014" s="14" t="s">
        <v>244</v>
      </c>
      <c r="E43014" s="15">
        <v>45685</v>
      </c>
      <c r="F43014" s="14" t="s">
        <v>61</v>
      </c>
      <c r="G43014" s="16">
        <v>0</v>
      </c>
    </row>
    <row r="43015" spans="1:7" x14ac:dyDescent="0.3">
      <c r="A43015" s="13" t="s">
        <v>251</v>
      </c>
      <c r="B43015" s="14" t="s">
        <v>1</v>
      </c>
      <c r="C43015" s="14" t="s">
        <v>252</v>
      </c>
      <c r="D43015" s="14" t="s">
        <v>244</v>
      </c>
      <c r="E43015" s="15">
        <v>45686</v>
      </c>
      <c r="F43015" s="14" t="s">
        <v>61</v>
      </c>
      <c r="G43015" s="16">
        <v>0</v>
      </c>
    </row>
    <row r="43016" spans="1:7" x14ac:dyDescent="0.3">
      <c r="A43016" s="13" t="s">
        <v>251</v>
      </c>
      <c r="B43016" s="14" t="s">
        <v>1</v>
      </c>
      <c r="C43016" s="14" t="s">
        <v>252</v>
      </c>
      <c r="D43016" s="14" t="s">
        <v>244</v>
      </c>
      <c r="E43016" s="15">
        <v>45687</v>
      </c>
      <c r="F43016" s="14" t="s">
        <v>61</v>
      </c>
      <c r="G43016" s="16">
        <v>0</v>
      </c>
    </row>
    <row r="43017" spans="1:7" x14ac:dyDescent="0.3">
      <c r="A43017" s="13" t="s">
        <v>251</v>
      </c>
      <c r="B43017" s="14" t="s">
        <v>1</v>
      </c>
      <c r="C43017" s="14" t="s">
        <v>252</v>
      </c>
      <c r="D43017" s="14" t="s">
        <v>244</v>
      </c>
      <c r="E43017" s="15">
        <v>45688</v>
      </c>
      <c r="F43017" s="14" t="s">
        <v>61</v>
      </c>
      <c r="G43017" s="16">
        <v>0</v>
      </c>
    </row>
    <row r="43018" spans="1:7" x14ac:dyDescent="0.3">
      <c r="A43018" s="13" t="s">
        <v>251</v>
      </c>
      <c r="B43018" s="14" t="s">
        <v>1</v>
      </c>
      <c r="C43018" s="14" t="s">
        <v>252</v>
      </c>
      <c r="D43018" s="14" t="s">
        <v>244</v>
      </c>
      <c r="E43018" s="15">
        <v>45689</v>
      </c>
      <c r="F43018" s="14" t="s">
        <v>61</v>
      </c>
      <c r="G43018" s="16">
        <v>0</v>
      </c>
    </row>
    <row r="43019" spans="1:7" x14ac:dyDescent="0.3">
      <c r="A43019" s="13" t="s">
        <v>251</v>
      </c>
      <c r="B43019" s="14" t="s">
        <v>1</v>
      </c>
      <c r="C43019" s="14" t="s">
        <v>252</v>
      </c>
      <c r="D43019" s="14" t="s">
        <v>244</v>
      </c>
      <c r="E43019" s="15">
        <v>45690</v>
      </c>
      <c r="F43019" s="14" t="s">
        <v>61</v>
      </c>
      <c r="G43019" s="16">
        <v>0</v>
      </c>
    </row>
    <row r="43020" spans="1:7" x14ac:dyDescent="0.3">
      <c r="A43020" s="13" t="s">
        <v>251</v>
      </c>
      <c r="B43020" s="14" t="s">
        <v>1</v>
      </c>
      <c r="C43020" s="14" t="s">
        <v>252</v>
      </c>
      <c r="D43020" s="14" t="s">
        <v>244</v>
      </c>
      <c r="E43020" s="15">
        <v>45691</v>
      </c>
      <c r="F43020" s="14" t="s">
        <v>61</v>
      </c>
      <c r="G43020" s="16">
        <v>0</v>
      </c>
    </row>
    <row r="43021" spans="1:7" x14ac:dyDescent="0.3">
      <c r="A43021" s="13" t="s">
        <v>251</v>
      </c>
      <c r="B43021" s="14" t="s">
        <v>1</v>
      </c>
      <c r="C43021" s="14" t="s">
        <v>252</v>
      </c>
      <c r="D43021" s="14" t="s">
        <v>244</v>
      </c>
      <c r="E43021" s="15">
        <v>45692</v>
      </c>
      <c r="F43021" s="14" t="s">
        <v>61</v>
      </c>
      <c r="G43021" s="16">
        <v>0</v>
      </c>
    </row>
    <row r="43022" spans="1:7" x14ac:dyDescent="0.3">
      <c r="A43022" s="13" t="s">
        <v>251</v>
      </c>
      <c r="B43022" s="14" t="s">
        <v>1</v>
      </c>
      <c r="C43022" s="14" t="s">
        <v>252</v>
      </c>
      <c r="D43022" s="14" t="s">
        <v>244</v>
      </c>
      <c r="E43022" s="15">
        <v>45693</v>
      </c>
      <c r="F43022" s="14" t="s">
        <v>61</v>
      </c>
      <c r="G43022" s="16">
        <v>0</v>
      </c>
    </row>
    <row r="43023" spans="1:7" x14ac:dyDescent="0.3">
      <c r="A43023" s="13" t="s">
        <v>251</v>
      </c>
      <c r="B43023" s="14" t="s">
        <v>1</v>
      </c>
      <c r="C43023" s="14" t="s">
        <v>252</v>
      </c>
      <c r="D43023" s="14" t="s">
        <v>244</v>
      </c>
      <c r="E43023" s="15">
        <v>45694</v>
      </c>
      <c r="F43023" s="14" t="s">
        <v>61</v>
      </c>
      <c r="G43023" s="16">
        <v>0</v>
      </c>
    </row>
    <row r="43024" spans="1:7" x14ac:dyDescent="0.3">
      <c r="A43024" s="13" t="s">
        <v>251</v>
      </c>
      <c r="B43024" s="14" t="s">
        <v>1</v>
      </c>
      <c r="C43024" s="14" t="s">
        <v>252</v>
      </c>
      <c r="D43024" s="14" t="s">
        <v>244</v>
      </c>
      <c r="E43024" s="15">
        <v>45695</v>
      </c>
      <c r="F43024" s="14" t="s">
        <v>61</v>
      </c>
      <c r="G43024" s="16">
        <v>0</v>
      </c>
    </row>
    <row r="43025" spans="1:7" x14ac:dyDescent="0.3">
      <c r="A43025" s="13" t="s">
        <v>251</v>
      </c>
      <c r="B43025" s="14" t="s">
        <v>1</v>
      </c>
      <c r="C43025" s="14" t="s">
        <v>252</v>
      </c>
      <c r="D43025" s="14" t="s">
        <v>244</v>
      </c>
      <c r="E43025" s="15">
        <v>45696</v>
      </c>
      <c r="F43025" s="14" t="s">
        <v>61</v>
      </c>
      <c r="G43025" s="16">
        <v>0</v>
      </c>
    </row>
    <row r="43026" spans="1:7" x14ac:dyDescent="0.3">
      <c r="A43026" s="13" t="s">
        <v>251</v>
      </c>
      <c r="B43026" s="14" t="s">
        <v>1</v>
      </c>
      <c r="C43026" s="14" t="s">
        <v>252</v>
      </c>
      <c r="D43026" s="14" t="s">
        <v>244</v>
      </c>
      <c r="E43026" s="15">
        <v>45697</v>
      </c>
      <c r="F43026" s="14" t="s">
        <v>61</v>
      </c>
      <c r="G43026" s="16">
        <v>0</v>
      </c>
    </row>
    <row r="43027" spans="1:7" x14ac:dyDescent="0.3">
      <c r="A43027" s="13" t="s">
        <v>251</v>
      </c>
      <c r="B43027" s="14" t="s">
        <v>1</v>
      </c>
      <c r="C43027" s="14" t="s">
        <v>252</v>
      </c>
      <c r="D43027" s="14" t="s">
        <v>244</v>
      </c>
      <c r="E43027" s="15">
        <v>45698</v>
      </c>
      <c r="F43027" s="14" t="s">
        <v>61</v>
      </c>
      <c r="G43027" s="16">
        <v>0</v>
      </c>
    </row>
    <row r="43028" spans="1:7" x14ac:dyDescent="0.3">
      <c r="A43028" s="13" t="s">
        <v>251</v>
      </c>
      <c r="B43028" s="14" t="s">
        <v>1</v>
      </c>
      <c r="C43028" s="14" t="s">
        <v>252</v>
      </c>
      <c r="D43028" s="14" t="s">
        <v>244</v>
      </c>
      <c r="E43028" s="15">
        <v>45699</v>
      </c>
      <c r="F43028" s="14" t="s">
        <v>61</v>
      </c>
      <c r="G43028" s="16">
        <v>0</v>
      </c>
    </row>
    <row r="43029" spans="1:7" x14ac:dyDescent="0.3">
      <c r="A43029" s="13" t="s">
        <v>251</v>
      </c>
      <c r="B43029" s="14" t="s">
        <v>1</v>
      </c>
      <c r="C43029" s="14" t="s">
        <v>252</v>
      </c>
      <c r="D43029" s="14" t="s">
        <v>244</v>
      </c>
      <c r="E43029" s="15">
        <v>45700</v>
      </c>
      <c r="F43029" s="14" t="s">
        <v>61</v>
      </c>
      <c r="G43029" s="16">
        <v>0</v>
      </c>
    </row>
    <row r="43030" spans="1:7" x14ac:dyDescent="0.3">
      <c r="A43030" s="13" t="s">
        <v>251</v>
      </c>
      <c r="B43030" s="14" t="s">
        <v>1</v>
      </c>
      <c r="C43030" s="14" t="s">
        <v>252</v>
      </c>
      <c r="D43030" s="14" t="s">
        <v>244</v>
      </c>
      <c r="E43030" s="15">
        <v>45701</v>
      </c>
      <c r="F43030" s="14" t="s">
        <v>61</v>
      </c>
      <c r="G43030" s="16">
        <v>0</v>
      </c>
    </row>
    <row r="43031" spans="1:7" x14ac:dyDescent="0.3">
      <c r="A43031" s="13" t="s">
        <v>251</v>
      </c>
      <c r="B43031" s="14" t="s">
        <v>1</v>
      </c>
      <c r="C43031" s="14" t="s">
        <v>252</v>
      </c>
      <c r="D43031" s="14" t="s">
        <v>244</v>
      </c>
      <c r="E43031" s="15">
        <v>45702</v>
      </c>
      <c r="F43031" s="14" t="s">
        <v>61</v>
      </c>
      <c r="G43031" s="16">
        <v>0</v>
      </c>
    </row>
    <row r="43032" spans="1:7" x14ac:dyDescent="0.3">
      <c r="A43032" s="13" t="s">
        <v>251</v>
      </c>
      <c r="B43032" s="14" t="s">
        <v>1</v>
      </c>
      <c r="C43032" s="14" t="s">
        <v>252</v>
      </c>
      <c r="D43032" s="14" t="s">
        <v>244</v>
      </c>
      <c r="E43032" s="15">
        <v>45703</v>
      </c>
      <c r="F43032" s="14" t="s">
        <v>61</v>
      </c>
      <c r="G43032" s="16">
        <v>0</v>
      </c>
    </row>
    <row r="43033" spans="1:7" x14ac:dyDescent="0.3">
      <c r="A43033" s="13" t="s">
        <v>251</v>
      </c>
      <c r="B43033" s="14" t="s">
        <v>1</v>
      </c>
      <c r="C43033" s="14" t="s">
        <v>252</v>
      </c>
      <c r="D43033" s="14" t="s">
        <v>244</v>
      </c>
      <c r="E43033" s="15">
        <v>45704</v>
      </c>
      <c r="F43033" s="14" t="s">
        <v>61</v>
      </c>
      <c r="G43033" s="16">
        <v>0</v>
      </c>
    </row>
    <row r="43034" spans="1:7" x14ac:dyDescent="0.3">
      <c r="A43034" s="13" t="s">
        <v>251</v>
      </c>
      <c r="B43034" s="14" t="s">
        <v>1</v>
      </c>
      <c r="C43034" s="14" t="s">
        <v>252</v>
      </c>
      <c r="D43034" s="14" t="s">
        <v>244</v>
      </c>
      <c r="E43034" s="15">
        <v>45705</v>
      </c>
      <c r="F43034" s="14" t="s">
        <v>61</v>
      </c>
      <c r="G43034" s="16">
        <v>0</v>
      </c>
    </row>
    <row r="43035" spans="1:7" x14ac:dyDescent="0.3">
      <c r="A43035" s="13" t="s">
        <v>251</v>
      </c>
      <c r="B43035" s="14" t="s">
        <v>1</v>
      </c>
      <c r="C43035" s="14" t="s">
        <v>252</v>
      </c>
      <c r="D43035" s="14" t="s">
        <v>244</v>
      </c>
      <c r="E43035" s="15">
        <v>45706</v>
      </c>
      <c r="F43035" s="14" t="s">
        <v>61</v>
      </c>
      <c r="G43035" s="16">
        <v>0</v>
      </c>
    </row>
    <row r="43036" spans="1:7" x14ac:dyDescent="0.3">
      <c r="A43036" s="13" t="s">
        <v>251</v>
      </c>
      <c r="B43036" s="14" t="s">
        <v>1</v>
      </c>
      <c r="C43036" s="14" t="s">
        <v>252</v>
      </c>
      <c r="D43036" s="14" t="s">
        <v>244</v>
      </c>
      <c r="E43036" s="15">
        <v>45707</v>
      </c>
      <c r="F43036" s="14" t="s">
        <v>61</v>
      </c>
      <c r="G43036" s="16">
        <v>0</v>
      </c>
    </row>
    <row r="43037" spans="1:7" x14ac:dyDescent="0.3">
      <c r="A43037" s="13" t="s">
        <v>251</v>
      </c>
      <c r="B43037" s="14" t="s">
        <v>1</v>
      </c>
      <c r="C43037" s="14" t="s">
        <v>252</v>
      </c>
      <c r="D43037" s="14" t="s">
        <v>244</v>
      </c>
      <c r="E43037" s="15">
        <v>45708</v>
      </c>
      <c r="F43037" s="14" t="s">
        <v>61</v>
      </c>
      <c r="G43037" s="16">
        <v>0</v>
      </c>
    </row>
    <row r="43038" spans="1:7" x14ac:dyDescent="0.3">
      <c r="A43038" s="13" t="s">
        <v>251</v>
      </c>
      <c r="B43038" s="14" t="s">
        <v>1</v>
      </c>
      <c r="C43038" s="14" t="s">
        <v>252</v>
      </c>
      <c r="D43038" s="14" t="s">
        <v>244</v>
      </c>
      <c r="E43038" s="15">
        <v>45709</v>
      </c>
      <c r="F43038" s="14" t="s">
        <v>61</v>
      </c>
      <c r="G43038" s="16">
        <v>0</v>
      </c>
    </row>
    <row r="43039" spans="1:7" x14ac:dyDescent="0.3">
      <c r="A43039" s="13" t="s">
        <v>251</v>
      </c>
      <c r="B43039" s="14" t="s">
        <v>1</v>
      </c>
      <c r="C43039" s="14" t="s">
        <v>252</v>
      </c>
      <c r="D43039" s="14" t="s">
        <v>244</v>
      </c>
      <c r="E43039" s="15">
        <v>45710</v>
      </c>
      <c r="F43039" s="14" t="s">
        <v>61</v>
      </c>
      <c r="G43039" s="16">
        <v>0</v>
      </c>
    </row>
    <row r="43040" spans="1:7" x14ac:dyDescent="0.3">
      <c r="A43040" s="13" t="s">
        <v>251</v>
      </c>
      <c r="B43040" s="14" t="s">
        <v>1</v>
      </c>
      <c r="C43040" s="14" t="s">
        <v>252</v>
      </c>
      <c r="D43040" s="14" t="s">
        <v>244</v>
      </c>
      <c r="E43040" s="15">
        <v>45711</v>
      </c>
      <c r="F43040" s="14" t="s">
        <v>61</v>
      </c>
      <c r="G43040" s="16">
        <v>0</v>
      </c>
    </row>
    <row r="43041" spans="1:7" x14ac:dyDescent="0.3">
      <c r="A43041" s="13" t="s">
        <v>251</v>
      </c>
      <c r="B43041" s="14" t="s">
        <v>1</v>
      </c>
      <c r="C43041" s="14" t="s">
        <v>252</v>
      </c>
      <c r="D43041" s="14" t="s">
        <v>244</v>
      </c>
      <c r="E43041" s="15">
        <v>45712</v>
      </c>
      <c r="F43041" s="14" t="s">
        <v>61</v>
      </c>
      <c r="G43041" s="16">
        <v>0</v>
      </c>
    </row>
    <row r="43042" spans="1:7" x14ac:dyDescent="0.3">
      <c r="A43042" s="13" t="s">
        <v>251</v>
      </c>
      <c r="B43042" s="14" t="s">
        <v>1</v>
      </c>
      <c r="C43042" s="14" t="s">
        <v>252</v>
      </c>
      <c r="D43042" s="14" t="s">
        <v>244</v>
      </c>
      <c r="E43042" s="15">
        <v>45713</v>
      </c>
      <c r="F43042" s="14" t="s">
        <v>61</v>
      </c>
      <c r="G43042" s="16">
        <v>0</v>
      </c>
    </row>
    <row r="43043" spans="1:7" x14ac:dyDescent="0.3">
      <c r="A43043" s="13" t="s">
        <v>251</v>
      </c>
      <c r="B43043" s="14" t="s">
        <v>1</v>
      </c>
      <c r="C43043" s="14" t="s">
        <v>252</v>
      </c>
      <c r="D43043" s="14" t="s">
        <v>244</v>
      </c>
      <c r="E43043" s="15">
        <v>45714</v>
      </c>
      <c r="F43043" s="14" t="s">
        <v>61</v>
      </c>
      <c r="G43043" s="16">
        <v>0</v>
      </c>
    </row>
    <row r="43044" spans="1:7" x14ac:dyDescent="0.3">
      <c r="A43044" s="13" t="s">
        <v>251</v>
      </c>
      <c r="B43044" s="14" t="s">
        <v>1</v>
      </c>
      <c r="C43044" s="14" t="s">
        <v>252</v>
      </c>
      <c r="D43044" s="14" t="s">
        <v>244</v>
      </c>
      <c r="E43044" s="15">
        <v>45715</v>
      </c>
      <c r="F43044" s="14" t="s">
        <v>61</v>
      </c>
      <c r="G43044" s="16">
        <v>0</v>
      </c>
    </row>
    <row r="43045" spans="1:7" x14ac:dyDescent="0.3">
      <c r="A43045" s="13" t="s">
        <v>251</v>
      </c>
      <c r="B43045" s="14" t="s">
        <v>1</v>
      </c>
      <c r="C43045" s="14" t="s">
        <v>252</v>
      </c>
      <c r="D43045" s="14" t="s">
        <v>244</v>
      </c>
      <c r="E43045" s="15">
        <v>45716</v>
      </c>
      <c r="F43045" s="14" t="s">
        <v>61</v>
      </c>
      <c r="G43045" s="16">
        <v>0</v>
      </c>
    </row>
    <row r="43046" spans="1:7" x14ac:dyDescent="0.3">
      <c r="A43046" s="13" t="s">
        <v>251</v>
      </c>
      <c r="B43046" s="14" t="s">
        <v>1</v>
      </c>
      <c r="C43046" s="14" t="s">
        <v>252</v>
      </c>
      <c r="D43046" s="14" t="s">
        <v>244</v>
      </c>
      <c r="E43046" s="15">
        <v>45717</v>
      </c>
      <c r="F43046" s="14" t="s">
        <v>61</v>
      </c>
      <c r="G43046" s="16">
        <v>0</v>
      </c>
    </row>
    <row r="43047" spans="1:7" x14ac:dyDescent="0.3">
      <c r="A43047" s="13" t="s">
        <v>251</v>
      </c>
      <c r="B43047" s="14" t="s">
        <v>1</v>
      </c>
      <c r="C43047" s="14" t="s">
        <v>252</v>
      </c>
      <c r="D43047" s="14" t="s">
        <v>244</v>
      </c>
      <c r="E43047" s="15">
        <v>45718</v>
      </c>
      <c r="F43047" s="14" t="s">
        <v>61</v>
      </c>
      <c r="G43047" s="16">
        <v>0</v>
      </c>
    </row>
    <row r="43048" spans="1:7" x14ac:dyDescent="0.3">
      <c r="A43048" s="13" t="s">
        <v>251</v>
      </c>
      <c r="B43048" s="14" t="s">
        <v>1</v>
      </c>
      <c r="C43048" s="14" t="s">
        <v>252</v>
      </c>
      <c r="D43048" s="14" t="s">
        <v>244</v>
      </c>
      <c r="E43048" s="15">
        <v>45719</v>
      </c>
      <c r="F43048" s="14" t="s">
        <v>61</v>
      </c>
      <c r="G43048" s="16">
        <v>0</v>
      </c>
    </row>
    <row r="43049" spans="1:7" x14ac:dyDescent="0.3">
      <c r="A43049" s="13" t="s">
        <v>251</v>
      </c>
      <c r="B43049" s="14" t="s">
        <v>1</v>
      </c>
      <c r="C43049" s="14" t="s">
        <v>252</v>
      </c>
      <c r="D43049" s="14" t="s">
        <v>244</v>
      </c>
      <c r="E43049" s="15">
        <v>45720</v>
      </c>
      <c r="F43049" s="14" t="s">
        <v>61</v>
      </c>
      <c r="G43049" s="16">
        <v>0</v>
      </c>
    </row>
    <row r="43050" spans="1:7" x14ac:dyDescent="0.3">
      <c r="A43050" s="13" t="s">
        <v>251</v>
      </c>
      <c r="B43050" s="14" t="s">
        <v>1</v>
      </c>
      <c r="C43050" s="14" t="s">
        <v>252</v>
      </c>
      <c r="D43050" s="14" t="s">
        <v>244</v>
      </c>
      <c r="E43050" s="15">
        <v>45721</v>
      </c>
      <c r="F43050" s="14" t="s">
        <v>61</v>
      </c>
      <c r="G43050" s="16">
        <v>0</v>
      </c>
    </row>
    <row r="43051" spans="1:7" x14ac:dyDescent="0.3">
      <c r="A43051" s="13" t="s">
        <v>251</v>
      </c>
      <c r="B43051" s="14" t="s">
        <v>1</v>
      </c>
      <c r="C43051" s="14" t="s">
        <v>252</v>
      </c>
      <c r="D43051" s="14" t="s">
        <v>244</v>
      </c>
      <c r="E43051" s="15">
        <v>45722</v>
      </c>
      <c r="F43051" s="14" t="s">
        <v>61</v>
      </c>
      <c r="G43051" s="16">
        <v>0</v>
      </c>
    </row>
    <row r="43052" spans="1:7" x14ac:dyDescent="0.3">
      <c r="A43052" s="13" t="s">
        <v>251</v>
      </c>
      <c r="B43052" s="14" t="s">
        <v>1</v>
      </c>
      <c r="C43052" s="14" t="s">
        <v>252</v>
      </c>
      <c r="D43052" s="14" t="s">
        <v>244</v>
      </c>
      <c r="E43052" s="15">
        <v>45723</v>
      </c>
      <c r="F43052" s="14" t="s">
        <v>61</v>
      </c>
      <c r="G43052" s="16">
        <v>0</v>
      </c>
    </row>
    <row r="43053" spans="1:7" x14ac:dyDescent="0.3">
      <c r="A43053" s="13" t="s">
        <v>251</v>
      </c>
      <c r="B43053" s="14" t="s">
        <v>1</v>
      </c>
      <c r="C43053" s="14" t="s">
        <v>252</v>
      </c>
      <c r="D43053" s="14" t="s">
        <v>244</v>
      </c>
      <c r="E43053" s="15">
        <v>45724</v>
      </c>
      <c r="F43053" s="14" t="s">
        <v>61</v>
      </c>
      <c r="G43053" s="16">
        <v>0</v>
      </c>
    </row>
    <row r="43054" spans="1:7" x14ac:dyDescent="0.3">
      <c r="A43054" s="13" t="s">
        <v>251</v>
      </c>
      <c r="B43054" s="14" t="s">
        <v>1</v>
      </c>
      <c r="C43054" s="14" t="s">
        <v>252</v>
      </c>
      <c r="D43054" s="14" t="s">
        <v>244</v>
      </c>
      <c r="E43054" s="15">
        <v>45725</v>
      </c>
      <c r="F43054" s="14" t="s">
        <v>61</v>
      </c>
      <c r="G43054" s="16">
        <v>0</v>
      </c>
    </row>
    <row r="43055" spans="1:7" x14ac:dyDescent="0.3">
      <c r="A43055" s="13" t="s">
        <v>251</v>
      </c>
      <c r="B43055" s="14" t="s">
        <v>1</v>
      </c>
      <c r="C43055" s="14" t="s">
        <v>252</v>
      </c>
      <c r="D43055" s="14" t="s">
        <v>244</v>
      </c>
      <c r="E43055" s="15">
        <v>45726</v>
      </c>
      <c r="F43055" s="14" t="s">
        <v>61</v>
      </c>
      <c r="G43055" s="16">
        <v>0</v>
      </c>
    </row>
    <row r="43056" spans="1:7" x14ac:dyDescent="0.3">
      <c r="A43056" s="13" t="s">
        <v>251</v>
      </c>
      <c r="B43056" s="14" t="s">
        <v>1</v>
      </c>
      <c r="C43056" s="14" t="s">
        <v>252</v>
      </c>
      <c r="D43056" s="14" t="s">
        <v>244</v>
      </c>
      <c r="E43056" s="15">
        <v>45727</v>
      </c>
      <c r="F43056" s="14" t="s">
        <v>61</v>
      </c>
      <c r="G43056" s="16">
        <v>0</v>
      </c>
    </row>
    <row r="43057" spans="1:7" x14ac:dyDescent="0.3">
      <c r="A43057" s="13" t="s">
        <v>251</v>
      </c>
      <c r="B43057" s="14" t="s">
        <v>1</v>
      </c>
      <c r="C43057" s="14" t="s">
        <v>252</v>
      </c>
      <c r="D43057" s="14" t="s">
        <v>244</v>
      </c>
      <c r="E43057" s="15">
        <v>45728</v>
      </c>
      <c r="F43057" s="14" t="s">
        <v>61</v>
      </c>
      <c r="G43057" s="16">
        <v>0</v>
      </c>
    </row>
    <row r="43058" spans="1:7" x14ac:dyDescent="0.3">
      <c r="A43058" s="13" t="s">
        <v>251</v>
      </c>
      <c r="B43058" s="14" t="s">
        <v>1</v>
      </c>
      <c r="C43058" s="14" t="s">
        <v>252</v>
      </c>
      <c r="D43058" s="14" t="s">
        <v>244</v>
      </c>
      <c r="E43058" s="15">
        <v>45729</v>
      </c>
      <c r="F43058" s="14" t="s">
        <v>61</v>
      </c>
      <c r="G43058" s="16">
        <v>0</v>
      </c>
    </row>
    <row r="43059" spans="1:7" x14ac:dyDescent="0.3">
      <c r="A43059" s="13" t="s">
        <v>251</v>
      </c>
      <c r="B43059" s="14" t="s">
        <v>1</v>
      </c>
      <c r="C43059" s="14" t="s">
        <v>252</v>
      </c>
      <c r="D43059" s="14" t="s">
        <v>244</v>
      </c>
      <c r="E43059" s="15">
        <v>45730</v>
      </c>
      <c r="F43059" s="14" t="s">
        <v>61</v>
      </c>
      <c r="G43059" s="16">
        <v>0</v>
      </c>
    </row>
    <row r="43060" spans="1:7" x14ac:dyDescent="0.3">
      <c r="A43060" s="13" t="s">
        <v>251</v>
      </c>
      <c r="B43060" s="14" t="s">
        <v>1</v>
      </c>
      <c r="C43060" s="14" t="s">
        <v>252</v>
      </c>
      <c r="D43060" s="14" t="s">
        <v>244</v>
      </c>
      <c r="E43060" s="15">
        <v>45731</v>
      </c>
      <c r="F43060" s="14" t="s">
        <v>61</v>
      </c>
      <c r="G43060" s="16">
        <v>0</v>
      </c>
    </row>
    <row r="43061" spans="1:7" x14ac:dyDescent="0.3">
      <c r="A43061" s="13" t="s">
        <v>251</v>
      </c>
      <c r="B43061" s="14" t="s">
        <v>1</v>
      </c>
      <c r="C43061" s="14" t="s">
        <v>252</v>
      </c>
      <c r="D43061" s="14" t="s">
        <v>244</v>
      </c>
      <c r="E43061" s="15">
        <v>45732</v>
      </c>
      <c r="F43061" s="14" t="s">
        <v>61</v>
      </c>
      <c r="G43061" s="16">
        <v>0</v>
      </c>
    </row>
    <row r="43062" spans="1:7" x14ac:dyDescent="0.3">
      <c r="A43062" s="13" t="s">
        <v>251</v>
      </c>
      <c r="B43062" s="14" t="s">
        <v>1</v>
      </c>
      <c r="C43062" s="14" t="s">
        <v>252</v>
      </c>
      <c r="D43062" s="14" t="s">
        <v>244</v>
      </c>
      <c r="E43062" s="15">
        <v>45733</v>
      </c>
      <c r="F43062" s="14" t="s">
        <v>61</v>
      </c>
      <c r="G43062" s="16">
        <v>0</v>
      </c>
    </row>
    <row r="43063" spans="1:7" x14ac:dyDescent="0.3">
      <c r="A43063" s="13" t="s">
        <v>251</v>
      </c>
      <c r="B43063" s="14" t="s">
        <v>1</v>
      </c>
      <c r="C43063" s="14" t="s">
        <v>252</v>
      </c>
      <c r="D43063" s="14" t="s">
        <v>244</v>
      </c>
      <c r="E43063" s="15">
        <v>45734</v>
      </c>
      <c r="F43063" s="14" t="s">
        <v>61</v>
      </c>
      <c r="G43063" s="16">
        <v>0</v>
      </c>
    </row>
    <row r="43064" spans="1:7" x14ac:dyDescent="0.3">
      <c r="A43064" s="13" t="s">
        <v>251</v>
      </c>
      <c r="B43064" s="14" t="s">
        <v>1</v>
      </c>
      <c r="C43064" s="14" t="s">
        <v>252</v>
      </c>
      <c r="D43064" s="14" t="s">
        <v>244</v>
      </c>
      <c r="E43064" s="15">
        <v>45735</v>
      </c>
      <c r="F43064" s="14" t="s">
        <v>61</v>
      </c>
      <c r="G43064" s="16">
        <v>0</v>
      </c>
    </row>
    <row r="43065" spans="1:7" x14ac:dyDescent="0.3">
      <c r="A43065" s="13" t="s">
        <v>251</v>
      </c>
      <c r="B43065" s="14" t="s">
        <v>1</v>
      </c>
      <c r="C43065" s="14" t="s">
        <v>252</v>
      </c>
      <c r="D43065" s="14" t="s">
        <v>244</v>
      </c>
      <c r="E43065" s="15">
        <v>45736</v>
      </c>
      <c r="F43065" s="14" t="s">
        <v>61</v>
      </c>
      <c r="G43065" s="16">
        <v>0</v>
      </c>
    </row>
    <row r="43066" spans="1:7" x14ac:dyDescent="0.3">
      <c r="A43066" s="13" t="s">
        <v>251</v>
      </c>
      <c r="B43066" s="14" t="s">
        <v>1</v>
      </c>
      <c r="C43066" s="14" t="s">
        <v>252</v>
      </c>
      <c r="D43066" s="14" t="s">
        <v>244</v>
      </c>
      <c r="E43066" s="15">
        <v>45737</v>
      </c>
      <c r="F43066" s="14" t="s">
        <v>61</v>
      </c>
      <c r="G43066" s="16">
        <v>0</v>
      </c>
    </row>
    <row r="43067" spans="1:7" x14ac:dyDescent="0.3">
      <c r="A43067" s="13" t="s">
        <v>251</v>
      </c>
      <c r="B43067" s="14" t="s">
        <v>1</v>
      </c>
      <c r="C43067" s="14" t="s">
        <v>252</v>
      </c>
      <c r="D43067" s="14" t="s">
        <v>244</v>
      </c>
      <c r="E43067" s="15">
        <v>45738</v>
      </c>
      <c r="F43067" s="14" t="s">
        <v>61</v>
      </c>
      <c r="G43067" s="16">
        <v>0</v>
      </c>
    </row>
    <row r="43068" spans="1:7" x14ac:dyDescent="0.3">
      <c r="A43068" s="13" t="s">
        <v>251</v>
      </c>
      <c r="B43068" s="14" t="s">
        <v>1</v>
      </c>
      <c r="C43068" s="14" t="s">
        <v>252</v>
      </c>
      <c r="D43068" s="14" t="s">
        <v>244</v>
      </c>
      <c r="E43068" s="15">
        <v>45739</v>
      </c>
      <c r="F43068" s="14" t="s">
        <v>61</v>
      </c>
      <c r="G43068" s="16">
        <v>0</v>
      </c>
    </row>
    <row r="43069" spans="1:7" x14ac:dyDescent="0.3">
      <c r="A43069" s="13" t="s">
        <v>251</v>
      </c>
      <c r="B43069" s="14" t="s">
        <v>1</v>
      </c>
      <c r="C43069" s="14" t="s">
        <v>252</v>
      </c>
      <c r="D43069" s="14" t="s">
        <v>244</v>
      </c>
      <c r="E43069" s="15">
        <v>45740</v>
      </c>
      <c r="F43069" s="14" t="s">
        <v>61</v>
      </c>
      <c r="G43069" s="16">
        <v>0</v>
      </c>
    </row>
    <row r="43070" spans="1:7" x14ac:dyDescent="0.3">
      <c r="A43070" s="13" t="s">
        <v>251</v>
      </c>
      <c r="B43070" s="14" t="s">
        <v>1</v>
      </c>
      <c r="C43070" s="14" t="s">
        <v>252</v>
      </c>
      <c r="D43070" s="14" t="s">
        <v>244</v>
      </c>
      <c r="E43070" s="15">
        <v>45741</v>
      </c>
      <c r="F43070" s="14" t="s">
        <v>61</v>
      </c>
      <c r="G43070" s="16">
        <v>0</v>
      </c>
    </row>
    <row r="43071" spans="1:7" x14ac:dyDescent="0.3">
      <c r="A43071" s="13" t="s">
        <v>251</v>
      </c>
      <c r="B43071" s="14" t="s">
        <v>1</v>
      </c>
      <c r="C43071" s="14" t="s">
        <v>252</v>
      </c>
      <c r="D43071" s="14" t="s">
        <v>244</v>
      </c>
      <c r="E43071" s="15">
        <v>45742</v>
      </c>
      <c r="F43071" s="14" t="s">
        <v>61</v>
      </c>
      <c r="G43071" s="16">
        <v>0</v>
      </c>
    </row>
    <row r="43072" spans="1:7" x14ac:dyDescent="0.3">
      <c r="A43072" s="13" t="s">
        <v>251</v>
      </c>
      <c r="B43072" s="14" t="s">
        <v>1</v>
      </c>
      <c r="C43072" s="14" t="s">
        <v>252</v>
      </c>
      <c r="D43072" s="14" t="s">
        <v>244</v>
      </c>
      <c r="E43072" s="15">
        <v>45743</v>
      </c>
      <c r="F43072" s="14" t="s">
        <v>61</v>
      </c>
      <c r="G43072" s="16">
        <v>0</v>
      </c>
    </row>
    <row r="43073" spans="1:7" x14ac:dyDescent="0.3">
      <c r="A43073" s="13" t="s">
        <v>251</v>
      </c>
      <c r="B43073" s="14" t="s">
        <v>1</v>
      </c>
      <c r="C43073" s="14" t="s">
        <v>252</v>
      </c>
      <c r="D43073" s="14" t="s">
        <v>244</v>
      </c>
      <c r="E43073" s="15">
        <v>45744</v>
      </c>
      <c r="F43073" s="14" t="s">
        <v>61</v>
      </c>
      <c r="G43073" s="16">
        <v>0</v>
      </c>
    </row>
    <row r="43074" spans="1:7" x14ac:dyDescent="0.3">
      <c r="A43074" s="13" t="s">
        <v>251</v>
      </c>
      <c r="B43074" s="14" t="s">
        <v>1</v>
      </c>
      <c r="C43074" s="14" t="s">
        <v>252</v>
      </c>
      <c r="D43074" s="14" t="s">
        <v>244</v>
      </c>
      <c r="E43074" s="15">
        <v>45745</v>
      </c>
      <c r="F43074" s="14" t="s">
        <v>61</v>
      </c>
      <c r="G43074" s="16">
        <v>0</v>
      </c>
    </row>
    <row r="43075" spans="1:7" x14ac:dyDescent="0.3">
      <c r="A43075" s="13" t="s">
        <v>251</v>
      </c>
      <c r="B43075" s="14" t="s">
        <v>1</v>
      </c>
      <c r="C43075" s="14" t="s">
        <v>252</v>
      </c>
      <c r="D43075" s="14" t="s">
        <v>244</v>
      </c>
      <c r="E43075" s="15">
        <v>45746</v>
      </c>
      <c r="F43075" s="14" t="s">
        <v>61</v>
      </c>
      <c r="G43075" s="16">
        <v>0</v>
      </c>
    </row>
    <row r="43076" spans="1:7" x14ac:dyDescent="0.3">
      <c r="A43076" s="13" t="s">
        <v>251</v>
      </c>
      <c r="B43076" s="14" t="s">
        <v>1</v>
      </c>
      <c r="C43076" s="14" t="s">
        <v>252</v>
      </c>
      <c r="D43076" s="14" t="s">
        <v>244</v>
      </c>
      <c r="E43076" s="15">
        <v>45747</v>
      </c>
      <c r="F43076" s="14" t="s">
        <v>61</v>
      </c>
      <c r="G43076" s="16">
        <v>0</v>
      </c>
    </row>
    <row r="43077" spans="1:7" x14ac:dyDescent="0.3">
      <c r="A43077" s="13" t="s">
        <v>253</v>
      </c>
      <c r="B43077" s="14" t="s">
        <v>1</v>
      </c>
      <c r="C43077" s="14" t="s">
        <v>70</v>
      </c>
      <c r="D43077" s="14" t="s">
        <v>254</v>
      </c>
      <c r="E43077" s="15">
        <v>45383</v>
      </c>
      <c r="F43077" s="14" t="s">
        <v>15</v>
      </c>
      <c r="G43077" s="16">
        <v>0</v>
      </c>
    </row>
    <row r="43078" spans="1:7" x14ac:dyDescent="0.3">
      <c r="A43078" s="13" t="s">
        <v>253</v>
      </c>
      <c r="B43078" s="14" t="s">
        <v>1</v>
      </c>
      <c r="C43078" s="14" t="s">
        <v>70</v>
      </c>
      <c r="D43078" s="14" t="s">
        <v>254</v>
      </c>
      <c r="E43078" s="15">
        <v>45384</v>
      </c>
      <c r="F43078" s="14" t="s">
        <v>15</v>
      </c>
      <c r="G43078" s="16">
        <v>0</v>
      </c>
    </row>
    <row r="43079" spans="1:7" x14ac:dyDescent="0.3">
      <c r="A43079" s="13" t="s">
        <v>253</v>
      </c>
      <c r="B43079" s="14" t="s">
        <v>1</v>
      </c>
      <c r="C43079" s="14" t="s">
        <v>70</v>
      </c>
      <c r="D43079" s="14" t="s">
        <v>254</v>
      </c>
      <c r="E43079" s="15">
        <v>45385</v>
      </c>
      <c r="F43079" s="14" t="s">
        <v>15</v>
      </c>
      <c r="G43079" s="16">
        <v>3.2264825309233983E-2</v>
      </c>
    </row>
    <row r="43080" spans="1:7" x14ac:dyDescent="0.3">
      <c r="A43080" s="13" t="s">
        <v>253</v>
      </c>
      <c r="B43080" s="14" t="s">
        <v>1</v>
      </c>
      <c r="C43080" s="14" t="s">
        <v>70</v>
      </c>
      <c r="D43080" s="14" t="s">
        <v>254</v>
      </c>
      <c r="E43080" s="15">
        <v>45386</v>
      </c>
      <c r="F43080" s="14" t="s">
        <v>15</v>
      </c>
      <c r="G43080" s="16">
        <v>4.1184309982912899E-2</v>
      </c>
    </row>
    <row r="43081" spans="1:7" x14ac:dyDescent="0.3">
      <c r="A43081" s="13" t="s">
        <v>253</v>
      </c>
      <c r="B43081" s="14" t="s">
        <v>1</v>
      </c>
      <c r="C43081" s="14" t="s">
        <v>70</v>
      </c>
      <c r="D43081" s="14" t="s">
        <v>254</v>
      </c>
      <c r="E43081" s="15">
        <v>45387</v>
      </c>
      <c r="F43081" s="14" t="s">
        <v>15</v>
      </c>
      <c r="G43081" s="16">
        <v>5.9175821301891481E-2</v>
      </c>
    </row>
    <row r="43082" spans="1:7" x14ac:dyDescent="0.3">
      <c r="A43082" s="13" t="s">
        <v>253</v>
      </c>
      <c r="B43082" s="14" t="s">
        <v>1</v>
      </c>
      <c r="C43082" s="14" t="s">
        <v>70</v>
      </c>
      <c r="D43082" s="14" t="s">
        <v>254</v>
      </c>
      <c r="E43082" s="15">
        <v>45388</v>
      </c>
      <c r="F43082" s="14" t="s">
        <v>15</v>
      </c>
      <c r="G43082" s="16">
        <v>5.9175821301891481E-2</v>
      </c>
    </row>
    <row r="43083" spans="1:7" x14ac:dyDescent="0.3">
      <c r="A43083" s="13" t="s">
        <v>253</v>
      </c>
      <c r="B43083" s="14" t="s">
        <v>1</v>
      </c>
      <c r="C43083" s="14" t="s">
        <v>70</v>
      </c>
      <c r="D43083" s="14" t="s">
        <v>254</v>
      </c>
      <c r="E43083" s="15">
        <v>45389</v>
      </c>
      <c r="F43083" s="14" t="s">
        <v>15</v>
      </c>
      <c r="G43083" s="16">
        <v>5.9175821301891481E-2</v>
      </c>
    </row>
    <row r="43084" spans="1:7" x14ac:dyDescent="0.3">
      <c r="A43084" s="13" t="s">
        <v>253</v>
      </c>
      <c r="B43084" s="14" t="s">
        <v>1</v>
      </c>
      <c r="C43084" s="14" t="s">
        <v>70</v>
      </c>
      <c r="D43084" s="14" t="s">
        <v>254</v>
      </c>
      <c r="E43084" s="15">
        <v>45390</v>
      </c>
      <c r="F43084" s="14" t="s">
        <v>15</v>
      </c>
      <c r="G43084" s="16">
        <v>7.927419354602612E-2</v>
      </c>
    </row>
    <row r="43085" spans="1:7" x14ac:dyDescent="0.3">
      <c r="A43085" s="13" t="s">
        <v>253</v>
      </c>
      <c r="B43085" s="14" t="s">
        <v>1</v>
      </c>
      <c r="C43085" s="14" t="s">
        <v>70</v>
      </c>
      <c r="D43085" s="14" t="s">
        <v>254</v>
      </c>
      <c r="E43085" s="15">
        <v>45391</v>
      </c>
      <c r="F43085" s="14" t="s">
        <v>15</v>
      </c>
      <c r="G43085" s="16">
        <v>9.374092796958268E-2</v>
      </c>
    </row>
    <row r="43086" spans="1:7" x14ac:dyDescent="0.3">
      <c r="A43086" s="13" t="s">
        <v>253</v>
      </c>
      <c r="B43086" s="14" t="s">
        <v>1</v>
      </c>
      <c r="C43086" s="14" t="s">
        <v>70</v>
      </c>
      <c r="D43086" s="14" t="s">
        <v>254</v>
      </c>
      <c r="E43086" s="15">
        <v>45392</v>
      </c>
      <c r="F43086" s="14" t="s">
        <v>15</v>
      </c>
      <c r="G43086" s="16">
        <v>0.11148007120866793</v>
      </c>
    </row>
    <row r="43087" spans="1:7" x14ac:dyDescent="0.3">
      <c r="A43087" s="13" t="s">
        <v>253</v>
      </c>
      <c r="B43087" s="14" t="s">
        <v>1</v>
      </c>
      <c r="C43087" s="14" t="s">
        <v>70</v>
      </c>
      <c r="D43087" s="14" t="s">
        <v>254</v>
      </c>
      <c r="E43087" s="15">
        <v>45393</v>
      </c>
      <c r="F43087" s="14" t="s">
        <v>15</v>
      </c>
      <c r="G43087" s="16">
        <v>0.11508544667897999</v>
      </c>
    </row>
    <row r="43088" spans="1:7" x14ac:dyDescent="0.3">
      <c r="A43088" s="13" t="s">
        <v>253</v>
      </c>
      <c r="B43088" s="14" t="s">
        <v>1</v>
      </c>
      <c r="C43088" s="14" t="s">
        <v>70</v>
      </c>
      <c r="D43088" s="14" t="s">
        <v>254</v>
      </c>
      <c r="E43088" s="15">
        <v>45394</v>
      </c>
      <c r="F43088" s="14" t="s">
        <v>15</v>
      </c>
      <c r="G43088" s="16">
        <v>0.11902947809410672</v>
      </c>
    </row>
    <row r="43089" spans="1:7" x14ac:dyDescent="0.3">
      <c r="A43089" s="13" t="s">
        <v>253</v>
      </c>
      <c r="B43089" s="14" t="s">
        <v>1</v>
      </c>
      <c r="C43089" s="14" t="s">
        <v>70</v>
      </c>
      <c r="D43089" s="14" t="s">
        <v>254</v>
      </c>
      <c r="E43089" s="15">
        <v>45395</v>
      </c>
      <c r="F43089" s="14" t="s">
        <v>15</v>
      </c>
      <c r="G43089" s="16">
        <v>0.11902947809410672</v>
      </c>
    </row>
    <row r="43090" spans="1:7" x14ac:dyDescent="0.3">
      <c r="A43090" s="13" t="s">
        <v>253</v>
      </c>
      <c r="B43090" s="14" t="s">
        <v>1</v>
      </c>
      <c r="C43090" s="14" t="s">
        <v>70</v>
      </c>
      <c r="D43090" s="14" t="s">
        <v>254</v>
      </c>
      <c r="E43090" s="15">
        <v>45396</v>
      </c>
      <c r="F43090" s="14" t="s">
        <v>15</v>
      </c>
      <c r="G43090" s="16">
        <v>0.11902947809410672</v>
      </c>
    </row>
    <row r="43091" spans="1:7" x14ac:dyDescent="0.3">
      <c r="A43091" s="13" t="s">
        <v>253</v>
      </c>
      <c r="B43091" s="14" t="s">
        <v>1</v>
      </c>
      <c r="C43091" s="14" t="s">
        <v>70</v>
      </c>
      <c r="D43091" s="14" t="s">
        <v>254</v>
      </c>
      <c r="E43091" s="15">
        <v>45397</v>
      </c>
      <c r="F43091" s="14" t="s">
        <v>15</v>
      </c>
      <c r="G43091" s="16">
        <v>0.14490618595585622</v>
      </c>
    </row>
    <row r="43092" spans="1:7" x14ac:dyDescent="0.3">
      <c r="A43092" s="13" t="s">
        <v>253</v>
      </c>
      <c r="B43092" s="14" t="s">
        <v>1</v>
      </c>
      <c r="C43092" s="14" t="s">
        <v>70</v>
      </c>
      <c r="D43092" s="14" t="s">
        <v>254</v>
      </c>
      <c r="E43092" s="15">
        <v>45398</v>
      </c>
      <c r="F43092" s="14" t="s">
        <v>15</v>
      </c>
      <c r="G43092" s="16">
        <v>0.15945523274251386</v>
      </c>
    </row>
    <row r="43093" spans="1:7" x14ac:dyDescent="0.3">
      <c r="A43093" s="13" t="s">
        <v>253</v>
      </c>
      <c r="B43093" s="14" t="s">
        <v>1</v>
      </c>
      <c r="C43093" s="14" t="s">
        <v>70</v>
      </c>
      <c r="D43093" s="14" t="s">
        <v>254</v>
      </c>
      <c r="E43093" s="15">
        <v>45399</v>
      </c>
      <c r="F43093" s="14" t="s">
        <v>15</v>
      </c>
      <c r="G43093" s="16">
        <v>0.20291708340364067</v>
      </c>
    </row>
    <row r="43094" spans="1:7" x14ac:dyDescent="0.3">
      <c r="A43094" s="13" t="s">
        <v>253</v>
      </c>
      <c r="B43094" s="14" t="s">
        <v>1</v>
      </c>
      <c r="C43094" s="14" t="s">
        <v>70</v>
      </c>
      <c r="D43094" s="14" t="s">
        <v>254</v>
      </c>
      <c r="E43094" s="15">
        <v>45400</v>
      </c>
      <c r="F43094" s="14" t="s">
        <v>15</v>
      </c>
      <c r="G43094" s="16">
        <v>0.2069047268737188</v>
      </c>
    </row>
    <row r="43095" spans="1:7" x14ac:dyDescent="0.3">
      <c r="A43095" s="13" t="s">
        <v>253</v>
      </c>
      <c r="B43095" s="14" t="s">
        <v>1</v>
      </c>
      <c r="C43095" s="14" t="s">
        <v>70</v>
      </c>
      <c r="D43095" s="14" t="s">
        <v>254</v>
      </c>
      <c r="E43095" s="15">
        <v>45401</v>
      </c>
      <c r="F43095" s="14" t="s">
        <v>15</v>
      </c>
      <c r="G43095" s="16">
        <v>0.21603054867105576</v>
      </c>
    </row>
    <row r="43096" spans="1:7" x14ac:dyDescent="0.3">
      <c r="A43096" s="13" t="s">
        <v>253</v>
      </c>
      <c r="B43096" s="14" t="s">
        <v>1</v>
      </c>
      <c r="C43096" s="14" t="s">
        <v>70</v>
      </c>
      <c r="D43096" s="14" t="s">
        <v>254</v>
      </c>
      <c r="E43096" s="15">
        <v>45402</v>
      </c>
      <c r="F43096" s="14" t="s">
        <v>15</v>
      </c>
      <c r="G43096" s="16">
        <v>0.21603054867105576</v>
      </c>
    </row>
    <row r="43097" spans="1:7" x14ac:dyDescent="0.3">
      <c r="A43097" s="13" t="s">
        <v>253</v>
      </c>
      <c r="B43097" s="14" t="s">
        <v>1</v>
      </c>
      <c r="C43097" s="14" t="s">
        <v>70</v>
      </c>
      <c r="D43097" s="14" t="s">
        <v>254</v>
      </c>
      <c r="E43097" s="15">
        <v>45403</v>
      </c>
      <c r="F43097" s="14" t="s">
        <v>15</v>
      </c>
      <c r="G43097" s="16">
        <v>0.21603054867105576</v>
      </c>
    </row>
    <row r="43098" spans="1:7" x14ac:dyDescent="0.3">
      <c r="A43098" s="13" t="s">
        <v>253</v>
      </c>
      <c r="B43098" s="14" t="s">
        <v>1</v>
      </c>
      <c r="C43098" s="14" t="s">
        <v>70</v>
      </c>
      <c r="D43098" s="14" t="s">
        <v>254</v>
      </c>
      <c r="E43098" s="15">
        <v>45404</v>
      </c>
      <c r="F43098" s="14" t="s">
        <v>15</v>
      </c>
      <c r="G43098" s="16">
        <v>0.22480495505413844</v>
      </c>
    </row>
    <row r="43099" spans="1:7" x14ac:dyDescent="0.3">
      <c r="A43099" s="13" t="s">
        <v>253</v>
      </c>
      <c r="B43099" s="14" t="s">
        <v>1</v>
      </c>
      <c r="C43099" s="14" t="s">
        <v>70</v>
      </c>
      <c r="D43099" s="14" t="s">
        <v>254</v>
      </c>
      <c r="E43099" s="15">
        <v>45405</v>
      </c>
      <c r="F43099" s="14" t="s">
        <v>15</v>
      </c>
      <c r="G43099" s="16">
        <v>0.25616710202735915</v>
      </c>
    </row>
    <row r="43100" spans="1:7" x14ac:dyDescent="0.3">
      <c r="A43100" s="13" t="s">
        <v>253</v>
      </c>
      <c r="B43100" s="14" t="s">
        <v>1</v>
      </c>
      <c r="C43100" s="14" t="s">
        <v>70</v>
      </c>
      <c r="D43100" s="14" t="s">
        <v>254</v>
      </c>
      <c r="E43100" s="15">
        <v>45406</v>
      </c>
      <c r="F43100" s="14" t="s">
        <v>15</v>
      </c>
      <c r="G43100" s="16">
        <v>0.26402035891055564</v>
      </c>
    </row>
    <row r="43101" spans="1:7" x14ac:dyDescent="0.3">
      <c r="A43101" s="13" t="s">
        <v>253</v>
      </c>
      <c r="B43101" s="14" t="s">
        <v>1</v>
      </c>
      <c r="C43101" s="14" t="s">
        <v>70</v>
      </c>
      <c r="D43101" s="14" t="s">
        <v>254</v>
      </c>
      <c r="E43101" s="15">
        <v>45407</v>
      </c>
      <c r="F43101" s="14" t="s">
        <v>15</v>
      </c>
      <c r="G43101" s="16">
        <v>0.31260288666489916</v>
      </c>
    </row>
    <row r="43102" spans="1:7" x14ac:dyDescent="0.3">
      <c r="A43102" s="13" t="s">
        <v>253</v>
      </c>
      <c r="B43102" s="14" t="s">
        <v>1</v>
      </c>
      <c r="C43102" s="14" t="s">
        <v>70</v>
      </c>
      <c r="D43102" s="14" t="s">
        <v>254</v>
      </c>
      <c r="E43102" s="15">
        <v>45408</v>
      </c>
      <c r="F43102" s="14" t="s">
        <v>15</v>
      </c>
      <c r="G43102" s="16">
        <v>0.31759750133710901</v>
      </c>
    </row>
    <row r="43103" spans="1:7" x14ac:dyDescent="0.3">
      <c r="A43103" s="13" t="s">
        <v>253</v>
      </c>
      <c r="B43103" s="14" t="s">
        <v>1</v>
      </c>
      <c r="C43103" s="14" t="s">
        <v>70</v>
      </c>
      <c r="D43103" s="14" t="s">
        <v>254</v>
      </c>
      <c r="E43103" s="15">
        <v>45409</v>
      </c>
      <c r="F43103" s="14" t="s">
        <v>15</v>
      </c>
      <c r="G43103" s="16">
        <v>0.31759750133710901</v>
      </c>
    </row>
    <row r="43104" spans="1:7" x14ac:dyDescent="0.3">
      <c r="A43104" s="13" t="s">
        <v>253</v>
      </c>
      <c r="B43104" s="14" t="s">
        <v>1</v>
      </c>
      <c r="C43104" s="14" t="s">
        <v>70</v>
      </c>
      <c r="D43104" s="14" t="s">
        <v>254</v>
      </c>
      <c r="E43104" s="15">
        <v>45410</v>
      </c>
      <c r="F43104" s="14" t="s">
        <v>15</v>
      </c>
      <c r="G43104" s="16">
        <v>0.31759750133710901</v>
      </c>
    </row>
    <row r="43105" spans="1:7" x14ac:dyDescent="0.3">
      <c r="A43105" s="13" t="s">
        <v>253</v>
      </c>
      <c r="B43105" s="14" t="s">
        <v>1</v>
      </c>
      <c r="C43105" s="14" t="s">
        <v>70</v>
      </c>
      <c r="D43105" s="14" t="s">
        <v>254</v>
      </c>
      <c r="E43105" s="15">
        <v>45411</v>
      </c>
      <c r="F43105" s="14" t="s">
        <v>15</v>
      </c>
      <c r="G43105" s="16">
        <v>0.32157165356299078</v>
      </c>
    </row>
    <row r="43106" spans="1:7" x14ac:dyDescent="0.3">
      <c r="A43106" s="13" t="s">
        <v>253</v>
      </c>
      <c r="B43106" s="14" t="s">
        <v>1</v>
      </c>
      <c r="C43106" s="14" t="s">
        <v>70</v>
      </c>
      <c r="D43106" s="14" t="s">
        <v>254</v>
      </c>
      <c r="E43106" s="15">
        <v>45412</v>
      </c>
      <c r="F43106" s="14" t="s">
        <v>15</v>
      </c>
      <c r="G43106" s="16">
        <v>0.33518510609942109</v>
      </c>
    </row>
    <row r="43107" spans="1:7" x14ac:dyDescent="0.3">
      <c r="A43107" s="13" t="s">
        <v>253</v>
      </c>
      <c r="B43107" s="14" t="s">
        <v>1</v>
      </c>
      <c r="C43107" s="14" t="s">
        <v>70</v>
      </c>
      <c r="D43107" s="14" t="s">
        <v>254</v>
      </c>
      <c r="E43107" s="15">
        <v>45413</v>
      </c>
      <c r="F43107" s="14" t="s">
        <v>15</v>
      </c>
      <c r="G43107" s="16">
        <v>0.33518510609942109</v>
      </c>
    </row>
    <row r="43108" spans="1:7" x14ac:dyDescent="0.3">
      <c r="A43108" s="13" t="s">
        <v>253</v>
      </c>
      <c r="B43108" s="14" t="s">
        <v>1</v>
      </c>
      <c r="C43108" s="14" t="s">
        <v>70</v>
      </c>
      <c r="D43108" s="14" t="s">
        <v>254</v>
      </c>
      <c r="E43108" s="15">
        <v>45414</v>
      </c>
      <c r="F43108" s="14" t="s">
        <v>15</v>
      </c>
      <c r="G43108" s="16">
        <v>0.37652518736600793</v>
      </c>
    </row>
    <row r="43109" spans="1:7" x14ac:dyDescent="0.3">
      <c r="A43109" s="13" t="s">
        <v>253</v>
      </c>
      <c r="B43109" s="14" t="s">
        <v>1</v>
      </c>
      <c r="C43109" s="14" t="s">
        <v>70</v>
      </c>
      <c r="D43109" s="14" t="s">
        <v>254</v>
      </c>
      <c r="E43109" s="15">
        <v>45415</v>
      </c>
      <c r="F43109" s="14" t="s">
        <v>15</v>
      </c>
      <c r="G43109" s="16">
        <v>0.38604912125002211</v>
      </c>
    </row>
    <row r="43110" spans="1:7" x14ac:dyDescent="0.3">
      <c r="A43110" s="13" t="s">
        <v>253</v>
      </c>
      <c r="B43110" s="14" t="s">
        <v>1</v>
      </c>
      <c r="C43110" s="14" t="s">
        <v>70</v>
      </c>
      <c r="D43110" s="14" t="s">
        <v>254</v>
      </c>
      <c r="E43110" s="15">
        <v>45416</v>
      </c>
      <c r="F43110" s="14" t="s">
        <v>15</v>
      </c>
      <c r="G43110" s="16">
        <v>0.38604912125002211</v>
      </c>
    </row>
    <row r="43111" spans="1:7" x14ac:dyDescent="0.3">
      <c r="A43111" s="13" t="s">
        <v>253</v>
      </c>
      <c r="B43111" s="14" t="s">
        <v>1</v>
      </c>
      <c r="C43111" s="14" t="s">
        <v>70</v>
      </c>
      <c r="D43111" s="14" t="s">
        <v>254</v>
      </c>
      <c r="E43111" s="15">
        <v>45417</v>
      </c>
      <c r="F43111" s="14" t="s">
        <v>15</v>
      </c>
      <c r="G43111" s="16">
        <v>0.38604912125002211</v>
      </c>
    </row>
    <row r="43112" spans="1:7" x14ac:dyDescent="0.3">
      <c r="A43112" s="13" t="s">
        <v>253</v>
      </c>
      <c r="B43112" s="14" t="s">
        <v>1</v>
      </c>
      <c r="C43112" s="14" t="s">
        <v>70</v>
      </c>
      <c r="D43112" s="14" t="s">
        <v>254</v>
      </c>
      <c r="E43112" s="15">
        <v>45418</v>
      </c>
      <c r="F43112" s="14" t="s">
        <v>15</v>
      </c>
      <c r="G43112" s="16">
        <v>0.38604912125002211</v>
      </c>
    </row>
    <row r="43113" spans="1:7" x14ac:dyDescent="0.3">
      <c r="A43113" s="13" t="s">
        <v>253</v>
      </c>
      <c r="B43113" s="14" t="s">
        <v>1</v>
      </c>
      <c r="C43113" s="14" t="s">
        <v>70</v>
      </c>
      <c r="D43113" s="14" t="s">
        <v>254</v>
      </c>
      <c r="E43113" s="15">
        <v>45419</v>
      </c>
      <c r="F43113" s="14" t="s">
        <v>15</v>
      </c>
      <c r="G43113" s="16">
        <v>0.41357949061653021</v>
      </c>
    </row>
    <row r="43114" spans="1:7" x14ac:dyDescent="0.3">
      <c r="A43114" s="13" t="s">
        <v>253</v>
      </c>
      <c r="B43114" s="14" t="s">
        <v>1</v>
      </c>
      <c r="C43114" s="14" t="s">
        <v>70</v>
      </c>
      <c r="D43114" s="14" t="s">
        <v>254</v>
      </c>
      <c r="E43114" s="15">
        <v>45420</v>
      </c>
      <c r="F43114" s="14" t="s">
        <v>15</v>
      </c>
      <c r="G43114" s="16">
        <v>0.43569309377696902</v>
      </c>
    </row>
    <row r="43115" spans="1:7" x14ac:dyDescent="0.3">
      <c r="A43115" s="13" t="s">
        <v>253</v>
      </c>
      <c r="B43115" s="14" t="s">
        <v>1</v>
      </c>
      <c r="C43115" s="14" t="s">
        <v>70</v>
      </c>
      <c r="D43115" s="14" t="s">
        <v>254</v>
      </c>
      <c r="E43115" s="15">
        <v>45421</v>
      </c>
      <c r="F43115" s="14" t="s">
        <v>15</v>
      </c>
      <c r="G43115" s="16">
        <v>0.43569309377696902</v>
      </c>
    </row>
    <row r="43116" spans="1:7" x14ac:dyDescent="0.3">
      <c r="A43116" s="13" t="s">
        <v>253</v>
      </c>
      <c r="B43116" s="14" t="s">
        <v>1</v>
      </c>
      <c r="C43116" s="14" t="s">
        <v>70</v>
      </c>
      <c r="D43116" s="14" t="s">
        <v>254</v>
      </c>
      <c r="E43116" s="15">
        <v>45422</v>
      </c>
      <c r="F43116" s="14" t="s">
        <v>15</v>
      </c>
      <c r="G43116" s="16">
        <v>0.43962636064376437</v>
      </c>
    </row>
    <row r="43117" spans="1:7" x14ac:dyDescent="0.3">
      <c r="A43117" s="13" t="s">
        <v>253</v>
      </c>
      <c r="B43117" s="14" t="s">
        <v>1</v>
      </c>
      <c r="C43117" s="14" t="s">
        <v>70</v>
      </c>
      <c r="D43117" s="14" t="s">
        <v>254</v>
      </c>
      <c r="E43117" s="15">
        <v>45423</v>
      </c>
      <c r="F43117" s="14" t="s">
        <v>15</v>
      </c>
      <c r="G43117" s="16">
        <v>0.43962636064376437</v>
      </c>
    </row>
    <row r="43118" spans="1:7" x14ac:dyDescent="0.3">
      <c r="A43118" s="13" t="s">
        <v>253</v>
      </c>
      <c r="B43118" s="14" t="s">
        <v>1</v>
      </c>
      <c r="C43118" s="14" t="s">
        <v>70</v>
      </c>
      <c r="D43118" s="14" t="s">
        <v>254</v>
      </c>
      <c r="E43118" s="15">
        <v>45424</v>
      </c>
      <c r="F43118" s="14" t="s">
        <v>15</v>
      </c>
      <c r="G43118" s="16">
        <v>0.43962636064376437</v>
      </c>
    </row>
    <row r="43119" spans="1:7" x14ac:dyDescent="0.3">
      <c r="A43119" s="13" t="s">
        <v>253</v>
      </c>
      <c r="B43119" s="14" t="s">
        <v>1</v>
      </c>
      <c r="C43119" s="14" t="s">
        <v>70</v>
      </c>
      <c r="D43119" s="14" t="s">
        <v>254</v>
      </c>
      <c r="E43119" s="15">
        <v>45425</v>
      </c>
      <c r="F43119" s="14" t="s">
        <v>15</v>
      </c>
      <c r="G43119" s="16">
        <v>0.55523743386096447</v>
      </c>
    </row>
    <row r="43120" spans="1:7" x14ac:dyDescent="0.3">
      <c r="A43120" s="13" t="s">
        <v>253</v>
      </c>
      <c r="B43120" s="14" t="s">
        <v>1</v>
      </c>
      <c r="C43120" s="14" t="s">
        <v>70</v>
      </c>
      <c r="D43120" s="14" t="s">
        <v>254</v>
      </c>
      <c r="E43120" s="15">
        <v>45426</v>
      </c>
      <c r="F43120" s="14" t="s">
        <v>15</v>
      </c>
      <c r="G43120" s="16">
        <v>0.59220526314242006</v>
      </c>
    </row>
    <row r="43121" spans="1:7" x14ac:dyDescent="0.3">
      <c r="A43121" s="13" t="s">
        <v>253</v>
      </c>
      <c r="B43121" s="14" t="s">
        <v>1</v>
      </c>
      <c r="C43121" s="14" t="s">
        <v>70</v>
      </c>
      <c r="D43121" s="14" t="s">
        <v>254</v>
      </c>
      <c r="E43121" s="15">
        <v>45427</v>
      </c>
      <c r="F43121" s="14" t="s">
        <v>15</v>
      </c>
      <c r="G43121" s="16">
        <v>0.60230361435241964</v>
      </c>
    </row>
    <row r="43122" spans="1:7" x14ac:dyDescent="0.3">
      <c r="A43122" s="13" t="s">
        <v>253</v>
      </c>
      <c r="B43122" s="14" t="s">
        <v>1</v>
      </c>
      <c r="C43122" s="14" t="s">
        <v>70</v>
      </c>
      <c r="D43122" s="14" t="s">
        <v>254</v>
      </c>
      <c r="E43122" s="15">
        <v>45428</v>
      </c>
      <c r="F43122" s="14" t="s">
        <v>15</v>
      </c>
      <c r="G43122" s="16">
        <v>0.60818930919490621</v>
      </c>
    </row>
    <row r="43123" spans="1:7" x14ac:dyDescent="0.3">
      <c r="A43123" s="13" t="s">
        <v>253</v>
      </c>
      <c r="B43123" s="14" t="s">
        <v>1</v>
      </c>
      <c r="C43123" s="14" t="s">
        <v>70</v>
      </c>
      <c r="D43123" s="14" t="s">
        <v>254</v>
      </c>
      <c r="E43123" s="15">
        <v>45429</v>
      </c>
      <c r="F43123" s="14" t="s">
        <v>15</v>
      </c>
      <c r="G43123" s="16">
        <v>0.69905783781297659</v>
      </c>
    </row>
    <row r="43124" spans="1:7" x14ac:dyDescent="0.3">
      <c r="A43124" s="13" t="s">
        <v>253</v>
      </c>
      <c r="B43124" s="14" t="s">
        <v>1</v>
      </c>
      <c r="C43124" s="14" t="s">
        <v>70</v>
      </c>
      <c r="D43124" s="14" t="s">
        <v>254</v>
      </c>
      <c r="E43124" s="15">
        <v>45430</v>
      </c>
      <c r="F43124" s="14" t="s">
        <v>15</v>
      </c>
      <c r="G43124" s="16">
        <v>0.69905783781297659</v>
      </c>
    </row>
    <row r="43125" spans="1:7" x14ac:dyDescent="0.3">
      <c r="A43125" s="13" t="s">
        <v>253</v>
      </c>
      <c r="B43125" s="14" t="s">
        <v>1</v>
      </c>
      <c r="C43125" s="14" t="s">
        <v>70</v>
      </c>
      <c r="D43125" s="14" t="s">
        <v>254</v>
      </c>
      <c r="E43125" s="15">
        <v>45431</v>
      </c>
      <c r="F43125" s="14" t="s">
        <v>15</v>
      </c>
      <c r="G43125" s="16">
        <v>0.69905783781297659</v>
      </c>
    </row>
    <row r="43126" spans="1:7" x14ac:dyDescent="0.3">
      <c r="A43126" s="13" t="s">
        <v>253</v>
      </c>
      <c r="B43126" s="14" t="s">
        <v>1</v>
      </c>
      <c r="C43126" s="14" t="s">
        <v>70</v>
      </c>
      <c r="D43126" s="14" t="s">
        <v>254</v>
      </c>
      <c r="E43126" s="15">
        <v>45432</v>
      </c>
      <c r="F43126" s="14" t="s">
        <v>15</v>
      </c>
      <c r="G43126" s="16">
        <v>0.69905783781297659</v>
      </c>
    </row>
    <row r="43127" spans="1:7" x14ac:dyDescent="0.3">
      <c r="A43127" s="13" t="s">
        <v>253</v>
      </c>
      <c r="B43127" s="14" t="s">
        <v>1</v>
      </c>
      <c r="C43127" s="14" t="s">
        <v>70</v>
      </c>
      <c r="D43127" s="14" t="s">
        <v>254</v>
      </c>
      <c r="E43127" s="15">
        <v>45433</v>
      </c>
      <c r="F43127" s="14" t="s">
        <v>15</v>
      </c>
      <c r="G43127" s="16">
        <v>0.7027174171275925</v>
      </c>
    </row>
    <row r="43128" spans="1:7" x14ac:dyDescent="0.3">
      <c r="A43128" s="13" t="s">
        <v>253</v>
      </c>
      <c r="B43128" s="14" t="s">
        <v>1</v>
      </c>
      <c r="C43128" s="14" t="s">
        <v>70</v>
      </c>
      <c r="D43128" s="14" t="s">
        <v>254</v>
      </c>
      <c r="E43128" s="15">
        <v>45434</v>
      </c>
      <c r="F43128" s="14" t="s">
        <v>15</v>
      </c>
      <c r="G43128" s="16">
        <v>0.73840696427558727</v>
      </c>
    </row>
    <row r="43129" spans="1:7" x14ac:dyDescent="0.3">
      <c r="A43129" s="13" t="s">
        <v>253</v>
      </c>
      <c r="B43129" s="14" t="s">
        <v>1</v>
      </c>
      <c r="C43129" s="14" t="s">
        <v>70</v>
      </c>
      <c r="D43129" s="14" t="s">
        <v>254</v>
      </c>
      <c r="E43129" s="15">
        <v>45435</v>
      </c>
      <c r="F43129" s="14" t="s">
        <v>15</v>
      </c>
      <c r="G43129" s="16">
        <v>0.74318309876317656</v>
      </c>
    </row>
    <row r="43130" spans="1:7" x14ac:dyDescent="0.3">
      <c r="A43130" s="13" t="s">
        <v>253</v>
      </c>
      <c r="B43130" s="14" t="s">
        <v>1</v>
      </c>
      <c r="C43130" s="14" t="s">
        <v>70</v>
      </c>
      <c r="D43130" s="14" t="s">
        <v>254</v>
      </c>
      <c r="E43130" s="15">
        <v>45436</v>
      </c>
      <c r="F43130" s="14" t="s">
        <v>15</v>
      </c>
      <c r="G43130" s="16">
        <v>0.74710063206941335</v>
      </c>
    </row>
    <row r="43131" spans="1:7" x14ac:dyDescent="0.3">
      <c r="A43131" s="13" t="s">
        <v>253</v>
      </c>
      <c r="B43131" s="14" t="s">
        <v>1</v>
      </c>
      <c r="C43131" s="14" t="s">
        <v>70</v>
      </c>
      <c r="D43131" s="14" t="s">
        <v>254</v>
      </c>
      <c r="E43131" s="15">
        <v>45437</v>
      </c>
      <c r="F43131" s="14" t="s">
        <v>15</v>
      </c>
      <c r="G43131" s="16">
        <v>0.74710063206941335</v>
      </c>
    </row>
    <row r="43132" spans="1:7" x14ac:dyDescent="0.3">
      <c r="A43132" s="13" t="s">
        <v>253</v>
      </c>
      <c r="B43132" s="14" t="s">
        <v>1</v>
      </c>
      <c r="C43132" s="14" t="s">
        <v>70</v>
      </c>
      <c r="D43132" s="14" t="s">
        <v>254</v>
      </c>
      <c r="E43132" s="15">
        <v>45438</v>
      </c>
      <c r="F43132" s="14" t="s">
        <v>15</v>
      </c>
      <c r="G43132" s="16">
        <v>0.74710063206941335</v>
      </c>
    </row>
    <row r="43133" spans="1:7" x14ac:dyDescent="0.3">
      <c r="A43133" s="13" t="s">
        <v>253</v>
      </c>
      <c r="B43133" s="14" t="s">
        <v>1</v>
      </c>
      <c r="C43133" s="14" t="s">
        <v>70</v>
      </c>
      <c r="D43133" s="14" t="s">
        <v>254</v>
      </c>
      <c r="E43133" s="15">
        <v>45439</v>
      </c>
      <c r="F43133" s="14" t="s">
        <v>15</v>
      </c>
      <c r="G43133" s="16">
        <v>0.74275563971895464</v>
      </c>
    </row>
    <row r="43134" spans="1:7" x14ac:dyDescent="0.3">
      <c r="A43134" s="13" t="s">
        <v>253</v>
      </c>
      <c r="B43134" s="14" t="s">
        <v>1</v>
      </c>
      <c r="C43134" s="14" t="s">
        <v>70</v>
      </c>
      <c r="D43134" s="14" t="s">
        <v>254</v>
      </c>
      <c r="E43134" s="15">
        <v>45440</v>
      </c>
      <c r="F43134" s="14" t="s">
        <v>15</v>
      </c>
      <c r="G43134" s="16">
        <v>0.7545244589206076</v>
      </c>
    </row>
    <row r="43135" spans="1:7" x14ac:dyDescent="0.3">
      <c r="A43135" s="13" t="s">
        <v>253</v>
      </c>
      <c r="B43135" s="14" t="s">
        <v>1</v>
      </c>
      <c r="C43135" s="14" t="s">
        <v>70</v>
      </c>
      <c r="D43135" s="14" t="s">
        <v>254</v>
      </c>
      <c r="E43135" s="15">
        <v>45441</v>
      </c>
      <c r="F43135" s="14" t="s">
        <v>15</v>
      </c>
      <c r="G43135" s="16">
        <v>0.76026591035897928</v>
      </c>
    </row>
    <row r="43136" spans="1:7" x14ac:dyDescent="0.3">
      <c r="A43136" s="13" t="s">
        <v>253</v>
      </c>
      <c r="B43136" s="14" t="s">
        <v>1</v>
      </c>
      <c r="C43136" s="14" t="s">
        <v>70</v>
      </c>
      <c r="D43136" s="14" t="s">
        <v>254</v>
      </c>
      <c r="E43136" s="15">
        <v>45442</v>
      </c>
      <c r="F43136" s="14" t="s">
        <v>15</v>
      </c>
      <c r="G43136" s="16">
        <v>0.76096967862352805</v>
      </c>
    </row>
    <row r="43137" spans="1:7" x14ac:dyDescent="0.3">
      <c r="A43137" s="13" t="s">
        <v>253</v>
      </c>
      <c r="B43137" s="14" t="s">
        <v>1</v>
      </c>
      <c r="C43137" s="14" t="s">
        <v>70</v>
      </c>
      <c r="D43137" s="14" t="s">
        <v>254</v>
      </c>
      <c r="E43137" s="15">
        <v>45443</v>
      </c>
      <c r="F43137" s="14" t="s">
        <v>15</v>
      </c>
      <c r="G43137" s="16">
        <v>0.76885425863875267</v>
      </c>
    </row>
    <row r="43138" spans="1:7" x14ac:dyDescent="0.3">
      <c r="A43138" s="13" t="s">
        <v>253</v>
      </c>
      <c r="B43138" s="14" t="s">
        <v>1</v>
      </c>
      <c r="C43138" s="14" t="s">
        <v>70</v>
      </c>
      <c r="D43138" s="14" t="s">
        <v>254</v>
      </c>
      <c r="E43138" s="15">
        <v>45444</v>
      </c>
      <c r="F43138" s="14" t="s">
        <v>15</v>
      </c>
      <c r="G43138" s="16">
        <v>0.76885425863875267</v>
      </c>
    </row>
    <row r="43139" spans="1:7" x14ac:dyDescent="0.3">
      <c r="A43139" s="13" t="s">
        <v>253</v>
      </c>
      <c r="B43139" s="14" t="s">
        <v>1</v>
      </c>
      <c r="C43139" s="14" t="s">
        <v>70</v>
      </c>
      <c r="D43139" s="14" t="s">
        <v>254</v>
      </c>
      <c r="E43139" s="15">
        <v>45445</v>
      </c>
      <c r="F43139" s="14" t="s">
        <v>15</v>
      </c>
      <c r="G43139" s="16">
        <v>0.76885425863875267</v>
      </c>
    </row>
    <row r="43140" spans="1:7" x14ac:dyDescent="0.3">
      <c r="A43140" s="13" t="s">
        <v>253</v>
      </c>
      <c r="B43140" s="14" t="s">
        <v>1</v>
      </c>
      <c r="C43140" s="14" t="s">
        <v>70</v>
      </c>
      <c r="D43140" s="14" t="s">
        <v>254</v>
      </c>
      <c r="E43140" s="15">
        <v>45446</v>
      </c>
      <c r="F43140" s="14" t="s">
        <v>15</v>
      </c>
      <c r="G43140" s="16">
        <v>0.76885425863875267</v>
      </c>
    </row>
    <row r="43141" spans="1:7" x14ac:dyDescent="0.3">
      <c r="A43141" s="13" t="s">
        <v>253</v>
      </c>
      <c r="B43141" s="14" t="s">
        <v>1</v>
      </c>
      <c r="C43141" s="14" t="s">
        <v>70</v>
      </c>
      <c r="D43141" s="14" t="s">
        <v>254</v>
      </c>
      <c r="E43141" s="15">
        <v>45447</v>
      </c>
      <c r="F43141" s="14" t="s">
        <v>15</v>
      </c>
      <c r="G43141" s="16">
        <v>0.78475142066948844</v>
      </c>
    </row>
    <row r="43142" spans="1:7" x14ac:dyDescent="0.3">
      <c r="A43142" s="13" t="s">
        <v>253</v>
      </c>
      <c r="B43142" s="14" t="s">
        <v>1</v>
      </c>
      <c r="C43142" s="14" t="s">
        <v>70</v>
      </c>
      <c r="D43142" s="14" t="s">
        <v>254</v>
      </c>
      <c r="E43142" s="15">
        <v>45448</v>
      </c>
      <c r="F43142" s="14" t="s">
        <v>15</v>
      </c>
      <c r="G43142" s="16">
        <v>0.82015139498480039</v>
      </c>
    </row>
    <row r="43143" spans="1:7" x14ac:dyDescent="0.3">
      <c r="A43143" s="13" t="s">
        <v>253</v>
      </c>
      <c r="B43143" s="14" t="s">
        <v>1</v>
      </c>
      <c r="C43143" s="14" t="s">
        <v>70</v>
      </c>
      <c r="D43143" s="14" t="s">
        <v>254</v>
      </c>
      <c r="E43143" s="15">
        <v>45449</v>
      </c>
      <c r="F43143" s="14" t="s">
        <v>15</v>
      </c>
      <c r="G43143" s="16">
        <v>0.82407323875121752</v>
      </c>
    </row>
    <row r="43144" spans="1:7" x14ac:dyDescent="0.3">
      <c r="A43144" s="13" t="s">
        <v>253</v>
      </c>
      <c r="B43144" s="14" t="s">
        <v>1</v>
      </c>
      <c r="C43144" s="14" t="s">
        <v>70</v>
      </c>
      <c r="D43144" s="14" t="s">
        <v>254</v>
      </c>
      <c r="E43144" s="15">
        <v>45450</v>
      </c>
      <c r="F43144" s="14" t="s">
        <v>15</v>
      </c>
      <c r="G43144" s="16">
        <v>0.8279549650258321</v>
      </c>
    </row>
    <row r="43145" spans="1:7" x14ac:dyDescent="0.3">
      <c r="A43145" s="13" t="s">
        <v>253</v>
      </c>
      <c r="B43145" s="14" t="s">
        <v>1</v>
      </c>
      <c r="C43145" s="14" t="s">
        <v>70</v>
      </c>
      <c r="D43145" s="14" t="s">
        <v>254</v>
      </c>
      <c r="E43145" s="15">
        <v>45451</v>
      </c>
      <c r="F43145" s="14" t="s">
        <v>15</v>
      </c>
      <c r="G43145" s="16">
        <v>0.8279549650258321</v>
      </c>
    </row>
    <row r="43146" spans="1:7" x14ac:dyDescent="0.3">
      <c r="A43146" s="13" t="s">
        <v>253</v>
      </c>
      <c r="B43146" s="14" t="s">
        <v>1</v>
      </c>
      <c r="C43146" s="14" t="s">
        <v>70</v>
      </c>
      <c r="D43146" s="14" t="s">
        <v>254</v>
      </c>
      <c r="E43146" s="15">
        <v>45452</v>
      </c>
      <c r="F43146" s="14" t="s">
        <v>15</v>
      </c>
      <c r="G43146" s="16">
        <v>0.8279549650258321</v>
      </c>
    </row>
    <row r="43147" spans="1:7" x14ac:dyDescent="0.3">
      <c r="A43147" s="13" t="s">
        <v>253</v>
      </c>
      <c r="B43147" s="14" t="s">
        <v>1</v>
      </c>
      <c r="C43147" s="14" t="s">
        <v>70</v>
      </c>
      <c r="D43147" s="14" t="s">
        <v>254</v>
      </c>
      <c r="E43147" s="15">
        <v>45453</v>
      </c>
      <c r="F43147" s="14" t="s">
        <v>15</v>
      </c>
      <c r="G43147" s="16">
        <v>0.8411565753895961</v>
      </c>
    </row>
    <row r="43148" spans="1:7" x14ac:dyDescent="0.3">
      <c r="A43148" s="13" t="s">
        <v>253</v>
      </c>
      <c r="B43148" s="14" t="s">
        <v>1</v>
      </c>
      <c r="C43148" s="14" t="s">
        <v>70</v>
      </c>
      <c r="D43148" s="14" t="s">
        <v>254</v>
      </c>
      <c r="E43148" s="15">
        <v>45454</v>
      </c>
      <c r="F43148" s="14" t="s">
        <v>15</v>
      </c>
      <c r="G43148" s="16">
        <v>0.85412575303710614</v>
      </c>
    </row>
    <row r="43149" spans="1:7" x14ac:dyDescent="0.3">
      <c r="A43149" s="13" t="s">
        <v>253</v>
      </c>
      <c r="B43149" s="14" t="s">
        <v>1</v>
      </c>
      <c r="C43149" s="14" t="s">
        <v>70</v>
      </c>
      <c r="D43149" s="14" t="s">
        <v>254</v>
      </c>
      <c r="E43149" s="15">
        <v>45455</v>
      </c>
      <c r="F43149" s="14" t="s">
        <v>15</v>
      </c>
      <c r="G43149" s="16">
        <v>0.86635084030927256</v>
      </c>
    </row>
    <row r="43150" spans="1:7" x14ac:dyDescent="0.3">
      <c r="A43150" s="13" t="s">
        <v>253</v>
      </c>
      <c r="B43150" s="14" t="s">
        <v>1</v>
      </c>
      <c r="C43150" s="14" t="s">
        <v>70</v>
      </c>
      <c r="D43150" s="14" t="s">
        <v>254</v>
      </c>
      <c r="E43150" s="15">
        <v>45456</v>
      </c>
      <c r="F43150" s="14" t="s">
        <v>15</v>
      </c>
      <c r="G43150" s="16">
        <v>0.87454347180197634</v>
      </c>
    </row>
    <row r="43151" spans="1:7" x14ac:dyDescent="0.3">
      <c r="A43151" s="13" t="s">
        <v>253</v>
      </c>
      <c r="B43151" s="14" t="s">
        <v>1</v>
      </c>
      <c r="C43151" s="14" t="s">
        <v>70</v>
      </c>
      <c r="D43151" s="14" t="s">
        <v>254</v>
      </c>
      <c r="E43151" s="15">
        <v>45457</v>
      </c>
      <c r="F43151" s="14" t="s">
        <v>15</v>
      </c>
      <c r="G43151" s="16">
        <v>0.88370802244223789</v>
      </c>
    </row>
    <row r="43152" spans="1:7" x14ac:dyDescent="0.3">
      <c r="A43152" s="13" t="s">
        <v>253</v>
      </c>
      <c r="B43152" s="14" t="s">
        <v>1</v>
      </c>
      <c r="C43152" s="14" t="s">
        <v>70</v>
      </c>
      <c r="D43152" s="14" t="s">
        <v>254</v>
      </c>
      <c r="E43152" s="15">
        <v>45458</v>
      </c>
      <c r="F43152" s="14" t="s">
        <v>15</v>
      </c>
      <c r="G43152" s="16">
        <v>0.88370802244223789</v>
      </c>
    </row>
    <row r="43153" spans="1:7" x14ac:dyDescent="0.3">
      <c r="A43153" s="13" t="s">
        <v>253</v>
      </c>
      <c r="B43153" s="14" t="s">
        <v>1</v>
      </c>
      <c r="C43153" s="14" t="s">
        <v>70</v>
      </c>
      <c r="D43153" s="14" t="s">
        <v>254</v>
      </c>
      <c r="E43153" s="15">
        <v>45459</v>
      </c>
      <c r="F43153" s="14" t="s">
        <v>15</v>
      </c>
      <c r="G43153" s="16">
        <v>0.88370802244223789</v>
      </c>
    </row>
    <row r="43154" spans="1:7" x14ac:dyDescent="0.3">
      <c r="A43154" s="13" t="s">
        <v>253</v>
      </c>
      <c r="B43154" s="14" t="s">
        <v>1</v>
      </c>
      <c r="C43154" s="14" t="s">
        <v>70</v>
      </c>
      <c r="D43154" s="14" t="s">
        <v>254</v>
      </c>
      <c r="E43154" s="15">
        <v>45460</v>
      </c>
      <c r="F43154" s="14" t="s">
        <v>15</v>
      </c>
      <c r="G43154" s="16">
        <v>0.90489548264589892</v>
      </c>
    </row>
    <row r="43155" spans="1:7" x14ac:dyDescent="0.3">
      <c r="A43155" s="13" t="s">
        <v>253</v>
      </c>
      <c r="B43155" s="14" t="s">
        <v>1</v>
      </c>
      <c r="C43155" s="14" t="s">
        <v>70</v>
      </c>
      <c r="D43155" s="14" t="s">
        <v>254</v>
      </c>
      <c r="E43155" s="15">
        <v>45461</v>
      </c>
      <c r="F43155" s="14" t="s">
        <v>15</v>
      </c>
      <c r="G43155" s="16">
        <v>0.91536730646595788</v>
      </c>
    </row>
    <row r="43156" spans="1:7" x14ac:dyDescent="0.3">
      <c r="A43156" s="13" t="s">
        <v>253</v>
      </c>
      <c r="B43156" s="14" t="s">
        <v>1</v>
      </c>
      <c r="C43156" s="14" t="s">
        <v>70</v>
      </c>
      <c r="D43156" s="14" t="s">
        <v>254</v>
      </c>
      <c r="E43156" s="15">
        <v>45462</v>
      </c>
      <c r="F43156" s="14" t="s">
        <v>15</v>
      </c>
      <c r="G43156" s="16">
        <v>0.92023837696326438</v>
      </c>
    </row>
    <row r="43157" spans="1:7" x14ac:dyDescent="0.3">
      <c r="A43157" s="13" t="s">
        <v>253</v>
      </c>
      <c r="B43157" s="14" t="s">
        <v>1</v>
      </c>
      <c r="C43157" s="14" t="s">
        <v>70</v>
      </c>
      <c r="D43157" s="14" t="s">
        <v>254</v>
      </c>
      <c r="E43157" s="15">
        <v>45463</v>
      </c>
      <c r="F43157" s="14" t="s">
        <v>15</v>
      </c>
      <c r="G43157" s="16">
        <v>0.9311596652458809</v>
      </c>
    </row>
    <row r="43158" spans="1:7" x14ac:dyDescent="0.3">
      <c r="A43158" s="13" t="s">
        <v>253</v>
      </c>
      <c r="B43158" s="14" t="s">
        <v>1</v>
      </c>
      <c r="C43158" s="14" t="s">
        <v>70</v>
      </c>
      <c r="D43158" s="14" t="s">
        <v>254</v>
      </c>
      <c r="E43158" s="15">
        <v>45464</v>
      </c>
      <c r="F43158" s="14" t="s">
        <v>15</v>
      </c>
      <c r="G43158" s="16">
        <v>0.93494475646611219</v>
      </c>
    </row>
    <row r="43159" spans="1:7" x14ac:dyDescent="0.3">
      <c r="A43159" s="13" t="s">
        <v>253</v>
      </c>
      <c r="B43159" s="14" t="s">
        <v>1</v>
      </c>
      <c r="C43159" s="14" t="s">
        <v>70</v>
      </c>
      <c r="D43159" s="14" t="s">
        <v>254</v>
      </c>
      <c r="E43159" s="15">
        <v>45465</v>
      </c>
      <c r="F43159" s="14" t="s">
        <v>15</v>
      </c>
      <c r="G43159" s="16">
        <v>0.93494475646611219</v>
      </c>
    </row>
    <row r="43160" spans="1:7" x14ac:dyDescent="0.3">
      <c r="A43160" s="13" t="s">
        <v>253</v>
      </c>
      <c r="B43160" s="14" t="s">
        <v>1</v>
      </c>
      <c r="C43160" s="14" t="s">
        <v>70</v>
      </c>
      <c r="D43160" s="14" t="s">
        <v>254</v>
      </c>
      <c r="E43160" s="15">
        <v>45466</v>
      </c>
      <c r="F43160" s="14" t="s">
        <v>15</v>
      </c>
      <c r="G43160" s="16">
        <v>0.93494475646611219</v>
      </c>
    </row>
    <row r="43161" spans="1:7" x14ac:dyDescent="0.3">
      <c r="A43161" s="13" t="s">
        <v>253</v>
      </c>
      <c r="B43161" s="14" t="s">
        <v>1</v>
      </c>
      <c r="C43161" s="14" t="s">
        <v>70</v>
      </c>
      <c r="D43161" s="14" t="s">
        <v>254</v>
      </c>
      <c r="E43161" s="15">
        <v>45467</v>
      </c>
      <c r="F43161" s="14" t="s">
        <v>15</v>
      </c>
      <c r="G43161" s="16">
        <v>0.93901974611767824</v>
      </c>
    </row>
    <row r="43162" spans="1:7" x14ac:dyDescent="0.3">
      <c r="A43162" s="13" t="s">
        <v>253</v>
      </c>
      <c r="B43162" s="14" t="s">
        <v>1</v>
      </c>
      <c r="C43162" s="14" t="s">
        <v>70</v>
      </c>
      <c r="D43162" s="14" t="s">
        <v>254</v>
      </c>
      <c r="E43162" s="15">
        <v>45468</v>
      </c>
      <c r="F43162" s="14" t="s">
        <v>15</v>
      </c>
      <c r="G43162" s="16">
        <v>0.95688643148436614</v>
      </c>
    </row>
    <row r="43163" spans="1:7" x14ac:dyDescent="0.3">
      <c r="A43163" s="13" t="s">
        <v>253</v>
      </c>
      <c r="B43163" s="14" t="s">
        <v>1</v>
      </c>
      <c r="C43163" s="14" t="s">
        <v>70</v>
      </c>
      <c r="D43163" s="14" t="s">
        <v>254</v>
      </c>
      <c r="E43163" s="15">
        <v>45469</v>
      </c>
      <c r="F43163" s="14" t="s">
        <v>15</v>
      </c>
      <c r="G43163" s="16">
        <v>0.96075499562527122</v>
      </c>
    </row>
    <row r="43164" spans="1:7" x14ac:dyDescent="0.3">
      <c r="A43164" s="13" t="s">
        <v>253</v>
      </c>
      <c r="B43164" s="14" t="s">
        <v>1</v>
      </c>
      <c r="C43164" s="14" t="s">
        <v>70</v>
      </c>
      <c r="D43164" s="14" t="s">
        <v>254</v>
      </c>
      <c r="E43164" s="15">
        <v>45470</v>
      </c>
      <c r="F43164" s="14" t="s">
        <v>15</v>
      </c>
      <c r="G43164" s="16">
        <v>0.96468643233856444</v>
      </c>
    </row>
    <row r="43165" spans="1:7" x14ac:dyDescent="0.3">
      <c r="A43165" s="13" t="s">
        <v>253</v>
      </c>
      <c r="B43165" s="14" t="s">
        <v>1</v>
      </c>
      <c r="C43165" s="14" t="s">
        <v>70</v>
      </c>
      <c r="D43165" s="14" t="s">
        <v>254</v>
      </c>
      <c r="E43165" s="15">
        <v>45471</v>
      </c>
      <c r="F43165" s="14" t="s">
        <v>15</v>
      </c>
      <c r="G43165" s="16">
        <v>0.99370520634689685</v>
      </c>
    </row>
    <row r="43166" spans="1:7" x14ac:dyDescent="0.3">
      <c r="A43166" s="13" t="s">
        <v>253</v>
      </c>
      <c r="B43166" s="14" t="s">
        <v>1</v>
      </c>
      <c r="C43166" s="14" t="s">
        <v>70</v>
      </c>
      <c r="D43166" s="14" t="s">
        <v>254</v>
      </c>
      <c r="E43166" s="15">
        <v>45472</v>
      </c>
      <c r="F43166" s="14" t="s">
        <v>15</v>
      </c>
      <c r="G43166" s="16">
        <v>0.99370520634689685</v>
      </c>
    </row>
    <row r="43167" spans="1:7" x14ac:dyDescent="0.3">
      <c r="A43167" s="13" t="s">
        <v>253</v>
      </c>
      <c r="B43167" s="14" t="s">
        <v>1</v>
      </c>
      <c r="C43167" s="14" t="s">
        <v>70</v>
      </c>
      <c r="D43167" s="14" t="s">
        <v>254</v>
      </c>
      <c r="E43167" s="15">
        <v>45473</v>
      </c>
      <c r="F43167" s="14" t="s">
        <v>15</v>
      </c>
      <c r="G43167" s="16">
        <v>0.99370520634689685</v>
      </c>
    </row>
    <row r="43168" spans="1:7" x14ac:dyDescent="0.3">
      <c r="A43168" s="13" t="s">
        <v>253</v>
      </c>
      <c r="B43168" s="14" t="s">
        <v>1</v>
      </c>
      <c r="C43168" s="14" t="s">
        <v>70</v>
      </c>
      <c r="D43168" s="14" t="s">
        <v>254</v>
      </c>
      <c r="E43168" s="15">
        <v>45474</v>
      </c>
      <c r="F43168" s="14" t="s">
        <v>15</v>
      </c>
      <c r="G43168" s="16">
        <v>1.0029095514573505</v>
      </c>
    </row>
    <row r="43169" spans="1:7" x14ac:dyDescent="0.3">
      <c r="A43169" s="13" t="s">
        <v>253</v>
      </c>
      <c r="B43169" s="14" t="s">
        <v>1</v>
      </c>
      <c r="C43169" s="14" t="s">
        <v>70</v>
      </c>
      <c r="D43169" s="14" t="s">
        <v>254</v>
      </c>
      <c r="E43169" s="15">
        <v>45475</v>
      </c>
      <c r="F43169" s="14" t="s">
        <v>15</v>
      </c>
      <c r="G43169" s="16">
        <v>1.0169558362488686</v>
      </c>
    </row>
    <row r="43170" spans="1:7" x14ac:dyDescent="0.3">
      <c r="A43170" s="13" t="s">
        <v>253</v>
      </c>
      <c r="B43170" s="14" t="s">
        <v>1</v>
      </c>
      <c r="C43170" s="14" t="s">
        <v>70</v>
      </c>
      <c r="D43170" s="14" t="s">
        <v>254</v>
      </c>
      <c r="E43170" s="15">
        <v>45476</v>
      </c>
      <c r="F43170" s="14" t="s">
        <v>15</v>
      </c>
      <c r="G43170" s="16">
        <v>1.0546038479170994</v>
      </c>
    </row>
    <row r="43171" spans="1:7" x14ac:dyDescent="0.3">
      <c r="A43171" s="13" t="s">
        <v>253</v>
      </c>
      <c r="B43171" s="14" t="s">
        <v>1</v>
      </c>
      <c r="C43171" s="14" t="s">
        <v>70</v>
      </c>
      <c r="D43171" s="14" t="s">
        <v>254</v>
      </c>
      <c r="E43171" s="15">
        <v>45477</v>
      </c>
      <c r="F43171" s="14" t="s">
        <v>15</v>
      </c>
      <c r="G43171" s="16">
        <v>1.0585145821892954</v>
      </c>
    </row>
    <row r="43172" spans="1:7" x14ac:dyDescent="0.3">
      <c r="A43172" s="13" t="s">
        <v>253</v>
      </c>
      <c r="B43172" s="14" t="s">
        <v>1</v>
      </c>
      <c r="C43172" s="14" t="s">
        <v>70</v>
      </c>
      <c r="D43172" s="14" t="s">
        <v>254</v>
      </c>
      <c r="E43172" s="15">
        <v>45478</v>
      </c>
      <c r="F43172" s="14" t="s">
        <v>15</v>
      </c>
      <c r="G43172" s="16">
        <v>1.0624871393975039</v>
      </c>
    </row>
    <row r="43173" spans="1:7" x14ac:dyDescent="0.3">
      <c r="A43173" s="13" t="s">
        <v>253</v>
      </c>
      <c r="B43173" s="14" t="s">
        <v>1</v>
      </c>
      <c r="C43173" s="14" t="s">
        <v>70</v>
      </c>
      <c r="D43173" s="14" t="s">
        <v>254</v>
      </c>
      <c r="E43173" s="15">
        <v>45479</v>
      </c>
      <c r="F43173" s="14" t="s">
        <v>15</v>
      </c>
      <c r="G43173" s="16">
        <v>1.0624871393975039</v>
      </c>
    </row>
    <row r="43174" spans="1:7" x14ac:dyDescent="0.3">
      <c r="A43174" s="13" t="s">
        <v>253</v>
      </c>
      <c r="B43174" s="14" t="s">
        <v>1</v>
      </c>
      <c r="C43174" s="14" t="s">
        <v>70</v>
      </c>
      <c r="D43174" s="14" t="s">
        <v>254</v>
      </c>
      <c r="E43174" s="15">
        <v>45480</v>
      </c>
      <c r="F43174" s="14" t="s">
        <v>15</v>
      </c>
      <c r="G43174" s="16">
        <v>1.0624871393975039</v>
      </c>
    </row>
    <row r="43175" spans="1:7" x14ac:dyDescent="0.3">
      <c r="A43175" s="13" t="s">
        <v>253</v>
      </c>
      <c r="B43175" s="14" t="s">
        <v>1</v>
      </c>
      <c r="C43175" s="14" t="s">
        <v>70</v>
      </c>
      <c r="D43175" s="14" t="s">
        <v>254</v>
      </c>
      <c r="E43175" s="15">
        <v>45481</v>
      </c>
      <c r="F43175" s="14" t="s">
        <v>15</v>
      </c>
      <c r="G43175" s="16">
        <v>1.0857684806344057</v>
      </c>
    </row>
    <row r="43176" spans="1:7" x14ac:dyDescent="0.3">
      <c r="A43176" s="13" t="s">
        <v>253</v>
      </c>
      <c r="B43176" s="14" t="s">
        <v>1</v>
      </c>
      <c r="C43176" s="14" t="s">
        <v>70</v>
      </c>
      <c r="D43176" s="14" t="s">
        <v>254</v>
      </c>
      <c r="E43176" s="15">
        <v>45482</v>
      </c>
      <c r="F43176" s="14" t="s">
        <v>15</v>
      </c>
      <c r="G43176" s="16">
        <v>1.097178619187364</v>
      </c>
    </row>
    <row r="43177" spans="1:7" x14ac:dyDescent="0.3">
      <c r="A43177" s="13" t="s">
        <v>253</v>
      </c>
      <c r="B43177" s="14" t="s">
        <v>1</v>
      </c>
      <c r="C43177" s="14" t="s">
        <v>70</v>
      </c>
      <c r="D43177" s="14" t="s">
        <v>254</v>
      </c>
      <c r="E43177" s="15">
        <v>45483</v>
      </c>
      <c r="F43177" s="14" t="s">
        <v>15</v>
      </c>
      <c r="G43177" s="16">
        <v>1.1041182579468143</v>
      </c>
    </row>
    <row r="43178" spans="1:7" x14ac:dyDescent="0.3">
      <c r="A43178" s="13" t="s">
        <v>253</v>
      </c>
      <c r="B43178" s="14" t="s">
        <v>1</v>
      </c>
      <c r="C43178" s="14" t="s">
        <v>70</v>
      </c>
      <c r="D43178" s="14" t="s">
        <v>254</v>
      </c>
      <c r="E43178" s="15">
        <v>45484</v>
      </c>
      <c r="F43178" s="14" t="s">
        <v>15</v>
      </c>
      <c r="G43178" s="16">
        <v>1.1214101194383252</v>
      </c>
    </row>
    <row r="43179" spans="1:7" x14ac:dyDescent="0.3">
      <c r="A43179" s="13" t="s">
        <v>253</v>
      </c>
      <c r="B43179" s="14" t="s">
        <v>1</v>
      </c>
      <c r="C43179" s="14" t="s">
        <v>70</v>
      </c>
      <c r="D43179" s="14" t="s">
        <v>254</v>
      </c>
      <c r="E43179" s="15">
        <v>45485</v>
      </c>
      <c r="F43179" s="14" t="s">
        <v>15</v>
      </c>
      <c r="G43179" s="16">
        <v>1.1278880335525745</v>
      </c>
    </row>
    <row r="43180" spans="1:7" x14ac:dyDescent="0.3">
      <c r="A43180" s="13" t="s">
        <v>253</v>
      </c>
      <c r="B43180" s="14" t="s">
        <v>1</v>
      </c>
      <c r="C43180" s="14" t="s">
        <v>70</v>
      </c>
      <c r="D43180" s="14" t="s">
        <v>254</v>
      </c>
      <c r="E43180" s="15">
        <v>45486</v>
      </c>
      <c r="F43180" s="14" t="s">
        <v>15</v>
      </c>
      <c r="G43180" s="16">
        <v>1.1278880335525745</v>
      </c>
    </row>
    <row r="43181" spans="1:7" x14ac:dyDescent="0.3">
      <c r="A43181" s="13" t="s">
        <v>253</v>
      </c>
      <c r="B43181" s="14" t="s">
        <v>1</v>
      </c>
      <c r="C43181" s="14" t="s">
        <v>70</v>
      </c>
      <c r="D43181" s="14" t="s">
        <v>254</v>
      </c>
      <c r="E43181" s="15">
        <v>45487</v>
      </c>
      <c r="F43181" s="14" t="s">
        <v>15</v>
      </c>
      <c r="G43181" s="16">
        <v>1.1278880335525745</v>
      </c>
    </row>
    <row r="43182" spans="1:7" x14ac:dyDescent="0.3">
      <c r="A43182" s="13" t="s">
        <v>253</v>
      </c>
      <c r="B43182" s="14" t="s">
        <v>1</v>
      </c>
      <c r="C43182" s="14" t="s">
        <v>70</v>
      </c>
      <c r="D43182" s="14" t="s">
        <v>254</v>
      </c>
      <c r="E43182" s="15">
        <v>45488</v>
      </c>
      <c r="F43182" s="14" t="s">
        <v>15</v>
      </c>
      <c r="G43182" s="16">
        <v>1.1305680976988237</v>
      </c>
    </row>
    <row r="43183" spans="1:7" x14ac:dyDescent="0.3">
      <c r="A43183" s="13" t="s">
        <v>253</v>
      </c>
      <c r="B43183" s="14" t="s">
        <v>1</v>
      </c>
      <c r="C43183" s="14" t="s">
        <v>70</v>
      </c>
      <c r="D43183" s="14" t="s">
        <v>254</v>
      </c>
      <c r="E43183" s="15">
        <v>45489</v>
      </c>
      <c r="F43183" s="14" t="s">
        <v>15</v>
      </c>
      <c r="G43183" s="16">
        <v>1.1416441454335724</v>
      </c>
    </row>
    <row r="43184" spans="1:7" x14ac:dyDescent="0.3">
      <c r="A43184" s="13" t="s">
        <v>253</v>
      </c>
      <c r="B43184" s="14" t="s">
        <v>1</v>
      </c>
      <c r="C43184" s="14" t="s">
        <v>70</v>
      </c>
      <c r="D43184" s="14" t="s">
        <v>254</v>
      </c>
      <c r="E43184" s="15">
        <v>45490</v>
      </c>
      <c r="F43184" s="14" t="s">
        <v>15</v>
      </c>
      <c r="G43184" s="16">
        <v>1.1452294051365755</v>
      </c>
    </row>
    <row r="43185" spans="1:7" x14ac:dyDescent="0.3">
      <c r="A43185" s="13" t="s">
        <v>253</v>
      </c>
      <c r="B43185" s="14" t="s">
        <v>1</v>
      </c>
      <c r="C43185" s="14" t="s">
        <v>70</v>
      </c>
      <c r="D43185" s="14" t="s">
        <v>254</v>
      </c>
      <c r="E43185" s="15">
        <v>45491</v>
      </c>
      <c r="F43185" s="14" t="s">
        <v>15</v>
      </c>
      <c r="G43185" s="16">
        <v>1.1629022118663912</v>
      </c>
    </row>
    <row r="43186" spans="1:7" x14ac:dyDescent="0.3">
      <c r="A43186" s="13" t="s">
        <v>253</v>
      </c>
      <c r="B43186" s="14" t="s">
        <v>1</v>
      </c>
      <c r="C43186" s="14" t="s">
        <v>70</v>
      </c>
      <c r="D43186" s="14" t="s">
        <v>254</v>
      </c>
      <c r="E43186" s="15">
        <v>45492</v>
      </c>
      <c r="F43186" s="14" t="s">
        <v>15</v>
      </c>
      <c r="G43186" s="16">
        <v>1.1666790971296925</v>
      </c>
    </row>
    <row r="43187" spans="1:7" x14ac:dyDescent="0.3">
      <c r="A43187" s="13" t="s">
        <v>253</v>
      </c>
      <c r="B43187" s="14" t="s">
        <v>1</v>
      </c>
      <c r="C43187" s="14" t="s">
        <v>70</v>
      </c>
      <c r="D43187" s="14" t="s">
        <v>254</v>
      </c>
      <c r="E43187" s="15">
        <v>45493</v>
      </c>
      <c r="F43187" s="14" t="s">
        <v>15</v>
      </c>
      <c r="G43187" s="16">
        <v>1.1666790971296925</v>
      </c>
    </row>
    <row r="43188" spans="1:7" x14ac:dyDescent="0.3">
      <c r="A43188" s="13" t="s">
        <v>253</v>
      </c>
      <c r="B43188" s="14" t="s">
        <v>1</v>
      </c>
      <c r="C43188" s="14" t="s">
        <v>70</v>
      </c>
      <c r="D43188" s="14" t="s">
        <v>254</v>
      </c>
      <c r="E43188" s="15">
        <v>45494</v>
      </c>
      <c r="F43188" s="14" t="s">
        <v>15</v>
      </c>
      <c r="G43188" s="16">
        <v>1.1666790971296925</v>
      </c>
    </row>
    <row r="43189" spans="1:7" x14ac:dyDescent="0.3">
      <c r="A43189" s="13" t="s">
        <v>253</v>
      </c>
      <c r="B43189" s="14" t="s">
        <v>1</v>
      </c>
      <c r="C43189" s="14" t="s">
        <v>70</v>
      </c>
      <c r="D43189" s="14" t="s">
        <v>254</v>
      </c>
      <c r="E43189" s="15">
        <v>45495</v>
      </c>
      <c r="F43189" s="14" t="s">
        <v>15</v>
      </c>
      <c r="G43189" s="16">
        <v>1.1742425980470383</v>
      </c>
    </row>
    <row r="43190" spans="1:7" x14ac:dyDescent="0.3">
      <c r="A43190" s="13" t="s">
        <v>253</v>
      </c>
      <c r="B43190" s="14" t="s">
        <v>1</v>
      </c>
      <c r="C43190" s="14" t="s">
        <v>70</v>
      </c>
      <c r="D43190" s="14" t="s">
        <v>254</v>
      </c>
      <c r="E43190" s="15">
        <v>45496</v>
      </c>
      <c r="F43190" s="14" t="s">
        <v>15</v>
      </c>
      <c r="G43190" s="16">
        <v>1.2065708280020075</v>
      </c>
    </row>
    <row r="43191" spans="1:7" x14ac:dyDescent="0.3">
      <c r="A43191" s="13" t="s">
        <v>253</v>
      </c>
      <c r="B43191" s="14" t="s">
        <v>1</v>
      </c>
      <c r="C43191" s="14" t="s">
        <v>70</v>
      </c>
      <c r="D43191" s="14" t="s">
        <v>254</v>
      </c>
      <c r="E43191" s="15">
        <v>45497</v>
      </c>
      <c r="F43191" s="14" t="s">
        <v>15</v>
      </c>
      <c r="G43191" s="16">
        <v>1.2115779425703614</v>
      </c>
    </row>
    <row r="43192" spans="1:7" x14ac:dyDescent="0.3">
      <c r="A43192" s="13" t="s">
        <v>253</v>
      </c>
      <c r="B43192" s="14" t="s">
        <v>1</v>
      </c>
      <c r="C43192" s="14" t="s">
        <v>70</v>
      </c>
      <c r="D43192" s="14" t="s">
        <v>254</v>
      </c>
      <c r="E43192" s="15">
        <v>45498</v>
      </c>
      <c r="F43192" s="14" t="s">
        <v>15</v>
      </c>
      <c r="G43192" s="16">
        <v>1.2153932701182177</v>
      </c>
    </row>
    <row r="43193" spans="1:7" x14ac:dyDescent="0.3">
      <c r="A43193" s="13" t="s">
        <v>253</v>
      </c>
      <c r="B43193" s="14" t="s">
        <v>1</v>
      </c>
      <c r="C43193" s="14" t="s">
        <v>70</v>
      </c>
      <c r="D43193" s="14" t="s">
        <v>254</v>
      </c>
      <c r="E43193" s="15">
        <v>45499</v>
      </c>
      <c r="F43193" s="14" t="s">
        <v>15</v>
      </c>
      <c r="G43193" s="16">
        <v>1.2191991533801056</v>
      </c>
    </row>
    <row r="43194" spans="1:7" x14ac:dyDescent="0.3">
      <c r="A43194" s="13" t="s">
        <v>253</v>
      </c>
      <c r="B43194" s="14" t="s">
        <v>1</v>
      </c>
      <c r="C43194" s="14" t="s">
        <v>70</v>
      </c>
      <c r="D43194" s="14" t="s">
        <v>254</v>
      </c>
      <c r="E43194" s="15">
        <v>45500</v>
      </c>
      <c r="F43194" s="14" t="s">
        <v>15</v>
      </c>
      <c r="G43194" s="16">
        <v>1.2191991533801056</v>
      </c>
    </row>
    <row r="43195" spans="1:7" x14ac:dyDescent="0.3">
      <c r="A43195" s="13" t="s">
        <v>253</v>
      </c>
      <c r="B43195" s="14" t="s">
        <v>1</v>
      </c>
      <c r="C43195" s="14" t="s">
        <v>70</v>
      </c>
      <c r="D43195" s="14" t="s">
        <v>254</v>
      </c>
      <c r="E43195" s="15">
        <v>45501</v>
      </c>
      <c r="F43195" s="14" t="s">
        <v>15</v>
      </c>
      <c r="G43195" s="16">
        <v>1.2191991533801056</v>
      </c>
    </row>
    <row r="43196" spans="1:7" x14ac:dyDescent="0.3">
      <c r="A43196" s="13" t="s">
        <v>253</v>
      </c>
      <c r="B43196" s="14" t="s">
        <v>1</v>
      </c>
      <c r="C43196" s="14" t="s">
        <v>70</v>
      </c>
      <c r="D43196" s="14" t="s">
        <v>254</v>
      </c>
      <c r="E43196" s="15">
        <v>45502</v>
      </c>
      <c r="F43196" s="14" t="s">
        <v>15</v>
      </c>
      <c r="G43196" s="16">
        <v>1.2242378033378083</v>
      </c>
    </row>
    <row r="43197" spans="1:7" x14ac:dyDescent="0.3">
      <c r="A43197" s="13" t="s">
        <v>253</v>
      </c>
      <c r="B43197" s="14" t="s">
        <v>1</v>
      </c>
      <c r="C43197" s="14" t="s">
        <v>70</v>
      </c>
      <c r="D43197" s="14" t="s">
        <v>254</v>
      </c>
      <c r="E43197" s="15">
        <v>45503</v>
      </c>
      <c r="F43197" s="14" t="s">
        <v>15</v>
      </c>
      <c r="G43197" s="16">
        <v>1.2354974576912765</v>
      </c>
    </row>
    <row r="43198" spans="1:7" x14ac:dyDescent="0.3">
      <c r="A43198" s="13" t="s">
        <v>253</v>
      </c>
      <c r="B43198" s="14" t="s">
        <v>1</v>
      </c>
      <c r="C43198" s="14" t="s">
        <v>70</v>
      </c>
      <c r="D43198" s="14" t="s">
        <v>254</v>
      </c>
      <c r="E43198" s="15">
        <v>45504</v>
      </c>
      <c r="F43198" s="14" t="s">
        <v>15</v>
      </c>
      <c r="G43198" s="16">
        <v>1.2399485784170039</v>
      </c>
    </row>
    <row r="43199" spans="1:7" x14ac:dyDescent="0.3">
      <c r="A43199" s="13" t="s">
        <v>253</v>
      </c>
      <c r="B43199" s="14" t="s">
        <v>1</v>
      </c>
      <c r="C43199" s="14" t="s">
        <v>70</v>
      </c>
      <c r="D43199" s="14" t="s">
        <v>254</v>
      </c>
      <c r="E43199" s="15">
        <v>45505</v>
      </c>
      <c r="F43199" s="14" t="s">
        <v>15</v>
      </c>
      <c r="G43199" s="16">
        <v>1.2399485784170039</v>
      </c>
    </row>
    <row r="43200" spans="1:7" x14ac:dyDescent="0.3">
      <c r="A43200" s="13" t="s">
        <v>253</v>
      </c>
      <c r="B43200" s="14" t="s">
        <v>1</v>
      </c>
      <c r="C43200" s="14" t="s">
        <v>70</v>
      </c>
      <c r="D43200" s="14" t="s">
        <v>254</v>
      </c>
      <c r="E43200" s="15">
        <v>45506</v>
      </c>
      <c r="F43200" s="14" t="s">
        <v>15</v>
      </c>
      <c r="G43200" s="16">
        <v>1.2550831111051748</v>
      </c>
    </row>
    <row r="43201" spans="1:7" x14ac:dyDescent="0.3">
      <c r="A43201" s="13" t="s">
        <v>253</v>
      </c>
      <c r="B43201" s="14" t="s">
        <v>1</v>
      </c>
      <c r="C43201" s="14" t="s">
        <v>70</v>
      </c>
      <c r="D43201" s="14" t="s">
        <v>254</v>
      </c>
      <c r="E43201" s="15">
        <v>45507</v>
      </c>
      <c r="F43201" s="14" t="s">
        <v>15</v>
      </c>
      <c r="G43201" s="16">
        <v>1.2550831111051748</v>
      </c>
    </row>
    <row r="43202" spans="1:7" x14ac:dyDescent="0.3">
      <c r="A43202" s="13" t="s">
        <v>253</v>
      </c>
      <c r="B43202" s="14" t="s">
        <v>1</v>
      </c>
      <c r="C43202" s="14" t="s">
        <v>70</v>
      </c>
      <c r="D43202" s="14" t="s">
        <v>254</v>
      </c>
      <c r="E43202" s="15">
        <v>45508</v>
      </c>
      <c r="F43202" s="14" t="s">
        <v>15</v>
      </c>
      <c r="G43202" s="16">
        <v>1.2550831111051748</v>
      </c>
    </row>
    <row r="43203" spans="1:7" x14ac:dyDescent="0.3">
      <c r="A43203" s="13" t="s">
        <v>253</v>
      </c>
      <c r="B43203" s="14" t="s">
        <v>1</v>
      </c>
      <c r="C43203" s="14" t="s">
        <v>70</v>
      </c>
      <c r="D43203" s="14" t="s">
        <v>254</v>
      </c>
      <c r="E43203" s="15">
        <v>45509</v>
      </c>
      <c r="F43203" s="14" t="s">
        <v>15</v>
      </c>
      <c r="G43203" s="16">
        <v>1.2550831111051748</v>
      </c>
    </row>
    <row r="43204" spans="1:7" x14ac:dyDescent="0.3">
      <c r="A43204" s="13" t="s">
        <v>253</v>
      </c>
      <c r="B43204" s="14" t="s">
        <v>1</v>
      </c>
      <c r="C43204" s="14" t="s">
        <v>70</v>
      </c>
      <c r="D43204" s="14" t="s">
        <v>254</v>
      </c>
      <c r="E43204" s="15">
        <v>45510</v>
      </c>
      <c r="F43204" s="14" t="s">
        <v>15</v>
      </c>
      <c r="G43204" s="16">
        <v>1.2598888896349403</v>
      </c>
    </row>
    <row r="43205" spans="1:7" x14ac:dyDescent="0.3">
      <c r="A43205" s="13" t="s">
        <v>253</v>
      </c>
      <c r="B43205" s="14" t="s">
        <v>1</v>
      </c>
      <c r="C43205" s="14" t="s">
        <v>70</v>
      </c>
      <c r="D43205" s="14" t="s">
        <v>254</v>
      </c>
      <c r="E43205" s="15">
        <v>45511</v>
      </c>
      <c r="F43205" s="14" t="s">
        <v>15</v>
      </c>
      <c r="G43205" s="16">
        <v>1.3063838510985444</v>
      </c>
    </row>
    <row r="43206" spans="1:7" x14ac:dyDescent="0.3">
      <c r="A43206" s="13" t="s">
        <v>253</v>
      </c>
      <c r="B43206" s="14" t="s">
        <v>1</v>
      </c>
      <c r="C43206" s="14" t="s">
        <v>70</v>
      </c>
      <c r="D43206" s="14" t="s">
        <v>254</v>
      </c>
      <c r="E43206" s="15">
        <v>45512</v>
      </c>
      <c r="F43206" s="14" t="s">
        <v>15</v>
      </c>
      <c r="G43206" s="16">
        <v>1.3103422288417343</v>
      </c>
    </row>
    <row r="43207" spans="1:7" x14ac:dyDescent="0.3">
      <c r="A43207" s="13" t="s">
        <v>253</v>
      </c>
      <c r="B43207" s="14" t="s">
        <v>1</v>
      </c>
      <c r="C43207" s="14" t="s">
        <v>70</v>
      </c>
      <c r="D43207" s="14" t="s">
        <v>254</v>
      </c>
      <c r="E43207" s="15">
        <v>45513</v>
      </c>
      <c r="F43207" s="14" t="s">
        <v>15</v>
      </c>
      <c r="G43207" s="16">
        <v>1.3286290925536481</v>
      </c>
    </row>
    <row r="43208" spans="1:7" x14ac:dyDescent="0.3">
      <c r="A43208" s="13" t="s">
        <v>253</v>
      </c>
      <c r="B43208" s="14" t="s">
        <v>1</v>
      </c>
      <c r="C43208" s="14" t="s">
        <v>70</v>
      </c>
      <c r="D43208" s="14" t="s">
        <v>254</v>
      </c>
      <c r="E43208" s="15">
        <v>45514</v>
      </c>
      <c r="F43208" s="14" t="s">
        <v>15</v>
      </c>
      <c r="G43208" s="16">
        <v>1.3286290925536481</v>
      </c>
    </row>
    <row r="43209" spans="1:7" x14ac:dyDescent="0.3">
      <c r="A43209" s="13" t="s">
        <v>253</v>
      </c>
      <c r="B43209" s="14" t="s">
        <v>1</v>
      </c>
      <c r="C43209" s="14" t="s">
        <v>70</v>
      </c>
      <c r="D43209" s="14" t="s">
        <v>254</v>
      </c>
      <c r="E43209" s="15">
        <v>45515</v>
      </c>
      <c r="F43209" s="14" t="s">
        <v>15</v>
      </c>
      <c r="G43209" s="16">
        <v>1.3286290925536481</v>
      </c>
    </row>
    <row r="43210" spans="1:7" x14ac:dyDescent="0.3">
      <c r="A43210" s="13" t="s">
        <v>253</v>
      </c>
      <c r="B43210" s="14" t="s">
        <v>1</v>
      </c>
      <c r="C43210" s="14" t="s">
        <v>70</v>
      </c>
      <c r="D43210" s="14" t="s">
        <v>254</v>
      </c>
      <c r="E43210" s="15">
        <v>45516</v>
      </c>
      <c r="F43210" s="14" t="s">
        <v>15</v>
      </c>
      <c r="G43210" s="16">
        <v>1.3467644344122547</v>
      </c>
    </row>
    <row r="43211" spans="1:7" x14ac:dyDescent="0.3">
      <c r="A43211" s="13" t="s">
        <v>253</v>
      </c>
      <c r="B43211" s="14" t="s">
        <v>1</v>
      </c>
      <c r="C43211" s="14" t="s">
        <v>70</v>
      </c>
      <c r="D43211" s="14" t="s">
        <v>254</v>
      </c>
      <c r="E43211" s="15">
        <v>45517</v>
      </c>
      <c r="F43211" s="14" t="s">
        <v>15</v>
      </c>
      <c r="G43211" s="16">
        <v>1.3619704997483997</v>
      </c>
    </row>
    <row r="43212" spans="1:7" x14ac:dyDescent="0.3">
      <c r="A43212" s="13" t="s">
        <v>253</v>
      </c>
      <c r="B43212" s="14" t="s">
        <v>1</v>
      </c>
      <c r="C43212" s="14" t="s">
        <v>70</v>
      </c>
      <c r="D43212" s="14" t="s">
        <v>254</v>
      </c>
      <c r="E43212" s="15">
        <v>45518</v>
      </c>
      <c r="F43212" s="14" t="s">
        <v>15</v>
      </c>
      <c r="G43212" s="16">
        <v>1.3651571467063646</v>
      </c>
    </row>
    <row r="43213" spans="1:7" x14ac:dyDescent="0.3">
      <c r="A43213" s="13" t="s">
        <v>253</v>
      </c>
      <c r="B43213" s="14" t="s">
        <v>1</v>
      </c>
      <c r="C43213" s="14" t="s">
        <v>70</v>
      </c>
      <c r="D43213" s="14" t="s">
        <v>254</v>
      </c>
      <c r="E43213" s="15">
        <v>45519</v>
      </c>
      <c r="F43213" s="14" t="s">
        <v>15</v>
      </c>
      <c r="G43213" s="16">
        <v>1.3690374647843264</v>
      </c>
    </row>
    <row r="43214" spans="1:7" x14ac:dyDescent="0.3">
      <c r="A43214" s="13" t="s">
        <v>253</v>
      </c>
      <c r="B43214" s="14" t="s">
        <v>1</v>
      </c>
      <c r="C43214" s="14" t="s">
        <v>70</v>
      </c>
      <c r="D43214" s="14" t="s">
        <v>254</v>
      </c>
      <c r="E43214" s="15">
        <v>45520</v>
      </c>
      <c r="F43214" s="14" t="s">
        <v>15</v>
      </c>
      <c r="G43214" s="16">
        <v>1.4276441578602119</v>
      </c>
    </row>
    <row r="43215" spans="1:7" x14ac:dyDescent="0.3">
      <c r="A43215" s="13" t="s">
        <v>253</v>
      </c>
      <c r="B43215" s="14" t="s">
        <v>1</v>
      </c>
      <c r="C43215" s="14" t="s">
        <v>70</v>
      </c>
      <c r="D43215" s="14" t="s">
        <v>254</v>
      </c>
      <c r="E43215" s="15">
        <v>45521</v>
      </c>
      <c r="F43215" s="14" t="s">
        <v>15</v>
      </c>
      <c r="G43215" s="16">
        <v>1.4276441578602119</v>
      </c>
    </row>
    <row r="43216" spans="1:7" x14ac:dyDescent="0.3">
      <c r="A43216" s="13" t="s">
        <v>253</v>
      </c>
      <c r="B43216" s="14" t="s">
        <v>1</v>
      </c>
      <c r="C43216" s="14" t="s">
        <v>70</v>
      </c>
      <c r="D43216" s="14" t="s">
        <v>254</v>
      </c>
      <c r="E43216" s="15">
        <v>45522</v>
      </c>
      <c r="F43216" s="14" t="s">
        <v>15</v>
      </c>
      <c r="G43216" s="16">
        <v>1.4276441578602119</v>
      </c>
    </row>
    <row r="43217" spans="1:7" x14ac:dyDescent="0.3">
      <c r="A43217" s="13" t="s">
        <v>253</v>
      </c>
      <c r="B43217" s="14" t="s">
        <v>1</v>
      </c>
      <c r="C43217" s="14" t="s">
        <v>70</v>
      </c>
      <c r="D43217" s="14" t="s">
        <v>254</v>
      </c>
      <c r="E43217" s="15">
        <v>45523</v>
      </c>
      <c r="F43217" s="14" t="s">
        <v>15</v>
      </c>
      <c r="G43217" s="16">
        <v>1.4446220666035594</v>
      </c>
    </row>
    <row r="43218" spans="1:7" x14ac:dyDescent="0.3">
      <c r="A43218" s="13" t="s">
        <v>253</v>
      </c>
      <c r="B43218" s="14" t="s">
        <v>1</v>
      </c>
      <c r="C43218" s="14" t="s">
        <v>70</v>
      </c>
      <c r="D43218" s="14" t="s">
        <v>254</v>
      </c>
      <c r="E43218" s="15">
        <v>45524</v>
      </c>
      <c r="F43218" s="14" t="s">
        <v>15</v>
      </c>
      <c r="G43218" s="16">
        <v>1.468721323113086</v>
      </c>
    </row>
    <row r="43219" spans="1:7" x14ac:dyDescent="0.3">
      <c r="A43219" s="13" t="s">
        <v>253</v>
      </c>
      <c r="B43219" s="14" t="s">
        <v>1</v>
      </c>
      <c r="C43219" s="14" t="s">
        <v>70</v>
      </c>
      <c r="D43219" s="14" t="s">
        <v>254</v>
      </c>
      <c r="E43219" s="15">
        <v>45525</v>
      </c>
      <c r="F43219" s="14" t="s">
        <v>15</v>
      </c>
      <c r="G43219" s="16">
        <v>1.4803068134972415</v>
      </c>
    </row>
    <row r="43220" spans="1:7" x14ac:dyDescent="0.3">
      <c r="A43220" s="13" t="s">
        <v>253</v>
      </c>
      <c r="B43220" s="14" t="s">
        <v>1</v>
      </c>
      <c r="C43220" s="14" t="s">
        <v>70</v>
      </c>
      <c r="D43220" s="14" t="s">
        <v>254</v>
      </c>
      <c r="E43220" s="15">
        <v>45526</v>
      </c>
      <c r="F43220" s="14" t="s">
        <v>15</v>
      </c>
      <c r="G43220" s="16">
        <v>1.4853282125401455</v>
      </c>
    </row>
    <row r="43221" spans="1:7" x14ac:dyDescent="0.3">
      <c r="A43221" s="13" t="s">
        <v>253</v>
      </c>
      <c r="B43221" s="14" t="s">
        <v>1</v>
      </c>
      <c r="C43221" s="14" t="s">
        <v>70</v>
      </c>
      <c r="D43221" s="14" t="s">
        <v>254</v>
      </c>
      <c r="E43221" s="15">
        <v>45527</v>
      </c>
      <c r="F43221" s="14" t="s">
        <v>15</v>
      </c>
      <c r="G43221" s="16">
        <v>1.4900767853054246</v>
      </c>
    </row>
    <row r="43222" spans="1:7" x14ac:dyDescent="0.3">
      <c r="A43222" s="13" t="s">
        <v>253</v>
      </c>
      <c r="B43222" s="14" t="s">
        <v>1</v>
      </c>
      <c r="C43222" s="14" t="s">
        <v>70</v>
      </c>
      <c r="D43222" s="14" t="s">
        <v>254</v>
      </c>
      <c r="E43222" s="15">
        <v>45528</v>
      </c>
      <c r="F43222" s="14" t="s">
        <v>15</v>
      </c>
      <c r="G43222" s="16">
        <v>1.4900767853054246</v>
      </c>
    </row>
    <row r="43223" spans="1:7" x14ac:dyDescent="0.3">
      <c r="A43223" s="13" t="s">
        <v>253</v>
      </c>
      <c r="B43223" s="14" t="s">
        <v>1</v>
      </c>
      <c r="C43223" s="14" t="s">
        <v>70</v>
      </c>
      <c r="D43223" s="14" t="s">
        <v>254</v>
      </c>
      <c r="E43223" s="15">
        <v>45529</v>
      </c>
      <c r="F43223" s="14" t="s">
        <v>15</v>
      </c>
      <c r="G43223" s="16">
        <v>1.4900767853054246</v>
      </c>
    </row>
    <row r="43224" spans="1:7" x14ac:dyDescent="0.3">
      <c r="A43224" s="13" t="s">
        <v>253</v>
      </c>
      <c r="B43224" s="14" t="s">
        <v>1</v>
      </c>
      <c r="C43224" s="14" t="s">
        <v>70</v>
      </c>
      <c r="D43224" s="14" t="s">
        <v>254</v>
      </c>
      <c r="E43224" s="15">
        <v>45530</v>
      </c>
      <c r="F43224" s="14" t="s">
        <v>15</v>
      </c>
      <c r="G43224" s="16">
        <v>1.4935597565043073</v>
      </c>
    </row>
    <row r="43225" spans="1:7" x14ac:dyDescent="0.3">
      <c r="A43225" s="13" t="s">
        <v>253</v>
      </c>
      <c r="B43225" s="14" t="s">
        <v>1</v>
      </c>
      <c r="C43225" s="14" t="s">
        <v>70</v>
      </c>
      <c r="D43225" s="14" t="s">
        <v>254</v>
      </c>
      <c r="E43225" s="15">
        <v>45531</v>
      </c>
      <c r="F43225" s="14" t="s">
        <v>15</v>
      </c>
      <c r="G43225" s="16">
        <v>1.5048614275557322</v>
      </c>
    </row>
    <row r="43226" spans="1:7" x14ac:dyDescent="0.3">
      <c r="A43226" s="13" t="s">
        <v>253</v>
      </c>
      <c r="B43226" s="14" t="s">
        <v>1</v>
      </c>
      <c r="C43226" s="14" t="s">
        <v>70</v>
      </c>
      <c r="D43226" s="14" t="s">
        <v>254</v>
      </c>
      <c r="E43226" s="15">
        <v>45532</v>
      </c>
      <c r="F43226" s="14" t="s">
        <v>15</v>
      </c>
      <c r="G43226" s="16">
        <v>1.5178677020244495</v>
      </c>
    </row>
    <row r="43227" spans="1:7" x14ac:dyDescent="0.3">
      <c r="A43227" s="13" t="s">
        <v>253</v>
      </c>
      <c r="B43227" s="14" t="s">
        <v>1</v>
      </c>
      <c r="C43227" s="14" t="s">
        <v>70</v>
      </c>
      <c r="D43227" s="14" t="s">
        <v>254</v>
      </c>
      <c r="E43227" s="15">
        <v>45533</v>
      </c>
      <c r="F43227" s="14" t="s">
        <v>15</v>
      </c>
      <c r="G43227" s="16">
        <v>1.5221813093617529</v>
      </c>
    </row>
    <row r="43228" spans="1:7" x14ac:dyDescent="0.3">
      <c r="A43228" s="13" t="s">
        <v>253</v>
      </c>
      <c r="B43228" s="14" t="s">
        <v>1</v>
      </c>
      <c r="C43228" s="14" t="s">
        <v>70</v>
      </c>
      <c r="D43228" s="14" t="s">
        <v>254</v>
      </c>
      <c r="E43228" s="15">
        <v>45534</v>
      </c>
      <c r="F43228" s="14" t="s">
        <v>15</v>
      </c>
      <c r="G43228" s="16">
        <v>1.5299160335847082</v>
      </c>
    </row>
    <row r="43229" spans="1:7" x14ac:dyDescent="0.3">
      <c r="A43229" s="13" t="s">
        <v>253</v>
      </c>
      <c r="B43229" s="14" t="s">
        <v>1</v>
      </c>
      <c r="C43229" s="14" t="s">
        <v>70</v>
      </c>
      <c r="D43229" s="14" t="s">
        <v>254</v>
      </c>
      <c r="E43229" s="15">
        <v>45535</v>
      </c>
      <c r="F43229" s="14" t="s">
        <v>15</v>
      </c>
      <c r="G43229" s="16">
        <v>1.5299160335847082</v>
      </c>
    </row>
    <row r="43230" spans="1:7" x14ac:dyDescent="0.3">
      <c r="A43230" s="13" t="s">
        <v>253</v>
      </c>
      <c r="B43230" s="14" t="s">
        <v>1</v>
      </c>
      <c r="C43230" s="14" t="s">
        <v>70</v>
      </c>
      <c r="D43230" s="14" t="s">
        <v>254</v>
      </c>
      <c r="E43230" s="15">
        <v>45536</v>
      </c>
      <c r="F43230" s="14" t="s">
        <v>15</v>
      </c>
      <c r="G43230" s="16">
        <v>1.5299160335847082</v>
      </c>
    </row>
    <row r="43231" spans="1:7" x14ac:dyDescent="0.3">
      <c r="A43231" s="13" t="s">
        <v>253</v>
      </c>
      <c r="B43231" s="14" t="s">
        <v>1</v>
      </c>
      <c r="C43231" s="14" t="s">
        <v>70</v>
      </c>
      <c r="D43231" s="14" t="s">
        <v>254</v>
      </c>
      <c r="E43231" s="15">
        <v>45537</v>
      </c>
      <c r="F43231" s="14" t="s">
        <v>15</v>
      </c>
      <c r="G43231" s="16">
        <v>1.5396283555733572</v>
      </c>
    </row>
    <row r="43232" spans="1:7" x14ac:dyDescent="0.3">
      <c r="A43232" s="13" t="s">
        <v>253</v>
      </c>
      <c r="B43232" s="14" t="s">
        <v>1</v>
      </c>
      <c r="C43232" s="14" t="s">
        <v>70</v>
      </c>
      <c r="D43232" s="14" t="s">
        <v>254</v>
      </c>
      <c r="E43232" s="15">
        <v>45538</v>
      </c>
      <c r="F43232" s="14" t="s">
        <v>15</v>
      </c>
      <c r="G43232" s="16">
        <v>1.5455207371974546</v>
      </c>
    </row>
    <row r="43233" spans="1:7" x14ac:dyDescent="0.3">
      <c r="A43233" s="13" t="s">
        <v>253</v>
      </c>
      <c r="B43233" s="14" t="s">
        <v>1</v>
      </c>
      <c r="C43233" s="14" t="s">
        <v>70</v>
      </c>
      <c r="D43233" s="14" t="s">
        <v>254</v>
      </c>
      <c r="E43233" s="15">
        <v>45539</v>
      </c>
      <c r="F43233" s="14" t="s">
        <v>15</v>
      </c>
      <c r="G43233" s="16">
        <v>1.5492602042273833</v>
      </c>
    </row>
    <row r="43234" spans="1:7" x14ac:dyDescent="0.3">
      <c r="A43234" s="13" t="s">
        <v>253</v>
      </c>
      <c r="B43234" s="14" t="s">
        <v>1</v>
      </c>
      <c r="C43234" s="14" t="s">
        <v>70</v>
      </c>
      <c r="D43234" s="14" t="s">
        <v>254</v>
      </c>
      <c r="E43234" s="15">
        <v>45540</v>
      </c>
      <c r="F43234" s="14" t="s">
        <v>15</v>
      </c>
      <c r="G43234" s="16">
        <v>1.561695103436384</v>
      </c>
    </row>
    <row r="43235" spans="1:7" x14ac:dyDescent="0.3">
      <c r="A43235" s="13" t="s">
        <v>253</v>
      </c>
      <c r="B43235" s="14" t="s">
        <v>1</v>
      </c>
      <c r="C43235" s="14" t="s">
        <v>70</v>
      </c>
      <c r="D43235" s="14" t="s">
        <v>254</v>
      </c>
      <c r="E43235" s="15">
        <v>45541</v>
      </c>
      <c r="F43235" s="14" t="s">
        <v>15</v>
      </c>
      <c r="G43235" s="16">
        <v>1.5654634455586689</v>
      </c>
    </row>
    <row r="43236" spans="1:7" x14ac:dyDescent="0.3">
      <c r="A43236" s="13" t="s">
        <v>253</v>
      </c>
      <c r="B43236" s="14" t="s">
        <v>1</v>
      </c>
      <c r="C43236" s="14" t="s">
        <v>70</v>
      </c>
      <c r="D43236" s="14" t="s">
        <v>254</v>
      </c>
      <c r="E43236" s="15">
        <v>45542</v>
      </c>
      <c r="F43236" s="14" t="s">
        <v>15</v>
      </c>
      <c r="G43236" s="16">
        <v>1.5654634455586689</v>
      </c>
    </row>
    <row r="43237" spans="1:7" x14ac:dyDescent="0.3">
      <c r="A43237" s="13" t="s">
        <v>253</v>
      </c>
      <c r="B43237" s="14" t="s">
        <v>1</v>
      </c>
      <c r="C43237" s="14" t="s">
        <v>70</v>
      </c>
      <c r="D43237" s="14" t="s">
        <v>254</v>
      </c>
      <c r="E43237" s="15">
        <v>45543</v>
      </c>
      <c r="F43237" s="14" t="s">
        <v>15</v>
      </c>
      <c r="G43237" s="16">
        <v>1.5654634455586689</v>
      </c>
    </row>
    <row r="43238" spans="1:7" x14ac:dyDescent="0.3">
      <c r="A43238" s="13" t="s">
        <v>253</v>
      </c>
      <c r="B43238" s="14" t="s">
        <v>1</v>
      </c>
      <c r="C43238" s="14" t="s">
        <v>70</v>
      </c>
      <c r="D43238" s="14" t="s">
        <v>254</v>
      </c>
      <c r="E43238" s="15">
        <v>45544</v>
      </c>
      <c r="F43238" s="14" t="s">
        <v>15</v>
      </c>
      <c r="G43238" s="16">
        <v>1.5691017233828839</v>
      </c>
    </row>
    <row r="43239" spans="1:7" x14ac:dyDescent="0.3">
      <c r="A43239" s="13" t="s">
        <v>253</v>
      </c>
      <c r="B43239" s="14" t="s">
        <v>1</v>
      </c>
      <c r="C43239" s="14" t="s">
        <v>70</v>
      </c>
      <c r="D43239" s="14" t="s">
        <v>254</v>
      </c>
      <c r="E43239" s="15">
        <v>45545</v>
      </c>
      <c r="F43239" s="14" t="s">
        <v>15</v>
      </c>
      <c r="G43239" s="16">
        <v>1.5813622877536129</v>
      </c>
    </row>
    <row r="43240" spans="1:7" x14ac:dyDescent="0.3">
      <c r="A43240" s="13" t="s">
        <v>253</v>
      </c>
      <c r="B43240" s="14" t="s">
        <v>1</v>
      </c>
      <c r="C43240" s="14" t="s">
        <v>70</v>
      </c>
      <c r="D43240" s="14" t="s">
        <v>254</v>
      </c>
      <c r="E43240" s="15">
        <v>45546</v>
      </c>
      <c r="F43240" s="14" t="s">
        <v>15</v>
      </c>
      <c r="G43240" s="16">
        <v>1.5883034907181146</v>
      </c>
    </row>
    <row r="43241" spans="1:7" x14ac:dyDescent="0.3">
      <c r="A43241" s="13" t="s">
        <v>253</v>
      </c>
      <c r="B43241" s="14" t="s">
        <v>1</v>
      </c>
      <c r="C43241" s="14" t="s">
        <v>70</v>
      </c>
      <c r="D43241" s="14" t="s">
        <v>254</v>
      </c>
      <c r="E43241" s="15">
        <v>45547</v>
      </c>
      <c r="F43241" s="14" t="s">
        <v>15</v>
      </c>
      <c r="G43241" s="16">
        <v>1.5920753761530106</v>
      </c>
    </row>
    <row r="43242" spans="1:7" x14ac:dyDescent="0.3">
      <c r="A43242" s="13" t="s">
        <v>253</v>
      </c>
      <c r="B43242" s="14" t="s">
        <v>1</v>
      </c>
      <c r="C43242" s="14" t="s">
        <v>70</v>
      </c>
      <c r="D43242" s="14" t="s">
        <v>254</v>
      </c>
      <c r="E43242" s="15">
        <v>45548</v>
      </c>
      <c r="F43242" s="14" t="s">
        <v>15</v>
      </c>
      <c r="G43242" s="16">
        <v>1.6187569505521975</v>
      </c>
    </row>
    <row r="43243" spans="1:7" x14ac:dyDescent="0.3">
      <c r="A43243" s="13" t="s">
        <v>253</v>
      </c>
      <c r="B43243" s="14" t="s">
        <v>1</v>
      </c>
      <c r="C43243" s="14" t="s">
        <v>70</v>
      </c>
      <c r="D43243" s="14" t="s">
        <v>254</v>
      </c>
      <c r="E43243" s="15">
        <v>45549</v>
      </c>
      <c r="F43243" s="14" t="s">
        <v>15</v>
      </c>
      <c r="G43243" s="16">
        <v>1.6187569505521975</v>
      </c>
    </row>
    <row r="43244" spans="1:7" x14ac:dyDescent="0.3">
      <c r="A43244" s="13" t="s">
        <v>253</v>
      </c>
      <c r="B43244" s="14" t="s">
        <v>1</v>
      </c>
      <c r="C43244" s="14" t="s">
        <v>70</v>
      </c>
      <c r="D43244" s="14" t="s">
        <v>254</v>
      </c>
      <c r="E43244" s="15">
        <v>45550</v>
      </c>
      <c r="F43244" s="14" t="s">
        <v>15</v>
      </c>
      <c r="G43244" s="16">
        <v>1.6187569505521975</v>
      </c>
    </row>
    <row r="43245" spans="1:7" x14ac:dyDescent="0.3">
      <c r="A43245" s="13" t="s">
        <v>253</v>
      </c>
      <c r="B43245" s="14" t="s">
        <v>1</v>
      </c>
      <c r="C43245" s="14" t="s">
        <v>70</v>
      </c>
      <c r="D43245" s="14" t="s">
        <v>254</v>
      </c>
      <c r="E43245" s="15">
        <v>45551</v>
      </c>
      <c r="F43245" s="14" t="s">
        <v>15</v>
      </c>
      <c r="G43245" s="16">
        <v>1.6344171258010514</v>
      </c>
    </row>
    <row r="43246" spans="1:7" x14ac:dyDescent="0.3">
      <c r="A43246" s="13" t="s">
        <v>253</v>
      </c>
      <c r="B43246" s="14" t="s">
        <v>1</v>
      </c>
      <c r="C43246" s="14" t="s">
        <v>70</v>
      </c>
      <c r="D43246" s="14" t="s">
        <v>254</v>
      </c>
      <c r="E43246" s="15">
        <v>45552</v>
      </c>
      <c r="F43246" s="14" t="s">
        <v>15</v>
      </c>
      <c r="G43246" s="16">
        <v>1.647944570530212</v>
      </c>
    </row>
    <row r="43247" spans="1:7" x14ac:dyDescent="0.3">
      <c r="A43247" s="13" t="s">
        <v>253</v>
      </c>
      <c r="B43247" s="14" t="s">
        <v>1</v>
      </c>
      <c r="C43247" s="14" t="s">
        <v>70</v>
      </c>
      <c r="D43247" s="14" t="s">
        <v>254</v>
      </c>
      <c r="E43247" s="15">
        <v>45553</v>
      </c>
      <c r="F43247" s="14" t="s">
        <v>15</v>
      </c>
      <c r="G43247" s="16">
        <v>1.6527913800722946</v>
      </c>
    </row>
    <row r="43248" spans="1:7" x14ac:dyDescent="0.3">
      <c r="A43248" s="13" t="s">
        <v>253</v>
      </c>
      <c r="B43248" s="14" t="s">
        <v>1</v>
      </c>
      <c r="C43248" s="14" t="s">
        <v>70</v>
      </c>
      <c r="D43248" s="14" t="s">
        <v>254</v>
      </c>
      <c r="E43248" s="15">
        <v>45554</v>
      </c>
      <c r="F43248" s="14" t="s">
        <v>15</v>
      </c>
      <c r="G43248" s="16">
        <v>1.6564414428936649</v>
      </c>
    </row>
    <row r="43249" spans="1:7" x14ac:dyDescent="0.3">
      <c r="A43249" s="13" t="s">
        <v>253</v>
      </c>
      <c r="B43249" s="14" t="s">
        <v>1</v>
      </c>
      <c r="C43249" s="14" t="s">
        <v>70</v>
      </c>
      <c r="D43249" s="14" t="s">
        <v>254</v>
      </c>
      <c r="E43249" s="15">
        <v>45555</v>
      </c>
      <c r="F43249" s="14" t="s">
        <v>15</v>
      </c>
      <c r="G43249" s="16">
        <v>1.6601139084054164</v>
      </c>
    </row>
    <row r="43250" spans="1:7" x14ac:dyDescent="0.3">
      <c r="A43250" s="13" t="s">
        <v>253</v>
      </c>
      <c r="B43250" s="14" t="s">
        <v>1</v>
      </c>
      <c r="C43250" s="14" t="s">
        <v>70</v>
      </c>
      <c r="D43250" s="14" t="s">
        <v>254</v>
      </c>
      <c r="E43250" s="15">
        <v>45556</v>
      </c>
      <c r="F43250" s="14" t="s">
        <v>15</v>
      </c>
      <c r="G43250" s="16">
        <v>1.6601139084054164</v>
      </c>
    </row>
    <row r="43251" spans="1:7" x14ac:dyDescent="0.3">
      <c r="A43251" s="13" t="s">
        <v>253</v>
      </c>
      <c r="B43251" s="14" t="s">
        <v>1</v>
      </c>
      <c r="C43251" s="14" t="s">
        <v>70</v>
      </c>
      <c r="D43251" s="14" t="s">
        <v>254</v>
      </c>
      <c r="E43251" s="15">
        <v>45557</v>
      </c>
      <c r="F43251" s="14" t="s">
        <v>15</v>
      </c>
      <c r="G43251" s="16">
        <v>1.6601139084054164</v>
      </c>
    </row>
    <row r="43252" spans="1:7" x14ac:dyDescent="0.3">
      <c r="A43252" s="13" t="s">
        <v>253</v>
      </c>
      <c r="B43252" s="14" t="s">
        <v>1</v>
      </c>
      <c r="C43252" s="14" t="s">
        <v>70</v>
      </c>
      <c r="D43252" s="14" t="s">
        <v>254</v>
      </c>
      <c r="E43252" s="15">
        <v>45558</v>
      </c>
      <c r="F43252" s="14" t="s">
        <v>15</v>
      </c>
      <c r="G43252" s="16">
        <v>1.6637727715754957</v>
      </c>
    </row>
    <row r="43253" spans="1:7" x14ac:dyDescent="0.3">
      <c r="A43253" s="13" t="s">
        <v>253</v>
      </c>
      <c r="B43253" s="14" t="s">
        <v>1</v>
      </c>
      <c r="C43253" s="14" t="s">
        <v>70</v>
      </c>
      <c r="D43253" s="14" t="s">
        <v>254</v>
      </c>
      <c r="E43253" s="15">
        <v>45559</v>
      </c>
      <c r="F43253" s="14" t="s">
        <v>15</v>
      </c>
      <c r="G43253" s="16">
        <v>1.6760905643057196</v>
      </c>
    </row>
    <row r="43254" spans="1:7" x14ac:dyDescent="0.3">
      <c r="A43254" s="13" t="s">
        <v>253</v>
      </c>
      <c r="B43254" s="14" t="s">
        <v>1</v>
      </c>
      <c r="C43254" s="14" t="s">
        <v>70</v>
      </c>
      <c r="D43254" s="14" t="s">
        <v>254</v>
      </c>
      <c r="E43254" s="15">
        <v>45560</v>
      </c>
      <c r="F43254" s="14" t="s">
        <v>15</v>
      </c>
      <c r="G43254" s="16">
        <v>1.6797861681040858</v>
      </c>
    </row>
    <row r="43255" spans="1:7" x14ac:dyDescent="0.3">
      <c r="A43255" s="13" t="s">
        <v>253</v>
      </c>
      <c r="B43255" s="14" t="s">
        <v>1</v>
      </c>
      <c r="C43255" s="14" t="s">
        <v>70</v>
      </c>
      <c r="D43255" s="14" t="s">
        <v>254</v>
      </c>
      <c r="E43255" s="15">
        <v>45561</v>
      </c>
      <c r="F43255" s="14" t="s">
        <v>15</v>
      </c>
      <c r="G43255" s="16">
        <v>1.69061874912584</v>
      </c>
    </row>
    <row r="43256" spans="1:7" x14ac:dyDescent="0.3">
      <c r="A43256" s="13" t="s">
        <v>253</v>
      </c>
      <c r="B43256" s="14" t="s">
        <v>1</v>
      </c>
      <c r="C43256" s="14" t="s">
        <v>70</v>
      </c>
      <c r="D43256" s="14" t="s">
        <v>254</v>
      </c>
      <c r="E43256" s="15">
        <v>45562</v>
      </c>
      <c r="F43256" s="14" t="s">
        <v>15</v>
      </c>
      <c r="G43256" s="16">
        <v>1.6985899800928188</v>
      </c>
    </row>
    <row r="43257" spans="1:7" x14ac:dyDescent="0.3">
      <c r="A43257" s="13" t="s">
        <v>253</v>
      </c>
      <c r="B43257" s="14" t="s">
        <v>1</v>
      </c>
      <c r="C43257" s="14" t="s">
        <v>70</v>
      </c>
      <c r="D43257" s="14" t="s">
        <v>254</v>
      </c>
      <c r="E43257" s="15">
        <v>45563</v>
      </c>
      <c r="F43257" s="14" t="s">
        <v>15</v>
      </c>
      <c r="G43257" s="16">
        <v>1.6985899800928188</v>
      </c>
    </row>
    <row r="43258" spans="1:7" x14ac:dyDescent="0.3">
      <c r="A43258" s="13" t="s">
        <v>253</v>
      </c>
      <c r="B43258" s="14" t="s">
        <v>1</v>
      </c>
      <c r="C43258" s="14" t="s">
        <v>70</v>
      </c>
      <c r="D43258" s="14" t="s">
        <v>254</v>
      </c>
      <c r="E43258" s="15">
        <v>45564</v>
      </c>
      <c r="F43258" s="14" t="s">
        <v>15</v>
      </c>
      <c r="G43258" s="16">
        <v>1.6985899800928188</v>
      </c>
    </row>
    <row r="43259" spans="1:7" x14ac:dyDescent="0.3">
      <c r="A43259" s="13" t="s">
        <v>253</v>
      </c>
      <c r="B43259" s="14" t="s">
        <v>1</v>
      </c>
      <c r="C43259" s="14" t="s">
        <v>70</v>
      </c>
      <c r="D43259" s="14" t="s">
        <v>254</v>
      </c>
      <c r="E43259" s="15">
        <v>45565</v>
      </c>
      <c r="F43259" s="14" t="s">
        <v>15</v>
      </c>
      <c r="G43259" s="16">
        <v>1.7172994703635041</v>
      </c>
    </row>
    <row r="43260" spans="1:7" x14ac:dyDescent="0.3">
      <c r="A43260" s="13" t="s">
        <v>253</v>
      </c>
      <c r="B43260" s="14" t="s">
        <v>1</v>
      </c>
      <c r="C43260" s="14" t="s">
        <v>70</v>
      </c>
      <c r="D43260" s="14" t="s">
        <v>254</v>
      </c>
      <c r="E43260" s="15">
        <v>45566</v>
      </c>
      <c r="F43260" s="14" t="s">
        <v>15</v>
      </c>
      <c r="G43260" s="16">
        <v>1.7333538821037395</v>
      </c>
    </row>
    <row r="43261" spans="1:7" x14ac:dyDescent="0.3">
      <c r="A43261" s="13" t="s">
        <v>253</v>
      </c>
      <c r="B43261" s="14" t="s">
        <v>1</v>
      </c>
      <c r="C43261" s="14" t="s">
        <v>70</v>
      </c>
      <c r="D43261" s="14" t="s">
        <v>254</v>
      </c>
      <c r="E43261" s="15">
        <v>45567</v>
      </c>
      <c r="F43261" s="14" t="s">
        <v>15</v>
      </c>
      <c r="G43261" s="16">
        <v>1.7384610540909988</v>
      </c>
    </row>
    <row r="43262" spans="1:7" x14ac:dyDescent="0.3">
      <c r="A43262" s="13" t="s">
        <v>253</v>
      </c>
      <c r="B43262" s="14" t="s">
        <v>1</v>
      </c>
      <c r="C43262" s="14" t="s">
        <v>70</v>
      </c>
      <c r="D43262" s="14" t="s">
        <v>254</v>
      </c>
      <c r="E43262" s="15">
        <v>45568</v>
      </c>
      <c r="F43262" s="14" t="s">
        <v>15</v>
      </c>
      <c r="G43262" s="16">
        <v>1.7413433641125662</v>
      </c>
    </row>
    <row r="43263" spans="1:7" x14ac:dyDescent="0.3">
      <c r="A43263" s="13" t="s">
        <v>253</v>
      </c>
      <c r="B43263" s="14" t="s">
        <v>1</v>
      </c>
      <c r="C43263" s="14" t="s">
        <v>70</v>
      </c>
      <c r="D43263" s="14" t="s">
        <v>254</v>
      </c>
      <c r="E43263" s="15">
        <v>45569</v>
      </c>
      <c r="F43263" s="14" t="s">
        <v>15</v>
      </c>
      <c r="G43263" s="16">
        <v>1.7474093091014209</v>
      </c>
    </row>
    <row r="43264" spans="1:7" x14ac:dyDescent="0.3">
      <c r="A43264" s="13" t="s">
        <v>253</v>
      </c>
      <c r="B43264" s="14" t="s">
        <v>1</v>
      </c>
      <c r="C43264" s="14" t="s">
        <v>70</v>
      </c>
      <c r="D43264" s="14" t="s">
        <v>254</v>
      </c>
      <c r="E43264" s="15">
        <v>45570</v>
      </c>
      <c r="F43264" s="14" t="s">
        <v>15</v>
      </c>
      <c r="G43264" s="16">
        <v>1.7474093091014209</v>
      </c>
    </row>
    <row r="43265" spans="1:7" x14ac:dyDescent="0.3">
      <c r="A43265" s="13" t="s">
        <v>253</v>
      </c>
      <c r="B43265" s="14" t="s">
        <v>1</v>
      </c>
      <c r="C43265" s="14" t="s">
        <v>70</v>
      </c>
      <c r="D43265" s="14" t="s">
        <v>254</v>
      </c>
      <c r="E43265" s="15">
        <v>45571</v>
      </c>
      <c r="F43265" s="14" t="s">
        <v>15</v>
      </c>
      <c r="G43265" s="16">
        <v>1.7474093091014209</v>
      </c>
    </row>
    <row r="43266" spans="1:7" x14ac:dyDescent="0.3">
      <c r="A43266" s="13" t="s">
        <v>253</v>
      </c>
      <c r="B43266" s="14" t="s">
        <v>1</v>
      </c>
      <c r="C43266" s="14" t="s">
        <v>70</v>
      </c>
      <c r="D43266" s="14" t="s">
        <v>254</v>
      </c>
      <c r="E43266" s="15">
        <v>45572</v>
      </c>
      <c r="F43266" s="14" t="s">
        <v>15</v>
      </c>
      <c r="G43266" s="16">
        <v>1.7674125329597414</v>
      </c>
    </row>
    <row r="43267" spans="1:7" x14ac:dyDescent="0.3">
      <c r="A43267" s="13" t="s">
        <v>253</v>
      </c>
      <c r="B43267" s="14" t="s">
        <v>1</v>
      </c>
      <c r="C43267" s="14" t="s">
        <v>70</v>
      </c>
      <c r="D43267" s="14" t="s">
        <v>254</v>
      </c>
      <c r="E43267" s="15">
        <v>45573</v>
      </c>
      <c r="F43267" s="14" t="s">
        <v>15</v>
      </c>
      <c r="G43267" s="16">
        <v>1.7786433478831105</v>
      </c>
    </row>
    <row r="43268" spans="1:7" x14ac:dyDescent="0.3">
      <c r="A43268" s="13" t="s">
        <v>253</v>
      </c>
      <c r="B43268" s="14" t="s">
        <v>1</v>
      </c>
      <c r="C43268" s="14" t="s">
        <v>70</v>
      </c>
      <c r="D43268" s="14" t="s">
        <v>254</v>
      </c>
      <c r="E43268" s="15">
        <v>45574</v>
      </c>
      <c r="F43268" s="14" t="s">
        <v>15</v>
      </c>
      <c r="G43268" s="16">
        <v>1.7823139734549385</v>
      </c>
    </row>
    <row r="43269" spans="1:7" x14ac:dyDescent="0.3">
      <c r="A43269" s="13" t="s">
        <v>253</v>
      </c>
      <c r="B43269" s="14" t="s">
        <v>1</v>
      </c>
      <c r="C43269" s="14" t="s">
        <v>70</v>
      </c>
      <c r="D43269" s="14" t="s">
        <v>254</v>
      </c>
      <c r="E43269" s="15">
        <v>45575</v>
      </c>
      <c r="F43269" s="14" t="s">
        <v>15</v>
      </c>
      <c r="G43269" s="16">
        <v>1.7860447516871991</v>
      </c>
    </row>
    <row r="43270" spans="1:7" x14ac:dyDescent="0.3">
      <c r="A43270" s="13" t="s">
        <v>253</v>
      </c>
      <c r="B43270" s="14" t="s">
        <v>1</v>
      </c>
      <c r="C43270" s="14" t="s">
        <v>70</v>
      </c>
      <c r="D43270" s="14" t="s">
        <v>254</v>
      </c>
      <c r="E43270" s="15">
        <v>45576</v>
      </c>
      <c r="F43270" s="14" t="s">
        <v>15</v>
      </c>
      <c r="G43270" s="16">
        <v>1.8038007209180424</v>
      </c>
    </row>
    <row r="43271" spans="1:7" x14ac:dyDescent="0.3">
      <c r="A43271" s="13" t="s">
        <v>253</v>
      </c>
      <c r="B43271" s="14" t="s">
        <v>1</v>
      </c>
      <c r="C43271" s="14" t="s">
        <v>70</v>
      </c>
      <c r="D43271" s="14" t="s">
        <v>254</v>
      </c>
      <c r="E43271" s="15">
        <v>45577</v>
      </c>
      <c r="F43271" s="14" t="s">
        <v>15</v>
      </c>
      <c r="G43271" s="16">
        <v>1.8038007209180424</v>
      </c>
    </row>
    <row r="43272" spans="1:7" x14ac:dyDescent="0.3">
      <c r="A43272" s="13" t="s">
        <v>253</v>
      </c>
      <c r="B43272" s="14" t="s">
        <v>1</v>
      </c>
      <c r="C43272" s="14" t="s">
        <v>70</v>
      </c>
      <c r="D43272" s="14" t="s">
        <v>254</v>
      </c>
      <c r="E43272" s="15">
        <v>45578</v>
      </c>
      <c r="F43272" s="14" t="s">
        <v>15</v>
      </c>
      <c r="G43272" s="16">
        <v>1.8038007209180424</v>
      </c>
    </row>
    <row r="43273" spans="1:7" x14ac:dyDescent="0.3">
      <c r="A43273" s="13" t="s">
        <v>253</v>
      </c>
      <c r="B43273" s="14" t="s">
        <v>1</v>
      </c>
      <c r="C43273" s="14" t="s">
        <v>70</v>
      </c>
      <c r="D43273" s="14" t="s">
        <v>254</v>
      </c>
      <c r="E43273" s="15">
        <v>45579</v>
      </c>
      <c r="F43273" s="14" t="s">
        <v>15</v>
      </c>
      <c r="G43273" s="16">
        <v>1.80753292783118</v>
      </c>
    </row>
    <row r="43274" spans="1:7" x14ac:dyDescent="0.3">
      <c r="A43274" s="13" t="s">
        <v>253</v>
      </c>
      <c r="B43274" s="14" t="s">
        <v>1</v>
      </c>
      <c r="C43274" s="14" t="s">
        <v>70</v>
      </c>
      <c r="D43274" s="14" t="s">
        <v>254</v>
      </c>
      <c r="E43274" s="15">
        <v>45580</v>
      </c>
      <c r="F43274" s="14" t="s">
        <v>15</v>
      </c>
      <c r="G43274" s="16">
        <v>1.8186689948108428</v>
      </c>
    </row>
    <row r="43275" spans="1:7" x14ac:dyDescent="0.3">
      <c r="A43275" s="13" t="s">
        <v>253</v>
      </c>
      <c r="B43275" s="14" t="s">
        <v>1</v>
      </c>
      <c r="C43275" s="14" t="s">
        <v>70</v>
      </c>
      <c r="D43275" s="14" t="s">
        <v>254</v>
      </c>
      <c r="E43275" s="15">
        <v>45581</v>
      </c>
      <c r="F43275" s="14" t="s">
        <v>15</v>
      </c>
      <c r="G43275" s="16">
        <v>1.8261646269177889</v>
      </c>
    </row>
    <row r="43276" spans="1:7" x14ac:dyDescent="0.3">
      <c r="A43276" s="13" t="s">
        <v>253</v>
      </c>
      <c r="B43276" s="14" t="s">
        <v>1</v>
      </c>
      <c r="C43276" s="14" t="s">
        <v>70</v>
      </c>
      <c r="D43276" s="14" t="s">
        <v>254</v>
      </c>
      <c r="E43276" s="15">
        <v>45582</v>
      </c>
      <c r="F43276" s="14" t="s">
        <v>15</v>
      </c>
      <c r="G43276" s="16">
        <v>1.8305461050183414</v>
      </c>
    </row>
    <row r="43277" spans="1:7" x14ac:dyDescent="0.3">
      <c r="A43277" s="13" t="s">
        <v>253</v>
      </c>
      <c r="B43277" s="14" t="s">
        <v>1</v>
      </c>
      <c r="C43277" s="14" t="s">
        <v>70</v>
      </c>
      <c r="D43277" s="14" t="s">
        <v>254</v>
      </c>
      <c r="E43277" s="15">
        <v>45583</v>
      </c>
      <c r="F43277" s="14" t="s">
        <v>15</v>
      </c>
      <c r="G43277" s="16">
        <v>1.8406491058548402</v>
      </c>
    </row>
    <row r="43278" spans="1:7" x14ac:dyDescent="0.3">
      <c r="A43278" s="13" t="s">
        <v>253</v>
      </c>
      <c r="B43278" s="14" t="s">
        <v>1</v>
      </c>
      <c r="C43278" s="14" t="s">
        <v>70</v>
      </c>
      <c r="D43278" s="14" t="s">
        <v>254</v>
      </c>
      <c r="E43278" s="15">
        <v>45584</v>
      </c>
      <c r="F43278" s="14" t="s">
        <v>15</v>
      </c>
      <c r="G43278" s="16">
        <v>1.8406491058548402</v>
      </c>
    </row>
    <row r="43279" spans="1:7" x14ac:dyDescent="0.3">
      <c r="A43279" s="13" t="s">
        <v>253</v>
      </c>
      <c r="B43279" s="14" t="s">
        <v>1</v>
      </c>
      <c r="C43279" s="14" t="s">
        <v>70</v>
      </c>
      <c r="D43279" s="14" t="s">
        <v>254</v>
      </c>
      <c r="E43279" s="15">
        <v>45585</v>
      </c>
      <c r="F43279" s="14" t="s">
        <v>15</v>
      </c>
      <c r="G43279" s="16">
        <v>1.8406491058548402</v>
      </c>
    </row>
    <row r="43280" spans="1:7" x14ac:dyDescent="0.3">
      <c r="A43280" s="13" t="s">
        <v>253</v>
      </c>
      <c r="B43280" s="14" t="s">
        <v>1</v>
      </c>
      <c r="C43280" s="14" t="s">
        <v>70</v>
      </c>
      <c r="D43280" s="14" t="s">
        <v>254</v>
      </c>
      <c r="E43280" s="15">
        <v>45586</v>
      </c>
      <c r="F43280" s="14" t="s">
        <v>15</v>
      </c>
      <c r="G43280" s="16">
        <v>1.8499033768101927</v>
      </c>
    </row>
    <row r="43281" spans="1:7" x14ac:dyDescent="0.3">
      <c r="A43281" s="13" t="s">
        <v>253</v>
      </c>
      <c r="B43281" s="14" t="s">
        <v>1</v>
      </c>
      <c r="C43281" s="14" t="s">
        <v>70</v>
      </c>
      <c r="D43281" s="14" t="s">
        <v>254</v>
      </c>
      <c r="E43281" s="15">
        <v>45587</v>
      </c>
      <c r="F43281" s="14" t="s">
        <v>15</v>
      </c>
      <c r="G43281" s="16">
        <v>1.8610932380862328</v>
      </c>
    </row>
    <row r="43282" spans="1:7" x14ac:dyDescent="0.3">
      <c r="A43282" s="13" t="s">
        <v>253</v>
      </c>
      <c r="B43282" s="14" t="s">
        <v>1</v>
      </c>
      <c r="C43282" s="14" t="s">
        <v>70</v>
      </c>
      <c r="D43282" s="14" t="s">
        <v>254</v>
      </c>
      <c r="E43282" s="15">
        <v>45588</v>
      </c>
      <c r="F43282" s="14" t="s">
        <v>15</v>
      </c>
      <c r="G43282" s="16">
        <v>1.865075990071952</v>
      </c>
    </row>
    <row r="43283" spans="1:7" x14ac:dyDescent="0.3">
      <c r="A43283" s="13" t="s">
        <v>253</v>
      </c>
      <c r="B43283" s="14" t="s">
        <v>1</v>
      </c>
      <c r="C43283" s="14" t="s">
        <v>70</v>
      </c>
      <c r="D43283" s="14" t="s">
        <v>254</v>
      </c>
      <c r="E43283" s="15">
        <v>45589</v>
      </c>
      <c r="F43283" s="14" t="s">
        <v>15</v>
      </c>
      <c r="G43283" s="16">
        <v>1.871119830474647</v>
      </c>
    </row>
    <row r="43284" spans="1:7" x14ac:dyDescent="0.3">
      <c r="A43284" s="13" t="s">
        <v>253</v>
      </c>
      <c r="B43284" s="14" t="s">
        <v>1</v>
      </c>
      <c r="C43284" s="14" t="s">
        <v>70</v>
      </c>
      <c r="D43284" s="14" t="s">
        <v>254</v>
      </c>
      <c r="E43284" s="15">
        <v>45590</v>
      </c>
      <c r="F43284" s="14" t="s">
        <v>15</v>
      </c>
      <c r="G43284" s="16">
        <v>1.8748909867541133</v>
      </c>
    </row>
    <row r="43285" spans="1:7" x14ac:dyDescent="0.3">
      <c r="A43285" s="13" t="s">
        <v>253</v>
      </c>
      <c r="B43285" s="14" t="s">
        <v>1</v>
      </c>
      <c r="C43285" s="14" t="s">
        <v>70</v>
      </c>
      <c r="D43285" s="14" t="s">
        <v>254</v>
      </c>
      <c r="E43285" s="15">
        <v>45591</v>
      </c>
      <c r="F43285" s="14" t="s">
        <v>15</v>
      </c>
      <c r="G43285" s="16">
        <v>1.8748909867541133</v>
      </c>
    </row>
    <row r="43286" spans="1:7" x14ac:dyDescent="0.3">
      <c r="A43286" s="13" t="s">
        <v>253</v>
      </c>
      <c r="B43286" s="14" t="s">
        <v>1</v>
      </c>
      <c r="C43286" s="14" t="s">
        <v>70</v>
      </c>
      <c r="D43286" s="14" t="s">
        <v>254</v>
      </c>
      <c r="E43286" s="15">
        <v>45592</v>
      </c>
      <c r="F43286" s="14" t="s">
        <v>15</v>
      </c>
      <c r="G43286" s="16">
        <v>1.8748909867541133</v>
      </c>
    </row>
    <row r="43287" spans="1:7" x14ac:dyDescent="0.3">
      <c r="A43287" s="13" t="s">
        <v>253</v>
      </c>
      <c r="B43287" s="14" t="s">
        <v>1</v>
      </c>
      <c r="C43287" s="14" t="s">
        <v>70</v>
      </c>
      <c r="D43287" s="14" t="s">
        <v>254</v>
      </c>
      <c r="E43287" s="15">
        <v>45593</v>
      </c>
      <c r="F43287" s="14" t="s">
        <v>15</v>
      </c>
      <c r="G43287" s="16">
        <v>1.8748909867541133</v>
      </c>
    </row>
    <row r="43288" spans="1:7" x14ac:dyDescent="0.3">
      <c r="A43288" s="13" t="s">
        <v>253</v>
      </c>
      <c r="B43288" s="14" t="s">
        <v>1</v>
      </c>
      <c r="C43288" s="14" t="s">
        <v>70</v>
      </c>
      <c r="D43288" s="14" t="s">
        <v>254</v>
      </c>
      <c r="E43288" s="15">
        <v>45594</v>
      </c>
      <c r="F43288" s="14" t="s">
        <v>15</v>
      </c>
      <c r="G43288" s="16">
        <v>1.8791070800461076</v>
      </c>
    </row>
    <row r="43289" spans="1:7" x14ac:dyDescent="0.3">
      <c r="A43289" s="13" t="s">
        <v>253</v>
      </c>
      <c r="B43289" s="14" t="s">
        <v>1</v>
      </c>
      <c r="C43289" s="14" t="s">
        <v>70</v>
      </c>
      <c r="D43289" s="14" t="s">
        <v>254</v>
      </c>
      <c r="E43289" s="15">
        <v>45595</v>
      </c>
      <c r="F43289" s="14" t="s">
        <v>15</v>
      </c>
      <c r="G43289" s="16">
        <v>1.9028615190542153</v>
      </c>
    </row>
    <row r="43290" spans="1:7" x14ac:dyDescent="0.3">
      <c r="A43290" s="13" t="s">
        <v>253</v>
      </c>
      <c r="B43290" s="14" t="s">
        <v>1</v>
      </c>
      <c r="C43290" s="14" t="s">
        <v>70</v>
      </c>
      <c r="D43290" s="14" t="s">
        <v>254</v>
      </c>
      <c r="E43290" s="15">
        <v>45596</v>
      </c>
      <c r="F43290" s="14" t="s">
        <v>15</v>
      </c>
      <c r="G43290" s="16">
        <v>1.9066624929348241</v>
      </c>
    </row>
    <row r="43291" spans="1:7" x14ac:dyDescent="0.3">
      <c r="A43291" s="13" t="s">
        <v>253</v>
      </c>
      <c r="B43291" s="14" t="s">
        <v>1</v>
      </c>
      <c r="C43291" s="14" t="s">
        <v>70</v>
      </c>
      <c r="D43291" s="14" t="s">
        <v>254</v>
      </c>
      <c r="E43291" s="15">
        <v>45597</v>
      </c>
      <c r="F43291" s="14" t="s">
        <v>15</v>
      </c>
      <c r="G43291" s="16">
        <v>1.9124467058536612</v>
      </c>
    </row>
    <row r="43292" spans="1:7" x14ac:dyDescent="0.3">
      <c r="A43292" s="13" t="s">
        <v>253</v>
      </c>
      <c r="B43292" s="14" t="s">
        <v>1</v>
      </c>
      <c r="C43292" s="14" t="s">
        <v>70</v>
      </c>
      <c r="D43292" s="14" t="s">
        <v>254</v>
      </c>
      <c r="E43292" s="15">
        <v>45598</v>
      </c>
      <c r="F43292" s="14" t="s">
        <v>15</v>
      </c>
      <c r="G43292" s="16">
        <v>1.9124467058536612</v>
      </c>
    </row>
    <row r="43293" spans="1:7" x14ac:dyDescent="0.3">
      <c r="A43293" s="13" t="s">
        <v>253</v>
      </c>
      <c r="B43293" s="14" t="s">
        <v>1</v>
      </c>
      <c r="C43293" s="14" t="s">
        <v>70</v>
      </c>
      <c r="D43293" s="14" t="s">
        <v>254</v>
      </c>
      <c r="E43293" s="15">
        <v>45599</v>
      </c>
      <c r="F43293" s="14" t="s">
        <v>15</v>
      </c>
      <c r="G43293" s="16">
        <v>1.9124467058536612</v>
      </c>
    </row>
    <row r="43294" spans="1:7" x14ac:dyDescent="0.3">
      <c r="A43294" s="13" t="s">
        <v>253</v>
      </c>
      <c r="B43294" s="14" t="s">
        <v>1</v>
      </c>
      <c r="C43294" s="14" t="s">
        <v>70</v>
      </c>
      <c r="D43294" s="14" t="s">
        <v>254</v>
      </c>
      <c r="E43294" s="15">
        <v>45600</v>
      </c>
      <c r="F43294" s="14" t="s">
        <v>15</v>
      </c>
      <c r="G43294" s="16">
        <v>1.9105600868980044</v>
      </c>
    </row>
    <row r="43295" spans="1:7" x14ac:dyDescent="0.3">
      <c r="A43295" s="13" t="s">
        <v>253</v>
      </c>
      <c r="B43295" s="14" t="s">
        <v>1</v>
      </c>
      <c r="C43295" s="14" t="s">
        <v>70</v>
      </c>
      <c r="D43295" s="14" t="s">
        <v>254</v>
      </c>
      <c r="E43295" s="15">
        <v>45601</v>
      </c>
      <c r="F43295" s="14" t="s">
        <v>15</v>
      </c>
      <c r="G43295" s="16">
        <v>1.9213322561706978</v>
      </c>
    </row>
    <row r="43296" spans="1:7" x14ac:dyDescent="0.3">
      <c r="A43296" s="13" t="s">
        <v>253</v>
      </c>
      <c r="B43296" s="14" t="s">
        <v>1</v>
      </c>
      <c r="C43296" s="14" t="s">
        <v>70</v>
      </c>
      <c r="D43296" s="14" t="s">
        <v>254</v>
      </c>
      <c r="E43296" s="15">
        <v>45602</v>
      </c>
      <c r="F43296" s="14" t="s">
        <v>15</v>
      </c>
      <c r="G43296" s="16">
        <v>1.9269166581832633</v>
      </c>
    </row>
    <row r="43297" spans="1:7" x14ac:dyDescent="0.3">
      <c r="A43297" s="13" t="s">
        <v>253</v>
      </c>
      <c r="B43297" s="14" t="s">
        <v>1</v>
      </c>
      <c r="C43297" s="14" t="s">
        <v>70</v>
      </c>
      <c r="D43297" s="14" t="s">
        <v>254</v>
      </c>
      <c r="E43297" s="15">
        <v>45603</v>
      </c>
      <c r="F43297" s="14" t="s">
        <v>15</v>
      </c>
      <c r="G43297" s="16">
        <v>1.9306326864687875</v>
      </c>
    </row>
    <row r="43298" spans="1:7" x14ac:dyDescent="0.3">
      <c r="A43298" s="13" t="s">
        <v>253</v>
      </c>
      <c r="B43298" s="14" t="s">
        <v>1</v>
      </c>
      <c r="C43298" s="14" t="s">
        <v>70</v>
      </c>
      <c r="D43298" s="14" t="s">
        <v>254</v>
      </c>
      <c r="E43298" s="15">
        <v>45604</v>
      </c>
      <c r="F43298" s="14" t="s">
        <v>15</v>
      </c>
      <c r="G43298" s="16">
        <v>1.9479662129770499</v>
      </c>
    </row>
    <row r="43299" spans="1:7" x14ac:dyDescent="0.3">
      <c r="A43299" s="13" t="s">
        <v>253</v>
      </c>
      <c r="B43299" s="14" t="s">
        <v>1</v>
      </c>
      <c r="C43299" s="14" t="s">
        <v>70</v>
      </c>
      <c r="D43299" s="14" t="s">
        <v>254</v>
      </c>
      <c r="E43299" s="15">
        <v>45605</v>
      </c>
      <c r="F43299" s="14" t="s">
        <v>15</v>
      </c>
      <c r="G43299" s="16">
        <v>1.9479662129770499</v>
      </c>
    </row>
    <row r="43300" spans="1:7" x14ac:dyDescent="0.3">
      <c r="A43300" s="13" t="s">
        <v>253</v>
      </c>
      <c r="B43300" s="14" t="s">
        <v>1</v>
      </c>
      <c r="C43300" s="14" t="s">
        <v>70</v>
      </c>
      <c r="D43300" s="14" t="s">
        <v>254</v>
      </c>
      <c r="E43300" s="15">
        <v>45606</v>
      </c>
      <c r="F43300" s="14" t="s">
        <v>15</v>
      </c>
      <c r="G43300" s="16">
        <v>1.9479662129770499</v>
      </c>
    </row>
    <row r="43301" spans="1:7" x14ac:dyDescent="0.3">
      <c r="A43301" s="13" t="s">
        <v>253</v>
      </c>
      <c r="B43301" s="14" t="s">
        <v>1</v>
      </c>
      <c r="C43301" s="14" t="s">
        <v>70</v>
      </c>
      <c r="D43301" s="14" t="s">
        <v>254</v>
      </c>
      <c r="E43301" s="15">
        <v>45607</v>
      </c>
      <c r="F43301" s="14" t="s">
        <v>15</v>
      </c>
      <c r="G43301" s="16">
        <v>1.957568408797868</v>
      </c>
    </row>
    <row r="43302" spans="1:7" x14ac:dyDescent="0.3">
      <c r="A43302" s="13" t="s">
        <v>253</v>
      </c>
      <c r="B43302" s="14" t="s">
        <v>1</v>
      </c>
      <c r="C43302" s="14" t="s">
        <v>70</v>
      </c>
      <c r="D43302" s="14" t="s">
        <v>254</v>
      </c>
      <c r="E43302" s="15">
        <v>45608</v>
      </c>
      <c r="F43302" s="14" t="s">
        <v>15</v>
      </c>
      <c r="G43302" s="16">
        <v>1.9685350786846787</v>
      </c>
    </row>
    <row r="43303" spans="1:7" x14ac:dyDescent="0.3">
      <c r="A43303" s="13" t="s">
        <v>253</v>
      </c>
      <c r="B43303" s="14" t="s">
        <v>1</v>
      </c>
      <c r="C43303" s="14" t="s">
        <v>70</v>
      </c>
      <c r="D43303" s="14" t="s">
        <v>254</v>
      </c>
      <c r="E43303" s="15">
        <v>45609</v>
      </c>
      <c r="F43303" s="14" t="s">
        <v>15</v>
      </c>
      <c r="G43303" s="16">
        <v>1.9712824174529331</v>
      </c>
    </row>
    <row r="43304" spans="1:7" x14ac:dyDescent="0.3">
      <c r="A43304" s="13" t="s">
        <v>253</v>
      </c>
      <c r="B43304" s="14" t="s">
        <v>1</v>
      </c>
      <c r="C43304" s="14" t="s">
        <v>70</v>
      </c>
      <c r="D43304" s="14" t="s">
        <v>254</v>
      </c>
      <c r="E43304" s="15">
        <v>45610</v>
      </c>
      <c r="F43304" s="14" t="s">
        <v>15</v>
      </c>
      <c r="G43304" s="16">
        <v>1.9748521931106491</v>
      </c>
    </row>
    <row r="43305" spans="1:7" x14ac:dyDescent="0.3">
      <c r="A43305" s="13" t="s">
        <v>253</v>
      </c>
      <c r="B43305" s="14" t="s">
        <v>1</v>
      </c>
      <c r="C43305" s="14" t="s">
        <v>70</v>
      </c>
      <c r="D43305" s="14" t="s">
        <v>254</v>
      </c>
      <c r="E43305" s="15">
        <v>45611</v>
      </c>
      <c r="F43305" s="14" t="s">
        <v>15</v>
      </c>
      <c r="G43305" s="16">
        <v>2.0132525726947157</v>
      </c>
    </row>
    <row r="43306" spans="1:7" x14ac:dyDescent="0.3">
      <c r="A43306" s="13" t="s">
        <v>253</v>
      </c>
      <c r="B43306" s="14" t="s">
        <v>1</v>
      </c>
      <c r="C43306" s="14" t="s">
        <v>70</v>
      </c>
      <c r="D43306" s="14" t="s">
        <v>254</v>
      </c>
      <c r="E43306" s="15">
        <v>45612</v>
      </c>
      <c r="F43306" s="14" t="s">
        <v>15</v>
      </c>
      <c r="G43306" s="16">
        <v>2.0132525726947157</v>
      </c>
    </row>
    <row r="43307" spans="1:7" x14ac:dyDescent="0.3">
      <c r="A43307" s="13" t="s">
        <v>253</v>
      </c>
      <c r="B43307" s="14" t="s">
        <v>1</v>
      </c>
      <c r="C43307" s="14" t="s">
        <v>70</v>
      </c>
      <c r="D43307" s="14" t="s">
        <v>254</v>
      </c>
      <c r="E43307" s="15">
        <v>45613</v>
      </c>
      <c r="F43307" s="14" t="s">
        <v>15</v>
      </c>
      <c r="G43307" s="16">
        <v>2.0132525726947157</v>
      </c>
    </row>
    <row r="43308" spans="1:7" x14ac:dyDescent="0.3">
      <c r="A43308" s="13" t="s">
        <v>253</v>
      </c>
      <c r="B43308" s="14" t="s">
        <v>1</v>
      </c>
      <c r="C43308" s="14" t="s">
        <v>70</v>
      </c>
      <c r="D43308" s="14" t="s">
        <v>254</v>
      </c>
      <c r="E43308" s="15">
        <v>45614</v>
      </c>
      <c r="F43308" s="14" t="s">
        <v>15</v>
      </c>
      <c r="G43308" s="16">
        <v>2.0228794284076823</v>
      </c>
    </row>
    <row r="43309" spans="1:7" x14ac:dyDescent="0.3">
      <c r="A43309" s="13" t="s">
        <v>253</v>
      </c>
      <c r="B43309" s="14" t="s">
        <v>1</v>
      </c>
      <c r="C43309" s="14" t="s">
        <v>70</v>
      </c>
      <c r="D43309" s="14" t="s">
        <v>254</v>
      </c>
      <c r="E43309" s="15">
        <v>45615</v>
      </c>
      <c r="F43309" s="14" t="s">
        <v>15</v>
      </c>
      <c r="G43309" s="16">
        <v>2.0558300400570433</v>
      </c>
    </row>
    <row r="43310" spans="1:7" x14ac:dyDescent="0.3">
      <c r="A43310" s="13" t="s">
        <v>253</v>
      </c>
      <c r="B43310" s="14" t="s">
        <v>1</v>
      </c>
      <c r="C43310" s="14" t="s">
        <v>70</v>
      </c>
      <c r="D43310" s="14" t="s">
        <v>254</v>
      </c>
      <c r="E43310" s="15">
        <v>45616</v>
      </c>
      <c r="F43310" s="14" t="s">
        <v>15</v>
      </c>
      <c r="G43310" s="16">
        <v>2.0593439857253406</v>
      </c>
    </row>
    <row r="43311" spans="1:7" x14ac:dyDescent="0.3">
      <c r="A43311" s="13" t="s">
        <v>253</v>
      </c>
      <c r="B43311" s="14" t="s">
        <v>1</v>
      </c>
      <c r="C43311" s="14" t="s">
        <v>70</v>
      </c>
      <c r="D43311" s="14" t="s">
        <v>254</v>
      </c>
      <c r="E43311" s="15">
        <v>45617</v>
      </c>
      <c r="F43311" s="14" t="s">
        <v>15</v>
      </c>
      <c r="G43311" s="16">
        <v>2.065824373901469</v>
      </c>
    </row>
    <row r="43312" spans="1:7" x14ac:dyDescent="0.3">
      <c r="A43312" s="13" t="s">
        <v>253</v>
      </c>
      <c r="B43312" s="14" t="s">
        <v>1</v>
      </c>
      <c r="C43312" s="14" t="s">
        <v>70</v>
      </c>
      <c r="D43312" s="14" t="s">
        <v>254</v>
      </c>
      <c r="E43312" s="15">
        <v>45618</v>
      </c>
      <c r="F43312" s="14" t="s">
        <v>15</v>
      </c>
      <c r="G43312" s="16">
        <v>2.0725981940293048</v>
      </c>
    </row>
    <row r="43313" spans="1:7" x14ac:dyDescent="0.3">
      <c r="A43313" s="13" t="s">
        <v>253</v>
      </c>
      <c r="B43313" s="14" t="s">
        <v>1</v>
      </c>
      <c r="C43313" s="14" t="s">
        <v>70</v>
      </c>
      <c r="D43313" s="14" t="s">
        <v>254</v>
      </c>
      <c r="E43313" s="15">
        <v>45619</v>
      </c>
      <c r="F43313" s="14" t="s">
        <v>15</v>
      </c>
      <c r="G43313" s="16">
        <v>2.0725981940293048</v>
      </c>
    </row>
    <row r="43314" spans="1:7" x14ac:dyDescent="0.3">
      <c r="A43314" s="13" t="s">
        <v>253</v>
      </c>
      <c r="B43314" s="14" t="s">
        <v>1</v>
      </c>
      <c r="C43314" s="14" t="s">
        <v>70</v>
      </c>
      <c r="D43314" s="14" t="s">
        <v>254</v>
      </c>
      <c r="E43314" s="15">
        <v>45620</v>
      </c>
      <c r="F43314" s="14" t="s">
        <v>15</v>
      </c>
      <c r="G43314" s="16">
        <v>2.0725981940293048</v>
      </c>
    </row>
    <row r="43315" spans="1:7" x14ac:dyDescent="0.3">
      <c r="A43315" s="13" t="s">
        <v>253</v>
      </c>
      <c r="B43315" s="14" t="s">
        <v>1</v>
      </c>
      <c r="C43315" s="14" t="s">
        <v>70</v>
      </c>
      <c r="D43315" s="14" t="s">
        <v>254</v>
      </c>
      <c r="E43315" s="15">
        <v>45621</v>
      </c>
      <c r="F43315" s="14" t="s">
        <v>15</v>
      </c>
      <c r="G43315" s="16">
        <v>2.0762212059940479</v>
      </c>
    </row>
    <row r="43316" spans="1:7" x14ac:dyDescent="0.3">
      <c r="A43316" s="13" t="s">
        <v>253</v>
      </c>
      <c r="B43316" s="14" t="s">
        <v>1</v>
      </c>
      <c r="C43316" s="14" t="s">
        <v>70</v>
      </c>
      <c r="D43316" s="14" t="s">
        <v>254</v>
      </c>
      <c r="E43316" s="15">
        <v>45622</v>
      </c>
      <c r="F43316" s="14" t="s">
        <v>15</v>
      </c>
      <c r="G43316" s="16">
        <v>2.097147164788312</v>
      </c>
    </row>
    <row r="43317" spans="1:7" x14ac:dyDescent="0.3">
      <c r="A43317" s="13" t="s">
        <v>253</v>
      </c>
      <c r="B43317" s="14" t="s">
        <v>1</v>
      </c>
      <c r="C43317" s="14" t="s">
        <v>70</v>
      </c>
      <c r="D43317" s="14" t="s">
        <v>254</v>
      </c>
      <c r="E43317" s="15">
        <v>45623</v>
      </c>
      <c r="F43317" s="14" t="s">
        <v>15</v>
      </c>
      <c r="G43317" s="16">
        <v>2.1066850077752299</v>
      </c>
    </row>
    <row r="43318" spans="1:7" x14ac:dyDescent="0.3">
      <c r="A43318" s="13" t="s">
        <v>253</v>
      </c>
      <c r="B43318" s="14" t="s">
        <v>1</v>
      </c>
      <c r="C43318" s="14" t="s">
        <v>70</v>
      </c>
      <c r="D43318" s="14" t="s">
        <v>254</v>
      </c>
      <c r="E43318" s="15">
        <v>45624</v>
      </c>
      <c r="F43318" s="14" t="s">
        <v>15</v>
      </c>
      <c r="G43318" s="16">
        <v>2.1150472852044562</v>
      </c>
    </row>
    <row r="43319" spans="1:7" x14ac:dyDescent="0.3">
      <c r="A43319" s="13" t="s">
        <v>253</v>
      </c>
      <c r="B43319" s="14" t="s">
        <v>1</v>
      </c>
      <c r="C43319" s="14" t="s">
        <v>70</v>
      </c>
      <c r="D43319" s="14" t="s">
        <v>254</v>
      </c>
      <c r="E43319" s="15">
        <v>45625</v>
      </c>
      <c r="F43319" s="14" t="s">
        <v>15</v>
      </c>
      <c r="G43319" s="16">
        <v>2.1186421371330315</v>
      </c>
    </row>
    <row r="43320" spans="1:7" x14ac:dyDescent="0.3">
      <c r="A43320" s="13" t="s">
        <v>253</v>
      </c>
      <c r="B43320" s="14" t="s">
        <v>1</v>
      </c>
      <c r="C43320" s="14" t="s">
        <v>70</v>
      </c>
      <c r="D43320" s="14" t="s">
        <v>254</v>
      </c>
      <c r="E43320" s="15">
        <v>45626</v>
      </c>
      <c r="F43320" s="14" t="s">
        <v>15</v>
      </c>
      <c r="G43320" s="16">
        <v>2.1186421371330315</v>
      </c>
    </row>
    <row r="43321" spans="1:7" x14ac:dyDescent="0.3">
      <c r="A43321" s="13" t="s">
        <v>253</v>
      </c>
      <c r="B43321" s="14" t="s">
        <v>1</v>
      </c>
      <c r="C43321" s="14" t="s">
        <v>70</v>
      </c>
      <c r="D43321" s="14" t="s">
        <v>254</v>
      </c>
      <c r="E43321" s="15">
        <v>45627</v>
      </c>
      <c r="F43321" s="14" t="s">
        <v>15</v>
      </c>
      <c r="G43321" s="16">
        <v>2.1186421371330315</v>
      </c>
    </row>
    <row r="43322" spans="1:7" x14ac:dyDescent="0.3">
      <c r="A43322" s="13" t="s">
        <v>253</v>
      </c>
      <c r="B43322" s="14" t="s">
        <v>1</v>
      </c>
      <c r="C43322" s="14" t="s">
        <v>70</v>
      </c>
      <c r="D43322" s="14" t="s">
        <v>254</v>
      </c>
      <c r="E43322" s="15">
        <v>45628</v>
      </c>
      <c r="F43322" s="14" t="s">
        <v>15</v>
      </c>
      <c r="G43322" s="16">
        <v>2.1304851079550495</v>
      </c>
    </row>
    <row r="43323" spans="1:7" x14ac:dyDescent="0.3">
      <c r="A43323" s="13" t="s">
        <v>253</v>
      </c>
      <c r="B43323" s="14" t="s">
        <v>1</v>
      </c>
      <c r="C43323" s="14" t="s">
        <v>70</v>
      </c>
      <c r="D43323" s="14" t="s">
        <v>254</v>
      </c>
      <c r="E43323" s="15">
        <v>45629</v>
      </c>
      <c r="F43323" s="14" t="s">
        <v>15</v>
      </c>
      <c r="G43323" s="16">
        <v>2.1482130137912292</v>
      </c>
    </row>
    <row r="43324" spans="1:7" x14ac:dyDescent="0.3">
      <c r="A43324" s="13" t="s">
        <v>253</v>
      </c>
      <c r="B43324" s="14" t="s">
        <v>1</v>
      </c>
      <c r="C43324" s="14" t="s">
        <v>70</v>
      </c>
      <c r="D43324" s="14" t="s">
        <v>254</v>
      </c>
      <c r="E43324" s="15">
        <v>45630</v>
      </c>
      <c r="F43324" s="14" t="s">
        <v>15</v>
      </c>
      <c r="G43324" s="16">
        <v>2.1547514812388897</v>
      </c>
    </row>
    <row r="43325" spans="1:7" x14ac:dyDescent="0.3">
      <c r="A43325" s="13" t="s">
        <v>253</v>
      </c>
      <c r="B43325" s="14" t="s">
        <v>1</v>
      </c>
      <c r="C43325" s="14" t="s">
        <v>70</v>
      </c>
      <c r="D43325" s="14" t="s">
        <v>254</v>
      </c>
      <c r="E43325" s="15">
        <v>45631</v>
      </c>
      <c r="F43325" s="14" t="s">
        <v>15</v>
      </c>
      <c r="G43325" s="16">
        <v>2.1594589782978044</v>
      </c>
    </row>
    <row r="43326" spans="1:7" x14ac:dyDescent="0.3">
      <c r="A43326" s="13" t="s">
        <v>253</v>
      </c>
      <c r="B43326" s="14" t="s">
        <v>1</v>
      </c>
      <c r="C43326" s="14" t="s">
        <v>70</v>
      </c>
      <c r="D43326" s="14" t="s">
        <v>254</v>
      </c>
      <c r="E43326" s="15">
        <v>45632</v>
      </c>
      <c r="F43326" s="14" t="s">
        <v>15</v>
      </c>
      <c r="G43326" s="16">
        <v>2.1675381173338275</v>
      </c>
    </row>
    <row r="43327" spans="1:7" x14ac:dyDescent="0.3">
      <c r="A43327" s="13" t="s">
        <v>253</v>
      </c>
      <c r="B43327" s="14" t="s">
        <v>1</v>
      </c>
      <c r="C43327" s="14" t="s">
        <v>70</v>
      </c>
      <c r="D43327" s="14" t="s">
        <v>254</v>
      </c>
      <c r="E43327" s="15">
        <v>45633</v>
      </c>
      <c r="F43327" s="14" t="s">
        <v>15</v>
      </c>
      <c r="G43327" s="16">
        <v>2.1675381173338275</v>
      </c>
    </row>
    <row r="43328" spans="1:7" x14ac:dyDescent="0.3">
      <c r="A43328" s="13" t="s">
        <v>253</v>
      </c>
      <c r="B43328" s="14" t="s">
        <v>1</v>
      </c>
      <c r="C43328" s="14" t="s">
        <v>70</v>
      </c>
      <c r="D43328" s="14" t="s">
        <v>254</v>
      </c>
      <c r="E43328" s="15">
        <v>45634</v>
      </c>
      <c r="F43328" s="14" t="s">
        <v>15</v>
      </c>
      <c r="G43328" s="16">
        <v>2.1675381173338275</v>
      </c>
    </row>
    <row r="43329" spans="1:7" x14ac:dyDescent="0.3">
      <c r="A43329" s="13" t="s">
        <v>253</v>
      </c>
      <c r="B43329" s="14" t="s">
        <v>1</v>
      </c>
      <c r="C43329" s="14" t="s">
        <v>70</v>
      </c>
      <c r="D43329" s="14" t="s">
        <v>254</v>
      </c>
      <c r="E43329" s="15">
        <v>45635</v>
      </c>
      <c r="F43329" s="14" t="s">
        <v>15</v>
      </c>
      <c r="G43329" s="16">
        <v>2.171056940331253</v>
      </c>
    </row>
    <row r="43330" spans="1:7" x14ac:dyDescent="0.3">
      <c r="A43330" s="13" t="s">
        <v>253</v>
      </c>
      <c r="B43330" s="14" t="s">
        <v>1</v>
      </c>
      <c r="C43330" s="14" t="s">
        <v>70</v>
      </c>
      <c r="D43330" s="14" t="s">
        <v>254</v>
      </c>
      <c r="E43330" s="15">
        <v>45636</v>
      </c>
      <c r="F43330" s="14" t="s">
        <v>15</v>
      </c>
      <c r="G43330" s="16">
        <v>2.1872970097828768</v>
      </c>
    </row>
    <row r="43331" spans="1:7" x14ac:dyDescent="0.3">
      <c r="A43331" s="13" t="s">
        <v>253</v>
      </c>
      <c r="B43331" s="14" t="s">
        <v>1</v>
      </c>
      <c r="C43331" s="14" t="s">
        <v>70</v>
      </c>
      <c r="D43331" s="14" t="s">
        <v>254</v>
      </c>
      <c r="E43331" s="15">
        <v>45637</v>
      </c>
      <c r="F43331" s="14" t="s">
        <v>15</v>
      </c>
      <c r="G43331" s="16">
        <v>2.1921967957511104</v>
      </c>
    </row>
    <row r="43332" spans="1:7" x14ac:dyDescent="0.3">
      <c r="A43332" s="13" t="s">
        <v>253</v>
      </c>
      <c r="B43332" s="14" t="s">
        <v>1</v>
      </c>
      <c r="C43332" s="14" t="s">
        <v>70</v>
      </c>
      <c r="D43332" s="14" t="s">
        <v>254</v>
      </c>
      <c r="E43332" s="15">
        <v>45638</v>
      </c>
      <c r="F43332" s="14" t="s">
        <v>15</v>
      </c>
      <c r="G43332" s="16">
        <v>2.1969504704272818</v>
      </c>
    </row>
    <row r="43333" spans="1:7" x14ac:dyDescent="0.3">
      <c r="A43333" s="13" t="s">
        <v>253</v>
      </c>
      <c r="B43333" s="14" t="s">
        <v>1</v>
      </c>
      <c r="C43333" s="14" t="s">
        <v>70</v>
      </c>
      <c r="D43333" s="14" t="s">
        <v>254</v>
      </c>
      <c r="E43333" s="15">
        <v>45639</v>
      </c>
      <c r="F43333" s="14" t="s">
        <v>15</v>
      </c>
      <c r="G43333" s="16">
        <v>2.2026523684511026</v>
      </c>
    </row>
    <row r="43334" spans="1:7" x14ac:dyDescent="0.3">
      <c r="A43334" s="13" t="s">
        <v>253</v>
      </c>
      <c r="B43334" s="14" t="s">
        <v>1</v>
      </c>
      <c r="C43334" s="14" t="s">
        <v>70</v>
      </c>
      <c r="D43334" s="14" t="s">
        <v>254</v>
      </c>
      <c r="E43334" s="15">
        <v>45640</v>
      </c>
      <c r="F43334" s="14" t="s">
        <v>15</v>
      </c>
      <c r="G43334" s="16">
        <v>2.2026523684511026</v>
      </c>
    </row>
    <row r="43335" spans="1:7" x14ac:dyDescent="0.3">
      <c r="A43335" s="13" t="s">
        <v>253</v>
      </c>
      <c r="B43335" s="14" t="s">
        <v>1</v>
      </c>
      <c r="C43335" s="14" t="s">
        <v>70</v>
      </c>
      <c r="D43335" s="14" t="s">
        <v>254</v>
      </c>
      <c r="E43335" s="15">
        <v>45641</v>
      </c>
      <c r="F43335" s="14" t="s">
        <v>15</v>
      </c>
      <c r="G43335" s="16">
        <v>2.2026523684511026</v>
      </c>
    </row>
    <row r="43336" spans="1:7" x14ac:dyDescent="0.3">
      <c r="A43336" s="13" t="s">
        <v>253</v>
      </c>
      <c r="B43336" s="14" t="s">
        <v>1</v>
      </c>
      <c r="C43336" s="14" t="s">
        <v>70</v>
      </c>
      <c r="D43336" s="14" t="s">
        <v>254</v>
      </c>
      <c r="E43336" s="15">
        <v>45642</v>
      </c>
      <c r="F43336" s="14" t="s">
        <v>15</v>
      </c>
      <c r="G43336" s="16">
        <v>2.2101801263866632</v>
      </c>
    </row>
    <row r="43337" spans="1:7" x14ac:dyDescent="0.3">
      <c r="A43337" s="13" t="s">
        <v>253</v>
      </c>
      <c r="B43337" s="14" t="s">
        <v>1</v>
      </c>
      <c r="C43337" s="14" t="s">
        <v>70</v>
      </c>
      <c r="D43337" s="14" t="s">
        <v>254</v>
      </c>
      <c r="E43337" s="15">
        <v>45643</v>
      </c>
      <c r="F43337" s="14" t="s">
        <v>15</v>
      </c>
      <c r="G43337" s="16">
        <v>2.2260073181936257</v>
      </c>
    </row>
    <row r="43338" spans="1:7" x14ac:dyDescent="0.3">
      <c r="A43338" s="13" t="s">
        <v>253</v>
      </c>
      <c r="B43338" s="14" t="s">
        <v>1</v>
      </c>
      <c r="C43338" s="14" t="s">
        <v>70</v>
      </c>
      <c r="D43338" s="14" t="s">
        <v>254</v>
      </c>
      <c r="E43338" s="15">
        <v>45644</v>
      </c>
      <c r="F43338" s="14" t="s">
        <v>15</v>
      </c>
      <c r="G43338" s="16">
        <v>2.2268662200083447</v>
      </c>
    </row>
    <row r="43339" spans="1:7" x14ac:dyDescent="0.3">
      <c r="A43339" s="13" t="s">
        <v>253</v>
      </c>
      <c r="B43339" s="14" t="s">
        <v>1</v>
      </c>
      <c r="C43339" s="14" t="s">
        <v>70</v>
      </c>
      <c r="D43339" s="14" t="s">
        <v>254</v>
      </c>
      <c r="E43339" s="15">
        <v>45645</v>
      </c>
      <c r="F43339" s="14" t="s">
        <v>15</v>
      </c>
      <c r="G43339" s="16">
        <v>2.2306300782215436</v>
      </c>
    </row>
    <row r="43340" spans="1:7" x14ac:dyDescent="0.3">
      <c r="A43340" s="13" t="s">
        <v>253</v>
      </c>
      <c r="B43340" s="14" t="s">
        <v>1</v>
      </c>
      <c r="C43340" s="14" t="s">
        <v>70</v>
      </c>
      <c r="D43340" s="14" t="s">
        <v>254</v>
      </c>
      <c r="E43340" s="15">
        <v>45646</v>
      </c>
      <c r="F43340" s="14" t="s">
        <v>15</v>
      </c>
      <c r="G43340" s="16">
        <v>2.2376285265485167</v>
      </c>
    </row>
    <row r="43341" spans="1:7" x14ac:dyDescent="0.3">
      <c r="A43341" s="13" t="s">
        <v>253</v>
      </c>
      <c r="B43341" s="14" t="s">
        <v>1</v>
      </c>
      <c r="C43341" s="14" t="s">
        <v>70</v>
      </c>
      <c r="D43341" s="14" t="s">
        <v>254</v>
      </c>
      <c r="E43341" s="15">
        <v>45647</v>
      </c>
      <c r="F43341" s="14" t="s">
        <v>15</v>
      </c>
      <c r="G43341" s="16">
        <v>2.2376285265485167</v>
      </c>
    </row>
    <row r="43342" spans="1:7" x14ac:dyDescent="0.3">
      <c r="A43342" s="13" t="s">
        <v>253</v>
      </c>
      <c r="B43342" s="14" t="s">
        <v>1</v>
      </c>
      <c r="C43342" s="14" t="s">
        <v>70</v>
      </c>
      <c r="D43342" s="14" t="s">
        <v>254</v>
      </c>
      <c r="E43342" s="15">
        <v>45648</v>
      </c>
      <c r="F43342" s="14" t="s">
        <v>15</v>
      </c>
      <c r="G43342" s="16">
        <v>2.2376285265485167</v>
      </c>
    </row>
    <row r="43343" spans="1:7" x14ac:dyDescent="0.3">
      <c r="A43343" s="13" t="s">
        <v>253</v>
      </c>
      <c r="B43343" s="14" t="s">
        <v>1</v>
      </c>
      <c r="C43343" s="14" t="s">
        <v>70</v>
      </c>
      <c r="D43343" s="14" t="s">
        <v>254</v>
      </c>
      <c r="E43343" s="15">
        <v>45649</v>
      </c>
      <c r="F43343" s="14" t="s">
        <v>15</v>
      </c>
      <c r="G43343" s="16">
        <v>2.2413192632679575</v>
      </c>
    </row>
    <row r="43344" spans="1:7" x14ac:dyDescent="0.3">
      <c r="A43344" s="13" t="s">
        <v>253</v>
      </c>
      <c r="B43344" s="14" t="s">
        <v>1</v>
      </c>
      <c r="C43344" s="14" t="s">
        <v>70</v>
      </c>
      <c r="D43344" s="14" t="s">
        <v>254</v>
      </c>
      <c r="E43344" s="15">
        <v>45650</v>
      </c>
      <c r="F43344" s="14" t="s">
        <v>15</v>
      </c>
      <c r="G43344" s="16">
        <v>2.2542484595068273</v>
      </c>
    </row>
    <row r="43345" spans="1:7" x14ac:dyDescent="0.3">
      <c r="A43345" s="13" t="s">
        <v>253</v>
      </c>
      <c r="B43345" s="14" t="s">
        <v>1</v>
      </c>
      <c r="C43345" s="14" t="s">
        <v>70</v>
      </c>
      <c r="D43345" s="14" t="s">
        <v>254</v>
      </c>
      <c r="E43345" s="15">
        <v>45651</v>
      </c>
      <c r="F43345" s="14" t="s">
        <v>15</v>
      </c>
      <c r="G43345" s="16">
        <v>2.2542484595068273</v>
      </c>
    </row>
    <row r="43346" spans="1:7" x14ac:dyDescent="0.3">
      <c r="A43346" s="13" t="s">
        <v>253</v>
      </c>
      <c r="B43346" s="14" t="s">
        <v>1</v>
      </c>
      <c r="C43346" s="14" t="s">
        <v>70</v>
      </c>
      <c r="D43346" s="14" t="s">
        <v>254</v>
      </c>
      <c r="E43346" s="15">
        <v>45652</v>
      </c>
      <c r="F43346" s="14" t="s">
        <v>15</v>
      </c>
      <c r="G43346" s="16">
        <v>2.2542484595068273</v>
      </c>
    </row>
    <row r="43347" spans="1:7" x14ac:dyDescent="0.3">
      <c r="A43347" s="13" t="s">
        <v>253</v>
      </c>
      <c r="B43347" s="14" t="s">
        <v>1</v>
      </c>
      <c r="C43347" s="14" t="s">
        <v>70</v>
      </c>
      <c r="D43347" s="14" t="s">
        <v>254</v>
      </c>
      <c r="E43347" s="15">
        <v>45653</v>
      </c>
      <c r="F43347" s="14" t="s">
        <v>15</v>
      </c>
      <c r="G43347" s="16">
        <v>2.2542484595068273</v>
      </c>
    </row>
    <row r="43348" spans="1:7" x14ac:dyDescent="0.3">
      <c r="A43348" s="13" t="s">
        <v>253</v>
      </c>
      <c r="B43348" s="14" t="s">
        <v>1</v>
      </c>
      <c r="C43348" s="14" t="s">
        <v>70</v>
      </c>
      <c r="D43348" s="14" t="s">
        <v>254</v>
      </c>
      <c r="E43348" s="15">
        <v>45654</v>
      </c>
      <c r="F43348" s="14" t="s">
        <v>15</v>
      </c>
      <c r="G43348" s="16">
        <v>2.2542484595068273</v>
      </c>
    </row>
    <row r="43349" spans="1:7" x14ac:dyDescent="0.3">
      <c r="A43349" s="13" t="s">
        <v>253</v>
      </c>
      <c r="B43349" s="14" t="s">
        <v>1</v>
      </c>
      <c r="C43349" s="14" t="s">
        <v>70</v>
      </c>
      <c r="D43349" s="14" t="s">
        <v>254</v>
      </c>
      <c r="E43349" s="15">
        <v>45655</v>
      </c>
      <c r="F43349" s="14" t="s">
        <v>15</v>
      </c>
      <c r="G43349" s="16">
        <v>2.2542484595068273</v>
      </c>
    </row>
    <row r="43350" spans="1:7" x14ac:dyDescent="0.3">
      <c r="A43350" s="13" t="s">
        <v>253</v>
      </c>
      <c r="B43350" s="14" t="s">
        <v>1</v>
      </c>
      <c r="C43350" s="14" t="s">
        <v>70</v>
      </c>
      <c r="D43350" s="14" t="s">
        <v>254</v>
      </c>
      <c r="E43350" s="15">
        <v>45656</v>
      </c>
      <c r="F43350" s="14" t="s">
        <v>15</v>
      </c>
      <c r="G43350" s="16">
        <v>2.2580812514630351</v>
      </c>
    </row>
    <row r="43351" spans="1:7" x14ac:dyDescent="0.3">
      <c r="A43351" s="13" t="s">
        <v>253</v>
      </c>
      <c r="B43351" s="14" t="s">
        <v>1</v>
      </c>
      <c r="C43351" s="14" t="s">
        <v>70</v>
      </c>
      <c r="D43351" s="14" t="s">
        <v>254</v>
      </c>
      <c r="E43351" s="15">
        <v>45657</v>
      </c>
      <c r="F43351" s="14" t="s">
        <v>15</v>
      </c>
      <c r="G43351" s="16">
        <v>2.2815805136051841</v>
      </c>
    </row>
    <row r="43352" spans="1:7" x14ac:dyDescent="0.3">
      <c r="A43352" s="13" t="s">
        <v>253</v>
      </c>
      <c r="B43352" s="14" t="s">
        <v>1</v>
      </c>
      <c r="C43352" s="14" t="s">
        <v>70</v>
      </c>
      <c r="D43352" s="14" t="s">
        <v>254</v>
      </c>
      <c r="E43352" s="15">
        <v>45658</v>
      </c>
      <c r="F43352" s="14" t="s">
        <v>15</v>
      </c>
      <c r="G43352" s="16">
        <v>2.2815805136051841</v>
      </c>
    </row>
    <row r="43353" spans="1:7" x14ac:dyDescent="0.3">
      <c r="A43353" s="13" t="s">
        <v>253</v>
      </c>
      <c r="B43353" s="14" t="s">
        <v>1</v>
      </c>
      <c r="C43353" s="14" t="s">
        <v>70</v>
      </c>
      <c r="D43353" s="14" t="s">
        <v>254</v>
      </c>
      <c r="E43353" s="15">
        <v>45659</v>
      </c>
      <c r="F43353" s="14" t="s">
        <v>15</v>
      </c>
      <c r="G43353" s="16">
        <v>2.2815805136051841</v>
      </c>
    </row>
    <row r="43354" spans="1:7" x14ac:dyDescent="0.3">
      <c r="A43354" s="13" t="s">
        <v>253</v>
      </c>
      <c r="B43354" s="14" t="s">
        <v>1</v>
      </c>
      <c r="C43354" s="14" t="s">
        <v>70</v>
      </c>
      <c r="D43354" s="14" t="s">
        <v>254</v>
      </c>
      <c r="E43354" s="15">
        <v>45660</v>
      </c>
      <c r="F43354" s="14" t="s">
        <v>15</v>
      </c>
      <c r="G43354" s="16">
        <v>2.2926571921500787</v>
      </c>
    </row>
    <row r="43355" spans="1:7" x14ac:dyDescent="0.3">
      <c r="A43355" s="13" t="s">
        <v>253</v>
      </c>
      <c r="B43355" s="14" t="s">
        <v>1</v>
      </c>
      <c r="C43355" s="14" t="s">
        <v>70</v>
      </c>
      <c r="D43355" s="14" t="s">
        <v>254</v>
      </c>
      <c r="E43355" s="15">
        <v>45661</v>
      </c>
      <c r="F43355" s="14" t="s">
        <v>15</v>
      </c>
      <c r="G43355" s="16">
        <v>2.2926571921500787</v>
      </c>
    </row>
    <row r="43356" spans="1:7" x14ac:dyDescent="0.3">
      <c r="A43356" s="13" t="s">
        <v>253</v>
      </c>
      <c r="B43356" s="14" t="s">
        <v>1</v>
      </c>
      <c r="C43356" s="14" t="s">
        <v>70</v>
      </c>
      <c r="D43356" s="14" t="s">
        <v>254</v>
      </c>
      <c r="E43356" s="15">
        <v>45662</v>
      </c>
      <c r="F43356" s="14" t="s">
        <v>15</v>
      </c>
      <c r="G43356" s="16">
        <v>2.2926571921500787</v>
      </c>
    </row>
    <row r="43357" spans="1:7" x14ac:dyDescent="0.3">
      <c r="A43357" s="13" t="s">
        <v>253</v>
      </c>
      <c r="B43357" s="14" t="s">
        <v>1</v>
      </c>
      <c r="C43357" s="14" t="s">
        <v>70</v>
      </c>
      <c r="D43357" s="14" t="s">
        <v>254</v>
      </c>
      <c r="E43357" s="15">
        <v>45663</v>
      </c>
      <c r="F43357" s="14" t="s">
        <v>15</v>
      </c>
      <c r="G43357" s="16">
        <v>2.3206213578503343</v>
      </c>
    </row>
    <row r="43358" spans="1:7" x14ac:dyDescent="0.3">
      <c r="A43358" s="13" t="s">
        <v>253</v>
      </c>
      <c r="B43358" s="14" t="s">
        <v>1</v>
      </c>
      <c r="C43358" s="14" t="s">
        <v>70</v>
      </c>
      <c r="D43358" s="14" t="s">
        <v>254</v>
      </c>
      <c r="E43358" s="15">
        <v>45664</v>
      </c>
      <c r="F43358" s="14" t="s">
        <v>15</v>
      </c>
      <c r="G43358" s="16">
        <v>2.3400248665335353</v>
      </c>
    </row>
    <row r="43359" spans="1:7" x14ac:dyDescent="0.3">
      <c r="A43359" s="13" t="s">
        <v>253</v>
      </c>
      <c r="B43359" s="14" t="s">
        <v>1</v>
      </c>
      <c r="C43359" s="14" t="s">
        <v>70</v>
      </c>
      <c r="D43359" s="14" t="s">
        <v>254</v>
      </c>
      <c r="E43359" s="15">
        <v>45665</v>
      </c>
      <c r="F43359" s="14" t="s">
        <v>15</v>
      </c>
      <c r="G43359" s="16">
        <v>2.3438030791687394</v>
      </c>
    </row>
    <row r="43360" spans="1:7" x14ac:dyDescent="0.3">
      <c r="A43360" s="13" t="s">
        <v>253</v>
      </c>
      <c r="B43360" s="14" t="s">
        <v>1</v>
      </c>
      <c r="C43360" s="14" t="s">
        <v>70</v>
      </c>
      <c r="D43360" s="14" t="s">
        <v>254</v>
      </c>
      <c r="E43360" s="15">
        <v>45666</v>
      </c>
      <c r="F43360" s="14" t="s">
        <v>15</v>
      </c>
      <c r="G43360" s="16">
        <v>2.3569300392563903</v>
      </c>
    </row>
    <row r="43361" spans="1:7" x14ac:dyDescent="0.3">
      <c r="A43361" s="13" t="s">
        <v>253</v>
      </c>
      <c r="B43361" s="14" t="s">
        <v>1</v>
      </c>
      <c r="C43361" s="14" t="s">
        <v>70</v>
      </c>
      <c r="D43361" s="14" t="s">
        <v>254</v>
      </c>
      <c r="E43361" s="15">
        <v>45667</v>
      </c>
      <c r="F43361" s="14" t="s">
        <v>15</v>
      </c>
      <c r="G43361" s="16">
        <v>2.3607287003322268</v>
      </c>
    </row>
    <row r="43362" spans="1:7" x14ac:dyDescent="0.3">
      <c r="A43362" s="13" t="s">
        <v>253</v>
      </c>
      <c r="B43362" s="14" t="s">
        <v>1</v>
      </c>
      <c r="C43362" s="14" t="s">
        <v>70</v>
      </c>
      <c r="D43362" s="14" t="s">
        <v>254</v>
      </c>
      <c r="E43362" s="15">
        <v>45668</v>
      </c>
      <c r="F43362" s="14" t="s">
        <v>15</v>
      </c>
      <c r="G43362" s="16">
        <v>2.3607287003322268</v>
      </c>
    </row>
    <row r="43363" spans="1:7" x14ac:dyDescent="0.3">
      <c r="A43363" s="13" t="s">
        <v>253</v>
      </c>
      <c r="B43363" s="14" t="s">
        <v>1</v>
      </c>
      <c r="C43363" s="14" t="s">
        <v>70</v>
      </c>
      <c r="D43363" s="14" t="s">
        <v>254</v>
      </c>
      <c r="E43363" s="15">
        <v>45669</v>
      </c>
      <c r="F43363" s="14" t="s">
        <v>15</v>
      </c>
      <c r="G43363" s="16">
        <v>2.3607287003322268</v>
      </c>
    </row>
    <row r="43364" spans="1:7" x14ac:dyDescent="0.3">
      <c r="A43364" s="13" t="s">
        <v>253</v>
      </c>
      <c r="B43364" s="14" t="s">
        <v>1</v>
      </c>
      <c r="C43364" s="14" t="s">
        <v>70</v>
      </c>
      <c r="D43364" s="14" t="s">
        <v>254</v>
      </c>
      <c r="E43364" s="15">
        <v>45670</v>
      </c>
      <c r="F43364" s="14" t="s">
        <v>15</v>
      </c>
      <c r="G43364" s="16">
        <v>2.3799864970535967</v>
      </c>
    </row>
    <row r="43365" spans="1:7" x14ac:dyDescent="0.3">
      <c r="A43365" s="13" t="s">
        <v>253</v>
      </c>
      <c r="B43365" s="14" t="s">
        <v>1</v>
      </c>
      <c r="C43365" s="14" t="s">
        <v>70</v>
      </c>
      <c r="D43365" s="14" t="s">
        <v>254</v>
      </c>
      <c r="E43365" s="15">
        <v>45671</v>
      </c>
      <c r="F43365" s="14" t="s">
        <v>15</v>
      </c>
      <c r="G43365" s="16">
        <v>2.3917411195425813</v>
      </c>
    </row>
    <row r="43366" spans="1:7" x14ac:dyDescent="0.3">
      <c r="A43366" s="13" t="s">
        <v>253</v>
      </c>
      <c r="B43366" s="14" t="s">
        <v>1</v>
      </c>
      <c r="C43366" s="14" t="s">
        <v>70</v>
      </c>
      <c r="D43366" s="14" t="s">
        <v>254</v>
      </c>
      <c r="E43366" s="15">
        <v>45672</v>
      </c>
      <c r="F43366" s="14" t="s">
        <v>15</v>
      </c>
      <c r="G43366" s="16">
        <v>2.3956298460233261</v>
      </c>
    </row>
    <row r="43367" spans="1:7" x14ac:dyDescent="0.3">
      <c r="A43367" s="13" t="s">
        <v>253</v>
      </c>
      <c r="B43367" s="14" t="s">
        <v>1</v>
      </c>
      <c r="C43367" s="14" t="s">
        <v>70</v>
      </c>
      <c r="D43367" s="14" t="s">
        <v>254</v>
      </c>
      <c r="E43367" s="15">
        <v>45673</v>
      </c>
      <c r="F43367" s="14" t="s">
        <v>15</v>
      </c>
      <c r="G43367" s="16">
        <v>2.403587280627427</v>
      </c>
    </row>
    <row r="43368" spans="1:7" x14ac:dyDescent="0.3">
      <c r="A43368" s="13" t="s">
        <v>253</v>
      </c>
      <c r="B43368" s="14" t="s">
        <v>1</v>
      </c>
      <c r="C43368" s="14" t="s">
        <v>70</v>
      </c>
      <c r="D43368" s="14" t="s">
        <v>254</v>
      </c>
      <c r="E43368" s="15">
        <v>45674</v>
      </c>
      <c r="F43368" s="14" t="s">
        <v>15</v>
      </c>
      <c r="G43368" s="16">
        <v>2.4070350213886518</v>
      </c>
    </row>
    <row r="43369" spans="1:7" x14ac:dyDescent="0.3">
      <c r="A43369" s="13" t="s">
        <v>253</v>
      </c>
      <c r="B43369" s="14" t="s">
        <v>1</v>
      </c>
      <c r="C43369" s="14" t="s">
        <v>70</v>
      </c>
      <c r="D43369" s="14" t="s">
        <v>254</v>
      </c>
      <c r="E43369" s="15">
        <v>45675</v>
      </c>
      <c r="F43369" s="14" t="s">
        <v>15</v>
      </c>
      <c r="G43369" s="16">
        <v>2.4070350213886518</v>
      </c>
    </row>
    <row r="43370" spans="1:7" x14ac:dyDescent="0.3">
      <c r="A43370" s="13" t="s">
        <v>253</v>
      </c>
      <c r="B43370" s="14" t="s">
        <v>1</v>
      </c>
      <c r="C43370" s="14" t="s">
        <v>70</v>
      </c>
      <c r="D43370" s="14" t="s">
        <v>254</v>
      </c>
      <c r="E43370" s="15">
        <v>45676</v>
      </c>
      <c r="F43370" s="14" t="s">
        <v>15</v>
      </c>
      <c r="G43370" s="16">
        <v>2.4070350213886518</v>
      </c>
    </row>
    <row r="43371" spans="1:7" x14ac:dyDescent="0.3">
      <c r="A43371" s="13" t="s">
        <v>253</v>
      </c>
      <c r="B43371" s="14" t="s">
        <v>1</v>
      </c>
      <c r="C43371" s="14" t="s">
        <v>70</v>
      </c>
      <c r="D43371" s="14" t="s">
        <v>254</v>
      </c>
      <c r="E43371" s="15">
        <v>45677</v>
      </c>
      <c r="F43371" s="14" t="s">
        <v>15</v>
      </c>
      <c r="G43371" s="16">
        <v>2.4161345322550494</v>
      </c>
    </row>
    <row r="43372" spans="1:7" x14ac:dyDescent="0.3">
      <c r="A43372" s="13" t="s">
        <v>253</v>
      </c>
      <c r="B43372" s="14" t="s">
        <v>1</v>
      </c>
      <c r="C43372" s="14" t="s">
        <v>70</v>
      </c>
      <c r="D43372" s="14" t="s">
        <v>254</v>
      </c>
      <c r="E43372" s="15">
        <v>45678</v>
      </c>
      <c r="F43372" s="14" t="s">
        <v>15</v>
      </c>
      <c r="G43372" s="16">
        <v>2.4462663306807459</v>
      </c>
    </row>
    <row r="43373" spans="1:7" x14ac:dyDescent="0.3">
      <c r="A43373" s="13" t="s">
        <v>253</v>
      </c>
      <c r="B43373" s="14" t="s">
        <v>1</v>
      </c>
      <c r="C43373" s="14" t="s">
        <v>70</v>
      </c>
      <c r="D43373" s="14" t="s">
        <v>254</v>
      </c>
      <c r="E43373" s="15">
        <v>45679</v>
      </c>
      <c r="F43373" s="14" t="s">
        <v>15</v>
      </c>
      <c r="G43373" s="16">
        <v>2.4500038578355743</v>
      </c>
    </row>
    <row r="43374" spans="1:7" x14ac:dyDescent="0.3">
      <c r="A43374" s="13" t="s">
        <v>253</v>
      </c>
      <c r="B43374" s="14" t="s">
        <v>1</v>
      </c>
      <c r="C43374" s="14" t="s">
        <v>70</v>
      </c>
      <c r="D43374" s="14" t="s">
        <v>254</v>
      </c>
      <c r="E43374" s="15">
        <v>45680</v>
      </c>
      <c r="F43374" s="14" t="s">
        <v>15</v>
      </c>
      <c r="G43374" s="16">
        <v>2.4536586953517894</v>
      </c>
    </row>
    <row r="43375" spans="1:7" x14ac:dyDescent="0.3">
      <c r="A43375" s="13" t="s">
        <v>253</v>
      </c>
      <c r="B43375" s="14" t="s">
        <v>1</v>
      </c>
      <c r="C43375" s="14" t="s">
        <v>70</v>
      </c>
      <c r="D43375" s="14" t="s">
        <v>254</v>
      </c>
      <c r="E43375" s="15">
        <v>45681</v>
      </c>
      <c r="F43375" s="14" t="s">
        <v>15</v>
      </c>
      <c r="G43375" s="16">
        <v>2.4570725660387054</v>
      </c>
    </row>
    <row r="43376" spans="1:7" x14ac:dyDescent="0.3">
      <c r="A43376" s="13" t="s">
        <v>253</v>
      </c>
      <c r="B43376" s="14" t="s">
        <v>1</v>
      </c>
      <c r="C43376" s="14" t="s">
        <v>70</v>
      </c>
      <c r="D43376" s="14" t="s">
        <v>254</v>
      </c>
      <c r="E43376" s="15">
        <v>45682</v>
      </c>
      <c r="F43376" s="14" t="s">
        <v>15</v>
      </c>
      <c r="G43376" s="16">
        <v>2.4570725660387054</v>
      </c>
    </row>
    <row r="43377" spans="1:7" x14ac:dyDescent="0.3">
      <c r="A43377" s="13" t="s">
        <v>253</v>
      </c>
      <c r="B43377" s="14" t="s">
        <v>1</v>
      </c>
      <c r="C43377" s="14" t="s">
        <v>70</v>
      </c>
      <c r="D43377" s="14" t="s">
        <v>254</v>
      </c>
      <c r="E43377" s="15">
        <v>45683</v>
      </c>
      <c r="F43377" s="14" t="s">
        <v>15</v>
      </c>
      <c r="G43377" s="16">
        <v>2.4570725660387054</v>
      </c>
    </row>
    <row r="43378" spans="1:7" x14ac:dyDescent="0.3">
      <c r="A43378" s="13" t="s">
        <v>253</v>
      </c>
      <c r="B43378" s="14" t="s">
        <v>1</v>
      </c>
      <c r="C43378" s="14" t="s">
        <v>70</v>
      </c>
      <c r="D43378" s="14" t="s">
        <v>254</v>
      </c>
      <c r="E43378" s="15">
        <v>45684</v>
      </c>
      <c r="F43378" s="14" t="s">
        <v>15</v>
      </c>
      <c r="G43378" s="16">
        <v>2.4677390387794818</v>
      </c>
    </row>
    <row r="43379" spans="1:7" x14ac:dyDescent="0.3">
      <c r="A43379" s="13" t="s">
        <v>253</v>
      </c>
      <c r="B43379" s="14" t="s">
        <v>1</v>
      </c>
      <c r="C43379" s="14" t="s">
        <v>70</v>
      </c>
      <c r="D43379" s="14" t="s">
        <v>254</v>
      </c>
      <c r="E43379" s="15">
        <v>45685</v>
      </c>
      <c r="F43379" s="14" t="s">
        <v>15</v>
      </c>
      <c r="G43379" s="16">
        <v>2.476204236045322</v>
      </c>
    </row>
    <row r="43380" spans="1:7" x14ac:dyDescent="0.3">
      <c r="A43380" s="13" t="s">
        <v>253</v>
      </c>
      <c r="B43380" s="14" t="s">
        <v>1</v>
      </c>
      <c r="C43380" s="14" t="s">
        <v>70</v>
      </c>
      <c r="D43380" s="14" t="s">
        <v>254</v>
      </c>
      <c r="E43380" s="15">
        <v>45686</v>
      </c>
      <c r="F43380" s="14" t="s">
        <v>15</v>
      </c>
      <c r="G43380" s="16">
        <v>2.4801013797153884</v>
      </c>
    </row>
    <row r="43381" spans="1:7" x14ac:dyDescent="0.3">
      <c r="A43381" s="13" t="s">
        <v>253</v>
      </c>
      <c r="B43381" s="14" t="s">
        <v>1</v>
      </c>
      <c r="C43381" s="14" t="s">
        <v>70</v>
      </c>
      <c r="D43381" s="14" t="s">
        <v>254</v>
      </c>
      <c r="E43381" s="15">
        <v>45687</v>
      </c>
      <c r="F43381" s="14" t="s">
        <v>15</v>
      </c>
      <c r="G43381" s="16">
        <v>2.4850186646977326</v>
      </c>
    </row>
    <row r="43382" spans="1:7" x14ac:dyDescent="0.3">
      <c r="A43382" s="13" t="s">
        <v>253</v>
      </c>
      <c r="B43382" s="14" t="s">
        <v>1</v>
      </c>
      <c r="C43382" s="14" t="s">
        <v>70</v>
      </c>
      <c r="D43382" s="14" t="s">
        <v>254</v>
      </c>
      <c r="E43382" s="15">
        <v>45688</v>
      </c>
      <c r="F43382" s="14" t="s">
        <v>15</v>
      </c>
      <c r="G43382" s="16">
        <v>2.4889335548064322</v>
      </c>
    </row>
    <row r="43383" spans="1:7" x14ac:dyDescent="0.3">
      <c r="A43383" s="13" t="s">
        <v>253</v>
      </c>
      <c r="B43383" s="14" t="s">
        <v>1</v>
      </c>
      <c r="C43383" s="14" t="s">
        <v>70</v>
      </c>
      <c r="D43383" s="14" t="s">
        <v>254</v>
      </c>
      <c r="E43383" s="15">
        <v>45689</v>
      </c>
      <c r="F43383" s="14" t="s">
        <v>15</v>
      </c>
      <c r="G43383" s="16">
        <v>2.4889335548064322</v>
      </c>
    </row>
    <row r="43384" spans="1:7" x14ac:dyDescent="0.3">
      <c r="A43384" s="13" t="s">
        <v>253</v>
      </c>
      <c r="B43384" s="14" t="s">
        <v>1</v>
      </c>
      <c r="C43384" s="14" t="s">
        <v>70</v>
      </c>
      <c r="D43384" s="14" t="s">
        <v>254</v>
      </c>
      <c r="E43384" s="15">
        <v>45690</v>
      </c>
      <c r="F43384" s="14" t="s">
        <v>15</v>
      </c>
      <c r="G43384" s="16">
        <v>2.4889335548064322</v>
      </c>
    </row>
    <row r="43385" spans="1:7" x14ac:dyDescent="0.3">
      <c r="A43385" s="13" t="s">
        <v>253</v>
      </c>
      <c r="B43385" s="14" t="s">
        <v>1</v>
      </c>
      <c r="C43385" s="14" t="s">
        <v>70</v>
      </c>
      <c r="D43385" s="14" t="s">
        <v>254</v>
      </c>
      <c r="E43385" s="15">
        <v>45691</v>
      </c>
      <c r="F43385" s="14" t="s">
        <v>15</v>
      </c>
      <c r="G43385" s="16">
        <v>2.4889335548064322</v>
      </c>
    </row>
    <row r="43386" spans="1:7" x14ac:dyDescent="0.3">
      <c r="A43386" s="13" t="s">
        <v>253</v>
      </c>
      <c r="B43386" s="14" t="s">
        <v>1</v>
      </c>
      <c r="C43386" s="14" t="s">
        <v>70</v>
      </c>
      <c r="D43386" s="14" t="s">
        <v>254</v>
      </c>
      <c r="E43386" s="15">
        <v>45692</v>
      </c>
      <c r="F43386" s="14" t="s">
        <v>15</v>
      </c>
      <c r="G43386" s="16">
        <v>2.4947615707145685</v>
      </c>
    </row>
    <row r="43387" spans="1:7" x14ac:dyDescent="0.3">
      <c r="A43387" s="13" t="s">
        <v>253</v>
      </c>
      <c r="B43387" s="14" t="s">
        <v>1</v>
      </c>
      <c r="C43387" s="14" t="s">
        <v>70</v>
      </c>
      <c r="D43387" s="14" t="s">
        <v>254</v>
      </c>
      <c r="E43387" s="15">
        <v>45693</v>
      </c>
      <c r="F43387" s="14" t="s">
        <v>15</v>
      </c>
      <c r="G43387" s="16">
        <v>2.5050510106182982</v>
      </c>
    </row>
    <row r="43388" spans="1:7" x14ac:dyDescent="0.3">
      <c r="A43388" s="13" t="s">
        <v>253</v>
      </c>
      <c r="B43388" s="14" t="s">
        <v>1</v>
      </c>
      <c r="C43388" s="14" t="s">
        <v>70</v>
      </c>
      <c r="D43388" s="14" t="s">
        <v>254</v>
      </c>
      <c r="E43388" s="15">
        <v>45694</v>
      </c>
      <c r="F43388" s="14" t="s">
        <v>15</v>
      </c>
      <c r="G43388" s="16">
        <v>2.5089108958670838</v>
      </c>
    </row>
    <row r="43389" spans="1:7" x14ac:dyDescent="0.3">
      <c r="A43389" s="13" t="s">
        <v>253</v>
      </c>
      <c r="B43389" s="14" t="s">
        <v>1</v>
      </c>
      <c r="C43389" s="14" t="s">
        <v>70</v>
      </c>
      <c r="D43389" s="14" t="s">
        <v>254</v>
      </c>
      <c r="E43389" s="15">
        <v>45695</v>
      </c>
      <c r="F43389" s="14" t="s">
        <v>15</v>
      </c>
      <c r="G43389" s="16">
        <v>2.5150504850271989</v>
      </c>
    </row>
    <row r="43390" spans="1:7" x14ac:dyDescent="0.3">
      <c r="A43390" s="13" t="s">
        <v>253</v>
      </c>
      <c r="B43390" s="14" t="s">
        <v>1</v>
      </c>
      <c r="C43390" s="14" t="s">
        <v>70</v>
      </c>
      <c r="D43390" s="14" t="s">
        <v>254</v>
      </c>
      <c r="E43390" s="15">
        <v>45696</v>
      </c>
      <c r="F43390" s="14" t="s">
        <v>15</v>
      </c>
      <c r="G43390" s="16">
        <v>2.5150504850271989</v>
      </c>
    </row>
    <row r="43391" spans="1:7" x14ac:dyDescent="0.3">
      <c r="A43391" s="13" t="s">
        <v>253</v>
      </c>
      <c r="B43391" s="14" t="s">
        <v>1</v>
      </c>
      <c r="C43391" s="14" t="s">
        <v>70</v>
      </c>
      <c r="D43391" s="14" t="s">
        <v>254</v>
      </c>
      <c r="E43391" s="15">
        <v>45697</v>
      </c>
      <c r="F43391" s="14" t="s">
        <v>15</v>
      </c>
      <c r="G43391" s="16">
        <v>2.5150504850271989</v>
      </c>
    </row>
    <row r="43392" spans="1:7" x14ac:dyDescent="0.3">
      <c r="A43392" s="13" t="s">
        <v>253</v>
      </c>
      <c r="B43392" s="14" t="s">
        <v>1</v>
      </c>
      <c r="C43392" s="14" t="s">
        <v>70</v>
      </c>
      <c r="D43392" s="14" t="s">
        <v>254</v>
      </c>
      <c r="E43392" s="15">
        <v>45698</v>
      </c>
      <c r="F43392" s="14" t="s">
        <v>15</v>
      </c>
      <c r="G43392" s="16">
        <v>2.518891101394833</v>
      </c>
    </row>
    <row r="43393" spans="1:7" x14ac:dyDescent="0.3">
      <c r="A43393" s="13" t="s">
        <v>253</v>
      </c>
      <c r="B43393" s="14" t="s">
        <v>1</v>
      </c>
      <c r="C43393" s="14" t="s">
        <v>70</v>
      </c>
      <c r="D43393" s="14" t="s">
        <v>254</v>
      </c>
      <c r="E43393" s="15">
        <v>45699</v>
      </c>
      <c r="F43393" s="14" t="s">
        <v>15</v>
      </c>
      <c r="G43393" s="16">
        <v>2.5310714356691331</v>
      </c>
    </row>
    <row r="43394" spans="1:7" x14ac:dyDescent="0.3">
      <c r="A43394" s="13" t="s">
        <v>253</v>
      </c>
      <c r="B43394" s="14" t="s">
        <v>1</v>
      </c>
      <c r="C43394" s="14" t="s">
        <v>70</v>
      </c>
      <c r="D43394" s="14" t="s">
        <v>254</v>
      </c>
      <c r="E43394" s="15">
        <v>45700</v>
      </c>
      <c r="F43394" s="14" t="s">
        <v>15</v>
      </c>
      <c r="G43394" s="16">
        <v>2.5348887953449282</v>
      </c>
    </row>
    <row r="43395" spans="1:7" x14ac:dyDescent="0.3">
      <c r="A43395" s="13" t="s">
        <v>253</v>
      </c>
      <c r="B43395" s="14" t="s">
        <v>1</v>
      </c>
      <c r="C43395" s="14" t="s">
        <v>70</v>
      </c>
      <c r="D43395" s="14" t="s">
        <v>254</v>
      </c>
      <c r="E43395" s="15">
        <v>45701</v>
      </c>
      <c r="F43395" s="14" t="s">
        <v>15</v>
      </c>
      <c r="G43395" s="16">
        <v>2.5458894683085753</v>
      </c>
    </row>
    <row r="43396" spans="1:7" x14ac:dyDescent="0.3">
      <c r="A43396" s="13" t="s">
        <v>253</v>
      </c>
      <c r="B43396" s="14" t="s">
        <v>1</v>
      </c>
      <c r="C43396" s="14" t="s">
        <v>70</v>
      </c>
      <c r="D43396" s="14" t="s">
        <v>254</v>
      </c>
      <c r="E43396" s="15">
        <v>45702</v>
      </c>
      <c r="F43396" s="14" t="s">
        <v>15</v>
      </c>
      <c r="G43396" s="16">
        <v>2.5603711550096042</v>
      </c>
    </row>
    <row r="43397" spans="1:7" x14ac:dyDescent="0.3">
      <c r="A43397" s="13" t="s">
        <v>253</v>
      </c>
      <c r="B43397" s="14" t="s">
        <v>1</v>
      </c>
      <c r="C43397" s="14" t="s">
        <v>70</v>
      </c>
      <c r="D43397" s="14" t="s">
        <v>254</v>
      </c>
      <c r="E43397" s="15">
        <v>45703</v>
      </c>
      <c r="F43397" s="14" t="s">
        <v>15</v>
      </c>
      <c r="G43397" s="16">
        <v>2.5603711550096042</v>
      </c>
    </row>
    <row r="43398" spans="1:7" x14ac:dyDescent="0.3">
      <c r="A43398" s="13" t="s">
        <v>253</v>
      </c>
      <c r="B43398" s="14" t="s">
        <v>1</v>
      </c>
      <c r="C43398" s="14" t="s">
        <v>70</v>
      </c>
      <c r="D43398" s="14" t="s">
        <v>254</v>
      </c>
      <c r="E43398" s="15">
        <v>45704</v>
      </c>
      <c r="F43398" s="14" t="s">
        <v>15</v>
      </c>
      <c r="G43398" s="16">
        <v>2.5603711550096042</v>
      </c>
    </row>
    <row r="43399" spans="1:7" x14ac:dyDescent="0.3">
      <c r="A43399" s="13" t="s">
        <v>253</v>
      </c>
      <c r="B43399" s="14" t="s">
        <v>1</v>
      </c>
      <c r="C43399" s="14" t="s">
        <v>70</v>
      </c>
      <c r="D43399" s="14" t="s">
        <v>254</v>
      </c>
      <c r="E43399" s="15">
        <v>45705</v>
      </c>
      <c r="F43399" s="14" t="s">
        <v>15</v>
      </c>
      <c r="G43399" s="16">
        <v>2.608870553339826</v>
      </c>
    </row>
    <row r="43400" spans="1:7" x14ac:dyDescent="0.3">
      <c r="A43400" s="13" t="s">
        <v>253</v>
      </c>
      <c r="B43400" s="14" t="s">
        <v>1</v>
      </c>
      <c r="C43400" s="14" t="s">
        <v>70</v>
      </c>
      <c r="D43400" s="14" t="s">
        <v>254</v>
      </c>
      <c r="E43400" s="15">
        <v>45706</v>
      </c>
      <c r="F43400" s="14" t="s">
        <v>15</v>
      </c>
      <c r="G43400" s="16">
        <v>2.6201730027128165</v>
      </c>
    </row>
    <row r="43401" spans="1:7" x14ac:dyDescent="0.3">
      <c r="A43401" s="13" t="s">
        <v>253</v>
      </c>
      <c r="B43401" s="14" t="s">
        <v>1</v>
      </c>
      <c r="C43401" s="14" t="s">
        <v>70</v>
      </c>
      <c r="D43401" s="14" t="s">
        <v>254</v>
      </c>
      <c r="E43401" s="15">
        <v>45707</v>
      </c>
      <c r="F43401" s="14" t="s">
        <v>15</v>
      </c>
      <c r="G43401" s="16">
        <v>2.6372561200523457</v>
      </c>
    </row>
    <row r="43402" spans="1:7" x14ac:dyDescent="0.3">
      <c r="A43402" s="13" t="s">
        <v>253</v>
      </c>
      <c r="B43402" s="14" t="s">
        <v>1</v>
      </c>
      <c r="C43402" s="14" t="s">
        <v>70</v>
      </c>
      <c r="D43402" s="14" t="s">
        <v>254</v>
      </c>
      <c r="E43402" s="15">
        <v>45708</v>
      </c>
      <c r="F43402" s="14" t="s">
        <v>15</v>
      </c>
      <c r="G43402" s="16">
        <v>2.6406972288140187</v>
      </c>
    </row>
    <row r="43403" spans="1:7" x14ac:dyDescent="0.3">
      <c r="A43403" s="13" t="s">
        <v>253</v>
      </c>
      <c r="B43403" s="14" t="s">
        <v>1</v>
      </c>
      <c r="C43403" s="14" t="s">
        <v>70</v>
      </c>
      <c r="D43403" s="14" t="s">
        <v>254</v>
      </c>
      <c r="E43403" s="15">
        <v>45709</v>
      </c>
      <c r="F43403" s="14" t="s">
        <v>15</v>
      </c>
      <c r="G43403" s="16">
        <v>2.6449520262315467</v>
      </c>
    </row>
    <row r="43404" spans="1:7" x14ac:dyDescent="0.3">
      <c r="A43404" s="13" t="s">
        <v>253</v>
      </c>
      <c r="B43404" s="14" t="s">
        <v>1</v>
      </c>
      <c r="C43404" s="14" t="s">
        <v>70</v>
      </c>
      <c r="D43404" s="14" t="s">
        <v>254</v>
      </c>
      <c r="E43404" s="15">
        <v>45710</v>
      </c>
      <c r="F43404" s="14" t="s">
        <v>15</v>
      </c>
      <c r="G43404" s="16">
        <v>2.6449520262315467</v>
      </c>
    </row>
    <row r="43405" spans="1:7" x14ac:dyDescent="0.3">
      <c r="A43405" s="13" t="s">
        <v>253</v>
      </c>
      <c r="B43405" s="14" t="s">
        <v>1</v>
      </c>
      <c r="C43405" s="14" t="s">
        <v>70</v>
      </c>
      <c r="D43405" s="14" t="s">
        <v>254</v>
      </c>
      <c r="E43405" s="15">
        <v>45711</v>
      </c>
      <c r="F43405" s="14" t="s">
        <v>15</v>
      </c>
      <c r="G43405" s="16">
        <v>2.6449520262315467</v>
      </c>
    </row>
    <row r="43406" spans="1:7" x14ac:dyDescent="0.3">
      <c r="A43406" s="13" t="s">
        <v>253</v>
      </c>
      <c r="B43406" s="14" t="s">
        <v>1</v>
      </c>
      <c r="C43406" s="14" t="s">
        <v>70</v>
      </c>
      <c r="D43406" s="14" t="s">
        <v>254</v>
      </c>
      <c r="E43406" s="15">
        <v>45712</v>
      </c>
      <c r="F43406" s="14" t="s">
        <v>15</v>
      </c>
      <c r="G43406" s="16">
        <v>2.6486508544615859</v>
      </c>
    </row>
    <row r="43407" spans="1:7" x14ac:dyDescent="0.3">
      <c r="A43407" s="13" t="s">
        <v>253</v>
      </c>
      <c r="B43407" s="14" t="s">
        <v>1</v>
      </c>
      <c r="C43407" s="14" t="s">
        <v>70</v>
      </c>
      <c r="D43407" s="14" t="s">
        <v>254</v>
      </c>
      <c r="E43407" s="15">
        <v>45713</v>
      </c>
      <c r="F43407" s="14" t="s">
        <v>15</v>
      </c>
      <c r="G43407" s="16">
        <v>2.659740215229967</v>
      </c>
    </row>
    <row r="43408" spans="1:7" x14ac:dyDescent="0.3">
      <c r="A43408" s="13" t="s">
        <v>253</v>
      </c>
      <c r="B43408" s="14" t="s">
        <v>1</v>
      </c>
      <c r="C43408" s="14" t="s">
        <v>70</v>
      </c>
      <c r="D43408" s="14" t="s">
        <v>254</v>
      </c>
      <c r="E43408" s="15">
        <v>45714</v>
      </c>
      <c r="F43408" s="14" t="s">
        <v>15</v>
      </c>
      <c r="G43408" s="16">
        <v>2.6633531902724905</v>
      </c>
    </row>
    <row r="43409" spans="1:7" x14ac:dyDescent="0.3">
      <c r="A43409" s="13" t="s">
        <v>253</v>
      </c>
      <c r="B43409" s="14" t="s">
        <v>1</v>
      </c>
      <c r="C43409" s="14" t="s">
        <v>70</v>
      </c>
      <c r="D43409" s="14" t="s">
        <v>254</v>
      </c>
      <c r="E43409" s="15">
        <v>45715</v>
      </c>
      <c r="F43409" s="14" t="s">
        <v>15</v>
      </c>
      <c r="G43409" s="16">
        <v>2.6686924076482157</v>
      </c>
    </row>
    <row r="43410" spans="1:7" x14ac:dyDescent="0.3">
      <c r="A43410" s="13" t="s">
        <v>253</v>
      </c>
      <c r="B43410" s="14" t="s">
        <v>1</v>
      </c>
      <c r="C43410" s="14" t="s">
        <v>70</v>
      </c>
      <c r="D43410" s="14" t="s">
        <v>254</v>
      </c>
      <c r="E43410" s="15">
        <v>45716</v>
      </c>
      <c r="F43410" s="14" t="s">
        <v>15</v>
      </c>
      <c r="G43410" s="16">
        <v>2.6769826416218052</v>
      </c>
    </row>
    <row r="43411" spans="1:7" x14ac:dyDescent="0.3">
      <c r="A43411" s="13" t="s">
        <v>253</v>
      </c>
      <c r="B43411" s="14" t="s">
        <v>1</v>
      </c>
      <c r="C43411" s="14" t="s">
        <v>70</v>
      </c>
      <c r="D43411" s="14" t="s">
        <v>254</v>
      </c>
      <c r="E43411" s="15">
        <v>45717</v>
      </c>
      <c r="F43411" s="14" t="s">
        <v>15</v>
      </c>
      <c r="G43411" s="16">
        <v>2.6769826416218052</v>
      </c>
    </row>
    <row r="43412" spans="1:7" x14ac:dyDescent="0.3">
      <c r="A43412" s="13" t="s">
        <v>253</v>
      </c>
      <c r="B43412" s="14" t="s">
        <v>1</v>
      </c>
      <c r="C43412" s="14" t="s">
        <v>70</v>
      </c>
      <c r="D43412" s="14" t="s">
        <v>254</v>
      </c>
      <c r="E43412" s="15">
        <v>45718</v>
      </c>
      <c r="F43412" s="14" t="s">
        <v>15</v>
      </c>
      <c r="G43412" s="16">
        <v>2.6769826416218052</v>
      </c>
    </row>
    <row r="43413" spans="1:7" x14ac:dyDescent="0.3">
      <c r="A43413" s="13" t="s">
        <v>253</v>
      </c>
      <c r="B43413" s="14" t="s">
        <v>1</v>
      </c>
      <c r="C43413" s="14" t="s">
        <v>70</v>
      </c>
      <c r="D43413" s="14" t="s">
        <v>254</v>
      </c>
      <c r="E43413" s="15">
        <v>45719</v>
      </c>
      <c r="F43413" s="14" t="s">
        <v>15</v>
      </c>
      <c r="G43413" s="16">
        <v>2.7051446061328299</v>
      </c>
    </row>
    <row r="43414" spans="1:7" x14ac:dyDescent="0.3">
      <c r="A43414" s="13" t="s">
        <v>253</v>
      </c>
      <c r="B43414" s="14" t="s">
        <v>1</v>
      </c>
      <c r="C43414" s="14" t="s">
        <v>70</v>
      </c>
      <c r="D43414" s="14" t="s">
        <v>254</v>
      </c>
      <c r="E43414" s="15">
        <v>45720</v>
      </c>
      <c r="F43414" s="14" t="s">
        <v>15</v>
      </c>
      <c r="G43414" s="16">
        <v>2.7175759988621926</v>
      </c>
    </row>
    <row r="43415" spans="1:7" x14ac:dyDescent="0.3">
      <c r="A43415" s="13" t="s">
        <v>253</v>
      </c>
      <c r="B43415" s="14" t="s">
        <v>1</v>
      </c>
      <c r="C43415" s="14" t="s">
        <v>70</v>
      </c>
      <c r="D43415" s="14" t="s">
        <v>254</v>
      </c>
      <c r="E43415" s="15">
        <v>45721</v>
      </c>
      <c r="F43415" s="14" t="s">
        <v>15</v>
      </c>
      <c r="G43415" s="16">
        <v>2.7212297897709958</v>
      </c>
    </row>
    <row r="43416" spans="1:7" x14ac:dyDescent="0.3">
      <c r="A43416" s="13" t="s">
        <v>253</v>
      </c>
      <c r="B43416" s="14" t="s">
        <v>1</v>
      </c>
      <c r="C43416" s="14" t="s">
        <v>70</v>
      </c>
      <c r="D43416" s="14" t="s">
        <v>254</v>
      </c>
      <c r="E43416" s="15">
        <v>45722</v>
      </c>
      <c r="F43416" s="14" t="s">
        <v>15</v>
      </c>
      <c r="G43416" s="16">
        <v>2.7278775603342083</v>
      </c>
    </row>
    <row r="43417" spans="1:7" x14ac:dyDescent="0.3">
      <c r="A43417" s="13" t="s">
        <v>253</v>
      </c>
      <c r="B43417" s="14" t="s">
        <v>1</v>
      </c>
      <c r="C43417" s="14" t="s">
        <v>70</v>
      </c>
      <c r="D43417" s="14" t="s">
        <v>254</v>
      </c>
      <c r="E43417" s="15">
        <v>45723</v>
      </c>
      <c r="F43417" s="14" t="s">
        <v>15</v>
      </c>
      <c r="G43417" s="16">
        <v>2.774372934298956</v>
      </c>
    </row>
    <row r="43418" spans="1:7" x14ac:dyDescent="0.3">
      <c r="A43418" s="13" t="s">
        <v>253</v>
      </c>
      <c r="B43418" s="14" t="s">
        <v>1</v>
      </c>
      <c r="C43418" s="14" t="s">
        <v>70</v>
      </c>
      <c r="D43418" s="14" t="s">
        <v>254</v>
      </c>
      <c r="E43418" s="15">
        <v>45724</v>
      </c>
      <c r="F43418" s="14" t="s">
        <v>15</v>
      </c>
      <c r="G43418" s="16">
        <v>2.774372934298956</v>
      </c>
    </row>
    <row r="43419" spans="1:7" x14ac:dyDescent="0.3">
      <c r="A43419" s="13" t="s">
        <v>253</v>
      </c>
      <c r="B43419" s="14" t="s">
        <v>1</v>
      </c>
      <c r="C43419" s="14" t="s">
        <v>70</v>
      </c>
      <c r="D43419" s="14" t="s">
        <v>254</v>
      </c>
      <c r="E43419" s="15">
        <v>45725</v>
      </c>
      <c r="F43419" s="14" t="s">
        <v>15</v>
      </c>
      <c r="G43419" s="16">
        <v>2.774372934298956</v>
      </c>
    </row>
    <row r="43420" spans="1:7" x14ac:dyDescent="0.3">
      <c r="A43420" s="13" t="s">
        <v>253</v>
      </c>
      <c r="B43420" s="14" t="s">
        <v>1</v>
      </c>
      <c r="C43420" s="14" t="s">
        <v>70</v>
      </c>
      <c r="D43420" s="14" t="s">
        <v>254</v>
      </c>
      <c r="E43420" s="15">
        <v>45726</v>
      </c>
      <c r="F43420" s="14" t="s">
        <v>15</v>
      </c>
      <c r="G43420" s="16">
        <v>2.782498990166923</v>
      </c>
    </row>
    <row r="43421" spans="1:7" x14ac:dyDescent="0.3">
      <c r="A43421" s="13" t="s">
        <v>253</v>
      </c>
      <c r="B43421" s="14" t="s">
        <v>1</v>
      </c>
      <c r="C43421" s="14" t="s">
        <v>70</v>
      </c>
      <c r="D43421" s="14" t="s">
        <v>254</v>
      </c>
      <c r="E43421" s="15">
        <v>45727</v>
      </c>
      <c r="F43421" s="14" t="s">
        <v>15</v>
      </c>
      <c r="G43421" s="16">
        <v>2.7967783197031104</v>
      </c>
    </row>
    <row r="43422" spans="1:7" x14ac:dyDescent="0.3">
      <c r="A43422" s="13" t="s">
        <v>253</v>
      </c>
      <c r="B43422" s="14" t="s">
        <v>1</v>
      </c>
      <c r="C43422" s="14" t="s">
        <v>70</v>
      </c>
      <c r="D43422" s="14" t="s">
        <v>254</v>
      </c>
      <c r="E43422" s="15">
        <v>45728</v>
      </c>
      <c r="F43422" s="14" t="s">
        <v>15</v>
      </c>
      <c r="G43422" s="16">
        <v>2.8117830079272732</v>
      </c>
    </row>
    <row r="43423" spans="1:7" x14ac:dyDescent="0.3">
      <c r="A43423" s="13" t="s">
        <v>253</v>
      </c>
      <c r="B43423" s="14" t="s">
        <v>1</v>
      </c>
      <c r="C43423" s="14" t="s">
        <v>70</v>
      </c>
      <c r="D43423" s="14" t="s">
        <v>254</v>
      </c>
      <c r="E43423" s="15">
        <v>45729</v>
      </c>
      <c r="F43423" s="14" t="s">
        <v>15</v>
      </c>
      <c r="G43423" s="16">
        <v>2.8156799545176479</v>
      </c>
    </row>
    <row r="43424" spans="1:7" x14ac:dyDescent="0.3">
      <c r="A43424" s="13" t="s">
        <v>253</v>
      </c>
      <c r="B43424" s="14" t="s">
        <v>1</v>
      </c>
      <c r="C43424" s="14" t="s">
        <v>70</v>
      </c>
      <c r="D43424" s="14" t="s">
        <v>254</v>
      </c>
      <c r="E43424" s="15">
        <v>45730</v>
      </c>
      <c r="F43424" s="14" t="s">
        <v>15</v>
      </c>
      <c r="G43424" s="16">
        <v>2.8289822483181397</v>
      </c>
    </row>
    <row r="43425" spans="1:7" x14ac:dyDescent="0.3">
      <c r="A43425" s="13" t="s">
        <v>253</v>
      </c>
      <c r="B43425" s="14" t="s">
        <v>1</v>
      </c>
      <c r="C43425" s="14" t="s">
        <v>70</v>
      </c>
      <c r="D43425" s="14" t="s">
        <v>254</v>
      </c>
      <c r="E43425" s="15">
        <v>45731</v>
      </c>
      <c r="F43425" s="14" t="s">
        <v>15</v>
      </c>
      <c r="G43425" s="16">
        <v>2.8289822483181397</v>
      </c>
    </row>
    <row r="43426" spans="1:7" x14ac:dyDescent="0.3">
      <c r="A43426" s="13" t="s">
        <v>253</v>
      </c>
      <c r="B43426" s="14" t="s">
        <v>1</v>
      </c>
      <c r="C43426" s="14" t="s">
        <v>70</v>
      </c>
      <c r="D43426" s="14" t="s">
        <v>254</v>
      </c>
      <c r="E43426" s="15">
        <v>45732</v>
      </c>
      <c r="F43426" s="14" t="s">
        <v>15</v>
      </c>
      <c r="G43426" s="16">
        <v>2.8289822483181397</v>
      </c>
    </row>
    <row r="43427" spans="1:7" x14ac:dyDescent="0.3">
      <c r="A43427" s="13" t="s">
        <v>253</v>
      </c>
      <c r="B43427" s="14" t="s">
        <v>1</v>
      </c>
      <c r="C43427" s="14" t="s">
        <v>70</v>
      </c>
      <c r="D43427" s="14" t="s">
        <v>254</v>
      </c>
      <c r="E43427" s="15">
        <v>45733</v>
      </c>
      <c r="F43427" s="14" t="s">
        <v>15</v>
      </c>
      <c r="G43427" s="16">
        <v>2.8289822483181397</v>
      </c>
    </row>
    <row r="43428" spans="1:7" x14ac:dyDescent="0.3">
      <c r="A43428" s="13" t="s">
        <v>253</v>
      </c>
      <c r="B43428" s="14" t="s">
        <v>1</v>
      </c>
      <c r="C43428" s="14" t="s">
        <v>70</v>
      </c>
      <c r="D43428" s="14" t="s">
        <v>254</v>
      </c>
      <c r="E43428" s="15">
        <v>45734</v>
      </c>
      <c r="F43428" s="14" t="s">
        <v>15</v>
      </c>
      <c r="G43428" s="16">
        <v>2.838781219644118</v>
      </c>
    </row>
    <row r="43429" spans="1:7" x14ac:dyDescent="0.3">
      <c r="A43429" s="13" t="s">
        <v>253</v>
      </c>
      <c r="B43429" s="14" t="s">
        <v>1</v>
      </c>
      <c r="C43429" s="14" t="s">
        <v>70</v>
      </c>
      <c r="D43429" s="14" t="s">
        <v>254</v>
      </c>
      <c r="E43429" s="15">
        <v>45735</v>
      </c>
      <c r="F43429" s="14" t="s">
        <v>15</v>
      </c>
      <c r="G43429" s="16">
        <v>2.8621500041625736</v>
      </c>
    </row>
    <row r="43430" spans="1:7" x14ac:dyDescent="0.3">
      <c r="A43430" s="13" t="s">
        <v>253</v>
      </c>
      <c r="B43430" s="14" t="s">
        <v>1</v>
      </c>
      <c r="C43430" s="14" t="s">
        <v>70</v>
      </c>
      <c r="D43430" s="14" t="s">
        <v>254</v>
      </c>
      <c r="E43430" s="15">
        <v>45736</v>
      </c>
      <c r="F43430" s="14" t="s">
        <v>15</v>
      </c>
      <c r="G43430" s="16">
        <v>2.8659145236801322</v>
      </c>
    </row>
    <row r="43431" spans="1:7" x14ac:dyDescent="0.3">
      <c r="A43431" s="13" t="s">
        <v>253</v>
      </c>
      <c r="B43431" s="14" t="s">
        <v>1</v>
      </c>
      <c r="C43431" s="14" t="s">
        <v>70</v>
      </c>
      <c r="D43431" s="14" t="s">
        <v>254</v>
      </c>
      <c r="E43431" s="15">
        <v>45737</v>
      </c>
      <c r="F43431" s="14" t="s">
        <v>15</v>
      </c>
      <c r="G43431" s="16">
        <v>2.8693451996232486</v>
      </c>
    </row>
    <row r="43432" spans="1:7" x14ac:dyDescent="0.3">
      <c r="A43432" s="13" t="s">
        <v>253</v>
      </c>
      <c r="B43432" s="14" t="s">
        <v>1</v>
      </c>
      <c r="C43432" s="14" t="s">
        <v>70</v>
      </c>
      <c r="D43432" s="14" t="s">
        <v>254</v>
      </c>
      <c r="E43432" s="15">
        <v>45738</v>
      </c>
      <c r="F43432" s="14" t="s">
        <v>15</v>
      </c>
      <c r="G43432" s="16">
        <v>2.8693451996232486</v>
      </c>
    </row>
    <row r="43433" spans="1:7" x14ac:dyDescent="0.3">
      <c r="A43433" s="13" t="s">
        <v>253</v>
      </c>
      <c r="B43433" s="14" t="s">
        <v>1</v>
      </c>
      <c r="C43433" s="14" t="s">
        <v>70</v>
      </c>
      <c r="D43433" s="14" t="s">
        <v>254</v>
      </c>
      <c r="E43433" s="15">
        <v>45739</v>
      </c>
      <c r="F43433" s="14" t="s">
        <v>15</v>
      </c>
      <c r="G43433" s="16">
        <v>2.8693451996232486</v>
      </c>
    </row>
    <row r="43434" spans="1:7" x14ac:dyDescent="0.3">
      <c r="A43434" s="13" t="s">
        <v>253</v>
      </c>
      <c r="B43434" s="14" t="s">
        <v>1</v>
      </c>
      <c r="C43434" s="14" t="s">
        <v>70</v>
      </c>
      <c r="D43434" s="14" t="s">
        <v>254</v>
      </c>
      <c r="E43434" s="15">
        <v>45740</v>
      </c>
      <c r="F43434" s="14" t="s">
        <v>15</v>
      </c>
      <c r="G43434" s="16">
        <v>2.8731638897020981</v>
      </c>
    </row>
    <row r="43435" spans="1:7" x14ac:dyDescent="0.3">
      <c r="A43435" s="13" t="s">
        <v>253</v>
      </c>
      <c r="B43435" s="14" t="s">
        <v>1</v>
      </c>
      <c r="C43435" s="14" t="s">
        <v>70</v>
      </c>
      <c r="D43435" s="14" t="s">
        <v>254</v>
      </c>
      <c r="E43435" s="15">
        <v>45741</v>
      </c>
      <c r="F43435" s="14" t="s">
        <v>15</v>
      </c>
      <c r="G43435" s="16">
        <v>2.884672821521761</v>
      </c>
    </row>
    <row r="43436" spans="1:7" x14ac:dyDescent="0.3">
      <c r="A43436" s="13" t="s">
        <v>253</v>
      </c>
      <c r="B43436" s="14" t="s">
        <v>1</v>
      </c>
      <c r="C43436" s="14" t="s">
        <v>70</v>
      </c>
      <c r="D43436" s="14" t="s">
        <v>254</v>
      </c>
      <c r="E43436" s="15">
        <v>45742</v>
      </c>
      <c r="F43436" s="14" t="s">
        <v>15</v>
      </c>
      <c r="G43436" s="16">
        <v>2.8884262306046335</v>
      </c>
    </row>
    <row r="43437" spans="1:7" x14ac:dyDescent="0.3">
      <c r="A43437" s="13" t="s">
        <v>253</v>
      </c>
      <c r="B43437" s="14" t="s">
        <v>1</v>
      </c>
      <c r="C43437" s="14" t="s">
        <v>70</v>
      </c>
      <c r="D43437" s="14" t="s">
        <v>254</v>
      </c>
      <c r="E43437" s="15">
        <v>45743</v>
      </c>
      <c r="F43437" s="14" t="s">
        <v>15</v>
      </c>
      <c r="G43437" s="16">
        <v>2.8996266138775009</v>
      </c>
    </row>
    <row r="43438" spans="1:7" x14ac:dyDescent="0.3">
      <c r="A43438" s="13" t="s">
        <v>253</v>
      </c>
      <c r="B43438" s="14" t="s">
        <v>1</v>
      </c>
      <c r="C43438" s="14" t="s">
        <v>70</v>
      </c>
      <c r="D43438" s="14" t="s">
        <v>254</v>
      </c>
      <c r="E43438" s="15">
        <v>45744</v>
      </c>
      <c r="F43438" s="14" t="s">
        <v>15</v>
      </c>
      <c r="G43438" s="16">
        <v>2.9982497556105345</v>
      </c>
    </row>
    <row r="43439" spans="1:7" x14ac:dyDescent="0.3">
      <c r="A43439" s="13" t="s">
        <v>253</v>
      </c>
      <c r="B43439" s="14" t="s">
        <v>1</v>
      </c>
      <c r="C43439" s="14" t="s">
        <v>70</v>
      </c>
      <c r="D43439" s="14" t="s">
        <v>254</v>
      </c>
      <c r="E43439" s="15">
        <v>45745</v>
      </c>
      <c r="F43439" s="14" t="s">
        <v>15</v>
      </c>
      <c r="G43439" s="16">
        <v>2.9982497556105345</v>
      </c>
    </row>
    <row r="43440" spans="1:7" x14ac:dyDescent="0.3">
      <c r="A43440" s="13" t="s">
        <v>253</v>
      </c>
      <c r="B43440" s="14" t="s">
        <v>1</v>
      </c>
      <c r="C43440" s="14" t="s">
        <v>70</v>
      </c>
      <c r="D43440" s="14" t="s">
        <v>254</v>
      </c>
      <c r="E43440" s="15">
        <v>45746</v>
      </c>
      <c r="F43440" s="14" t="s">
        <v>15</v>
      </c>
      <c r="G43440" s="16">
        <v>2.9982497556105345</v>
      </c>
    </row>
    <row r="43441" spans="1:7" x14ac:dyDescent="0.3">
      <c r="A43441" s="13" t="s">
        <v>253</v>
      </c>
      <c r="B43441" s="14" t="s">
        <v>1</v>
      </c>
      <c r="C43441" s="14" t="s">
        <v>70</v>
      </c>
      <c r="D43441" s="14" t="s">
        <v>254</v>
      </c>
      <c r="E43441" s="15">
        <v>45747</v>
      </c>
      <c r="F43441" s="14" t="s">
        <v>15</v>
      </c>
      <c r="G43441" s="16">
        <v>3.047879355115247</v>
      </c>
    </row>
    <row r="43442" spans="1:7" x14ac:dyDescent="0.3">
      <c r="A43442" s="13" t="s">
        <v>255</v>
      </c>
      <c r="B43442" s="14" t="s">
        <v>1</v>
      </c>
      <c r="C43442" s="14" t="s">
        <v>96</v>
      </c>
      <c r="D43442" s="14" t="s">
        <v>256</v>
      </c>
      <c r="E43442" s="15">
        <v>45383</v>
      </c>
      <c r="F43442" s="14" t="s">
        <v>15</v>
      </c>
      <c r="G43442" s="16">
        <v>0</v>
      </c>
    </row>
    <row r="43443" spans="1:7" x14ac:dyDescent="0.3">
      <c r="A43443" s="13" t="s">
        <v>255</v>
      </c>
      <c r="B43443" s="14" t="s">
        <v>1</v>
      </c>
      <c r="C43443" s="14" t="s">
        <v>96</v>
      </c>
      <c r="D43443" s="14" t="s">
        <v>256</v>
      </c>
      <c r="E43443" s="15">
        <v>45384</v>
      </c>
      <c r="F43443" s="14" t="s">
        <v>15</v>
      </c>
      <c r="G43443" s="16">
        <v>0</v>
      </c>
    </row>
    <row r="43444" spans="1:7" x14ac:dyDescent="0.3">
      <c r="A43444" s="13" t="s">
        <v>255</v>
      </c>
      <c r="B43444" s="14" t="s">
        <v>1</v>
      </c>
      <c r="C43444" s="14" t="s">
        <v>96</v>
      </c>
      <c r="D43444" s="14" t="s">
        <v>256</v>
      </c>
      <c r="E43444" s="15">
        <v>45385</v>
      </c>
      <c r="F43444" s="14" t="s">
        <v>15</v>
      </c>
      <c r="G43444" s="16">
        <v>0</v>
      </c>
    </row>
    <row r="43445" spans="1:7" x14ac:dyDescent="0.3">
      <c r="A43445" s="13" t="s">
        <v>255</v>
      </c>
      <c r="B43445" s="14" t="s">
        <v>1</v>
      </c>
      <c r="C43445" s="14" t="s">
        <v>96</v>
      </c>
      <c r="D43445" s="14" t="s">
        <v>256</v>
      </c>
      <c r="E43445" s="15">
        <v>45386</v>
      </c>
      <c r="F43445" s="14" t="s">
        <v>15</v>
      </c>
      <c r="G43445" s="16">
        <v>0</v>
      </c>
    </row>
    <row r="43446" spans="1:7" x14ac:dyDescent="0.3">
      <c r="A43446" s="13" t="s">
        <v>255</v>
      </c>
      <c r="B43446" s="14" t="s">
        <v>1</v>
      </c>
      <c r="C43446" s="14" t="s">
        <v>96</v>
      </c>
      <c r="D43446" s="14" t="s">
        <v>256</v>
      </c>
      <c r="E43446" s="15">
        <v>45387</v>
      </c>
      <c r="F43446" s="14" t="s">
        <v>15</v>
      </c>
      <c r="G43446" s="16">
        <v>0</v>
      </c>
    </row>
    <row r="43447" spans="1:7" x14ac:dyDescent="0.3">
      <c r="A43447" s="13" t="s">
        <v>255</v>
      </c>
      <c r="B43447" s="14" t="s">
        <v>1</v>
      </c>
      <c r="C43447" s="14" t="s">
        <v>96</v>
      </c>
      <c r="D43447" s="14" t="s">
        <v>256</v>
      </c>
      <c r="E43447" s="15">
        <v>45388</v>
      </c>
      <c r="F43447" s="14" t="s">
        <v>15</v>
      </c>
      <c r="G43447" s="16">
        <v>0</v>
      </c>
    </row>
    <row r="43448" spans="1:7" x14ac:dyDescent="0.3">
      <c r="A43448" s="13" t="s">
        <v>255</v>
      </c>
      <c r="B43448" s="14" t="s">
        <v>1</v>
      </c>
      <c r="C43448" s="14" t="s">
        <v>96</v>
      </c>
      <c r="D43448" s="14" t="s">
        <v>256</v>
      </c>
      <c r="E43448" s="15">
        <v>45389</v>
      </c>
      <c r="F43448" s="14" t="s">
        <v>15</v>
      </c>
      <c r="G43448" s="16">
        <v>0</v>
      </c>
    </row>
    <row r="43449" spans="1:7" x14ac:dyDescent="0.3">
      <c r="A43449" s="13" t="s">
        <v>255</v>
      </c>
      <c r="B43449" s="14" t="s">
        <v>1</v>
      </c>
      <c r="C43449" s="14" t="s">
        <v>96</v>
      </c>
      <c r="D43449" s="14" t="s">
        <v>256</v>
      </c>
      <c r="E43449" s="15">
        <v>45390</v>
      </c>
      <c r="F43449" s="14" t="s">
        <v>15</v>
      </c>
      <c r="G43449" s="16">
        <v>0</v>
      </c>
    </row>
    <row r="43450" spans="1:7" x14ac:dyDescent="0.3">
      <c r="A43450" s="13" t="s">
        <v>255</v>
      </c>
      <c r="B43450" s="14" t="s">
        <v>1</v>
      </c>
      <c r="C43450" s="14" t="s">
        <v>96</v>
      </c>
      <c r="D43450" s="14" t="s">
        <v>256</v>
      </c>
      <c r="E43450" s="15">
        <v>45391</v>
      </c>
      <c r="F43450" s="14" t="s">
        <v>15</v>
      </c>
      <c r="G43450" s="16">
        <v>0</v>
      </c>
    </row>
    <row r="43451" spans="1:7" x14ac:dyDescent="0.3">
      <c r="A43451" s="13" t="s">
        <v>255</v>
      </c>
      <c r="B43451" s="14" t="s">
        <v>1</v>
      </c>
      <c r="C43451" s="14" t="s">
        <v>96</v>
      </c>
      <c r="D43451" s="14" t="s">
        <v>256</v>
      </c>
      <c r="E43451" s="15">
        <v>45392</v>
      </c>
      <c r="F43451" s="14" t="s">
        <v>15</v>
      </c>
      <c r="G43451" s="16">
        <v>0</v>
      </c>
    </row>
    <row r="43452" spans="1:7" x14ac:dyDescent="0.3">
      <c r="A43452" s="13" t="s">
        <v>255</v>
      </c>
      <c r="B43452" s="14" t="s">
        <v>1</v>
      </c>
      <c r="C43452" s="14" t="s">
        <v>96</v>
      </c>
      <c r="D43452" s="14" t="s">
        <v>256</v>
      </c>
      <c r="E43452" s="15">
        <v>45393</v>
      </c>
      <c r="F43452" s="14" t="s">
        <v>15</v>
      </c>
      <c r="G43452" s="16">
        <v>0</v>
      </c>
    </row>
    <row r="43453" spans="1:7" x14ac:dyDescent="0.3">
      <c r="A43453" s="13" t="s">
        <v>255</v>
      </c>
      <c r="B43453" s="14" t="s">
        <v>1</v>
      </c>
      <c r="C43453" s="14" t="s">
        <v>96</v>
      </c>
      <c r="D43453" s="14" t="s">
        <v>256</v>
      </c>
      <c r="E43453" s="15">
        <v>45394</v>
      </c>
      <c r="F43453" s="14" t="s">
        <v>15</v>
      </c>
      <c r="G43453" s="16">
        <v>0</v>
      </c>
    </row>
    <row r="43454" spans="1:7" x14ac:dyDescent="0.3">
      <c r="A43454" s="13" t="s">
        <v>255</v>
      </c>
      <c r="B43454" s="14" t="s">
        <v>1</v>
      </c>
      <c r="C43454" s="14" t="s">
        <v>96</v>
      </c>
      <c r="D43454" s="14" t="s">
        <v>256</v>
      </c>
      <c r="E43454" s="15">
        <v>45395</v>
      </c>
      <c r="F43454" s="14" t="s">
        <v>15</v>
      </c>
      <c r="G43454" s="16">
        <v>0</v>
      </c>
    </row>
    <row r="43455" spans="1:7" x14ac:dyDescent="0.3">
      <c r="A43455" s="13" t="s">
        <v>255</v>
      </c>
      <c r="B43455" s="14" t="s">
        <v>1</v>
      </c>
      <c r="C43455" s="14" t="s">
        <v>96</v>
      </c>
      <c r="D43455" s="14" t="s">
        <v>256</v>
      </c>
      <c r="E43455" s="15">
        <v>45396</v>
      </c>
      <c r="F43455" s="14" t="s">
        <v>15</v>
      </c>
      <c r="G43455" s="16">
        <v>0</v>
      </c>
    </row>
    <row r="43456" spans="1:7" x14ac:dyDescent="0.3">
      <c r="A43456" s="13" t="s">
        <v>255</v>
      </c>
      <c r="B43456" s="14" t="s">
        <v>1</v>
      </c>
      <c r="C43456" s="14" t="s">
        <v>96</v>
      </c>
      <c r="D43456" s="14" t="s">
        <v>256</v>
      </c>
      <c r="E43456" s="15">
        <v>45397</v>
      </c>
      <c r="F43456" s="14" t="s">
        <v>15</v>
      </c>
      <c r="G43456" s="16">
        <v>0</v>
      </c>
    </row>
    <row r="43457" spans="1:7" x14ac:dyDescent="0.3">
      <c r="A43457" s="13" t="s">
        <v>255</v>
      </c>
      <c r="B43457" s="14" t="s">
        <v>1</v>
      </c>
      <c r="C43457" s="14" t="s">
        <v>96</v>
      </c>
      <c r="D43457" s="14" t="s">
        <v>256</v>
      </c>
      <c r="E43457" s="15">
        <v>45398</v>
      </c>
      <c r="F43457" s="14" t="s">
        <v>15</v>
      </c>
      <c r="G43457" s="16">
        <v>0</v>
      </c>
    </row>
    <row r="43458" spans="1:7" x14ac:dyDescent="0.3">
      <c r="A43458" s="13" t="s">
        <v>255</v>
      </c>
      <c r="B43458" s="14" t="s">
        <v>1</v>
      </c>
      <c r="C43458" s="14" t="s">
        <v>96</v>
      </c>
      <c r="D43458" s="14" t="s">
        <v>256</v>
      </c>
      <c r="E43458" s="15">
        <v>45399</v>
      </c>
      <c r="F43458" s="14" t="s">
        <v>15</v>
      </c>
      <c r="G43458" s="16">
        <v>0</v>
      </c>
    </row>
    <row r="43459" spans="1:7" x14ac:dyDescent="0.3">
      <c r="A43459" s="13" t="s">
        <v>255</v>
      </c>
      <c r="B43459" s="14" t="s">
        <v>1</v>
      </c>
      <c r="C43459" s="14" t="s">
        <v>96</v>
      </c>
      <c r="D43459" s="14" t="s">
        <v>256</v>
      </c>
      <c r="E43459" s="15">
        <v>45400</v>
      </c>
      <c r="F43459" s="14" t="s">
        <v>15</v>
      </c>
      <c r="G43459" s="16">
        <v>0</v>
      </c>
    </row>
    <row r="43460" spans="1:7" x14ac:dyDescent="0.3">
      <c r="A43460" s="13" t="s">
        <v>255</v>
      </c>
      <c r="B43460" s="14" t="s">
        <v>1</v>
      </c>
      <c r="C43460" s="14" t="s">
        <v>96</v>
      </c>
      <c r="D43460" s="14" t="s">
        <v>256</v>
      </c>
      <c r="E43460" s="15">
        <v>45401</v>
      </c>
      <c r="F43460" s="14" t="s">
        <v>15</v>
      </c>
      <c r="G43460" s="16">
        <v>0</v>
      </c>
    </row>
    <row r="43461" spans="1:7" x14ac:dyDescent="0.3">
      <c r="A43461" s="13" t="s">
        <v>255</v>
      </c>
      <c r="B43461" s="14" t="s">
        <v>1</v>
      </c>
      <c r="C43461" s="14" t="s">
        <v>96</v>
      </c>
      <c r="D43461" s="14" t="s">
        <v>256</v>
      </c>
      <c r="E43461" s="15">
        <v>45402</v>
      </c>
      <c r="F43461" s="14" t="s">
        <v>15</v>
      </c>
      <c r="G43461" s="16">
        <v>0</v>
      </c>
    </row>
    <row r="43462" spans="1:7" x14ac:dyDescent="0.3">
      <c r="A43462" s="13" t="s">
        <v>255</v>
      </c>
      <c r="B43462" s="14" t="s">
        <v>1</v>
      </c>
      <c r="C43462" s="14" t="s">
        <v>96</v>
      </c>
      <c r="D43462" s="14" t="s">
        <v>256</v>
      </c>
      <c r="E43462" s="15">
        <v>45403</v>
      </c>
      <c r="F43462" s="14" t="s">
        <v>15</v>
      </c>
      <c r="G43462" s="16">
        <v>0</v>
      </c>
    </row>
    <row r="43463" spans="1:7" x14ac:dyDescent="0.3">
      <c r="A43463" s="13" t="s">
        <v>255</v>
      </c>
      <c r="B43463" s="14" t="s">
        <v>1</v>
      </c>
      <c r="C43463" s="14" t="s">
        <v>96</v>
      </c>
      <c r="D43463" s="14" t="s">
        <v>256</v>
      </c>
      <c r="E43463" s="15">
        <v>45404</v>
      </c>
      <c r="F43463" s="14" t="s">
        <v>15</v>
      </c>
      <c r="G43463" s="16">
        <v>0</v>
      </c>
    </row>
    <row r="43464" spans="1:7" x14ac:dyDescent="0.3">
      <c r="A43464" s="13" t="s">
        <v>255</v>
      </c>
      <c r="B43464" s="14" t="s">
        <v>1</v>
      </c>
      <c r="C43464" s="14" t="s">
        <v>96</v>
      </c>
      <c r="D43464" s="14" t="s">
        <v>256</v>
      </c>
      <c r="E43464" s="15">
        <v>45405</v>
      </c>
      <c r="F43464" s="14" t="s">
        <v>15</v>
      </c>
      <c r="G43464" s="16">
        <v>0</v>
      </c>
    </row>
    <row r="43465" spans="1:7" x14ac:dyDescent="0.3">
      <c r="A43465" s="13" t="s">
        <v>255</v>
      </c>
      <c r="B43465" s="14" t="s">
        <v>1</v>
      </c>
      <c r="C43465" s="14" t="s">
        <v>96</v>
      </c>
      <c r="D43465" s="14" t="s">
        <v>256</v>
      </c>
      <c r="E43465" s="15">
        <v>45406</v>
      </c>
      <c r="F43465" s="14" t="s">
        <v>15</v>
      </c>
      <c r="G43465" s="16">
        <v>0</v>
      </c>
    </row>
    <row r="43466" spans="1:7" x14ac:dyDescent="0.3">
      <c r="A43466" s="13" t="s">
        <v>255</v>
      </c>
      <c r="B43466" s="14" t="s">
        <v>1</v>
      </c>
      <c r="C43466" s="14" t="s">
        <v>96</v>
      </c>
      <c r="D43466" s="14" t="s">
        <v>256</v>
      </c>
      <c r="E43466" s="15">
        <v>45407</v>
      </c>
      <c r="F43466" s="14" t="s">
        <v>15</v>
      </c>
      <c r="G43466" s="16">
        <v>0</v>
      </c>
    </row>
    <row r="43467" spans="1:7" x14ac:dyDescent="0.3">
      <c r="A43467" s="13" t="s">
        <v>255</v>
      </c>
      <c r="B43467" s="14" t="s">
        <v>1</v>
      </c>
      <c r="C43467" s="14" t="s">
        <v>96</v>
      </c>
      <c r="D43467" s="14" t="s">
        <v>256</v>
      </c>
      <c r="E43467" s="15">
        <v>45408</v>
      </c>
      <c r="F43467" s="14" t="s">
        <v>15</v>
      </c>
      <c r="G43467" s="16">
        <v>0</v>
      </c>
    </row>
    <row r="43468" spans="1:7" x14ac:dyDescent="0.3">
      <c r="A43468" s="13" t="s">
        <v>255</v>
      </c>
      <c r="B43468" s="14" t="s">
        <v>1</v>
      </c>
      <c r="C43468" s="14" t="s">
        <v>96</v>
      </c>
      <c r="D43468" s="14" t="s">
        <v>256</v>
      </c>
      <c r="E43468" s="15">
        <v>45409</v>
      </c>
      <c r="F43468" s="14" t="s">
        <v>15</v>
      </c>
      <c r="G43468" s="16">
        <v>0</v>
      </c>
    </row>
    <row r="43469" spans="1:7" x14ac:dyDescent="0.3">
      <c r="A43469" s="13" t="s">
        <v>255</v>
      </c>
      <c r="B43469" s="14" t="s">
        <v>1</v>
      </c>
      <c r="C43469" s="14" t="s">
        <v>96</v>
      </c>
      <c r="D43469" s="14" t="s">
        <v>256</v>
      </c>
      <c r="E43469" s="15">
        <v>45410</v>
      </c>
      <c r="F43469" s="14" t="s">
        <v>15</v>
      </c>
      <c r="G43469" s="16">
        <v>0</v>
      </c>
    </row>
    <row r="43470" spans="1:7" x14ac:dyDescent="0.3">
      <c r="A43470" s="13" t="s">
        <v>255</v>
      </c>
      <c r="B43470" s="14" t="s">
        <v>1</v>
      </c>
      <c r="C43470" s="14" t="s">
        <v>96</v>
      </c>
      <c r="D43470" s="14" t="s">
        <v>256</v>
      </c>
      <c r="E43470" s="15">
        <v>45411</v>
      </c>
      <c r="F43470" s="14" t="s">
        <v>15</v>
      </c>
      <c r="G43470" s="16">
        <v>0</v>
      </c>
    </row>
    <row r="43471" spans="1:7" x14ac:dyDescent="0.3">
      <c r="A43471" s="13" t="s">
        <v>255</v>
      </c>
      <c r="B43471" s="14" t="s">
        <v>1</v>
      </c>
      <c r="C43471" s="14" t="s">
        <v>96</v>
      </c>
      <c r="D43471" s="14" t="s">
        <v>256</v>
      </c>
      <c r="E43471" s="15">
        <v>45412</v>
      </c>
      <c r="F43471" s="14" t="s">
        <v>15</v>
      </c>
      <c r="G43471" s="16">
        <v>0</v>
      </c>
    </row>
    <row r="43472" spans="1:7" x14ac:dyDescent="0.3">
      <c r="A43472" s="13" t="s">
        <v>255</v>
      </c>
      <c r="B43472" s="14" t="s">
        <v>1</v>
      </c>
      <c r="C43472" s="14" t="s">
        <v>96</v>
      </c>
      <c r="D43472" s="14" t="s">
        <v>256</v>
      </c>
      <c r="E43472" s="15">
        <v>45413</v>
      </c>
      <c r="F43472" s="14" t="s">
        <v>15</v>
      </c>
      <c r="G43472" s="16">
        <v>0</v>
      </c>
    </row>
    <row r="43473" spans="1:7" x14ac:dyDescent="0.3">
      <c r="A43473" s="13" t="s">
        <v>255</v>
      </c>
      <c r="B43473" s="14" t="s">
        <v>1</v>
      </c>
      <c r="C43473" s="14" t="s">
        <v>96</v>
      </c>
      <c r="D43473" s="14" t="s">
        <v>256</v>
      </c>
      <c r="E43473" s="15">
        <v>45414</v>
      </c>
      <c r="F43473" s="14" t="s">
        <v>15</v>
      </c>
      <c r="G43473" s="16">
        <v>0</v>
      </c>
    </row>
    <row r="43474" spans="1:7" x14ac:dyDescent="0.3">
      <c r="A43474" s="13" t="s">
        <v>255</v>
      </c>
      <c r="B43474" s="14" t="s">
        <v>1</v>
      </c>
      <c r="C43474" s="14" t="s">
        <v>96</v>
      </c>
      <c r="D43474" s="14" t="s">
        <v>256</v>
      </c>
      <c r="E43474" s="15">
        <v>45415</v>
      </c>
      <c r="F43474" s="14" t="s">
        <v>15</v>
      </c>
      <c r="G43474" s="16">
        <v>0</v>
      </c>
    </row>
    <row r="43475" spans="1:7" x14ac:dyDescent="0.3">
      <c r="A43475" s="13" t="s">
        <v>255</v>
      </c>
      <c r="B43475" s="14" t="s">
        <v>1</v>
      </c>
      <c r="C43475" s="14" t="s">
        <v>96</v>
      </c>
      <c r="D43475" s="14" t="s">
        <v>256</v>
      </c>
      <c r="E43475" s="15">
        <v>45416</v>
      </c>
      <c r="F43475" s="14" t="s">
        <v>15</v>
      </c>
      <c r="G43475" s="16">
        <v>0</v>
      </c>
    </row>
    <row r="43476" spans="1:7" x14ac:dyDescent="0.3">
      <c r="A43476" s="13" t="s">
        <v>255</v>
      </c>
      <c r="B43476" s="14" t="s">
        <v>1</v>
      </c>
      <c r="C43476" s="14" t="s">
        <v>96</v>
      </c>
      <c r="D43476" s="14" t="s">
        <v>256</v>
      </c>
      <c r="E43476" s="15">
        <v>45417</v>
      </c>
      <c r="F43476" s="14" t="s">
        <v>15</v>
      </c>
      <c r="G43476" s="16">
        <v>0</v>
      </c>
    </row>
    <row r="43477" spans="1:7" x14ac:dyDescent="0.3">
      <c r="A43477" s="13" t="s">
        <v>255</v>
      </c>
      <c r="B43477" s="14" t="s">
        <v>1</v>
      </c>
      <c r="C43477" s="14" t="s">
        <v>96</v>
      </c>
      <c r="D43477" s="14" t="s">
        <v>256</v>
      </c>
      <c r="E43477" s="15">
        <v>45418</v>
      </c>
      <c r="F43477" s="14" t="s">
        <v>15</v>
      </c>
      <c r="G43477" s="16">
        <v>0</v>
      </c>
    </row>
    <row r="43478" spans="1:7" x14ac:dyDescent="0.3">
      <c r="A43478" s="13" t="s">
        <v>255</v>
      </c>
      <c r="B43478" s="14" t="s">
        <v>1</v>
      </c>
      <c r="C43478" s="14" t="s">
        <v>96</v>
      </c>
      <c r="D43478" s="14" t="s">
        <v>256</v>
      </c>
      <c r="E43478" s="15">
        <v>45419</v>
      </c>
      <c r="F43478" s="14" t="s">
        <v>15</v>
      </c>
      <c r="G43478" s="16">
        <v>0</v>
      </c>
    </row>
    <row r="43479" spans="1:7" x14ac:dyDescent="0.3">
      <c r="A43479" s="13" t="s">
        <v>255</v>
      </c>
      <c r="B43479" s="14" t="s">
        <v>1</v>
      </c>
      <c r="C43479" s="14" t="s">
        <v>96</v>
      </c>
      <c r="D43479" s="14" t="s">
        <v>256</v>
      </c>
      <c r="E43479" s="15">
        <v>45420</v>
      </c>
      <c r="F43479" s="14" t="s">
        <v>15</v>
      </c>
      <c r="G43479" s="16">
        <v>0</v>
      </c>
    </row>
    <row r="43480" spans="1:7" x14ac:dyDescent="0.3">
      <c r="A43480" s="13" t="s">
        <v>255</v>
      </c>
      <c r="B43480" s="14" t="s">
        <v>1</v>
      </c>
      <c r="C43480" s="14" t="s">
        <v>96</v>
      </c>
      <c r="D43480" s="14" t="s">
        <v>256</v>
      </c>
      <c r="E43480" s="15">
        <v>45421</v>
      </c>
      <c r="F43480" s="14" t="s">
        <v>15</v>
      </c>
      <c r="G43480" s="16">
        <v>0</v>
      </c>
    </row>
    <row r="43481" spans="1:7" x14ac:dyDescent="0.3">
      <c r="A43481" s="13" t="s">
        <v>255</v>
      </c>
      <c r="B43481" s="14" t="s">
        <v>1</v>
      </c>
      <c r="C43481" s="14" t="s">
        <v>96</v>
      </c>
      <c r="D43481" s="14" t="s">
        <v>256</v>
      </c>
      <c r="E43481" s="15">
        <v>45422</v>
      </c>
      <c r="F43481" s="14" t="s">
        <v>15</v>
      </c>
      <c r="G43481" s="16">
        <v>0</v>
      </c>
    </row>
    <row r="43482" spans="1:7" x14ac:dyDescent="0.3">
      <c r="A43482" s="13" t="s">
        <v>255</v>
      </c>
      <c r="B43482" s="14" t="s">
        <v>1</v>
      </c>
      <c r="C43482" s="14" t="s">
        <v>96</v>
      </c>
      <c r="D43482" s="14" t="s">
        <v>256</v>
      </c>
      <c r="E43482" s="15">
        <v>45423</v>
      </c>
      <c r="F43482" s="14" t="s">
        <v>15</v>
      </c>
      <c r="G43482" s="16">
        <v>0</v>
      </c>
    </row>
    <row r="43483" spans="1:7" x14ac:dyDescent="0.3">
      <c r="A43483" s="13" t="s">
        <v>255</v>
      </c>
      <c r="B43483" s="14" t="s">
        <v>1</v>
      </c>
      <c r="C43483" s="14" t="s">
        <v>96</v>
      </c>
      <c r="D43483" s="14" t="s">
        <v>256</v>
      </c>
      <c r="E43483" s="15">
        <v>45424</v>
      </c>
      <c r="F43483" s="14" t="s">
        <v>15</v>
      </c>
      <c r="G43483" s="16">
        <v>0</v>
      </c>
    </row>
    <row r="43484" spans="1:7" x14ac:dyDescent="0.3">
      <c r="A43484" s="13" t="s">
        <v>255</v>
      </c>
      <c r="B43484" s="14" t="s">
        <v>1</v>
      </c>
      <c r="C43484" s="14" t="s">
        <v>96</v>
      </c>
      <c r="D43484" s="14" t="s">
        <v>256</v>
      </c>
      <c r="E43484" s="15">
        <v>45425</v>
      </c>
      <c r="F43484" s="14" t="s">
        <v>15</v>
      </c>
      <c r="G43484" s="16">
        <v>0</v>
      </c>
    </row>
    <row r="43485" spans="1:7" x14ac:dyDescent="0.3">
      <c r="A43485" s="13" t="s">
        <v>255</v>
      </c>
      <c r="B43485" s="14" t="s">
        <v>1</v>
      </c>
      <c r="C43485" s="14" t="s">
        <v>96</v>
      </c>
      <c r="D43485" s="14" t="s">
        <v>256</v>
      </c>
      <c r="E43485" s="15">
        <v>45426</v>
      </c>
      <c r="F43485" s="14" t="s">
        <v>15</v>
      </c>
      <c r="G43485" s="16">
        <v>0</v>
      </c>
    </row>
    <row r="43486" spans="1:7" x14ac:dyDescent="0.3">
      <c r="A43486" s="13" t="s">
        <v>255</v>
      </c>
      <c r="B43486" s="14" t="s">
        <v>1</v>
      </c>
      <c r="C43486" s="14" t="s">
        <v>96</v>
      </c>
      <c r="D43486" s="14" t="s">
        <v>256</v>
      </c>
      <c r="E43486" s="15">
        <v>45427</v>
      </c>
      <c r="F43486" s="14" t="s">
        <v>15</v>
      </c>
      <c r="G43486" s="16">
        <v>0</v>
      </c>
    </row>
    <row r="43487" spans="1:7" x14ac:dyDescent="0.3">
      <c r="A43487" s="13" t="s">
        <v>255</v>
      </c>
      <c r="B43487" s="14" t="s">
        <v>1</v>
      </c>
      <c r="C43487" s="14" t="s">
        <v>96</v>
      </c>
      <c r="D43487" s="14" t="s">
        <v>256</v>
      </c>
      <c r="E43487" s="15">
        <v>45428</v>
      </c>
      <c r="F43487" s="14" t="s">
        <v>15</v>
      </c>
      <c r="G43487" s="16">
        <v>0</v>
      </c>
    </row>
    <row r="43488" spans="1:7" x14ac:dyDescent="0.3">
      <c r="A43488" s="13" t="s">
        <v>255</v>
      </c>
      <c r="B43488" s="14" t="s">
        <v>1</v>
      </c>
      <c r="C43488" s="14" t="s">
        <v>96</v>
      </c>
      <c r="D43488" s="14" t="s">
        <v>256</v>
      </c>
      <c r="E43488" s="15">
        <v>45429</v>
      </c>
      <c r="F43488" s="14" t="s">
        <v>15</v>
      </c>
      <c r="G43488" s="16">
        <v>0</v>
      </c>
    </row>
    <row r="43489" spans="1:7" x14ac:dyDescent="0.3">
      <c r="A43489" s="13" t="s">
        <v>255</v>
      </c>
      <c r="B43489" s="14" t="s">
        <v>1</v>
      </c>
      <c r="C43489" s="14" t="s">
        <v>96</v>
      </c>
      <c r="D43489" s="14" t="s">
        <v>256</v>
      </c>
      <c r="E43489" s="15">
        <v>45430</v>
      </c>
      <c r="F43489" s="14" t="s">
        <v>15</v>
      </c>
      <c r="G43489" s="16">
        <v>0</v>
      </c>
    </row>
    <row r="43490" spans="1:7" x14ac:dyDescent="0.3">
      <c r="A43490" s="13" t="s">
        <v>255</v>
      </c>
      <c r="B43490" s="14" t="s">
        <v>1</v>
      </c>
      <c r="C43490" s="14" t="s">
        <v>96</v>
      </c>
      <c r="D43490" s="14" t="s">
        <v>256</v>
      </c>
      <c r="E43490" s="15">
        <v>45431</v>
      </c>
      <c r="F43490" s="14" t="s">
        <v>15</v>
      </c>
      <c r="G43490" s="16">
        <v>0</v>
      </c>
    </row>
    <row r="43491" spans="1:7" x14ac:dyDescent="0.3">
      <c r="A43491" s="13" t="s">
        <v>255</v>
      </c>
      <c r="B43491" s="14" t="s">
        <v>1</v>
      </c>
      <c r="C43491" s="14" t="s">
        <v>96</v>
      </c>
      <c r="D43491" s="14" t="s">
        <v>256</v>
      </c>
      <c r="E43491" s="15">
        <v>45432</v>
      </c>
      <c r="F43491" s="14" t="s">
        <v>15</v>
      </c>
      <c r="G43491" s="16">
        <v>0</v>
      </c>
    </row>
    <row r="43492" spans="1:7" x14ac:dyDescent="0.3">
      <c r="A43492" s="13" t="s">
        <v>255</v>
      </c>
      <c r="B43492" s="14" t="s">
        <v>1</v>
      </c>
      <c r="C43492" s="14" t="s">
        <v>96</v>
      </c>
      <c r="D43492" s="14" t="s">
        <v>256</v>
      </c>
      <c r="E43492" s="15">
        <v>45433</v>
      </c>
      <c r="F43492" s="14" t="s">
        <v>15</v>
      </c>
      <c r="G43492" s="16">
        <v>0</v>
      </c>
    </row>
    <row r="43493" spans="1:7" x14ac:dyDescent="0.3">
      <c r="A43493" s="13" t="s">
        <v>255</v>
      </c>
      <c r="B43493" s="14" t="s">
        <v>1</v>
      </c>
      <c r="C43493" s="14" t="s">
        <v>96</v>
      </c>
      <c r="D43493" s="14" t="s">
        <v>256</v>
      </c>
      <c r="E43493" s="15">
        <v>45434</v>
      </c>
      <c r="F43493" s="14" t="s">
        <v>15</v>
      </c>
      <c r="G43493" s="16">
        <v>0</v>
      </c>
    </row>
    <row r="43494" spans="1:7" x14ac:dyDescent="0.3">
      <c r="A43494" s="13" t="s">
        <v>255</v>
      </c>
      <c r="B43494" s="14" t="s">
        <v>1</v>
      </c>
      <c r="C43494" s="14" t="s">
        <v>96</v>
      </c>
      <c r="D43494" s="14" t="s">
        <v>256</v>
      </c>
      <c r="E43494" s="15">
        <v>45435</v>
      </c>
      <c r="F43494" s="14" t="s">
        <v>15</v>
      </c>
      <c r="G43494" s="16">
        <v>0</v>
      </c>
    </row>
    <row r="43495" spans="1:7" x14ac:dyDescent="0.3">
      <c r="A43495" s="13" t="s">
        <v>255</v>
      </c>
      <c r="B43495" s="14" t="s">
        <v>1</v>
      </c>
      <c r="C43495" s="14" t="s">
        <v>96</v>
      </c>
      <c r="D43495" s="14" t="s">
        <v>256</v>
      </c>
      <c r="E43495" s="15">
        <v>45436</v>
      </c>
      <c r="F43495" s="14" t="s">
        <v>15</v>
      </c>
      <c r="G43495" s="16">
        <v>0</v>
      </c>
    </row>
    <row r="43496" spans="1:7" x14ac:dyDescent="0.3">
      <c r="A43496" s="13" t="s">
        <v>255</v>
      </c>
      <c r="B43496" s="14" t="s">
        <v>1</v>
      </c>
      <c r="C43496" s="14" t="s">
        <v>96</v>
      </c>
      <c r="D43496" s="14" t="s">
        <v>256</v>
      </c>
      <c r="E43496" s="15">
        <v>45437</v>
      </c>
      <c r="F43496" s="14" t="s">
        <v>15</v>
      </c>
      <c r="G43496" s="16">
        <v>0</v>
      </c>
    </row>
    <row r="43497" spans="1:7" x14ac:dyDescent="0.3">
      <c r="A43497" s="13" t="s">
        <v>255</v>
      </c>
      <c r="B43497" s="14" t="s">
        <v>1</v>
      </c>
      <c r="C43497" s="14" t="s">
        <v>96</v>
      </c>
      <c r="D43497" s="14" t="s">
        <v>256</v>
      </c>
      <c r="E43497" s="15">
        <v>45438</v>
      </c>
      <c r="F43497" s="14" t="s">
        <v>15</v>
      </c>
      <c r="G43497" s="16">
        <v>0</v>
      </c>
    </row>
    <row r="43498" spans="1:7" x14ac:dyDescent="0.3">
      <c r="A43498" s="13" t="s">
        <v>255</v>
      </c>
      <c r="B43498" s="14" t="s">
        <v>1</v>
      </c>
      <c r="C43498" s="14" t="s">
        <v>96</v>
      </c>
      <c r="D43498" s="14" t="s">
        <v>256</v>
      </c>
      <c r="E43498" s="15">
        <v>45439</v>
      </c>
      <c r="F43498" s="14" t="s">
        <v>15</v>
      </c>
      <c r="G43498" s="16">
        <v>0</v>
      </c>
    </row>
    <row r="43499" spans="1:7" x14ac:dyDescent="0.3">
      <c r="A43499" s="13" t="s">
        <v>255</v>
      </c>
      <c r="B43499" s="14" t="s">
        <v>1</v>
      </c>
      <c r="C43499" s="14" t="s">
        <v>96</v>
      </c>
      <c r="D43499" s="14" t="s">
        <v>256</v>
      </c>
      <c r="E43499" s="15">
        <v>45440</v>
      </c>
      <c r="F43499" s="14" t="s">
        <v>15</v>
      </c>
      <c r="G43499" s="16">
        <v>0</v>
      </c>
    </row>
    <row r="43500" spans="1:7" x14ac:dyDescent="0.3">
      <c r="A43500" s="13" t="s">
        <v>255</v>
      </c>
      <c r="B43500" s="14" t="s">
        <v>1</v>
      </c>
      <c r="C43500" s="14" t="s">
        <v>96</v>
      </c>
      <c r="D43500" s="14" t="s">
        <v>256</v>
      </c>
      <c r="E43500" s="15">
        <v>45441</v>
      </c>
      <c r="F43500" s="14" t="s">
        <v>15</v>
      </c>
      <c r="G43500" s="16">
        <v>0</v>
      </c>
    </row>
    <row r="43501" spans="1:7" x14ac:dyDescent="0.3">
      <c r="A43501" s="13" t="s">
        <v>255</v>
      </c>
      <c r="B43501" s="14" t="s">
        <v>1</v>
      </c>
      <c r="C43501" s="14" t="s">
        <v>96</v>
      </c>
      <c r="D43501" s="14" t="s">
        <v>256</v>
      </c>
      <c r="E43501" s="15">
        <v>45442</v>
      </c>
      <c r="F43501" s="14" t="s">
        <v>15</v>
      </c>
      <c r="G43501" s="16">
        <v>0</v>
      </c>
    </row>
    <row r="43502" spans="1:7" x14ac:dyDescent="0.3">
      <c r="A43502" s="13" t="s">
        <v>255</v>
      </c>
      <c r="B43502" s="14" t="s">
        <v>1</v>
      </c>
      <c r="C43502" s="14" t="s">
        <v>96</v>
      </c>
      <c r="D43502" s="14" t="s">
        <v>256</v>
      </c>
      <c r="E43502" s="15">
        <v>45443</v>
      </c>
      <c r="F43502" s="14" t="s">
        <v>15</v>
      </c>
      <c r="G43502" s="16">
        <v>0</v>
      </c>
    </row>
    <row r="43503" spans="1:7" x14ac:dyDescent="0.3">
      <c r="A43503" s="13" t="s">
        <v>255</v>
      </c>
      <c r="B43503" s="14" t="s">
        <v>1</v>
      </c>
      <c r="C43503" s="14" t="s">
        <v>96</v>
      </c>
      <c r="D43503" s="14" t="s">
        <v>256</v>
      </c>
      <c r="E43503" s="15">
        <v>45444</v>
      </c>
      <c r="F43503" s="14" t="s">
        <v>15</v>
      </c>
      <c r="G43503" s="16">
        <v>0</v>
      </c>
    </row>
    <row r="43504" spans="1:7" x14ac:dyDescent="0.3">
      <c r="A43504" s="13" t="s">
        <v>255</v>
      </c>
      <c r="B43504" s="14" t="s">
        <v>1</v>
      </c>
      <c r="C43504" s="14" t="s">
        <v>96</v>
      </c>
      <c r="D43504" s="14" t="s">
        <v>256</v>
      </c>
      <c r="E43504" s="15">
        <v>45445</v>
      </c>
      <c r="F43504" s="14" t="s">
        <v>15</v>
      </c>
      <c r="G43504" s="16">
        <v>0</v>
      </c>
    </row>
    <row r="43505" spans="1:7" x14ac:dyDescent="0.3">
      <c r="A43505" s="13" t="s">
        <v>255</v>
      </c>
      <c r="B43505" s="14" t="s">
        <v>1</v>
      </c>
      <c r="C43505" s="14" t="s">
        <v>96</v>
      </c>
      <c r="D43505" s="14" t="s">
        <v>256</v>
      </c>
      <c r="E43505" s="15">
        <v>45446</v>
      </c>
      <c r="F43505" s="14" t="s">
        <v>15</v>
      </c>
      <c r="G43505" s="16">
        <v>0</v>
      </c>
    </row>
    <row r="43506" spans="1:7" x14ac:dyDescent="0.3">
      <c r="A43506" s="13" t="s">
        <v>255</v>
      </c>
      <c r="B43506" s="14" t="s">
        <v>1</v>
      </c>
      <c r="C43506" s="14" t="s">
        <v>96</v>
      </c>
      <c r="D43506" s="14" t="s">
        <v>256</v>
      </c>
      <c r="E43506" s="15">
        <v>45447</v>
      </c>
      <c r="F43506" s="14" t="s">
        <v>15</v>
      </c>
      <c r="G43506" s="16">
        <v>0</v>
      </c>
    </row>
    <row r="43507" spans="1:7" x14ac:dyDescent="0.3">
      <c r="A43507" s="13" t="s">
        <v>255</v>
      </c>
      <c r="B43507" s="14" t="s">
        <v>1</v>
      </c>
      <c r="C43507" s="14" t="s">
        <v>96</v>
      </c>
      <c r="D43507" s="14" t="s">
        <v>256</v>
      </c>
      <c r="E43507" s="15">
        <v>45448</v>
      </c>
      <c r="F43507" s="14" t="s">
        <v>15</v>
      </c>
      <c r="G43507" s="16">
        <v>0</v>
      </c>
    </row>
    <row r="43508" spans="1:7" x14ac:dyDescent="0.3">
      <c r="A43508" s="13" t="s">
        <v>255</v>
      </c>
      <c r="B43508" s="14" t="s">
        <v>1</v>
      </c>
      <c r="C43508" s="14" t="s">
        <v>96</v>
      </c>
      <c r="D43508" s="14" t="s">
        <v>256</v>
      </c>
      <c r="E43508" s="15">
        <v>45449</v>
      </c>
      <c r="F43508" s="14" t="s">
        <v>15</v>
      </c>
      <c r="G43508" s="16">
        <v>0</v>
      </c>
    </row>
    <row r="43509" spans="1:7" x14ac:dyDescent="0.3">
      <c r="A43509" s="13" t="s">
        <v>255</v>
      </c>
      <c r="B43509" s="14" t="s">
        <v>1</v>
      </c>
      <c r="C43509" s="14" t="s">
        <v>96</v>
      </c>
      <c r="D43509" s="14" t="s">
        <v>256</v>
      </c>
      <c r="E43509" s="15">
        <v>45450</v>
      </c>
      <c r="F43509" s="14" t="s">
        <v>15</v>
      </c>
      <c r="G43509" s="16">
        <v>0</v>
      </c>
    </row>
    <row r="43510" spans="1:7" x14ac:dyDescent="0.3">
      <c r="A43510" s="13" t="s">
        <v>255</v>
      </c>
      <c r="B43510" s="14" t="s">
        <v>1</v>
      </c>
      <c r="C43510" s="14" t="s">
        <v>96</v>
      </c>
      <c r="D43510" s="14" t="s">
        <v>256</v>
      </c>
      <c r="E43510" s="15">
        <v>45451</v>
      </c>
      <c r="F43510" s="14" t="s">
        <v>15</v>
      </c>
      <c r="G43510" s="16">
        <v>0</v>
      </c>
    </row>
    <row r="43511" spans="1:7" x14ac:dyDescent="0.3">
      <c r="A43511" s="13" t="s">
        <v>255</v>
      </c>
      <c r="B43511" s="14" t="s">
        <v>1</v>
      </c>
      <c r="C43511" s="14" t="s">
        <v>96</v>
      </c>
      <c r="D43511" s="14" t="s">
        <v>256</v>
      </c>
      <c r="E43511" s="15">
        <v>45452</v>
      </c>
      <c r="F43511" s="14" t="s">
        <v>15</v>
      </c>
      <c r="G43511" s="16">
        <v>0</v>
      </c>
    </row>
    <row r="43512" spans="1:7" x14ac:dyDescent="0.3">
      <c r="A43512" s="13" t="s">
        <v>255</v>
      </c>
      <c r="B43512" s="14" t="s">
        <v>1</v>
      </c>
      <c r="C43512" s="14" t="s">
        <v>96</v>
      </c>
      <c r="D43512" s="14" t="s">
        <v>256</v>
      </c>
      <c r="E43512" s="15">
        <v>45453</v>
      </c>
      <c r="F43512" s="14" t="s">
        <v>15</v>
      </c>
      <c r="G43512" s="16">
        <v>0</v>
      </c>
    </row>
    <row r="43513" spans="1:7" x14ac:dyDescent="0.3">
      <c r="A43513" s="13" t="s">
        <v>255</v>
      </c>
      <c r="B43513" s="14" t="s">
        <v>1</v>
      </c>
      <c r="C43513" s="14" t="s">
        <v>96</v>
      </c>
      <c r="D43513" s="14" t="s">
        <v>256</v>
      </c>
      <c r="E43513" s="15">
        <v>45454</v>
      </c>
      <c r="F43513" s="14" t="s">
        <v>15</v>
      </c>
      <c r="G43513" s="16">
        <v>0</v>
      </c>
    </row>
    <row r="43514" spans="1:7" x14ac:dyDescent="0.3">
      <c r="A43514" s="13" t="s">
        <v>255</v>
      </c>
      <c r="B43514" s="14" t="s">
        <v>1</v>
      </c>
      <c r="C43514" s="14" t="s">
        <v>96</v>
      </c>
      <c r="D43514" s="14" t="s">
        <v>256</v>
      </c>
      <c r="E43514" s="15">
        <v>45455</v>
      </c>
      <c r="F43514" s="14" t="s">
        <v>15</v>
      </c>
      <c r="G43514" s="16">
        <v>0</v>
      </c>
    </row>
    <row r="43515" spans="1:7" x14ac:dyDescent="0.3">
      <c r="A43515" s="13" t="s">
        <v>255</v>
      </c>
      <c r="B43515" s="14" t="s">
        <v>1</v>
      </c>
      <c r="C43515" s="14" t="s">
        <v>96</v>
      </c>
      <c r="D43515" s="14" t="s">
        <v>256</v>
      </c>
      <c r="E43515" s="15">
        <v>45456</v>
      </c>
      <c r="F43515" s="14" t="s">
        <v>15</v>
      </c>
      <c r="G43515" s="16">
        <v>0</v>
      </c>
    </row>
    <row r="43516" spans="1:7" x14ac:dyDescent="0.3">
      <c r="A43516" s="13" t="s">
        <v>255</v>
      </c>
      <c r="B43516" s="14" t="s">
        <v>1</v>
      </c>
      <c r="C43516" s="14" t="s">
        <v>96</v>
      </c>
      <c r="D43516" s="14" t="s">
        <v>256</v>
      </c>
      <c r="E43516" s="15">
        <v>45457</v>
      </c>
      <c r="F43516" s="14" t="s">
        <v>15</v>
      </c>
      <c r="G43516" s="16">
        <v>0</v>
      </c>
    </row>
    <row r="43517" spans="1:7" x14ac:dyDescent="0.3">
      <c r="A43517" s="13" t="s">
        <v>255</v>
      </c>
      <c r="B43517" s="14" t="s">
        <v>1</v>
      </c>
      <c r="C43517" s="14" t="s">
        <v>96</v>
      </c>
      <c r="D43517" s="14" t="s">
        <v>256</v>
      </c>
      <c r="E43517" s="15">
        <v>45458</v>
      </c>
      <c r="F43517" s="14" t="s">
        <v>15</v>
      </c>
      <c r="G43517" s="16">
        <v>0</v>
      </c>
    </row>
    <row r="43518" spans="1:7" x14ac:dyDescent="0.3">
      <c r="A43518" s="13" t="s">
        <v>255</v>
      </c>
      <c r="B43518" s="14" t="s">
        <v>1</v>
      </c>
      <c r="C43518" s="14" t="s">
        <v>96</v>
      </c>
      <c r="D43518" s="14" t="s">
        <v>256</v>
      </c>
      <c r="E43518" s="15">
        <v>45459</v>
      </c>
      <c r="F43518" s="14" t="s">
        <v>15</v>
      </c>
      <c r="G43518" s="16">
        <v>0</v>
      </c>
    </row>
    <row r="43519" spans="1:7" x14ac:dyDescent="0.3">
      <c r="A43519" s="13" t="s">
        <v>255</v>
      </c>
      <c r="B43519" s="14" t="s">
        <v>1</v>
      </c>
      <c r="C43519" s="14" t="s">
        <v>96</v>
      </c>
      <c r="D43519" s="14" t="s">
        <v>256</v>
      </c>
      <c r="E43519" s="15">
        <v>45460</v>
      </c>
      <c r="F43519" s="14" t="s">
        <v>15</v>
      </c>
      <c r="G43519" s="16">
        <v>0</v>
      </c>
    </row>
    <row r="43520" spans="1:7" x14ac:dyDescent="0.3">
      <c r="A43520" s="13" t="s">
        <v>255</v>
      </c>
      <c r="B43520" s="14" t="s">
        <v>1</v>
      </c>
      <c r="C43520" s="14" t="s">
        <v>96</v>
      </c>
      <c r="D43520" s="14" t="s">
        <v>256</v>
      </c>
      <c r="E43520" s="15">
        <v>45461</v>
      </c>
      <c r="F43520" s="14" t="s">
        <v>15</v>
      </c>
      <c r="G43520" s="16">
        <v>0</v>
      </c>
    </row>
    <row r="43521" spans="1:7" x14ac:dyDescent="0.3">
      <c r="A43521" s="13" t="s">
        <v>255</v>
      </c>
      <c r="B43521" s="14" t="s">
        <v>1</v>
      </c>
      <c r="C43521" s="14" t="s">
        <v>96</v>
      </c>
      <c r="D43521" s="14" t="s">
        <v>256</v>
      </c>
      <c r="E43521" s="15">
        <v>45462</v>
      </c>
      <c r="F43521" s="14" t="s">
        <v>15</v>
      </c>
      <c r="G43521" s="16">
        <v>0</v>
      </c>
    </row>
    <row r="43522" spans="1:7" x14ac:dyDescent="0.3">
      <c r="A43522" s="13" t="s">
        <v>255</v>
      </c>
      <c r="B43522" s="14" t="s">
        <v>1</v>
      </c>
      <c r="C43522" s="14" t="s">
        <v>96</v>
      </c>
      <c r="D43522" s="14" t="s">
        <v>256</v>
      </c>
      <c r="E43522" s="15">
        <v>45463</v>
      </c>
      <c r="F43522" s="14" t="s">
        <v>15</v>
      </c>
      <c r="G43522" s="16">
        <v>0</v>
      </c>
    </row>
    <row r="43523" spans="1:7" x14ac:dyDescent="0.3">
      <c r="A43523" s="13" t="s">
        <v>255</v>
      </c>
      <c r="B43523" s="14" t="s">
        <v>1</v>
      </c>
      <c r="C43523" s="14" t="s">
        <v>96</v>
      </c>
      <c r="D43523" s="14" t="s">
        <v>256</v>
      </c>
      <c r="E43523" s="15">
        <v>45464</v>
      </c>
      <c r="F43523" s="14" t="s">
        <v>15</v>
      </c>
      <c r="G43523" s="16">
        <v>0</v>
      </c>
    </row>
    <row r="43524" spans="1:7" x14ac:dyDescent="0.3">
      <c r="A43524" s="13" t="s">
        <v>255</v>
      </c>
      <c r="B43524" s="14" t="s">
        <v>1</v>
      </c>
      <c r="C43524" s="14" t="s">
        <v>96</v>
      </c>
      <c r="D43524" s="14" t="s">
        <v>256</v>
      </c>
      <c r="E43524" s="15">
        <v>45465</v>
      </c>
      <c r="F43524" s="14" t="s">
        <v>15</v>
      </c>
      <c r="G43524" s="16">
        <v>0</v>
      </c>
    </row>
    <row r="43525" spans="1:7" x14ac:dyDescent="0.3">
      <c r="A43525" s="13" t="s">
        <v>255</v>
      </c>
      <c r="B43525" s="14" t="s">
        <v>1</v>
      </c>
      <c r="C43525" s="14" t="s">
        <v>96</v>
      </c>
      <c r="D43525" s="14" t="s">
        <v>256</v>
      </c>
      <c r="E43525" s="15">
        <v>45466</v>
      </c>
      <c r="F43525" s="14" t="s">
        <v>15</v>
      </c>
      <c r="G43525" s="16">
        <v>0</v>
      </c>
    </row>
    <row r="43526" spans="1:7" x14ac:dyDescent="0.3">
      <c r="A43526" s="13" t="s">
        <v>255</v>
      </c>
      <c r="B43526" s="14" t="s">
        <v>1</v>
      </c>
      <c r="C43526" s="14" t="s">
        <v>96</v>
      </c>
      <c r="D43526" s="14" t="s">
        <v>256</v>
      </c>
      <c r="E43526" s="15">
        <v>45467</v>
      </c>
      <c r="F43526" s="14" t="s">
        <v>15</v>
      </c>
      <c r="G43526" s="16">
        <v>0</v>
      </c>
    </row>
    <row r="43527" spans="1:7" x14ac:dyDescent="0.3">
      <c r="A43527" s="13" t="s">
        <v>255</v>
      </c>
      <c r="B43527" s="14" t="s">
        <v>1</v>
      </c>
      <c r="C43527" s="14" t="s">
        <v>96</v>
      </c>
      <c r="D43527" s="14" t="s">
        <v>256</v>
      </c>
      <c r="E43527" s="15">
        <v>45468</v>
      </c>
      <c r="F43527" s="14" t="s">
        <v>15</v>
      </c>
      <c r="G43527" s="16">
        <v>0</v>
      </c>
    </row>
    <row r="43528" spans="1:7" x14ac:dyDescent="0.3">
      <c r="A43528" s="13" t="s">
        <v>255</v>
      </c>
      <c r="B43528" s="14" t="s">
        <v>1</v>
      </c>
      <c r="C43528" s="14" t="s">
        <v>96</v>
      </c>
      <c r="D43528" s="14" t="s">
        <v>256</v>
      </c>
      <c r="E43528" s="15">
        <v>45469</v>
      </c>
      <c r="F43528" s="14" t="s">
        <v>15</v>
      </c>
      <c r="G43528" s="16">
        <v>0</v>
      </c>
    </row>
    <row r="43529" spans="1:7" x14ac:dyDescent="0.3">
      <c r="A43529" s="13" t="s">
        <v>255</v>
      </c>
      <c r="B43529" s="14" t="s">
        <v>1</v>
      </c>
      <c r="C43529" s="14" t="s">
        <v>96</v>
      </c>
      <c r="D43529" s="14" t="s">
        <v>256</v>
      </c>
      <c r="E43529" s="15">
        <v>45470</v>
      </c>
      <c r="F43529" s="14" t="s">
        <v>15</v>
      </c>
      <c r="G43529" s="16">
        <v>0</v>
      </c>
    </row>
    <row r="43530" spans="1:7" x14ac:dyDescent="0.3">
      <c r="A43530" s="13" t="s">
        <v>255</v>
      </c>
      <c r="B43530" s="14" t="s">
        <v>1</v>
      </c>
      <c r="C43530" s="14" t="s">
        <v>96</v>
      </c>
      <c r="D43530" s="14" t="s">
        <v>256</v>
      </c>
      <c r="E43530" s="15">
        <v>45471</v>
      </c>
      <c r="F43530" s="14" t="s">
        <v>15</v>
      </c>
      <c r="G43530" s="16">
        <v>0</v>
      </c>
    </row>
    <row r="43531" spans="1:7" x14ac:dyDescent="0.3">
      <c r="A43531" s="13" t="s">
        <v>255</v>
      </c>
      <c r="B43531" s="14" t="s">
        <v>1</v>
      </c>
      <c r="C43531" s="14" t="s">
        <v>96</v>
      </c>
      <c r="D43531" s="14" t="s">
        <v>256</v>
      </c>
      <c r="E43531" s="15">
        <v>45472</v>
      </c>
      <c r="F43531" s="14" t="s">
        <v>15</v>
      </c>
      <c r="G43531" s="16">
        <v>0</v>
      </c>
    </row>
    <row r="43532" spans="1:7" x14ac:dyDescent="0.3">
      <c r="A43532" s="13" t="s">
        <v>255</v>
      </c>
      <c r="B43532" s="14" t="s">
        <v>1</v>
      </c>
      <c r="C43532" s="14" t="s">
        <v>96</v>
      </c>
      <c r="D43532" s="14" t="s">
        <v>256</v>
      </c>
      <c r="E43532" s="15">
        <v>45473</v>
      </c>
      <c r="F43532" s="14" t="s">
        <v>15</v>
      </c>
      <c r="G43532" s="16">
        <v>0</v>
      </c>
    </row>
    <row r="43533" spans="1:7" x14ac:dyDescent="0.3">
      <c r="A43533" s="13" t="s">
        <v>255</v>
      </c>
      <c r="B43533" s="14" t="s">
        <v>1</v>
      </c>
      <c r="C43533" s="14" t="s">
        <v>96</v>
      </c>
      <c r="D43533" s="14" t="s">
        <v>256</v>
      </c>
      <c r="E43533" s="15">
        <v>45474</v>
      </c>
      <c r="F43533" s="14" t="s">
        <v>15</v>
      </c>
      <c r="G43533" s="16">
        <v>0</v>
      </c>
    </row>
    <row r="43534" spans="1:7" x14ac:dyDescent="0.3">
      <c r="A43534" s="13" t="s">
        <v>255</v>
      </c>
      <c r="B43534" s="14" t="s">
        <v>1</v>
      </c>
      <c r="C43534" s="14" t="s">
        <v>96</v>
      </c>
      <c r="D43534" s="14" t="s">
        <v>256</v>
      </c>
      <c r="E43534" s="15">
        <v>45475</v>
      </c>
      <c r="F43534" s="14" t="s">
        <v>15</v>
      </c>
      <c r="G43534" s="16">
        <v>0</v>
      </c>
    </row>
    <row r="43535" spans="1:7" x14ac:dyDescent="0.3">
      <c r="A43535" s="13" t="s">
        <v>255</v>
      </c>
      <c r="B43535" s="14" t="s">
        <v>1</v>
      </c>
      <c r="C43535" s="14" t="s">
        <v>96</v>
      </c>
      <c r="D43535" s="14" t="s">
        <v>256</v>
      </c>
      <c r="E43535" s="15">
        <v>45476</v>
      </c>
      <c r="F43535" s="14" t="s">
        <v>15</v>
      </c>
      <c r="G43535" s="16">
        <v>0</v>
      </c>
    </row>
    <row r="43536" spans="1:7" x14ac:dyDescent="0.3">
      <c r="A43536" s="13" t="s">
        <v>255</v>
      </c>
      <c r="B43536" s="14" t="s">
        <v>1</v>
      </c>
      <c r="C43536" s="14" t="s">
        <v>96</v>
      </c>
      <c r="D43536" s="14" t="s">
        <v>256</v>
      </c>
      <c r="E43536" s="15">
        <v>45477</v>
      </c>
      <c r="F43536" s="14" t="s">
        <v>15</v>
      </c>
      <c r="G43536" s="16">
        <v>0</v>
      </c>
    </row>
    <row r="43537" spans="1:7" x14ac:dyDescent="0.3">
      <c r="A43537" s="13" t="s">
        <v>255</v>
      </c>
      <c r="B43537" s="14" t="s">
        <v>1</v>
      </c>
      <c r="C43537" s="14" t="s">
        <v>96</v>
      </c>
      <c r="D43537" s="14" t="s">
        <v>256</v>
      </c>
      <c r="E43537" s="15">
        <v>45478</v>
      </c>
      <c r="F43537" s="14" t="s">
        <v>15</v>
      </c>
      <c r="G43537" s="16">
        <v>0</v>
      </c>
    </row>
    <row r="43538" spans="1:7" x14ac:dyDescent="0.3">
      <c r="A43538" s="13" t="s">
        <v>255</v>
      </c>
      <c r="B43538" s="14" t="s">
        <v>1</v>
      </c>
      <c r="C43538" s="14" t="s">
        <v>96</v>
      </c>
      <c r="D43538" s="14" t="s">
        <v>256</v>
      </c>
      <c r="E43538" s="15">
        <v>45479</v>
      </c>
      <c r="F43538" s="14" t="s">
        <v>15</v>
      </c>
      <c r="G43538" s="16">
        <v>0</v>
      </c>
    </row>
    <row r="43539" spans="1:7" x14ac:dyDescent="0.3">
      <c r="A43539" s="13" t="s">
        <v>255</v>
      </c>
      <c r="B43539" s="14" t="s">
        <v>1</v>
      </c>
      <c r="C43539" s="14" t="s">
        <v>96</v>
      </c>
      <c r="D43539" s="14" t="s">
        <v>256</v>
      </c>
      <c r="E43539" s="15">
        <v>45480</v>
      </c>
      <c r="F43539" s="14" t="s">
        <v>15</v>
      </c>
      <c r="G43539" s="16">
        <v>0</v>
      </c>
    </row>
    <row r="43540" spans="1:7" x14ac:dyDescent="0.3">
      <c r="A43540" s="13" t="s">
        <v>255</v>
      </c>
      <c r="B43540" s="14" t="s">
        <v>1</v>
      </c>
      <c r="C43540" s="14" t="s">
        <v>96</v>
      </c>
      <c r="D43540" s="14" t="s">
        <v>256</v>
      </c>
      <c r="E43540" s="15">
        <v>45481</v>
      </c>
      <c r="F43540" s="14" t="s">
        <v>15</v>
      </c>
      <c r="G43540" s="16">
        <v>0</v>
      </c>
    </row>
    <row r="43541" spans="1:7" x14ac:dyDescent="0.3">
      <c r="A43541" s="13" t="s">
        <v>255</v>
      </c>
      <c r="B43541" s="14" t="s">
        <v>1</v>
      </c>
      <c r="C43541" s="14" t="s">
        <v>96</v>
      </c>
      <c r="D43541" s="14" t="s">
        <v>256</v>
      </c>
      <c r="E43541" s="15">
        <v>45482</v>
      </c>
      <c r="F43541" s="14" t="s">
        <v>15</v>
      </c>
      <c r="G43541" s="16">
        <v>0</v>
      </c>
    </row>
    <row r="43542" spans="1:7" x14ac:dyDescent="0.3">
      <c r="A43542" s="13" t="s">
        <v>255</v>
      </c>
      <c r="B43542" s="14" t="s">
        <v>1</v>
      </c>
      <c r="C43542" s="14" t="s">
        <v>96</v>
      </c>
      <c r="D43542" s="14" t="s">
        <v>256</v>
      </c>
      <c r="E43542" s="15">
        <v>45483</v>
      </c>
      <c r="F43542" s="14" t="s">
        <v>15</v>
      </c>
      <c r="G43542" s="16">
        <v>0</v>
      </c>
    </row>
    <row r="43543" spans="1:7" x14ac:dyDescent="0.3">
      <c r="A43543" s="13" t="s">
        <v>255</v>
      </c>
      <c r="B43543" s="14" t="s">
        <v>1</v>
      </c>
      <c r="C43543" s="14" t="s">
        <v>96</v>
      </c>
      <c r="D43543" s="14" t="s">
        <v>256</v>
      </c>
      <c r="E43543" s="15">
        <v>45484</v>
      </c>
      <c r="F43543" s="14" t="s">
        <v>15</v>
      </c>
      <c r="G43543" s="16">
        <v>0</v>
      </c>
    </row>
    <row r="43544" spans="1:7" x14ac:dyDescent="0.3">
      <c r="A43544" s="13" t="s">
        <v>255</v>
      </c>
      <c r="B43544" s="14" t="s">
        <v>1</v>
      </c>
      <c r="C43544" s="14" t="s">
        <v>96</v>
      </c>
      <c r="D43544" s="14" t="s">
        <v>256</v>
      </c>
      <c r="E43544" s="15">
        <v>45485</v>
      </c>
      <c r="F43544" s="14" t="s">
        <v>15</v>
      </c>
      <c r="G43544" s="16">
        <v>0</v>
      </c>
    </row>
    <row r="43545" spans="1:7" x14ac:dyDescent="0.3">
      <c r="A43545" s="13" t="s">
        <v>255</v>
      </c>
      <c r="B43545" s="14" t="s">
        <v>1</v>
      </c>
      <c r="C43545" s="14" t="s">
        <v>96</v>
      </c>
      <c r="D43545" s="14" t="s">
        <v>256</v>
      </c>
      <c r="E43545" s="15">
        <v>45486</v>
      </c>
      <c r="F43545" s="14" t="s">
        <v>15</v>
      </c>
      <c r="G43545" s="16">
        <v>0</v>
      </c>
    </row>
    <row r="43546" spans="1:7" x14ac:dyDescent="0.3">
      <c r="A43546" s="13" t="s">
        <v>255</v>
      </c>
      <c r="B43546" s="14" t="s">
        <v>1</v>
      </c>
      <c r="C43546" s="14" t="s">
        <v>96</v>
      </c>
      <c r="D43546" s="14" t="s">
        <v>256</v>
      </c>
      <c r="E43546" s="15">
        <v>45487</v>
      </c>
      <c r="F43546" s="14" t="s">
        <v>15</v>
      </c>
      <c r="G43546" s="16">
        <v>0</v>
      </c>
    </row>
    <row r="43547" spans="1:7" x14ac:dyDescent="0.3">
      <c r="A43547" s="13" t="s">
        <v>255</v>
      </c>
      <c r="B43547" s="14" t="s">
        <v>1</v>
      </c>
      <c r="C43547" s="14" t="s">
        <v>96</v>
      </c>
      <c r="D43547" s="14" t="s">
        <v>256</v>
      </c>
      <c r="E43547" s="15">
        <v>45488</v>
      </c>
      <c r="F43547" s="14" t="s">
        <v>15</v>
      </c>
      <c r="G43547" s="16">
        <v>0</v>
      </c>
    </row>
    <row r="43548" spans="1:7" x14ac:dyDescent="0.3">
      <c r="A43548" s="13" t="s">
        <v>255</v>
      </c>
      <c r="B43548" s="14" t="s">
        <v>1</v>
      </c>
      <c r="C43548" s="14" t="s">
        <v>96</v>
      </c>
      <c r="D43548" s="14" t="s">
        <v>256</v>
      </c>
      <c r="E43548" s="15">
        <v>45489</v>
      </c>
      <c r="F43548" s="14" t="s">
        <v>15</v>
      </c>
      <c r="G43548" s="16">
        <v>0</v>
      </c>
    </row>
    <row r="43549" spans="1:7" x14ac:dyDescent="0.3">
      <c r="A43549" s="13" t="s">
        <v>255</v>
      </c>
      <c r="B43549" s="14" t="s">
        <v>1</v>
      </c>
      <c r="C43549" s="14" t="s">
        <v>96</v>
      </c>
      <c r="D43549" s="14" t="s">
        <v>256</v>
      </c>
      <c r="E43549" s="15">
        <v>45490</v>
      </c>
      <c r="F43549" s="14" t="s">
        <v>15</v>
      </c>
      <c r="G43549" s="16">
        <v>0</v>
      </c>
    </row>
    <row r="43550" spans="1:7" x14ac:dyDescent="0.3">
      <c r="A43550" s="13" t="s">
        <v>255</v>
      </c>
      <c r="B43550" s="14" t="s">
        <v>1</v>
      </c>
      <c r="C43550" s="14" t="s">
        <v>96</v>
      </c>
      <c r="D43550" s="14" t="s">
        <v>256</v>
      </c>
      <c r="E43550" s="15">
        <v>45491</v>
      </c>
      <c r="F43550" s="14" t="s">
        <v>15</v>
      </c>
      <c r="G43550" s="16">
        <v>0</v>
      </c>
    </row>
    <row r="43551" spans="1:7" x14ac:dyDescent="0.3">
      <c r="A43551" s="13" t="s">
        <v>255</v>
      </c>
      <c r="B43551" s="14" t="s">
        <v>1</v>
      </c>
      <c r="C43551" s="14" t="s">
        <v>96</v>
      </c>
      <c r="D43551" s="14" t="s">
        <v>256</v>
      </c>
      <c r="E43551" s="15">
        <v>45492</v>
      </c>
      <c r="F43551" s="14" t="s">
        <v>15</v>
      </c>
      <c r="G43551" s="16">
        <v>0</v>
      </c>
    </row>
    <row r="43552" spans="1:7" x14ac:dyDescent="0.3">
      <c r="A43552" s="13" t="s">
        <v>255</v>
      </c>
      <c r="B43552" s="14" t="s">
        <v>1</v>
      </c>
      <c r="C43552" s="14" t="s">
        <v>96</v>
      </c>
      <c r="D43552" s="14" t="s">
        <v>256</v>
      </c>
      <c r="E43552" s="15">
        <v>45493</v>
      </c>
      <c r="F43552" s="14" t="s">
        <v>15</v>
      </c>
      <c r="G43552" s="16">
        <v>0</v>
      </c>
    </row>
    <row r="43553" spans="1:7" x14ac:dyDescent="0.3">
      <c r="A43553" s="13" t="s">
        <v>255</v>
      </c>
      <c r="B43553" s="14" t="s">
        <v>1</v>
      </c>
      <c r="C43553" s="14" t="s">
        <v>96</v>
      </c>
      <c r="D43553" s="14" t="s">
        <v>256</v>
      </c>
      <c r="E43553" s="15">
        <v>45494</v>
      </c>
      <c r="F43553" s="14" t="s">
        <v>15</v>
      </c>
      <c r="G43553" s="16">
        <v>0</v>
      </c>
    </row>
    <row r="43554" spans="1:7" x14ac:dyDescent="0.3">
      <c r="A43554" s="13" t="s">
        <v>255</v>
      </c>
      <c r="B43554" s="14" t="s">
        <v>1</v>
      </c>
      <c r="C43554" s="14" t="s">
        <v>96</v>
      </c>
      <c r="D43554" s="14" t="s">
        <v>256</v>
      </c>
      <c r="E43554" s="15">
        <v>45495</v>
      </c>
      <c r="F43554" s="14" t="s">
        <v>15</v>
      </c>
      <c r="G43554" s="16">
        <v>0</v>
      </c>
    </row>
    <row r="43555" spans="1:7" x14ac:dyDescent="0.3">
      <c r="A43555" s="13" t="s">
        <v>255</v>
      </c>
      <c r="B43555" s="14" t="s">
        <v>1</v>
      </c>
      <c r="C43555" s="14" t="s">
        <v>96</v>
      </c>
      <c r="D43555" s="14" t="s">
        <v>256</v>
      </c>
      <c r="E43555" s="15">
        <v>45496</v>
      </c>
      <c r="F43555" s="14" t="s">
        <v>15</v>
      </c>
      <c r="G43555" s="16">
        <v>0</v>
      </c>
    </row>
    <row r="43556" spans="1:7" x14ac:dyDescent="0.3">
      <c r="A43556" s="13" t="s">
        <v>255</v>
      </c>
      <c r="B43556" s="14" t="s">
        <v>1</v>
      </c>
      <c r="C43556" s="14" t="s">
        <v>96</v>
      </c>
      <c r="D43556" s="14" t="s">
        <v>256</v>
      </c>
      <c r="E43556" s="15">
        <v>45497</v>
      </c>
      <c r="F43556" s="14" t="s">
        <v>15</v>
      </c>
      <c r="G43556" s="16">
        <v>0</v>
      </c>
    </row>
    <row r="43557" spans="1:7" x14ac:dyDescent="0.3">
      <c r="A43557" s="13" t="s">
        <v>255</v>
      </c>
      <c r="B43557" s="14" t="s">
        <v>1</v>
      </c>
      <c r="C43557" s="14" t="s">
        <v>96</v>
      </c>
      <c r="D43557" s="14" t="s">
        <v>256</v>
      </c>
      <c r="E43557" s="15">
        <v>45498</v>
      </c>
      <c r="F43557" s="14" t="s">
        <v>15</v>
      </c>
      <c r="G43557" s="16">
        <v>0</v>
      </c>
    </row>
    <row r="43558" spans="1:7" x14ac:dyDescent="0.3">
      <c r="A43558" s="13" t="s">
        <v>255</v>
      </c>
      <c r="B43558" s="14" t="s">
        <v>1</v>
      </c>
      <c r="C43558" s="14" t="s">
        <v>96</v>
      </c>
      <c r="D43558" s="14" t="s">
        <v>256</v>
      </c>
      <c r="E43558" s="15">
        <v>45499</v>
      </c>
      <c r="F43558" s="14" t="s">
        <v>15</v>
      </c>
      <c r="G43558" s="16">
        <v>0</v>
      </c>
    </row>
    <row r="43559" spans="1:7" x14ac:dyDescent="0.3">
      <c r="A43559" s="13" t="s">
        <v>255</v>
      </c>
      <c r="B43559" s="14" t="s">
        <v>1</v>
      </c>
      <c r="C43559" s="14" t="s">
        <v>96</v>
      </c>
      <c r="D43559" s="14" t="s">
        <v>256</v>
      </c>
      <c r="E43559" s="15">
        <v>45500</v>
      </c>
      <c r="F43559" s="14" t="s">
        <v>15</v>
      </c>
      <c r="G43559" s="16">
        <v>0</v>
      </c>
    </row>
    <row r="43560" spans="1:7" x14ac:dyDescent="0.3">
      <c r="A43560" s="13" t="s">
        <v>255</v>
      </c>
      <c r="B43560" s="14" t="s">
        <v>1</v>
      </c>
      <c r="C43560" s="14" t="s">
        <v>96</v>
      </c>
      <c r="D43560" s="14" t="s">
        <v>256</v>
      </c>
      <c r="E43560" s="15">
        <v>45501</v>
      </c>
      <c r="F43560" s="14" t="s">
        <v>15</v>
      </c>
      <c r="G43560" s="16">
        <v>0</v>
      </c>
    </row>
    <row r="43561" spans="1:7" x14ac:dyDescent="0.3">
      <c r="A43561" s="13" t="s">
        <v>255</v>
      </c>
      <c r="B43561" s="14" t="s">
        <v>1</v>
      </c>
      <c r="C43561" s="14" t="s">
        <v>96</v>
      </c>
      <c r="D43561" s="14" t="s">
        <v>256</v>
      </c>
      <c r="E43561" s="15">
        <v>45502</v>
      </c>
      <c r="F43561" s="14" t="s">
        <v>15</v>
      </c>
      <c r="G43561" s="16">
        <v>0</v>
      </c>
    </row>
    <row r="43562" spans="1:7" x14ac:dyDescent="0.3">
      <c r="A43562" s="13" t="s">
        <v>255</v>
      </c>
      <c r="B43562" s="14" t="s">
        <v>1</v>
      </c>
      <c r="C43562" s="14" t="s">
        <v>96</v>
      </c>
      <c r="D43562" s="14" t="s">
        <v>256</v>
      </c>
      <c r="E43562" s="15">
        <v>45503</v>
      </c>
      <c r="F43562" s="14" t="s">
        <v>15</v>
      </c>
      <c r="G43562" s="16">
        <v>0</v>
      </c>
    </row>
    <row r="43563" spans="1:7" x14ac:dyDescent="0.3">
      <c r="A43563" s="13" t="s">
        <v>255</v>
      </c>
      <c r="B43563" s="14" t="s">
        <v>1</v>
      </c>
      <c r="C43563" s="14" t="s">
        <v>96</v>
      </c>
      <c r="D43563" s="14" t="s">
        <v>256</v>
      </c>
      <c r="E43563" s="15">
        <v>45504</v>
      </c>
      <c r="F43563" s="14" t="s">
        <v>15</v>
      </c>
      <c r="G43563" s="16">
        <v>0</v>
      </c>
    </row>
    <row r="43564" spans="1:7" x14ac:dyDescent="0.3">
      <c r="A43564" s="13" t="s">
        <v>255</v>
      </c>
      <c r="B43564" s="14" t="s">
        <v>1</v>
      </c>
      <c r="C43564" s="14" t="s">
        <v>96</v>
      </c>
      <c r="D43564" s="14" t="s">
        <v>256</v>
      </c>
      <c r="E43564" s="15">
        <v>45505</v>
      </c>
      <c r="F43564" s="14" t="s">
        <v>15</v>
      </c>
      <c r="G43564" s="16">
        <v>0</v>
      </c>
    </row>
    <row r="43565" spans="1:7" x14ac:dyDescent="0.3">
      <c r="A43565" s="13" t="s">
        <v>255</v>
      </c>
      <c r="B43565" s="14" t="s">
        <v>1</v>
      </c>
      <c r="C43565" s="14" t="s">
        <v>96</v>
      </c>
      <c r="D43565" s="14" t="s">
        <v>256</v>
      </c>
      <c r="E43565" s="15">
        <v>45506</v>
      </c>
      <c r="F43565" s="14" t="s">
        <v>15</v>
      </c>
      <c r="G43565" s="16">
        <v>0</v>
      </c>
    </row>
    <row r="43566" spans="1:7" x14ac:dyDescent="0.3">
      <c r="A43566" s="13" t="s">
        <v>255</v>
      </c>
      <c r="B43566" s="14" t="s">
        <v>1</v>
      </c>
      <c r="C43566" s="14" t="s">
        <v>96</v>
      </c>
      <c r="D43566" s="14" t="s">
        <v>256</v>
      </c>
      <c r="E43566" s="15">
        <v>45507</v>
      </c>
      <c r="F43566" s="14" t="s">
        <v>15</v>
      </c>
      <c r="G43566" s="16">
        <v>0</v>
      </c>
    </row>
    <row r="43567" spans="1:7" x14ac:dyDescent="0.3">
      <c r="A43567" s="13" t="s">
        <v>255</v>
      </c>
      <c r="B43567" s="14" t="s">
        <v>1</v>
      </c>
      <c r="C43567" s="14" t="s">
        <v>96</v>
      </c>
      <c r="D43567" s="14" t="s">
        <v>256</v>
      </c>
      <c r="E43567" s="15">
        <v>45508</v>
      </c>
      <c r="F43567" s="14" t="s">
        <v>15</v>
      </c>
      <c r="G43567" s="16">
        <v>0</v>
      </c>
    </row>
    <row r="43568" spans="1:7" x14ac:dyDescent="0.3">
      <c r="A43568" s="13" t="s">
        <v>255</v>
      </c>
      <c r="B43568" s="14" t="s">
        <v>1</v>
      </c>
      <c r="C43568" s="14" t="s">
        <v>96</v>
      </c>
      <c r="D43568" s="14" t="s">
        <v>256</v>
      </c>
      <c r="E43568" s="15">
        <v>45509</v>
      </c>
      <c r="F43568" s="14" t="s">
        <v>15</v>
      </c>
      <c r="G43568" s="16">
        <v>0</v>
      </c>
    </row>
    <row r="43569" spans="1:7" x14ac:dyDescent="0.3">
      <c r="A43569" s="13" t="s">
        <v>255</v>
      </c>
      <c r="B43569" s="14" t="s">
        <v>1</v>
      </c>
      <c r="C43569" s="14" t="s">
        <v>96</v>
      </c>
      <c r="D43569" s="14" t="s">
        <v>256</v>
      </c>
      <c r="E43569" s="15">
        <v>45510</v>
      </c>
      <c r="F43569" s="14" t="s">
        <v>15</v>
      </c>
      <c r="G43569" s="16">
        <v>0</v>
      </c>
    </row>
    <row r="43570" spans="1:7" x14ac:dyDescent="0.3">
      <c r="A43570" s="13" t="s">
        <v>255</v>
      </c>
      <c r="B43570" s="14" t="s">
        <v>1</v>
      </c>
      <c r="C43570" s="14" t="s">
        <v>96</v>
      </c>
      <c r="D43570" s="14" t="s">
        <v>256</v>
      </c>
      <c r="E43570" s="15">
        <v>45511</v>
      </c>
      <c r="F43570" s="14" t="s">
        <v>15</v>
      </c>
      <c r="G43570" s="16">
        <v>0</v>
      </c>
    </row>
    <row r="43571" spans="1:7" x14ac:dyDescent="0.3">
      <c r="A43571" s="13" t="s">
        <v>255</v>
      </c>
      <c r="B43571" s="14" t="s">
        <v>1</v>
      </c>
      <c r="C43571" s="14" t="s">
        <v>96</v>
      </c>
      <c r="D43571" s="14" t="s">
        <v>256</v>
      </c>
      <c r="E43571" s="15">
        <v>45512</v>
      </c>
      <c r="F43571" s="14" t="s">
        <v>15</v>
      </c>
      <c r="G43571" s="16">
        <v>0</v>
      </c>
    </row>
    <row r="43572" spans="1:7" x14ac:dyDescent="0.3">
      <c r="A43572" s="13" t="s">
        <v>255</v>
      </c>
      <c r="B43572" s="14" t="s">
        <v>1</v>
      </c>
      <c r="C43572" s="14" t="s">
        <v>96</v>
      </c>
      <c r="D43572" s="14" t="s">
        <v>256</v>
      </c>
      <c r="E43572" s="15">
        <v>45513</v>
      </c>
      <c r="F43572" s="14" t="s">
        <v>15</v>
      </c>
      <c r="G43572" s="16">
        <v>0</v>
      </c>
    </row>
    <row r="43573" spans="1:7" x14ac:dyDescent="0.3">
      <c r="A43573" s="13" t="s">
        <v>255</v>
      </c>
      <c r="B43573" s="14" t="s">
        <v>1</v>
      </c>
      <c r="C43573" s="14" t="s">
        <v>96</v>
      </c>
      <c r="D43573" s="14" t="s">
        <v>256</v>
      </c>
      <c r="E43573" s="15">
        <v>45514</v>
      </c>
      <c r="F43573" s="14" t="s">
        <v>15</v>
      </c>
      <c r="G43573" s="16">
        <v>0</v>
      </c>
    </row>
    <row r="43574" spans="1:7" x14ac:dyDescent="0.3">
      <c r="A43574" s="13" t="s">
        <v>255</v>
      </c>
      <c r="B43574" s="14" t="s">
        <v>1</v>
      </c>
      <c r="C43574" s="14" t="s">
        <v>96</v>
      </c>
      <c r="D43574" s="14" t="s">
        <v>256</v>
      </c>
      <c r="E43574" s="15">
        <v>45515</v>
      </c>
      <c r="F43574" s="14" t="s">
        <v>15</v>
      </c>
      <c r="G43574" s="16">
        <v>0</v>
      </c>
    </row>
    <row r="43575" spans="1:7" x14ac:dyDescent="0.3">
      <c r="A43575" s="13" t="s">
        <v>255</v>
      </c>
      <c r="B43575" s="14" t="s">
        <v>1</v>
      </c>
      <c r="C43575" s="14" t="s">
        <v>96</v>
      </c>
      <c r="D43575" s="14" t="s">
        <v>256</v>
      </c>
      <c r="E43575" s="15">
        <v>45516</v>
      </c>
      <c r="F43575" s="14" t="s">
        <v>15</v>
      </c>
      <c r="G43575" s="16">
        <v>0</v>
      </c>
    </row>
    <row r="43576" spans="1:7" x14ac:dyDescent="0.3">
      <c r="A43576" s="13" t="s">
        <v>255</v>
      </c>
      <c r="B43576" s="14" t="s">
        <v>1</v>
      </c>
      <c r="C43576" s="14" t="s">
        <v>96</v>
      </c>
      <c r="D43576" s="14" t="s">
        <v>256</v>
      </c>
      <c r="E43576" s="15">
        <v>45517</v>
      </c>
      <c r="F43576" s="14" t="s">
        <v>15</v>
      </c>
      <c r="G43576" s="16">
        <v>0</v>
      </c>
    </row>
    <row r="43577" spans="1:7" x14ac:dyDescent="0.3">
      <c r="A43577" s="13" t="s">
        <v>255</v>
      </c>
      <c r="B43577" s="14" t="s">
        <v>1</v>
      </c>
      <c r="C43577" s="14" t="s">
        <v>96</v>
      </c>
      <c r="D43577" s="14" t="s">
        <v>256</v>
      </c>
      <c r="E43577" s="15">
        <v>45518</v>
      </c>
      <c r="F43577" s="14" t="s">
        <v>15</v>
      </c>
      <c r="G43577" s="16">
        <v>0</v>
      </c>
    </row>
    <row r="43578" spans="1:7" x14ac:dyDescent="0.3">
      <c r="A43578" s="13" t="s">
        <v>255</v>
      </c>
      <c r="B43578" s="14" t="s">
        <v>1</v>
      </c>
      <c r="C43578" s="14" t="s">
        <v>96</v>
      </c>
      <c r="D43578" s="14" t="s">
        <v>256</v>
      </c>
      <c r="E43578" s="15">
        <v>45519</v>
      </c>
      <c r="F43578" s="14" t="s">
        <v>15</v>
      </c>
      <c r="G43578" s="16">
        <v>0</v>
      </c>
    </row>
    <row r="43579" spans="1:7" x14ac:dyDescent="0.3">
      <c r="A43579" s="13" t="s">
        <v>255</v>
      </c>
      <c r="B43579" s="14" t="s">
        <v>1</v>
      </c>
      <c r="C43579" s="14" t="s">
        <v>96</v>
      </c>
      <c r="D43579" s="14" t="s">
        <v>256</v>
      </c>
      <c r="E43579" s="15">
        <v>45520</v>
      </c>
      <c r="F43579" s="14" t="s">
        <v>15</v>
      </c>
      <c r="G43579" s="16">
        <v>0</v>
      </c>
    </row>
    <row r="43580" spans="1:7" x14ac:dyDescent="0.3">
      <c r="A43580" s="13" t="s">
        <v>255</v>
      </c>
      <c r="B43580" s="14" t="s">
        <v>1</v>
      </c>
      <c r="C43580" s="14" t="s">
        <v>96</v>
      </c>
      <c r="D43580" s="14" t="s">
        <v>256</v>
      </c>
      <c r="E43580" s="15">
        <v>45521</v>
      </c>
      <c r="F43580" s="14" t="s">
        <v>15</v>
      </c>
      <c r="G43580" s="16">
        <v>0</v>
      </c>
    </row>
    <row r="43581" spans="1:7" x14ac:dyDescent="0.3">
      <c r="A43581" s="13" t="s">
        <v>255</v>
      </c>
      <c r="B43581" s="14" t="s">
        <v>1</v>
      </c>
      <c r="C43581" s="14" t="s">
        <v>96</v>
      </c>
      <c r="D43581" s="14" t="s">
        <v>256</v>
      </c>
      <c r="E43581" s="15">
        <v>45522</v>
      </c>
      <c r="F43581" s="14" t="s">
        <v>15</v>
      </c>
      <c r="G43581" s="16">
        <v>0</v>
      </c>
    </row>
    <row r="43582" spans="1:7" x14ac:dyDescent="0.3">
      <c r="A43582" s="13" t="s">
        <v>255</v>
      </c>
      <c r="B43582" s="14" t="s">
        <v>1</v>
      </c>
      <c r="C43582" s="14" t="s">
        <v>96</v>
      </c>
      <c r="D43582" s="14" t="s">
        <v>256</v>
      </c>
      <c r="E43582" s="15">
        <v>45523</v>
      </c>
      <c r="F43582" s="14" t="s">
        <v>15</v>
      </c>
      <c r="G43582" s="16">
        <v>0</v>
      </c>
    </row>
    <row r="43583" spans="1:7" x14ac:dyDescent="0.3">
      <c r="A43583" s="13" t="s">
        <v>255</v>
      </c>
      <c r="B43583" s="14" t="s">
        <v>1</v>
      </c>
      <c r="C43583" s="14" t="s">
        <v>96</v>
      </c>
      <c r="D43583" s="14" t="s">
        <v>256</v>
      </c>
      <c r="E43583" s="15">
        <v>45524</v>
      </c>
      <c r="F43583" s="14" t="s">
        <v>15</v>
      </c>
      <c r="G43583" s="16">
        <v>0</v>
      </c>
    </row>
    <row r="43584" spans="1:7" x14ac:dyDescent="0.3">
      <c r="A43584" s="13" t="s">
        <v>255</v>
      </c>
      <c r="B43584" s="14" t="s">
        <v>1</v>
      </c>
      <c r="C43584" s="14" t="s">
        <v>96</v>
      </c>
      <c r="D43584" s="14" t="s">
        <v>256</v>
      </c>
      <c r="E43584" s="15">
        <v>45525</v>
      </c>
      <c r="F43584" s="14" t="s">
        <v>15</v>
      </c>
      <c r="G43584" s="16">
        <v>0</v>
      </c>
    </row>
    <row r="43585" spans="1:7" x14ac:dyDescent="0.3">
      <c r="A43585" s="13" t="s">
        <v>255</v>
      </c>
      <c r="B43585" s="14" t="s">
        <v>1</v>
      </c>
      <c r="C43585" s="14" t="s">
        <v>96</v>
      </c>
      <c r="D43585" s="14" t="s">
        <v>256</v>
      </c>
      <c r="E43585" s="15">
        <v>45526</v>
      </c>
      <c r="F43585" s="14" t="s">
        <v>15</v>
      </c>
      <c r="G43585" s="16">
        <v>0</v>
      </c>
    </row>
    <row r="43586" spans="1:7" x14ac:dyDescent="0.3">
      <c r="A43586" s="13" t="s">
        <v>255</v>
      </c>
      <c r="B43586" s="14" t="s">
        <v>1</v>
      </c>
      <c r="C43586" s="14" t="s">
        <v>96</v>
      </c>
      <c r="D43586" s="14" t="s">
        <v>256</v>
      </c>
      <c r="E43586" s="15">
        <v>45527</v>
      </c>
      <c r="F43586" s="14" t="s">
        <v>15</v>
      </c>
      <c r="G43586" s="16">
        <v>0</v>
      </c>
    </row>
    <row r="43587" spans="1:7" x14ac:dyDescent="0.3">
      <c r="A43587" s="13" t="s">
        <v>255</v>
      </c>
      <c r="B43587" s="14" t="s">
        <v>1</v>
      </c>
      <c r="C43587" s="14" t="s">
        <v>96</v>
      </c>
      <c r="D43587" s="14" t="s">
        <v>256</v>
      </c>
      <c r="E43587" s="15">
        <v>45528</v>
      </c>
      <c r="F43587" s="14" t="s">
        <v>15</v>
      </c>
      <c r="G43587" s="16">
        <v>0</v>
      </c>
    </row>
    <row r="43588" spans="1:7" x14ac:dyDescent="0.3">
      <c r="A43588" s="13" t="s">
        <v>255</v>
      </c>
      <c r="B43588" s="14" t="s">
        <v>1</v>
      </c>
      <c r="C43588" s="14" t="s">
        <v>96</v>
      </c>
      <c r="D43588" s="14" t="s">
        <v>256</v>
      </c>
      <c r="E43588" s="15">
        <v>45529</v>
      </c>
      <c r="F43588" s="14" t="s">
        <v>15</v>
      </c>
      <c r="G43588" s="16">
        <v>0</v>
      </c>
    </row>
    <row r="43589" spans="1:7" x14ac:dyDescent="0.3">
      <c r="A43589" s="13" t="s">
        <v>255</v>
      </c>
      <c r="B43589" s="14" t="s">
        <v>1</v>
      </c>
      <c r="C43589" s="14" t="s">
        <v>96</v>
      </c>
      <c r="D43589" s="14" t="s">
        <v>256</v>
      </c>
      <c r="E43589" s="15">
        <v>45530</v>
      </c>
      <c r="F43589" s="14" t="s">
        <v>15</v>
      </c>
      <c r="G43589" s="16">
        <v>0</v>
      </c>
    </row>
    <row r="43590" spans="1:7" x14ac:dyDescent="0.3">
      <c r="A43590" s="13" t="s">
        <v>255</v>
      </c>
      <c r="B43590" s="14" t="s">
        <v>1</v>
      </c>
      <c r="C43590" s="14" t="s">
        <v>96</v>
      </c>
      <c r="D43590" s="14" t="s">
        <v>256</v>
      </c>
      <c r="E43590" s="15">
        <v>45531</v>
      </c>
      <c r="F43590" s="14" t="s">
        <v>15</v>
      </c>
      <c r="G43590" s="16">
        <v>0</v>
      </c>
    </row>
    <row r="43591" spans="1:7" x14ac:dyDescent="0.3">
      <c r="A43591" s="13" t="s">
        <v>255</v>
      </c>
      <c r="B43591" s="14" t="s">
        <v>1</v>
      </c>
      <c r="C43591" s="14" t="s">
        <v>96</v>
      </c>
      <c r="D43591" s="14" t="s">
        <v>256</v>
      </c>
      <c r="E43591" s="15">
        <v>45532</v>
      </c>
      <c r="F43591" s="14" t="s">
        <v>15</v>
      </c>
      <c r="G43591" s="16">
        <v>0</v>
      </c>
    </row>
    <row r="43592" spans="1:7" x14ac:dyDescent="0.3">
      <c r="A43592" s="13" t="s">
        <v>255</v>
      </c>
      <c r="B43592" s="14" t="s">
        <v>1</v>
      </c>
      <c r="C43592" s="14" t="s">
        <v>96</v>
      </c>
      <c r="D43592" s="14" t="s">
        <v>256</v>
      </c>
      <c r="E43592" s="15">
        <v>45533</v>
      </c>
      <c r="F43592" s="14" t="s">
        <v>15</v>
      </c>
      <c r="G43592" s="16">
        <v>0</v>
      </c>
    </row>
    <row r="43593" spans="1:7" x14ac:dyDescent="0.3">
      <c r="A43593" s="13" t="s">
        <v>255</v>
      </c>
      <c r="B43593" s="14" t="s">
        <v>1</v>
      </c>
      <c r="C43593" s="14" t="s">
        <v>96</v>
      </c>
      <c r="D43593" s="14" t="s">
        <v>256</v>
      </c>
      <c r="E43593" s="15">
        <v>45534</v>
      </c>
      <c r="F43593" s="14" t="s">
        <v>15</v>
      </c>
      <c r="G43593" s="16">
        <v>0</v>
      </c>
    </row>
    <row r="43594" spans="1:7" x14ac:dyDescent="0.3">
      <c r="A43594" s="13" t="s">
        <v>255</v>
      </c>
      <c r="B43594" s="14" t="s">
        <v>1</v>
      </c>
      <c r="C43594" s="14" t="s">
        <v>96</v>
      </c>
      <c r="D43594" s="14" t="s">
        <v>256</v>
      </c>
      <c r="E43594" s="15">
        <v>45535</v>
      </c>
      <c r="F43594" s="14" t="s">
        <v>15</v>
      </c>
      <c r="G43594" s="16">
        <v>0</v>
      </c>
    </row>
    <row r="43595" spans="1:7" x14ac:dyDescent="0.3">
      <c r="A43595" s="13" t="s">
        <v>255</v>
      </c>
      <c r="B43595" s="14" t="s">
        <v>1</v>
      </c>
      <c r="C43595" s="14" t="s">
        <v>96</v>
      </c>
      <c r="D43595" s="14" t="s">
        <v>256</v>
      </c>
      <c r="E43595" s="15">
        <v>45536</v>
      </c>
      <c r="F43595" s="14" t="s">
        <v>15</v>
      </c>
      <c r="G43595" s="16">
        <v>0</v>
      </c>
    </row>
    <row r="43596" spans="1:7" x14ac:dyDescent="0.3">
      <c r="A43596" s="13" t="s">
        <v>255</v>
      </c>
      <c r="B43596" s="14" t="s">
        <v>1</v>
      </c>
      <c r="C43596" s="14" t="s">
        <v>96</v>
      </c>
      <c r="D43596" s="14" t="s">
        <v>256</v>
      </c>
      <c r="E43596" s="15">
        <v>45537</v>
      </c>
      <c r="F43596" s="14" t="s">
        <v>15</v>
      </c>
      <c r="G43596" s="16">
        <v>0</v>
      </c>
    </row>
    <row r="43597" spans="1:7" x14ac:dyDescent="0.3">
      <c r="A43597" s="13" t="s">
        <v>255</v>
      </c>
      <c r="B43597" s="14" t="s">
        <v>1</v>
      </c>
      <c r="C43597" s="14" t="s">
        <v>96</v>
      </c>
      <c r="D43597" s="14" t="s">
        <v>256</v>
      </c>
      <c r="E43597" s="15">
        <v>45538</v>
      </c>
      <c r="F43597" s="14" t="s">
        <v>15</v>
      </c>
      <c r="G43597" s="16">
        <v>0</v>
      </c>
    </row>
    <row r="43598" spans="1:7" x14ac:dyDescent="0.3">
      <c r="A43598" s="13" t="s">
        <v>255</v>
      </c>
      <c r="B43598" s="14" t="s">
        <v>1</v>
      </c>
      <c r="C43598" s="14" t="s">
        <v>96</v>
      </c>
      <c r="D43598" s="14" t="s">
        <v>256</v>
      </c>
      <c r="E43598" s="15">
        <v>45539</v>
      </c>
      <c r="F43598" s="14" t="s">
        <v>15</v>
      </c>
      <c r="G43598" s="16">
        <v>0</v>
      </c>
    </row>
    <row r="43599" spans="1:7" x14ac:dyDescent="0.3">
      <c r="A43599" s="13" t="s">
        <v>255</v>
      </c>
      <c r="B43599" s="14" t="s">
        <v>1</v>
      </c>
      <c r="C43599" s="14" t="s">
        <v>96</v>
      </c>
      <c r="D43599" s="14" t="s">
        <v>256</v>
      </c>
      <c r="E43599" s="15">
        <v>45540</v>
      </c>
      <c r="F43599" s="14" t="s">
        <v>15</v>
      </c>
      <c r="G43599" s="16">
        <v>0</v>
      </c>
    </row>
    <row r="43600" spans="1:7" x14ac:dyDescent="0.3">
      <c r="A43600" s="13" t="s">
        <v>255</v>
      </c>
      <c r="B43600" s="14" t="s">
        <v>1</v>
      </c>
      <c r="C43600" s="14" t="s">
        <v>96</v>
      </c>
      <c r="D43600" s="14" t="s">
        <v>256</v>
      </c>
      <c r="E43600" s="15">
        <v>45541</v>
      </c>
      <c r="F43600" s="14" t="s">
        <v>15</v>
      </c>
      <c r="G43600" s="16">
        <v>0</v>
      </c>
    </row>
    <row r="43601" spans="1:7" x14ac:dyDescent="0.3">
      <c r="A43601" s="13" t="s">
        <v>255</v>
      </c>
      <c r="B43601" s="14" t="s">
        <v>1</v>
      </c>
      <c r="C43601" s="14" t="s">
        <v>96</v>
      </c>
      <c r="D43601" s="14" t="s">
        <v>256</v>
      </c>
      <c r="E43601" s="15">
        <v>45542</v>
      </c>
      <c r="F43601" s="14" t="s">
        <v>15</v>
      </c>
      <c r="G43601" s="16">
        <v>0</v>
      </c>
    </row>
    <row r="43602" spans="1:7" x14ac:dyDescent="0.3">
      <c r="A43602" s="13" t="s">
        <v>255</v>
      </c>
      <c r="B43602" s="14" t="s">
        <v>1</v>
      </c>
      <c r="C43602" s="14" t="s">
        <v>96</v>
      </c>
      <c r="D43602" s="14" t="s">
        <v>256</v>
      </c>
      <c r="E43602" s="15">
        <v>45543</v>
      </c>
      <c r="F43602" s="14" t="s">
        <v>15</v>
      </c>
      <c r="G43602" s="16">
        <v>0</v>
      </c>
    </row>
    <row r="43603" spans="1:7" x14ac:dyDescent="0.3">
      <c r="A43603" s="13" t="s">
        <v>255</v>
      </c>
      <c r="B43603" s="14" t="s">
        <v>1</v>
      </c>
      <c r="C43603" s="14" t="s">
        <v>96</v>
      </c>
      <c r="D43603" s="14" t="s">
        <v>256</v>
      </c>
      <c r="E43603" s="15">
        <v>45544</v>
      </c>
      <c r="F43603" s="14" t="s">
        <v>15</v>
      </c>
      <c r="G43603" s="16">
        <v>0</v>
      </c>
    </row>
    <row r="43604" spans="1:7" x14ac:dyDescent="0.3">
      <c r="A43604" s="13" t="s">
        <v>255</v>
      </c>
      <c r="B43604" s="14" t="s">
        <v>1</v>
      </c>
      <c r="C43604" s="14" t="s">
        <v>96</v>
      </c>
      <c r="D43604" s="14" t="s">
        <v>256</v>
      </c>
      <c r="E43604" s="15">
        <v>45545</v>
      </c>
      <c r="F43604" s="14" t="s">
        <v>15</v>
      </c>
      <c r="G43604" s="16">
        <v>0</v>
      </c>
    </row>
    <row r="43605" spans="1:7" x14ac:dyDescent="0.3">
      <c r="A43605" s="13" t="s">
        <v>255</v>
      </c>
      <c r="B43605" s="14" t="s">
        <v>1</v>
      </c>
      <c r="C43605" s="14" t="s">
        <v>96</v>
      </c>
      <c r="D43605" s="14" t="s">
        <v>256</v>
      </c>
      <c r="E43605" s="15">
        <v>45546</v>
      </c>
      <c r="F43605" s="14" t="s">
        <v>15</v>
      </c>
      <c r="G43605" s="16">
        <v>0</v>
      </c>
    </row>
    <row r="43606" spans="1:7" x14ac:dyDescent="0.3">
      <c r="A43606" s="13" t="s">
        <v>255</v>
      </c>
      <c r="B43606" s="14" t="s">
        <v>1</v>
      </c>
      <c r="C43606" s="14" t="s">
        <v>96</v>
      </c>
      <c r="D43606" s="14" t="s">
        <v>256</v>
      </c>
      <c r="E43606" s="15">
        <v>45547</v>
      </c>
      <c r="F43606" s="14" t="s">
        <v>15</v>
      </c>
      <c r="G43606" s="16">
        <v>0</v>
      </c>
    </row>
    <row r="43607" spans="1:7" x14ac:dyDescent="0.3">
      <c r="A43607" s="13" t="s">
        <v>255</v>
      </c>
      <c r="B43607" s="14" t="s">
        <v>1</v>
      </c>
      <c r="C43607" s="14" t="s">
        <v>96</v>
      </c>
      <c r="D43607" s="14" t="s">
        <v>256</v>
      </c>
      <c r="E43607" s="15">
        <v>45548</v>
      </c>
      <c r="F43607" s="14" t="s">
        <v>15</v>
      </c>
      <c r="G43607" s="16">
        <v>0</v>
      </c>
    </row>
    <row r="43608" spans="1:7" x14ac:dyDescent="0.3">
      <c r="A43608" s="13" t="s">
        <v>255</v>
      </c>
      <c r="B43608" s="14" t="s">
        <v>1</v>
      </c>
      <c r="C43608" s="14" t="s">
        <v>96</v>
      </c>
      <c r="D43608" s="14" t="s">
        <v>256</v>
      </c>
      <c r="E43608" s="15">
        <v>45549</v>
      </c>
      <c r="F43608" s="14" t="s">
        <v>15</v>
      </c>
      <c r="G43608" s="16">
        <v>0</v>
      </c>
    </row>
    <row r="43609" spans="1:7" x14ac:dyDescent="0.3">
      <c r="A43609" s="13" t="s">
        <v>255</v>
      </c>
      <c r="B43609" s="14" t="s">
        <v>1</v>
      </c>
      <c r="C43609" s="14" t="s">
        <v>96</v>
      </c>
      <c r="D43609" s="14" t="s">
        <v>256</v>
      </c>
      <c r="E43609" s="15">
        <v>45550</v>
      </c>
      <c r="F43609" s="14" t="s">
        <v>15</v>
      </c>
      <c r="G43609" s="16">
        <v>0</v>
      </c>
    </row>
    <row r="43610" spans="1:7" x14ac:dyDescent="0.3">
      <c r="A43610" s="13" t="s">
        <v>255</v>
      </c>
      <c r="B43610" s="14" t="s">
        <v>1</v>
      </c>
      <c r="C43610" s="14" t="s">
        <v>96</v>
      </c>
      <c r="D43610" s="14" t="s">
        <v>256</v>
      </c>
      <c r="E43610" s="15">
        <v>45551</v>
      </c>
      <c r="F43610" s="14" t="s">
        <v>15</v>
      </c>
      <c r="G43610" s="16">
        <v>0</v>
      </c>
    </row>
    <row r="43611" spans="1:7" x14ac:dyDescent="0.3">
      <c r="A43611" s="13" t="s">
        <v>255</v>
      </c>
      <c r="B43611" s="14" t="s">
        <v>1</v>
      </c>
      <c r="C43611" s="14" t="s">
        <v>96</v>
      </c>
      <c r="D43611" s="14" t="s">
        <v>256</v>
      </c>
      <c r="E43611" s="15">
        <v>45552</v>
      </c>
      <c r="F43611" s="14" t="s">
        <v>15</v>
      </c>
      <c r="G43611" s="16">
        <v>0</v>
      </c>
    </row>
    <row r="43612" spans="1:7" x14ac:dyDescent="0.3">
      <c r="A43612" s="13" t="s">
        <v>255</v>
      </c>
      <c r="B43612" s="14" t="s">
        <v>1</v>
      </c>
      <c r="C43612" s="14" t="s">
        <v>96</v>
      </c>
      <c r="D43612" s="14" t="s">
        <v>256</v>
      </c>
      <c r="E43612" s="15">
        <v>45553</v>
      </c>
      <c r="F43612" s="14" t="s">
        <v>15</v>
      </c>
      <c r="G43612" s="16">
        <v>0</v>
      </c>
    </row>
    <row r="43613" spans="1:7" x14ac:dyDescent="0.3">
      <c r="A43613" s="13" t="s">
        <v>255</v>
      </c>
      <c r="B43613" s="14" t="s">
        <v>1</v>
      </c>
      <c r="C43613" s="14" t="s">
        <v>96</v>
      </c>
      <c r="D43613" s="14" t="s">
        <v>256</v>
      </c>
      <c r="E43613" s="15">
        <v>45554</v>
      </c>
      <c r="F43613" s="14" t="s">
        <v>15</v>
      </c>
      <c r="G43613" s="16">
        <v>0</v>
      </c>
    </row>
    <row r="43614" spans="1:7" x14ac:dyDescent="0.3">
      <c r="A43614" s="13" t="s">
        <v>255</v>
      </c>
      <c r="B43614" s="14" t="s">
        <v>1</v>
      </c>
      <c r="C43614" s="14" t="s">
        <v>96</v>
      </c>
      <c r="D43614" s="14" t="s">
        <v>256</v>
      </c>
      <c r="E43614" s="15">
        <v>45555</v>
      </c>
      <c r="F43614" s="14" t="s">
        <v>15</v>
      </c>
      <c r="G43614" s="16">
        <v>0</v>
      </c>
    </row>
    <row r="43615" spans="1:7" x14ac:dyDescent="0.3">
      <c r="A43615" s="13" t="s">
        <v>255</v>
      </c>
      <c r="B43615" s="14" t="s">
        <v>1</v>
      </c>
      <c r="C43615" s="14" t="s">
        <v>96</v>
      </c>
      <c r="D43615" s="14" t="s">
        <v>256</v>
      </c>
      <c r="E43615" s="15">
        <v>45556</v>
      </c>
      <c r="F43615" s="14" t="s">
        <v>15</v>
      </c>
      <c r="G43615" s="16">
        <v>0</v>
      </c>
    </row>
    <row r="43616" spans="1:7" x14ac:dyDescent="0.3">
      <c r="A43616" s="13" t="s">
        <v>255</v>
      </c>
      <c r="B43616" s="14" t="s">
        <v>1</v>
      </c>
      <c r="C43616" s="14" t="s">
        <v>96</v>
      </c>
      <c r="D43616" s="14" t="s">
        <v>256</v>
      </c>
      <c r="E43616" s="15">
        <v>45557</v>
      </c>
      <c r="F43616" s="14" t="s">
        <v>15</v>
      </c>
      <c r="G43616" s="16">
        <v>0</v>
      </c>
    </row>
    <row r="43617" spans="1:7" x14ac:dyDescent="0.3">
      <c r="A43617" s="13" t="s">
        <v>255</v>
      </c>
      <c r="B43617" s="14" t="s">
        <v>1</v>
      </c>
      <c r="C43617" s="14" t="s">
        <v>96</v>
      </c>
      <c r="D43617" s="14" t="s">
        <v>256</v>
      </c>
      <c r="E43617" s="15">
        <v>45558</v>
      </c>
      <c r="F43617" s="14" t="s">
        <v>15</v>
      </c>
      <c r="G43617" s="16">
        <v>0</v>
      </c>
    </row>
    <row r="43618" spans="1:7" x14ac:dyDescent="0.3">
      <c r="A43618" s="13" t="s">
        <v>255</v>
      </c>
      <c r="B43618" s="14" t="s">
        <v>1</v>
      </c>
      <c r="C43618" s="14" t="s">
        <v>96</v>
      </c>
      <c r="D43618" s="14" t="s">
        <v>256</v>
      </c>
      <c r="E43618" s="15">
        <v>45559</v>
      </c>
      <c r="F43618" s="14" t="s">
        <v>15</v>
      </c>
      <c r="G43618" s="16">
        <v>0</v>
      </c>
    </row>
    <row r="43619" spans="1:7" x14ac:dyDescent="0.3">
      <c r="A43619" s="13" t="s">
        <v>255</v>
      </c>
      <c r="B43619" s="14" t="s">
        <v>1</v>
      </c>
      <c r="C43619" s="14" t="s">
        <v>96</v>
      </c>
      <c r="D43619" s="14" t="s">
        <v>256</v>
      </c>
      <c r="E43619" s="15">
        <v>45560</v>
      </c>
      <c r="F43619" s="14" t="s">
        <v>15</v>
      </c>
      <c r="G43619" s="16">
        <v>0</v>
      </c>
    </row>
    <row r="43620" spans="1:7" x14ac:dyDescent="0.3">
      <c r="A43620" s="13" t="s">
        <v>255</v>
      </c>
      <c r="B43620" s="14" t="s">
        <v>1</v>
      </c>
      <c r="C43620" s="14" t="s">
        <v>96</v>
      </c>
      <c r="D43620" s="14" t="s">
        <v>256</v>
      </c>
      <c r="E43620" s="15">
        <v>45561</v>
      </c>
      <c r="F43620" s="14" t="s">
        <v>15</v>
      </c>
      <c r="G43620" s="16">
        <v>0</v>
      </c>
    </row>
    <row r="43621" spans="1:7" x14ac:dyDescent="0.3">
      <c r="A43621" s="13" t="s">
        <v>255</v>
      </c>
      <c r="B43621" s="14" t="s">
        <v>1</v>
      </c>
      <c r="C43621" s="14" t="s">
        <v>96</v>
      </c>
      <c r="D43621" s="14" t="s">
        <v>256</v>
      </c>
      <c r="E43621" s="15">
        <v>45562</v>
      </c>
      <c r="F43621" s="14" t="s">
        <v>15</v>
      </c>
      <c r="G43621" s="16">
        <v>0</v>
      </c>
    </row>
    <row r="43622" spans="1:7" x14ac:dyDescent="0.3">
      <c r="A43622" s="13" t="s">
        <v>255</v>
      </c>
      <c r="B43622" s="14" t="s">
        <v>1</v>
      </c>
      <c r="C43622" s="14" t="s">
        <v>96</v>
      </c>
      <c r="D43622" s="14" t="s">
        <v>256</v>
      </c>
      <c r="E43622" s="15">
        <v>45563</v>
      </c>
      <c r="F43622" s="14" t="s">
        <v>15</v>
      </c>
      <c r="G43622" s="16">
        <v>0</v>
      </c>
    </row>
    <row r="43623" spans="1:7" x14ac:dyDescent="0.3">
      <c r="A43623" s="13" t="s">
        <v>255</v>
      </c>
      <c r="B43623" s="14" t="s">
        <v>1</v>
      </c>
      <c r="C43623" s="14" t="s">
        <v>96</v>
      </c>
      <c r="D43623" s="14" t="s">
        <v>256</v>
      </c>
      <c r="E43623" s="15">
        <v>45564</v>
      </c>
      <c r="F43623" s="14" t="s">
        <v>15</v>
      </c>
      <c r="G43623" s="16">
        <v>0</v>
      </c>
    </row>
    <row r="43624" spans="1:7" x14ac:dyDescent="0.3">
      <c r="A43624" s="13" t="s">
        <v>255</v>
      </c>
      <c r="B43624" s="14" t="s">
        <v>1</v>
      </c>
      <c r="C43624" s="14" t="s">
        <v>96</v>
      </c>
      <c r="D43624" s="14" t="s">
        <v>256</v>
      </c>
      <c r="E43624" s="15">
        <v>45565</v>
      </c>
      <c r="F43624" s="14" t="s">
        <v>15</v>
      </c>
      <c r="G43624" s="16">
        <v>0</v>
      </c>
    </row>
    <row r="43625" spans="1:7" x14ac:dyDescent="0.3">
      <c r="A43625" s="13" t="s">
        <v>255</v>
      </c>
      <c r="B43625" s="14" t="s">
        <v>1</v>
      </c>
      <c r="C43625" s="14" t="s">
        <v>96</v>
      </c>
      <c r="D43625" s="14" t="s">
        <v>256</v>
      </c>
      <c r="E43625" s="15">
        <v>45566</v>
      </c>
      <c r="F43625" s="14" t="s">
        <v>15</v>
      </c>
      <c r="G43625" s="16">
        <v>0</v>
      </c>
    </row>
    <row r="43626" spans="1:7" x14ac:dyDescent="0.3">
      <c r="A43626" s="13" t="s">
        <v>255</v>
      </c>
      <c r="B43626" s="14" t="s">
        <v>1</v>
      </c>
      <c r="C43626" s="14" t="s">
        <v>96</v>
      </c>
      <c r="D43626" s="14" t="s">
        <v>256</v>
      </c>
      <c r="E43626" s="15">
        <v>45567</v>
      </c>
      <c r="F43626" s="14" t="s">
        <v>15</v>
      </c>
      <c r="G43626" s="16">
        <v>0</v>
      </c>
    </row>
    <row r="43627" spans="1:7" x14ac:dyDescent="0.3">
      <c r="A43627" s="13" t="s">
        <v>255</v>
      </c>
      <c r="B43627" s="14" t="s">
        <v>1</v>
      </c>
      <c r="C43627" s="14" t="s">
        <v>96</v>
      </c>
      <c r="D43627" s="14" t="s">
        <v>256</v>
      </c>
      <c r="E43627" s="15">
        <v>45568</v>
      </c>
      <c r="F43627" s="14" t="s">
        <v>15</v>
      </c>
      <c r="G43627" s="16">
        <v>0</v>
      </c>
    </row>
    <row r="43628" spans="1:7" x14ac:dyDescent="0.3">
      <c r="A43628" s="13" t="s">
        <v>255</v>
      </c>
      <c r="B43628" s="14" t="s">
        <v>1</v>
      </c>
      <c r="C43628" s="14" t="s">
        <v>96</v>
      </c>
      <c r="D43628" s="14" t="s">
        <v>256</v>
      </c>
      <c r="E43628" s="15">
        <v>45569</v>
      </c>
      <c r="F43628" s="14" t="s">
        <v>15</v>
      </c>
      <c r="G43628" s="16">
        <v>0</v>
      </c>
    </row>
    <row r="43629" spans="1:7" x14ac:dyDescent="0.3">
      <c r="A43629" s="13" t="s">
        <v>255</v>
      </c>
      <c r="B43629" s="14" t="s">
        <v>1</v>
      </c>
      <c r="C43629" s="14" t="s">
        <v>96</v>
      </c>
      <c r="D43629" s="14" t="s">
        <v>256</v>
      </c>
      <c r="E43629" s="15">
        <v>45570</v>
      </c>
      <c r="F43629" s="14" t="s">
        <v>15</v>
      </c>
      <c r="G43629" s="16">
        <v>0</v>
      </c>
    </row>
    <row r="43630" spans="1:7" x14ac:dyDescent="0.3">
      <c r="A43630" s="13" t="s">
        <v>255</v>
      </c>
      <c r="B43630" s="14" t="s">
        <v>1</v>
      </c>
      <c r="C43630" s="14" t="s">
        <v>96</v>
      </c>
      <c r="D43630" s="14" t="s">
        <v>256</v>
      </c>
      <c r="E43630" s="15">
        <v>45571</v>
      </c>
      <c r="F43630" s="14" t="s">
        <v>15</v>
      </c>
      <c r="G43630" s="16">
        <v>0</v>
      </c>
    </row>
    <row r="43631" spans="1:7" x14ac:dyDescent="0.3">
      <c r="A43631" s="13" t="s">
        <v>255</v>
      </c>
      <c r="B43631" s="14" t="s">
        <v>1</v>
      </c>
      <c r="C43631" s="14" t="s">
        <v>96</v>
      </c>
      <c r="D43631" s="14" t="s">
        <v>256</v>
      </c>
      <c r="E43631" s="15">
        <v>45572</v>
      </c>
      <c r="F43631" s="14" t="s">
        <v>15</v>
      </c>
      <c r="G43631" s="16">
        <v>0</v>
      </c>
    </row>
    <row r="43632" spans="1:7" x14ac:dyDescent="0.3">
      <c r="A43632" s="13" t="s">
        <v>255</v>
      </c>
      <c r="B43632" s="14" t="s">
        <v>1</v>
      </c>
      <c r="C43632" s="14" t="s">
        <v>96</v>
      </c>
      <c r="D43632" s="14" t="s">
        <v>256</v>
      </c>
      <c r="E43632" s="15">
        <v>45573</v>
      </c>
      <c r="F43632" s="14" t="s">
        <v>15</v>
      </c>
      <c r="G43632" s="16">
        <v>0</v>
      </c>
    </row>
    <row r="43633" spans="1:7" x14ac:dyDescent="0.3">
      <c r="A43633" s="13" t="s">
        <v>255</v>
      </c>
      <c r="B43633" s="14" t="s">
        <v>1</v>
      </c>
      <c r="C43633" s="14" t="s">
        <v>96</v>
      </c>
      <c r="D43633" s="14" t="s">
        <v>256</v>
      </c>
      <c r="E43633" s="15">
        <v>45574</v>
      </c>
      <c r="F43633" s="14" t="s">
        <v>15</v>
      </c>
      <c r="G43633" s="16">
        <v>0</v>
      </c>
    </row>
    <row r="43634" spans="1:7" x14ac:dyDescent="0.3">
      <c r="A43634" s="13" t="s">
        <v>255</v>
      </c>
      <c r="B43634" s="14" t="s">
        <v>1</v>
      </c>
      <c r="C43634" s="14" t="s">
        <v>96</v>
      </c>
      <c r="D43634" s="14" t="s">
        <v>256</v>
      </c>
      <c r="E43634" s="15">
        <v>45575</v>
      </c>
      <c r="F43634" s="14" t="s">
        <v>15</v>
      </c>
      <c r="G43634" s="16">
        <v>0</v>
      </c>
    </row>
    <row r="43635" spans="1:7" x14ac:dyDescent="0.3">
      <c r="A43635" s="13" t="s">
        <v>255</v>
      </c>
      <c r="B43635" s="14" t="s">
        <v>1</v>
      </c>
      <c r="C43635" s="14" t="s">
        <v>96</v>
      </c>
      <c r="D43635" s="14" t="s">
        <v>256</v>
      </c>
      <c r="E43635" s="15">
        <v>45576</v>
      </c>
      <c r="F43635" s="14" t="s">
        <v>15</v>
      </c>
      <c r="G43635" s="16">
        <v>0</v>
      </c>
    </row>
    <row r="43636" spans="1:7" x14ac:dyDescent="0.3">
      <c r="A43636" s="13" t="s">
        <v>255</v>
      </c>
      <c r="B43636" s="14" t="s">
        <v>1</v>
      </c>
      <c r="C43636" s="14" t="s">
        <v>96</v>
      </c>
      <c r="D43636" s="14" t="s">
        <v>256</v>
      </c>
      <c r="E43636" s="15">
        <v>45577</v>
      </c>
      <c r="F43636" s="14" t="s">
        <v>15</v>
      </c>
      <c r="G43636" s="16">
        <v>0</v>
      </c>
    </row>
    <row r="43637" spans="1:7" x14ac:dyDescent="0.3">
      <c r="A43637" s="13" t="s">
        <v>255</v>
      </c>
      <c r="B43637" s="14" t="s">
        <v>1</v>
      </c>
      <c r="C43637" s="14" t="s">
        <v>96</v>
      </c>
      <c r="D43637" s="14" t="s">
        <v>256</v>
      </c>
      <c r="E43637" s="15">
        <v>45578</v>
      </c>
      <c r="F43637" s="14" t="s">
        <v>15</v>
      </c>
      <c r="G43637" s="16">
        <v>0</v>
      </c>
    </row>
    <row r="43638" spans="1:7" x14ac:dyDescent="0.3">
      <c r="A43638" s="13" t="s">
        <v>255</v>
      </c>
      <c r="B43638" s="14" t="s">
        <v>1</v>
      </c>
      <c r="C43638" s="14" t="s">
        <v>96</v>
      </c>
      <c r="D43638" s="14" t="s">
        <v>256</v>
      </c>
      <c r="E43638" s="15">
        <v>45579</v>
      </c>
      <c r="F43638" s="14" t="s">
        <v>15</v>
      </c>
      <c r="G43638" s="16">
        <v>0</v>
      </c>
    </row>
    <row r="43639" spans="1:7" x14ac:dyDescent="0.3">
      <c r="A43639" s="13" t="s">
        <v>255</v>
      </c>
      <c r="B43639" s="14" t="s">
        <v>1</v>
      </c>
      <c r="C43639" s="14" t="s">
        <v>96</v>
      </c>
      <c r="D43639" s="14" t="s">
        <v>256</v>
      </c>
      <c r="E43639" s="15">
        <v>45580</v>
      </c>
      <c r="F43639" s="14" t="s">
        <v>15</v>
      </c>
      <c r="G43639" s="16">
        <v>0</v>
      </c>
    </row>
    <row r="43640" spans="1:7" x14ac:dyDescent="0.3">
      <c r="A43640" s="13" t="s">
        <v>255</v>
      </c>
      <c r="B43640" s="14" t="s">
        <v>1</v>
      </c>
      <c r="C43640" s="14" t="s">
        <v>96</v>
      </c>
      <c r="D43640" s="14" t="s">
        <v>256</v>
      </c>
      <c r="E43640" s="15">
        <v>45581</v>
      </c>
      <c r="F43640" s="14" t="s">
        <v>15</v>
      </c>
      <c r="G43640" s="16">
        <v>0</v>
      </c>
    </row>
    <row r="43641" spans="1:7" x14ac:dyDescent="0.3">
      <c r="A43641" s="13" t="s">
        <v>255</v>
      </c>
      <c r="B43641" s="14" t="s">
        <v>1</v>
      </c>
      <c r="C43641" s="14" t="s">
        <v>96</v>
      </c>
      <c r="D43641" s="14" t="s">
        <v>256</v>
      </c>
      <c r="E43641" s="15">
        <v>45582</v>
      </c>
      <c r="F43641" s="14" t="s">
        <v>15</v>
      </c>
      <c r="G43641" s="16">
        <v>0</v>
      </c>
    </row>
    <row r="43642" spans="1:7" x14ac:dyDescent="0.3">
      <c r="A43642" s="13" t="s">
        <v>255</v>
      </c>
      <c r="B43642" s="14" t="s">
        <v>1</v>
      </c>
      <c r="C43642" s="14" t="s">
        <v>96</v>
      </c>
      <c r="D43642" s="14" t="s">
        <v>256</v>
      </c>
      <c r="E43642" s="15">
        <v>45583</v>
      </c>
      <c r="F43642" s="14" t="s">
        <v>15</v>
      </c>
      <c r="G43642" s="16">
        <v>0</v>
      </c>
    </row>
    <row r="43643" spans="1:7" x14ac:dyDescent="0.3">
      <c r="A43643" s="13" t="s">
        <v>255</v>
      </c>
      <c r="B43643" s="14" t="s">
        <v>1</v>
      </c>
      <c r="C43643" s="14" t="s">
        <v>96</v>
      </c>
      <c r="D43643" s="14" t="s">
        <v>256</v>
      </c>
      <c r="E43643" s="15">
        <v>45584</v>
      </c>
      <c r="F43643" s="14" t="s">
        <v>15</v>
      </c>
      <c r="G43643" s="16">
        <v>0</v>
      </c>
    </row>
    <row r="43644" spans="1:7" x14ac:dyDescent="0.3">
      <c r="A43644" s="13" t="s">
        <v>255</v>
      </c>
      <c r="B43644" s="14" t="s">
        <v>1</v>
      </c>
      <c r="C43644" s="14" t="s">
        <v>96</v>
      </c>
      <c r="D43644" s="14" t="s">
        <v>256</v>
      </c>
      <c r="E43644" s="15">
        <v>45585</v>
      </c>
      <c r="F43644" s="14" t="s">
        <v>15</v>
      </c>
      <c r="G43644" s="16">
        <v>0</v>
      </c>
    </row>
    <row r="43645" spans="1:7" x14ac:dyDescent="0.3">
      <c r="A43645" s="13" t="s">
        <v>255</v>
      </c>
      <c r="B43645" s="14" t="s">
        <v>1</v>
      </c>
      <c r="C43645" s="14" t="s">
        <v>96</v>
      </c>
      <c r="D43645" s="14" t="s">
        <v>256</v>
      </c>
      <c r="E43645" s="15">
        <v>45586</v>
      </c>
      <c r="F43645" s="14" t="s">
        <v>15</v>
      </c>
      <c r="G43645" s="16">
        <v>0</v>
      </c>
    </row>
    <row r="43646" spans="1:7" x14ac:dyDescent="0.3">
      <c r="A43646" s="13" t="s">
        <v>255</v>
      </c>
      <c r="B43646" s="14" t="s">
        <v>1</v>
      </c>
      <c r="C43646" s="14" t="s">
        <v>96</v>
      </c>
      <c r="D43646" s="14" t="s">
        <v>256</v>
      </c>
      <c r="E43646" s="15">
        <v>45587</v>
      </c>
      <c r="F43646" s="14" t="s">
        <v>15</v>
      </c>
      <c r="G43646" s="16">
        <v>0</v>
      </c>
    </row>
    <row r="43647" spans="1:7" x14ac:dyDescent="0.3">
      <c r="A43647" s="13" t="s">
        <v>255</v>
      </c>
      <c r="B43647" s="14" t="s">
        <v>1</v>
      </c>
      <c r="C43647" s="14" t="s">
        <v>96</v>
      </c>
      <c r="D43647" s="14" t="s">
        <v>256</v>
      </c>
      <c r="E43647" s="15">
        <v>45588</v>
      </c>
      <c r="F43647" s="14" t="s">
        <v>15</v>
      </c>
      <c r="G43647" s="16">
        <v>0</v>
      </c>
    </row>
    <row r="43648" spans="1:7" x14ac:dyDescent="0.3">
      <c r="A43648" s="13" t="s">
        <v>255</v>
      </c>
      <c r="B43648" s="14" t="s">
        <v>1</v>
      </c>
      <c r="C43648" s="14" t="s">
        <v>96</v>
      </c>
      <c r="D43648" s="14" t="s">
        <v>256</v>
      </c>
      <c r="E43648" s="15">
        <v>45589</v>
      </c>
      <c r="F43648" s="14" t="s">
        <v>15</v>
      </c>
      <c r="G43648" s="16">
        <v>0</v>
      </c>
    </row>
    <row r="43649" spans="1:7" x14ac:dyDescent="0.3">
      <c r="A43649" s="13" t="s">
        <v>255</v>
      </c>
      <c r="B43649" s="14" t="s">
        <v>1</v>
      </c>
      <c r="C43649" s="14" t="s">
        <v>96</v>
      </c>
      <c r="D43649" s="14" t="s">
        <v>256</v>
      </c>
      <c r="E43649" s="15">
        <v>45590</v>
      </c>
      <c r="F43649" s="14" t="s">
        <v>15</v>
      </c>
      <c r="G43649" s="16">
        <v>0</v>
      </c>
    </row>
    <row r="43650" spans="1:7" x14ac:dyDescent="0.3">
      <c r="A43650" s="13" t="s">
        <v>255</v>
      </c>
      <c r="B43650" s="14" t="s">
        <v>1</v>
      </c>
      <c r="C43650" s="14" t="s">
        <v>96</v>
      </c>
      <c r="D43650" s="14" t="s">
        <v>256</v>
      </c>
      <c r="E43650" s="15">
        <v>45591</v>
      </c>
      <c r="F43650" s="14" t="s">
        <v>15</v>
      </c>
      <c r="G43650" s="16">
        <v>0</v>
      </c>
    </row>
    <row r="43651" spans="1:7" x14ac:dyDescent="0.3">
      <c r="A43651" s="13" t="s">
        <v>255</v>
      </c>
      <c r="B43651" s="14" t="s">
        <v>1</v>
      </c>
      <c r="C43651" s="14" t="s">
        <v>96</v>
      </c>
      <c r="D43651" s="14" t="s">
        <v>256</v>
      </c>
      <c r="E43651" s="15">
        <v>45592</v>
      </c>
      <c r="F43651" s="14" t="s">
        <v>15</v>
      </c>
      <c r="G43651" s="16">
        <v>0</v>
      </c>
    </row>
    <row r="43652" spans="1:7" x14ac:dyDescent="0.3">
      <c r="A43652" s="13" t="s">
        <v>255</v>
      </c>
      <c r="B43652" s="14" t="s">
        <v>1</v>
      </c>
      <c r="C43652" s="14" t="s">
        <v>96</v>
      </c>
      <c r="D43652" s="14" t="s">
        <v>256</v>
      </c>
      <c r="E43652" s="15">
        <v>45593</v>
      </c>
      <c r="F43652" s="14" t="s">
        <v>15</v>
      </c>
      <c r="G43652" s="16">
        <v>0</v>
      </c>
    </row>
    <row r="43653" spans="1:7" x14ac:dyDescent="0.3">
      <c r="A43653" s="13" t="s">
        <v>255</v>
      </c>
      <c r="B43653" s="14" t="s">
        <v>1</v>
      </c>
      <c r="C43653" s="14" t="s">
        <v>96</v>
      </c>
      <c r="D43653" s="14" t="s">
        <v>256</v>
      </c>
      <c r="E43653" s="15">
        <v>45594</v>
      </c>
      <c r="F43653" s="14" t="s">
        <v>15</v>
      </c>
      <c r="G43653" s="16">
        <v>0</v>
      </c>
    </row>
    <row r="43654" spans="1:7" x14ac:dyDescent="0.3">
      <c r="A43654" s="13" t="s">
        <v>255</v>
      </c>
      <c r="B43654" s="14" t="s">
        <v>1</v>
      </c>
      <c r="C43654" s="14" t="s">
        <v>96</v>
      </c>
      <c r="D43654" s="14" t="s">
        <v>256</v>
      </c>
      <c r="E43654" s="15">
        <v>45595</v>
      </c>
      <c r="F43654" s="14" t="s">
        <v>15</v>
      </c>
      <c r="G43654" s="16">
        <v>0</v>
      </c>
    </row>
    <row r="43655" spans="1:7" x14ac:dyDescent="0.3">
      <c r="A43655" s="13" t="s">
        <v>255</v>
      </c>
      <c r="B43655" s="14" t="s">
        <v>1</v>
      </c>
      <c r="C43655" s="14" t="s">
        <v>96</v>
      </c>
      <c r="D43655" s="14" t="s">
        <v>256</v>
      </c>
      <c r="E43655" s="15">
        <v>45596</v>
      </c>
      <c r="F43655" s="14" t="s">
        <v>15</v>
      </c>
      <c r="G43655" s="16">
        <v>0</v>
      </c>
    </row>
    <row r="43656" spans="1:7" x14ac:dyDescent="0.3">
      <c r="A43656" s="13" t="s">
        <v>255</v>
      </c>
      <c r="B43656" s="14" t="s">
        <v>1</v>
      </c>
      <c r="C43656" s="14" t="s">
        <v>96</v>
      </c>
      <c r="D43656" s="14" t="s">
        <v>256</v>
      </c>
      <c r="E43656" s="15">
        <v>45597</v>
      </c>
      <c r="F43656" s="14" t="s">
        <v>15</v>
      </c>
      <c r="G43656" s="16">
        <v>0</v>
      </c>
    </row>
    <row r="43657" spans="1:7" x14ac:dyDescent="0.3">
      <c r="A43657" s="13" t="s">
        <v>255</v>
      </c>
      <c r="B43657" s="14" t="s">
        <v>1</v>
      </c>
      <c r="C43657" s="14" t="s">
        <v>96</v>
      </c>
      <c r="D43657" s="14" t="s">
        <v>256</v>
      </c>
      <c r="E43657" s="15">
        <v>45598</v>
      </c>
      <c r="F43657" s="14" t="s">
        <v>15</v>
      </c>
      <c r="G43657" s="16">
        <v>0</v>
      </c>
    </row>
    <row r="43658" spans="1:7" x14ac:dyDescent="0.3">
      <c r="A43658" s="13" t="s">
        <v>255</v>
      </c>
      <c r="B43658" s="14" t="s">
        <v>1</v>
      </c>
      <c r="C43658" s="14" t="s">
        <v>96</v>
      </c>
      <c r="D43658" s="14" t="s">
        <v>256</v>
      </c>
      <c r="E43658" s="15">
        <v>45599</v>
      </c>
      <c r="F43658" s="14" t="s">
        <v>15</v>
      </c>
      <c r="G43658" s="16">
        <v>0</v>
      </c>
    </row>
    <row r="43659" spans="1:7" x14ac:dyDescent="0.3">
      <c r="A43659" s="13" t="s">
        <v>255</v>
      </c>
      <c r="B43659" s="14" t="s">
        <v>1</v>
      </c>
      <c r="C43659" s="14" t="s">
        <v>96</v>
      </c>
      <c r="D43659" s="14" t="s">
        <v>256</v>
      </c>
      <c r="E43659" s="15">
        <v>45600</v>
      </c>
      <c r="F43659" s="14" t="s">
        <v>15</v>
      </c>
      <c r="G43659" s="16">
        <v>0</v>
      </c>
    </row>
    <row r="43660" spans="1:7" x14ac:dyDescent="0.3">
      <c r="A43660" s="13" t="s">
        <v>255</v>
      </c>
      <c r="B43660" s="14" t="s">
        <v>1</v>
      </c>
      <c r="C43660" s="14" t="s">
        <v>96</v>
      </c>
      <c r="D43660" s="14" t="s">
        <v>256</v>
      </c>
      <c r="E43660" s="15">
        <v>45601</v>
      </c>
      <c r="F43660" s="14" t="s">
        <v>15</v>
      </c>
      <c r="G43660" s="16">
        <v>0</v>
      </c>
    </row>
    <row r="43661" spans="1:7" x14ac:dyDescent="0.3">
      <c r="A43661" s="13" t="s">
        <v>255</v>
      </c>
      <c r="B43661" s="14" t="s">
        <v>1</v>
      </c>
      <c r="C43661" s="14" t="s">
        <v>96</v>
      </c>
      <c r="D43661" s="14" t="s">
        <v>256</v>
      </c>
      <c r="E43661" s="15">
        <v>45602</v>
      </c>
      <c r="F43661" s="14" t="s">
        <v>15</v>
      </c>
      <c r="G43661" s="16">
        <v>0</v>
      </c>
    </row>
    <row r="43662" spans="1:7" x14ac:dyDescent="0.3">
      <c r="A43662" s="13" t="s">
        <v>255</v>
      </c>
      <c r="B43662" s="14" t="s">
        <v>1</v>
      </c>
      <c r="C43662" s="14" t="s">
        <v>96</v>
      </c>
      <c r="D43662" s="14" t="s">
        <v>256</v>
      </c>
      <c r="E43662" s="15">
        <v>45603</v>
      </c>
      <c r="F43662" s="14" t="s">
        <v>15</v>
      </c>
      <c r="G43662" s="16">
        <v>0</v>
      </c>
    </row>
    <row r="43663" spans="1:7" x14ac:dyDescent="0.3">
      <c r="A43663" s="13" t="s">
        <v>255</v>
      </c>
      <c r="B43663" s="14" t="s">
        <v>1</v>
      </c>
      <c r="C43663" s="14" t="s">
        <v>96</v>
      </c>
      <c r="D43663" s="14" t="s">
        <v>256</v>
      </c>
      <c r="E43663" s="15">
        <v>45604</v>
      </c>
      <c r="F43663" s="14" t="s">
        <v>15</v>
      </c>
      <c r="G43663" s="16">
        <v>0</v>
      </c>
    </row>
    <row r="43664" spans="1:7" x14ac:dyDescent="0.3">
      <c r="A43664" s="13" t="s">
        <v>255</v>
      </c>
      <c r="B43664" s="14" t="s">
        <v>1</v>
      </c>
      <c r="C43664" s="14" t="s">
        <v>96</v>
      </c>
      <c r="D43664" s="14" t="s">
        <v>256</v>
      </c>
      <c r="E43664" s="15">
        <v>45605</v>
      </c>
      <c r="F43664" s="14" t="s">
        <v>15</v>
      </c>
      <c r="G43664" s="16">
        <v>0</v>
      </c>
    </row>
    <row r="43665" spans="1:7" x14ac:dyDescent="0.3">
      <c r="A43665" s="13" t="s">
        <v>255</v>
      </c>
      <c r="B43665" s="14" t="s">
        <v>1</v>
      </c>
      <c r="C43665" s="14" t="s">
        <v>96</v>
      </c>
      <c r="D43665" s="14" t="s">
        <v>256</v>
      </c>
      <c r="E43665" s="15">
        <v>45606</v>
      </c>
      <c r="F43665" s="14" t="s">
        <v>15</v>
      </c>
      <c r="G43665" s="16">
        <v>0</v>
      </c>
    </row>
    <row r="43666" spans="1:7" x14ac:dyDescent="0.3">
      <c r="A43666" s="13" t="s">
        <v>255</v>
      </c>
      <c r="B43666" s="14" t="s">
        <v>1</v>
      </c>
      <c r="C43666" s="14" t="s">
        <v>96</v>
      </c>
      <c r="D43666" s="14" t="s">
        <v>256</v>
      </c>
      <c r="E43666" s="15">
        <v>45607</v>
      </c>
      <c r="F43666" s="14" t="s">
        <v>15</v>
      </c>
      <c r="G43666" s="16">
        <v>0</v>
      </c>
    </row>
    <row r="43667" spans="1:7" x14ac:dyDescent="0.3">
      <c r="A43667" s="13" t="s">
        <v>255</v>
      </c>
      <c r="B43667" s="14" t="s">
        <v>1</v>
      </c>
      <c r="C43667" s="14" t="s">
        <v>96</v>
      </c>
      <c r="D43667" s="14" t="s">
        <v>256</v>
      </c>
      <c r="E43667" s="15">
        <v>45608</v>
      </c>
      <c r="F43667" s="14" t="s">
        <v>15</v>
      </c>
      <c r="G43667" s="16">
        <v>0</v>
      </c>
    </row>
    <row r="43668" spans="1:7" x14ac:dyDescent="0.3">
      <c r="A43668" s="13" t="s">
        <v>255</v>
      </c>
      <c r="B43668" s="14" t="s">
        <v>1</v>
      </c>
      <c r="C43668" s="14" t="s">
        <v>96</v>
      </c>
      <c r="D43668" s="14" t="s">
        <v>256</v>
      </c>
      <c r="E43668" s="15">
        <v>45609</v>
      </c>
      <c r="F43668" s="14" t="s">
        <v>15</v>
      </c>
      <c r="G43668" s="16">
        <v>0</v>
      </c>
    </row>
    <row r="43669" spans="1:7" x14ac:dyDescent="0.3">
      <c r="A43669" s="13" t="s">
        <v>255</v>
      </c>
      <c r="B43669" s="14" t="s">
        <v>1</v>
      </c>
      <c r="C43669" s="14" t="s">
        <v>96</v>
      </c>
      <c r="D43669" s="14" t="s">
        <v>256</v>
      </c>
      <c r="E43669" s="15">
        <v>45610</v>
      </c>
      <c r="F43669" s="14" t="s">
        <v>15</v>
      </c>
      <c r="G43669" s="16">
        <v>0</v>
      </c>
    </row>
    <row r="43670" spans="1:7" x14ac:dyDescent="0.3">
      <c r="A43670" s="13" t="s">
        <v>255</v>
      </c>
      <c r="B43670" s="14" t="s">
        <v>1</v>
      </c>
      <c r="C43670" s="14" t="s">
        <v>96</v>
      </c>
      <c r="D43670" s="14" t="s">
        <v>256</v>
      </c>
      <c r="E43670" s="15">
        <v>45611</v>
      </c>
      <c r="F43670" s="14" t="s">
        <v>15</v>
      </c>
      <c r="G43670" s="16">
        <v>0</v>
      </c>
    </row>
    <row r="43671" spans="1:7" x14ac:dyDescent="0.3">
      <c r="A43671" s="13" t="s">
        <v>255</v>
      </c>
      <c r="B43671" s="14" t="s">
        <v>1</v>
      </c>
      <c r="C43671" s="14" t="s">
        <v>96</v>
      </c>
      <c r="D43671" s="14" t="s">
        <v>256</v>
      </c>
      <c r="E43671" s="15">
        <v>45612</v>
      </c>
      <c r="F43671" s="14" t="s">
        <v>15</v>
      </c>
      <c r="G43671" s="16">
        <v>0</v>
      </c>
    </row>
    <row r="43672" spans="1:7" x14ac:dyDescent="0.3">
      <c r="A43672" s="13" t="s">
        <v>255</v>
      </c>
      <c r="B43672" s="14" t="s">
        <v>1</v>
      </c>
      <c r="C43672" s="14" t="s">
        <v>96</v>
      </c>
      <c r="D43672" s="14" t="s">
        <v>256</v>
      </c>
      <c r="E43672" s="15">
        <v>45613</v>
      </c>
      <c r="F43672" s="14" t="s">
        <v>15</v>
      </c>
      <c r="G43672" s="16">
        <v>0</v>
      </c>
    </row>
    <row r="43673" spans="1:7" x14ac:dyDescent="0.3">
      <c r="A43673" s="13" t="s">
        <v>255</v>
      </c>
      <c r="B43673" s="14" t="s">
        <v>1</v>
      </c>
      <c r="C43673" s="14" t="s">
        <v>96</v>
      </c>
      <c r="D43673" s="14" t="s">
        <v>256</v>
      </c>
      <c r="E43673" s="15">
        <v>45614</v>
      </c>
      <c r="F43673" s="14" t="s">
        <v>15</v>
      </c>
      <c r="G43673" s="16">
        <v>0</v>
      </c>
    </row>
    <row r="43674" spans="1:7" x14ac:dyDescent="0.3">
      <c r="A43674" s="13" t="s">
        <v>255</v>
      </c>
      <c r="B43674" s="14" t="s">
        <v>1</v>
      </c>
      <c r="C43674" s="14" t="s">
        <v>96</v>
      </c>
      <c r="D43674" s="14" t="s">
        <v>256</v>
      </c>
      <c r="E43674" s="15">
        <v>45615</v>
      </c>
      <c r="F43674" s="14" t="s">
        <v>15</v>
      </c>
      <c r="G43674" s="16">
        <v>0</v>
      </c>
    </row>
    <row r="43675" spans="1:7" x14ac:dyDescent="0.3">
      <c r="A43675" s="13" t="s">
        <v>255</v>
      </c>
      <c r="B43675" s="14" t="s">
        <v>1</v>
      </c>
      <c r="C43675" s="14" t="s">
        <v>96</v>
      </c>
      <c r="D43675" s="14" t="s">
        <v>256</v>
      </c>
      <c r="E43675" s="15">
        <v>45616</v>
      </c>
      <c r="F43675" s="14" t="s">
        <v>15</v>
      </c>
      <c r="G43675" s="16">
        <v>0</v>
      </c>
    </row>
    <row r="43676" spans="1:7" x14ac:dyDescent="0.3">
      <c r="A43676" s="13" t="s">
        <v>255</v>
      </c>
      <c r="B43676" s="14" t="s">
        <v>1</v>
      </c>
      <c r="C43676" s="14" t="s">
        <v>96</v>
      </c>
      <c r="D43676" s="14" t="s">
        <v>256</v>
      </c>
      <c r="E43676" s="15">
        <v>45617</v>
      </c>
      <c r="F43676" s="14" t="s">
        <v>15</v>
      </c>
      <c r="G43676" s="16">
        <v>0</v>
      </c>
    </row>
    <row r="43677" spans="1:7" x14ac:dyDescent="0.3">
      <c r="A43677" s="13" t="s">
        <v>255</v>
      </c>
      <c r="B43677" s="14" t="s">
        <v>1</v>
      </c>
      <c r="C43677" s="14" t="s">
        <v>96</v>
      </c>
      <c r="D43677" s="14" t="s">
        <v>256</v>
      </c>
      <c r="E43677" s="15">
        <v>45618</v>
      </c>
      <c r="F43677" s="14" t="s">
        <v>15</v>
      </c>
      <c r="G43677" s="16">
        <v>0</v>
      </c>
    </row>
    <row r="43678" spans="1:7" x14ac:dyDescent="0.3">
      <c r="A43678" s="13" t="s">
        <v>255</v>
      </c>
      <c r="B43678" s="14" t="s">
        <v>1</v>
      </c>
      <c r="C43678" s="14" t="s">
        <v>96</v>
      </c>
      <c r="D43678" s="14" t="s">
        <v>256</v>
      </c>
      <c r="E43678" s="15">
        <v>45619</v>
      </c>
      <c r="F43678" s="14" t="s">
        <v>15</v>
      </c>
      <c r="G43678" s="16">
        <v>0</v>
      </c>
    </row>
    <row r="43679" spans="1:7" x14ac:dyDescent="0.3">
      <c r="A43679" s="13" t="s">
        <v>255</v>
      </c>
      <c r="B43679" s="14" t="s">
        <v>1</v>
      </c>
      <c r="C43679" s="14" t="s">
        <v>96</v>
      </c>
      <c r="D43679" s="14" t="s">
        <v>256</v>
      </c>
      <c r="E43679" s="15">
        <v>45620</v>
      </c>
      <c r="F43679" s="14" t="s">
        <v>15</v>
      </c>
      <c r="G43679" s="16">
        <v>0</v>
      </c>
    </row>
    <row r="43680" spans="1:7" x14ac:dyDescent="0.3">
      <c r="A43680" s="13" t="s">
        <v>255</v>
      </c>
      <c r="B43680" s="14" t="s">
        <v>1</v>
      </c>
      <c r="C43680" s="14" t="s">
        <v>96</v>
      </c>
      <c r="D43680" s="14" t="s">
        <v>256</v>
      </c>
      <c r="E43680" s="15">
        <v>45621</v>
      </c>
      <c r="F43680" s="14" t="s">
        <v>15</v>
      </c>
      <c r="G43680" s="16">
        <v>0</v>
      </c>
    </row>
    <row r="43681" spans="1:7" x14ac:dyDescent="0.3">
      <c r="A43681" s="13" t="s">
        <v>255</v>
      </c>
      <c r="B43681" s="14" t="s">
        <v>1</v>
      </c>
      <c r="C43681" s="14" t="s">
        <v>96</v>
      </c>
      <c r="D43681" s="14" t="s">
        <v>256</v>
      </c>
      <c r="E43681" s="15">
        <v>45622</v>
      </c>
      <c r="F43681" s="14" t="s">
        <v>15</v>
      </c>
      <c r="G43681" s="16">
        <v>0</v>
      </c>
    </row>
    <row r="43682" spans="1:7" x14ac:dyDescent="0.3">
      <c r="A43682" s="13" t="s">
        <v>255</v>
      </c>
      <c r="B43682" s="14" t="s">
        <v>1</v>
      </c>
      <c r="C43682" s="14" t="s">
        <v>96</v>
      </c>
      <c r="D43682" s="14" t="s">
        <v>256</v>
      </c>
      <c r="E43682" s="15">
        <v>45623</v>
      </c>
      <c r="F43682" s="14" t="s">
        <v>15</v>
      </c>
      <c r="G43682" s="16">
        <v>0</v>
      </c>
    </row>
    <row r="43683" spans="1:7" x14ac:dyDescent="0.3">
      <c r="A43683" s="13" t="s">
        <v>255</v>
      </c>
      <c r="B43683" s="14" t="s">
        <v>1</v>
      </c>
      <c r="C43683" s="14" t="s">
        <v>96</v>
      </c>
      <c r="D43683" s="14" t="s">
        <v>256</v>
      </c>
      <c r="E43683" s="15">
        <v>45624</v>
      </c>
      <c r="F43683" s="14" t="s">
        <v>15</v>
      </c>
      <c r="G43683" s="16">
        <v>0</v>
      </c>
    </row>
    <row r="43684" spans="1:7" x14ac:dyDescent="0.3">
      <c r="A43684" s="13" t="s">
        <v>255</v>
      </c>
      <c r="B43684" s="14" t="s">
        <v>1</v>
      </c>
      <c r="C43684" s="14" t="s">
        <v>96</v>
      </c>
      <c r="D43684" s="14" t="s">
        <v>256</v>
      </c>
      <c r="E43684" s="15">
        <v>45625</v>
      </c>
      <c r="F43684" s="14" t="s">
        <v>15</v>
      </c>
      <c r="G43684" s="16">
        <v>0</v>
      </c>
    </row>
    <row r="43685" spans="1:7" x14ac:dyDescent="0.3">
      <c r="A43685" s="13" t="s">
        <v>255</v>
      </c>
      <c r="B43685" s="14" t="s">
        <v>1</v>
      </c>
      <c r="C43685" s="14" t="s">
        <v>96</v>
      </c>
      <c r="D43685" s="14" t="s">
        <v>256</v>
      </c>
      <c r="E43685" s="15">
        <v>45626</v>
      </c>
      <c r="F43685" s="14" t="s">
        <v>15</v>
      </c>
      <c r="G43685" s="16">
        <v>0</v>
      </c>
    </row>
    <row r="43686" spans="1:7" x14ac:dyDescent="0.3">
      <c r="A43686" s="13" t="s">
        <v>255</v>
      </c>
      <c r="B43686" s="14" t="s">
        <v>1</v>
      </c>
      <c r="C43686" s="14" t="s">
        <v>96</v>
      </c>
      <c r="D43686" s="14" t="s">
        <v>256</v>
      </c>
      <c r="E43686" s="15">
        <v>45627</v>
      </c>
      <c r="F43686" s="14" t="s">
        <v>15</v>
      </c>
      <c r="G43686" s="16">
        <v>0</v>
      </c>
    </row>
    <row r="43687" spans="1:7" x14ac:dyDescent="0.3">
      <c r="A43687" s="13" t="s">
        <v>255</v>
      </c>
      <c r="B43687" s="14" t="s">
        <v>1</v>
      </c>
      <c r="C43687" s="14" t="s">
        <v>96</v>
      </c>
      <c r="D43687" s="14" t="s">
        <v>256</v>
      </c>
      <c r="E43687" s="15">
        <v>45628</v>
      </c>
      <c r="F43687" s="14" t="s">
        <v>15</v>
      </c>
      <c r="G43687" s="16">
        <v>0</v>
      </c>
    </row>
    <row r="43688" spans="1:7" x14ac:dyDescent="0.3">
      <c r="A43688" s="13" t="s">
        <v>255</v>
      </c>
      <c r="B43688" s="14" t="s">
        <v>1</v>
      </c>
      <c r="C43688" s="14" t="s">
        <v>96</v>
      </c>
      <c r="D43688" s="14" t="s">
        <v>256</v>
      </c>
      <c r="E43688" s="15">
        <v>45629</v>
      </c>
      <c r="F43688" s="14" t="s">
        <v>15</v>
      </c>
      <c r="G43688" s="16">
        <v>0</v>
      </c>
    </row>
    <row r="43689" spans="1:7" x14ac:dyDescent="0.3">
      <c r="A43689" s="13" t="s">
        <v>255</v>
      </c>
      <c r="B43689" s="14" t="s">
        <v>1</v>
      </c>
      <c r="C43689" s="14" t="s">
        <v>96</v>
      </c>
      <c r="D43689" s="14" t="s">
        <v>256</v>
      </c>
      <c r="E43689" s="15">
        <v>45630</v>
      </c>
      <c r="F43689" s="14" t="s">
        <v>15</v>
      </c>
      <c r="G43689" s="16">
        <v>0</v>
      </c>
    </row>
    <row r="43690" spans="1:7" x14ac:dyDescent="0.3">
      <c r="A43690" s="13" t="s">
        <v>255</v>
      </c>
      <c r="B43690" s="14" t="s">
        <v>1</v>
      </c>
      <c r="C43690" s="14" t="s">
        <v>96</v>
      </c>
      <c r="D43690" s="14" t="s">
        <v>256</v>
      </c>
      <c r="E43690" s="15">
        <v>45631</v>
      </c>
      <c r="F43690" s="14" t="s">
        <v>15</v>
      </c>
      <c r="G43690" s="16">
        <v>0</v>
      </c>
    </row>
    <row r="43691" spans="1:7" x14ac:dyDescent="0.3">
      <c r="A43691" s="13" t="s">
        <v>255</v>
      </c>
      <c r="B43691" s="14" t="s">
        <v>1</v>
      </c>
      <c r="C43691" s="14" t="s">
        <v>96</v>
      </c>
      <c r="D43691" s="14" t="s">
        <v>256</v>
      </c>
      <c r="E43691" s="15">
        <v>45632</v>
      </c>
      <c r="F43691" s="14" t="s">
        <v>15</v>
      </c>
      <c r="G43691" s="16">
        <v>0</v>
      </c>
    </row>
    <row r="43692" spans="1:7" x14ac:dyDescent="0.3">
      <c r="A43692" s="13" t="s">
        <v>255</v>
      </c>
      <c r="B43692" s="14" t="s">
        <v>1</v>
      </c>
      <c r="C43692" s="14" t="s">
        <v>96</v>
      </c>
      <c r="D43692" s="14" t="s">
        <v>256</v>
      </c>
      <c r="E43692" s="15">
        <v>45633</v>
      </c>
      <c r="F43692" s="14" t="s">
        <v>15</v>
      </c>
      <c r="G43692" s="16">
        <v>0</v>
      </c>
    </row>
    <row r="43693" spans="1:7" x14ac:dyDescent="0.3">
      <c r="A43693" s="13" t="s">
        <v>255</v>
      </c>
      <c r="B43693" s="14" t="s">
        <v>1</v>
      </c>
      <c r="C43693" s="14" t="s">
        <v>96</v>
      </c>
      <c r="D43693" s="14" t="s">
        <v>256</v>
      </c>
      <c r="E43693" s="15">
        <v>45634</v>
      </c>
      <c r="F43693" s="14" t="s">
        <v>15</v>
      </c>
      <c r="G43693" s="16">
        <v>0</v>
      </c>
    </row>
    <row r="43694" spans="1:7" x14ac:dyDescent="0.3">
      <c r="A43694" s="13" t="s">
        <v>255</v>
      </c>
      <c r="B43694" s="14" t="s">
        <v>1</v>
      </c>
      <c r="C43694" s="14" t="s">
        <v>96</v>
      </c>
      <c r="D43694" s="14" t="s">
        <v>256</v>
      </c>
      <c r="E43694" s="15">
        <v>45635</v>
      </c>
      <c r="F43694" s="14" t="s">
        <v>15</v>
      </c>
      <c r="G43694" s="16">
        <v>0</v>
      </c>
    </row>
    <row r="43695" spans="1:7" x14ac:dyDescent="0.3">
      <c r="A43695" s="13" t="s">
        <v>255</v>
      </c>
      <c r="B43695" s="14" t="s">
        <v>1</v>
      </c>
      <c r="C43695" s="14" t="s">
        <v>96</v>
      </c>
      <c r="D43695" s="14" t="s">
        <v>256</v>
      </c>
      <c r="E43695" s="15">
        <v>45636</v>
      </c>
      <c r="F43695" s="14" t="s">
        <v>15</v>
      </c>
      <c r="G43695" s="16">
        <v>0</v>
      </c>
    </row>
    <row r="43696" spans="1:7" x14ac:dyDescent="0.3">
      <c r="A43696" s="13" t="s">
        <v>255</v>
      </c>
      <c r="B43696" s="14" t="s">
        <v>1</v>
      </c>
      <c r="C43696" s="14" t="s">
        <v>96</v>
      </c>
      <c r="D43696" s="14" t="s">
        <v>256</v>
      </c>
      <c r="E43696" s="15">
        <v>45637</v>
      </c>
      <c r="F43696" s="14" t="s">
        <v>15</v>
      </c>
      <c r="G43696" s="16">
        <v>0</v>
      </c>
    </row>
    <row r="43697" spans="1:7" x14ac:dyDescent="0.3">
      <c r="A43697" s="13" t="s">
        <v>255</v>
      </c>
      <c r="B43697" s="14" t="s">
        <v>1</v>
      </c>
      <c r="C43697" s="14" t="s">
        <v>96</v>
      </c>
      <c r="D43697" s="14" t="s">
        <v>256</v>
      </c>
      <c r="E43697" s="15">
        <v>45638</v>
      </c>
      <c r="F43697" s="14" t="s">
        <v>15</v>
      </c>
      <c r="G43697" s="16">
        <v>0</v>
      </c>
    </row>
    <row r="43698" spans="1:7" x14ac:dyDescent="0.3">
      <c r="A43698" s="13" t="s">
        <v>255</v>
      </c>
      <c r="B43698" s="14" t="s">
        <v>1</v>
      </c>
      <c r="C43698" s="14" t="s">
        <v>96</v>
      </c>
      <c r="D43698" s="14" t="s">
        <v>256</v>
      </c>
      <c r="E43698" s="15">
        <v>45639</v>
      </c>
      <c r="F43698" s="14" t="s">
        <v>15</v>
      </c>
      <c r="G43698" s="16">
        <v>0</v>
      </c>
    </row>
    <row r="43699" spans="1:7" x14ac:dyDescent="0.3">
      <c r="A43699" s="13" t="s">
        <v>255</v>
      </c>
      <c r="B43699" s="14" t="s">
        <v>1</v>
      </c>
      <c r="C43699" s="14" t="s">
        <v>96</v>
      </c>
      <c r="D43699" s="14" t="s">
        <v>256</v>
      </c>
      <c r="E43699" s="15">
        <v>45640</v>
      </c>
      <c r="F43699" s="14" t="s">
        <v>15</v>
      </c>
      <c r="G43699" s="16">
        <v>0</v>
      </c>
    </row>
    <row r="43700" spans="1:7" x14ac:dyDescent="0.3">
      <c r="A43700" s="13" t="s">
        <v>255</v>
      </c>
      <c r="B43700" s="14" t="s">
        <v>1</v>
      </c>
      <c r="C43700" s="14" t="s">
        <v>96</v>
      </c>
      <c r="D43700" s="14" t="s">
        <v>256</v>
      </c>
      <c r="E43700" s="15">
        <v>45641</v>
      </c>
      <c r="F43700" s="14" t="s">
        <v>15</v>
      </c>
      <c r="G43700" s="16">
        <v>0</v>
      </c>
    </row>
    <row r="43701" spans="1:7" x14ac:dyDescent="0.3">
      <c r="A43701" s="13" t="s">
        <v>255</v>
      </c>
      <c r="B43701" s="14" t="s">
        <v>1</v>
      </c>
      <c r="C43701" s="14" t="s">
        <v>96</v>
      </c>
      <c r="D43701" s="14" t="s">
        <v>256</v>
      </c>
      <c r="E43701" s="15">
        <v>45642</v>
      </c>
      <c r="F43701" s="14" t="s">
        <v>15</v>
      </c>
      <c r="G43701" s="16">
        <v>0</v>
      </c>
    </row>
    <row r="43702" spans="1:7" x14ac:dyDescent="0.3">
      <c r="A43702" s="13" t="s">
        <v>255</v>
      </c>
      <c r="B43702" s="14" t="s">
        <v>1</v>
      </c>
      <c r="C43702" s="14" t="s">
        <v>96</v>
      </c>
      <c r="D43702" s="14" t="s">
        <v>256</v>
      </c>
      <c r="E43702" s="15">
        <v>45643</v>
      </c>
      <c r="F43702" s="14" t="s">
        <v>15</v>
      </c>
      <c r="G43702" s="16">
        <v>0</v>
      </c>
    </row>
    <row r="43703" spans="1:7" x14ac:dyDescent="0.3">
      <c r="A43703" s="13" t="s">
        <v>255</v>
      </c>
      <c r="B43703" s="14" t="s">
        <v>1</v>
      </c>
      <c r="C43703" s="14" t="s">
        <v>96</v>
      </c>
      <c r="D43703" s="14" t="s">
        <v>256</v>
      </c>
      <c r="E43703" s="15">
        <v>45644</v>
      </c>
      <c r="F43703" s="14" t="s">
        <v>15</v>
      </c>
      <c r="G43703" s="16">
        <v>0</v>
      </c>
    </row>
    <row r="43704" spans="1:7" x14ac:dyDescent="0.3">
      <c r="A43704" s="13" t="s">
        <v>255</v>
      </c>
      <c r="B43704" s="14" t="s">
        <v>1</v>
      </c>
      <c r="C43704" s="14" t="s">
        <v>96</v>
      </c>
      <c r="D43704" s="14" t="s">
        <v>256</v>
      </c>
      <c r="E43704" s="15">
        <v>45645</v>
      </c>
      <c r="F43704" s="14" t="s">
        <v>15</v>
      </c>
      <c r="G43704" s="16">
        <v>0</v>
      </c>
    </row>
    <row r="43705" spans="1:7" x14ac:dyDescent="0.3">
      <c r="A43705" s="13" t="s">
        <v>255</v>
      </c>
      <c r="B43705" s="14" t="s">
        <v>1</v>
      </c>
      <c r="C43705" s="14" t="s">
        <v>96</v>
      </c>
      <c r="D43705" s="14" t="s">
        <v>256</v>
      </c>
      <c r="E43705" s="15">
        <v>45646</v>
      </c>
      <c r="F43705" s="14" t="s">
        <v>15</v>
      </c>
      <c r="G43705" s="16">
        <v>0</v>
      </c>
    </row>
    <row r="43706" spans="1:7" x14ac:dyDescent="0.3">
      <c r="A43706" s="13" t="s">
        <v>255</v>
      </c>
      <c r="B43706" s="14" t="s">
        <v>1</v>
      </c>
      <c r="C43706" s="14" t="s">
        <v>96</v>
      </c>
      <c r="D43706" s="14" t="s">
        <v>256</v>
      </c>
      <c r="E43706" s="15">
        <v>45647</v>
      </c>
      <c r="F43706" s="14" t="s">
        <v>15</v>
      </c>
      <c r="G43706" s="16">
        <v>0</v>
      </c>
    </row>
    <row r="43707" spans="1:7" x14ac:dyDescent="0.3">
      <c r="A43707" s="13" t="s">
        <v>255</v>
      </c>
      <c r="B43707" s="14" t="s">
        <v>1</v>
      </c>
      <c r="C43707" s="14" t="s">
        <v>96</v>
      </c>
      <c r="D43707" s="14" t="s">
        <v>256</v>
      </c>
      <c r="E43707" s="15">
        <v>45648</v>
      </c>
      <c r="F43707" s="14" t="s">
        <v>15</v>
      </c>
      <c r="G43707" s="16">
        <v>0</v>
      </c>
    </row>
    <row r="43708" spans="1:7" x14ac:dyDescent="0.3">
      <c r="A43708" s="13" t="s">
        <v>255</v>
      </c>
      <c r="B43708" s="14" t="s">
        <v>1</v>
      </c>
      <c r="C43708" s="14" t="s">
        <v>96</v>
      </c>
      <c r="D43708" s="14" t="s">
        <v>256</v>
      </c>
      <c r="E43708" s="15">
        <v>45649</v>
      </c>
      <c r="F43708" s="14" t="s">
        <v>15</v>
      </c>
      <c r="G43708" s="16">
        <v>0</v>
      </c>
    </row>
    <row r="43709" spans="1:7" x14ac:dyDescent="0.3">
      <c r="A43709" s="13" t="s">
        <v>255</v>
      </c>
      <c r="B43709" s="14" t="s">
        <v>1</v>
      </c>
      <c r="C43709" s="14" t="s">
        <v>96</v>
      </c>
      <c r="D43709" s="14" t="s">
        <v>256</v>
      </c>
      <c r="E43709" s="15">
        <v>45650</v>
      </c>
      <c r="F43709" s="14" t="s">
        <v>15</v>
      </c>
      <c r="G43709" s="16">
        <v>0</v>
      </c>
    </row>
    <row r="43710" spans="1:7" x14ac:dyDescent="0.3">
      <c r="A43710" s="13" t="s">
        <v>255</v>
      </c>
      <c r="B43710" s="14" t="s">
        <v>1</v>
      </c>
      <c r="C43710" s="14" t="s">
        <v>96</v>
      </c>
      <c r="D43710" s="14" t="s">
        <v>256</v>
      </c>
      <c r="E43710" s="15">
        <v>45651</v>
      </c>
      <c r="F43710" s="14" t="s">
        <v>15</v>
      </c>
      <c r="G43710" s="16">
        <v>0</v>
      </c>
    </row>
    <row r="43711" spans="1:7" x14ac:dyDescent="0.3">
      <c r="A43711" s="13" t="s">
        <v>255</v>
      </c>
      <c r="B43711" s="14" t="s">
        <v>1</v>
      </c>
      <c r="C43711" s="14" t="s">
        <v>96</v>
      </c>
      <c r="D43711" s="14" t="s">
        <v>256</v>
      </c>
      <c r="E43711" s="15">
        <v>45652</v>
      </c>
      <c r="F43711" s="14" t="s">
        <v>15</v>
      </c>
      <c r="G43711" s="16">
        <v>0</v>
      </c>
    </row>
    <row r="43712" spans="1:7" x14ac:dyDescent="0.3">
      <c r="A43712" s="13" t="s">
        <v>255</v>
      </c>
      <c r="B43712" s="14" t="s">
        <v>1</v>
      </c>
      <c r="C43712" s="14" t="s">
        <v>96</v>
      </c>
      <c r="D43712" s="14" t="s">
        <v>256</v>
      </c>
      <c r="E43712" s="15">
        <v>45653</v>
      </c>
      <c r="F43712" s="14" t="s">
        <v>15</v>
      </c>
      <c r="G43712" s="16">
        <v>0</v>
      </c>
    </row>
    <row r="43713" spans="1:7" x14ac:dyDescent="0.3">
      <c r="A43713" s="13" t="s">
        <v>255</v>
      </c>
      <c r="B43713" s="14" t="s">
        <v>1</v>
      </c>
      <c r="C43713" s="14" t="s">
        <v>96</v>
      </c>
      <c r="D43713" s="14" t="s">
        <v>256</v>
      </c>
      <c r="E43713" s="15">
        <v>45654</v>
      </c>
      <c r="F43713" s="14" t="s">
        <v>15</v>
      </c>
      <c r="G43713" s="16">
        <v>0</v>
      </c>
    </row>
    <row r="43714" spans="1:7" x14ac:dyDescent="0.3">
      <c r="A43714" s="13" t="s">
        <v>255</v>
      </c>
      <c r="B43714" s="14" t="s">
        <v>1</v>
      </c>
      <c r="C43714" s="14" t="s">
        <v>96</v>
      </c>
      <c r="D43714" s="14" t="s">
        <v>256</v>
      </c>
      <c r="E43714" s="15">
        <v>45655</v>
      </c>
      <c r="F43714" s="14" t="s">
        <v>15</v>
      </c>
      <c r="G43714" s="16">
        <v>0</v>
      </c>
    </row>
    <row r="43715" spans="1:7" x14ac:dyDescent="0.3">
      <c r="A43715" s="13" t="s">
        <v>255</v>
      </c>
      <c r="B43715" s="14" t="s">
        <v>1</v>
      </c>
      <c r="C43715" s="14" t="s">
        <v>96</v>
      </c>
      <c r="D43715" s="14" t="s">
        <v>256</v>
      </c>
      <c r="E43715" s="15">
        <v>45656</v>
      </c>
      <c r="F43715" s="14" t="s">
        <v>15</v>
      </c>
      <c r="G43715" s="16">
        <v>0</v>
      </c>
    </row>
    <row r="43716" spans="1:7" x14ac:dyDescent="0.3">
      <c r="A43716" s="13" t="s">
        <v>255</v>
      </c>
      <c r="B43716" s="14" t="s">
        <v>1</v>
      </c>
      <c r="C43716" s="14" t="s">
        <v>96</v>
      </c>
      <c r="D43716" s="14" t="s">
        <v>256</v>
      </c>
      <c r="E43716" s="15">
        <v>45657</v>
      </c>
      <c r="F43716" s="14" t="s">
        <v>15</v>
      </c>
      <c r="G43716" s="16">
        <v>0</v>
      </c>
    </row>
    <row r="43717" spans="1:7" x14ac:dyDescent="0.3">
      <c r="A43717" s="13" t="s">
        <v>255</v>
      </c>
      <c r="B43717" s="14" t="s">
        <v>1</v>
      </c>
      <c r="C43717" s="14" t="s">
        <v>96</v>
      </c>
      <c r="D43717" s="14" t="s">
        <v>256</v>
      </c>
      <c r="E43717" s="15">
        <v>45658</v>
      </c>
      <c r="F43717" s="14" t="s">
        <v>15</v>
      </c>
      <c r="G43717" s="16">
        <v>0</v>
      </c>
    </row>
    <row r="43718" spans="1:7" x14ac:dyDescent="0.3">
      <c r="A43718" s="13" t="s">
        <v>255</v>
      </c>
      <c r="B43718" s="14" t="s">
        <v>1</v>
      </c>
      <c r="C43718" s="14" t="s">
        <v>96</v>
      </c>
      <c r="D43718" s="14" t="s">
        <v>256</v>
      </c>
      <c r="E43718" s="15">
        <v>45659</v>
      </c>
      <c r="F43718" s="14" t="s">
        <v>15</v>
      </c>
      <c r="G43718" s="16">
        <v>0</v>
      </c>
    </row>
    <row r="43719" spans="1:7" x14ac:dyDescent="0.3">
      <c r="A43719" s="13" t="s">
        <v>255</v>
      </c>
      <c r="B43719" s="14" t="s">
        <v>1</v>
      </c>
      <c r="C43719" s="14" t="s">
        <v>96</v>
      </c>
      <c r="D43719" s="14" t="s">
        <v>256</v>
      </c>
      <c r="E43719" s="15">
        <v>45660</v>
      </c>
      <c r="F43719" s="14" t="s">
        <v>15</v>
      </c>
      <c r="G43719" s="16">
        <v>0</v>
      </c>
    </row>
    <row r="43720" spans="1:7" x14ac:dyDescent="0.3">
      <c r="A43720" s="13" t="s">
        <v>255</v>
      </c>
      <c r="B43720" s="14" t="s">
        <v>1</v>
      </c>
      <c r="C43720" s="14" t="s">
        <v>96</v>
      </c>
      <c r="D43720" s="14" t="s">
        <v>256</v>
      </c>
      <c r="E43720" s="15">
        <v>45661</v>
      </c>
      <c r="F43720" s="14" t="s">
        <v>15</v>
      </c>
      <c r="G43720" s="16">
        <v>0</v>
      </c>
    </row>
    <row r="43721" spans="1:7" x14ac:dyDescent="0.3">
      <c r="A43721" s="13" t="s">
        <v>255</v>
      </c>
      <c r="B43721" s="14" t="s">
        <v>1</v>
      </c>
      <c r="C43721" s="14" t="s">
        <v>96</v>
      </c>
      <c r="D43721" s="14" t="s">
        <v>256</v>
      </c>
      <c r="E43721" s="15">
        <v>45662</v>
      </c>
      <c r="F43721" s="14" t="s">
        <v>15</v>
      </c>
      <c r="G43721" s="16">
        <v>0</v>
      </c>
    </row>
    <row r="43722" spans="1:7" x14ac:dyDescent="0.3">
      <c r="A43722" s="13" t="s">
        <v>255</v>
      </c>
      <c r="B43722" s="14" t="s">
        <v>1</v>
      </c>
      <c r="C43722" s="14" t="s">
        <v>96</v>
      </c>
      <c r="D43722" s="14" t="s">
        <v>256</v>
      </c>
      <c r="E43722" s="15">
        <v>45663</v>
      </c>
      <c r="F43722" s="14" t="s">
        <v>15</v>
      </c>
      <c r="G43722" s="16">
        <v>0</v>
      </c>
    </row>
    <row r="43723" spans="1:7" x14ac:dyDescent="0.3">
      <c r="A43723" s="13" t="s">
        <v>255</v>
      </c>
      <c r="B43723" s="14" t="s">
        <v>1</v>
      </c>
      <c r="C43723" s="14" t="s">
        <v>96</v>
      </c>
      <c r="D43723" s="14" t="s">
        <v>256</v>
      </c>
      <c r="E43723" s="15">
        <v>45664</v>
      </c>
      <c r="F43723" s="14" t="s">
        <v>15</v>
      </c>
      <c r="G43723" s="16">
        <v>0</v>
      </c>
    </row>
    <row r="43724" spans="1:7" x14ac:dyDescent="0.3">
      <c r="A43724" s="13" t="s">
        <v>255</v>
      </c>
      <c r="B43724" s="14" t="s">
        <v>1</v>
      </c>
      <c r="C43724" s="14" t="s">
        <v>96</v>
      </c>
      <c r="D43724" s="14" t="s">
        <v>256</v>
      </c>
      <c r="E43724" s="15">
        <v>45665</v>
      </c>
      <c r="F43724" s="14" t="s">
        <v>15</v>
      </c>
      <c r="G43724" s="16">
        <v>0</v>
      </c>
    </row>
    <row r="43725" spans="1:7" x14ac:dyDescent="0.3">
      <c r="A43725" s="13" t="s">
        <v>255</v>
      </c>
      <c r="B43725" s="14" t="s">
        <v>1</v>
      </c>
      <c r="C43725" s="14" t="s">
        <v>96</v>
      </c>
      <c r="D43725" s="14" t="s">
        <v>256</v>
      </c>
      <c r="E43725" s="15">
        <v>45666</v>
      </c>
      <c r="F43725" s="14" t="s">
        <v>15</v>
      </c>
      <c r="G43725" s="16">
        <v>0</v>
      </c>
    </row>
    <row r="43726" spans="1:7" x14ac:dyDescent="0.3">
      <c r="A43726" s="13" t="s">
        <v>255</v>
      </c>
      <c r="B43726" s="14" t="s">
        <v>1</v>
      </c>
      <c r="C43726" s="14" t="s">
        <v>96</v>
      </c>
      <c r="D43726" s="14" t="s">
        <v>256</v>
      </c>
      <c r="E43726" s="15">
        <v>45667</v>
      </c>
      <c r="F43726" s="14" t="s">
        <v>15</v>
      </c>
      <c r="G43726" s="16">
        <v>0</v>
      </c>
    </row>
    <row r="43727" spans="1:7" x14ac:dyDescent="0.3">
      <c r="A43727" s="13" t="s">
        <v>255</v>
      </c>
      <c r="B43727" s="14" t="s">
        <v>1</v>
      </c>
      <c r="C43727" s="14" t="s">
        <v>96</v>
      </c>
      <c r="D43727" s="14" t="s">
        <v>256</v>
      </c>
      <c r="E43727" s="15">
        <v>45668</v>
      </c>
      <c r="F43727" s="14" t="s">
        <v>15</v>
      </c>
      <c r="G43727" s="16">
        <v>0</v>
      </c>
    </row>
    <row r="43728" spans="1:7" x14ac:dyDescent="0.3">
      <c r="A43728" s="13" t="s">
        <v>255</v>
      </c>
      <c r="B43728" s="14" t="s">
        <v>1</v>
      </c>
      <c r="C43728" s="14" t="s">
        <v>96</v>
      </c>
      <c r="D43728" s="14" t="s">
        <v>256</v>
      </c>
      <c r="E43728" s="15">
        <v>45669</v>
      </c>
      <c r="F43728" s="14" t="s">
        <v>15</v>
      </c>
      <c r="G43728" s="16">
        <v>0</v>
      </c>
    </row>
    <row r="43729" spans="1:7" x14ac:dyDescent="0.3">
      <c r="A43729" s="13" t="s">
        <v>255</v>
      </c>
      <c r="B43729" s="14" t="s">
        <v>1</v>
      </c>
      <c r="C43729" s="14" t="s">
        <v>96</v>
      </c>
      <c r="D43729" s="14" t="s">
        <v>256</v>
      </c>
      <c r="E43729" s="15">
        <v>45670</v>
      </c>
      <c r="F43729" s="14" t="s">
        <v>15</v>
      </c>
      <c r="G43729" s="16">
        <v>0</v>
      </c>
    </row>
    <row r="43730" spans="1:7" x14ac:dyDescent="0.3">
      <c r="A43730" s="13" t="s">
        <v>255</v>
      </c>
      <c r="B43730" s="14" t="s">
        <v>1</v>
      </c>
      <c r="C43730" s="14" t="s">
        <v>96</v>
      </c>
      <c r="D43730" s="14" t="s">
        <v>256</v>
      </c>
      <c r="E43730" s="15">
        <v>45671</v>
      </c>
      <c r="F43730" s="14" t="s">
        <v>15</v>
      </c>
      <c r="G43730" s="16">
        <v>0</v>
      </c>
    </row>
    <row r="43731" spans="1:7" x14ac:dyDescent="0.3">
      <c r="A43731" s="13" t="s">
        <v>255</v>
      </c>
      <c r="B43731" s="14" t="s">
        <v>1</v>
      </c>
      <c r="C43731" s="14" t="s">
        <v>96</v>
      </c>
      <c r="D43731" s="14" t="s">
        <v>256</v>
      </c>
      <c r="E43731" s="15">
        <v>45672</v>
      </c>
      <c r="F43731" s="14" t="s">
        <v>15</v>
      </c>
      <c r="G43731" s="16">
        <v>0</v>
      </c>
    </row>
    <row r="43732" spans="1:7" x14ac:dyDescent="0.3">
      <c r="A43732" s="13" t="s">
        <v>255</v>
      </c>
      <c r="B43732" s="14" t="s">
        <v>1</v>
      </c>
      <c r="C43732" s="14" t="s">
        <v>96</v>
      </c>
      <c r="D43732" s="14" t="s">
        <v>256</v>
      </c>
      <c r="E43732" s="15">
        <v>45673</v>
      </c>
      <c r="F43732" s="14" t="s">
        <v>15</v>
      </c>
      <c r="G43732" s="16">
        <v>0</v>
      </c>
    </row>
    <row r="43733" spans="1:7" x14ac:dyDescent="0.3">
      <c r="A43733" s="13" t="s">
        <v>255</v>
      </c>
      <c r="B43733" s="14" t="s">
        <v>1</v>
      </c>
      <c r="C43733" s="14" t="s">
        <v>96</v>
      </c>
      <c r="D43733" s="14" t="s">
        <v>256</v>
      </c>
      <c r="E43733" s="15">
        <v>45674</v>
      </c>
      <c r="F43733" s="14" t="s">
        <v>15</v>
      </c>
      <c r="G43733" s="16">
        <v>0</v>
      </c>
    </row>
    <row r="43734" spans="1:7" x14ac:dyDescent="0.3">
      <c r="A43734" s="13" t="s">
        <v>255</v>
      </c>
      <c r="B43734" s="14" t="s">
        <v>1</v>
      </c>
      <c r="C43734" s="14" t="s">
        <v>96</v>
      </c>
      <c r="D43734" s="14" t="s">
        <v>256</v>
      </c>
      <c r="E43734" s="15">
        <v>45675</v>
      </c>
      <c r="F43734" s="14" t="s">
        <v>15</v>
      </c>
      <c r="G43734" s="16">
        <v>0</v>
      </c>
    </row>
    <row r="43735" spans="1:7" x14ac:dyDescent="0.3">
      <c r="A43735" s="13" t="s">
        <v>255</v>
      </c>
      <c r="B43735" s="14" t="s">
        <v>1</v>
      </c>
      <c r="C43735" s="14" t="s">
        <v>96</v>
      </c>
      <c r="D43735" s="14" t="s">
        <v>256</v>
      </c>
      <c r="E43735" s="15">
        <v>45676</v>
      </c>
      <c r="F43735" s="14" t="s">
        <v>15</v>
      </c>
      <c r="G43735" s="16">
        <v>0</v>
      </c>
    </row>
    <row r="43736" spans="1:7" x14ac:dyDescent="0.3">
      <c r="A43736" s="13" t="s">
        <v>255</v>
      </c>
      <c r="B43736" s="14" t="s">
        <v>1</v>
      </c>
      <c r="C43736" s="14" t="s">
        <v>96</v>
      </c>
      <c r="D43736" s="14" t="s">
        <v>256</v>
      </c>
      <c r="E43736" s="15">
        <v>45677</v>
      </c>
      <c r="F43736" s="14" t="s">
        <v>15</v>
      </c>
      <c r="G43736" s="16">
        <v>0</v>
      </c>
    </row>
    <row r="43737" spans="1:7" x14ac:dyDescent="0.3">
      <c r="A43737" s="13" t="s">
        <v>255</v>
      </c>
      <c r="B43737" s="14" t="s">
        <v>1</v>
      </c>
      <c r="C43737" s="14" t="s">
        <v>96</v>
      </c>
      <c r="D43737" s="14" t="s">
        <v>256</v>
      </c>
      <c r="E43737" s="15">
        <v>45678</v>
      </c>
      <c r="F43737" s="14" t="s">
        <v>15</v>
      </c>
      <c r="G43737" s="16">
        <v>0</v>
      </c>
    </row>
    <row r="43738" spans="1:7" x14ac:dyDescent="0.3">
      <c r="A43738" s="13" t="s">
        <v>255</v>
      </c>
      <c r="B43738" s="14" t="s">
        <v>1</v>
      </c>
      <c r="C43738" s="14" t="s">
        <v>96</v>
      </c>
      <c r="D43738" s="14" t="s">
        <v>256</v>
      </c>
      <c r="E43738" s="15">
        <v>45679</v>
      </c>
      <c r="F43738" s="14" t="s">
        <v>15</v>
      </c>
      <c r="G43738" s="16">
        <v>0</v>
      </c>
    </row>
    <row r="43739" spans="1:7" x14ac:dyDescent="0.3">
      <c r="A43739" s="13" t="s">
        <v>255</v>
      </c>
      <c r="B43739" s="14" t="s">
        <v>1</v>
      </c>
      <c r="C43739" s="14" t="s">
        <v>96</v>
      </c>
      <c r="D43739" s="14" t="s">
        <v>256</v>
      </c>
      <c r="E43739" s="15">
        <v>45680</v>
      </c>
      <c r="F43739" s="14" t="s">
        <v>15</v>
      </c>
      <c r="G43739" s="16">
        <v>0</v>
      </c>
    </row>
    <row r="43740" spans="1:7" x14ac:dyDescent="0.3">
      <c r="A43740" s="13" t="s">
        <v>255</v>
      </c>
      <c r="B43740" s="14" t="s">
        <v>1</v>
      </c>
      <c r="C43740" s="14" t="s">
        <v>96</v>
      </c>
      <c r="D43740" s="14" t="s">
        <v>256</v>
      </c>
      <c r="E43740" s="15">
        <v>45681</v>
      </c>
      <c r="F43740" s="14" t="s">
        <v>15</v>
      </c>
      <c r="G43740" s="16">
        <v>0</v>
      </c>
    </row>
    <row r="43741" spans="1:7" x14ac:dyDescent="0.3">
      <c r="A43741" s="13" t="s">
        <v>255</v>
      </c>
      <c r="B43741" s="14" t="s">
        <v>1</v>
      </c>
      <c r="C43741" s="14" t="s">
        <v>96</v>
      </c>
      <c r="D43741" s="14" t="s">
        <v>256</v>
      </c>
      <c r="E43741" s="15">
        <v>45682</v>
      </c>
      <c r="F43741" s="14" t="s">
        <v>15</v>
      </c>
      <c r="G43741" s="16">
        <v>0</v>
      </c>
    </row>
    <row r="43742" spans="1:7" x14ac:dyDescent="0.3">
      <c r="A43742" s="13" t="s">
        <v>255</v>
      </c>
      <c r="B43742" s="14" t="s">
        <v>1</v>
      </c>
      <c r="C43742" s="14" t="s">
        <v>96</v>
      </c>
      <c r="D43742" s="14" t="s">
        <v>256</v>
      </c>
      <c r="E43742" s="15">
        <v>45683</v>
      </c>
      <c r="F43742" s="14" t="s">
        <v>15</v>
      </c>
      <c r="G43742" s="16">
        <v>0</v>
      </c>
    </row>
    <row r="43743" spans="1:7" x14ac:dyDescent="0.3">
      <c r="A43743" s="13" t="s">
        <v>255</v>
      </c>
      <c r="B43743" s="14" t="s">
        <v>1</v>
      </c>
      <c r="C43743" s="14" t="s">
        <v>96</v>
      </c>
      <c r="D43743" s="14" t="s">
        <v>256</v>
      </c>
      <c r="E43743" s="15">
        <v>45684</v>
      </c>
      <c r="F43743" s="14" t="s">
        <v>15</v>
      </c>
      <c r="G43743" s="16">
        <v>0</v>
      </c>
    </row>
    <row r="43744" spans="1:7" x14ac:dyDescent="0.3">
      <c r="A43744" s="13" t="s">
        <v>255</v>
      </c>
      <c r="B43744" s="14" t="s">
        <v>1</v>
      </c>
      <c r="C43744" s="14" t="s">
        <v>96</v>
      </c>
      <c r="D43744" s="14" t="s">
        <v>256</v>
      </c>
      <c r="E43744" s="15">
        <v>45685</v>
      </c>
      <c r="F43744" s="14" t="s">
        <v>15</v>
      </c>
      <c r="G43744" s="16">
        <v>0</v>
      </c>
    </row>
    <row r="43745" spans="1:7" x14ac:dyDescent="0.3">
      <c r="A43745" s="13" t="s">
        <v>255</v>
      </c>
      <c r="B43745" s="14" t="s">
        <v>1</v>
      </c>
      <c r="C43745" s="14" t="s">
        <v>96</v>
      </c>
      <c r="D43745" s="14" t="s">
        <v>256</v>
      </c>
      <c r="E43745" s="15">
        <v>45686</v>
      </c>
      <c r="F43745" s="14" t="s">
        <v>15</v>
      </c>
      <c r="G43745" s="16">
        <v>0</v>
      </c>
    </row>
    <row r="43746" spans="1:7" x14ac:dyDescent="0.3">
      <c r="A43746" s="13" t="s">
        <v>255</v>
      </c>
      <c r="B43746" s="14" t="s">
        <v>1</v>
      </c>
      <c r="C43746" s="14" t="s">
        <v>96</v>
      </c>
      <c r="D43746" s="14" t="s">
        <v>256</v>
      </c>
      <c r="E43746" s="15">
        <v>45687</v>
      </c>
      <c r="F43746" s="14" t="s">
        <v>15</v>
      </c>
      <c r="G43746" s="16">
        <v>0</v>
      </c>
    </row>
    <row r="43747" spans="1:7" x14ac:dyDescent="0.3">
      <c r="A43747" s="13" t="s">
        <v>255</v>
      </c>
      <c r="B43747" s="14" t="s">
        <v>1</v>
      </c>
      <c r="C43747" s="14" t="s">
        <v>96</v>
      </c>
      <c r="D43747" s="14" t="s">
        <v>256</v>
      </c>
      <c r="E43747" s="15">
        <v>45688</v>
      </c>
      <c r="F43747" s="14" t="s">
        <v>15</v>
      </c>
      <c r="G43747" s="16">
        <v>0</v>
      </c>
    </row>
    <row r="43748" spans="1:7" x14ac:dyDescent="0.3">
      <c r="A43748" s="13" t="s">
        <v>255</v>
      </c>
      <c r="B43748" s="14" t="s">
        <v>1</v>
      </c>
      <c r="C43748" s="14" t="s">
        <v>96</v>
      </c>
      <c r="D43748" s="14" t="s">
        <v>256</v>
      </c>
      <c r="E43748" s="15">
        <v>45689</v>
      </c>
      <c r="F43748" s="14" t="s">
        <v>15</v>
      </c>
      <c r="G43748" s="16">
        <v>0</v>
      </c>
    </row>
    <row r="43749" spans="1:7" x14ac:dyDescent="0.3">
      <c r="A43749" s="13" t="s">
        <v>255</v>
      </c>
      <c r="B43749" s="14" t="s">
        <v>1</v>
      </c>
      <c r="C43749" s="14" t="s">
        <v>96</v>
      </c>
      <c r="D43749" s="14" t="s">
        <v>256</v>
      </c>
      <c r="E43749" s="15">
        <v>45690</v>
      </c>
      <c r="F43749" s="14" t="s">
        <v>15</v>
      </c>
      <c r="G43749" s="16">
        <v>0</v>
      </c>
    </row>
    <row r="43750" spans="1:7" x14ac:dyDescent="0.3">
      <c r="A43750" s="13" t="s">
        <v>255</v>
      </c>
      <c r="B43750" s="14" t="s">
        <v>1</v>
      </c>
      <c r="C43750" s="14" t="s">
        <v>96</v>
      </c>
      <c r="D43750" s="14" t="s">
        <v>256</v>
      </c>
      <c r="E43750" s="15">
        <v>45691</v>
      </c>
      <c r="F43750" s="14" t="s">
        <v>15</v>
      </c>
      <c r="G43750" s="16">
        <v>0</v>
      </c>
    </row>
    <row r="43751" spans="1:7" x14ac:dyDescent="0.3">
      <c r="A43751" s="13" t="s">
        <v>255</v>
      </c>
      <c r="B43751" s="14" t="s">
        <v>1</v>
      </c>
      <c r="C43751" s="14" t="s">
        <v>96</v>
      </c>
      <c r="D43751" s="14" t="s">
        <v>256</v>
      </c>
      <c r="E43751" s="15">
        <v>45692</v>
      </c>
      <c r="F43751" s="14" t="s">
        <v>15</v>
      </c>
      <c r="G43751" s="16">
        <v>0</v>
      </c>
    </row>
    <row r="43752" spans="1:7" x14ac:dyDescent="0.3">
      <c r="A43752" s="13" t="s">
        <v>255</v>
      </c>
      <c r="B43752" s="14" t="s">
        <v>1</v>
      </c>
      <c r="C43752" s="14" t="s">
        <v>96</v>
      </c>
      <c r="D43752" s="14" t="s">
        <v>256</v>
      </c>
      <c r="E43752" s="15">
        <v>45693</v>
      </c>
      <c r="F43752" s="14" t="s">
        <v>15</v>
      </c>
      <c r="G43752" s="16">
        <v>0</v>
      </c>
    </row>
    <row r="43753" spans="1:7" x14ac:dyDescent="0.3">
      <c r="A43753" s="13" t="s">
        <v>255</v>
      </c>
      <c r="B43753" s="14" t="s">
        <v>1</v>
      </c>
      <c r="C43753" s="14" t="s">
        <v>96</v>
      </c>
      <c r="D43753" s="14" t="s">
        <v>256</v>
      </c>
      <c r="E43753" s="15">
        <v>45694</v>
      </c>
      <c r="F43753" s="14" t="s">
        <v>15</v>
      </c>
      <c r="G43753" s="16">
        <v>0</v>
      </c>
    </row>
    <row r="43754" spans="1:7" x14ac:dyDescent="0.3">
      <c r="A43754" s="13" t="s">
        <v>255</v>
      </c>
      <c r="B43754" s="14" t="s">
        <v>1</v>
      </c>
      <c r="C43754" s="14" t="s">
        <v>96</v>
      </c>
      <c r="D43754" s="14" t="s">
        <v>256</v>
      </c>
      <c r="E43754" s="15">
        <v>45695</v>
      </c>
      <c r="F43754" s="14" t="s">
        <v>15</v>
      </c>
      <c r="G43754" s="16">
        <v>0</v>
      </c>
    </row>
    <row r="43755" spans="1:7" x14ac:dyDescent="0.3">
      <c r="A43755" s="13" t="s">
        <v>255</v>
      </c>
      <c r="B43755" s="14" t="s">
        <v>1</v>
      </c>
      <c r="C43755" s="14" t="s">
        <v>96</v>
      </c>
      <c r="D43755" s="14" t="s">
        <v>256</v>
      </c>
      <c r="E43755" s="15">
        <v>45696</v>
      </c>
      <c r="F43755" s="14" t="s">
        <v>15</v>
      </c>
      <c r="G43755" s="16">
        <v>0</v>
      </c>
    </row>
    <row r="43756" spans="1:7" x14ac:dyDescent="0.3">
      <c r="A43756" s="13" t="s">
        <v>255</v>
      </c>
      <c r="B43756" s="14" t="s">
        <v>1</v>
      </c>
      <c r="C43756" s="14" t="s">
        <v>96</v>
      </c>
      <c r="D43756" s="14" t="s">
        <v>256</v>
      </c>
      <c r="E43756" s="15">
        <v>45697</v>
      </c>
      <c r="F43756" s="14" t="s">
        <v>15</v>
      </c>
      <c r="G43756" s="16">
        <v>0</v>
      </c>
    </row>
    <row r="43757" spans="1:7" x14ac:dyDescent="0.3">
      <c r="A43757" s="13" t="s">
        <v>255</v>
      </c>
      <c r="B43757" s="14" t="s">
        <v>1</v>
      </c>
      <c r="C43757" s="14" t="s">
        <v>96</v>
      </c>
      <c r="D43757" s="14" t="s">
        <v>256</v>
      </c>
      <c r="E43757" s="15">
        <v>45698</v>
      </c>
      <c r="F43757" s="14" t="s">
        <v>15</v>
      </c>
      <c r="G43757" s="16">
        <v>0</v>
      </c>
    </row>
    <row r="43758" spans="1:7" x14ac:dyDescent="0.3">
      <c r="A43758" s="13" t="s">
        <v>255</v>
      </c>
      <c r="B43758" s="14" t="s">
        <v>1</v>
      </c>
      <c r="C43758" s="14" t="s">
        <v>96</v>
      </c>
      <c r="D43758" s="14" t="s">
        <v>256</v>
      </c>
      <c r="E43758" s="15">
        <v>45699</v>
      </c>
      <c r="F43758" s="14" t="s">
        <v>15</v>
      </c>
      <c r="G43758" s="16">
        <v>0</v>
      </c>
    </row>
    <row r="43759" spans="1:7" x14ac:dyDescent="0.3">
      <c r="A43759" s="13" t="s">
        <v>255</v>
      </c>
      <c r="B43759" s="14" t="s">
        <v>1</v>
      </c>
      <c r="C43759" s="14" t="s">
        <v>96</v>
      </c>
      <c r="D43759" s="14" t="s">
        <v>256</v>
      </c>
      <c r="E43759" s="15">
        <v>45700</v>
      </c>
      <c r="F43759" s="14" t="s">
        <v>15</v>
      </c>
      <c r="G43759" s="16">
        <v>0</v>
      </c>
    </row>
    <row r="43760" spans="1:7" x14ac:dyDescent="0.3">
      <c r="A43760" s="13" t="s">
        <v>255</v>
      </c>
      <c r="B43760" s="14" t="s">
        <v>1</v>
      </c>
      <c r="C43760" s="14" t="s">
        <v>96</v>
      </c>
      <c r="D43760" s="14" t="s">
        <v>256</v>
      </c>
      <c r="E43760" s="15">
        <v>45701</v>
      </c>
      <c r="F43760" s="14" t="s">
        <v>15</v>
      </c>
      <c r="G43760" s="16">
        <v>0</v>
      </c>
    </row>
    <row r="43761" spans="1:7" x14ac:dyDescent="0.3">
      <c r="A43761" s="13" t="s">
        <v>255</v>
      </c>
      <c r="B43761" s="14" t="s">
        <v>1</v>
      </c>
      <c r="C43761" s="14" t="s">
        <v>96</v>
      </c>
      <c r="D43761" s="14" t="s">
        <v>256</v>
      </c>
      <c r="E43761" s="15">
        <v>45702</v>
      </c>
      <c r="F43761" s="14" t="s">
        <v>15</v>
      </c>
      <c r="G43761" s="16">
        <v>0</v>
      </c>
    </row>
    <row r="43762" spans="1:7" x14ac:dyDescent="0.3">
      <c r="A43762" s="13" t="s">
        <v>255</v>
      </c>
      <c r="B43762" s="14" t="s">
        <v>1</v>
      </c>
      <c r="C43762" s="14" t="s">
        <v>96</v>
      </c>
      <c r="D43762" s="14" t="s">
        <v>256</v>
      </c>
      <c r="E43762" s="15">
        <v>45703</v>
      </c>
      <c r="F43762" s="14" t="s">
        <v>15</v>
      </c>
      <c r="G43762" s="16">
        <v>0</v>
      </c>
    </row>
    <row r="43763" spans="1:7" x14ac:dyDescent="0.3">
      <c r="A43763" s="13" t="s">
        <v>255</v>
      </c>
      <c r="B43763" s="14" t="s">
        <v>1</v>
      </c>
      <c r="C43763" s="14" t="s">
        <v>96</v>
      </c>
      <c r="D43763" s="14" t="s">
        <v>256</v>
      </c>
      <c r="E43763" s="15">
        <v>45704</v>
      </c>
      <c r="F43763" s="14" t="s">
        <v>15</v>
      </c>
      <c r="G43763" s="16">
        <v>0</v>
      </c>
    </row>
    <row r="43764" spans="1:7" x14ac:dyDescent="0.3">
      <c r="A43764" s="13" t="s">
        <v>255</v>
      </c>
      <c r="B43764" s="14" t="s">
        <v>1</v>
      </c>
      <c r="C43764" s="14" t="s">
        <v>96</v>
      </c>
      <c r="D43764" s="14" t="s">
        <v>256</v>
      </c>
      <c r="E43764" s="15">
        <v>45705</v>
      </c>
      <c r="F43764" s="14" t="s">
        <v>15</v>
      </c>
      <c r="G43764" s="16">
        <v>0</v>
      </c>
    </row>
    <row r="43765" spans="1:7" x14ac:dyDescent="0.3">
      <c r="A43765" s="13" t="s">
        <v>255</v>
      </c>
      <c r="B43765" s="14" t="s">
        <v>1</v>
      </c>
      <c r="C43765" s="14" t="s">
        <v>96</v>
      </c>
      <c r="D43765" s="14" t="s">
        <v>256</v>
      </c>
      <c r="E43765" s="15">
        <v>45706</v>
      </c>
      <c r="F43765" s="14" t="s">
        <v>15</v>
      </c>
      <c r="G43765" s="16">
        <v>0</v>
      </c>
    </row>
    <row r="43766" spans="1:7" x14ac:dyDescent="0.3">
      <c r="A43766" s="13" t="s">
        <v>255</v>
      </c>
      <c r="B43766" s="14" t="s">
        <v>1</v>
      </c>
      <c r="C43766" s="14" t="s">
        <v>96</v>
      </c>
      <c r="D43766" s="14" t="s">
        <v>256</v>
      </c>
      <c r="E43766" s="15">
        <v>45707</v>
      </c>
      <c r="F43766" s="14" t="s">
        <v>15</v>
      </c>
      <c r="G43766" s="16">
        <v>0</v>
      </c>
    </row>
    <row r="43767" spans="1:7" x14ac:dyDescent="0.3">
      <c r="A43767" s="13" t="s">
        <v>255</v>
      </c>
      <c r="B43767" s="14" t="s">
        <v>1</v>
      </c>
      <c r="C43767" s="14" t="s">
        <v>96</v>
      </c>
      <c r="D43767" s="14" t="s">
        <v>256</v>
      </c>
      <c r="E43767" s="15">
        <v>45708</v>
      </c>
      <c r="F43767" s="14" t="s">
        <v>15</v>
      </c>
      <c r="G43767" s="16">
        <v>0</v>
      </c>
    </row>
    <row r="43768" spans="1:7" x14ac:dyDescent="0.3">
      <c r="A43768" s="13" t="s">
        <v>255</v>
      </c>
      <c r="B43768" s="14" t="s">
        <v>1</v>
      </c>
      <c r="C43768" s="14" t="s">
        <v>96</v>
      </c>
      <c r="D43768" s="14" t="s">
        <v>256</v>
      </c>
      <c r="E43768" s="15">
        <v>45709</v>
      </c>
      <c r="F43768" s="14" t="s">
        <v>15</v>
      </c>
      <c r="G43768" s="16">
        <v>0</v>
      </c>
    </row>
    <row r="43769" spans="1:7" x14ac:dyDescent="0.3">
      <c r="A43769" s="13" t="s">
        <v>255</v>
      </c>
      <c r="B43769" s="14" t="s">
        <v>1</v>
      </c>
      <c r="C43769" s="14" t="s">
        <v>96</v>
      </c>
      <c r="D43769" s="14" t="s">
        <v>256</v>
      </c>
      <c r="E43769" s="15">
        <v>45710</v>
      </c>
      <c r="F43769" s="14" t="s">
        <v>15</v>
      </c>
      <c r="G43769" s="16">
        <v>0</v>
      </c>
    </row>
    <row r="43770" spans="1:7" x14ac:dyDescent="0.3">
      <c r="A43770" s="13" t="s">
        <v>255</v>
      </c>
      <c r="B43770" s="14" t="s">
        <v>1</v>
      </c>
      <c r="C43770" s="14" t="s">
        <v>96</v>
      </c>
      <c r="D43770" s="14" t="s">
        <v>256</v>
      </c>
      <c r="E43770" s="15">
        <v>45711</v>
      </c>
      <c r="F43770" s="14" t="s">
        <v>15</v>
      </c>
      <c r="G43770" s="16">
        <v>0</v>
      </c>
    </row>
    <row r="43771" spans="1:7" x14ac:dyDescent="0.3">
      <c r="A43771" s="13" t="s">
        <v>255</v>
      </c>
      <c r="B43771" s="14" t="s">
        <v>1</v>
      </c>
      <c r="C43771" s="14" t="s">
        <v>96</v>
      </c>
      <c r="D43771" s="14" t="s">
        <v>256</v>
      </c>
      <c r="E43771" s="15">
        <v>45712</v>
      </c>
      <c r="F43771" s="14" t="s">
        <v>15</v>
      </c>
      <c r="G43771" s="16">
        <v>0</v>
      </c>
    </row>
    <row r="43772" spans="1:7" x14ac:dyDescent="0.3">
      <c r="A43772" s="13" t="s">
        <v>255</v>
      </c>
      <c r="B43772" s="14" t="s">
        <v>1</v>
      </c>
      <c r="C43772" s="14" t="s">
        <v>96</v>
      </c>
      <c r="D43772" s="14" t="s">
        <v>256</v>
      </c>
      <c r="E43772" s="15">
        <v>45713</v>
      </c>
      <c r="F43772" s="14" t="s">
        <v>15</v>
      </c>
      <c r="G43772" s="16">
        <v>0</v>
      </c>
    </row>
    <row r="43773" spans="1:7" x14ac:dyDescent="0.3">
      <c r="A43773" s="13" t="s">
        <v>255</v>
      </c>
      <c r="B43773" s="14" t="s">
        <v>1</v>
      </c>
      <c r="C43773" s="14" t="s">
        <v>96</v>
      </c>
      <c r="D43773" s="14" t="s">
        <v>256</v>
      </c>
      <c r="E43773" s="15">
        <v>45714</v>
      </c>
      <c r="F43773" s="14" t="s">
        <v>15</v>
      </c>
      <c r="G43773" s="16">
        <v>0</v>
      </c>
    </row>
    <row r="43774" spans="1:7" x14ac:dyDescent="0.3">
      <c r="A43774" s="13" t="s">
        <v>255</v>
      </c>
      <c r="B43774" s="14" t="s">
        <v>1</v>
      </c>
      <c r="C43774" s="14" t="s">
        <v>96</v>
      </c>
      <c r="D43774" s="14" t="s">
        <v>256</v>
      </c>
      <c r="E43774" s="15">
        <v>45715</v>
      </c>
      <c r="F43774" s="14" t="s">
        <v>15</v>
      </c>
      <c r="G43774" s="16">
        <v>0</v>
      </c>
    </row>
    <row r="43775" spans="1:7" x14ac:dyDescent="0.3">
      <c r="A43775" s="13" t="s">
        <v>255</v>
      </c>
      <c r="B43775" s="14" t="s">
        <v>1</v>
      </c>
      <c r="C43775" s="14" t="s">
        <v>96</v>
      </c>
      <c r="D43775" s="14" t="s">
        <v>256</v>
      </c>
      <c r="E43775" s="15">
        <v>45716</v>
      </c>
      <c r="F43775" s="14" t="s">
        <v>15</v>
      </c>
      <c r="G43775" s="16">
        <v>0</v>
      </c>
    </row>
    <row r="43776" spans="1:7" x14ac:dyDescent="0.3">
      <c r="A43776" s="13" t="s">
        <v>255</v>
      </c>
      <c r="B43776" s="14" t="s">
        <v>1</v>
      </c>
      <c r="C43776" s="14" t="s">
        <v>96</v>
      </c>
      <c r="D43776" s="14" t="s">
        <v>256</v>
      </c>
      <c r="E43776" s="15">
        <v>45717</v>
      </c>
      <c r="F43776" s="14" t="s">
        <v>15</v>
      </c>
      <c r="G43776" s="16">
        <v>0</v>
      </c>
    </row>
    <row r="43777" spans="1:7" x14ac:dyDescent="0.3">
      <c r="A43777" s="13" t="s">
        <v>255</v>
      </c>
      <c r="B43777" s="14" t="s">
        <v>1</v>
      </c>
      <c r="C43777" s="14" t="s">
        <v>96</v>
      </c>
      <c r="D43777" s="14" t="s">
        <v>256</v>
      </c>
      <c r="E43777" s="15">
        <v>45718</v>
      </c>
      <c r="F43777" s="14" t="s">
        <v>15</v>
      </c>
      <c r="G43777" s="16">
        <v>0</v>
      </c>
    </row>
    <row r="43778" spans="1:7" x14ac:dyDescent="0.3">
      <c r="A43778" s="13" t="s">
        <v>255</v>
      </c>
      <c r="B43778" s="14" t="s">
        <v>1</v>
      </c>
      <c r="C43778" s="14" t="s">
        <v>96</v>
      </c>
      <c r="D43778" s="14" t="s">
        <v>256</v>
      </c>
      <c r="E43778" s="15">
        <v>45719</v>
      </c>
      <c r="F43778" s="14" t="s">
        <v>15</v>
      </c>
      <c r="G43778" s="16">
        <v>0</v>
      </c>
    </row>
    <row r="43779" spans="1:7" x14ac:dyDescent="0.3">
      <c r="A43779" s="13" t="s">
        <v>255</v>
      </c>
      <c r="B43779" s="14" t="s">
        <v>1</v>
      </c>
      <c r="C43779" s="14" t="s">
        <v>96</v>
      </c>
      <c r="D43779" s="14" t="s">
        <v>256</v>
      </c>
      <c r="E43779" s="15">
        <v>45720</v>
      </c>
      <c r="F43779" s="14" t="s">
        <v>15</v>
      </c>
      <c r="G43779" s="16">
        <v>0</v>
      </c>
    </row>
    <row r="43780" spans="1:7" x14ac:dyDescent="0.3">
      <c r="A43780" s="13" t="s">
        <v>255</v>
      </c>
      <c r="B43780" s="14" t="s">
        <v>1</v>
      </c>
      <c r="C43780" s="14" t="s">
        <v>96</v>
      </c>
      <c r="D43780" s="14" t="s">
        <v>256</v>
      </c>
      <c r="E43780" s="15">
        <v>45721</v>
      </c>
      <c r="F43780" s="14" t="s">
        <v>15</v>
      </c>
      <c r="G43780" s="16">
        <v>0</v>
      </c>
    </row>
    <row r="43781" spans="1:7" x14ac:dyDescent="0.3">
      <c r="A43781" s="13" t="s">
        <v>255</v>
      </c>
      <c r="B43781" s="14" t="s">
        <v>1</v>
      </c>
      <c r="C43781" s="14" t="s">
        <v>96</v>
      </c>
      <c r="D43781" s="14" t="s">
        <v>256</v>
      </c>
      <c r="E43781" s="15">
        <v>45722</v>
      </c>
      <c r="F43781" s="14" t="s">
        <v>15</v>
      </c>
      <c r="G43781" s="16">
        <v>0</v>
      </c>
    </row>
    <row r="43782" spans="1:7" x14ac:dyDescent="0.3">
      <c r="A43782" s="13" t="s">
        <v>255</v>
      </c>
      <c r="B43782" s="14" t="s">
        <v>1</v>
      </c>
      <c r="C43782" s="14" t="s">
        <v>96</v>
      </c>
      <c r="D43782" s="14" t="s">
        <v>256</v>
      </c>
      <c r="E43782" s="15">
        <v>45723</v>
      </c>
      <c r="F43782" s="14" t="s">
        <v>15</v>
      </c>
      <c r="G43782" s="16">
        <v>0</v>
      </c>
    </row>
    <row r="43783" spans="1:7" x14ac:dyDescent="0.3">
      <c r="A43783" s="13" t="s">
        <v>255</v>
      </c>
      <c r="B43783" s="14" t="s">
        <v>1</v>
      </c>
      <c r="C43783" s="14" t="s">
        <v>96</v>
      </c>
      <c r="D43783" s="14" t="s">
        <v>256</v>
      </c>
      <c r="E43783" s="15">
        <v>45724</v>
      </c>
      <c r="F43783" s="14" t="s">
        <v>15</v>
      </c>
      <c r="G43783" s="16">
        <v>0</v>
      </c>
    </row>
    <row r="43784" spans="1:7" x14ac:dyDescent="0.3">
      <c r="A43784" s="13" t="s">
        <v>255</v>
      </c>
      <c r="B43784" s="14" t="s">
        <v>1</v>
      </c>
      <c r="C43784" s="14" t="s">
        <v>96</v>
      </c>
      <c r="D43784" s="14" t="s">
        <v>256</v>
      </c>
      <c r="E43784" s="15">
        <v>45725</v>
      </c>
      <c r="F43784" s="14" t="s">
        <v>15</v>
      </c>
      <c r="G43784" s="16">
        <v>0</v>
      </c>
    </row>
    <row r="43785" spans="1:7" x14ac:dyDescent="0.3">
      <c r="A43785" s="13" t="s">
        <v>255</v>
      </c>
      <c r="B43785" s="14" t="s">
        <v>1</v>
      </c>
      <c r="C43785" s="14" t="s">
        <v>96</v>
      </c>
      <c r="D43785" s="14" t="s">
        <v>256</v>
      </c>
      <c r="E43785" s="15">
        <v>45726</v>
      </c>
      <c r="F43785" s="14" t="s">
        <v>15</v>
      </c>
      <c r="G43785" s="16">
        <v>0</v>
      </c>
    </row>
    <row r="43786" spans="1:7" x14ac:dyDescent="0.3">
      <c r="A43786" s="13" t="s">
        <v>255</v>
      </c>
      <c r="B43786" s="14" t="s">
        <v>1</v>
      </c>
      <c r="C43786" s="14" t="s">
        <v>96</v>
      </c>
      <c r="D43786" s="14" t="s">
        <v>256</v>
      </c>
      <c r="E43786" s="15">
        <v>45727</v>
      </c>
      <c r="F43786" s="14" t="s">
        <v>15</v>
      </c>
      <c r="G43786" s="16">
        <v>0</v>
      </c>
    </row>
    <row r="43787" spans="1:7" x14ac:dyDescent="0.3">
      <c r="A43787" s="13" t="s">
        <v>255</v>
      </c>
      <c r="B43787" s="14" t="s">
        <v>1</v>
      </c>
      <c r="C43787" s="14" t="s">
        <v>96</v>
      </c>
      <c r="D43787" s="14" t="s">
        <v>256</v>
      </c>
      <c r="E43787" s="15">
        <v>45728</v>
      </c>
      <c r="F43787" s="14" t="s">
        <v>15</v>
      </c>
      <c r="G43787" s="16">
        <v>0</v>
      </c>
    </row>
    <row r="43788" spans="1:7" x14ac:dyDescent="0.3">
      <c r="A43788" s="13" t="s">
        <v>255</v>
      </c>
      <c r="B43788" s="14" t="s">
        <v>1</v>
      </c>
      <c r="C43788" s="14" t="s">
        <v>96</v>
      </c>
      <c r="D43788" s="14" t="s">
        <v>256</v>
      </c>
      <c r="E43788" s="15">
        <v>45729</v>
      </c>
      <c r="F43788" s="14" t="s">
        <v>15</v>
      </c>
      <c r="G43788" s="16">
        <v>0</v>
      </c>
    </row>
    <row r="43789" spans="1:7" x14ac:dyDescent="0.3">
      <c r="A43789" s="13" t="s">
        <v>255</v>
      </c>
      <c r="B43789" s="14" t="s">
        <v>1</v>
      </c>
      <c r="C43789" s="14" t="s">
        <v>96</v>
      </c>
      <c r="D43789" s="14" t="s">
        <v>256</v>
      </c>
      <c r="E43789" s="15">
        <v>45730</v>
      </c>
      <c r="F43789" s="14" t="s">
        <v>15</v>
      </c>
      <c r="G43789" s="16">
        <v>0</v>
      </c>
    </row>
    <row r="43790" spans="1:7" x14ac:dyDescent="0.3">
      <c r="A43790" s="13" t="s">
        <v>255</v>
      </c>
      <c r="B43790" s="14" t="s">
        <v>1</v>
      </c>
      <c r="C43790" s="14" t="s">
        <v>96</v>
      </c>
      <c r="D43790" s="14" t="s">
        <v>256</v>
      </c>
      <c r="E43790" s="15">
        <v>45731</v>
      </c>
      <c r="F43790" s="14" t="s">
        <v>15</v>
      </c>
      <c r="G43790" s="16">
        <v>0</v>
      </c>
    </row>
    <row r="43791" spans="1:7" x14ac:dyDescent="0.3">
      <c r="A43791" s="13" t="s">
        <v>255</v>
      </c>
      <c r="B43791" s="14" t="s">
        <v>1</v>
      </c>
      <c r="C43791" s="14" t="s">
        <v>96</v>
      </c>
      <c r="D43791" s="14" t="s">
        <v>256</v>
      </c>
      <c r="E43791" s="15">
        <v>45732</v>
      </c>
      <c r="F43791" s="14" t="s">
        <v>15</v>
      </c>
      <c r="G43791" s="16">
        <v>0</v>
      </c>
    </row>
    <row r="43792" spans="1:7" x14ac:dyDescent="0.3">
      <c r="A43792" s="13" t="s">
        <v>255</v>
      </c>
      <c r="B43792" s="14" t="s">
        <v>1</v>
      </c>
      <c r="C43792" s="14" t="s">
        <v>96</v>
      </c>
      <c r="D43792" s="14" t="s">
        <v>256</v>
      </c>
      <c r="E43792" s="15">
        <v>45733</v>
      </c>
      <c r="F43792" s="14" t="s">
        <v>15</v>
      </c>
      <c r="G43792" s="16">
        <v>0</v>
      </c>
    </row>
    <row r="43793" spans="1:7" x14ac:dyDescent="0.3">
      <c r="A43793" s="13" t="s">
        <v>255</v>
      </c>
      <c r="B43793" s="14" t="s">
        <v>1</v>
      </c>
      <c r="C43793" s="14" t="s">
        <v>96</v>
      </c>
      <c r="D43793" s="14" t="s">
        <v>256</v>
      </c>
      <c r="E43793" s="15">
        <v>45734</v>
      </c>
      <c r="F43793" s="14" t="s">
        <v>15</v>
      </c>
      <c r="G43793" s="16">
        <v>0</v>
      </c>
    </row>
    <row r="43794" spans="1:7" x14ac:dyDescent="0.3">
      <c r="A43794" s="13" t="s">
        <v>255</v>
      </c>
      <c r="B43794" s="14" t="s">
        <v>1</v>
      </c>
      <c r="C43794" s="14" t="s">
        <v>96</v>
      </c>
      <c r="D43794" s="14" t="s">
        <v>256</v>
      </c>
      <c r="E43794" s="15">
        <v>45735</v>
      </c>
      <c r="F43794" s="14" t="s">
        <v>15</v>
      </c>
      <c r="G43794" s="16">
        <v>0</v>
      </c>
    </row>
    <row r="43795" spans="1:7" x14ac:dyDescent="0.3">
      <c r="A43795" s="13" t="s">
        <v>255</v>
      </c>
      <c r="B43795" s="14" t="s">
        <v>1</v>
      </c>
      <c r="C43795" s="14" t="s">
        <v>96</v>
      </c>
      <c r="D43795" s="14" t="s">
        <v>256</v>
      </c>
      <c r="E43795" s="15">
        <v>45736</v>
      </c>
      <c r="F43795" s="14" t="s">
        <v>15</v>
      </c>
      <c r="G43795" s="16">
        <v>0</v>
      </c>
    </row>
    <row r="43796" spans="1:7" x14ac:dyDescent="0.3">
      <c r="A43796" s="13" t="s">
        <v>255</v>
      </c>
      <c r="B43796" s="14" t="s">
        <v>1</v>
      </c>
      <c r="C43796" s="14" t="s">
        <v>96</v>
      </c>
      <c r="D43796" s="14" t="s">
        <v>256</v>
      </c>
      <c r="E43796" s="15">
        <v>45737</v>
      </c>
      <c r="F43796" s="14" t="s">
        <v>15</v>
      </c>
      <c r="G43796" s="16">
        <v>0</v>
      </c>
    </row>
    <row r="43797" spans="1:7" x14ac:dyDescent="0.3">
      <c r="A43797" s="13" t="s">
        <v>255</v>
      </c>
      <c r="B43797" s="14" t="s">
        <v>1</v>
      </c>
      <c r="C43797" s="14" t="s">
        <v>96</v>
      </c>
      <c r="D43797" s="14" t="s">
        <v>256</v>
      </c>
      <c r="E43797" s="15">
        <v>45738</v>
      </c>
      <c r="F43797" s="14" t="s">
        <v>15</v>
      </c>
      <c r="G43797" s="16">
        <v>0</v>
      </c>
    </row>
    <row r="43798" spans="1:7" x14ac:dyDescent="0.3">
      <c r="A43798" s="13" t="s">
        <v>255</v>
      </c>
      <c r="B43798" s="14" t="s">
        <v>1</v>
      </c>
      <c r="C43798" s="14" t="s">
        <v>96</v>
      </c>
      <c r="D43798" s="14" t="s">
        <v>256</v>
      </c>
      <c r="E43798" s="15">
        <v>45739</v>
      </c>
      <c r="F43798" s="14" t="s">
        <v>15</v>
      </c>
      <c r="G43798" s="16">
        <v>0</v>
      </c>
    </row>
    <row r="43799" spans="1:7" x14ac:dyDescent="0.3">
      <c r="A43799" s="13" t="s">
        <v>255</v>
      </c>
      <c r="B43799" s="14" t="s">
        <v>1</v>
      </c>
      <c r="C43799" s="14" t="s">
        <v>96</v>
      </c>
      <c r="D43799" s="14" t="s">
        <v>256</v>
      </c>
      <c r="E43799" s="15">
        <v>45740</v>
      </c>
      <c r="F43799" s="14" t="s">
        <v>15</v>
      </c>
      <c r="G43799" s="16">
        <v>0</v>
      </c>
    </row>
    <row r="43800" spans="1:7" x14ac:dyDescent="0.3">
      <c r="A43800" s="13" t="s">
        <v>255</v>
      </c>
      <c r="B43800" s="14" t="s">
        <v>1</v>
      </c>
      <c r="C43800" s="14" t="s">
        <v>96</v>
      </c>
      <c r="D43800" s="14" t="s">
        <v>256</v>
      </c>
      <c r="E43800" s="15">
        <v>45741</v>
      </c>
      <c r="F43800" s="14" t="s">
        <v>15</v>
      </c>
      <c r="G43800" s="16">
        <v>0</v>
      </c>
    </row>
    <row r="43801" spans="1:7" x14ac:dyDescent="0.3">
      <c r="A43801" s="13" t="s">
        <v>255</v>
      </c>
      <c r="B43801" s="14" t="s">
        <v>1</v>
      </c>
      <c r="C43801" s="14" t="s">
        <v>96</v>
      </c>
      <c r="D43801" s="14" t="s">
        <v>256</v>
      </c>
      <c r="E43801" s="15">
        <v>45742</v>
      </c>
      <c r="F43801" s="14" t="s">
        <v>15</v>
      </c>
      <c r="G43801" s="16">
        <v>1.2393387183629506E-2</v>
      </c>
    </row>
    <row r="43802" spans="1:7" x14ac:dyDescent="0.3">
      <c r="A43802" s="13" t="s">
        <v>255</v>
      </c>
      <c r="B43802" s="14" t="s">
        <v>1</v>
      </c>
      <c r="C43802" s="14" t="s">
        <v>96</v>
      </c>
      <c r="D43802" s="14" t="s">
        <v>256</v>
      </c>
      <c r="E43802" s="15">
        <v>45743</v>
      </c>
      <c r="F43802" s="14" t="s">
        <v>15</v>
      </c>
      <c r="G43802" s="16">
        <v>2.2896499730748511E-2</v>
      </c>
    </row>
    <row r="43803" spans="1:7" x14ac:dyDescent="0.3">
      <c r="A43803" s="13" t="s">
        <v>255</v>
      </c>
      <c r="B43803" s="14" t="s">
        <v>1</v>
      </c>
      <c r="C43803" s="14" t="s">
        <v>96</v>
      </c>
      <c r="D43803" s="14" t="s">
        <v>256</v>
      </c>
      <c r="E43803" s="15">
        <v>45744</v>
      </c>
      <c r="F43803" s="14" t="s">
        <v>15</v>
      </c>
      <c r="G43803" s="16">
        <v>1.448394184168012E-2</v>
      </c>
    </row>
    <row r="43804" spans="1:7" x14ac:dyDescent="0.3">
      <c r="A43804" s="13" t="s">
        <v>255</v>
      </c>
      <c r="B43804" s="14" t="s">
        <v>1</v>
      </c>
      <c r="C43804" s="14" t="s">
        <v>96</v>
      </c>
      <c r="D43804" s="14" t="s">
        <v>256</v>
      </c>
      <c r="E43804" s="15">
        <v>45745</v>
      </c>
      <c r="F43804" s="14" t="s">
        <v>15</v>
      </c>
      <c r="G43804" s="16">
        <v>1.448394184168012E-2</v>
      </c>
    </row>
    <row r="43805" spans="1:7" x14ac:dyDescent="0.3">
      <c r="A43805" s="13" t="s">
        <v>255</v>
      </c>
      <c r="B43805" s="14" t="s">
        <v>1</v>
      </c>
      <c r="C43805" s="14" t="s">
        <v>96</v>
      </c>
      <c r="D43805" s="14" t="s">
        <v>256</v>
      </c>
      <c r="E43805" s="15">
        <v>45746</v>
      </c>
      <c r="F43805" s="14" t="s">
        <v>15</v>
      </c>
      <c r="G43805" s="16">
        <v>1.448394184168012E-2</v>
      </c>
    </row>
    <row r="43806" spans="1:7" x14ac:dyDescent="0.3">
      <c r="A43806" s="13" t="s">
        <v>255</v>
      </c>
      <c r="B43806" s="14" t="s">
        <v>1</v>
      </c>
      <c r="C43806" s="14" t="s">
        <v>96</v>
      </c>
      <c r="D43806" s="14" t="s">
        <v>256</v>
      </c>
      <c r="E43806" s="15">
        <v>45747</v>
      </c>
      <c r="F43806" s="14" t="s">
        <v>15</v>
      </c>
      <c r="G43806" s="16">
        <v>1.448394184168012E-2</v>
      </c>
    </row>
    <row r="43807" spans="1:7" x14ac:dyDescent="0.3">
      <c r="A43807" s="13" t="s">
        <v>257</v>
      </c>
      <c r="B43807" s="14" t="s">
        <v>1</v>
      </c>
      <c r="C43807" s="14" t="s">
        <v>238</v>
      </c>
      <c r="D43807" s="14" t="s">
        <v>74</v>
      </c>
      <c r="E43807" s="15">
        <v>45383</v>
      </c>
      <c r="F43807" s="14" t="s">
        <v>25</v>
      </c>
      <c r="G43807" s="16">
        <v>0</v>
      </c>
    </row>
    <row r="43808" spans="1:7" x14ac:dyDescent="0.3">
      <c r="A43808" s="13" t="s">
        <v>257</v>
      </c>
      <c r="B43808" s="14" t="s">
        <v>1</v>
      </c>
      <c r="C43808" s="14" t="s">
        <v>238</v>
      </c>
      <c r="D43808" s="14" t="s">
        <v>74</v>
      </c>
      <c r="E43808" s="15">
        <v>45384</v>
      </c>
      <c r="F43808" s="14" t="s">
        <v>25</v>
      </c>
      <c r="G43808" s="16">
        <v>0</v>
      </c>
    </row>
    <row r="43809" spans="1:7" x14ac:dyDescent="0.3">
      <c r="A43809" s="13" t="s">
        <v>257</v>
      </c>
      <c r="B43809" s="14" t="s">
        <v>1</v>
      </c>
      <c r="C43809" s="14" t="s">
        <v>238</v>
      </c>
      <c r="D43809" s="14" t="s">
        <v>74</v>
      </c>
      <c r="E43809" s="15">
        <v>45385</v>
      </c>
      <c r="F43809" s="14" t="s">
        <v>25</v>
      </c>
      <c r="G43809" s="16">
        <v>3.705230690998889E-2</v>
      </c>
    </row>
    <row r="43810" spans="1:7" x14ac:dyDescent="0.3">
      <c r="A43810" s="13" t="s">
        <v>257</v>
      </c>
      <c r="B43810" s="14" t="s">
        <v>1</v>
      </c>
      <c r="C43810" s="14" t="s">
        <v>238</v>
      </c>
      <c r="D43810" s="14" t="s">
        <v>74</v>
      </c>
      <c r="E43810" s="15">
        <v>45386</v>
      </c>
      <c r="F43810" s="14" t="s">
        <v>25</v>
      </c>
      <c r="G43810" s="16">
        <v>4.5456505794127453E-2</v>
      </c>
    </row>
    <row r="43811" spans="1:7" x14ac:dyDescent="0.3">
      <c r="A43811" s="13" t="s">
        <v>257</v>
      </c>
      <c r="B43811" s="14" t="s">
        <v>1</v>
      </c>
      <c r="C43811" s="14" t="s">
        <v>238</v>
      </c>
      <c r="D43811" s="14" t="s">
        <v>74</v>
      </c>
      <c r="E43811" s="15">
        <v>45387</v>
      </c>
      <c r="F43811" s="14" t="s">
        <v>25</v>
      </c>
      <c r="G43811" s="16">
        <v>5.2907454212245186E-2</v>
      </c>
    </row>
    <row r="43812" spans="1:7" x14ac:dyDescent="0.3">
      <c r="A43812" s="13" t="s">
        <v>257</v>
      </c>
      <c r="B43812" s="14" t="s">
        <v>1</v>
      </c>
      <c r="C43812" s="14" t="s">
        <v>238</v>
      </c>
      <c r="D43812" s="14" t="s">
        <v>74</v>
      </c>
      <c r="E43812" s="15">
        <v>45388</v>
      </c>
      <c r="F43812" s="14" t="s">
        <v>25</v>
      </c>
      <c r="G43812" s="16">
        <v>5.2907454212245186E-2</v>
      </c>
    </row>
    <row r="43813" spans="1:7" x14ac:dyDescent="0.3">
      <c r="A43813" s="13" t="s">
        <v>257</v>
      </c>
      <c r="B43813" s="14" t="s">
        <v>1</v>
      </c>
      <c r="C43813" s="14" t="s">
        <v>238</v>
      </c>
      <c r="D43813" s="14" t="s">
        <v>74</v>
      </c>
      <c r="E43813" s="15">
        <v>45389</v>
      </c>
      <c r="F43813" s="14" t="s">
        <v>25</v>
      </c>
      <c r="G43813" s="16">
        <v>5.2907454212245186E-2</v>
      </c>
    </row>
    <row r="43814" spans="1:7" x14ac:dyDescent="0.3">
      <c r="A43814" s="13" t="s">
        <v>257</v>
      </c>
      <c r="B43814" s="14" t="s">
        <v>1</v>
      </c>
      <c r="C43814" s="14" t="s">
        <v>238</v>
      </c>
      <c r="D43814" s="14" t="s">
        <v>74</v>
      </c>
      <c r="E43814" s="15">
        <v>45390</v>
      </c>
      <c r="F43814" s="14" t="s">
        <v>25</v>
      </c>
      <c r="G43814" s="16">
        <v>6.119632644365032E-2</v>
      </c>
    </row>
    <row r="43815" spans="1:7" x14ac:dyDescent="0.3">
      <c r="A43815" s="13" t="s">
        <v>257</v>
      </c>
      <c r="B43815" s="14" t="s">
        <v>1</v>
      </c>
      <c r="C43815" s="14" t="s">
        <v>238</v>
      </c>
      <c r="D43815" s="14" t="s">
        <v>74</v>
      </c>
      <c r="E43815" s="15">
        <v>45391</v>
      </c>
      <c r="F43815" s="14" t="s">
        <v>25</v>
      </c>
      <c r="G43815" s="16">
        <v>8.3604679108520139E-2</v>
      </c>
    </row>
    <row r="43816" spans="1:7" x14ac:dyDescent="0.3">
      <c r="A43816" s="13" t="s">
        <v>257</v>
      </c>
      <c r="B43816" s="14" t="s">
        <v>1</v>
      </c>
      <c r="C43816" s="14" t="s">
        <v>238</v>
      </c>
      <c r="D43816" s="14" t="s">
        <v>74</v>
      </c>
      <c r="E43816" s="15">
        <v>45392</v>
      </c>
      <c r="F43816" s="14" t="s">
        <v>25</v>
      </c>
      <c r="G43816" s="16">
        <v>9.103091523253741E-2</v>
      </c>
    </row>
    <row r="43817" spans="1:7" x14ac:dyDescent="0.3">
      <c r="A43817" s="13" t="s">
        <v>257</v>
      </c>
      <c r="B43817" s="14" t="s">
        <v>1</v>
      </c>
      <c r="C43817" s="14" t="s">
        <v>238</v>
      </c>
      <c r="D43817" s="14" t="s">
        <v>74</v>
      </c>
      <c r="E43817" s="15">
        <v>45393</v>
      </c>
      <c r="F43817" s="14" t="s">
        <v>25</v>
      </c>
      <c r="G43817" s="16">
        <v>9.7992906710537911E-2</v>
      </c>
    </row>
    <row r="43818" spans="1:7" x14ac:dyDescent="0.3">
      <c r="A43818" s="13" t="s">
        <v>257</v>
      </c>
      <c r="B43818" s="14" t="s">
        <v>1</v>
      </c>
      <c r="C43818" s="14" t="s">
        <v>238</v>
      </c>
      <c r="D43818" s="14" t="s">
        <v>74</v>
      </c>
      <c r="E43818" s="15">
        <v>45394</v>
      </c>
      <c r="F43818" s="14" t="s">
        <v>25</v>
      </c>
      <c r="G43818" s="16">
        <v>0.10507051600882088</v>
      </c>
    </row>
    <row r="43819" spans="1:7" x14ac:dyDescent="0.3">
      <c r="A43819" s="13" t="s">
        <v>257</v>
      </c>
      <c r="B43819" s="14" t="s">
        <v>1</v>
      </c>
      <c r="C43819" s="14" t="s">
        <v>238</v>
      </c>
      <c r="D43819" s="14" t="s">
        <v>74</v>
      </c>
      <c r="E43819" s="15">
        <v>45395</v>
      </c>
      <c r="F43819" s="14" t="s">
        <v>25</v>
      </c>
      <c r="G43819" s="16">
        <v>0.10507051600882088</v>
      </c>
    </row>
    <row r="43820" spans="1:7" x14ac:dyDescent="0.3">
      <c r="A43820" s="13" t="s">
        <v>257</v>
      </c>
      <c r="B43820" s="14" t="s">
        <v>1</v>
      </c>
      <c r="C43820" s="14" t="s">
        <v>238</v>
      </c>
      <c r="D43820" s="14" t="s">
        <v>74</v>
      </c>
      <c r="E43820" s="15">
        <v>45396</v>
      </c>
      <c r="F43820" s="14" t="s">
        <v>25</v>
      </c>
      <c r="G43820" s="16">
        <v>0.10507051600882088</v>
      </c>
    </row>
    <row r="43821" spans="1:7" x14ac:dyDescent="0.3">
      <c r="A43821" s="13" t="s">
        <v>257</v>
      </c>
      <c r="B43821" s="14" t="s">
        <v>1</v>
      </c>
      <c r="C43821" s="14" t="s">
        <v>238</v>
      </c>
      <c r="D43821" s="14" t="s">
        <v>74</v>
      </c>
      <c r="E43821" s="15">
        <v>45397</v>
      </c>
      <c r="F43821" s="14" t="s">
        <v>25</v>
      </c>
      <c r="G43821" s="16">
        <v>0.11195681429138865</v>
      </c>
    </row>
    <row r="43822" spans="1:7" x14ac:dyDescent="0.3">
      <c r="A43822" s="13" t="s">
        <v>257</v>
      </c>
      <c r="B43822" s="14" t="s">
        <v>1</v>
      </c>
      <c r="C43822" s="14" t="s">
        <v>238</v>
      </c>
      <c r="D43822" s="14" t="s">
        <v>74</v>
      </c>
      <c r="E43822" s="15">
        <v>45398</v>
      </c>
      <c r="F43822" s="14" t="s">
        <v>25</v>
      </c>
      <c r="G43822" s="16">
        <v>0.13426076494075914</v>
      </c>
    </row>
    <row r="43823" spans="1:7" x14ac:dyDescent="0.3">
      <c r="A43823" s="13" t="s">
        <v>257</v>
      </c>
      <c r="B43823" s="14" t="s">
        <v>1</v>
      </c>
      <c r="C43823" s="14" t="s">
        <v>238</v>
      </c>
      <c r="D43823" s="14" t="s">
        <v>74</v>
      </c>
      <c r="E43823" s="15">
        <v>45399</v>
      </c>
      <c r="F43823" s="14" t="s">
        <v>25</v>
      </c>
      <c r="G43823" s="16">
        <v>0.14207475379860787</v>
      </c>
    </row>
    <row r="43824" spans="1:7" x14ac:dyDescent="0.3">
      <c r="A43824" s="13" t="s">
        <v>257</v>
      </c>
      <c r="B43824" s="14" t="s">
        <v>1</v>
      </c>
      <c r="C43824" s="14" t="s">
        <v>238</v>
      </c>
      <c r="D43824" s="14" t="s">
        <v>74</v>
      </c>
      <c r="E43824" s="15">
        <v>45400</v>
      </c>
      <c r="F43824" s="14" t="s">
        <v>25</v>
      </c>
      <c r="G43824" s="16">
        <v>0.14940555284367613</v>
      </c>
    </row>
    <row r="43825" spans="1:7" x14ac:dyDescent="0.3">
      <c r="A43825" s="13" t="s">
        <v>257</v>
      </c>
      <c r="B43825" s="14" t="s">
        <v>1</v>
      </c>
      <c r="C43825" s="14" t="s">
        <v>238</v>
      </c>
      <c r="D43825" s="14" t="s">
        <v>74</v>
      </c>
      <c r="E43825" s="15">
        <v>45401</v>
      </c>
      <c r="F43825" s="14" t="s">
        <v>25</v>
      </c>
      <c r="G43825" s="16">
        <v>0.15675300505028092</v>
      </c>
    </row>
    <row r="43826" spans="1:7" x14ac:dyDescent="0.3">
      <c r="A43826" s="13" t="s">
        <v>257</v>
      </c>
      <c r="B43826" s="14" t="s">
        <v>1</v>
      </c>
      <c r="C43826" s="14" t="s">
        <v>238</v>
      </c>
      <c r="D43826" s="14" t="s">
        <v>74</v>
      </c>
      <c r="E43826" s="15">
        <v>45402</v>
      </c>
      <c r="F43826" s="14" t="s">
        <v>25</v>
      </c>
      <c r="G43826" s="16">
        <v>0.15675300505028092</v>
      </c>
    </row>
    <row r="43827" spans="1:7" x14ac:dyDescent="0.3">
      <c r="A43827" s="13" t="s">
        <v>257</v>
      </c>
      <c r="B43827" s="14" t="s">
        <v>1</v>
      </c>
      <c r="C43827" s="14" t="s">
        <v>238</v>
      </c>
      <c r="D43827" s="14" t="s">
        <v>74</v>
      </c>
      <c r="E43827" s="15">
        <v>45403</v>
      </c>
      <c r="F43827" s="14" t="s">
        <v>25</v>
      </c>
      <c r="G43827" s="16">
        <v>0.15675300505028092</v>
      </c>
    </row>
    <row r="43828" spans="1:7" x14ac:dyDescent="0.3">
      <c r="A43828" s="13" t="s">
        <v>257</v>
      </c>
      <c r="B43828" s="14" t="s">
        <v>1</v>
      </c>
      <c r="C43828" s="14" t="s">
        <v>238</v>
      </c>
      <c r="D43828" s="14" t="s">
        <v>74</v>
      </c>
      <c r="E43828" s="15">
        <v>45404</v>
      </c>
      <c r="F43828" s="14" t="s">
        <v>25</v>
      </c>
      <c r="G43828" s="16">
        <v>0.16453496428161443</v>
      </c>
    </row>
    <row r="43829" spans="1:7" x14ac:dyDescent="0.3">
      <c r="A43829" s="13" t="s">
        <v>257</v>
      </c>
      <c r="B43829" s="14" t="s">
        <v>1</v>
      </c>
      <c r="C43829" s="14" t="s">
        <v>238</v>
      </c>
      <c r="D43829" s="14" t="s">
        <v>74</v>
      </c>
      <c r="E43829" s="15">
        <v>45405</v>
      </c>
      <c r="F43829" s="14" t="s">
        <v>25</v>
      </c>
      <c r="G43829" s="16">
        <v>0.18790616608757438</v>
      </c>
    </row>
    <row r="43830" spans="1:7" x14ac:dyDescent="0.3">
      <c r="A43830" s="13" t="s">
        <v>257</v>
      </c>
      <c r="B43830" s="14" t="s">
        <v>1</v>
      </c>
      <c r="C43830" s="14" t="s">
        <v>238</v>
      </c>
      <c r="D43830" s="14" t="s">
        <v>74</v>
      </c>
      <c r="E43830" s="15">
        <v>45406</v>
      </c>
      <c r="F43830" s="14" t="s">
        <v>25</v>
      </c>
      <c r="G43830" s="16">
        <v>0.19647988450172801</v>
      </c>
    </row>
    <row r="43831" spans="1:7" x14ac:dyDescent="0.3">
      <c r="A43831" s="13" t="s">
        <v>257</v>
      </c>
      <c r="B43831" s="14" t="s">
        <v>1</v>
      </c>
      <c r="C43831" s="14" t="s">
        <v>238</v>
      </c>
      <c r="D43831" s="14" t="s">
        <v>74</v>
      </c>
      <c r="E43831" s="15">
        <v>45407</v>
      </c>
      <c r="F43831" s="14" t="s">
        <v>25</v>
      </c>
      <c r="G43831" s="16">
        <v>0.20397942672766395</v>
      </c>
    </row>
    <row r="43832" spans="1:7" x14ac:dyDescent="0.3">
      <c r="A43832" s="13" t="s">
        <v>257</v>
      </c>
      <c r="B43832" s="14" t="s">
        <v>1</v>
      </c>
      <c r="C43832" s="14" t="s">
        <v>238</v>
      </c>
      <c r="D43832" s="14" t="s">
        <v>74</v>
      </c>
      <c r="E43832" s="15">
        <v>45408</v>
      </c>
      <c r="F43832" s="14" t="s">
        <v>25</v>
      </c>
      <c r="G43832" s="16">
        <v>0.21593673026153484</v>
      </c>
    </row>
    <row r="43833" spans="1:7" x14ac:dyDescent="0.3">
      <c r="A43833" s="13" t="s">
        <v>257</v>
      </c>
      <c r="B43833" s="14" t="s">
        <v>1</v>
      </c>
      <c r="C43833" s="14" t="s">
        <v>238</v>
      </c>
      <c r="D43833" s="14" t="s">
        <v>74</v>
      </c>
      <c r="E43833" s="15">
        <v>45409</v>
      </c>
      <c r="F43833" s="14" t="s">
        <v>25</v>
      </c>
      <c r="G43833" s="16">
        <v>0.21593673026153484</v>
      </c>
    </row>
    <row r="43834" spans="1:7" x14ac:dyDescent="0.3">
      <c r="A43834" s="13" t="s">
        <v>257</v>
      </c>
      <c r="B43834" s="14" t="s">
        <v>1</v>
      </c>
      <c r="C43834" s="14" t="s">
        <v>238</v>
      </c>
      <c r="D43834" s="14" t="s">
        <v>74</v>
      </c>
      <c r="E43834" s="15">
        <v>45410</v>
      </c>
      <c r="F43834" s="14" t="s">
        <v>25</v>
      </c>
      <c r="G43834" s="16">
        <v>0.21593673026153484</v>
      </c>
    </row>
    <row r="43835" spans="1:7" x14ac:dyDescent="0.3">
      <c r="A43835" s="13" t="s">
        <v>257</v>
      </c>
      <c r="B43835" s="14" t="s">
        <v>1</v>
      </c>
      <c r="C43835" s="14" t="s">
        <v>238</v>
      </c>
      <c r="D43835" s="14" t="s">
        <v>74</v>
      </c>
      <c r="E43835" s="15">
        <v>45411</v>
      </c>
      <c r="F43835" s="14" t="s">
        <v>25</v>
      </c>
      <c r="G43835" s="16">
        <v>0.22310493993247246</v>
      </c>
    </row>
    <row r="43836" spans="1:7" x14ac:dyDescent="0.3">
      <c r="A43836" s="13" t="s">
        <v>257</v>
      </c>
      <c r="B43836" s="14" t="s">
        <v>1</v>
      </c>
      <c r="C43836" s="14" t="s">
        <v>238</v>
      </c>
      <c r="D43836" s="14" t="s">
        <v>74</v>
      </c>
      <c r="E43836" s="15">
        <v>45412</v>
      </c>
      <c r="F43836" s="14" t="s">
        <v>25</v>
      </c>
      <c r="G43836" s="16">
        <v>0.24666968893407928</v>
      </c>
    </row>
    <row r="43837" spans="1:7" x14ac:dyDescent="0.3">
      <c r="A43837" s="13" t="s">
        <v>257</v>
      </c>
      <c r="B43837" s="14" t="s">
        <v>1</v>
      </c>
      <c r="C43837" s="14" t="s">
        <v>238</v>
      </c>
      <c r="D43837" s="14" t="s">
        <v>74</v>
      </c>
      <c r="E43837" s="15">
        <v>45413</v>
      </c>
      <c r="F43837" s="14" t="s">
        <v>25</v>
      </c>
      <c r="G43837" s="16">
        <v>0.24666968893407928</v>
      </c>
    </row>
    <row r="43838" spans="1:7" x14ac:dyDescent="0.3">
      <c r="A43838" s="13" t="s">
        <v>257</v>
      </c>
      <c r="B43838" s="14" t="s">
        <v>1</v>
      </c>
      <c r="C43838" s="14" t="s">
        <v>238</v>
      </c>
      <c r="D43838" s="14" t="s">
        <v>74</v>
      </c>
      <c r="E43838" s="15">
        <v>45414</v>
      </c>
      <c r="F43838" s="14" t="s">
        <v>25</v>
      </c>
      <c r="G43838" s="16">
        <v>0.25322579765511793</v>
      </c>
    </row>
    <row r="43839" spans="1:7" x14ac:dyDescent="0.3">
      <c r="A43839" s="13" t="s">
        <v>257</v>
      </c>
      <c r="B43839" s="14" t="s">
        <v>1</v>
      </c>
      <c r="C43839" s="14" t="s">
        <v>238</v>
      </c>
      <c r="D43839" s="14" t="s">
        <v>74</v>
      </c>
      <c r="E43839" s="15">
        <v>45415</v>
      </c>
      <c r="F43839" s="14" t="s">
        <v>25</v>
      </c>
      <c r="G43839" s="16">
        <v>0.26776688678077232</v>
      </c>
    </row>
    <row r="43840" spans="1:7" x14ac:dyDescent="0.3">
      <c r="A43840" s="13" t="s">
        <v>257</v>
      </c>
      <c r="B43840" s="14" t="s">
        <v>1</v>
      </c>
      <c r="C43840" s="14" t="s">
        <v>238</v>
      </c>
      <c r="D43840" s="14" t="s">
        <v>74</v>
      </c>
      <c r="E43840" s="15">
        <v>45416</v>
      </c>
      <c r="F43840" s="14" t="s">
        <v>25</v>
      </c>
      <c r="G43840" s="16">
        <v>0.26776688678077232</v>
      </c>
    </row>
    <row r="43841" spans="1:7" x14ac:dyDescent="0.3">
      <c r="A43841" s="13" t="s">
        <v>257</v>
      </c>
      <c r="B43841" s="14" t="s">
        <v>1</v>
      </c>
      <c r="C43841" s="14" t="s">
        <v>238</v>
      </c>
      <c r="D43841" s="14" t="s">
        <v>74</v>
      </c>
      <c r="E43841" s="15">
        <v>45417</v>
      </c>
      <c r="F43841" s="14" t="s">
        <v>25</v>
      </c>
      <c r="G43841" s="16">
        <v>0.26776688678077232</v>
      </c>
    </row>
    <row r="43842" spans="1:7" x14ac:dyDescent="0.3">
      <c r="A43842" s="13" t="s">
        <v>257</v>
      </c>
      <c r="B43842" s="14" t="s">
        <v>1</v>
      </c>
      <c r="C43842" s="14" t="s">
        <v>238</v>
      </c>
      <c r="D43842" s="14" t="s">
        <v>74</v>
      </c>
      <c r="E43842" s="15">
        <v>45418</v>
      </c>
      <c r="F43842" s="14" t="s">
        <v>25</v>
      </c>
      <c r="G43842" s="16">
        <v>0.26776688678077232</v>
      </c>
    </row>
    <row r="43843" spans="1:7" x14ac:dyDescent="0.3">
      <c r="A43843" s="13" t="s">
        <v>257</v>
      </c>
      <c r="B43843" s="14" t="s">
        <v>1</v>
      </c>
      <c r="C43843" s="14" t="s">
        <v>238</v>
      </c>
      <c r="D43843" s="14" t="s">
        <v>74</v>
      </c>
      <c r="E43843" s="15">
        <v>45419</v>
      </c>
      <c r="F43843" s="14" t="s">
        <v>25</v>
      </c>
      <c r="G43843" s="16">
        <v>0.27595070380974474</v>
      </c>
    </row>
    <row r="43844" spans="1:7" x14ac:dyDescent="0.3">
      <c r="A43844" s="13" t="s">
        <v>257</v>
      </c>
      <c r="B43844" s="14" t="s">
        <v>1</v>
      </c>
      <c r="C43844" s="14" t="s">
        <v>238</v>
      </c>
      <c r="D43844" s="14" t="s">
        <v>74</v>
      </c>
      <c r="E43844" s="15">
        <v>45420</v>
      </c>
      <c r="F43844" s="14" t="s">
        <v>25</v>
      </c>
      <c r="G43844" s="16">
        <v>0.30554229716886483</v>
      </c>
    </row>
    <row r="43845" spans="1:7" x14ac:dyDescent="0.3">
      <c r="A43845" s="13" t="s">
        <v>257</v>
      </c>
      <c r="B43845" s="14" t="s">
        <v>1</v>
      </c>
      <c r="C43845" s="14" t="s">
        <v>238</v>
      </c>
      <c r="D43845" s="14" t="s">
        <v>74</v>
      </c>
      <c r="E43845" s="15">
        <v>45421</v>
      </c>
      <c r="F43845" s="14" t="s">
        <v>25</v>
      </c>
      <c r="G43845" s="16">
        <v>0.30554229716886483</v>
      </c>
    </row>
    <row r="43846" spans="1:7" x14ac:dyDescent="0.3">
      <c r="A43846" s="13" t="s">
        <v>257</v>
      </c>
      <c r="B43846" s="14" t="s">
        <v>1</v>
      </c>
      <c r="C43846" s="14" t="s">
        <v>238</v>
      </c>
      <c r="D43846" s="14" t="s">
        <v>74</v>
      </c>
      <c r="E43846" s="15">
        <v>45422</v>
      </c>
      <c r="F43846" s="14" t="s">
        <v>25</v>
      </c>
      <c r="G43846" s="16">
        <v>0.31307907315518219</v>
      </c>
    </row>
    <row r="43847" spans="1:7" x14ac:dyDescent="0.3">
      <c r="A43847" s="13" t="s">
        <v>257</v>
      </c>
      <c r="B43847" s="14" t="s">
        <v>1</v>
      </c>
      <c r="C43847" s="14" t="s">
        <v>238</v>
      </c>
      <c r="D43847" s="14" t="s">
        <v>74</v>
      </c>
      <c r="E43847" s="15">
        <v>45423</v>
      </c>
      <c r="F43847" s="14" t="s">
        <v>25</v>
      </c>
      <c r="G43847" s="16">
        <v>0.31307907315518219</v>
      </c>
    </row>
    <row r="43848" spans="1:7" x14ac:dyDescent="0.3">
      <c r="A43848" s="13" t="s">
        <v>257</v>
      </c>
      <c r="B43848" s="14" t="s">
        <v>1</v>
      </c>
      <c r="C43848" s="14" t="s">
        <v>238</v>
      </c>
      <c r="D43848" s="14" t="s">
        <v>74</v>
      </c>
      <c r="E43848" s="15">
        <v>45424</v>
      </c>
      <c r="F43848" s="14" t="s">
        <v>25</v>
      </c>
      <c r="G43848" s="16">
        <v>0.31307907315518219</v>
      </c>
    </row>
    <row r="43849" spans="1:7" x14ac:dyDescent="0.3">
      <c r="A43849" s="13" t="s">
        <v>257</v>
      </c>
      <c r="B43849" s="14" t="s">
        <v>1</v>
      </c>
      <c r="C43849" s="14" t="s">
        <v>238</v>
      </c>
      <c r="D43849" s="14" t="s">
        <v>74</v>
      </c>
      <c r="E43849" s="15">
        <v>45425</v>
      </c>
      <c r="F43849" s="14" t="s">
        <v>25</v>
      </c>
      <c r="G43849" s="16">
        <v>0.32607157080634241</v>
      </c>
    </row>
    <row r="43850" spans="1:7" x14ac:dyDescent="0.3">
      <c r="A43850" s="13" t="s">
        <v>257</v>
      </c>
      <c r="B43850" s="14" t="s">
        <v>1</v>
      </c>
      <c r="C43850" s="14" t="s">
        <v>238</v>
      </c>
      <c r="D43850" s="14" t="s">
        <v>74</v>
      </c>
      <c r="E43850" s="15">
        <v>45426</v>
      </c>
      <c r="F43850" s="14" t="s">
        <v>25</v>
      </c>
      <c r="G43850" s="16">
        <v>0.34873764278374392</v>
      </c>
    </row>
    <row r="43851" spans="1:7" x14ac:dyDescent="0.3">
      <c r="A43851" s="13" t="s">
        <v>257</v>
      </c>
      <c r="B43851" s="14" t="s">
        <v>1</v>
      </c>
      <c r="C43851" s="14" t="s">
        <v>238</v>
      </c>
      <c r="D43851" s="14" t="s">
        <v>74</v>
      </c>
      <c r="E43851" s="15">
        <v>45427</v>
      </c>
      <c r="F43851" s="14" t="s">
        <v>25</v>
      </c>
      <c r="G43851" s="16">
        <v>0.3565849365644449</v>
      </c>
    </row>
    <row r="43852" spans="1:7" x14ac:dyDescent="0.3">
      <c r="A43852" s="13" t="s">
        <v>257</v>
      </c>
      <c r="B43852" s="14" t="s">
        <v>1</v>
      </c>
      <c r="C43852" s="14" t="s">
        <v>238</v>
      </c>
      <c r="D43852" s="14" t="s">
        <v>74</v>
      </c>
      <c r="E43852" s="15">
        <v>45428</v>
      </c>
      <c r="F43852" s="14" t="s">
        <v>25</v>
      </c>
      <c r="G43852" s="16">
        <v>0.364998938595468</v>
      </c>
    </row>
    <row r="43853" spans="1:7" x14ac:dyDescent="0.3">
      <c r="A43853" s="13" t="s">
        <v>257</v>
      </c>
      <c r="B43853" s="14" t="s">
        <v>1</v>
      </c>
      <c r="C43853" s="14" t="s">
        <v>238</v>
      </c>
      <c r="D43853" s="14" t="s">
        <v>74</v>
      </c>
      <c r="E43853" s="15">
        <v>45429</v>
      </c>
      <c r="F43853" s="14" t="s">
        <v>25</v>
      </c>
      <c r="G43853" s="16">
        <v>0.37373461251557233</v>
      </c>
    </row>
    <row r="43854" spans="1:7" x14ac:dyDescent="0.3">
      <c r="A43854" s="13" t="s">
        <v>257</v>
      </c>
      <c r="B43854" s="14" t="s">
        <v>1</v>
      </c>
      <c r="C43854" s="14" t="s">
        <v>238</v>
      </c>
      <c r="D43854" s="14" t="s">
        <v>74</v>
      </c>
      <c r="E43854" s="15">
        <v>45430</v>
      </c>
      <c r="F43854" s="14" t="s">
        <v>25</v>
      </c>
      <c r="G43854" s="16">
        <v>0.37373461251557233</v>
      </c>
    </row>
    <row r="43855" spans="1:7" x14ac:dyDescent="0.3">
      <c r="A43855" s="13" t="s">
        <v>257</v>
      </c>
      <c r="B43855" s="14" t="s">
        <v>1</v>
      </c>
      <c r="C43855" s="14" t="s">
        <v>238</v>
      </c>
      <c r="D43855" s="14" t="s">
        <v>74</v>
      </c>
      <c r="E43855" s="15">
        <v>45431</v>
      </c>
      <c r="F43855" s="14" t="s">
        <v>25</v>
      </c>
      <c r="G43855" s="16">
        <v>0.37373461251557233</v>
      </c>
    </row>
    <row r="43856" spans="1:7" x14ac:dyDescent="0.3">
      <c r="A43856" s="13" t="s">
        <v>257</v>
      </c>
      <c r="B43856" s="14" t="s">
        <v>1</v>
      </c>
      <c r="C43856" s="14" t="s">
        <v>238</v>
      </c>
      <c r="D43856" s="14" t="s">
        <v>74</v>
      </c>
      <c r="E43856" s="15">
        <v>45432</v>
      </c>
      <c r="F43856" s="14" t="s">
        <v>25</v>
      </c>
      <c r="G43856" s="16">
        <v>0.37373461251557233</v>
      </c>
    </row>
    <row r="43857" spans="1:7" x14ac:dyDescent="0.3">
      <c r="A43857" s="13" t="s">
        <v>257</v>
      </c>
      <c r="B43857" s="14" t="s">
        <v>1</v>
      </c>
      <c r="C43857" s="14" t="s">
        <v>238</v>
      </c>
      <c r="D43857" s="14" t="s">
        <v>74</v>
      </c>
      <c r="E43857" s="15">
        <v>45433</v>
      </c>
      <c r="F43857" s="14" t="s">
        <v>25</v>
      </c>
      <c r="G43857" s="16">
        <v>0.38139789013907049</v>
      </c>
    </row>
    <row r="43858" spans="1:7" x14ac:dyDescent="0.3">
      <c r="A43858" s="13" t="s">
        <v>257</v>
      </c>
      <c r="B43858" s="14" t="s">
        <v>1</v>
      </c>
      <c r="C43858" s="14" t="s">
        <v>238</v>
      </c>
      <c r="D43858" s="14" t="s">
        <v>74</v>
      </c>
      <c r="E43858" s="15">
        <v>45434</v>
      </c>
      <c r="F43858" s="14" t="s">
        <v>25</v>
      </c>
      <c r="G43858" s="16">
        <v>0.41244325483330579</v>
      </c>
    </row>
    <row r="43859" spans="1:7" x14ac:dyDescent="0.3">
      <c r="A43859" s="13" t="s">
        <v>257</v>
      </c>
      <c r="B43859" s="14" t="s">
        <v>1</v>
      </c>
      <c r="C43859" s="14" t="s">
        <v>238</v>
      </c>
      <c r="D43859" s="14" t="s">
        <v>74</v>
      </c>
      <c r="E43859" s="15">
        <v>45435</v>
      </c>
      <c r="F43859" s="14" t="s">
        <v>25</v>
      </c>
      <c r="G43859" s="16">
        <v>0.41903174991171277</v>
      </c>
    </row>
    <row r="43860" spans="1:7" x14ac:dyDescent="0.3">
      <c r="A43860" s="13" t="s">
        <v>257</v>
      </c>
      <c r="B43860" s="14" t="s">
        <v>1</v>
      </c>
      <c r="C43860" s="14" t="s">
        <v>238</v>
      </c>
      <c r="D43860" s="14" t="s">
        <v>74</v>
      </c>
      <c r="E43860" s="15">
        <v>45436</v>
      </c>
      <c r="F43860" s="14" t="s">
        <v>25</v>
      </c>
      <c r="G43860" s="16">
        <v>0.42793590116911129</v>
      </c>
    </row>
    <row r="43861" spans="1:7" x14ac:dyDescent="0.3">
      <c r="A43861" s="13" t="s">
        <v>257</v>
      </c>
      <c r="B43861" s="14" t="s">
        <v>1</v>
      </c>
      <c r="C43861" s="14" t="s">
        <v>238</v>
      </c>
      <c r="D43861" s="14" t="s">
        <v>74</v>
      </c>
      <c r="E43861" s="15">
        <v>45437</v>
      </c>
      <c r="F43861" s="14" t="s">
        <v>25</v>
      </c>
      <c r="G43861" s="16">
        <v>0.42793590116911129</v>
      </c>
    </row>
    <row r="43862" spans="1:7" x14ac:dyDescent="0.3">
      <c r="A43862" s="13" t="s">
        <v>257</v>
      </c>
      <c r="B43862" s="14" t="s">
        <v>1</v>
      </c>
      <c r="C43862" s="14" t="s">
        <v>238</v>
      </c>
      <c r="D43862" s="14" t="s">
        <v>74</v>
      </c>
      <c r="E43862" s="15">
        <v>45438</v>
      </c>
      <c r="F43862" s="14" t="s">
        <v>25</v>
      </c>
      <c r="G43862" s="16">
        <v>0.42793590116911129</v>
      </c>
    </row>
    <row r="43863" spans="1:7" x14ac:dyDescent="0.3">
      <c r="A43863" s="13" t="s">
        <v>257</v>
      </c>
      <c r="B43863" s="14" t="s">
        <v>1</v>
      </c>
      <c r="C43863" s="14" t="s">
        <v>238</v>
      </c>
      <c r="D43863" s="14" t="s">
        <v>74</v>
      </c>
      <c r="E43863" s="15">
        <v>45439</v>
      </c>
      <c r="F43863" s="14" t="s">
        <v>25</v>
      </c>
      <c r="G43863" s="16">
        <v>0.43555890694553917</v>
      </c>
    </row>
    <row r="43864" spans="1:7" x14ac:dyDescent="0.3">
      <c r="A43864" s="13" t="s">
        <v>257</v>
      </c>
      <c r="B43864" s="14" t="s">
        <v>1</v>
      </c>
      <c r="C43864" s="14" t="s">
        <v>238</v>
      </c>
      <c r="D43864" s="14" t="s">
        <v>74</v>
      </c>
      <c r="E43864" s="15">
        <v>45440</v>
      </c>
      <c r="F43864" s="14" t="s">
        <v>25</v>
      </c>
      <c r="G43864" s="16">
        <v>0.45708934720597177</v>
      </c>
    </row>
    <row r="43865" spans="1:7" x14ac:dyDescent="0.3">
      <c r="A43865" s="13" t="s">
        <v>257</v>
      </c>
      <c r="B43865" s="14" t="s">
        <v>1</v>
      </c>
      <c r="C43865" s="14" t="s">
        <v>238</v>
      </c>
      <c r="D43865" s="14" t="s">
        <v>74</v>
      </c>
      <c r="E43865" s="15">
        <v>45441</v>
      </c>
      <c r="F43865" s="14" t="s">
        <v>25</v>
      </c>
      <c r="G43865" s="16">
        <v>0.46263490827845899</v>
      </c>
    </row>
    <row r="43866" spans="1:7" x14ac:dyDescent="0.3">
      <c r="A43866" s="13" t="s">
        <v>257</v>
      </c>
      <c r="B43866" s="14" t="s">
        <v>1</v>
      </c>
      <c r="C43866" s="14" t="s">
        <v>238</v>
      </c>
      <c r="D43866" s="14" t="s">
        <v>74</v>
      </c>
      <c r="E43866" s="15">
        <v>45442</v>
      </c>
      <c r="F43866" s="14" t="s">
        <v>25</v>
      </c>
      <c r="G43866" s="16">
        <v>0.46086049072213758</v>
      </c>
    </row>
    <row r="43867" spans="1:7" x14ac:dyDescent="0.3">
      <c r="A43867" s="13" t="s">
        <v>257</v>
      </c>
      <c r="B43867" s="14" t="s">
        <v>1</v>
      </c>
      <c r="C43867" s="14" t="s">
        <v>238</v>
      </c>
      <c r="D43867" s="14" t="s">
        <v>74</v>
      </c>
      <c r="E43867" s="15">
        <v>45443</v>
      </c>
      <c r="F43867" s="14" t="s">
        <v>25</v>
      </c>
      <c r="G43867" s="16">
        <v>0.46809910309256231</v>
      </c>
    </row>
    <row r="43868" spans="1:7" x14ac:dyDescent="0.3">
      <c r="A43868" s="13" t="s">
        <v>257</v>
      </c>
      <c r="B43868" s="14" t="s">
        <v>1</v>
      </c>
      <c r="C43868" s="14" t="s">
        <v>238</v>
      </c>
      <c r="D43868" s="14" t="s">
        <v>74</v>
      </c>
      <c r="E43868" s="15">
        <v>45444</v>
      </c>
      <c r="F43868" s="14" t="s">
        <v>25</v>
      </c>
      <c r="G43868" s="16">
        <v>0.46809910309256231</v>
      </c>
    </row>
    <row r="43869" spans="1:7" x14ac:dyDescent="0.3">
      <c r="A43869" s="13" t="s">
        <v>257</v>
      </c>
      <c r="B43869" s="14" t="s">
        <v>1</v>
      </c>
      <c r="C43869" s="14" t="s">
        <v>238</v>
      </c>
      <c r="D43869" s="14" t="s">
        <v>74</v>
      </c>
      <c r="E43869" s="15">
        <v>45445</v>
      </c>
      <c r="F43869" s="14" t="s">
        <v>25</v>
      </c>
      <c r="G43869" s="16">
        <v>0.46809910309256231</v>
      </c>
    </row>
    <row r="43870" spans="1:7" x14ac:dyDescent="0.3">
      <c r="A43870" s="13" t="s">
        <v>257</v>
      </c>
      <c r="B43870" s="14" t="s">
        <v>1</v>
      </c>
      <c r="C43870" s="14" t="s">
        <v>238</v>
      </c>
      <c r="D43870" s="14" t="s">
        <v>74</v>
      </c>
      <c r="E43870" s="15">
        <v>45446</v>
      </c>
      <c r="F43870" s="14" t="s">
        <v>25</v>
      </c>
      <c r="G43870" s="16">
        <v>0.46809910309256231</v>
      </c>
    </row>
    <row r="43871" spans="1:7" x14ac:dyDescent="0.3">
      <c r="A43871" s="13" t="s">
        <v>257</v>
      </c>
      <c r="B43871" s="14" t="s">
        <v>1</v>
      </c>
      <c r="C43871" s="14" t="s">
        <v>238</v>
      </c>
      <c r="D43871" s="14" t="s">
        <v>74</v>
      </c>
      <c r="E43871" s="15">
        <v>45447</v>
      </c>
      <c r="F43871" s="14" t="s">
        <v>25</v>
      </c>
      <c r="G43871" s="16">
        <v>0.47077009192573754</v>
      </c>
    </row>
    <row r="43872" spans="1:7" x14ac:dyDescent="0.3">
      <c r="A43872" s="13" t="s">
        <v>257</v>
      </c>
      <c r="B43872" s="14" t="s">
        <v>1</v>
      </c>
      <c r="C43872" s="14" t="s">
        <v>238</v>
      </c>
      <c r="D43872" s="14" t="s">
        <v>74</v>
      </c>
      <c r="E43872" s="15">
        <v>45448</v>
      </c>
      <c r="F43872" s="14" t="s">
        <v>25</v>
      </c>
      <c r="G43872" s="16">
        <v>0.5022318132809146</v>
      </c>
    </row>
    <row r="43873" spans="1:7" x14ac:dyDescent="0.3">
      <c r="A43873" s="13" t="s">
        <v>257</v>
      </c>
      <c r="B43873" s="14" t="s">
        <v>1</v>
      </c>
      <c r="C43873" s="14" t="s">
        <v>238</v>
      </c>
      <c r="D43873" s="14" t="s">
        <v>74</v>
      </c>
      <c r="E43873" s="15">
        <v>45449</v>
      </c>
      <c r="F43873" s="14" t="s">
        <v>25</v>
      </c>
      <c r="G43873" s="16">
        <v>0.50839904502049171</v>
      </c>
    </row>
    <row r="43874" spans="1:7" x14ac:dyDescent="0.3">
      <c r="A43874" s="13" t="s">
        <v>257</v>
      </c>
      <c r="B43874" s="14" t="s">
        <v>1</v>
      </c>
      <c r="C43874" s="14" t="s">
        <v>238</v>
      </c>
      <c r="D43874" s="14" t="s">
        <v>74</v>
      </c>
      <c r="E43874" s="15">
        <v>45450</v>
      </c>
      <c r="F43874" s="14" t="s">
        <v>25</v>
      </c>
      <c r="G43874" s="16">
        <v>0.51562215894971442</v>
      </c>
    </row>
    <row r="43875" spans="1:7" x14ac:dyDescent="0.3">
      <c r="A43875" s="13" t="s">
        <v>257</v>
      </c>
      <c r="B43875" s="14" t="s">
        <v>1</v>
      </c>
      <c r="C43875" s="14" t="s">
        <v>238</v>
      </c>
      <c r="D43875" s="14" t="s">
        <v>74</v>
      </c>
      <c r="E43875" s="15">
        <v>45451</v>
      </c>
      <c r="F43875" s="14" t="s">
        <v>25</v>
      </c>
      <c r="G43875" s="16">
        <v>0.51562215894971442</v>
      </c>
    </row>
    <row r="43876" spans="1:7" x14ac:dyDescent="0.3">
      <c r="A43876" s="13" t="s">
        <v>257</v>
      </c>
      <c r="B43876" s="14" t="s">
        <v>1</v>
      </c>
      <c r="C43876" s="14" t="s">
        <v>238</v>
      </c>
      <c r="D43876" s="14" t="s">
        <v>74</v>
      </c>
      <c r="E43876" s="15">
        <v>45452</v>
      </c>
      <c r="F43876" s="14" t="s">
        <v>25</v>
      </c>
      <c r="G43876" s="16">
        <v>0.51562215894971442</v>
      </c>
    </row>
    <row r="43877" spans="1:7" x14ac:dyDescent="0.3">
      <c r="A43877" s="13" t="s">
        <v>257</v>
      </c>
      <c r="B43877" s="14" t="s">
        <v>1</v>
      </c>
      <c r="C43877" s="14" t="s">
        <v>238</v>
      </c>
      <c r="D43877" s="14" t="s">
        <v>74</v>
      </c>
      <c r="E43877" s="15">
        <v>45453</v>
      </c>
      <c r="F43877" s="14" t="s">
        <v>25</v>
      </c>
      <c r="G43877" s="16">
        <v>0.52204869133586096</v>
      </c>
    </row>
    <row r="43878" spans="1:7" x14ac:dyDescent="0.3">
      <c r="A43878" s="13" t="s">
        <v>257</v>
      </c>
      <c r="B43878" s="14" t="s">
        <v>1</v>
      </c>
      <c r="C43878" s="14" t="s">
        <v>238</v>
      </c>
      <c r="D43878" s="14" t="s">
        <v>74</v>
      </c>
      <c r="E43878" s="15">
        <v>45454</v>
      </c>
      <c r="F43878" s="14" t="s">
        <v>25</v>
      </c>
      <c r="G43878" s="16">
        <v>0.54392663032858712</v>
      </c>
    </row>
    <row r="43879" spans="1:7" x14ac:dyDescent="0.3">
      <c r="A43879" s="13" t="s">
        <v>257</v>
      </c>
      <c r="B43879" s="14" t="s">
        <v>1</v>
      </c>
      <c r="C43879" s="14" t="s">
        <v>238</v>
      </c>
      <c r="D43879" s="14" t="s">
        <v>74</v>
      </c>
      <c r="E43879" s="15">
        <v>45455</v>
      </c>
      <c r="F43879" s="14" t="s">
        <v>25</v>
      </c>
      <c r="G43879" s="16">
        <v>0.55266535836848729</v>
      </c>
    </row>
    <row r="43880" spans="1:7" x14ac:dyDescent="0.3">
      <c r="A43880" s="13" t="s">
        <v>257</v>
      </c>
      <c r="B43880" s="14" t="s">
        <v>1</v>
      </c>
      <c r="C43880" s="14" t="s">
        <v>238</v>
      </c>
      <c r="D43880" s="14" t="s">
        <v>74</v>
      </c>
      <c r="E43880" s="15">
        <v>45456</v>
      </c>
      <c r="F43880" s="14" t="s">
        <v>25</v>
      </c>
      <c r="G43880" s="16">
        <v>0.55619127732219942</v>
      </c>
    </row>
    <row r="43881" spans="1:7" x14ac:dyDescent="0.3">
      <c r="A43881" s="13" t="s">
        <v>257</v>
      </c>
      <c r="B43881" s="14" t="s">
        <v>1</v>
      </c>
      <c r="C43881" s="14" t="s">
        <v>238</v>
      </c>
      <c r="D43881" s="14" t="s">
        <v>74</v>
      </c>
      <c r="E43881" s="15">
        <v>45457</v>
      </c>
      <c r="F43881" s="14" t="s">
        <v>25</v>
      </c>
      <c r="G43881" s="16">
        <v>0.55953758463742653</v>
      </c>
    </row>
    <row r="43882" spans="1:7" x14ac:dyDescent="0.3">
      <c r="A43882" s="13" t="s">
        <v>257</v>
      </c>
      <c r="B43882" s="14" t="s">
        <v>1</v>
      </c>
      <c r="C43882" s="14" t="s">
        <v>238</v>
      </c>
      <c r="D43882" s="14" t="s">
        <v>74</v>
      </c>
      <c r="E43882" s="15">
        <v>45458</v>
      </c>
      <c r="F43882" s="14" t="s">
        <v>25</v>
      </c>
      <c r="G43882" s="16">
        <v>0.55953758463742653</v>
      </c>
    </row>
    <row r="43883" spans="1:7" x14ac:dyDescent="0.3">
      <c r="A43883" s="13" t="s">
        <v>257</v>
      </c>
      <c r="B43883" s="14" t="s">
        <v>1</v>
      </c>
      <c r="C43883" s="14" t="s">
        <v>238</v>
      </c>
      <c r="D43883" s="14" t="s">
        <v>74</v>
      </c>
      <c r="E43883" s="15">
        <v>45459</v>
      </c>
      <c r="F43883" s="14" t="s">
        <v>25</v>
      </c>
      <c r="G43883" s="16">
        <v>0.55953758463742653</v>
      </c>
    </row>
    <row r="43884" spans="1:7" x14ac:dyDescent="0.3">
      <c r="A43884" s="13" t="s">
        <v>257</v>
      </c>
      <c r="B43884" s="14" t="s">
        <v>1</v>
      </c>
      <c r="C43884" s="14" t="s">
        <v>238</v>
      </c>
      <c r="D43884" s="14" t="s">
        <v>74</v>
      </c>
      <c r="E43884" s="15">
        <v>45460</v>
      </c>
      <c r="F43884" s="14" t="s">
        <v>25</v>
      </c>
      <c r="G43884" s="16">
        <v>0.56826497777219942</v>
      </c>
    </row>
    <row r="43885" spans="1:7" x14ac:dyDescent="0.3">
      <c r="A43885" s="13" t="s">
        <v>257</v>
      </c>
      <c r="B43885" s="14" t="s">
        <v>1</v>
      </c>
      <c r="C43885" s="14" t="s">
        <v>238</v>
      </c>
      <c r="D43885" s="14" t="s">
        <v>74</v>
      </c>
      <c r="E43885" s="15">
        <v>45461</v>
      </c>
      <c r="F43885" s="14" t="s">
        <v>25</v>
      </c>
      <c r="G43885" s="16">
        <v>0.58758017318713274</v>
      </c>
    </row>
    <row r="43886" spans="1:7" x14ac:dyDescent="0.3">
      <c r="A43886" s="13" t="s">
        <v>257</v>
      </c>
      <c r="B43886" s="14" t="s">
        <v>1</v>
      </c>
      <c r="C43886" s="14" t="s">
        <v>238</v>
      </c>
      <c r="D43886" s="14" t="s">
        <v>74</v>
      </c>
      <c r="E43886" s="15">
        <v>45462</v>
      </c>
      <c r="F43886" s="14" t="s">
        <v>25</v>
      </c>
      <c r="G43886" s="16">
        <v>0.59538493616049315</v>
      </c>
    </row>
    <row r="43887" spans="1:7" x14ac:dyDescent="0.3">
      <c r="A43887" s="13" t="s">
        <v>257</v>
      </c>
      <c r="B43887" s="14" t="s">
        <v>1</v>
      </c>
      <c r="C43887" s="14" t="s">
        <v>238</v>
      </c>
      <c r="D43887" s="14" t="s">
        <v>74</v>
      </c>
      <c r="E43887" s="15">
        <v>45463</v>
      </c>
      <c r="F43887" s="14" t="s">
        <v>25</v>
      </c>
      <c r="G43887" s="16">
        <v>0.60514165945410192</v>
      </c>
    </row>
    <row r="43888" spans="1:7" x14ac:dyDescent="0.3">
      <c r="A43888" s="13" t="s">
        <v>257</v>
      </c>
      <c r="B43888" s="14" t="s">
        <v>1</v>
      </c>
      <c r="C43888" s="14" t="s">
        <v>238</v>
      </c>
      <c r="D43888" s="14" t="s">
        <v>74</v>
      </c>
      <c r="E43888" s="15">
        <v>45464</v>
      </c>
      <c r="F43888" s="14" t="s">
        <v>25</v>
      </c>
      <c r="G43888" s="16">
        <v>0.61394665753286415</v>
      </c>
    </row>
    <row r="43889" spans="1:7" x14ac:dyDescent="0.3">
      <c r="A43889" s="13" t="s">
        <v>257</v>
      </c>
      <c r="B43889" s="14" t="s">
        <v>1</v>
      </c>
      <c r="C43889" s="14" t="s">
        <v>238</v>
      </c>
      <c r="D43889" s="14" t="s">
        <v>74</v>
      </c>
      <c r="E43889" s="15">
        <v>45465</v>
      </c>
      <c r="F43889" s="14" t="s">
        <v>25</v>
      </c>
      <c r="G43889" s="16">
        <v>0.61394665753286415</v>
      </c>
    </row>
    <row r="43890" spans="1:7" x14ac:dyDescent="0.3">
      <c r="A43890" s="13" t="s">
        <v>257</v>
      </c>
      <c r="B43890" s="14" t="s">
        <v>1</v>
      </c>
      <c r="C43890" s="14" t="s">
        <v>238</v>
      </c>
      <c r="D43890" s="14" t="s">
        <v>74</v>
      </c>
      <c r="E43890" s="15">
        <v>45466</v>
      </c>
      <c r="F43890" s="14" t="s">
        <v>25</v>
      </c>
      <c r="G43890" s="16">
        <v>0.61394665753286415</v>
      </c>
    </row>
    <row r="43891" spans="1:7" x14ac:dyDescent="0.3">
      <c r="A43891" s="13" t="s">
        <v>257</v>
      </c>
      <c r="B43891" s="14" t="s">
        <v>1</v>
      </c>
      <c r="C43891" s="14" t="s">
        <v>238</v>
      </c>
      <c r="D43891" s="14" t="s">
        <v>74</v>
      </c>
      <c r="E43891" s="15">
        <v>45467</v>
      </c>
      <c r="F43891" s="14" t="s">
        <v>25</v>
      </c>
      <c r="G43891" s="16">
        <v>0.62743515660111726</v>
      </c>
    </row>
    <row r="43892" spans="1:7" x14ac:dyDescent="0.3">
      <c r="A43892" s="13" t="s">
        <v>257</v>
      </c>
      <c r="B43892" s="14" t="s">
        <v>1</v>
      </c>
      <c r="C43892" s="14" t="s">
        <v>238</v>
      </c>
      <c r="D43892" s="14" t="s">
        <v>74</v>
      </c>
      <c r="E43892" s="15">
        <v>45468</v>
      </c>
      <c r="F43892" s="14" t="s">
        <v>25</v>
      </c>
      <c r="G43892" s="16">
        <v>0.65191531581610762</v>
      </c>
    </row>
    <row r="43893" spans="1:7" x14ac:dyDescent="0.3">
      <c r="A43893" s="13" t="s">
        <v>257</v>
      </c>
      <c r="B43893" s="14" t="s">
        <v>1</v>
      </c>
      <c r="C43893" s="14" t="s">
        <v>238</v>
      </c>
      <c r="D43893" s="14" t="s">
        <v>74</v>
      </c>
      <c r="E43893" s="15">
        <v>45469</v>
      </c>
      <c r="F43893" s="14" t="s">
        <v>25</v>
      </c>
      <c r="G43893" s="16">
        <v>0.6592194400446667</v>
      </c>
    </row>
    <row r="43894" spans="1:7" x14ac:dyDescent="0.3">
      <c r="A43894" s="13" t="s">
        <v>257</v>
      </c>
      <c r="B43894" s="14" t="s">
        <v>1</v>
      </c>
      <c r="C43894" s="14" t="s">
        <v>238</v>
      </c>
      <c r="D43894" s="14" t="s">
        <v>74</v>
      </c>
      <c r="E43894" s="15">
        <v>45470</v>
      </c>
      <c r="F43894" s="14" t="s">
        <v>25</v>
      </c>
      <c r="G43894" s="16">
        <v>0.66917232832966356</v>
      </c>
    </row>
    <row r="43895" spans="1:7" x14ac:dyDescent="0.3">
      <c r="A43895" s="13" t="s">
        <v>257</v>
      </c>
      <c r="B43895" s="14" t="s">
        <v>1</v>
      </c>
      <c r="C43895" s="14" t="s">
        <v>238</v>
      </c>
      <c r="D43895" s="14" t="s">
        <v>74</v>
      </c>
      <c r="E43895" s="15">
        <v>45471</v>
      </c>
      <c r="F43895" s="14" t="s">
        <v>25</v>
      </c>
      <c r="G43895" s="16">
        <v>0.67757272999252482</v>
      </c>
    </row>
    <row r="43896" spans="1:7" x14ac:dyDescent="0.3">
      <c r="A43896" s="13" t="s">
        <v>257</v>
      </c>
      <c r="B43896" s="14" t="s">
        <v>1</v>
      </c>
      <c r="C43896" s="14" t="s">
        <v>238</v>
      </c>
      <c r="D43896" s="14" t="s">
        <v>74</v>
      </c>
      <c r="E43896" s="15">
        <v>45472</v>
      </c>
      <c r="F43896" s="14" t="s">
        <v>25</v>
      </c>
      <c r="G43896" s="16">
        <v>0.67757272999252482</v>
      </c>
    </row>
    <row r="43897" spans="1:7" x14ac:dyDescent="0.3">
      <c r="A43897" s="13" t="s">
        <v>257</v>
      </c>
      <c r="B43897" s="14" t="s">
        <v>1</v>
      </c>
      <c r="C43897" s="14" t="s">
        <v>238</v>
      </c>
      <c r="D43897" s="14" t="s">
        <v>74</v>
      </c>
      <c r="E43897" s="15">
        <v>45473</v>
      </c>
      <c r="F43897" s="14" t="s">
        <v>25</v>
      </c>
      <c r="G43897" s="16">
        <v>0.67757272999252482</v>
      </c>
    </row>
    <row r="43898" spans="1:7" x14ac:dyDescent="0.3">
      <c r="A43898" s="13" t="s">
        <v>257</v>
      </c>
      <c r="B43898" s="14" t="s">
        <v>1</v>
      </c>
      <c r="C43898" s="14" t="s">
        <v>238</v>
      </c>
      <c r="D43898" s="14" t="s">
        <v>74</v>
      </c>
      <c r="E43898" s="15">
        <v>45474</v>
      </c>
      <c r="F43898" s="14" t="s">
        <v>25</v>
      </c>
      <c r="G43898" s="16">
        <v>0.68977950702438962</v>
      </c>
    </row>
    <row r="43899" spans="1:7" x14ac:dyDescent="0.3">
      <c r="A43899" s="13" t="s">
        <v>257</v>
      </c>
      <c r="B43899" s="14" t="s">
        <v>1</v>
      </c>
      <c r="C43899" s="14" t="s">
        <v>238</v>
      </c>
      <c r="D43899" s="14" t="s">
        <v>74</v>
      </c>
      <c r="E43899" s="15">
        <v>45475</v>
      </c>
      <c r="F43899" s="14" t="s">
        <v>25</v>
      </c>
      <c r="G43899" s="16">
        <v>0.71367396187642196</v>
      </c>
    </row>
    <row r="43900" spans="1:7" x14ac:dyDescent="0.3">
      <c r="A43900" s="13" t="s">
        <v>257</v>
      </c>
      <c r="B43900" s="14" t="s">
        <v>1</v>
      </c>
      <c r="C43900" s="14" t="s">
        <v>238</v>
      </c>
      <c r="D43900" s="14" t="s">
        <v>74</v>
      </c>
      <c r="E43900" s="15">
        <v>45476</v>
      </c>
      <c r="F43900" s="14" t="s">
        <v>25</v>
      </c>
      <c r="G43900" s="16">
        <v>0.72219048451529289</v>
      </c>
    </row>
    <row r="43901" spans="1:7" x14ac:dyDescent="0.3">
      <c r="A43901" s="13" t="s">
        <v>257</v>
      </c>
      <c r="B43901" s="14" t="s">
        <v>1</v>
      </c>
      <c r="C43901" s="14" t="s">
        <v>238</v>
      </c>
      <c r="D43901" s="14" t="s">
        <v>74</v>
      </c>
      <c r="E43901" s="15">
        <v>45477</v>
      </c>
      <c r="F43901" s="14" t="s">
        <v>25</v>
      </c>
      <c r="G43901" s="16">
        <v>0.730219811009442</v>
      </c>
    </row>
    <row r="43902" spans="1:7" x14ac:dyDescent="0.3">
      <c r="A43902" s="13" t="s">
        <v>257</v>
      </c>
      <c r="B43902" s="14" t="s">
        <v>1</v>
      </c>
      <c r="C43902" s="14" t="s">
        <v>238</v>
      </c>
      <c r="D43902" s="14" t="s">
        <v>74</v>
      </c>
      <c r="E43902" s="15">
        <v>45478</v>
      </c>
      <c r="F43902" s="14" t="s">
        <v>25</v>
      </c>
      <c r="G43902" s="16">
        <v>0.73614073334564623</v>
      </c>
    </row>
    <row r="43903" spans="1:7" x14ac:dyDescent="0.3">
      <c r="A43903" s="13" t="s">
        <v>257</v>
      </c>
      <c r="B43903" s="14" t="s">
        <v>1</v>
      </c>
      <c r="C43903" s="14" t="s">
        <v>238</v>
      </c>
      <c r="D43903" s="14" t="s">
        <v>74</v>
      </c>
      <c r="E43903" s="15">
        <v>45479</v>
      </c>
      <c r="F43903" s="14" t="s">
        <v>25</v>
      </c>
      <c r="G43903" s="16">
        <v>0.73614073334564623</v>
      </c>
    </row>
    <row r="43904" spans="1:7" x14ac:dyDescent="0.3">
      <c r="A43904" s="13" t="s">
        <v>257</v>
      </c>
      <c r="B43904" s="14" t="s">
        <v>1</v>
      </c>
      <c r="C43904" s="14" t="s">
        <v>238</v>
      </c>
      <c r="D43904" s="14" t="s">
        <v>74</v>
      </c>
      <c r="E43904" s="15">
        <v>45480</v>
      </c>
      <c r="F43904" s="14" t="s">
        <v>25</v>
      </c>
      <c r="G43904" s="16">
        <v>0.73614073334564623</v>
      </c>
    </row>
    <row r="43905" spans="1:7" x14ac:dyDescent="0.3">
      <c r="A43905" s="13" t="s">
        <v>257</v>
      </c>
      <c r="B43905" s="14" t="s">
        <v>1</v>
      </c>
      <c r="C43905" s="14" t="s">
        <v>238</v>
      </c>
      <c r="D43905" s="14" t="s">
        <v>74</v>
      </c>
      <c r="E43905" s="15">
        <v>45481</v>
      </c>
      <c r="F43905" s="14" t="s">
        <v>25</v>
      </c>
      <c r="G43905" s="16">
        <v>0.74386095423408427</v>
      </c>
    </row>
    <row r="43906" spans="1:7" x14ac:dyDescent="0.3">
      <c r="A43906" s="13" t="s">
        <v>257</v>
      </c>
      <c r="B43906" s="14" t="s">
        <v>1</v>
      </c>
      <c r="C43906" s="14" t="s">
        <v>238</v>
      </c>
      <c r="D43906" s="14" t="s">
        <v>74</v>
      </c>
      <c r="E43906" s="15">
        <v>45482</v>
      </c>
      <c r="F43906" s="14" t="s">
        <v>25</v>
      </c>
      <c r="G43906" s="16">
        <v>0.76558744027491321</v>
      </c>
    </row>
    <row r="43907" spans="1:7" x14ac:dyDescent="0.3">
      <c r="A43907" s="13" t="s">
        <v>257</v>
      </c>
      <c r="B43907" s="14" t="s">
        <v>1</v>
      </c>
      <c r="C43907" s="14" t="s">
        <v>238</v>
      </c>
      <c r="D43907" s="14" t="s">
        <v>74</v>
      </c>
      <c r="E43907" s="15">
        <v>45483</v>
      </c>
      <c r="F43907" s="14" t="s">
        <v>25</v>
      </c>
      <c r="G43907" s="16">
        <v>0.77624860138160723</v>
      </c>
    </row>
    <row r="43908" spans="1:7" x14ac:dyDescent="0.3">
      <c r="A43908" s="13" t="s">
        <v>257</v>
      </c>
      <c r="B43908" s="14" t="s">
        <v>1</v>
      </c>
      <c r="C43908" s="14" t="s">
        <v>238</v>
      </c>
      <c r="D43908" s="14" t="s">
        <v>74</v>
      </c>
      <c r="E43908" s="15">
        <v>45484</v>
      </c>
      <c r="F43908" s="14" t="s">
        <v>25</v>
      </c>
      <c r="G43908" s="16">
        <v>0.78369495691248581</v>
      </c>
    </row>
    <row r="43909" spans="1:7" x14ac:dyDescent="0.3">
      <c r="A43909" s="13" t="s">
        <v>257</v>
      </c>
      <c r="B43909" s="14" t="s">
        <v>1</v>
      </c>
      <c r="C43909" s="14" t="s">
        <v>238</v>
      </c>
      <c r="D43909" s="14" t="s">
        <v>74</v>
      </c>
      <c r="E43909" s="15">
        <v>45485</v>
      </c>
      <c r="F43909" s="14" t="s">
        <v>25</v>
      </c>
      <c r="G43909" s="16">
        <v>0.79205941379795608</v>
      </c>
    </row>
    <row r="43910" spans="1:7" x14ac:dyDescent="0.3">
      <c r="A43910" s="13" t="s">
        <v>257</v>
      </c>
      <c r="B43910" s="14" t="s">
        <v>1</v>
      </c>
      <c r="C43910" s="14" t="s">
        <v>238</v>
      </c>
      <c r="D43910" s="14" t="s">
        <v>74</v>
      </c>
      <c r="E43910" s="15">
        <v>45486</v>
      </c>
      <c r="F43910" s="14" t="s">
        <v>25</v>
      </c>
      <c r="G43910" s="16">
        <v>0.79205941379795608</v>
      </c>
    </row>
    <row r="43911" spans="1:7" x14ac:dyDescent="0.3">
      <c r="A43911" s="13" t="s">
        <v>257</v>
      </c>
      <c r="B43911" s="14" t="s">
        <v>1</v>
      </c>
      <c r="C43911" s="14" t="s">
        <v>238</v>
      </c>
      <c r="D43911" s="14" t="s">
        <v>74</v>
      </c>
      <c r="E43911" s="15">
        <v>45487</v>
      </c>
      <c r="F43911" s="14" t="s">
        <v>25</v>
      </c>
      <c r="G43911" s="16">
        <v>0.79205941379795608</v>
      </c>
    </row>
    <row r="43912" spans="1:7" x14ac:dyDescent="0.3">
      <c r="A43912" s="13" t="s">
        <v>257</v>
      </c>
      <c r="B43912" s="14" t="s">
        <v>1</v>
      </c>
      <c r="C43912" s="14" t="s">
        <v>238</v>
      </c>
      <c r="D43912" s="14" t="s">
        <v>74</v>
      </c>
      <c r="E43912" s="15">
        <v>45488</v>
      </c>
      <c r="F43912" s="14" t="s">
        <v>25</v>
      </c>
      <c r="G43912" s="16">
        <v>0.79999687449414214</v>
      </c>
    </row>
    <row r="43913" spans="1:7" x14ac:dyDescent="0.3">
      <c r="A43913" s="13" t="s">
        <v>257</v>
      </c>
      <c r="B43913" s="14" t="s">
        <v>1</v>
      </c>
      <c r="C43913" s="14" t="s">
        <v>238</v>
      </c>
      <c r="D43913" s="14" t="s">
        <v>74</v>
      </c>
      <c r="E43913" s="15">
        <v>45489</v>
      </c>
      <c r="F43913" s="14" t="s">
        <v>25</v>
      </c>
      <c r="G43913" s="16">
        <v>0.8206831297299837</v>
      </c>
    </row>
    <row r="43914" spans="1:7" x14ac:dyDescent="0.3">
      <c r="A43914" s="13" t="s">
        <v>257</v>
      </c>
      <c r="B43914" s="14" t="s">
        <v>1</v>
      </c>
      <c r="C43914" s="14" t="s">
        <v>238</v>
      </c>
      <c r="D43914" s="14" t="s">
        <v>74</v>
      </c>
      <c r="E43914" s="15">
        <v>45490</v>
      </c>
      <c r="F43914" s="14" t="s">
        <v>25</v>
      </c>
      <c r="G43914" s="16">
        <v>0.82177043052450338</v>
      </c>
    </row>
    <row r="43915" spans="1:7" x14ac:dyDescent="0.3">
      <c r="A43915" s="13" t="s">
        <v>257</v>
      </c>
      <c r="B43915" s="14" t="s">
        <v>1</v>
      </c>
      <c r="C43915" s="14" t="s">
        <v>238</v>
      </c>
      <c r="D43915" s="14" t="s">
        <v>74</v>
      </c>
      <c r="E43915" s="15">
        <v>45491</v>
      </c>
      <c r="F43915" s="14" t="s">
        <v>25</v>
      </c>
      <c r="G43915" s="16">
        <v>0.82989250149840921</v>
      </c>
    </row>
    <row r="43916" spans="1:7" x14ac:dyDescent="0.3">
      <c r="A43916" s="13" t="s">
        <v>257</v>
      </c>
      <c r="B43916" s="14" t="s">
        <v>1</v>
      </c>
      <c r="C43916" s="14" t="s">
        <v>238</v>
      </c>
      <c r="D43916" s="14" t="s">
        <v>74</v>
      </c>
      <c r="E43916" s="15">
        <v>45492</v>
      </c>
      <c r="F43916" s="14" t="s">
        <v>25</v>
      </c>
      <c r="G43916" s="16">
        <v>0.83753691534589136</v>
      </c>
    </row>
    <row r="43917" spans="1:7" x14ac:dyDescent="0.3">
      <c r="A43917" s="13" t="s">
        <v>257</v>
      </c>
      <c r="B43917" s="14" t="s">
        <v>1</v>
      </c>
      <c r="C43917" s="14" t="s">
        <v>238</v>
      </c>
      <c r="D43917" s="14" t="s">
        <v>74</v>
      </c>
      <c r="E43917" s="15">
        <v>45493</v>
      </c>
      <c r="F43917" s="14" t="s">
        <v>25</v>
      </c>
      <c r="G43917" s="16">
        <v>0.83753691534589136</v>
      </c>
    </row>
    <row r="43918" spans="1:7" x14ac:dyDescent="0.3">
      <c r="A43918" s="13" t="s">
        <v>257</v>
      </c>
      <c r="B43918" s="14" t="s">
        <v>1</v>
      </c>
      <c r="C43918" s="14" t="s">
        <v>238</v>
      </c>
      <c r="D43918" s="14" t="s">
        <v>74</v>
      </c>
      <c r="E43918" s="15">
        <v>45494</v>
      </c>
      <c r="F43918" s="14" t="s">
        <v>25</v>
      </c>
      <c r="G43918" s="16">
        <v>0.83753691534589136</v>
      </c>
    </row>
    <row r="43919" spans="1:7" x14ac:dyDescent="0.3">
      <c r="A43919" s="13" t="s">
        <v>257</v>
      </c>
      <c r="B43919" s="14" t="s">
        <v>1</v>
      </c>
      <c r="C43919" s="14" t="s">
        <v>238</v>
      </c>
      <c r="D43919" s="14" t="s">
        <v>74</v>
      </c>
      <c r="E43919" s="15">
        <v>45495</v>
      </c>
      <c r="F43919" s="14" t="s">
        <v>25</v>
      </c>
      <c r="G43919" s="16">
        <v>0.84662115422914042</v>
      </c>
    </row>
    <row r="43920" spans="1:7" x14ac:dyDescent="0.3">
      <c r="A43920" s="13" t="s">
        <v>257</v>
      </c>
      <c r="B43920" s="14" t="s">
        <v>1</v>
      </c>
      <c r="C43920" s="14" t="s">
        <v>238</v>
      </c>
      <c r="D43920" s="14" t="s">
        <v>74</v>
      </c>
      <c r="E43920" s="15">
        <v>45496</v>
      </c>
      <c r="F43920" s="14" t="s">
        <v>25</v>
      </c>
      <c r="G43920" s="16">
        <v>0.86492201753714604</v>
      </c>
    </row>
    <row r="43921" spans="1:7" x14ac:dyDescent="0.3">
      <c r="A43921" s="13" t="s">
        <v>257</v>
      </c>
      <c r="B43921" s="14" t="s">
        <v>1</v>
      </c>
      <c r="C43921" s="14" t="s">
        <v>238</v>
      </c>
      <c r="D43921" s="14" t="s">
        <v>74</v>
      </c>
      <c r="E43921" s="15">
        <v>45497</v>
      </c>
      <c r="F43921" s="14" t="s">
        <v>25</v>
      </c>
      <c r="G43921" s="16">
        <v>0.86547216806915805</v>
      </c>
    </row>
    <row r="43922" spans="1:7" x14ac:dyDescent="0.3">
      <c r="A43922" s="13" t="s">
        <v>257</v>
      </c>
      <c r="B43922" s="14" t="s">
        <v>1</v>
      </c>
      <c r="C43922" s="14" t="s">
        <v>238</v>
      </c>
      <c r="D43922" s="14" t="s">
        <v>74</v>
      </c>
      <c r="E43922" s="15">
        <v>45498</v>
      </c>
      <c r="F43922" s="14" t="s">
        <v>25</v>
      </c>
      <c r="G43922" s="16">
        <v>0.86999335152935431</v>
      </c>
    </row>
    <row r="43923" spans="1:7" x14ac:dyDescent="0.3">
      <c r="A43923" s="13" t="s">
        <v>257</v>
      </c>
      <c r="B43923" s="14" t="s">
        <v>1</v>
      </c>
      <c r="C43923" s="14" t="s">
        <v>238</v>
      </c>
      <c r="D43923" s="14" t="s">
        <v>74</v>
      </c>
      <c r="E43923" s="15">
        <v>45499</v>
      </c>
      <c r="F43923" s="14" t="s">
        <v>25</v>
      </c>
      <c r="G43923" s="16">
        <v>0.8804501575783289</v>
      </c>
    </row>
    <row r="43924" spans="1:7" x14ac:dyDescent="0.3">
      <c r="A43924" s="13" t="s">
        <v>257</v>
      </c>
      <c r="B43924" s="14" t="s">
        <v>1</v>
      </c>
      <c r="C43924" s="14" t="s">
        <v>238</v>
      </c>
      <c r="D43924" s="14" t="s">
        <v>74</v>
      </c>
      <c r="E43924" s="15">
        <v>45500</v>
      </c>
      <c r="F43924" s="14" t="s">
        <v>25</v>
      </c>
      <c r="G43924" s="16">
        <v>0.8804501575783289</v>
      </c>
    </row>
    <row r="43925" spans="1:7" x14ac:dyDescent="0.3">
      <c r="A43925" s="13" t="s">
        <v>257</v>
      </c>
      <c r="B43925" s="14" t="s">
        <v>1</v>
      </c>
      <c r="C43925" s="14" t="s">
        <v>238</v>
      </c>
      <c r="D43925" s="14" t="s">
        <v>74</v>
      </c>
      <c r="E43925" s="15">
        <v>45501</v>
      </c>
      <c r="F43925" s="14" t="s">
        <v>25</v>
      </c>
      <c r="G43925" s="16">
        <v>0.8804501575783289</v>
      </c>
    </row>
    <row r="43926" spans="1:7" x14ac:dyDescent="0.3">
      <c r="A43926" s="13" t="s">
        <v>257</v>
      </c>
      <c r="B43926" s="14" t="s">
        <v>1</v>
      </c>
      <c r="C43926" s="14" t="s">
        <v>238</v>
      </c>
      <c r="D43926" s="14" t="s">
        <v>74</v>
      </c>
      <c r="E43926" s="15">
        <v>45502</v>
      </c>
      <c r="F43926" s="14" t="s">
        <v>25</v>
      </c>
      <c r="G43926" s="16">
        <v>0.88583473224320386</v>
      </c>
    </row>
    <row r="43927" spans="1:7" x14ac:dyDescent="0.3">
      <c r="A43927" s="13" t="s">
        <v>257</v>
      </c>
      <c r="B43927" s="14" t="s">
        <v>1</v>
      </c>
      <c r="C43927" s="14" t="s">
        <v>238</v>
      </c>
      <c r="D43927" s="14" t="s">
        <v>74</v>
      </c>
      <c r="E43927" s="15">
        <v>45503</v>
      </c>
      <c r="F43927" s="14" t="s">
        <v>25</v>
      </c>
      <c r="G43927" s="16">
        <v>0.9044317941324832</v>
      </c>
    </row>
    <row r="43928" spans="1:7" x14ac:dyDescent="0.3">
      <c r="A43928" s="13" t="s">
        <v>257</v>
      </c>
      <c r="B43928" s="14" t="s">
        <v>1</v>
      </c>
      <c r="C43928" s="14" t="s">
        <v>238</v>
      </c>
      <c r="D43928" s="14" t="s">
        <v>74</v>
      </c>
      <c r="E43928" s="15">
        <v>45504</v>
      </c>
      <c r="F43928" s="14" t="s">
        <v>25</v>
      </c>
      <c r="G43928" s="16">
        <v>0.90797275506578945</v>
      </c>
    </row>
    <row r="43929" spans="1:7" x14ac:dyDescent="0.3">
      <c r="A43929" s="13" t="s">
        <v>257</v>
      </c>
      <c r="B43929" s="14" t="s">
        <v>1</v>
      </c>
      <c r="C43929" s="14" t="s">
        <v>238</v>
      </c>
      <c r="D43929" s="14" t="s">
        <v>74</v>
      </c>
      <c r="E43929" s="15">
        <v>45505</v>
      </c>
      <c r="F43929" s="14" t="s">
        <v>25</v>
      </c>
      <c r="G43929" s="16">
        <v>0.90797275506578945</v>
      </c>
    </row>
    <row r="43930" spans="1:7" x14ac:dyDescent="0.3">
      <c r="A43930" s="13" t="s">
        <v>257</v>
      </c>
      <c r="B43930" s="14" t="s">
        <v>1</v>
      </c>
      <c r="C43930" s="14" t="s">
        <v>238</v>
      </c>
      <c r="D43930" s="14" t="s">
        <v>74</v>
      </c>
      <c r="E43930" s="15">
        <v>45506</v>
      </c>
      <c r="F43930" s="14" t="s">
        <v>25</v>
      </c>
      <c r="G43930" s="16">
        <v>0.90154725359194243</v>
      </c>
    </row>
    <row r="43931" spans="1:7" x14ac:dyDescent="0.3">
      <c r="A43931" s="13" t="s">
        <v>257</v>
      </c>
      <c r="B43931" s="14" t="s">
        <v>1</v>
      </c>
      <c r="C43931" s="14" t="s">
        <v>238</v>
      </c>
      <c r="D43931" s="14" t="s">
        <v>74</v>
      </c>
      <c r="E43931" s="15">
        <v>45507</v>
      </c>
      <c r="F43931" s="14" t="s">
        <v>25</v>
      </c>
      <c r="G43931" s="16">
        <v>0.90154725359194243</v>
      </c>
    </row>
    <row r="43932" spans="1:7" x14ac:dyDescent="0.3">
      <c r="A43932" s="13" t="s">
        <v>257</v>
      </c>
      <c r="B43932" s="14" t="s">
        <v>1</v>
      </c>
      <c r="C43932" s="14" t="s">
        <v>238</v>
      </c>
      <c r="D43932" s="14" t="s">
        <v>74</v>
      </c>
      <c r="E43932" s="15">
        <v>45508</v>
      </c>
      <c r="F43932" s="14" t="s">
        <v>25</v>
      </c>
      <c r="G43932" s="16">
        <v>0.90154725359194243</v>
      </c>
    </row>
    <row r="43933" spans="1:7" x14ac:dyDescent="0.3">
      <c r="A43933" s="13" t="s">
        <v>257</v>
      </c>
      <c r="B43933" s="14" t="s">
        <v>1</v>
      </c>
      <c r="C43933" s="14" t="s">
        <v>238</v>
      </c>
      <c r="D43933" s="14" t="s">
        <v>74</v>
      </c>
      <c r="E43933" s="15">
        <v>45509</v>
      </c>
      <c r="F43933" s="14" t="s">
        <v>25</v>
      </c>
      <c r="G43933" s="16">
        <v>0.90154725359194243</v>
      </c>
    </row>
    <row r="43934" spans="1:7" x14ac:dyDescent="0.3">
      <c r="A43934" s="13" t="s">
        <v>257</v>
      </c>
      <c r="B43934" s="14" t="s">
        <v>1</v>
      </c>
      <c r="C43934" s="14" t="s">
        <v>238</v>
      </c>
      <c r="D43934" s="14" t="s">
        <v>74</v>
      </c>
      <c r="E43934" s="15">
        <v>45510</v>
      </c>
      <c r="F43934" s="14" t="s">
        <v>25</v>
      </c>
      <c r="G43934" s="16">
        <v>0.91164965521556607</v>
      </c>
    </row>
    <row r="43935" spans="1:7" x14ac:dyDescent="0.3">
      <c r="A43935" s="13" t="s">
        <v>257</v>
      </c>
      <c r="B43935" s="14" t="s">
        <v>1</v>
      </c>
      <c r="C43935" s="14" t="s">
        <v>238</v>
      </c>
      <c r="D43935" s="14" t="s">
        <v>74</v>
      </c>
      <c r="E43935" s="15">
        <v>45511</v>
      </c>
      <c r="F43935" s="14" t="s">
        <v>25</v>
      </c>
      <c r="G43935" s="16">
        <v>0.95225811970184349</v>
      </c>
    </row>
    <row r="43936" spans="1:7" x14ac:dyDescent="0.3">
      <c r="A43936" s="13" t="s">
        <v>257</v>
      </c>
      <c r="B43936" s="14" t="s">
        <v>1</v>
      </c>
      <c r="C43936" s="14" t="s">
        <v>238</v>
      </c>
      <c r="D43936" s="14" t="s">
        <v>74</v>
      </c>
      <c r="E43936" s="15">
        <v>45512</v>
      </c>
      <c r="F43936" s="14" t="s">
        <v>25</v>
      </c>
      <c r="G43936" s="16">
        <v>0.96286146487835056</v>
      </c>
    </row>
    <row r="43937" spans="1:7" x14ac:dyDescent="0.3">
      <c r="A43937" s="13" t="s">
        <v>257</v>
      </c>
      <c r="B43937" s="14" t="s">
        <v>1</v>
      </c>
      <c r="C43937" s="14" t="s">
        <v>238</v>
      </c>
      <c r="D43937" s="14" t="s">
        <v>74</v>
      </c>
      <c r="E43937" s="15">
        <v>45513</v>
      </c>
      <c r="F43937" s="14" t="s">
        <v>25</v>
      </c>
      <c r="G43937" s="16">
        <v>0.96891623346079037</v>
      </c>
    </row>
    <row r="43938" spans="1:7" x14ac:dyDescent="0.3">
      <c r="A43938" s="13" t="s">
        <v>257</v>
      </c>
      <c r="B43938" s="14" t="s">
        <v>1</v>
      </c>
      <c r="C43938" s="14" t="s">
        <v>238</v>
      </c>
      <c r="D43938" s="14" t="s">
        <v>74</v>
      </c>
      <c r="E43938" s="15">
        <v>45514</v>
      </c>
      <c r="F43938" s="14" t="s">
        <v>25</v>
      </c>
      <c r="G43938" s="16">
        <v>0.96891623346079037</v>
      </c>
    </row>
    <row r="43939" spans="1:7" x14ac:dyDescent="0.3">
      <c r="A43939" s="13" t="s">
        <v>257</v>
      </c>
      <c r="B43939" s="14" t="s">
        <v>1</v>
      </c>
      <c r="C43939" s="14" t="s">
        <v>238</v>
      </c>
      <c r="D43939" s="14" t="s">
        <v>74</v>
      </c>
      <c r="E43939" s="15">
        <v>45515</v>
      </c>
      <c r="F43939" s="14" t="s">
        <v>25</v>
      </c>
      <c r="G43939" s="16">
        <v>0.96891623346079037</v>
      </c>
    </row>
    <row r="43940" spans="1:7" x14ac:dyDescent="0.3">
      <c r="A43940" s="13" t="s">
        <v>257</v>
      </c>
      <c r="B43940" s="14" t="s">
        <v>1</v>
      </c>
      <c r="C43940" s="14" t="s">
        <v>238</v>
      </c>
      <c r="D43940" s="14" t="s">
        <v>74</v>
      </c>
      <c r="E43940" s="15">
        <v>45516</v>
      </c>
      <c r="F43940" s="14" t="s">
        <v>25</v>
      </c>
      <c r="G43940" s="16">
        <v>0.97753259159574146</v>
      </c>
    </row>
    <row r="43941" spans="1:7" x14ac:dyDescent="0.3">
      <c r="A43941" s="13" t="s">
        <v>257</v>
      </c>
      <c r="B43941" s="14" t="s">
        <v>1</v>
      </c>
      <c r="C43941" s="14" t="s">
        <v>238</v>
      </c>
      <c r="D43941" s="14" t="s">
        <v>74</v>
      </c>
      <c r="E43941" s="15">
        <v>45517</v>
      </c>
      <c r="F43941" s="14" t="s">
        <v>25</v>
      </c>
      <c r="G43941" s="16">
        <v>1.0050490552795943</v>
      </c>
    </row>
    <row r="43942" spans="1:7" x14ac:dyDescent="0.3">
      <c r="A43942" s="13" t="s">
        <v>257</v>
      </c>
      <c r="B43942" s="14" t="s">
        <v>1</v>
      </c>
      <c r="C43942" s="14" t="s">
        <v>238</v>
      </c>
      <c r="D43942" s="14" t="s">
        <v>74</v>
      </c>
      <c r="E43942" s="15">
        <v>45518</v>
      </c>
      <c r="F43942" s="14" t="s">
        <v>25</v>
      </c>
      <c r="G43942" s="16">
        <v>1.0148763308141664</v>
      </c>
    </row>
    <row r="43943" spans="1:7" x14ac:dyDescent="0.3">
      <c r="A43943" s="13" t="s">
        <v>257</v>
      </c>
      <c r="B43943" s="14" t="s">
        <v>1</v>
      </c>
      <c r="C43943" s="14" t="s">
        <v>238</v>
      </c>
      <c r="D43943" s="14" t="s">
        <v>74</v>
      </c>
      <c r="E43943" s="15">
        <v>45519</v>
      </c>
      <c r="F43943" s="14" t="s">
        <v>25</v>
      </c>
      <c r="G43943" s="16">
        <v>1.0273122915483597</v>
      </c>
    </row>
    <row r="43944" spans="1:7" x14ac:dyDescent="0.3">
      <c r="A43944" s="13" t="s">
        <v>257</v>
      </c>
      <c r="B43944" s="14" t="s">
        <v>1</v>
      </c>
      <c r="C43944" s="14" t="s">
        <v>238</v>
      </c>
      <c r="D43944" s="14" t="s">
        <v>74</v>
      </c>
      <c r="E43944" s="15">
        <v>45520</v>
      </c>
      <c r="F43944" s="14" t="s">
        <v>25</v>
      </c>
      <c r="G43944" s="16">
        <v>1.0324369607707546</v>
      </c>
    </row>
    <row r="43945" spans="1:7" x14ac:dyDescent="0.3">
      <c r="A43945" s="13" t="s">
        <v>257</v>
      </c>
      <c r="B43945" s="14" t="s">
        <v>1</v>
      </c>
      <c r="C43945" s="14" t="s">
        <v>238</v>
      </c>
      <c r="D43945" s="14" t="s">
        <v>74</v>
      </c>
      <c r="E43945" s="15">
        <v>45521</v>
      </c>
      <c r="F43945" s="14" t="s">
        <v>25</v>
      </c>
      <c r="G43945" s="16">
        <v>1.0324369607707546</v>
      </c>
    </row>
    <row r="43946" spans="1:7" x14ac:dyDescent="0.3">
      <c r="A43946" s="13" t="s">
        <v>257</v>
      </c>
      <c r="B43946" s="14" t="s">
        <v>1</v>
      </c>
      <c r="C43946" s="14" t="s">
        <v>238</v>
      </c>
      <c r="D43946" s="14" t="s">
        <v>74</v>
      </c>
      <c r="E43946" s="15">
        <v>45522</v>
      </c>
      <c r="F43946" s="14" t="s">
        <v>25</v>
      </c>
      <c r="G43946" s="16">
        <v>1.0324369607707546</v>
      </c>
    </row>
    <row r="43947" spans="1:7" x14ac:dyDescent="0.3">
      <c r="A43947" s="13" t="s">
        <v>257</v>
      </c>
      <c r="B43947" s="14" t="s">
        <v>1</v>
      </c>
      <c r="C43947" s="14" t="s">
        <v>238</v>
      </c>
      <c r="D43947" s="14" t="s">
        <v>74</v>
      </c>
      <c r="E43947" s="15">
        <v>45523</v>
      </c>
      <c r="F43947" s="14" t="s">
        <v>25</v>
      </c>
      <c r="G43947" s="16">
        <v>1.0413090576739177</v>
      </c>
    </row>
    <row r="43948" spans="1:7" x14ac:dyDescent="0.3">
      <c r="A43948" s="13" t="s">
        <v>257</v>
      </c>
      <c r="B43948" s="14" t="s">
        <v>1</v>
      </c>
      <c r="C43948" s="14" t="s">
        <v>238</v>
      </c>
      <c r="D43948" s="14" t="s">
        <v>74</v>
      </c>
      <c r="E43948" s="15">
        <v>45524</v>
      </c>
      <c r="F43948" s="14" t="s">
        <v>25</v>
      </c>
      <c r="G43948" s="16">
        <v>1.0572959697064059</v>
      </c>
    </row>
    <row r="43949" spans="1:7" x14ac:dyDescent="0.3">
      <c r="A43949" s="13" t="s">
        <v>257</v>
      </c>
      <c r="B43949" s="14" t="s">
        <v>1</v>
      </c>
      <c r="C43949" s="14" t="s">
        <v>238</v>
      </c>
      <c r="D43949" s="14" t="s">
        <v>74</v>
      </c>
      <c r="E43949" s="15">
        <v>45525</v>
      </c>
      <c r="F43949" s="14" t="s">
        <v>25</v>
      </c>
      <c r="G43949" s="16">
        <v>1.0632639076643204</v>
      </c>
    </row>
    <row r="43950" spans="1:7" x14ac:dyDescent="0.3">
      <c r="A43950" s="13" t="s">
        <v>257</v>
      </c>
      <c r="B43950" s="14" t="s">
        <v>1</v>
      </c>
      <c r="C43950" s="14" t="s">
        <v>238</v>
      </c>
      <c r="D43950" s="14" t="s">
        <v>74</v>
      </c>
      <c r="E43950" s="15">
        <v>45526</v>
      </c>
      <c r="F43950" s="14" t="s">
        <v>25</v>
      </c>
      <c r="G43950" s="16">
        <v>1.0682113569816614</v>
      </c>
    </row>
    <row r="43951" spans="1:7" x14ac:dyDescent="0.3">
      <c r="A43951" s="13" t="s">
        <v>257</v>
      </c>
      <c r="B43951" s="14" t="s">
        <v>1</v>
      </c>
      <c r="C43951" s="14" t="s">
        <v>238</v>
      </c>
      <c r="D43951" s="14" t="s">
        <v>74</v>
      </c>
      <c r="E43951" s="15">
        <v>45527</v>
      </c>
      <c r="F43951" s="14" t="s">
        <v>25</v>
      </c>
      <c r="G43951" s="16">
        <v>1.0776799529566363</v>
      </c>
    </row>
    <row r="43952" spans="1:7" x14ac:dyDescent="0.3">
      <c r="A43952" s="13" t="s">
        <v>257</v>
      </c>
      <c r="B43952" s="14" t="s">
        <v>1</v>
      </c>
      <c r="C43952" s="14" t="s">
        <v>238</v>
      </c>
      <c r="D43952" s="14" t="s">
        <v>74</v>
      </c>
      <c r="E43952" s="15">
        <v>45528</v>
      </c>
      <c r="F43952" s="14" t="s">
        <v>25</v>
      </c>
      <c r="G43952" s="16">
        <v>1.0776799529566363</v>
      </c>
    </row>
    <row r="43953" spans="1:7" x14ac:dyDescent="0.3">
      <c r="A43953" s="13" t="s">
        <v>257</v>
      </c>
      <c r="B43953" s="14" t="s">
        <v>1</v>
      </c>
      <c r="C43953" s="14" t="s">
        <v>238</v>
      </c>
      <c r="D43953" s="14" t="s">
        <v>74</v>
      </c>
      <c r="E43953" s="15">
        <v>45529</v>
      </c>
      <c r="F43953" s="14" t="s">
        <v>25</v>
      </c>
      <c r="G43953" s="16">
        <v>1.0776799529566363</v>
      </c>
    </row>
    <row r="43954" spans="1:7" x14ac:dyDescent="0.3">
      <c r="A43954" s="13" t="s">
        <v>257</v>
      </c>
      <c r="B43954" s="14" t="s">
        <v>1</v>
      </c>
      <c r="C43954" s="14" t="s">
        <v>238</v>
      </c>
      <c r="D43954" s="14" t="s">
        <v>74</v>
      </c>
      <c r="E43954" s="15">
        <v>45530</v>
      </c>
      <c r="F43954" s="14" t="s">
        <v>25</v>
      </c>
      <c r="G43954" s="16">
        <v>1.0814802869658739</v>
      </c>
    </row>
    <row r="43955" spans="1:7" x14ac:dyDescent="0.3">
      <c r="A43955" s="13" t="s">
        <v>257</v>
      </c>
      <c r="B43955" s="14" t="s">
        <v>1</v>
      </c>
      <c r="C43955" s="14" t="s">
        <v>238</v>
      </c>
      <c r="D43955" s="14" t="s">
        <v>74</v>
      </c>
      <c r="E43955" s="15">
        <v>45531</v>
      </c>
      <c r="F43955" s="14" t="s">
        <v>25</v>
      </c>
      <c r="G43955" s="16">
        <v>1.0985017513124469</v>
      </c>
    </row>
    <row r="43956" spans="1:7" x14ac:dyDescent="0.3">
      <c r="A43956" s="13" t="s">
        <v>257</v>
      </c>
      <c r="B43956" s="14" t="s">
        <v>1</v>
      </c>
      <c r="C43956" s="14" t="s">
        <v>238</v>
      </c>
      <c r="D43956" s="14" t="s">
        <v>74</v>
      </c>
      <c r="E43956" s="15">
        <v>45532</v>
      </c>
      <c r="F43956" s="14" t="s">
        <v>25</v>
      </c>
      <c r="G43956" s="16">
        <v>1.1005009136168462</v>
      </c>
    </row>
    <row r="43957" spans="1:7" x14ac:dyDescent="0.3">
      <c r="A43957" s="13" t="s">
        <v>257</v>
      </c>
      <c r="B43957" s="14" t="s">
        <v>1</v>
      </c>
      <c r="C43957" s="14" t="s">
        <v>238</v>
      </c>
      <c r="D43957" s="14" t="s">
        <v>74</v>
      </c>
      <c r="E43957" s="15">
        <v>45533</v>
      </c>
      <c r="F43957" s="14" t="s">
        <v>25</v>
      </c>
      <c r="G43957" s="16">
        <v>1.1028170529100261</v>
      </c>
    </row>
    <row r="43958" spans="1:7" x14ac:dyDescent="0.3">
      <c r="A43958" s="13" t="s">
        <v>257</v>
      </c>
      <c r="B43958" s="14" t="s">
        <v>1</v>
      </c>
      <c r="C43958" s="14" t="s">
        <v>238</v>
      </c>
      <c r="D43958" s="14" t="s">
        <v>74</v>
      </c>
      <c r="E43958" s="15">
        <v>45534</v>
      </c>
      <c r="F43958" s="14" t="s">
        <v>25</v>
      </c>
      <c r="G43958" s="16">
        <v>1.1107022158805984</v>
      </c>
    </row>
    <row r="43959" spans="1:7" x14ac:dyDescent="0.3">
      <c r="A43959" s="13" t="s">
        <v>257</v>
      </c>
      <c r="B43959" s="14" t="s">
        <v>1</v>
      </c>
      <c r="C43959" s="14" t="s">
        <v>238</v>
      </c>
      <c r="D43959" s="14" t="s">
        <v>74</v>
      </c>
      <c r="E43959" s="15">
        <v>45535</v>
      </c>
      <c r="F43959" s="14" t="s">
        <v>25</v>
      </c>
      <c r="G43959" s="16">
        <v>1.1107022158805984</v>
      </c>
    </row>
    <row r="43960" spans="1:7" x14ac:dyDescent="0.3">
      <c r="A43960" s="13" t="s">
        <v>257</v>
      </c>
      <c r="B43960" s="14" t="s">
        <v>1</v>
      </c>
      <c r="C43960" s="14" t="s">
        <v>238</v>
      </c>
      <c r="D43960" s="14" t="s">
        <v>74</v>
      </c>
      <c r="E43960" s="15">
        <v>45536</v>
      </c>
      <c r="F43960" s="14" t="s">
        <v>25</v>
      </c>
      <c r="G43960" s="16">
        <v>1.1107022158805984</v>
      </c>
    </row>
    <row r="43961" spans="1:7" x14ac:dyDescent="0.3">
      <c r="A43961" s="13" t="s">
        <v>257</v>
      </c>
      <c r="B43961" s="14" t="s">
        <v>1</v>
      </c>
      <c r="C43961" s="14" t="s">
        <v>238</v>
      </c>
      <c r="D43961" s="14" t="s">
        <v>74</v>
      </c>
      <c r="E43961" s="15">
        <v>45537</v>
      </c>
      <c r="F43961" s="14" t="s">
        <v>25</v>
      </c>
      <c r="G43961" s="16">
        <v>1.1227474924901915</v>
      </c>
    </row>
    <row r="43962" spans="1:7" x14ac:dyDescent="0.3">
      <c r="A43962" s="13" t="s">
        <v>257</v>
      </c>
      <c r="B43962" s="14" t="s">
        <v>1</v>
      </c>
      <c r="C43962" s="14" t="s">
        <v>238</v>
      </c>
      <c r="D43962" s="14" t="s">
        <v>74</v>
      </c>
      <c r="E43962" s="15">
        <v>45538</v>
      </c>
      <c r="F43962" s="14" t="s">
        <v>25</v>
      </c>
      <c r="G43962" s="16">
        <v>1.1404648171589011</v>
      </c>
    </row>
    <row r="43963" spans="1:7" x14ac:dyDescent="0.3">
      <c r="A43963" s="13" t="s">
        <v>257</v>
      </c>
      <c r="B43963" s="14" t="s">
        <v>1</v>
      </c>
      <c r="C43963" s="14" t="s">
        <v>238</v>
      </c>
      <c r="D43963" s="14" t="s">
        <v>74</v>
      </c>
      <c r="E43963" s="15">
        <v>45539</v>
      </c>
      <c r="F43963" s="14" t="s">
        <v>25</v>
      </c>
      <c r="G43963" s="16">
        <v>1.1465819698960318</v>
      </c>
    </row>
    <row r="43964" spans="1:7" x14ac:dyDescent="0.3">
      <c r="A43964" s="13" t="s">
        <v>257</v>
      </c>
      <c r="B43964" s="14" t="s">
        <v>1</v>
      </c>
      <c r="C43964" s="14" t="s">
        <v>238</v>
      </c>
      <c r="D43964" s="14" t="s">
        <v>74</v>
      </c>
      <c r="E43964" s="15">
        <v>45540</v>
      </c>
      <c r="F43964" s="14" t="s">
        <v>25</v>
      </c>
      <c r="G43964" s="16">
        <v>1.1541327320948858</v>
      </c>
    </row>
    <row r="43965" spans="1:7" x14ac:dyDescent="0.3">
      <c r="A43965" s="13" t="s">
        <v>257</v>
      </c>
      <c r="B43965" s="14" t="s">
        <v>1</v>
      </c>
      <c r="C43965" s="14" t="s">
        <v>238</v>
      </c>
      <c r="D43965" s="14" t="s">
        <v>74</v>
      </c>
      <c r="E43965" s="15">
        <v>45541</v>
      </c>
      <c r="F43965" s="14" t="s">
        <v>25</v>
      </c>
      <c r="G43965" s="16">
        <v>1.1570886869380956</v>
      </c>
    </row>
    <row r="43966" spans="1:7" x14ac:dyDescent="0.3">
      <c r="A43966" s="13" t="s">
        <v>257</v>
      </c>
      <c r="B43966" s="14" t="s">
        <v>1</v>
      </c>
      <c r="C43966" s="14" t="s">
        <v>238</v>
      </c>
      <c r="D43966" s="14" t="s">
        <v>74</v>
      </c>
      <c r="E43966" s="15">
        <v>45542</v>
      </c>
      <c r="F43966" s="14" t="s">
        <v>25</v>
      </c>
      <c r="G43966" s="16">
        <v>1.1570886869380956</v>
      </c>
    </row>
    <row r="43967" spans="1:7" x14ac:dyDescent="0.3">
      <c r="A43967" s="13" t="s">
        <v>257</v>
      </c>
      <c r="B43967" s="14" t="s">
        <v>1</v>
      </c>
      <c r="C43967" s="14" t="s">
        <v>238</v>
      </c>
      <c r="D43967" s="14" t="s">
        <v>74</v>
      </c>
      <c r="E43967" s="15">
        <v>45543</v>
      </c>
      <c r="F43967" s="14" t="s">
        <v>25</v>
      </c>
      <c r="G43967" s="16">
        <v>1.1570886869380956</v>
      </c>
    </row>
    <row r="43968" spans="1:7" x14ac:dyDescent="0.3">
      <c r="A43968" s="13" t="s">
        <v>257</v>
      </c>
      <c r="B43968" s="14" t="s">
        <v>1</v>
      </c>
      <c r="C43968" s="14" t="s">
        <v>238</v>
      </c>
      <c r="D43968" s="14" t="s">
        <v>74</v>
      </c>
      <c r="E43968" s="15">
        <v>45544</v>
      </c>
      <c r="F43968" s="14" t="s">
        <v>25</v>
      </c>
      <c r="G43968" s="16">
        <v>1.1682690717001825</v>
      </c>
    </row>
    <row r="43969" spans="1:7" x14ac:dyDescent="0.3">
      <c r="A43969" s="13" t="s">
        <v>257</v>
      </c>
      <c r="B43969" s="14" t="s">
        <v>1</v>
      </c>
      <c r="C43969" s="14" t="s">
        <v>238</v>
      </c>
      <c r="D43969" s="14" t="s">
        <v>74</v>
      </c>
      <c r="E43969" s="15">
        <v>45545</v>
      </c>
      <c r="F43969" s="14" t="s">
        <v>25</v>
      </c>
      <c r="G43969" s="16">
        <v>1.1857688057947737</v>
      </c>
    </row>
    <row r="43970" spans="1:7" x14ac:dyDescent="0.3">
      <c r="A43970" s="13" t="s">
        <v>257</v>
      </c>
      <c r="B43970" s="14" t="s">
        <v>1</v>
      </c>
      <c r="C43970" s="14" t="s">
        <v>238</v>
      </c>
      <c r="D43970" s="14" t="s">
        <v>74</v>
      </c>
      <c r="E43970" s="15">
        <v>45546</v>
      </c>
      <c r="F43970" s="14" t="s">
        <v>25</v>
      </c>
      <c r="G43970" s="16">
        <v>1.1995244047917568</v>
      </c>
    </row>
    <row r="43971" spans="1:7" x14ac:dyDescent="0.3">
      <c r="A43971" s="13" t="s">
        <v>257</v>
      </c>
      <c r="B43971" s="14" t="s">
        <v>1</v>
      </c>
      <c r="C43971" s="14" t="s">
        <v>238</v>
      </c>
      <c r="D43971" s="14" t="s">
        <v>74</v>
      </c>
      <c r="E43971" s="15">
        <v>45547</v>
      </c>
      <c r="F43971" s="14" t="s">
        <v>25</v>
      </c>
      <c r="G43971" s="16">
        <v>1.212176506482193</v>
      </c>
    </row>
    <row r="43972" spans="1:7" x14ac:dyDescent="0.3">
      <c r="A43972" s="13" t="s">
        <v>257</v>
      </c>
      <c r="B43972" s="14" t="s">
        <v>1</v>
      </c>
      <c r="C43972" s="14" t="s">
        <v>238</v>
      </c>
      <c r="D43972" s="14" t="s">
        <v>74</v>
      </c>
      <c r="E43972" s="15">
        <v>45548</v>
      </c>
      <c r="F43972" s="14" t="s">
        <v>25</v>
      </c>
      <c r="G43972" s="16">
        <v>1.2168859867363244</v>
      </c>
    </row>
    <row r="43973" spans="1:7" x14ac:dyDescent="0.3">
      <c r="A43973" s="13" t="s">
        <v>257</v>
      </c>
      <c r="B43973" s="14" t="s">
        <v>1</v>
      </c>
      <c r="C43973" s="14" t="s">
        <v>238</v>
      </c>
      <c r="D43973" s="14" t="s">
        <v>74</v>
      </c>
      <c r="E43973" s="15">
        <v>45549</v>
      </c>
      <c r="F43973" s="14" t="s">
        <v>25</v>
      </c>
      <c r="G43973" s="16">
        <v>1.2168859867363244</v>
      </c>
    </row>
    <row r="43974" spans="1:7" x14ac:dyDescent="0.3">
      <c r="A43974" s="13" t="s">
        <v>257</v>
      </c>
      <c r="B43974" s="14" t="s">
        <v>1</v>
      </c>
      <c r="C43974" s="14" t="s">
        <v>238</v>
      </c>
      <c r="D43974" s="14" t="s">
        <v>74</v>
      </c>
      <c r="E43974" s="15">
        <v>45550</v>
      </c>
      <c r="F43974" s="14" t="s">
        <v>25</v>
      </c>
      <c r="G43974" s="16">
        <v>1.2168859867363244</v>
      </c>
    </row>
    <row r="43975" spans="1:7" x14ac:dyDescent="0.3">
      <c r="A43975" s="13" t="s">
        <v>257</v>
      </c>
      <c r="B43975" s="14" t="s">
        <v>1</v>
      </c>
      <c r="C43975" s="14" t="s">
        <v>238</v>
      </c>
      <c r="D43975" s="14" t="s">
        <v>74</v>
      </c>
      <c r="E43975" s="15">
        <v>45551</v>
      </c>
      <c r="F43975" s="14" t="s">
        <v>25</v>
      </c>
      <c r="G43975" s="16">
        <v>1.2244979860813348</v>
      </c>
    </row>
    <row r="43976" spans="1:7" x14ac:dyDescent="0.3">
      <c r="A43976" s="13" t="s">
        <v>257</v>
      </c>
      <c r="B43976" s="14" t="s">
        <v>1</v>
      </c>
      <c r="C43976" s="14" t="s">
        <v>238</v>
      </c>
      <c r="D43976" s="14" t="s">
        <v>74</v>
      </c>
      <c r="E43976" s="15">
        <v>45552</v>
      </c>
      <c r="F43976" s="14" t="s">
        <v>25</v>
      </c>
      <c r="G43976" s="16">
        <v>1.2485492053214893</v>
      </c>
    </row>
    <row r="43977" spans="1:7" x14ac:dyDescent="0.3">
      <c r="A43977" s="13" t="s">
        <v>257</v>
      </c>
      <c r="B43977" s="14" t="s">
        <v>1</v>
      </c>
      <c r="C43977" s="14" t="s">
        <v>238</v>
      </c>
      <c r="D43977" s="14" t="s">
        <v>74</v>
      </c>
      <c r="E43977" s="15">
        <v>45553</v>
      </c>
      <c r="F43977" s="14" t="s">
        <v>25</v>
      </c>
      <c r="G43977" s="16">
        <v>1.2552887346369743</v>
      </c>
    </row>
    <row r="43978" spans="1:7" x14ac:dyDescent="0.3">
      <c r="A43978" s="13" t="s">
        <v>257</v>
      </c>
      <c r="B43978" s="14" t="s">
        <v>1</v>
      </c>
      <c r="C43978" s="14" t="s">
        <v>238</v>
      </c>
      <c r="D43978" s="14" t="s">
        <v>74</v>
      </c>
      <c r="E43978" s="15">
        <v>45554</v>
      </c>
      <c r="F43978" s="14" t="s">
        <v>25</v>
      </c>
      <c r="G43978" s="16">
        <v>1.269931608746637</v>
      </c>
    </row>
    <row r="43979" spans="1:7" x14ac:dyDescent="0.3">
      <c r="A43979" s="13" t="s">
        <v>257</v>
      </c>
      <c r="B43979" s="14" t="s">
        <v>1</v>
      </c>
      <c r="C43979" s="14" t="s">
        <v>238</v>
      </c>
      <c r="D43979" s="14" t="s">
        <v>74</v>
      </c>
      <c r="E43979" s="15">
        <v>45555</v>
      </c>
      <c r="F43979" s="14" t="s">
        <v>25</v>
      </c>
      <c r="G43979" s="16">
        <v>1.2812308614334871</v>
      </c>
    </row>
    <row r="43980" spans="1:7" x14ac:dyDescent="0.3">
      <c r="A43980" s="13" t="s">
        <v>257</v>
      </c>
      <c r="B43980" s="14" t="s">
        <v>1</v>
      </c>
      <c r="C43980" s="14" t="s">
        <v>238</v>
      </c>
      <c r="D43980" s="14" t="s">
        <v>74</v>
      </c>
      <c r="E43980" s="15">
        <v>45556</v>
      </c>
      <c r="F43980" s="14" t="s">
        <v>25</v>
      </c>
      <c r="G43980" s="16">
        <v>1.2812308614334871</v>
      </c>
    </row>
    <row r="43981" spans="1:7" x14ac:dyDescent="0.3">
      <c r="A43981" s="13" t="s">
        <v>257</v>
      </c>
      <c r="B43981" s="14" t="s">
        <v>1</v>
      </c>
      <c r="C43981" s="14" t="s">
        <v>238</v>
      </c>
      <c r="D43981" s="14" t="s">
        <v>74</v>
      </c>
      <c r="E43981" s="15">
        <v>45557</v>
      </c>
      <c r="F43981" s="14" t="s">
        <v>25</v>
      </c>
      <c r="G43981" s="16">
        <v>1.2812308614334871</v>
      </c>
    </row>
    <row r="43982" spans="1:7" x14ac:dyDescent="0.3">
      <c r="A43982" s="13" t="s">
        <v>257</v>
      </c>
      <c r="B43982" s="14" t="s">
        <v>1</v>
      </c>
      <c r="C43982" s="14" t="s">
        <v>238</v>
      </c>
      <c r="D43982" s="14" t="s">
        <v>74</v>
      </c>
      <c r="E43982" s="15">
        <v>45558</v>
      </c>
      <c r="F43982" s="14" t="s">
        <v>25</v>
      </c>
      <c r="G43982" s="16">
        <v>1.2787201534046657</v>
      </c>
    </row>
    <row r="43983" spans="1:7" x14ac:dyDescent="0.3">
      <c r="A43983" s="13" t="s">
        <v>257</v>
      </c>
      <c r="B43983" s="14" t="s">
        <v>1</v>
      </c>
      <c r="C43983" s="14" t="s">
        <v>238</v>
      </c>
      <c r="D43983" s="14" t="s">
        <v>74</v>
      </c>
      <c r="E43983" s="15">
        <v>45559</v>
      </c>
      <c r="F43983" s="14" t="s">
        <v>25</v>
      </c>
      <c r="G43983" s="16">
        <v>1.3027236751780469</v>
      </c>
    </row>
    <row r="43984" spans="1:7" x14ac:dyDescent="0.3">
      <c r="A43984" s="13" t="s">
        <v>257</v>
      </c>
      <c r="B43984" s="14" t="s">
        <v>1</v>
      </c>
      <c r="C43984" s="14" t="s">
        <v>238</v>
      </c>
      <c r="D43984" s="14" t="s">
        <v>74</v>
      </c>
      <c r="E43984" s="15">
        <v>45560</v>
      </c>
      <c r="F43984" s="14" t="s">
        <v>25</v>
      </c>
      <c r="G43984" s="16">
        <v>1.315648804007127</v>
      </c>
    </row>
    <row r="43985" spans="1:7" x14ac:dyDescent="0.3">
      <c r="A43985" s="13" t="s">
        <v>257</v>
      </c>
      <c r="B43985" s="14" t="s">
        <v>1</v>
      </c>
      <c r="C43985" s="14" t="s">
        <v>238</v>
      </c>
      <c r="D43985" s="14" t="s">
        <v>74</v>
      </c>
      <c r="E43985" s="15">
        <v>45561</v>
      </c>
      <c r="F43985" s="14" t="s">
        <v>25</v>
      </c>
      <c r="G43985" s="16">
        <v>1.3216346733732822</v>
      </c>
    </row>
    <row r="43986" spans="1:7" x14ac:dyDescent="0.3">
      <c r="A43986" s="13" t="s">
        <v>257</v>
      </c>
      <c r="B43986" s="14" t="s">
        <v>1</v>
      </c>
      <c r="C43986" s="14" t="s">
        <v>238</v>
      </c>
      <c r="D43986" s="14" t="s">
        <v>74</v>
      </c>
      <c r="E43986" s="15">
        <v>45562</v>
      </c>
      <c r="F43986" s="14" t="s">
        <v>25</v>
      </c>
      <c r="G43986" s="16">
        <v>1.3188419810751624</v>
      </c>
    </row>
    <row r="43987" spans="1:7" x14ac:dyDescent="0.3">
      <c r="A43987" s="13" t="s">
        <v>257</v>
      </c>
      <c r="B43987" s="14" t="s">
        <v>1</v>
      </c>
      <c r="C43987" s="14" t="s">
        <v>238</v>
      </c>
      <c r="D43987" s="14" t="s">
        <v>74</v>
      </c>
      <c r="E43987" s="15">
        <v>45563</v>
      </c>
      <c r="F43987" s="14" t="s">
        <v>25</v>
      </c>
      <c r="G43987" s="16">
        <v>1.3188419810751624</v>
      </c>
    </row>
    <row r="43988" spans="1:7" x14ac:dyDescent="0.3">
      <c r="A43988" s="13" t="s">
        <v>257</v>
      </c>
      <c r="B43988" s="14" t="s">
        <v>1</v>
      </c>
      <c r="C43988" s="14" t="s">
        <v>238</v>
      </c>
      <c r="D43988" s="14" t="s">
        <v>74</v>
      </c>
      <c r="E43988" s="15">
        <v>45564</v>
      </c>
      <c r="F43988" s="14" t="s">
        <v>25</v>
      </c>
      <c r="G43988" s="16">
        <v>1.3188419810751624</v>
      </c>
    </row>
    <row r="43989" spans="1:7" x14ac:dyDescent="0.3">
      <c r="A43989" s="13" t="s">
        <v>257</v>
      </c>
      <c r="B43989" s="14" t="s">
        <v>1</v>
      </c>
      <c r="C43989" s="14" t="s">
        <v>238</v>
      </c>
      <c r="D43989" s="14" t="s">
        <v>74</v>
      </c>
      <c r="E43989" s="15">
        <v>45565</v>
      </c>
      <c r="F43989" s="14" t="s">
        <v>25</v>
      </c>
      <c r="G43989" s="16">
        <v>1.3305561486279964</v>
      </c>
    </row>
    <row r="43990" spans="1:7" x14ac:dyDescent="0.3">
      <c r="A43990" s="13" t="s">
        <v>257</v>
      </c>
      <c r="B43990" s="14" t="s">
        <v>1</v>
      </c>
      <c r="C43990" s="14" t="s">
        <v>238</v>
      </c>
      <c r="D43990" s="14" t="s">
        <v>74</v>
      </c>
      <c r="E43990" s="15">
        <v>45566</v>
      </c>
      <c r="F43990" s="14" t="s">
        <v>25</v>
      </c>
      <c r="G43990" s="16">
        <v>1.3454029317294509</v>
      </c>
    </row>
    <row r="43991" spans="1:7" x14ac:dyDescent="0.3">
      <c r="A43991" s="13" t="s">
        <v>257</v>
      </c>
      <c r="B43991" s="14" t="s">
        <v>1</v>
      </c>
      <c r="C43991" s="14" t="s">
        <v>238</v>
      </c>
      <c r="D43991" s="14" t="s">
        <v>74</v>
      </c>
      <c r="E43991" s="15">
        <v>45567</v>
      </c>
      <c r="F43991" s="14" t="s">
        <v>25</v>
      </c>
      <c r="G43991" s="16">
        <v>1.3554016840403329</v>
      </c>
    </row>
    <row r="43992" spans="1:7" x14ac:dyDescent="0.3">
      <c r="A43992" s="13" t="s">
        <v>257</v>
      </c>
      <c r="B43992" s="14" t="s">
        <v>1</v>
      </c>
      <c r="C43992" s="14" t="s">
        <v>238</v>
      </c>
      <c r="D43992" s="14" t="s">
        <v>74</v>
      </c>
      <c r="E43992" s="15">
        <v>45568</v>
      </c>
      <c r="F43992" s="14" t="s">
        <v>25</v>
      </c>
      <c r="G43992" s="16">
        <v>1.3660222548149639</v>
      </c>
    </row>
    <row r="43993" spans="1:7" x14ac:dyDescent="0.3">
      <c r="A43993" s="13" t="s">
        <v>257</v>
      </c>
      <c r="B43993" s="14" t="s">
        <v>1</v>
      </c>
      <c r="C43993" s="14" t="s">
        <v>238</v>
      </c>
      <c r="D43993" s="14" t="s">
        <v>74</v>
      </c>
      <c r="E43993" s="15">
        <v>45569</v>
      </c>
      <c r="F43993" s="14" t="s">
        <v>25</v>
      </c>
      <c r="G43993" s="16">
        <v>1.3754330495653175</v>
      </c>
    </row>
    <row r="43994" spans="1:7" x14ac:dyDescent="0.3">
      <c r="A43994" s="13" t="s">
        <v>257</v>
      </c>
      <c r="B43994" s="14" t="s">
        <v>1</v>
      </c>
      <c r="C43994" s="14" t="s">
        <v>238</v>
      </c>
      <c r="D43994" s="14" t="s">
        <v>74</v>
      </c>
      <c r="E43994" s="15">
        <v>45570</v>
      </c>
      <c r="F43994" s="14" t="s">
        <v>25</v>
      </c>
      <c r="G43994" s="16">
        <v>1.3754330495653175</v>
      </c>
    </row>
    <row r="43995" spans="1:7" x14ac:dyDescent="0.3">
      <c r="A43995" s="13" t="s">
        <v>257</v>
      </c>
      <c r="B43995" s="14" t="s">
        <v>1</v>
      </c>
      <c r="C43995" s="14" t="s">
        <v>238</v>
      </c>
      <c r="D43995" s="14" t="s">
        <v>74</v>
      </c>
      <c r="E43995" s="15">
        <v>45571</v>
      </c>
      <c r="F43995" s="14" t="s">
        <v>25</v>
      </c>
      <c r="G43995" s="16">
        <v>1.3754330495653175</v>
      </c>
    </row>
    <row r="43996" spans="1:7" x14ac:dyDescent="0.3">
      <c r="A43996" s="13" t="s">
        <v>257</v>
      </c>
      <c r="B43996" s="14" t="s">
        <v>1</v>
      </c>
      <c r="C43996" s="14" t="s">
        <v>238</v>
      </c>
      <c r="D43996" s="14" t="s">
        <v>74</v>
      </c>
      <c r="E43996" s="15">
        <v>45572</v>
      </c>
      <c r="F43996" s="14" t="s">
        <v>25</v>
      </c>
      <c r="G43996" s="16">
        <v>1.3737815937688023</v>
      </c>
    </row>
    <row r="43997" spans="1:7" x14ac:dyDescent="0.3">
      <c r="A43997" s="13" t="s">
        <v>257</v>
      </c>
      <c r="B43997" s="14" t="s">
        <v>1</v>
      </c>
      <c r="C43997" s="14" t="s">
        <v>238</v>
      </c>
      <c r="D43997" s="14" t="s">
        <v>74</v>
      </c>
      <c r="E43997" s="15">
        <v>45573</v>
      </c>
      <c r="F43997" s="14" t="s">
        <v>25</v>
      </c>
      <c r="G43997" s="16">
        <v>1.4040037533387888</v>
      </c>
    </row>
    <row r="43998" spans="1:7" x14ac:dyDescent="0.3">
      <c r="A43998" s="13" t="s">
        <v>257</v>
      </c>
      <c r="B43998" s="14" t="s">
        <v>1</v>
      </c>
      <c r="C43998" s="14" t="s">
        <v>238</v>
      </c>
      <c r="D43998" s="14" t="s">
        <v>74</v>
      </c>
      <c r="E43998" s="15">
        <v>45574</v>
      </c>
      <c r="F43998" s="14" t="s">
        <v>25</v>
      </c>
      <c r="G43998" s="16">
        <v>1.4123177738140933</v>
      </c>
    </row>
    <row r="43999" spans="1:7" x14ac:dyDescent="0.3">
      <c r="A43999" s="13" t="s">
        <v>257</v>
      </c>
      <c r="B43999" s="14" t="s">
        <v>1</v>
      </c>
      <c r="C43999" s="14" t="s">
        <v>238</v>
      </c>
      <c r="D43999" s="14" t="s">
        <v>74</v>
      </c>
      <c r="E43999" s="15">
        <v>45575</v>
      </c>
      <c r="F43999" s="14" t="s">
        <v>25</v>
      </c>
      <c r="G43999" s="16">
        <v>1.4120300758627833</v>
      </c>
    </row>
    <row r="44000" spans="1:7" x14ac:dyDescent="0.3">
      <c r="A44000" s="13" t="s">
        <v>257</v>
      </c>
      <c r="B44000" s="14" t="s">
        <v>1</v>
      </c>
      <c r="C44000" s="14" t="s">
        <v>238</v>
      </c>
      <c r="D44000" s="14" t="s">
        <v>74</v>
      </c>
      <c r="E44000" s="15">
        <v>45576</v>
      </c>
      <c r="F44000" s="14" t="s">
        <v>25</v>
      </c>
      <c r="G44000" s="16">
        <v>1.4214284968632656</v>
      </c>
    </row>
    <row r="44001" spans="1:7" x14ac:dyDescent="0.3">
      <c r="A44001" s="13" t="s">
        <v>257</v>
      </c>
      <c r="B44001" s="14" t="s">
        <v>1</v>
      </c>
      <c r="C44001" s="14" t="s">
        <v>238</v>
      </c>
      <c r="D44001" s="14" t="s">
        <v>74</v>
      </c>
      <c r="E44001" s="15">
        <v>45577</v>
      </c>
      <c r="F44001" s="14" t="s">
        <v>25</v>
      </c>
      <c r="G44001" s="16">
        <v>1.4214284968632656</v>
      </c>
    </row>
    <row r="44002" spans="1:7" x14ac:dyDescent="0.3">
      <c r="A44002" s="13" t="s">
        <v>257</v>
      </c>
      <c r="B44002" s="14" t="s">
        <v>1</v>
      </c>
      <c r="C44002" s="14" t="s">
        <v>238</v>
      </c>
      <c r="D44002" s="14" t="s">
        <v>74</v>
      </c>
      <c r="E44002" s="15">
        <v>45578</v>
      </c>
      <c r="F44002" s="14" t="s">
        <v>25</v>
      </c>
      <c r="G44002" s="16">
        <v>1.4214284968632656</v>
      </c>
    </row>
    <row r="44003" spans="1:7" x14ac:dyDescent="0.3">
      <c r="A44003" s="13" t="s">
        <v>257</v>
      </c>
      <c r="B44003" s="14" t="s">
        <v>1</v>
      </c>
      <c r="C44003" s="14" t="s">
        <v>238</v>
      </c>
      <c r="D44003" s="14" t="s">
        <v>74</v>
      </c>
      <c r="E44003" s="15">
        <v>45579</v>
      </c>
      <c r="F44003" s="14" t="s">
        <v>25</v>
      </c>
      <c r="G44003" s="16">
        <v>1.4344806648801518</v>
      </c>
    </row>
    <row r="44004" spans="1:7" x14ac:dyDescent="0.3">
      <c r="A44004" s="13" t="s">
        <v>257</v>
      </c>
      <c r="B44004" s="14" t="s">
        <v>1</v>
      </c>
      <c r="C44004" s="14" t="s">
        <v>238</v>
      </c>
      <c r="D44004" s="14" t="s">
        <v>74</v>
      </c>
      <c r="E44004" s="15">
        <v>45580</v>
      </c>
      <c r="F44004" s="14" t="s">
        <v>25</v>
      </c>
      <c r="G44004" s="16">
        <v>1.4532071091844254</v>
      </c>
    </row>
    <row r="44005" spans="1:7" x14ac:dyDescent="0.3">
      <c r="A44005" s="13" t="s">
        <v>257</v>
      </c>
      <c r="B44005" s="14" t="s">
        <v>1</v>
      </c>
      <c r="C44005" s="14" t="s">
        <v>238</v>
      </c>
      <c r="D44005" s="14" t="s">
        <v>74</v>
      </c>
      <c r="E44005" s="15">
        <v>45581</v>
      </c>
      <c r="F44005" s="14" t="s">
        <v>25</v>
      </c>
      <c r="G44005" s="16">
        <v>1.4632339602117255</v>
      </c>
    </row>
    <row r="44006" spans="1:7" x14ac:dyDescent="0.3">
      <c r="A44006" s="13" t="s">
        <v>257</v>
      </c>
      <c r="B44006" s="14" t="s">
        <v>1</v>
      </c>
      <c r="C44006" s="14" t="s">
        <v>238</v>
      </c>
      <c r="D44006" s="14" t="s">
        <v>74</v>
      </c>
      <c r="E44006" s="15">
        <v>45582</v>
      </c>
      <c r="F44006" s="14" t="s">
        <v>25</v>
      </c>
      <c r="G44006" s="16">
        <v>1.4673485594103155</v>
      </c>
    </row>
    <row r="44007" spans="1:7" x14ac:dyDescent="0.3">
      <c r="A44007" s="13" t="s">
        <v>257</v>
      </c>
      <c r="B44007" s="14" t="s">
        <v>1</v>
      </c>
      <c r="C44007" s="14" t="s">
        <v>238</v>
      </c>
      <c r="D44007" s="14" t="s">
        <v>74</v>
      </c>
      <c r="E44007" s="15">
        <v>45583</v>
      </c>
      <c r="F44007" s="14" t="s">
        <v>25</v>
      </c>
      <c r="G44007" s="16">
        <v>1.4778665861881852</v>
      </c>
    </row>
    <row r="44008" spans="1:7" x14ac:dyDescent="0.3">
      <c r="A44008" s="13" t="s">
        <v>257</v>
      </c>
      <c r="B44008" s="14" t="s">
        <v>1</v>
      </c>
      <c r="C44008" s="14" t="s">
        <v>238</v>
      </c>
      <c r="D44008" s="14" t="s">
        <v>74</v>
      </c>
      <c r="E44008" s="15">
        <v>45584</v>
      </c>
      <c r="F44008" s="14" t="s">
        <v>25</v>
      </c>
      <c r="G44008" s="16">
        <v>1.4778665861881852</v>
      </c>
    </row>
    <row r="44009" spans="1:7" x14ac:dyDescent="0.3">
      <c r="A44009" s="13" t="s">
        <v>257</v>
      </c>
      <c r="B44009" s="14" t="s">
        <v>1</v>
      </c>
      <c r="C44009" s="14" t="s">
        <v>238</v>
      </c>
      <c r="D44009" s="14" t="s">
        <v>74</v>
      </c>
      <c r="E44009" s="15">
        <v>45585</v>
      </c>
      <c r="F44009" s="14" t="s">
        <v>25</v>
      </c>
      <c r="G44009" s="16">
        <v>1.4778665861881852</v>
      </c>
    </row>
    <row r="44010" spans="1:7" x14ac:dyDescent="0.3">
      <c r="A44010" s="13" t="s">
        <v>257</v>
      </c>
      <c r="B44010" s="14" t="s">
        <v>1</v>
      </c>
      <c r="C44010" s="14" t="s">
        <v>238</v>
      </c>
      <c r="D44010" s="14" t="s">
        <v>74</v>
      </c>
      <c r="E44010" s="15">
        <v>45586</v>
      </c>
      <c r="F44010" s="14" t="s">
        <v>25</v>
      </c>
      <c r="G44010" s="16">
        <v>1.4808500269128047</v>
      </c>
    </row>
    <row r="44011" spans="1:7" x14ac:dyDescent="0.3">
      <c r="A44011" s="13" t="s">
        <v>257</v>
      </c>
      <c r="B44011" s="14" t="s">
        <v>1</v>
      </c>
      <c r="C44011" s="14" t="s">
        <v>238</v>
      </c>
      <c r="D44011" s="14" t="s">
        <v>74</v>
      </c>
      <c r="E44011" s="15">
        <v>45587</v>
      </c>
      <c r="F44011" s="14" t="s">
        <v>25</v>
      </c>
      <c r="G44011" s="16">
        <v>1.4995335414329767</v>
      </c>
    </row>
    <row r="44012" spans="1:7" x14ac:dyDescent="0.3">
      <c r="A44012" s="13" t="s">
        <v>257</v>
      </c>
      <c r="B44012" s="14" t="s">
        <v>1</v>
      </c>
      <c r="C44012" s="14" t="s">
        <v>238</v>
      </c>
      <c r="D44012" s="14" t="s">
        <v>74</v>
      </c>
      <c r="E44012" s="15">
        <v>45588</v>
      </c>
      <c r="F44012" s="14" t="s">
        <v>25</v>
      </c>
      <c r="G44012" s="16">
        <v>1.5065314379317141</v>
      </c>
    </row>
    <row r="44013" spans="1:7" x14ac:dyDescent="0.3">
      <c r="A44013" s="13" t="s">
        <v>257</v>
      </c>
      <c r="B44013" s="14" t="s">
        <v>1</v>
      </c>
      <c r="C44013" s="14" t="s">
        <v>238</v>
      </c>
      <c r="D44013" s="14" t="s">
        <v>74</v>
      </c>
      <c r="E44013" s="15">
        <v>45589</v>
      </c>
      <c r="F44013" s="14" t="s">
        <v>25</v>
      </c>
      <c r="G44013" s="16">
        <v>1.5192114846478946</v>
      </c>
    </row>
    <row r="44014" spans="1:7" x14ac:dyDescent="0.3">
      <c r="A44014" s="13" t="s">
        <v>257</v>
      </c>
      <c r="B44014" s="14" t="s">
        <v>1</v>
      </c>
      <c r="C44014" s="14" t="s">
        <v>238</v>
      </c>
      <c r="D44014" s="14" t="s">
        <v>74</v>
      </c>
      <c r="E44014" s="15">
        <v>45590</v>
      </c>
      <c r="F44014" s="14" t="s">
        <v>25</v>
      </c>
      <c r="G44014" s="16">
        <v>1.5234821859537409</v>
      </c>
    </row>
    <row r="44015" spans="1:7" x14ac:dyDescent="0.3">
      <c r="A44015" s="13" t="s">
        <v>257</v>
      </c>
      <c r="B44015" s="14" t="s">
        <v>1</v>
      </c>
      <c r="C44015" s="14" t="s">
        <v>238</v>
      </c>
      <c r="D44015" s="14" t="s">
        <v>74</v>
      </c>
      <c r="E44015" s="15">
        <v>45591</v>
      </c>
      <c r="F44015" s="14" t="s">
        <v>25</v>
      </c>
      <c r="G44015" s="16">
        <v>1.5234821859537409</v>
      </c>
    </row>
    <row r="44016" spans="1:7" x14ac:dyDescent="0.3">
      <c r="A44016" s="13" t="s">
        <v>257</v>
      </c>
      <c r="B44016" s="14" t="s">
        <v>1</v>
      </c>
      <c r="C44016" s="14" t="s">
        <v>238</v>
      </c>
      <c r="D44016" s="14" t="s">
        <v>74</v>
      </c>
      <c r="E44016" s="15">
        <v>45592</v>
      </c>
      <c r="F44016" s="14" t="s">
        <v>25</v>
      </c>
      <c r="G44016" s="16">
        <v>1.5234821859537409</v>
      </c>
    </row>
    <row r="44017" spans="1:7" x14ac:dyDescent="0.3">
      <c r="A44017" s="13" t="s">
        <v>257</v>
      </c>
      <c r="B44017" s="14" t="s">
        <v>1</v>
      </c>
      <c r="C44017" s="14" t="s">
        <v>238</v>
      </c>
      <c r="D44017" s="14" t="s">
        <v>74</v>
      </c>
      <c r="E44017" s="15">
        <v>45593</v>
      </c>
      <c r="F44017" s="14" t="s">
        <v>25</v>
      </c>
      <c r="G44017" s="16">
        <v>1.5234821859537409</v>
      </c>
    </row>
    <row r="44018" spans="1:7" x14ac:dyDescent="0.3">
      <c r="A44018" s="13" t="s">
        <v>257</v>
      </c>
      <c r="B44018" s="14" t="s">
        <v>1</v>
      </c>
      <c r="C44018" s="14" t="s">
        <v>238</v>
      </c>
      <c r="D44018" s="14" t="s">
        <v>74</v>
      </c>
      <c r="E44018" s="15">
        <v>45594</v>
      </c>
      <c r="F44018" s="14" t="s">
        <v>25</v>
      </c>
      <c r="G44018" s="16">
        <v>1.5354110108116505</v>
      </c>
    </row>
    <row r="44019" spans="1:7" x14ac:dyDescent="0.3">
      <c r="A44019" s="13" t="s">
        <v>257</v>
      </c>
      <c r="B44019" s="14" t="s">
        <v>1</v>
      </c>
      <c r="C44019" s="14" t="s">
        <v>238</v>
      </c>
      <c r="D44019" s="14" t="s">
        <v>74</v>
      </c>
      <c r="E44019" s="15">
        <v>45595</v>
      </c>
      <c r="F44019" s="14" t="s">
        <v>25</v>
      </c>
      <c r="G44019" s="16">
        <v>1.5703017398396937</v>
      </c>
    </row>
    <row r="44020" spans="1:7" x14ac:dyDescent="0.3">
      <c r="A44020" s="13" t="s">
        <v>257</v>
      </c>
      <c r="B44020" s="14" t="s">
        <v>1</v>
      </c>
      <c r="C44020" s="14" t="s">
        <v>238</v>
      </c>
      <c r="D44020" s="14" t="s">
        <v>74</v>
      </c>
      <c r="E44020" s="15">
        <v>45596</v>
      </c>
      <c r="F44020" s="14" t="s">
        <v>25</v>
      </c>
      <c r="G44020" s="16">
        <v>1.576330513013164</v>
      </c>
    </row>
    <row r="44021" spans="1:7" x14ac:dyDescent="0.3">
      <c r="A44021" s="13" t="s">
        <v>257</v>
      </c>
      <c r="B44021" s="14" t="s">
        <v>1</v>
      </c>
      <c r="C44021" s="14" t="s">
        <v>238</v>
      </c>
      <c r="D44021" s="14" t="s">
        <v>74</v>
      </c>
      <c r="E44021" s="15">
        <v>45597</v>
      </c>
      <c r="F44021" s="14" t="s">
        <v>25</v>
      </c>
      <c r="G44021" s="16">
        <v>1.5880541020067942</v>
      </c>
    </row>
    <row r="44022" spans="1:7" x14ac:dyDescent="0.3">
      <c r="A44022" s="13" t="s">
        <v>257</v>
      </c>
      <c r="B44022" s="14" t="s">
        <v>1</v>
      </c>
      <c r="C44022" s="14" t="s">
        <v>238</v>
      </c>
      <c r="D44022" s="14" t="s">
        <v>74</v>
      </c>
      <c r="E44022" s="15">
        <v>45598</v>
      </c>
      <c r="F44022" s="14" t="s">
        <v>25</v>
      </c>
      <c r="G44022" s="16">
        <v>1.5880541020067942</v>
      </c>
    </row>
    <row r="44023" spans="1:7" x14ac:dyDescent="0.3">
      <c r="A44023" s="13" t="s">
        <v>257</v>
      </c>
      <c r="B44023" s="14" t="s">
        <v>1</v>
      </c>
      <c r="C44023" s="14" t="s">
        <v>238</v>
      </c>
      <c r="D44023" s="14" t="s">
        <v>74</v>
      </c>
      <c r="E44023" s="15">
        <v>45599</v>
      </c>
      <c r="F44023" s="14" t="s">
        <v>25</v>
      </c>
      <c r="G44023" s="16">
        <v>1.5880541020067942</v>
      </c>
    </row>
    <row r="44024" spans="1:7" x14ac:dyDescent="0.3">
      <c r="A44024" s="13" t="s">
        <v>257</v>
      </c>
      <c r="B44024" s="14" t="s">
        <v>1</v>
      </c>
      <c r="C44024" s="14" t="s">
        <v>238</v>
      </c>
      <c r="D44024" s="14" t="s">
        <v>74</v>
      </c>
      <c r="E44024" s="15">
        <v>45600</v>
      </c>
      <c r="F44024" s="14" t="s">
        <v>25</v>
      </c>
      <c r="G44024" s="16">
        <v>1.5909113340554464</v>
      </c>
    </row>
    <row r="44025" spans="1:7" x14ac:dyDescent="0.3">
      <c r="A44025" s="13" t="s">
        <v>257</v>
      </c>
      <c r="B44025" s="14" t="s">
        <v>1</v>
      </c>
      <c r="C44025" s="14" t="s">
        <v>238</v>
      </c>
      <c r="D44025" s="14" t="s">
        <v>74</v>
      </c>
      <c r="E44025" s="15">
        <v>45601</v>
      </c>
      <c r="F44025" s="14" t="s">
        <v>25</v>
      </c>
      <c r="G44025" s="16">
        <v>1.6193926489170478</v>
      </c>
    </row>
    <row r="44026" spans="1:7" x14ac:dyDescent="0.3">
      <c r="A44026" s="13" t="s">
        <v>257</v>
      </c>
      <c r="B44026" s="14" t="s">
        <v>1</v>
      </c>
      <c r="C44026" s="14" t="s">
        <v>238</v>
      </c>
      <c r="D44026" s="14" t="s">
        <v>74</v>
      </c>
      <c r="E44026" s="15">
        <v>45602</v>
      </c>
      <c r="F44026" s="14" t="s">
        <v>25</v>
      </c>
      <c r="G44026" s="16">
        <v>1.6217639059969611</v>
      </c>
    </row>
    <row r="44027" spans="1:7" x14ac:dyDescent="0.3">
      <c r="A44027" s="13" t="s">
        <v>257</v>
      </c>
      <c r="B44027" s="14" t="s">
        <v>1</v>
      </c>
      <c r="C44027" s="14" t="s">
        <v>238</v>
      </c>
      <c r="D44027" s="14" t="s">
        <v>74</v>
      </c>
      <c r="E44027" s="15">
        <v>45603</v>
      </c>
      <c r="F44027" s="14" t="s">
        <v>25</v>
      </c>
      <c r="G44027" s="16">
        <v>1.6336138900913395</v>
      </c>
    </row>
    <row r="44028" spans="1:7" x14ac:dyDescent="0.3">
      <c r="A44028" s="13" t="s">
        <v>257</v>
      </c>
      <c r="B44028" s="14" t="s">
        <v>1</v>
      </c>
      <c r="C44028" s="14" t="s">
        <v>238</v>
      </c>
      <c r="D44028" s="14" t="s">
        <v>74</v>
      </c>
      <c r="E44028" s="15">
        <v>45604</v>
      </c>
      <c r="F44028" s="14" t="s">
        <v>25</v>
      </c>
      <c r="G44028" s="16">
        <v>1.6397090089828621</v>
      </c>
    </row>
    <row r="44029" spans="1:7" x14ac:dyDescent="0.3">
      <c r="A44029" s="13" t="s">
        <v>257</v>
      </c>
      <c r="B44029" s="14" t="s">
        <v>1</v>
      </c>
      <c r="C44029" s="14" t="s">
        <v>238</v>
      </c>
      <c r="D44029" s="14" t="s">
        <v>74</v>
      </c>
      <c r="E44029" s="15">
        <v>45605</v>
      </c>
      <c r="F44029" s="14" t="s">
        <v>25</v>
      </c>
      <c r="G44029" s="16">
        <v>1.6397090089828621</v>
      </c>
    </row>
    <row r="44030" spans="1:7" x14ac:dyDescent="0.3">
      <c r="A44030" s="13" t="s">
        <v>257</v>
      </c>
      <c r="B44030" s="14" t="s">
        <v>1</v>
      </c>
      <c r="C44030" s="14" t="s">
        <v>238</v>
      </c>
      <c r="D44030" s="14" t="s">
        <v>74</v>
      </c>
      <c r="E44030" s="15">
        <v>45606</v>
      </c>
      <c r="F44030" s="14" t="s">
        <v>25</v>
      </c>
      <c r="G44030" s="16">
        <v>1.6397090089828621</v>
      </c>
    </row>
    <row r="44031" spans="1:7" x14ac:dyDescent="0.3">
      <c r="A44031" s="13" t="s">
        <v>257</v>
      </c>
      <c r="B44031" s="14" t="s">
        <v>1</v>
      </c>
      <c r="C44031" s="14" t="s">
        <v>238</v>
      </c>
      <c r="D44031" s="14" t="s">
        <v>74</v>
      </c>
      <c r="E44031" s="15">
        <v>45607</v>
      </c>
      <c r="F44031" s="14" t="s">
        <v>25</v>
      </c>
      <c r="G44031" s="16">
        <v>1.6471772932426045</v>
      </c>
    </row>
    <row r="44032" spans="1:7" x14ac:dyDescent="0.3">
      <c r="A44032" s="13" t="s">
        <v>257</v>
      </c>
      <c r="B44032" s="14" t="s">
        <v>1</v>
      </c>
      <c r="C44032" s="14" t="s">
        <v>238</v>
      </c>
      <c r="D44032" s="14" t="s">
        <v>74</v>
      </c>
      <c r="E44032" s="15">
        <v>45608</v>
      </c>
      <c r="F44032" s="14" t="s">
        <v>25</v>
      </c>
      <c r="G44032" s="16">
        <v>1.6666261267498905</v>
      </c>
    </row>
    <row r="44033" spans="1:7" x14ac:dyDescent="0.3">
      <c r="A44033" s="13" t="s">
        <v>257</v>
      </c>
      <c r="B44033" s="14" t="s">
        <v>1</v>
      </c>
      <c r="C44033" s="14" t="s">
        <v>238</v>
      </c>
      <c r="D44033" s="14" t="s">
        <v>74</v>
      </c>
      <c r="E44033" s="15">
        <v>45609</v>
      </c>
      <c r="F44033" s="14" t="s">
        <v>25</v>
      </c>
      <c r="G44033" s="16">
        <v>1.6730367870954945</v>
      </c>
    </row>
    <row r="44034" spans="1:7" x14ac:dyDescent="0.3">
      <c r="A44034" s="13" t="s">
        <v>257</v>
      </c>
      <c r="B44034" s="14" t="s">
        <v>1</v>
      </c>
      <c r="C44034" s="14" t="s">
        <v>238</v>
      </c>
      <c r="D44034" s="14" t="s">
        <v>74</v>
      </c>
      <c r="E44034" s="15">
        <v>45610</v>
      </c>
      <c r="F44034" s="14" t="s">
        <v>25</v>
      </c>
      <c r="G44034" s="16">
        <v>1.6832165369436503</v>
      </c>
    </row>
    <row r="44035" spans="1:7" x14ac:dyDescent="0.3">
      <c r="A44035" s="13" t="s">
        <v>257</v>
      </c>
      <c r="B44035" s="14" t="s">
        <v>1</v>
      </c>
      <c r="C44035" s="14" t="s">
        <v>238</v>
      </c>
      <c r="D44035" s="14" t="s">
        <v>74</v>
      </c>
      <c r="E44035" s="15">
        <v>45611</v>
      </c>
      <c r="F44035" s="14" t="s">
        <v>25</v>
      </c>
      <c r="G44035" s="16">
        <v>1.6883740187548595</v>
      </c>
    </row>
    <row r="44036" spans="1:7" x14ac:dyDescent="0.3">
      <c r="A44036" s="13" t="s">
        <v>257</v>
      </c>
      <c r="B44036" s="14" t="s">
        <v>1</v>
      </c>
      <c r="C44036" s="14" t="s">
        <v>238</v>
      </c>
      <c r="D44036" s="14" t="s">
        <v>74</v>
      </c>
      <c r="E44036" s="15">
        <v>45612</v>
      </c>
      <c r="F44036" s="14" t="s">
        <v>25</v>
      </c>
      <c r="G44036" s="16">
        <v>1.6883740187548595</v>
      </c>
    </row>
    <row r="44037" spans="1:7" x14ac:dyDescent="0.3">
      <c r="A44037" s="13" t="s">
        <v>257</v>
      </c>
      <c r="B44037" s="14" t="s">
        <v>1</v>
      </c>
      <c r="C44037" s="14" t="s">
        <v>238</v>
      </c>
      <c r="D44037" s="14" t="s">
        <v>74</v>
      </c>
      <c r="E44037" s="15">
        <v>45613</v>
      </c>
      <c r="F44037" s="14" t="s">
        <v>25</v>
      </c>
      <c r="G44037" s="16">
        <v>1.6883740187548595</v>
      </c>
    </row>
    <row r="44038" spans="1:7" x14ac:dyDescent="0.3">
      <c r="A44038" s="13" t="s">
        <v>257</v>
      </c>
      <c r="B44038" s="14" t="s">
        <v>1</v>
      </c>
      <c r="C44038" s="14" t="s">
        <v>238</v>
      </c>
      <c r="D44038" s="14" t="s">
        <v>74</v>
      </c>
      <c r="E44038" s="15">
        <v>45614</v>
      </c>
      <c r="F44038" s="14" t="s">
        <v>25</v>
      </c>
      <c r="G44038" s="16">
        <v>1.695291172089844</v>
      </c>
    </row>
    <row r="44039" spans="1:7" x14ac:dyDescent="0.3">
      <c r="A44039" s="13" t="s">
        <v>257</v>
      </c>
      <c r="B44039" s="14" t="s">
        <v>1</v>
      </c>
      <c r="C44039" s="14" t="s">
        <v>238</v>
      </c>
      <c r="D44039" s="14" t="s">
        <v>74</v>
      </c>
      <c r="E44039" s="15">
        <v>45615</v>
      </c>
      <c r="F44039" s="14" t="s">
        <v>25</v>
      </c>
      <c r="G44039" s="16">
        <v>1.7157047974234683</v>
      </c>
    </row>
    <row r="44040" spans="1:7" x14ac:dyDescent="0.3">
      <c r="A44040" s="13" t="s">
        <v>257</v>
      </c>
      <c r="B44040" s="14" t="s">
        <v>1</v>
      </c>
      <c r="C44040" s="14" t="s">
        <v>238</v>
      </c>
      <c r="D44040" s="14" t="s">
        <v>74</v>
      </c>
      <c r="E44040" s="15">
        <v>45616</v>
      </c>
      <c r="F44040" s="14" t="s">
        <v>25</v>
      </c>
      <c r="G44040" s="16">
        <v>1.7181904832835735</v>
      </c>
    </row>
    <row r="44041" spans="1:7" x14ac:dyDescent="0.3">
      <c r="A44041" s="13" t="s">
        <v>257</v>
      </c>
      <c r="B44041" s="14" t="s">
        <v>1</v>
      </c>
      <c r="C44041" s="14" t="s">
        <v>238</v>
      </c>
      <c r="D44041" s="14" t="s">
        <v>74</v>
      </c>
      <c r="E44041" s="15">
        <v>45617</v>
      </c>
      <c r="F44041" s="14" t="s">
        <v>25</v>
      </c>
      <c r="G44041" s="16">
        <v>1.7191866861811251</v>
      </c>
    </row>
    <row r="44042" spans="1:7" x14ac:dyDescent="0.3">
      <c r="A44042" s="13" t="s">
        <v>257</v>
      </c>
      <c r="B44042" s="14" t="s">
        <v>1</v>
      </c>
      <c r="C44042" s="14" t="s">
        <v>238</v>
      </c>
      <c r="D44042" s="14" t="s">
        <v>74</v>
      </c>
      <c r="E44042" s="15">
        <v>45618</v>
      </c>
      <c r="F44042" s="14" t="s">
        <v>25</v>
      </c>
      <c r="G44042" s="16">
        <v>1.7318604061822382</v>
      </c>
    </row>
    <row r="44043" spans="1:7" x14ac:dyDescent="0.3">
      <c r="A44043" s="13" t="s">
        <v>257</v>
      </c>
      <c r="B44043" s="14" t="s">
        <v>1</v>
      </c>
      <c r="C44043" s="14" t="s">
        <v>238</v>
      </c>
      <c r="D44043" s="14" t="s">
        <v>74</v>
      </c>
      <c r="E44043" s="15">
        <v>45619</v>
      </c>
      <c r="F44043" s="14" t="s">
        <v>25</v>
      </c>
      <c r="G44043" s="16">
        <v>1.7318604061822382</v>
      </c>
    </row>
    <row r="44044" spans="1:7" x14ac:dyDescent="0.3">
      <c r="A44044" s="13" t="s">
        <v>257</v>
      </c>
      <c r="B44044" s="14" t="s">
        <v>1</v>
      </c>
      <c r="C44044" s="14" t="s">
        <v>238</v>
      </c>
      <c r="D44044" s="14" t="s">
        <v>74</v>
      </c>
      <c r="E44044" s="15">
        <v>45620</v>
      </c>
      <c r="F44044" s="14" t="s">
        <v>25</v>
      </c>
      <c r="G44044" s="16">
        <v>1.7318604061822382</v>
      </c>
    </row>
    <row r="44045" spans="1:7" x14ac:dyDescent="0.3">
      <c r="A44045" s="13" t="s">
        <v>257</v>
      </c>
      <c r="B44045" s="14" t="s">
        <v>1</v>
      </c>
      <c r="C44045" s="14" t="s">
        <v>238</v>
      </c>
      <c r="D44045" s="14" t="s">
        <v>74</v>
      </c>
      <c r="E44045" s="15">
        <v>45621</v>
      </c>
      <c r="F44045" s="14" t="s">
        <v>25</v>
      </c>
      <c r="G44045" s="16">
        <v>1.7365829501797412</v>
      </c>
    </row>
    <row r="44046" spans="1:7" x14ac:dyDescent="0.3">
      <c r="A44046" s="13" t="s">
        <v>257</v>
      </c>
      <c r="B44046" s="14" t="s">
        <v>1</v>
      </c>
      <c r="C44046" s="14" t="s">
        <v>238</v>
      </c>
      <c r="D44046" s="14" t="s">
        <v>74</v>
      </c>
      <c r="E44046" s="15">
        <v>45622</v>
      </c>
      <c r="F44046" s="14" t="s">
        <v>25</v>
      </c>
      <c r="G44046" s="16">
        <v>1.7587212954730367</v>
      </c>
    </row>
    <row r="44047" spans="1:7" x14ac:dyDescent="0.3">
      <c r="A44047" s="13" t="s">
        <v>257</v>
      </c>
      <c r="B44047" s="14" t="s">
        <v>1</v>
      </c>
      <c r="C44047" s="14" t="s">
        <v>238</v>
      </c>
      <c r="D44047" s="14" t="s">
        <v>74</v>
      </c>
      <c r="E44047" s="15">
        <v>45623</v>
      </c>
      <c r="F44047" s="14" t="s">
        <v>25</v>
      </c>
      <c r="G44047" s="16">
        <v>1.7698333706247793</v>
      </c>
    </row>
    <row r="44048" spans="1:7" x14ac:dyDescent="0.3">
      <c r="A44048" s="13" t="s">
        <v>257</v>
      </c>
      <c r="B44048" s="14" t="s">
        <v>1</v>
      </c>
      <c r="C44048" s="14" t="s">
        <v>238</v>
      </c>
      <c r="D44048" s="14" t="s">
        <v>74</v>
      </c>
      <c r="E44048" s="15">
        <v>45624</v>
      </c>
      <c r="F44048" s="14" t="s">
        <v>25</v>
      </c>
      <c r="G44048" s="16">
        <v>1.7776211294744659</v>
      </c>
    </row>
    <row r="44049" spans="1:7" x14ac:dyDescent="0.3">
      <c r="A44049" s="13" t="s">
        <v>257</v>
      </c>
      <c r="B44049" s="14" t="s">
        <v>1</v>
      </c>
      <c r="C44049" s="14" t="s">
        <v>238</v>
      </c>
      <c r="D44049" s="14" t="s">
        <v>74</v>
      </c>
      <c r="E44049" s="15">
        <v>45625</v>
      </c>
      <c r="F44049" s="14" t="s">
        <v>25</v>
      </c>
      <c r="G44049" s="16">
        <v>1.7854044603074615</v>
      </c>
    </row>
    <row r="44050" spans="1:7" x14ac:dyDescent="0.3">
      <c r="A44050" s="13" t="s">
        <v>257</v>
      </c>
      <c r="B44050" s="14" t="s">
        <v>1</v>
      </c>
      <c r="C44050" s="14" t="s">
        <v>238</v>
      </c>
      <c r="D44050" s="14" t="s">
        <v>74</v>
      </c>
      <c r="E44050" s="15">
        <v>45626</v>
      </c>
      <c r="F44050" s="14" t="s">
        <v>25</v>
      </c>
      <c r="G44050" s="16">
        <v>1.7854044603074615</v>
      </c>
    </row>
    <row r="44051" spans="1:7" x14ac:dyDescent="0.3">
      <c r="A44051" s="13" t="s">
        <v>257</v>
      </c>
      <c r="B44051" s="14" t="s">
        <v>1</v>
      </c>
      <c r="C44051" s="14" t="s">
        <v>238</v>
      </c>
      <c r="D44051" s="14" t="s">
        <v>74</v>
      </c>
      <c r="E44051" s="15">
        <v>45627</v>
      </c>
      <c r="F44051" s="14" t="s">
        <v>25</v>
      </c>
      <c r="G44051" s="16">
        <v>1.7854044603074615</v>
      </c>
    </row>
    <row r="44052" spans="1:7" x14ac:dyDescent="0.3">
      <c r="A44052" s="13" t="s">
        <v>257</v>
      </c>
      <c r="B44052" s="14" t="s">
        <v>1</v>
      </c>
      <c r="C44052" s="14" t="s">
        <v>238</v>
      </c>
      <c r="D44052" s="14" t="s">
        <v>74</v>
      </c>
      <c r="E44052" s="15">
        <v>45628</v>
      </c>
      <c r="F44052" s="14" t="s">
        <v>25</v>
      </c>
      <c r="G44052" s="16">
        <v>1.7914466608042772</v>
      </c>
    </row>
    <row r="44053" spans="1:7" x14ac:dyDescent="0.3">
      <c r="A44053" s="13" t="s">
        <v>257</v>
      </c>
      <c r="B44053" s="14" t="s">
        <v>1</v>
      </c>
      <c r="C44053" s="14" t="s">
        <v>238</v>
      </c>
      <c r="D44053" s="14" t="s">
        <v>74</v>
      </c>
      <c r="E44053" s="15">
        <v>45629</v>
      </c>
      <c r="F44053" s="14" t="s">
        <v>25</v>
      </c>
      <c r="G44053" s="16">
        <v>1.8153205348088912</v>
      </c>
    </row>
    <row r="44054" spans="1:7" x14ac:dyDescent="0.3">
      <c r="A44054" s="13" t="s">
        <v>257</v>
      </c>
      <c r="B44054" s="14" t="s">
        <v>1</v>
      </c>
      <c r="C44054" s="14" t="s">
        <v>238</v>
      </c>
      <c r="D44054" s="14" t="s">
        <v>74</v>
      </c>
      <c r="E44054" s="15">
        <v>45630</v>
      </c>
      <c r="F44054" s="14" t="s">
        <v>25</v>
      </c>
      <c r="G44054" s="16">
        <v>1.8186520750052528</v>
      </c>
    </row>
    <row r="44055" spans="1:7" x14ac:dyDescent="0.3">
      <c r="A44055" s="13" t="s">
        <v>257</v>
      </c>
      <c r="B44055" s="14" t="s">
        <v>1</v>
      </c>
      <c r="C44055" s="14" t="s">
        <v>238</v>
      </c>
      <c r="D44055" s="14" t="s">
        <v>74</v>
      </c>
      <c r="E44055" s="15">
        <v>45631</v>
      </c>
      <c r="F44055" s="14" t="s">
        <v>25</v>
      </c>
      <c r="G44055" s="16">
        <v>1.828045644370742</v>
      </c>
    </row>
    <row r="44056" spans="1:7" x14ac:dyDescent="0.3">
      <c r="A44056" s="13" t="s">
        <v>257</v>
      </c>
      <c r="B44056" s="14" t="s">
        <v>1</v>
      </c>
      <c r="C44056" s="14" t="s">
        <v>238</v>
      </c>
      <c r="D44056" s="14" t="s">
        <v>74</v>
      </c>
      <c r="E44056" s="15">
        <v>45632</v>
      </c>
      <c r="F44056" s="14" t="s">
        <v>25</v>
      </c>
      <c r="G44056" s="16">
        <v>1.8327895662194835</v>
      </c>
    </row>
    <row r="44057" spans="1:7" x14ac:dyDescent="0.3">
      <c r="A44057" s="13" t="s">
        <v>257</v>
      </c>
      <c r="B44057" s="14" t="s">
        <v>1</v>
      </c>
      <c r="C44057" s="14" t="s">
        <v>238</v>
      </c>
      <c r="D44057" s="14" t="s">
        <v>74</v>
      </c>
      <c r="E44057" s="15">
        <v>45633</v>
      </c>
      <c r="F44057" s="14" t="s">
        <v>25</v>
      </c>
      <c r="G44057" s="16">
        <v>1.8327895662194835</v>
      </c>
    </row>
    <row r="44058" spans="1:7" x14ac:dyDescent="0.3">
      <c r="A44058" s="13" t="s">
        <v>257</v>
      </c>
      <c r="B44058" s="14" t="s">
        <v>1</v>
      </c>
      <c r="C44058" s="14" t="s">
        <v>238</v>
      </c>
      <c r="D44058" s="14" t="s">
        <v>74</v>
      </c>
      <c r="E44058" s="15">
        <v>45634</v>
      </c>
      <c r="F44058" s="14" t="s">
        <v>25</v>
      </c>
      <c r="G44058" s="16">
        <v>1.8327895662194835</v>
      </c>
    </row>
    <row r="44059" spans="1:7" x14ac:dyDescent="0.3">
      <c r="A44059" s="13" t="s">
        <v>257</v>
      </c>
      <c r="B44059" s="14" t="s">
        <v>1</v>
      </c>
      <c r="C44059" s="14" t="s">
        <v>238</v>
      </c>
      <c r="D44059" s="14" t="s">
        <v>74</v>
      </c>
      <c r="E44059" s="15">
        <v>45635</v>
      </c>
      <c r="F44059" s="14" t="s">
        <v>25</v>
      </c>
      <c r="G44059" s="16">
        <v>1.837960747457027</v>
      </c>
    </row>
    <row r="44060" spans="1:7" x14ac:dyDescent="0.3">
      <c r="A44060" s="13" t="s">
        <v>257</v>
      </c>
      <c r="B44060" s="14" t="s">
        <v>1</v>
      </c>
      <c r="C44060" s="14" t="s">
        <v>238</v>
      </c>
      <c r="D44060" s="14" t="s">
        <v>74</v>
      </c>
      <c r="E44060" s="15">
        <v>45636</v>
      </c>
      <c r="F44060" s="14" t="s">
        <v>25</v>
      </c>
      <c r="G44060" s="16">
        <v>1.8642194804109247</v>
      </c>
    </row>
    <row r="44061" spans="1:7" x14ac:dyDescent="0.3">
      <c r="A44061" s="13" t="s">
        <v>257</v>
      </c>
      <c r="B44061" s="14" t="s">
        <v>1</v>
      </c>
      <c r="C44061" s="14" t="s">
        <v>238</v>
      </c>
      <c r="D44061" s="14" t="s">
        <v>74</v>
      </c>
      <c r="E44061" s="15">
        <v>45637</v>
      </c>
      <c r="F44061" s="14" t="s">
        <v>25</v>
      </c>
      <c r="G44061" s="16">
        <v>1.8695686537522187</v>
      </c>
    </row>
    <row r="44062" spans="1:7" x14ac:dyDescent="0.3">
      <c r="A44062" s="13" t="s">
        <v>257</v>
      </c>
      <c r="B44062" s="14" t="s">
        <v>1</v>
      </c>
      <c r="C44062" s="14" t="s">
        <v>238</v>
      </c>
      <c r="D44062" s="14" t="s">
        <v>74</v>
      </c>
      <c r="E44062" s="15">
        <v>45638</v>
      </c>
      <c r="F44062" s="14" t="s">
        <v>25</v>
      </c>
      <c r="G44062" s="16">
        <v>1.8890534278939242</v>
      </c>
    </row>
    <row r="44063" spans="1:7" x14ac:dyDescent="0.3">
      <c r="A44063" s="13" t="s">
        <v>257</v>
      </c>
      <c r="B44063" s="14" t="s">
        <v>1</v>
      </c>
      <c r="C44063" s="14" t="s">
        <v>238</v>
      </c>
      <c r="D44063" s="14" t="s">
        <v>74</v>
      </c>
      <c r="E44063" s="15">
        <v>45639</v>
      </c>
      <c r="F44063" s="14" t="s">
        <v>25</v>
      </c>
      <c r="G44063" s="16">
        <v>1.9038016365716268</v>
      </c>
    </row>
    <row r="44064" spans="1:7" x14ac:dyDescent="0.3">
      <c r="A44064" s="13" t="s">
        <v>257</v>
      </c>
      <c r="B44064" s="14" t="s">
        <v>1</v>
      </c>
      <c r="C44064" s="14" t="s">
        <v>238</v>
      </c>
      <c r="D44064" s="14" t="s">
        <v>74</v>
      </c>
      <c r="E44064" s="15">
        <v>45640</v>
      </c>
      <c r="F44064" s="14" t="s">
        <v>25</v>
      </c>
      <c r="G44064" s="16">
        <v>1.9038016365716268</v>
      </c>
    </row>
    <row r="44065" spans="1:7" x14ac:dyDescent="0.3">
      <c r="A44065" s="13" t="s">
        <v>257</v>
      </c>
      <c r="B44065" s="14" t="s">
        <v>1</v>
      </c>
      <c r="C44065" s="14" t="s">
        <v>238</v>
      </c>
      <c r="D44065" s="14" t="s">
        <v>74</v>
      </c>
      <c r="E44065" s="15">
        <v>45641</v>
      </c>
      <c r="F44065" s="14" t="s">
        <v>25</v>
      </c>
      <c r="G44065" s="16">
        <v>1.9038016365716268</v>
      </c>
    </row>
    <row r="44066" spans="1:7" x14ac:dyDescent="0.3">
      <c r="A44066" s="13" t="s">
        <v>257</v>
      </c>
      <c r="B44066" s="14" t="s">
        <v>1</v>
      </c>
      <c r="C44066" s="14" t="s">
        <v>238</v>
      </c>
      <c r="D44066" s="14" t="s">
        <v>74</v>
      </c>
      <c r="E44066" s="15">
        <v>45642</v>
      </c>
      <c r="F44066" s="14" t="s">
        <v>25</v>
      </c>
      <c r="G44066" s="16">
        <v>1.9158687564532344</v>
      </c>
    </row>
    <row r="44067" spans="1:7" x14ac:dyDescent="0.3">
      <c r="A44067" s="13" t="s">
        <v>257</v>
      </c>
      <c r="B44067" s="14" t="s">
        <v>1</v>
      </c>
      <c r="C44067" s="14" t="s">
        <v>238</v>
      </c>
      <c r="D44067" s="14" t="s">
        <v>74</v>
      </c>
      <c r="E44067" s="15">
        <v>45643</v>
      </c>
      <c r="F44067" s="14" t="s">
        <v>25</v>
      </c>
      <c r="G44067" s="16">
        <v>1.9319855659481295</v>
      </c>
    </row>
    <row r="44068" spans="1:7" x14ac:dyDescent="0.3">
      <c r="A44068" s="13" t="s">
        <v>257</v>
      </c>
      <c r="B44068" s="14" t="s">
        <v>1</v>
      </c>
      <c r="C44068" s="14" t="s">
        <v>238</v>
      </c>
      <c r="D44068" s="14" t="s">
        <v>74</v>
      </c>
      <c r="E44068" s="15">
        <v>45644</v>
      </c>
      <c r="F44068" s="14" t="s">
        <v>25</v>
      </c>
      <c r="G44068" s="16">
        <v>1.9312514961770064</v>
      </c>
    </row>
    <row r="44069" spans="1:7" x14ac:dyDescent="0.3">
      <c r="A44069" s="13" t="s">
        <v>257</v>
      </c>
      <c r="B44069" s="14" t="s">
        <v>1</v>
      </c>
      <c r="C44069" s="14" t="s">
        <v>238</v>
      </c>
      <c r="D44069" s="14" t="s">
        <v>74</v>
      </c>
      <c r="E44069" s="15">
        <v>45645</v>
      </c>
      <c r="F44069" s="14" t="s">
        <v>25</v>
      </c>
      <c r="G44069" s="16">
        <v>1.9360572750688509</v>
      </c>
    </row>
    <row r="44070" spans="1:7" x14ac:dyDescent="0.3">
      <c r="A44070" s="13" t="s">
        <v>257</v>
      </c>
      <c r="B44070" s="14" t="s">
        <v>1</v>
      </c>
      <c r="C44070" s="14" t="s">
        <v>238</v>
      </c>
      <c r="D44070" s="14" t="s">
        <v>74</v>
      </c>
      <c r="E44070" s="15">
        <v>45646</v>
      </c>
      <c r="F44070" s="14" t="s">
        <v>25</v>
      </c>
      <c r="G44070" s="16">
        <v>1.9440031907631694</v>
      </c>
    </row>
    <row r="44071" spans="1:7" x14ac:dyDescent="0.3">
      <c r="A44071" s="13" t="s">
        <v>257</v>
      </c>
      <c r="B44071" s="14" t="s">
        <v>1</v>
      </c>
      <c r="C44071" s="14" t="s">
        <v>238</v>
      </c>
      <c r="D44071" s="14" t="s">
        <v>74</v>
      </c>
      <c r="E44071" s="15">
        <v>45647</v>
      </c>
      <c r="F44071" s="14" t="s">
        <v>25</v>
      </c>
      <c r="G44071" s="16">
        <v>1.9440031907631694</v>
      </c>
    </row>
    <row r="44072" spans="1:7" x14ac:dyDescent="0.3">
      <c r="A44072" s="13" t="s">
        <v>257</v>
      </c>
      <c r="B44072" s="14" t="s">
        <v>1</v>
      </c>
      <c r="C44072" s="14" t="s">
        <v>238</v>
      </c>
      <c r="D44072" s="14" t="s">
        <v>74</v>
      </c>
      <c r="E44072" s="15">
        <v>45648</v>
      </c>
      <c r="F44072" s="14" t="s">
        <v>25</v>
      </c>
      <c r="G44072" s="16">
        <v>1.9440031907631694</v>
      </c>
    </row>
    <row r="44073" spans="1:7" x14ac:dyDescent="0.3">
      <c r="A44073" s="13" t="s">
        <v>257</v>
      </c>
      <c r="B44073" s="14" t="s">
        <v>1</v>
      </c>
      <c r="C44073" s="14" t="s">
        <v>238</v>
      </c>
      <c r="D44073" s="14" t="s">
        <v>74</v>
      </c>
      <c r="E44073" s="15">
        <v>45649</v>
      </c>
      <c r="F44073" s="14" t="s">
        <v>25</v>
      </c>
      <c r="G44073" s="16">
        <v>1.9591044977363148</v>
      </c>
    </row>
    <row r="44074" spans="1:7" x14ac:dyDescent="0.3">
      <c r="A44074" s="13" t="s">
        <v>257</v>
      </c>
      <c r="B44074" s="14" t="s">
        <v>1</v>
      </c>
      <c r="C44074" s="14" t="s">
        <v>238</v>
      </c>
      <c r="D44074" s="14" t="s">
        <v>74</v>
      </c>
      <c r="E44074" s="15">
        <v>45650</v>
      </c>
      <c r="F44074" s="14" t="s">
        <v>25</v>
      </c>
      <c r="G44074" s="16">
        <v>1.9842349566458586</v>
      </c>
    </row>
    <row r="44075" spans="1:7" x14ac:dyDescent="0.3">
      <c r="A44075" s="13" t="s">
        <v>257</v>
      </c>
      <c r="B44075" s="14" t="s">
        <v>1</v>
      </c>
      <c r="C44075" s="14" t="s">
        <v>238</v>
      </c>
      <c r="D44075" s="14" t="s">
        <v>74</v>
      </c>
      <c r="E44075" s="15">
        <v>45651</v>
      </c>
      <c r="F44075" s="14" t="s">
        <v>25</v>
      </c>
      <c r="G44075" s="16">
        <v>1.9842349566458586</v>
      </c>
    </row>
    <row r="44076" spans="1:7" x14ac:dyDescent="0.3">
      <c r="A44076" s="13" t="s">
        <v>257</v>
      </c>
      <c r="B44076" s="14" t="s">
        <v>1</v>
      </c>
      <c r="C44076" s="14" t="s">
        <v>238</v>
      </c>
      <c r="D44076" s="14" t="s">
        <v>74</v>
      </c>
      <c r="E44076" s="15">
        <v>45652</v>
      </c>
      <c r="F44076" s="14" t="s">
        <v>25</v>
      </c>
      <c r="G44076" s="16">
        <v>1.9842349566458586</v>
      </c>
    </row>
    <row r="44077" spans="1:7" x14ac:dyDescent="0.3">
      <c r="A44077" s="13" t="s">
        <v>257</v>
      </c>
      <c r="B44077" s="14" t="s">
        <v>1</v>
      </c>
      <c r="C44077" s="14" t="s">
        <v>238</v>
      </c>
      <c r="D44077" s="14" t="s">
        <v>74</v>
      </c>
      <c r="E44077" s="15">
        <v>45653</v>
      </c>
      <c r="F44077" s="14" t="s">
        <v>25</v>
      </c>
      <c r="G44077" s="16">
        <v>1.9842349566458586</v>
      </c>
    </row>
    <row r="44078" spans="1:7" x14ac:dyDescent="0.3">
      <c r="A44078" s="13" t="s">
        <v>257</v>
      </c>
      <c r="B44078" s="14" t="s">
        <v>1</v>
      </c>
      <c r="C44078" s="14" t="s">
        <v>238</v>
      </c>
      <c r="D44078" s="14" t="s">
        <v>74</v>
      </c>
      <c r="E44078" s="15">
        <v>45654</v>
      </c>
      <c r="F44078" s="14" t="s">
        <v>25</v>
      </c>
      <c r="G44078" s="16">
        <v>1.9842349566458586</v>
      </c>
    </row>
    <row r="44079" spans="1:7" x14ac:dyDescent="0.3">
      <c r="A44079" s="13" t="s">
        <v>257</v>
      </c>
      <c r="B44079" s="14" t="s">
        <v>1</v>
      </c>
      <c r="C44079" s="14" t="s">
        <v>238</v>
      </c>
      <c r="D44079" s="14" t="s">
        <v>74</v>
      </c>
      <c r="E44079" s="15">
        <v>45655</v>
      </c>
      <c r="F44079" s="14" t="s">
        <v>25</v>
      </c>
      <c r="G44079" s="16">
        <v>1.9842349566458586</v>
      </c>
    </row>
    <row r="44080" spans="1:7" x14ac:dyDescent="0.3">
      <c r="A44080" s="13" t="s">
        <v>257</v>
      </c>
      <c r="B44080" s="14" t="s">
        <v>1</v>
      </c>
      <c r="C44080" s="14" t="s">
        <v>238</v>
      </c>
      <c r="D44080" s="14" t="s">
        <v>74</v>
      </c>
      <c r="E44080" s="15">
        <v>45656</v>
      </c>
      <c r="F44080" s="14" t="s">
        <v>25</v>
      </c>
      <c r="G44080" s="16">
        <v>2.0014111198384872</v>
      </c>
    </row>
    <row r="44081" spans="1:7" x14ac:dyDescent="0.3">
      <c r="A44081" s="13" t="s">
        <v>257</v>
      </c>
      <c r="B44081" s="14" t="s">
        <v>1</v>
      </c>
      <c r="C44081" s="14" t="s">
        <v>238</v>
      </c>
      <c r="D44081" s="14" t="s">
        <v>74</v>
      </c>
      <c r="E44081" s="15">
        <v>45657</v>
      </c>
      <c r="F44081" s="14" t="s">
        <v>25</v>
      </c>
      <c r="G44081" s="16">
        <v>2.0443551292686264</v>
      </c>
    </row>
    <row r="44082" spans="1:7" x14ac:dyDescent="0.3">
      <c r="A44082" s="13" t="s">
        <v>257</v>
      </c>
      <c r="B44082" s="14" t="s">
        <v>1</v>
      </c>
      <c r="C44082" s="14" t="s">
        <v>238</v>
      </c>
      <c r="D44082" s="14" t="s">
        <v>74</v>
      </c>
      <c r="E44082" s="15">
        <v>45658</v>
      </c>
      <c r="F44082" s="14" t="s">
        <v>25</v>
      </c>
      <c r="G44082" s="16">
        <v>2.0443551292686264</v>
      </c>
    </row>
    <row r="44083" spans="1:7" x14ac:dyDescent="0.3">
      <c r="A44083" s="13" t="s">
        <v>257</v>
      </c>
      <c r="B44083" s="14" t="s">
        <v>1</v>
      </c>
      <c r="C44083" s="14" t="s">
        <v>238</v>
      </c>
      <c r="D44083" s="14" t="s">
        <v>74</v>
      </c>
      <c r="E44083" s="15">
        <v>45659</v>
      </c>
      <c r="F44083" s="14" t="s">
        <v>25</v>
      </c>
      <c r="G44083" s="16">
        <v>2.0443551292686264</v>
      </c>
    </row>
    <row r="44084" spans="1:7" x14ac:dyDescent="0.3">
      <c r="A44084" s="13" t="s">
        <v>257</v>
      </c>
      <c r="B44084" s="14" t="s">
        <v>1</v>
      </c>
      <c r="C44084" s="14" t="s">
        <v>238</v>
      </c>
      <c r="D44084" s="14" t="s">
        <v>74</v>
      </c>
      <c r="E44084" s="15">
        <v>45660</v>
      </c>
      <c r="F44084" s="14" t="s">
        <v>25</v>
      </c>
      <c r="G44084" s="16">
        <v>2.0457835625434013</v>
      </c>
    </row>
    <row r="44085" spans="1:7" x14ac:dyDescent="0.3">
      <c r="A44085" s="13" t="s">
        <v>257</v>
      </c>
      <c r="B44085" s="14" t="s">
        <v>1</v>
      </c>
      <c r="C44085" s="14" t="s">
        <v>238</v>
      </c>
      <c r="D44085" s="14" t="s">
        <v>74</v>
      </c>
      <c r="E44085" s="15">
        <v>45661</v>
      </c>
      <c r="F44085" s="14" t="s">
        <v>25</v>
      </c>
      <c r="G44085" s="16">
        <v>2.0457835625434013</v>
      </c>
    </row>
    <row r="44086" spans="1:7" x14ac:dyDescent="0.3">
      <c r="A44086" s="13" t="s">
        <v>257</v>
      </c>
      <c r="B44086" s="14" t="s">
        <v>1</v>
      </c>
      <c r="C44086" s="14" t="s">
        <v>238</v>
      </c>
      <c r="D44086" s="14" t="s">
        <v>74</v>
      </c>
      <c r="E44086" s="15">
        <v>45662</v>
      </c>
      <c r="F44086" s="14" t="s">
        <v>25</v>
      </c>
      <c r="G44086" s="16">
        <v>2.0457835625434013</v>
      </c>
    </row>
    <row r="44087" spans="1:7" x14ac:dyDescent="0.3">
      <c r="A44087" s="13" t="s">
        <v>257</v>
      </c>
      <c r="B44087" s="14" t="s">
        <v>1</v>
      </c>
      <c r="C44087" s="14" t="s">
        <v>238</v>
      </c>
      <c r="D44087" s="14" t="s">
        <v>74</v>
      </c>
      <c r="E44087" s="15">
        <v>45663</v>
      </c>
      <c r="F44087" s="14" t="s">
        <v>25</v>
      </c>
      <c r="G44087" s="16">
        <v>2.075855153962479</v>
      </c>
    </row>
    <row r="44088" spans="1:7" x14ac:dyDescent="0.3">
      <c r="A44088" s="13" t="s">
        <v>257</v>
      </c>
      <c r="B44088" s="14" t="s">
        <v>1</v>
      </c>
      <c r="C44088" s="14" t="s">
        <v>238</v>
      </c>
      <c r="D44088" s="14" t="s">
        <v>74</v>
      </c>
      <c r="E44088" s="15">
        <v>45664</v>
      </c>
      <c r="F44088" s="14" t="s">
        <v>25</v>
      </c>
      <c r="G44088" s="16">
        <v>2.0998191629465355</v>
      </c>
    </row>
    <row r="44089" spans="1:7" x14ac:dyDescent="0.3">
      <c r="A44089" s="13" t="s">
        <v>257</v>
      </c>
      <c r="B44089" s="14" t="s">
        <v>1</v>
      </c>
      <c r="C44089" s="14" t="s">
        <v>238</v>
      </c>
      <c r="D44089" s="14" t="s">
        <v>74</v>
      </c>
      <c r="E44089" s="15">
        <v>45665</v>
      </c>
      <c r="F44089" s="14" t="s">
        <v>25</v>
      </c>
      <c r="G44089" s="16">
        <v>2.106261264453603</v>
      </c>
    </row>
    <row r="44090" spans="1:7" x14ac:dyDescent="0.3">
      <c r="A44090" s="13" t="s">
        <v>257</v>
      </c>
      <c r="B44090" s="14" t="s">
        <v>1</v>
      </c>
      <c r="C44090" s="14" t="s">
        <v>238</v>
      </c>
      <c r="D44090" s="14" t="s">
        <v>74</v>
      </c>
      <c r="E44090" s="15">
        <v>45666</v>
      </c>
      <c r="F44090" s="14" t="s">
        <v>25</v>
      </c>
      <c r="G44090" s="16">
        <v>2.1122336330588833</v>
      </c>
    </row>
    <row r="44091" spans="1:7" x14ac:dyDescent="0.3">
      <c r="A44091" s="13" t="s">
        <v>257</v>
      </c>
      <c r="B44091" s="14" t="s">
        <v>1</v>
      </c>
      <c r="C44091" s="14" t="s">
        <v>238</v>
      </c>
      <c r="D44091" s="14" t="s">
        <v>74</v>
      </c>
      <c r="E44091" s="15">
        <v>45667</v>
      </c>
      <c r="F44091" s="14" t="s">
        <v>25</v>
      </c>
      <c r="G44091" s="16">
        <v>2.1191113349059005</v>
      </c>
    </row>
    <row r="44092" spans="1:7" x14ac:dyDescent="0.3">
      <c r="A44092" s="13" t="s">
        <v>257</v>
      </c>
      <c r="B44092" s="14" t="s">
        <v>1</v>
      </c>
      <c r="C44092" s="14" t="s">
        <v>238</v>
      </c>
      <c r="D44092" s="14" t="s">
        <v>74</v>
      </c>
      <c r="E44092" s="15">
        <v>45668</v>
      </c>
      <c r="F44092" s="14" t="s">
        <v>25</v>
      </c>
      <c r="G44092" s="16">
        <v>2.1191113349059005</v>
      </c>
    </row>
    <row r="44093" spans="1:7" x14ac:dyDescent="0.3">
      <c r="A44093" s="13" t="s">
        <v>257</v>
      </c>
      <c r="B44093" s="14" t="s">
        <v>1</v>
      </c>
      <c r="C44093" s="14" t="s">
        <v>238</v>
      </c>
      <c r="D44093" s="14" t="s">
        <v>74</v>
      </c>
      <c r="E44093" s="15">
        <v>45669</v>
      </c>
      <c r="F44093" s="14" t="s">
        <v>25</v>
      </c>
      <c r="G44093" s="16">
        <v>2.1191113349059005</v>
      </c>
    </row>
    <row r="44094" spans="1:7" x14ac:dyDescent="0.3">
      <c r="A44094" s="13" t="s">
        <v>257</v>
      </c>
      <c r="B44094" s="14" t="s">
        <v>1</v>
      </c>
      <c r="C44094" s="14" t="s">
        <v>238</v>
      </c>
      <c r="D44094" s="14" t="s">
        <v>74</v>
      </c>
      <c r="E44094" s="15">
        <v>45670</v>
      </c>
      <c r="F44094" s="14" t="s">
        <v>25</v>
      </c>
      <c r="G44094" s="16">
        <v>2.1268878767238455</v>
      </c>
    </row>
    <row r="44095" spans="1:7" x14ac:dyDescent="0.3">
      <c r="A44095" s="13" t="s">
        <v>257</v>
      </c>
      <c r="B44095" s="14" t="s">
        <v>1</v>
      </c>
      <c r="C44095" s="14" t="s">
        <v>238</v>
      </c>
      <c r="D44095" s="14" t="s">
        <v>74</v>
      </c>
      <c r="E44095" s="15">
        <v>45671</v>
      </c>
      <c r="F44095" s="14" t="s">
        <v>25</v>
      </c>
      <c r="G44095" s="16">
        <v>2.1520890266605801</v>
      </c>
    </row>
    <row r="44096" spans="1:7" x14ac:dyDescent="0.3">
      <c r="A44096" s="13" t="s">
        <v>257</v>
      </c>
      <c r="B44096" s="14" t="s">
        <v>1</v>
      </c>
      <c r="C44096" s="14" t="s">
        <v>238</v>
      </c>
      <c r="D44096" s="14" t="s">
        <v>74</v>
      </c>
      <c r="E44096" s="15">
        <v>45672</v>
      </c>
      <c r="F44096" s="14" t="s">
        <v>25</v>
      </c>
      <c r="G44096" s="16">
        <v>2.1573525820238926</v>
      </c>
    </row>
    <row r="44097" spans="1:7" x14ac:dyDescent="0.3">
      <c r="A44097" s="13" t="s">
        <v>257</v>
      </c>
      <c r="B44097" s="14" t="s">
        <v>1</v>
      </c>
      <c r="C44097" s="14" t="s">
        <v>238</v>
      </c>
      <c r="D44097" s="14" t="s">
        <v>74</v>
      </c>
      <c r="E44097" s="15">
        <v>45673</v>
      </c>
      <c r="F44097" s="14" t="s">
        <v>25</v>
      </c>
      <c r="G44097" s="16">
        <v>2.1616508117017941</v>
      </c>
    </row>
    <row r="44098" spans="1:7" x14ac:dyDescent="0.3">
      <c r="A44098" s="13" t="s">
        <v>257</v>
      </c>
      <c r="B44098" s="14" t="s">
        <v>1</v>
      </c>
      <c r="C44098" s="14" t="s">
        <v>238</v>
      </c>
      <c r="D44098" s="14" t="s">
        <v>74</v>
      </c>
      <c r="E44098" s="15">
        <v>45674</v>
      </c>
      <c r="F44098" s="14" t="s">
        <v>25</v>
      </c>
      <c r="G44098" s="16">
        <v>2.1740320935736555</v>
      </c>
    </row>
    <row r="44099" spans="1:7" x14ac:dyDescent="0.3">
      <c r="A44099" s="13" t="s">
        <v>257</v>
      </c>
      <c r="B44099" s="14" t="s">
        <v>1</v>
      </c>
      <c r="C44099" s="14" t="s">
        <v>238</v>
      </c>
      <c r="D44099" s="14" t="s">
        <v>74</v>
      </c>
      <c r="E44099" s="15">
        <v>45675</v>
      </c>
      <c r="F44099" s="14" t="s">
        <v>25</v>
      </c>
      <c r="G44099" s="16">
        <v>2.1740320935736555</v>
      </c>
    </row>
    <row r="44100" spans="1:7" x14ac:dyDescent="0.3">
      <c r="A44100" s="13" t="s">
        <v>257</v>
      </c>
      <c r="B44100" s="14" t="s">
        <v>1</v>
      </c>
      <c r="C44100" s="14" t="s">
        <v>238</v>
      </c>
      <c r="D44100" s="14" t="s">
        <v>74</v>
      </c>
      <c r="E44100" s="15">
        <v>45676</v>
      </c>
      <c r="F44100" s="14" t="s">
        <v>25</v>
      </c>
      <c r="G44100" s="16">
        <v>2.1740320935736555</v>
      </c>
    </row>
    <row r="44101" spans="1:7" x14ac:dyDescent="0.3">
      <c r="A44101" s="13" t="s">
        <v>257</v>
      </c>
      <c r="B44101" s="14" t="s">
        <v>1</v>
      </c>
      <c r="C44101" s="14" t="s">
        <v>238</v>
      </c>
      <c r="D44101" s="14" t="s">
        <v>74</v>
      </c>
      <c r="E44101" s="15">
        <v>45677</v>
      </c>
      <c r="F44101" s="14" t="s">
        <v>25</v>
      </c>
      <c r="G44101" s="16">
        <v>2.1912311070521815</v>
      </c>
    </row>
    <row r="44102" spans="1:7" x14ac:dyDescent="0.3">
      <c r="A44102" s="13" t="s">
        <v>257</v>
      </c>
      <c r="B44102" s="14" t="s">
        <v>1</v>
      </c>
      <c r="C44102" s="14" t="s">
        <v>238</v>
      </c>
      <c r="D44102" s="14" t="s">
        <v>74</v>
      </c>
      <c r="E44102" s="15">
        <v>45678</v>
      </c>
      <c r="F44102" s="14" t="s">
        <v>25</v>
      </c>
      <c r="G44102" s="16">
        <v>2.2162091684404031</v>
      </c>
    </row>
    <row r="44103" spans="1:7" x14ac:dyDescent="0.3">
      <c r="A44103" s="13" t="s">
        <v>257</v>
      </c>
      <c r="B44103" s="14" t="s">
        <v>1</v>
      </c>
      <c r="C44103" s="14" t="s">
        <v>238</v>
      </c>
      <c r="D44103" s="14" t="s">
        <v>74</v>
      </c>
      <c r="E44103" s="15">
        <v>45679</v>
      </c>
      <c r="F44103" s="14" t="s">
        <v>25</v>
      </c>
      <c r="G44103" s="16">
        <v>2.2206700098408927</v>
      </c>
    </row>
    <row r="44104" spans="1:7" x14ac:dyDescent="0.3">
      <c r="A44104" s="13" t="s">
        <v>257</v>
      </c>
      <c r="B44104" s="14" t="s">
        <v>1</v>
      </c>
      <c r="C44104" s="14" t="s">
        <v>238</v>
      </c>
      <c r="D44104" s="14" t="s">
        <v>74</v>
      </c>
      <c r="E44104" s="15">
        <v>45680</v>
      </c>
      <c r="F44104" s="14" t="s">
        <v>25</v>
      </c>
      <c r="G44104" s="16">
        <v>2.2310214582132226</v>
      </c>
    </row>
    <row r="44105" spans="1:7" x14ac:dyDescent="0.3">
      <c r="A44105" s="13" t="s">
        <v>257</v>
      </c>
      <c r="B44105" s="14" t="s">
        <v>1</v>
      </c>
      <c r="C44105" s="14" t="s">
        <v>238</v>
      </c>
      <c r="D44105" s="14" t="s">
        <v>74</v>
      </c>
      <c r="E44105" s="15">
        <v>45681</v>
      </c>
      <c r="F44105" s="14" t="s">
        <v>25</v>
      </c>
      <c r="G44105" s="16">
        <v>2.2522912587997288</v>
      </c>
    </row>
    <row r="44106" spans="1:7" x14ac:dyDescent="0.3">
      <c r="A44106" s="13" t="s">
        <v>257</v>
      </c>
      <c r="B44106" s="14" t="s">
        <v>1</v>
      </c>
      <c r="C44106" s="14" t="s">
        <v>238</v>
      </c>
      <c r="D44106" s="14" t="s">
        <v>74</v>
      </c>
      <c r="E44106" s="15">
        <v>45682</v>
      </c>
      <c r="F44106" s="14" t="s">
        <v>25</v>
      </c>
      <c r="G44106" s="16">
        <v>2.2522912587997288</v>
      </c>
    </row>
    <row r="44107" spans="1:7" x14ac:dyDescent="0.3">
      <c r="A44107" s="13" t="s">
        <v>257</v>
      </c>
      <c r="B44107" s="14" t="s">
        <v>1</v>
      </c>
      <c r="C44107" s="14" t="s">
        <v>238</v>
      </c>
      <c r="D44107" s="14" t="s">
        <v>74</v>
      </c>
      <c r="E44107" s="15">
        <v>45683</v>
      </c>
      <c r="F44107" s="14" t="s">
        <v>25</v>
      </c>
      <c r="G44107" s="16">
        <v>2.2522912587997288</v>
      </c>
    </row>
    <row r="44108" spans="1:7" x14ac:dyDescent="0.3">
      <c r="A44108" s="13" t="s">
        <v>257</v>
      </c>
      <c r="B44108" s="14" t="s">
        <v>1</v>
      </c>
      <c r="C44108" s="14" t="s">
        <v>238</v>
      </c>
      <c r="D44108" s="14" t="s">
        <v>74</v>
      </c>
      <c r="E44108" s="15">
        <v>45684</v>
      </c>
      <c r="F44108" s="14" t="s">
        <v>25</v>
      </c>
      <c r="G44108" s="16">
        <v>2.2498685454608203</v>
      </c>
    </row>
    <row r="44109" spans="1:7" x14ac:dyDescent="0.3">
      <c r="A44109" s="13" t="s">
        <v>257</v>
      </c>
      <c r="B44109" s="14" t="s">
        <v>1</v>
      </c>
      <c r="C44109" s="14" t="s">
        <v>238</v>
      </c>
      <c r="D44109" s="14" t="s">
        <v>74</v>
      </c>
      <c r="E44109" s="15">
        <v>45685</v>
      </c>
      <c r="F44109" s="14" t="s">
        <v>25</v>
      </c>
      <c r="G44109" s="16">
        <v>2.2635594945902175</v>
      </c>
    </row>
    <row r="44110" spans="1:7" x14ac:dyDescent="0.3">
      <c r="A44110" s="13" t="s">
        <v>257</v>
      </c>
      <c r="B44110" s="14" t="s">
        <v>1</v>
      </c>
      <c r="C44110" s="14" t="s">
        <v>238</v>
      </c>
      <c r="D44110" s="14" t="s">
        <v>74</v>
      </c>
      <c r="E44110" s="15">
        <v>45686</v>
      </c>
      <c r="F44110" s="14" t="s">
        <v>25</v>
      </c>
      <c r="G44110" s="16">
        <v>2.2761485480310113</v>
      </c>
    </row>
    <row r="44111" spans="1:7" x14ac:dyDescent="0.3">
      <c r="A44111" s="13" t="s">
        <v>257</v>
      </c>
      <c r="B44111" s="14" t="s">
        <v>1</v>
      </c>
      <c r="C44111" s="14" t="s">
        <v>238</v>
      </c>
      <c r="D44111" s="14" t="s">
        <v>74</v>
      </c>
      <c r="E44111" s="15">
        <v>45687</v>
      </c>
      <c r="F44111" s="14" t="s">
        <v>25</v>
      </c>
      <c r="G44111" s="16">
        <v>2.2771646821343752</v>
      </c>
    </row>
    <row r="44112" spans="1:7" x14ac:dyDescent="0.3">
      <c r="A44112" s="13" t="s">
        <v>257</v>
      </c>
      <c r="B44112" s="14" t="s">
        <v>1</v>
      </c>
      <c r="C44112" s="14" t="s">
        <v>238</v>
      </c>
      <c r="D44112" s="14" t="s">
        <v>74</v>
      </c>
      <c r="E44112" s="15">
        <v>45688</v>
      </c>
      <c r="F44112" s="14" t="s">
        <v>25</v>
      </c>
      <c r="G44112" s="16">
        <v>2.2820259521309372</v>
      </c>
    </row>
    <row r="44113" spans="1:7" x14ac:dyDescent="0.3">
      <c r="A44113" s="13" t="s">
        <v>257</v>
      </c>
      <c r="B44113" s="14" t="s">
        <v>1</v>
      </c>
      <c r="C44113" s="14" t="s">
        <v>238</v>
      </c>
      <c r="D44113" s="14" t="s">
        <v>74</v>
      </c>
      <c r="E44113" s="15">
        <v>45689</v>
      </c>
      <c r="F44113" s="14" t="s">
        <v>25</v>
      </c>
      <c r="G44113" s="16">
        <v>2.2820259521309372</v>
      </c>
    </row>
    <row r="44114" spans="1:7" x14ac:dyDescent="0.3">
      <c r="A44114" s="13" t="s">
        <v>257</v>
      </c>
      <c r="B44114" s="14" t="s">
        <v>1</v>
      </c>
      <c r="C44114" s="14" t="s">
        <v>238</v>
      </c>
      <c r="D44114" s="14" t="s">
        <v>74</v>
      </c>
      <c r="E44114" s="15">
        <v>45690</v>
      </c>
      <c r="F44114" s="14" t="s">
        <v>25</v>
      </c>
      <c r="G44114" s="16">
        <v>2.2820259521309372</v>
      </c>
    </row>
    <row r="44115" spans="1:7" x14ac:dyDescent="0.3">
      <c r="A44115" s="13" t="s">
        <v>257</v>
      </c>
      <c r="B44115" s="14" t="s">
        <v>1</v>
      </c>
      <c r="C44115" s="14" t="s">
        <v>238</v>
      </c>
      <c r="D44115" s="14" t="s">
        <v>74</v>
      </c>
      <c r="E44115" s="15">
        <v>45691</v>
      </c>
      <c r="F44115" s="14" t="s">
        <v>25</v>
      </c>
      <c r="G44115" s="16">
        <v>2.2820259521309372</v>
      </c>
    </row>
    <row r="44116" spans="1:7" x14ac:dyDescent="0.3">
      <c r="A44116" s="13" t="s">
        <v>257</v>
      </c>
      <c r="B44116" s="14" t="s">
        <v>1</v>
      </c>
      <c r="C44116" s="14" t="s">
        <v>238</v>
      </c>
      <c r="D44116" s="14" t="s">
        <v>74</v>
      </c>
      <c r="E44116" s="15">
        <v>45692</v>
      </c>
      <c r="F44116" s="14" t="s">
        <v>25</v>
      </c>
      <c r="G44116" s="16">
        <v>2.2781318105831101</v>
      </c>
    </row>
    <row r="44117" spans="1:7" x14ac:dyDescent="0.3">
      <c r="A44117" s="13" t="s">
        <v>257</v>
      </c>
      <c r="B44117" s="14" t="s">
        <v>1</v>
      </c>
      <c r="C44117" s="14" t="s">
        <v>238</v>
      </c>
      <c r="D44117" s="14" t="s">
        <v>74</v>
      </c>
      <c r="E44117" s="15">
        <v>45693</v>
      </c>
      <c r="F44117" s="14" t="s">
        <v>25</v>
      </c>
      <c r="G44117" s="16">
        <v>2.3045996743961856</v>
      </c>
    </row>
    <row r="44118" spans="1:7" x14ac:dyDescent="0.3">
      <c r="A44118" s="13" t="s">
        <v>257</v>
      </c>
      <c r="B44118" s="14" t="s">
        <v>1</v>
      </c>
      <c r="C44118" s="14" t="s">
        <v>238</v>
      </c>
      <c r="D44118" s="14" t="s">
        <v>74</v>
      </c>
      <c r="E44118" s="15">
        <v>45694</v>
      </c>
      <c r="F44118" s="14" t="s">
        <v>25</v>
      </c>
      <c r="G44118" s="16">
        <v>2.3155800128962545</v>
      </c>
    </row>
    <row r="44119" spans="1:7" x14ac:dyDescent="0.3">
      <c r="A44119" s="13" t="s">
        <v>257</v>
      </c>
      <c r="B44119" s="14" t="s">
        <v>1</v>
      </c>
      <c r="C44119" s="14" t="s">
        <v>238</v>
      </c>
      <c r="D44119" s="14" t="s">
        <v>74</v>
      </c>
      <c r="E44119" s="15">
        <v>45695</v>
      </c>
      <c r="F44119" s="14" t="s">
        <v>25</v>
      </c>
      <c r="G44119" s="16">
        <v>2.322890358029893</v>
      </c>
    </row>
    <row r="44120" spans="1:7" x14ac:dyDescent="0.3">
      <c r="A44120" s="13" t="s">
        <v>257</v>
      </c>
      <c r="B44120" s="14" t="s">
        <v>1</v>
      </c>
      <c r="C44120" s="14" t="s">
        <v>238</v>
      </c>
      <c r="D44120" s="14" t="s">
        <v>74</v>
      </c>
      <c r="E44120" s="15">
        <v>45696</v>
      </c>
      <c r="F44120" s="14" t="s">
        <v>25</v>
      </c>
      <c r="G44120" s="16">
        <v>2.322890358029893</v>
      </c>
    </row>
    <row r="44121" spans="1:7" x14ac:dyDescent="0.3">
      <c r="A44121" s="13" t="s">
        <v>257</v>
      </c>
      <c r="B44121" s="14" t="s">
        <v>1</v>
      </c>
      <c r="C44121" s="14" t="s">
        <v>238</v>
      </c>
      <c r="D44121" s="14" t="s">
        <v>74</v>
      </c>
      <c r="E44121" s="15">
        <v>45697</v>
      </c>
      <c r="F44121" s="14" t="s">
        <v>25</v>
      </c>
      <c r="G44121" s="16">
        <v>2.322890358029893</v>
      </c>
    </row>
    <row r="44122" spans="1:7" x14ac:dyDescent="0.3">
      <c r="A44122" s="13" t="s">
        <v>257</v>
      </c>
      <c r="B44122" s="14" t="s">
        <v>1</v>
      </c>
      <c r="C44122" s="14" t="s">
        <v>238</v>
      </c>
      <c r="D44122" s="14" t="s">
        <v>74</v>
      </c>
      <c r="E44122" s="15">
        <v>45698</v>
      </c>
      <c r="F44122" s="14" t="s">
        <v>25</v>
      </c>
      <c r="G44122" s="16">
        <v>2.3299132778705891</v>
      </c>
    </row>
    <row r="44123" spans="1:7" x14ac:dyDescent="0.3">
      <c r="A44123" s="13" t="s">
        <v>257</v>
      </c>
      <c r="B44123" s="14" t="s">
        <v>1</v>
      </c>
      <c r="C44123" s="14" t="s">
        <v>238</v>
      </c>
      <c r="D44123" s="14" t="s">
        <v>74</v>
      </c>
      <c r="E44123" s="15">
        <v>45699</v>
      </c>
      <c r="F44123" s="14" t="s">
        <v>25</v>
      </c>
      <c r="G44123" s="16">
        <v>2.3697228921739164</v>
      </c>
    </row>
    <row r="44124" spans="1:7" x14ac:dyDescent="0.3">
      <c r="A44124" s="13" t="s">
        <v>257</v>
      </c>
      <c r="B44124" s="14" t="s">
        <v>1</v>
      </c>
      <c r="C44124" s="14" t="s">
        <v>238</v>
      </c>
      <c r="D44124" s="14" t="s">
        <v>74</v>
      </c>
      <c r="E44124" s="15">
        <v>45700</v>
      </c>
      <c r="F44124" s="14" t="s">
        <v>25</v>
      </c>
      <c r="G44124" s="16">
        <v>2.3840305640474586</v>
      </c>
    </row>
    <row r="44125" spans="1:7" x14ac:dyDescent="0.3">
      <c r="A44125" s="13" t="s">
        <v>257</v>
      </c>
      <c r="B44125" s="14" t="s">
        <v>1</v>
      </c>
      <c r="C44125" s="14" t="s">
        <v>238</v>
      </c>
      <c r="D44125" s="14" t="s">
        <v>74</v>
      </c>
      <c r="E44125" s="15">
        <v>45701</v>
      </c>
      <c r="F44125" s="14" t="s">
        <v>25</v>
      </c>
      <c r="G44125" s="16">
        <v>2.3817526119827828</v>
      </c>
    </row>
    <row r="44126" spans="1:7" x14ac:dyDescent="0.3">
      <c r="A44126" s="13" t="s">
        <v>257</v>
      </c>
      <c r="B44126" s="14" t="s">
        <v>1</v>
      </c>
      <c r="C44126" s="14" t="s">
        <v>238</v>
      </c>
      <c r="D44126" s="14" t="s">
        <v>74</v>
      </c>
      <c r="E44126" s="15">
        <v>45702</v>
      </c>
      <c r="F44126" s="14" t="s">
        <v>25</v>
      </c>
      <c r="G44126" s="16">
        <v>2.3857182948295934</v>
      </c>
    </row>
    <row r="44127" spans="1:7" x14ac:dyDescent="0.3">
      <c r="A44127" s="13" t="s">
        <v>257</v>
      </c>
      <c r="B44127" s="14" t="s">
        <v>1</v>
      </c>
      <c r="C44127" s="14" t="s">
        <v>238</v>
      </c>
      <c r="D44127" s="14" t="s">
        <v>74</v>
      </c>
      <c r="E44127" s="15">
        <v>45703</v>
      </c>
      <c r="F44127" s="14" t="s">
        <v>25</v>
      </c>
      <c r="G44127" s="16">
        <v>2.3857182948295934</v>
      </c>
    </row>
    <row r="44128" spans="1:7" x14ac:dyDescent="0.3">
      <c r="A44128" s="13" t="s">
        <v>257</v>
      </c>
      <c r="B44128" s="14" t="s">
        <v>1</v>
      </c>
      <c r="C44128" s="14" t="s">
        <v>238</v>
      </c>
      <c r="D44128" s="14" t="s">
        <v>74</v>
      </c>
      <c r="E44128" s="15">
        <v>45704</v>
      </c>
      <c r="F44128" s="14" t="s">
        <v>25</v>
      </c>
      <c r="G44128" s="16">
        <v>2.3857182948295934</v>
      </c>
    </row>
    <row r="44129" spans="1:7" x14ac:dyDescent="0.3">
      <c r="A44129" s="13" t="s">
        <v>257</v>
      </c>
      <c r="B44129" s="14" t="s">
        <v>1</v>
      </c>
      <c r="C44129" s="14" t="s">
        <v>238</v>
      </c>
      <c r="D44129" s="14" t="s">
        <v>74</v>
      </c>
      <c r="E44129" s="15">
        <v>45705</v>
      </c>
      <c r="F44129" s="14" t="s">
        <v>25</v>
      </c>
      <c r="G44129" s="16">
        <v>2.3955119134769545</v>
      </c>
    </row>
    <row r="44130" spans="1:7" x14ac:dyDescent="0.3">
      <c r="A44130" s="13" t="s">
        <v>257</v>
      </c>
      <c r="B44130" s="14" t="s">
        <v>1</v>
      </c>
      <c r="C44130" s="14" t="s">
        <v>238</v>
      </c>
      <c r="D44130" s="14" t="s">
        <v>74</v>
      </c>
      <c r="E44130" s="15">
        <v>45706</v>
      </c>
      <c r="F44130" s="14" t="s">
        <v>25</v>
      </c>
      <c r="G44130" s="16">
        <v>2.4157730302656186</v>
      </c>
    </row>
    <row r="44131" spans="1:7" x14ac:dyDescent="0.3">
      <c r="A44131" s="13" t="s">
        <v>257</v>
      </c>
      <c r="B44131" s="14" t="s">
        <v>1</v>
      </c>
      <c r="C44131" s="14" t="s">
        <v>238</v>
      </c>
      <c r="D44131" s="14" t="s">
        <v>74</v>
      </c>
      <c r="E44131" s="15">
        <v>45707</v>
      </c>
      <c r="F44131" s="14" t="s">
        <v>25</v>
      </c>
      <c r="G44131" s="16">
        <v>2.4212421401673305</v>
      </c>
    </row>
    <row r="44132" spans="1:7" x14ac:dyDescent="0.3">
      <c r="A44132" s="13" t="s">
        <v>257</v>
      </c>
      <c r="B44132" s="14" t="s">
        <v>1</v>
      </c>
      <c r="C44132" s="14" t="s">
        <v>238</v>
      </c>
      <c r="D44132" s="14" t="s">
        <v>74</v>
      </c>
      <c r="E44132" s="15">
        <v>45708</v>
      </c>
      <c r="F44132" s="14" t="s">
        <v>25</v>
      </c>
      <c r="G44132" s="16">
        <v>2.4290110118851604</v>
      </c>
    </row>
    <row r="44133" spans="1:7" x14ac:dyDescent="0.3">
      <c r="A44133" s="13" t="s">
        <v>257</v>
      </c>
      <c r="B44133" s="14" t="s">
        <v>1</v>
      </c>
      <c r="C44133" s="14" t="s">
        <v>238</v>
      </c>
      <c r="D44133" s="14" t="s">
        <v>74</v>
      </c>
      <c r="E44133" s="15">
        <v>45709</v>
      </c>
      <c r="F44133" s="14" t="s">
        <v>25</v>
      </c>
      <c r="G44133" s="16">
        <v>2.4269568420541017</v>
      </c>
    </row>
    <row r="44134" spans="1:7" x14ac:dyDescent="0.3">
      <c r="A44134" s="13" t="s">
        <v>257</v>
      </c>
      <c r="B44134" s="14" t="s">
        <v>1</v>
      </c>
      <c r="C44134" s="14" t="s">
        <v>238</v>
      </c>
      <c r="D44134" s="14" t="s">
        <v>74</v>
      </c>
      <c r="E44134" s="15">
        <v>45710</v>
      </c>
      <c r="F44134" s="14" t="s">
        <v>25</v>
      </c>
      <c r="G44134" s="16">
        <v>2.4269568420541017</v>
      </c>
    </row>
    <row r="44135" spans="1:7" x14ac:dyDescent="0.3">
      <c r="A44135" s="13" t="s">
        <v>257</v>
      </c>
      <c r="B44135" s="14" t="s">
        <v>1</v>
      </c>
      <c r="C44135" s="14" t="s">
        <v>238</v>
      </c>
      <c r="D44135" s="14" t="s">
        <v>74</v>
      </c>
      <c r="E44135" s="15">
        <v>45711</v>
      </c>
      <c r="F44135" s="14" t="s">
        <v>25</v>
      </c>
      <c r="G44135" s="16">
        <v>2.4269568420541017</v>
      </c>
    </row>
    <row r="44136" spans="1:7" x14ac:dyDescent="0.3">
      <c r="A44136" s="13" t="s">
        <v>257</v>
      </c>
      <c r="B44136" s="14" t="s">
        <v>1</v>
      </c>
      <c r="C44136" s="14" t="s">
        <v>238</v>
      </c>
      <c r="D44136" s="14" t="s">
        <v>74</v>
      </c>
      <c r="E44136" s="15">
        <v>45712</v>
      </c>
      <c r="F44136" s="14" t="s">
        <v>25</v>
      </c>
      <c r="G44136" s="16">
        <v>2.4339545179266584</v>
      </c>
    </row>
    <row r="44137" spans="1:7" x14ac:dyDescent="0.3">
      <c r="A44137" s="13" t="s">
        <v>257</v>
      </c>
      <c r="B44137" s="14" t="s">
        <v>1</v>
      </c>
      <c r="C44137" s="14" t="s">
        <v>238</v>
      </c>
      <c r="D44137" s="14" t="s">
        <v>74</v>
      </c>
      <c r="E44137" s="15">
        <v>45713</v>
      </c>
      <c r="F44137" s="14" t="s">
        <v>25</v>
      </c>
      <c r="G44137" s="16">
        <v>2.4567577343994613</v>
      </c>
    </row>
    <row r="44138" spans="1:7" x14ac:dyDescent="0.3">
      <c r="A44138" s="13" t="s">
        <v>257</v>
      </c>
      <c r="B44138" s="14" t="s">
        <v>1</v>
      </c>
      <c r="C44138" s="14" t="s">
        <v>238</v>
      </c>
      <c r="D44138" s="14" t="s">
        <v>74</v>
      </c>
      <c r="E44138" s="15">
        <v>45714</v>
      </c>
      <c r="F44138" s="14" t="s">
        <v>25</v>
      </c>
      <c r="G44138" s="16">
        <v>2.4621615509189354</v>
      </c>
    </row>
    <row r="44139" spans="1:7" x14ac:dyDescent="0.3">
      <c r="A44139" s="13" t="s">
        <v>257</v>
      </c>
      <c r="B44139" s="14" t="s">
        <v>1</v>
      </c>
      <c r="C44139" s="14" t="s">
        <v>238</v>
      </c>
      <c r="D44139" s="14" t="s">
        <v>74</v>
      </c>
      <c r="E44139" s="15">
        <v>45715</v>
      </c>
      <c r="F44139" s="14" t="s">
        <v>25</v>
      </c>
      <c r="G44139" s="16">
        <v>2.4627970429020887</v>
      </c>
    </row>
    <row r="44140" spans="1:7" x14ac:dyDescent="0.3">
      <c r="A44140" s="13" t="s">
        <v>257</v>
      </c>
      <c r="B44140" s="14" t="s">
        <v>1</v>
      </c>
      <c r="C44140" s="14" t="s">
        <v>238</v>
      </c>
      <c r="D44140" s="14" t="s">
        <v>74</v>
      </c>
      <c r="E44140" s="15">
        <v>45716</v>
      </c>
      <c r="F44140" s="14" t="s">
        <v>25</v>
      </c>
      <c r="G44140" s="16">
        <v>2.4750195725291322</v>
      </c>
    </row>
    <row r="44141" spans="1:7" x14ac:dyDescent="0.3">
      <c r="A44141" s="13" t="s">
        <v>257</v>
      </c>
      <c r="B44141" s="14" t="s">
        <v>1</v>
      </c>
      <c r="C44141" s="14" t="s">
        <v>238</v>
      </c>
      <c r="D44141" s="14" t="s">
        <v>74</v>
      </c>
      <c r="E44141" s="15">
        <v>45717</v>
      </c>
      <c r="F44141" s="14" t="s">
        <v>25</v>
      </c>
      <c r="G44141" s="16">
        <v>2.4750195725291322</v>
      </c>
    </row>
    <row r="44142" spans="1:7" x14ac:dyDescent="0.3">
      <c r="A44142" s="13" t="s">
        <v>257</v>
      </c>
      <c r="B44142" s="14" t="s">
        <v>1</v>
      </c>
      <c r="C44142" s="14" t="s">
        <v>238</v>
      </c>
      <c r="D44142" s="14" t="s">
        <v>74</v>
      </c>
      <c r="E44142" s="15">
        <v>45718</v>
      </c>
      <c r="F44142" s="14" t="s">
        <v>25</v>
      </c>
      <c r="G44142" s="16">
        <v>2.4750195725291322</v>
      </c>
    </row>
    <row r="44143" spans="1:7" x14ac:dyDescent="0.3">
      <c r="A44143" s="13" t="s">
        <v>257</v>
      </c>
      <c r="B44143" s="14" t="s">
        <v>1</v>
      </c>
      <c r="C44143" s="14" t="s">
        <v>238</v>
      </c>
      <c r="D44143" s="14" t="s">
        <v>74</v>
      </c>
      <c r="E44143" s="15">
        <v>45719</v>
      </c>
      <c r="F44143" s="14" t="s">
        <v>25</v>
      </c>
      <c r="G44143" s="16">
        <v>2.4903868815717032</v>
      </c>
    </row>
    <row r="44144" spans="1:7" x14ac:dyDescent="0.3">
      <c r="A44144" s="13" t="s">
        <v>257</v>
      </c>
      <c r="B44144" s="14" t="s">
        <v>1</v>
      </c>
      <c r="C44144" s="14" t="s">
        <v>238</v>
      </c>
      <c r="D44144" s="14" t="s">
        <v>74</v>
      </c>
      <c r="E44144" s="15">
        <v>45720</v>
      </c>
      <c r="F44144" s="14" t="s">
        <v>25</v>
      </c>
      <c r="G44144" s="16">
        <v>2.5258516268000348</v>
      </c>
    </row>
    <row r="44145" spans="1:7" x14ac:dyDescent="0.3">
      <c r="A44145" s="13" t="s">
        <v>257</v>
      </c>
      <c r="B44145" s="14" t="s">
        <v>1</v>
      </c>
      <c r="C44145" s="14" t="s">
        <v>238</v>
      </c>
      <c r="D44145" s="14" t="s">
        <v>74</v>
      </c>
      <c r="E44145" s="15">
        <v>45721</v>
      </c>
      <c r="F44145" s="14" t="s">
        <v>25</v>
      </c>
      <c r="G44145" s="16">
        <v>2.5763073601029207</v>
      </c>
    </row>
    <row r="44146" spans="1:7" x14ac:dyDescent="0.3">
      <c r="A44146" s="13" t="s">
        <v>257</v>
      </c>
      <c r="B44146" s="14" t="s">
        <v>1</v>
      </c>
      <c r="C44146" s="14" t="s">
        <v>238</v>
      </c>
      <c r="D44146" s="14" t="s">
        <v>74</v>
      </c>
      <c r="E44146" s="15">
        <v>45722</v>
      </c>
      <c r="F44146" s="14" t="s">
        <v>25</v>
      </c>
      <c r="G44146" s="16">
        <v>2.5592685152859076</v>
      </c>
    </row>
    <row r="44147" spans="1:7" x14ac:dyDescent="0.3">
      <c r="A44147" s="13" t="s">
        <v>257</v>
      </c>
      <c r="B44147" s="14" t="s">
        <v>1</v>
      </c>
      <c r="C44147" s="14" t="s">
        <v>238</v>
      </c>
      <c r="D44147" s="14" t="s">
        <v>74</v>
      </c>
      <c r="E44147" s="15">
        <v>45723</v>
      </c>
      <c r="F44147" s="14" t="s">
        <v>25</v>
      </c>
      <c r="G44147" s="16">
        <v>2.573655131354907</v>
      </c>
    </row>
    <row r="44148" spans="1:7" x14ac:dyDescent="0.3">
      <c r="A44148" s="13" t="s">
        <v>257</v>
      </c>
      <c r="B44148" s="14" t="s">
        <v>1</v>
      </c>
      <c r="C44148" s="14" t="s">
        <v>238</v>
      </c>
      <c r="D44148" s="14" t="s">
        <v>74</v>
      </c>
      <c r="E44148" s="15">
        <v>45724</v>
      </c>
      <c r="F44148" s="14" t="s">
        <v>25</v>
      </c>
      <c r="G44148" s="16">
        <v>2.573655131354907</v>
      </c>
    </row>
    <row r="44149" spans="1:7" x14ac:dyDescent="0.3">
      <c r="A44149" s="13" t="s">
        <v>257</v>
      </c>
      <c r="B44149" s="14" t="s">
        <v>1</v>
      </c>
      <c r="C44149" s="14" t="s">
        <v>238</v>
      </c>
      <c r="D44149" s="14" t="s">
        <v>74</v>
      </c>
      <c r="E44149" s="15">
        <v>45725</v>
      </c>
      <c r="F44149" s="14" t="s">
        <v>25</v>
      </c>
      <c r="G44149" s="16">
        <v>2.573655131354907</v>
      </c>
    </row>
    <row r="44150" spans="1:7" x14ac:dyDescent="0.3">
      <c r="A44150" s="13" t="s">
        <v>257</v>
      </c>
      <c r="B44150" s="14" t="s">
        <v>1</v>
      </c>
      <c r="C44150" s="14" t="s">
        <v>238</v>
      </c>
      <c r="D44150" s="14" t="s">
        <v>74</v>
      </c>
      <c r="E44150" s="15">
        <v>45726</v>
      </c>
      <c r="F44150" s="14" t="s">
        <v>25</v>
      </c>
      <c r="G44150" s="16">
        <v>2.5849982562883058</v>
      </c>
    </row>
    <row r="44151" spans="1:7" x14ac:dyDescent="0.3">
      <c r="A44151" s="13" t="s">
        <v>257</v>
      </c>
      <c r="B44151" s="14" t="s">
        <v>1</v>
      </c>
      <c r="C44151" s="14" t="s">
        <v>238</v>
      </c>
      <c r="D44151" s="14" t="s">
        <v>74</v>
      </c>
      <c r="E44151" s="15">
        <v>45727</v>
      </c>
      <c r="F44151" s="14" t="s">
        <v>25</v>
      </c>
      <c r="G44151" s="16">
        <v>2.6333686096790099</v>
      </c>
    </row>
    <row r="44152" spans="1:7" x14ac:dyDescent="0.3">
      <c r="A44152" s="13" t="s">
        <v>257</v>
      </c>
      <c r="B44152" s="14" t="s">
        <v>1</v>
      </c>
      <c r="C44152" s="14" t="s">
        <v>238</v>
      </c>
      <c r="D44152" s="14" t="s">
        <v>74</v>
      </c>
      <c r="E44152" s="15">
        <v>45728</v>
      </c>
      <c r="F44152" s="14" t="s">
        <v>25</v>
      </c>
      <c r="G44152" s="16">
        <v>2.6311319305957759</v>
      </c>
    </row>
    <row r="44153" spans="1:7" x14ac:dyDescent="0.3">
      <c r="A44153" s="13" t="s">
        <v>257</v>
      </c>
      <c r="B44153" s="14" t="s">
        <v>1</v>
      </c>
      <c r="C44153" s="14" t="s">
        <v>238</v>
      </c>
      <c r="D44153" s="14" t="s">
        <v>74</v>
      </c>
      <c r="E44153" s="15">
        <v>45729</v>
      </c>
      <c r="F44153" s="14" t="s">
        <v>25</v>
      </c>
      <c r="G44153" s="16">
        <v>2.630430391650791</v>
      </c>
    </row>
    <row r="44154" spans="1:7" x14ac:dyDescent="0.3">
      <c r="A44154" s="13" t="s">
        <v>257</v>
      </c>
      <c r="B44154" s="14" t="s">
        <v>1</v>
      </c>
      <c r="C44154" s="14" t="s">
        <v>238</v>
      </c>
      <c r="D44154" s="14" t="s">
        <v>74</v>
      </c>
      <c r="E44154" s="15">
        <v>45730</v>
      </c>
      <c r="F44154" s="14" t="s">
        <v>25</v>
      </c>
      <c r="G44154" s="16">
        <v>2.6542224006760824</v>
      </c>
    </row>
    <row r="44155" spans="1:7" x14ac:dyDescent="0.3">
      <c r="A44155" s="13" t="s">
        <v>257</v>
      </c>
      <c r="B44155" s="14" t="s">
        <v>1</v>
      </c>
      <c r="C44155" s="14" t="s">
        <v>238</v>
      </c>
      <c r="D44155" s="14" t="s">
        <v>74</v>
      </c>
      <c r="E44155" s="15">
        <v>45731</v>
      </c>
      <c r="F44155" s="14" t="s">
        <v>25</v>
      </c>
      <c r="G44155" s="16">
        <v>2.6542224006760824</v>
      </c>
    </row>
    <row r="44156" spans="1:7" x14ac:dyDescent="0.3">
      <c r="A44156" s="13" t="s">
        <v>257</v>
      </c>
      <c r="B44156" s="14" t="s">
        <v>1</v>
      </c>
      <c r="C44156" s="14" t="s">
        <v>238</v>
      </c>
      <c r="D44156" s="14" t="s">
        <v>74</v>
      </c>
      <c r="E44156" s="15">
        <v>45732</v>
      </c>
      <c r="F44156" s="14" t="s">
        <v>25</v>
      </c>
      <c r="G44156" s="16">
        <v>2.6542224006760824</v>
      </c>
    </row>
    <row r="44157" spans="1:7" x14ac:dyDescent="0.3">
      <c r="A44157" s="13" t="s">
        <v>257</v>
      </c>
      <c r="B44157" s="14" t="s">
        <v>1</v>
      </c>
      <c r="C44157" s="14" t="s">
        <v>238</v>
      </c>
      <c r="D44157" s="14" t="s">
        <v>74</v>
      </c>
      <c r="E44157" s="15">
        <v>45733</v>
      </c>
      <c r="F44157" s="14" t="s">
        <v>25</v>
      </c>
      <c r="G44157" s="16">
        <v>2.6542224006760824</v>
      </c>
    </row>
    <row r="44158" spans="1:7" x14ac:dyDescent="0.3">
      <c r="A44158" s="13" t="s">
        <v>257</v>
      </c>
      <c r="B44158" s="14" t="s">
        <v>1</v>
      </c>
      <c r="C44158" s="14" t="s">
        <v>238</v>
      </c>
      <c r="D44158" s="14" t="s">
        <v>74</v>
      </c>
      <c r="E44158" s="15">
        <v>45734</v>
      </c>
      <c r="F44158" s="14" t="s">
        <v>25</v>
      </c>
      <c r="G44158" s="16">
        <v>2.651043825074971</v>
      </c>
    </row>
    <row r="44159" spans="1:7" x14ac:dyDescent="0.3">
      <c r="A44159" s="13" t="s">
        <v>257</v>
      </c>
      <c r="B44159" s="14" t="s">
        <v>1</v>
      </c>
      <c r="C44159" s="14" t="s">
        <v>238</v>
      </c>
      <c r="D44159" s="14" t="s">
        <v>74</v>
      </c>
      <c r="E44159" s="15">
        <v>45735</v>
      </c>
      <c r="F44159" s="14" t="s">
        <v>25</v>
      </c>
      <c r="G44159" s="16">
        <v>2.67073714428422</v>
      </c>
    </row>
    <row r="44160" spans="1:7" x14ac:dyDescent="0.3">
      <c r="A44160" s="13" t="s">
        <v>257</v>
      </c>
      <c r="B44160" s="14" t="s">
        <v>1</v>
      </c>
      <c r="C44160" s="14" t="s">
        <v>238</v>
      </c>
      <c r="D44160" s="14" t="s">
        <v>74</v>
      </c>
      <c r="E44160" s="15">
        <v>45736</v>
      </c>
      <c r="F44160" s="14" t="s">
        <v>25</v>
      </c>
      <c r="G44160" s="16">
        <v>2.678837113930137</v>
      </c>
    </row>
    <row r="44161" spans="1:7" x14ac:dyDescent="0.3">
      <c r="A44161" s="13" t="s">
        <v>257</v>
      </c>
      <c r="B44161" s="14" t="s">
        <v>1</v>
      </c>
      <c r="C44161" s="14" t="s">
        <v>238</v>
      </c>
      <c r="D44161" s="14" t="s">
        <v>74</v>
      </c>
      <c r="E44161" s="15">
        <v>45737</v>
      </c>
      <c r="F44161" s="14" t="s">
        <v>25</v>
      </c>
      <c r="G44161" s="16">
        <v>2.6827844147928013</v>
      </c>
    </row>
    <row r="44162" spans="1:7" x14ac:dyDescent="0.3">
      <c r="A44162" s="13" t="s">
        <v>257</v>
      </c>
      <c r="B44162" s="14" t="s">
        <v>1</v>
      </c>
      <c r="C44162" s="14" t="s">
        <v>238</v>
      </c>
      <c r="D44162" s="14" t="s">
        <v>74</v>
      </c>
      <c r="E44162" s="15">
        <v>45738</v>
      </c>
      <c r="F44162" s="14" t="s">
        <v>25</v>
      </c>
      <c r="G44162" s="16">
        <v>2.6827844147928013</v>
      </c>
    </row>
    <row r="44163" spans="1:7" x14ac:dyDescent="0.3">
      <c r="A44163" s="13" t="s">
        <v>257</v>
      </c>
      <c r="B44163" s="14" t="s">
        <v>1</v>
      </c>
      <c r="C44163" s="14" t="s">
        <v>238</v>
      </c>
      <c r="D44163" s="14" t="s">
        <v>74</v>
      </c>
      <c r="E44163" s="15">
        <v>45739</v>
      </c>
      <c r="F44163" s="14" t="s">
        <v>25</v>
      </c>
      <c r="G44163" s="16">
        <v>2.6827844147928013</v>
      </c>
    </row>
    <row r="44164" spans="1:7" x14ac:dyDescent="0.3">
      <c r="A44164" s="13" t="s">
        <v>257</v>
      </c>
      <c r="B44164" s="14" t="s">
        <v>1</v>
      </c>
      <c r="C44164" s="14" t="s">
        <v>238</v>
      </c>
      <c r="D44164" s="14" t="s">
        <v>74</v>
      </c>
      <c r="E44164" s="15">
        <v>45740</v>
      </c>
      <c r="F44164" s="14" t="s">
        <v>25</v>
      </c>
      <c r="G44164" s="16">
        <v>2.6861084916668645</v>
      </c>
    </row>
    <row r="44165" spans="1:7" x14ac:dyDescent="0.3">
      <c r="A44165" s="13" t="s">
        <v>257</v>
      </c>
      <c r="B44165" s="14" t="s">
        <v>1</v>
      </c>
      <c r="C44165" s="14" t="s">
        <v>238</v>
      </c>
      <c r="D44165" s="14" t="s">
        <v>74</v>
      </c>
      <c r="E44165" s="15">
        <v>45741</v>
      </c>
      <c r="F44165" s="14" t="s">
        <v>25</v>
      </c>
      <c r="G44165" s="16">
        <v>2.705373776818746</v>
      </c>
    </row>
    <row r="44166" spans="1:7" x14ac:dyDescent="0.3">
      <c r="A44166" s="13" t="s">
        <v>257</v>
      </c>
      <c r="B44166" s="14" t="s">
        <v>1</v>
      </c>
      <c r="C44166" s="14" t="s">
        <v>238</v>
      </c>
      <c r="D44166" s="14" t="s">
        <v>74</v>
      </c>
      <c r="E44166" s="15">
        <v>45742</v>
      </c>
      <c r="F44166" s="14" t="s">
        <v>25</v>
      </c>
      <c r="G44166" s="16">
        <v>2.7085875014936152</v>
      </c>
    </row>
    <row r="44167" spans="1:7" x14ac:dyDescent="0.3">
      <c r="A44167" s="13" t="s">
        <v>257</v>
      </c>
      <c r="B44167" s="14" t="s">
        <v>1</v>
      </c>
      <c r="C44167" s="14" t="s">
        <v>238</v>
      </c>
      <c r="D44167" s="14" t="s">
        <v>74</v>
      </c>
      <c r="E44167" s="15">
        <v>45743</v>
      </c>
      <c r="F44167" s="14" t="s">
        <v>25</v>
      </c>
      <c r="G44167" s="16">
        <v>2.721847462955878</v>
      </c>
    </row>
    <row r="44168" spans="1:7" x14ac:dyDescent="0.3">
      <c r="A44168" s="13" t="s">
        <v>257</v>
      </c>
      <c r="B44168" s="14" t="s">
        <v>1</v>
      </c>
      <c r="C44168" s="14" t="s">
        <v>238</v>
      </c>
      <c r="D44168" s="14" t="s">
        <v>74</v>
      </c>
      <c r="E44168" s="15">
        <v>45744</v>
      </c>
      <c r="F44168" s="14" t="s">
        <v>25</v>
      </c>
      <c r="G44168" s="16">
        <v>2.7328447096194752</v>
      </c>
    </row>
    <row r="44169" spans="1:7" x14ac:dyDescent="0.3">
      <c r="A44169" s="13" t="s">
        <v>257</v>
      </c>
      <c r="B44169" s="14" t="s">
        <v>1</v>
      </c>
      <c r="C44169" s="14" t="s">
        <v>238</v>
      </c>
      <c r="D44169" s="14" t="s">
        <v>74</v>
      </c>
      <c r="E44169" s="15">
        <v>45745</v>
      </c>
      <c r="F44169" s="14" t="s">
        <v>25</v>
      </c>
      <c r="G44169" s="16">
        <v>2.7328447096194752</v>
      </c>
    </row>
    <row r="44170" spans="1:7" x14ac:dyDescent="0.3">
      <c r="A44170" s="13" t="s">
        <v>257</v>
      </c>
      <c r="B44170" s="14" t="s">
        <v>1</v>
      </c>
      <c r="C44170" s="14" t="s">
        <v>238</v>
      </c>
      <c r="D44170" s="14" t="s">
        <v>74</v>
      </c>
      <c r="E44170" s="15">
        <v>45746</v>
      </c>
      <c r="F44170" s="14" t="s">
        <v>25</v>
      </c>
      <c r="G44170" s="16">
        <v>2.7328447096194752</v>
      </c>
    </row>
    <row r="44171" spans="1:7" x14ac:dyDescent="0.3">
      <c r="A44171" s="13" t="s">
        <v>257</v>
      </c>
      <c r="B44171" s="14" t="s">
        <v>1</v>
      </c>
      <c r="C44171" s="14" t="s">
        <v>238</v>
      </c>
      <c r="D44171" s="14" t="s">
        <v>74</v>
      </c>
      <c r="E44171" s="15">
        <v>45747</v>
      </c>
      <c r="F44171" s="14" t="s">
        <v>25</v>
      </c>
      <c r="G44171" s="16">
        <v>2.7496137296517653</v>
      </c>
    </row>
    <row r="44172" spans="1:7" x14ac:dyDescent="0.3">
      <c r="A44172" s="13" t="s">
        <v>258</v>
      </c>
      <c r="B44172" s="14" t="s">
        <v>1</v>
      </c>
      <c r="C44172" s="14" t="s">
        <v>191</v>
      </c>
      <c r="D44172" s="14" t="s">
        <v>31</v>
      </c>
      <c r="E44172" s="15">
        <v>45383</v>
      </c>
      <c r="F44172" s="14" t="s">
        <v>15</v>
      </c>
      <c r="G44172" s="16">
        <v>0</v>
      </c>
    </row>
    <row r="44173" spans="1:7" x14ac:dyDescent="0.3">
      <c r="A44173" s="13" t="s">
        <v>258</v>
      </c>
      <c r="B44173" s="14" t="s">
        <v>1</v>
      </c>
      <c r="C44173" s="14" t="s">
        <v>191</v>
      </c>
      <c r="D44173" s="14" t="s">
        <v>31</v>
      </c>
      <c r="E44173" s="15">
        <v>45384</v>
      </c>
      <c r="F44173" s="14" t="s">
        <v>15</v>
      </c>
      <c r="G44173" s="16">
        <v>0</v>
      </c>
    </row>
    <row r="44174" spans="1:7" x14ac:dyDescent="0.3">
      <c r="A44174" s="13" t="s">
        <v>258</v>
      </c>
      <c r="B44174" s="14" t="s">
        <v>1</v>
      </c>
      <c r="C44174" s="14" t="s">
        <v>191</v>
      </c>
      <c r="D44174" s="14" t="s">
        <v>31</v>
      </c>
      <c r="E44174" s="15">
        <v>45385</v>
      </c>
      <c r="F44174" s="14" t="s">
        <v>15</v>
      </c>
      <c r="G44174" s="16">
        <v>0</v>
      </c>
    </row>
    <row r="44175" spans="1:7" x14ac:dyDescent="0.3">
      <c r="A44175" s="13" t="s">
        <v>258</v>
      </c>
      <c r="B44175" s="14" t="s">
        <v>1</v>
      </c>
      <c r="C44175" s="14" t="s">
        <v>191</v>
      </c>
      <c r="D44175" s="14" t="s">
        <v>31</v>
      </c>
      <c r="E44175" s="15">
        <v>45386</v>
      </c>
      <c r="F44175" s="14" t="s">
        <v>15</v>
      </c>
      <c r="G44175" s="16">
        <v>0</v>
      </c>
    </row>
    <row r="44176" spans="1:7" x14ac:dyDescent="0.3">
      <c r="A44176" s="13" t="s">
        <v>258</v>
      </c>
      <c r="B44176" s="14" t="s">
        <v>1</v>
      </c>
      <c r="C44176" s="14" t="s">
        <v>191</v>
      </c>
      <c r="D44176" s="14" t="s">
        <v>31</v>
      </c>
      <c r="E44176" s="15">
        <v>45387</v>
      </c>
      <c r="F44176" s="14" t="s">
        <v>15</v>
      </c>
      <c r="G44176" s="16">
        <v>0</v>
      </c>
    </row>
    <row r="44177" spans="1:7" x14ac:dyDescent="0.3">
      <c r="A44177" s="13" t="s">
        <v>258</v>
      </c>
      <c r="B44177" s="14" t="s">
        <v>1</v>
      </c>
      <c r="C44177" s="14" t="s">
        <v>191</v>
      </c>
      <c r="D44177" s="14" t="s">
        <v>31</v>
      </c>
      <c r="E44177" s="15">
        <v>45388</v>
      </c>
      <c r="F44177" s="14" t="s">
        <v>15</v>
      </c>
      <c r="G44177" s="16">
        <v>0</v>
      </c>
    </row>
    <row r="44178" spans="1:7" x14ac:dyDescent="0.3">
      <c r="A44178" s="13" t="s">
        <v>258</v>
      </c>
      <c r="B44178" s="14" t="s">
        <v>1</v>
      </c>
      <c r="C44178" s="14" t="s">
        <v>191</v>
      </c>
      <c r="D44178" s="14" t="s">
        <v>31</v>
      </c>
      <c r="E44178" s="15">
        <v>45389</v>
      </c>
      <c r="F44178" s="14" t="s">
        <v>15</v>
      </c>
      <c r="G44178" s="16">
        <v>0</v>
      </c>
    </row>
    <row r="44179" spans="1:7" x14ac:dyDescent="0.3">
      <c r="A44179" s="13" t="s">
        <v>258</v>
      </c>
      <c r="B44179" s="14" t="s">
        <v>1</v>
      </c>
      <c r="C44179" s="14" t="s">
        <v>191</v>
      </c>
      <c r="D44179" s="14" t="s">
        <v>31</v>
      </c>
      <c r="E44179" s="15">
        <v>45390</v>
      </c>
      <c r="F44179" s="14" t="s">
        <v>15</v>
      </c>
      <c r="G44179" s="16">
        <v>0</v>
      </c>
    </row>
    <row r="44180" spans="1:7" x14ac:dyDescent="0.3">
      <c r="A44180" s="13" t="s">
        <v>258</v>
      </c>
      <c r="B44180" s="14" t="s">
        <v>1</v>
      </c>
      <c r="C44180" s="14" t="s">
        <v>191</v>
      </c>
      <c r="D44180" s="14" t="s">
        <v>31</v>
      </c>
      <c r="E44180" s="15">
        <v>45391</v>
      </c>
      <c r="F44180" s="14" t="s">
        <v>15</v>
      </c>
      <c r="G44180" s="16">
        <v>0</v>
      </c>
    </row>
    <row r="44181" spans="1:7" x14ac:dyDescent="0.3">
      <c r="A44181" s="13" t="s">
        <v>258</v>
      </c>
      <c r="B44181" s="14" t="s">
        <v>1</v>
      </c>
      <c r="C44181" s="14" t="s">
        <v>191</v>
      </c>
      <c r="D44181" s="14" t="s">
        <v>31</v>
      </c>
      <c r="E44181" s="15">
        <v>45392</v>
      </c>
      <c r="F44181" s="14" t="s">
        <v>15</v>
      </c>
      <c r="G44181" s="16">
        <v>0</v>
      </c>
    </row>
    <row r="44182" spans="1:7" x14ac:dyDescent="0.3">
      <c r="A44182" s="13" t="s">
        <v>258</v>
      </c>
      <c r="B44182" s="14" t="s">
        <v>1</v>
      </c>
      <c r="C44182" s="14" t="s">
        <v>191</v>
      </c>
      <c r="D44182" s="14" t="s">
        <v>31</v>
      </c>
      <c r="E44182" s="15">
        <v>45393</v>
      </c>
      <c r="F44182" s="14" t="s">
        <v>15</v>
      </c>
      <c r="G44182" s="16">
        <v>0</v>
      </c>
    </row>
    <row r="44183" spans="1:7" x14ac:dyDescent="0.3">
      <c r="A44183" s="13" t="s">
        <v>258</v>
      </c>
      <c r="B44183" s="14" t="s">
        <v>1</v>
      </c>
      <c r="C44183" s="14" t="s">
        <v>191</v>
      </c>
      <c r="D44183" s="14" t="s">
        <v>31</v>
      </c>
      <c r="E44183" s="15">
        <v>45394</v>
      </c>
      <c r="F44183" s="14" t="s">
        <v>15</v>
      </c>
      <c r="G44183" s="16">
        <v>0</v>
      </c>
    </row>
    <row r="44184" spans="1:7" x14ac:dyDescent="0.3">
      <c r="A44184" s="13" t="s">
        <v>258</v>
      </c>
      <c r="B44184" s="14" t="s">
        <v>1</v>
      </c>
      <c r="C44184" s="14" t="s">
        <v>191</v>
      </c>
      <c r="D44184" s="14" t="s">
        <v>31</v>
      </c>
      <c r="E44184" s="15">
        <v>45395</v>
      </c>
      <c r="F44184" s="14" t="s">
        <v>15</v>
      </c>
      <c r="G44184" s="16">
        <v>0</v>
      </c>
    </row>
    <row r="44185" spans="1:7" x14ac:dyDescent="0.3">
      <c r="A44185" s="13" t="s">
        <v>258</v>
      </c>
      <c r="B44185" s="14" t="s">
        <v>1</v>
      </c>
      <c r="C44185" s="14" t="s">
        <v>191</v>
      </c>
      <c r="D44185" s="14" t="s">
        <v>31</v>
      </c>
      <c r="E44185" s="15">
        <v>45396</v>
      </c>
      <c r="F44185" s="14" t="s">
        <v>15</v>
      </c>
      <c r="G44185" s="16">
        <v>0</v>
      </c>
    </row>
    <row r="44186" spans="1:7" x14ac:dyDescent="0.3">
      <c r="A44186" s="13" t="s">
        <v>258</v>
      </c>
      <c r="B44186" s="14" t="s">
        <v>1</v>
      </c>
      <c r="C44186" s="14" t="s">
        <v>191</v>
      </c>
      <c r="D44186" s="14" t="s">
        <v>31</v>
      </c>
      <c r="E44186" s="15">
        <v>45397</v>
      </c>
      <c r="F44186" s="14" t="s">
        <v>15</v>
      </c>
      <c r="G44186" s="16">
        <v>0</v>
      </c>
    </row>
    <row r="44187" spans="1:7" x14ac:dyDescent="0.3">
      <c r="A44187" s="13" t="s">
        <v>258</v>
      </c>
      <c r="B44187" s="14" t="s">
        <v>1</v>
      </c>
      <c r="C44187" s="14" t="s">
        <v>191</v>
      </c>
      <c r="D44187" s="14" t="s">
        <v>31</v>
      </c>
      <c r="E44187" s="15">
        <v>45398</v>
      </c>
      <c r="F44187" s="14" t="s">
        <v>15</v>
      </c>
      <c r="G44187" s="16">
        <v>0</v>
      </c>
    </row>
    <row r="44188" spans="1:7" x14ac:dyDescent="0.3">
      <c r="A44188" s="13" t="s">
        <v>258</v>
      </c>
      <c r="B44188" s="14" t="s">
        <v>1</v>
      </c>
      <c r="C44188" s="14" t="s">
        <v>191</v>
      </c>
      <c r="D44188" s="14" t="s">
        <v>31</v>
      </c>
      <c r="E44188" s="15">
        <v>45399</v>
      </c>
      <c r="F44188" s="14" t="s">
        <v>15</v>
      </c>
      <c r="G44188" s="16">
        <v>0</v>
      </c>
    </row>
    <row r="44189" spans="1:7" x14ac:dyDescent="0.3">
      <c r="A44189" s="13" t="s">
        <v>258</v>
      </c>
      <c r="B44189" s="14" t="s">
        <v>1</v>
      </c>
      <c r="C44189" s="14" t="s">
        <v>191</v>
      </c>
      <c r="D44189" s="14" t="s">
        <v>31</v>
      </c>
      <c r="E44189" s="15">
        <v>45400</v>
      </c>
      <c r="F44189" s="14" t="s">
        <v>15</v>
      </c>
      <c r="G44189" s="16">
        <v>0</v>
      </c>
    </row>
    <row r="44190" spans="1:7" x14ac:dyDescent="0.3">
      <c r="A44190" s="13" t="s">
        <v>258</v>
      </c>
      <c r="B44190" s="14" t="s">
        <v>1</v>
      </c>
      <c r="C44190" s="14" t="s">
        <v>191</v>
      </c>
      <c r="D44190" s="14" t="s">
        <v>31</v>
      </c>
      <c r="E44190" s="15">
        <v>45401</v>
      </c>
      <c r="F44190" s="14" t="s">
        <v>15</v>
      </c>
      <c r="G44190" s="16">
        <v>0</v>
      </c>
    </row>
    <row r="44191" spans="1:7" x14ac:dyDescent="0.3">
      <c r="A44191" s="13" t="s">
        <v>258</v>
      </c>
      <c r="B44191" s="14" t="s">
        <v>1</v>
      </c>
      <c r="C44191" s="14" t="s">
        <v>191</v>
      </c>
      <c r="D44191" s="14" t="s">
        <v>31</v>
      </c>
      <c r="E44191" s="15">
        <v>45402</v>
      </c>
      <c r="F44191" s="14" t="s">
        <v>15</v>
      </c>
      <c r="G44191" s="16">
        <v>0</v>
      </c>
    </row>
    <row r="44192" spans="1:7" x14ac:dyDescent="0.3">
      <c r="A44192" s="13" t="s">
        <v>258</v>
      </c>
      <c r="B44192" s="14" t="s">
        <v>1</v>
      </c>
      <c r="C44192" s="14" t="s">
        <v>191</v>
      </c>
      <c r="D44192" s="14" t="s">
        <v>31</v>
      </c>
      <c r="E44192" s="15">
        <v>45403</v>
      </c>
      <c r="F44192" s="14" t="s">
        <v>15</v>
      </c>
      <c r="G44192" s="16">
        <v>0</v>
      </c>
    </row>
    <row r="44193" spans="1:7" x14ac:dyDescent="0.3">
      <c r="A44193" s="13" t="s">
        <v>258</v>
      </c>
      <c r="B44193" s="14" t="s">
        <v>1</v>
      </c>
      <c r="C44193" s="14" t="s">
        <v>191</v>
      </c>
      <c r="D44193" s="14" t="s">
        <v>31</v>
      </c>
      <c r="E44193" s="15">
        <v>45404</v>
      </c>
      <c r="F44193" s="14" t="s">
        <v>15</v>
      </c>
      <c r="G44193" s="16">
        <v>0</v>
      </c>
    </row>
    <row r="44194" spans="1:7" x14ac:dyDescent="0.3">
      <c r="A44194" s="13" t="s">
        <v>258</v>
      </c>
      <c r="B44194" s="14" t="s">
        <v>1</v>
      </c>
      <c r="C44194" s="14" t="s">
        <v>191</v>
      </c>
      <c r="D44194" s="14" t="s">
        <v>31</v>
      </c>
      <c r="E44194" s="15">
        <v>45405</v>
      </c>
      <c r="F44194" s="14" t="s">
        <v>15</v>
      </c>
      <c r="G44194" s="16">
        <v>0</v>
      </c>
    </row>
    <row r="44195" spans="1:7" x14ac:dyDescent="0.3">
      <c r="A44195" s="13" t="s">
        <v>258</v>
      </c>
      <c r="B44195" s="14" t="s">
        <v>1</v>
      </c>
      <c r="C44195" s="14" t="s">
        <v>191</v>
      </c>
      <c r="D44195" s="14" t="s">
        <v>31</v>
      </c>
      <c r="E44195" s="15">
        <v>45406</v>
      </c>
      <c r="F44195" s="14" t="s">
        <v>15</v>
      </c>
      <c r="G44195" s="16">
        <v>0</v>
      </c>
    </row>
    <row r="44196" spans="1:7" x14ac:dyDescent="0.3">
      <c r="A44196" s="13" t="s">
        <v>258</v>
      </c>
      <c r="B44196" s="14" t="s">
        <v>1</v>
      </c>
      <c r="C44196" s="14" t="s">
        <v>191</v>
      </c>
      <c r="D44196" s="14" t="s">
        <v>31</v>
      </c>
      <c r="E44196" s="15">
        <v>45407</v>
      </c>
      <c r="F44196" s="14" t="s">
        <v>15</v>
      </c>
      <c r="G44196" s="16">
        <v>0</v>
      </c>
    </row>
    <row r="44197" spans="1:7" x14ac:dyDescent="0.3">
      <c r="A44197" s="13" t="s">
        <v>258</v>
      </c>
      <c r="B44197" s="14" t="s">
        <v>1</v>
      </c>
      <c r="C44197" s="14" t="s">
        <v>191</v>
      </c>
      <c r="D44197" s="14" t="s">
        <v>31</v>
      </c>
      <c r="E44197" s="15">
        <v>45408</v>
      </c>
      <c r="F44197" s="14" t="s">
        <v>15</v>
      </c>
      <c r="G44197" s="16">
        <v>0</v>
      </c>
    </row>
    <row r="44198" spans="1:7" x14ac:dyDescent="0.3">
      <c r="A44198" s="13" t="s">
        <v>258</v>
      </c>
      <c r="B44198" s="14" t="s">
        <v>1</v>
      </c>
      <c r="C44198" s="14" t="s">
        <v>191</v>
      </c>
      <c r="D44198" s="14" t="s">
        <v>31</v>
      </c>
      <c r="E44198" s="15">
        <v>45409</v>
      </c>
      <c r="F44198" s="14" t="s">
        <v>15</v>
      </c>
      <c r="G44198" s="16">
        <v>0</v>
      </c>
    </row>
    <row r="44199" spans="1:7" x14ac:dyDescent="0.3">
      <c r="A44199" s="13" t="s">
        <v>258</v>
      </c>
      <c r="B44199" s="14" t="s">
        <v>1</v>
      </c>
      <c r="C44199" s="14" t="s">
        <v>191</v>
      </c>
      <c r="D44199" s="14" t="s">
        <v>31</v>
      </c>
      <c r="E44199" s="15">
        <v>45410</v>
      </c>
      <c r="F44199" s="14" t="s">
        <v>15</v>
      </c>
      <c r="G44199" s="16">
        <v>0</v>
      </c>
    </row>
    <row r="44200" spans="1:7" x14ac:dyDescent="0.3">
      <c r="A44200" s="13" t="s">
        <v>258</v>
      </c>
      <c r="B44200" s="14" t="s">
        <v>1</v>
      </c>
      <c r="C44200" s="14" t="s">
        <v>191</v>
      </c>
      <c r="D44200" s="14" t="s">
        <v>31</v>
      </c>
      <c r="E44200" s="15">
        <v>45411</v>
      </c>
      <c r="F44200" s="14" t="s">
        <v>15</v>
      </c>
      <c r="G44200" s="16">
        <v>0</v>
      </c>
    </row>
    <row r="44201" spans="1:7" x14ac:dyDescent="0.3">
      <c r="A44201" s="13" t="s">
        <v>258</v>
      </c>
      <c r="B44201" s="14" t="s">
        <v>1</v>
      </c>
      <c r="C44201" s="14" t="s">
        <v>191</v>
      </c>
      <c r="D44201" s="14" t="s">
        <v>31</v>
      </c>
      <c r="E44201" s="15">
        <v>45412</v>
      </c>
      <c r="F44201" s="14" t="s">
        <v>15</v>
      </c>
      <c r="G44201" s="16">
        <v>0</v>
      </c>
    </row>
    <row r="44202" spans="1:7" x14ac:dyDescent="0.3">
      <c r="A44202" s="13" t="s">
        <v>258</v>
      </c>
      <c r="B44202" s="14" t="s">
        <v>1</v>
      </c>
      <c r="C44202" s="14" t="s">
        <v>191</v>
      </c>
      <c r="D44202" s="14" t="s">
        <v>31</v>
      </c>
      <c r="E44202" s="15">
        <v>45413</v>
      </c>
      <c r="F44202" s="14" t="s">
        <v>15</v>
      </c>
      <c r="G44202" s="16">
        <v>0</v>
      </c>
    </row>
    <row r="44203" spans="1:7" x14ac:dyDescent="0.3">
      <c r="A44203" s="13" t="s">
        <v>258</v>
      </c>
      <c r="B44203" s="14" t="s">
        <v>1</v>
      </c>
      <c r="C44203" s="14" t="s">
        <v>191</v>
      </c>
      <c r="D44203" s="14" t="s">
        <v>31</v>
      </c>
      <c r="E44203" s="15">
        <v>45414</v>
      </c>
      <c r="F44203" s="14" t="s">
        <v>15</v>
      </c>
      <c r="G44203" s="16">
        <v>0</v>
      </c>
    </row>
    <row r="44204" spans="1:7" x14ac:dyDescent="0.3">
      <c r="A44204" s="13" t="s">
        <v>258</v>
      </c>
      <c r="B44204" s="14" t="s">
        <v>1</v>
      </c>
      <c r="C44204" s="14" t="s">
        <v>191</v>
      </c>
      <c r="D44204" s="14" t="s">
        <v>31</v>
      </c>
      <c r="E44204" s="15">
        <v>45415</v>
      </c>
      <c r="F44204" s="14" t="s">
        <v>15</v>
      </c>
      <c r="G44204" s="16">
        <v>0</v>
      </c>
    </row>
    <row r="44205" spans="1:7" x14ac:dyDescent="0.3">
      <c r="A44205" s="13" t="s">
        <v>258</v>
      </c>
      <c r="B44205" s="14" t="s">
        <v>1</v>
      </c>
      <c r="C44205" s="14" t="s">
        <v>191</v>
      </c>
      <c r="D44205" s="14" t="s">
        <v>31</v>
      </c>
      <c r="E44205" s="15">
        <v>45416</v>
      </c>
      <c r="F44205" s="14" t="s">
        <v>15</v>
      </c>
      <c r="G44205" s="16">
        <v>0</v>
      </c>
    </row>
    <row r="44206" spans="1:7" x14ac:dyDescent="0.3">
      <c r="A44206" s="13" t="s">
        <v>258</v>
      </c>
      <c r="B44206" s="14" t="s">
        <v>1</v>
      </c>
      <c r="C44206" s="14" t="s">
        <v>191</v>
      </c>
      <c r="D44206" s="14" t="s">
        <v>31</v>
      </c>
      <c r="E44206" s="15">
        <v>45417</v>
      </c>
      <c r="F44206" s="14" t="s">
        <v>15</v>
      </c>
      <c r="G44206" s="16">
        <v>0</v>
      </c>
    </row>
    <row r="44207" spans="1:7" x14ac:dyDescent="0.3">
      <c r="A44207" s="13" t="s">
        <v>258</v>
      </c>
      <c r="B44207" s="14" t="s">
        <v>1</v>
      </c>
      <c r="C44207" s="14" t="s">
        <v>191</v>
      </c>
      <c r="D44207" s="14" t="s">
        <v>31</v>
      </c>
      <c r="E44207" s="15">
        <v>45418</v>
      </c>
      <c r="F44207" s="14" t="s">
        <v>15</v>
      </c>
      <c r="G44207" s="16">
        <v>0</v>
      </c>
    </row>
    <row r="44208" spans="1:7" x14ac:dyDescent="0.3">
      <c r="A44208" s="13" t="s">
        <v>258</v>
      </c>
      <c r="B44208" s="14" t="s">
        <v>1</v>
      </c>
      <c r="C44208" s="14" t="s">
        <v>191</v>
      </c>
      <c r="D44208" s="14" t="s">
        <v>31</v>
      </c>
      <c r="E44208" s="15">
        <v>45419</v>
      </c>
      <c r="F44208" s="14" t="s">
        <v>15</v>
      </c>
      <c r="G44208" s="16">
        <v>3.6327832723462004E-3</v>
      </c>
    </row>
    <row r="44209" spans="1:7" x14ac:dyDescent="0.3">
      <c r="A44209" s="13" t="s">
        <v>258</v>
      </c>
      <c r="B44209" s="14" t="s">
        <v>1</v>
      </c>
      <c r="C44209" s="14" t="s">
        <v>191</v>
      </c>
      <c r="D44209" s="14" t="s">
        <v>31</v>
      </c>
      <c r="E44209" s="15">
        <v>45420</v>
      </c>
      <c r="F44209" s="14" t="s">
        <v>15</v>
      </c>
      <c r="G44209" s="16">
        <v>3.7119593413292337E-2</v>
      </c>
    </row>
    <row r="44210" spans="1:7" x14ac:dyDescent="0.3">
      <c r="A44210" s="13" t="s">
        <v>258</v>
      </c>
      <c r="B44210" s="14" t="s">
        <v>1</v>
      </c>
      <c r="C44210" s="14" t="s">
        <v>191</v>
      </c>
      <c r="D44210" s="14" t="s">
        <v>31</v>
      </c>
      <c r="E44210" s="15">
        <v>45421</v>
      </c>
      <c r="F44210" s="14" t="s">
        <v>15</v>
      </c>
      <c r="G44210" s="16">
        <v>3.5096258513021075E-2</v>
      </c>
    </row>
    <row r="44211" spans="1:7" x14ac:dyDescent="0.3">
      <c r="A44211" s="13" t="s">
        <v>258</v>
      </c>
      <c r="B44211" s="14" t="s">
        <v>1</v>
      </c>
      <c r="C44211" s="14" t="s">
        <v>191</v>
      </c>
      <c r="D44211" s="14" t="s">
        <v>31</v>
      </c>
      <c r="E44211" s="15">
        <v>45422</v>
      </c>
      <c r="F44211" s="14" t="s">
        <v>15</v>
      </c>
      <c r="G44211" s="16">
        <v>3.3084854725549062E-2</v>
      </c>
    </row>
    <row r="44212" spans="1:7" x14ac:dyDescent="0.3">
      <c r="A44212" s="13" t="s">
        <v>258</v>
      </c>
      <c r="B44212" s="14" t="s">
        <v>1</v>
      </c>
      <c r="C44212" s="14" t="s">
        <v>191</v>
      </c>
      <c r="D44212" s="14" t="s">
        <v>31</v>
      </c>
      <c r="E44212" s="15">
        <v>45423</v>
      </c>
      <c r="F44212" s="14" t="s">
        <v>15</v>
      </c>
      <c r="G44212" s="16">
        <v>3.3084854725549062E-2</v>
      </c>
    </row>
    <row r="44213" spans="1:7" x14ac:dyDescent="0.3">
      <c r="A44213" s="13" t="s">
        <v>258</v>
      </c>
      <c r="B44213" s="14" t="s">
        <v>1</v>
      </c>
      <c r="C44213" s="14" t="s">
        <v>191</v>
      </c>
      <c r="D44213" s="14" t="s">
        <v>31</v>
      </c>
      <c r="E44213" s="15">
        <v>45424</v>
      </c>
      <c r="F44213" s="14" t="s">
        <v>15</v>
      </c>
      <c r="G44213" s="16">
        <v>3.3084854725549062E-2</v>
      </c>
    </row>
    <row r="44214" spans="1:7" x14ac:dyDescent="0.3">
      <c r="A44214" s="13" t="s">
        <v>258</v>
      </c>
      <c r="B44214" s="14" t="s">
        <v>1</v>
      </c>
      <c r="C44214" s="14" t="s">
        <v>191</v>
      </c>
      <c r="D44214" s="14" t="s">
        <v>31</v>
      </c>
      <c r="E44214" s="15">
        <v>45425</v>
      </c>
      <c r="F44214" s="14" t="s">
        <v>15</v>
      </c>
      <c r="G44214" s="16">
        <v>3.1081231514813661E-2</v>
      </c>
    </row>
    <row r="44215" spans="1:7" x14ac:dyDescent="0.3">
      <c r="A44215" s="13" t="s">
        <v>258</v>
      </c>
      <c r="B44215" s="14" t="s">
        <v>1</v>
      </c>
      <c r="C44215" s="14" t="s">
        <v>191</v>
      </c>
      <c r="D44215" s="14" t="s">
        <v>31</v>
      </c>
      <c r="E44215" s="15">
        <v>45426</v>
      </c>
      <c r="F44215" s="14" t="s">
        <v>15</v>
      </c>
      <c r="G44215" s="16">
        <v>2.5028653007372972E-2</v>
      </c>
    </row>
    <row r="44216" spans="1:7" x14ac:dyDescent="0.3">
      <c r="A44216" s="13" t="s">
        <v>258</v>
      </c>
      <c r="B44216" s="14" t="s">
        <v>1</v>
      </c>
      <c r="C44216" s="14" t="s">
        <v>191</v>
      </c>
      <c r="D44216" s="14" t="s">
        <v>31</v>
      </c>
      <c r="E44216" s="15">
        <v>45427</v>
      </c>
      <c r="F44216" s="14" t="s">
        <v>15</v>
      </c>
      <c r="G44216" s="16">
        <v>2.3008056138220965E-2</v>
      </c>
    </row>
    <row r="44217" spans="1:7" x14ac:dyDescent="0.3">
      <c r="A44217" s="13" t="s">
        <v>258</v>
      </c>
      <c r="B44217" s="14" t="s">
        <v>1</v>
      </c>
      <c r="C44217" s="14" t="s">
        <v>191</v>
      </c>
      <c r="D44217" s="14" t="s">
        <v>31</v>
      </c>
      <c r="E44217" s="15">
        <v>45428</v>
      </c>
      <c r="F44217" s="14" t="s">
        <v>15</v>
      </c>
      <c r="G44217" s="16">
        <v>2.0994528994678685E-2</v>
      </c>
    </row>
    <row r="44218" spans="1:7" x14ac:dyDescent="0.3">
      <c r="A44218" s="13" t="s">
        <v>258</v>
      </c>
      <c r="B44218" s="14" t="s">
        <v>1</v>
      </c>
      <c r="C44218" s="14" t="s">
        <v>191</v>
      </c>
      <c r="D44218" s="14" t="s">
        <v>31</v>
      </c>
      <c r="E44218" s="15">
        <v>45429</v>
      </c>
      <c r="F44218" s="14" t="s">
        <v>15</v>
      </c>
      <c r="G44218" s="16">
        <v>2.1704987193884688E-2</v>
      </c>
    </row>
    <row r="44219" spans="1:7" x14ac:dyDescent="0.3">
      <c r="A44219" s="13" t="s">
        <v>258</v>
      </c>
      <c r="B44219" s="14" t="s">
        <v>1</v>
      </c>
      <c r="C44219" s="14" t="s">
        <v>191</v>
      </c>
      <c r="D44219" s="14" t="s">
        <v>31</v>
      </c>
      <c r="E44219" s="15">
        <v>45430</v>
      </c>
      <c r="F44219" s="14" t="s">
        <v>15</v>
      </c>
      <c r="G44219" s="16">
        <v>2.1704987193884688E-2</v>
      </c>
    </row>
    <row r="44220" spans="1:7" x14ac:dyDescent="0.3">
      <c r="A44220" s="13" t="s">
        <v>258</v>
      </c>
      <c r="B44220" s="14" t="s">
        <v>1</v>
      </c>
      <c r="C44220" s="14" t="s">
        <v>191</v>
      </c>
      <c r="D44220" s="14" t="s">
        <v>31</v>
      </c>
      <c r="E44220" s="15">
        <v>45431</v>
      </c>
      <c r="F44220" s="14" t="s">
        <v>15</v>
      </c>
      <c r="G44220" s="16">
        <v>2.1704987193884688E-2</v>
      </c>
    </row>
    <row r="44221" spans="1:7" x14ac:dyDescent="0.3">
      <c r="A44221" s="13" t="s">
        <v>258</v>
      </c>
      <c r="B44221" s="14" t="s">
        <v>1</v>
      </c>
      <c r="C44221" s="14" t="s">
        <v>191</v>
      </c>
      <c r="D44221" s="14" t="s">
        <v>31</v>
      </c>
      <c r="E44221" s="15">
        <v>45432</v>
      </c>
      <c r="F44221" s="14" t="s">
        <v>15</v>
      </c>
      <c r="G44221" s="16">
        <v>1.9636652770269623E-2</v>
      </c>
    </row>
    <row r="44222" spans="1:7" x14ac:dyDescent="0.3">
      <c r="A44222" s="13" t="s">
        <v>258</v>
      </c>
      <c r="B44222" s="14" t="s">
        <v>1</v>
      </c>
      <c r="C44222" s="14" t="s">
        <v>191</v>
      </c>
      <c r="D44222" s="14" t="s">
        <v>31</v>
      </c>
      <c r="E44222" s="15">
        <v>45433</v>
      </c>
      <c r="F44222" s="14" t="s">
        <v>15</v>
      </c>
      <c r="G44222" s="16">
        <v>1.3514437127592056E-2</v>
      </c>
    </row>
    <row r="44223" spans="1:7" x14ac:dyDescent="0.3">
      <c r="A44223" s="13" t="s">
        <v>258</v>
      </c>
      <c r="B44223" s="14" t="s">
        <v>1</v>
      </c>
      <c r="C44223" s="14" t="s">
        <v>191</v>
      </c>
      <c r="D44223" s="14" t="s">
        <v>31</v>
      </c>
      <c r="E44223" s="15">
        <v>45434</v>
      </c>
      <c r="F44223" s="14" t="s">
        <v>15</v>
      </c>
      <c r="G44223" s="16">
        <v>1.3514437127592056E-2</v>
      </c>
    </row>
    <row r="44224" spans="1:7" x14ac:dyDescent="0.3">
      <c r="A44224" s="13" t="s">
        <v>258</v>
      </c>
      <c r="B44224" s="14" t="s">
        <v>1</v>
      </c>
      <c r="C44224" s="14" t="s">
        <v>191</v>
      </c>
      <c r="D44224" s="14" t="s">
        <v>31</v>
      </c>
      <c r="E44224" s="15">
        <v>45435</v>
      </c>
      <c r="F44224" s="14" t="s">
        <v>15</v>
      </c>
      <c r="G44224" s="16">
        <v>1.1470482494485384E-2</v>
      </c>
    </row>
    <row r="44225" spans="1:7" x14ac:dyDescent="0.3">
      <c r="A44225" s="13" t="s">
        <v>258</v>
      </c>
      <c r="B44225" s="14" t="s">
        <v>1</v>
      </c>
      <c r="C44225" s="14" t="s">
        <v>191</v>
      </c>
      <c r="D44225" s="14" t="s">
        <v>31</v>
      </c>
      <c r="E44225" s="15">
        <v>45436</v>
      </c>
      <c r="F44225" s="14" t="s">
        <v>15</v>
      </c>
      <c r="G44225" s="16">
        <v>7.4097560919618305E-3</v>
      </c>
    </row>
    <row r="44226" spans="1:7" x14ac:dyDescent="0.3">
      <c r="A44226" s="13" t="s">
        <v>258</v>
      </c>
      <c r="B44226" s="14" t="s">
        <v>1</v>
      </c>
      <c r="C44226" s="14" t="s">
        <v>191</v>
      </c>
      <c r="D44226" s="14" t="s">
        <v>31</v>
      </c>
      <c r="E44226" s="15">
        <v>45437</v>
      </c>
      <c r="F44226" s="14" t="s">
        <v>15</v>
      </c>
      <c r="G44226" s="16">
        <v>7.4097560919618305E-3</v>
      </c>
    </row>
    <row r="44227" spans="1:7" x14ac:dyDescent="0.3">
      <c r="A44227" s="13" t="s">
        <v>258</v>
      </c>
      <c r="B44227" s="14" t="s">
        <v>1</v>
      </c>
      <c r="C44227" s="14" t="s">
        <v>191</v>
      </c>
      <c r="D44227" s="14" t="s">
        <v>31</v>
      </c>
      <c r="E44227" s="15">
        <v>45438</v>
      </c>
      <c r="F44227" s="14" t="s">
        <v>15</v>
      </c>
      <c r="G44227" s="16">
        <v>7.4097560919618305E-3</v>
      </c>
    </row>
    <row r="44228" spans="1:7" x14ac:dyDescent="0.3">
      <c r="A44228" s="13" t="s">
        <v>258</v>
      </c>
      <c r="B44228" s="14" t="s">
        <v>1</v>
      </c>
      <c r="C44228" s="14" t="s">
        <v>191</v>
      </c>
      <c r="D44228" s="14" t="s">
        <v>31</v>
      </c>
      <c r="E44228" s="15">
        <v>45439</v>
      </c>
      <c r="F44228" s="14" t="s">
        <v>15</v>
      </c>
      <c r="G44228" s="16">
        <v>5.4054808795889336E-3</v>
      </c>
    </row>
    <row r="44229" spans="1:7" x14ac:dyDescent="0.3">
      <c r="A44229" s="13" t="s">
        <v>258</v>
      </c>
      <c r="B44229" s="14" t="s">
        <v>1</v>
      </c>
      <c r="C44229" s="14" t="s">
        <v>191</v>
      </c>
      <c r="D44229" s="14" t="s">
        <v>31</v>
      </c>
      <c r="E44229" s="15">
        <v>45440</v>
      </c>
      <c r="F44229" s="14" t="s">
        <v>15</v>
      </c>
      <c r="G44229" s="16">
        <v>0</v>
      </c>
    </row>
    <row r="44230" spans="1:7" x14ac:dyDescent="0.3">
      <c r="A44230" s="13" t="s">
        <v>258</v>
      </c>
      <c r="B44230" s="14" t="s">
        <v>1</v>
      </c>
      <c r="C44230" s="14" t="s">
        <v>191</v>
      </c>
      <c r="D44230" s="14" t="s">
        <v>31</v>
      </c>
      <c r="E44230" s="15">
        <v>45441</v>
      </c>
      <c r="F44230" s="14" t="s">
        <v>15</v>
      </c>
      <c r="G44230" s="16">
        <v>0</v>
      </c>
    </row>
    <row r="44231" spans="1:7" x14ac:dyDescent="0.3">
      <c r="A44231" s="13" t="s">
        <v>258</v>
      </c>
      <c r="B44231" s="14" t="s">
        <v>1</v>
      </c>
      <c r="C44231" s="14" t="s">
        <v>191</v>
      </c>
      <c r="D44231" s="14" t="s">
        <v>31</v>
      </c>
      <c r="E44231" s="15">
        <v>45442</v>
      </c>
      <c r="F44231" s="14" t="s">
        <v>15</v>
      </c>
      <c r="G44231" s="16">
        <v>0</v>
      </c>
    </row>
    <row r="44232" spans="1:7" x14ac:dyDescent="0.3">
      <c r="A44232" s="13" t="s">
        <v>258</v>
      </c>
      <c r="B44232" s="14" t="s">
        <v>1</v>
      </c>
      <c r="C44232" s="14" t="s">
        <v>191</v>
      </c>
      <c r="D44232" s="14" t="s">
        <v>31</v>
      </c>
      <c r="E44232" s="15">
        <v>45443</v>
      </c>
      <c r="F44232" s="14" t="s">
        <v>15</v>
      </c>
      <c r="G44232" s="16">
        <v>3.2545306535739567E-2</v>
      </c>
    </row>
    <row r="44233" spans="1:7" x14ac:dyDescent="0.3">
      <c r="A44233" s="13" t="s">
        <v>258</v>
      </c>
      <c r="B44233" s="14" t="s">
        <v>1</v>
      </c>
      <c r="C44233" s="14" t="s">
        <v>191</v>
      </c>
      <c r="D44233" s="14" t="s">
        <v>31</v>
      </c>
      <c r="E44233" s="15">
        <v>45444</v>
      </c>
      <c r="F44233" s="14" t="s">
        <v>15</v>
      </c>
      <c r="G44233" s="16">
        <v>3.2545306535739567E-2</v>
      </c>
    </row>
    <row r="44234" spans="1:7" x14ac:dyDescent="0.3">
      <c r="A44234" s="13" t="s">
        <v>258</v>
      </c>
      <c r="B44234" s="14" t="s">
        <v>1</v>
      </c>
      <c r="C44234" s="14" t="s">
        <v>191</v>
      </c>
      <c r="D44234" s="14" t="s">
        <v>31</v>
      </c>
      <c r="E44234" s="15">
        <v>45445</v>
      </c>
      <c r="F44234" s="14" t="s">
        <v>15</v>
      </c>
      <c r="G44234" s="16">
        <v>3.2545306535739567E-2</v>
      </c>
    </row>
    <row r="44235" spans="1:7" x14ac:dyDescent="0.3">
      <c r="A44235" s="13" t="s">
        <v>258</v>
      </c>
      <c r="B44235" s="14" t="s">
        <v>1</v>
      </c>
      <c r="C44235" s="14" t="s">
        <v>191</v>
      </c>
      <c r="D44235" s="14" t="s">
        <v>31</v>
      </c>
      <c r="E44235" s="15">
        <v>45446</v>
      </c>
      <c r="F44235" s="14" t="s">
        <v>15</v>
      </c>
      <c r="G44235" s="16">
        <v>3.2545306535739567E-2</v>
      </c>
    </row>
    <row r="44236" spans="1:7" x14ac:dyDescent="0.3">
      <c r="A44236" s="13" t="s">
        <v>258</v>
      </c>
      <c r="B44236" s="14" t="s">
        <v>1</v>
      </c>
      <c r="C44236" s="14" t="s">
        <v>191</v>
      </c>
      <c r="D44236" s="14" t="s">
        <v>31</v>
      </c>
      <c r="E44236" s="15">
        <v>45447</v>
      </c>
      <c r="F44236" s="14" t="s">
        <v>15</v>
      </c>
      <c r="G44236" s="16">
        <v>3.0573683673608049E-2</v>
      </c>
    </row>
    <row r="44237" spans="1:7" x14ac:dyDescent="0.3">
      <c r="A44237" s="13" t="s">
        <v>258</v>
      </c>
      <c r="B44237" s="14" t="s">
        <v>1</v>
      </c>
      <c r="C44237" s="14" t="s">
        <v>191</v>
      </c>
      <c r="D44237" s="14" t="s">
        <v>31</v>
      </c>
      <c r="E44237" s="15">
        <v>45448</v>
      </c>
      <c r="F44237" s="14" t="s">
        <v>15</v>
      </c>
      <c r="G44237" s="16">
        <v>2.3577930125952221E-2</v>
      </c>
    </row>
    <row r="44238" spans="1:7" x14ac:dyDescent="0.3">
      <c r="A44238" s="13" t="s">
        <v>258</v>
      </c>
      <c r="B44238" s="14" t="s">
        <v>1</v>
      </c>
      <c r="C44238" s="14" t="s">
        <v>191</v>
      </c>
      <c r="D44238" s="14" t="s">
        <v>31</v>
      </c>
      <c r="E44238" s="15">
        <v>45449</v>
      </c>
      <c r="F44238" s="14" t="s">
        <v>15</v>
      </c>
      <c r="G44238" s="16">
        <v>2.1582998156244884E-2</v>
      </c>
    </row>
    <row r="44239" spans="1:7" x14ac:dyDescent="0.3">
      <c r="A44239" s="13" t="s">
        <v>258</v>
      </c>
      <c r="B44239" s="14" t="s">
        <v>1</v>
      </c>
      <c r="C44239" s="14" t="s">
        <v>191</v>
      </c>
      <c r="D44239" s="14" t="s">
        <v>31</v>
      </c>
      <c r="E44239" s="15">
        <v>45450</v>
      </c>
      <c r="F44239" s="14" t="s">
        <v>15</v>
      </c>
      <c r="G44239" s="16">
        <v>1.957341922892469E-2</v>
      </c>
    </row>
    <row r="44240" spans="1:7" x14ac:dyDescent="0.3">
      <c r="A44240" s="13" t="s">
        <v>258</v>
      </c>
      <c r="B44240" s="14" t="s">
        <v>1</v>
      </c>
      <c r="C44240" s="14" t="s">
        <v>191</v>
      </c>
      <c r="D44240" s="14" t="s">
        <v>31</v>
      </c>
      <c r="E44240" s="15">
        <v>45451</v>
      </c>
      <c r="F44240" s="14" t="s">
        <v>15</v>
      </c>
      <c r="G44240" s="16">
        <v>1.957341922892469E-2</v>
      </c>
    </row>
    <row r="44241" spans="1:7" x14ac:dyDescent="0.3">
      <c r="A44241" s="13" t="s">
        <v>258</v>
      </c>
      <c r="B44241" s="14" t="s">
        <v>1</v>
      </c>
      <c r="C44241" s="14" t="s">
        <v>191</v>
      </c>
      <c r="D44241" s="14" t="s">
        <v>31</v>
      </c>
      <c r="E44241" s="15">
        <v>45452</v>
      </c>
      <c r="F44241" s="14" t="s">
        <v>15</v>
      </c>
      <c r="G44241" s="16">
        <v>1.957341922892469E-2</v>
      </c>
    </row>
    <row r="44242" spans="1:7" x14ac:dyDescent="0.3">
      <c r="A44242" s="13" t="s">
        <v>258</v>
      </c>
      <c r="B44242" s="14" t="s">
        <v>1</v>
      </c>
      <c r="C44242" s="14" t="s">
        <v>191</v>
      </c>
      <c r="D44242" s="14" t="s">
        <v>31</v>
      </c>
      <c r="E44242" s="15">
        <v>45453</v>
      </c>
      <c r="F44242" s="14" t="s">
        <v>15</v>
      </c>
      <c r="G44242" s="16">
        <v>2.4770289917439011E-2</v>
      </c>
    </row>
    <row r="44243" spans="1:7" x14ac:dyDescent="0.3">
      <c r="A44243" s="13" t="s">
        <v>258</v>
      </c>
      <c r="B44243" s="14" t="s">
        <v>1</v>
      </c>
      <c r="C44243" s="14" t="s">
        <v>191</v>
      </c>
      <c r="D44243" s="14" t="s">
        <v>31</v>
      </c>
      <c r="E44243" s="15">
        <v>45454</v>
      </c>
      <c r="F44243" s="14" t="s">
        <v>15</v>
      </c>
      <c r="G44243" s="16">
        <v>1.8736394282166047E-2</v>
      </c>
    </row>
    <row r="44244" spans="1:7" x14ac:dyDescent="0.3">
      <c r="A44244" s="13" t="s">
        <v>258</v>
      </c>
      <c r="B44244" s="14" t="s">
        <v>1</v>
      </c>
      <c r="C44244" s="14" t="s">
        <v>191</v>
      </c>
      <c r="D44244" s="14" t="s">
        <v>31</v>
      </c>
      <c r="E44244" s="15">
        <v>45455</v>
      </c>
      <c r="F44244" s="14" t="s">
        <v>15</v>
      </c>
      <c r="G44244" s="16">
        <v>1.675231783320439E-2</v>
      </c>
    </row>
    <row r="44245" spans="1:7" x14ac:dyDescent="0.3">
      <c r="A44245" s="13" t="s">
        <v>258</v>
      </c>
      <c r="B44245" s="14" t="s">
        <v>1</v>
      </c>
      <c r="C44245" s="14" t="s">
        <v>191</v>
      </c>
      <c r="D44245" s="14" t="s">
        <v>31</v>
      </c>
      <c r="E44245" s="15">
        <v>45456</v>
      </c>
      <c r="F44245" s="14" t="s">
        <v>15</v>
      </c>
      <c r="G44245" s="16">
        <v>1.4800356655950539E-2</v>
      </c>
    </row>
    <row r="44246" spans="1:7" x14ac:dyDescent="0.3">
      <c r="A44246" s="13" t="s">
        <v>258</v>
      </c>
      <c r="B44246" s="14" t="s">
        <v>1</v>
      </c>
      <c r="C44246" s="14" t="s">
        <v>191</v>
      </c>
      <c r="D44246" s="14" t="s">
        <v>31</v>
      </c>
      <c r="E44246" s="15">
        <v>45457</v>
      </c>
      <c r="F44246" s="14" t="s">
        <v>15</v>
      </c>
      <c r="G44246" s="16">
        <v>1.2851067939437371E-2</v>
      </c>
    </row>
    <row r="44247" spans="1:7" x14ac:dyDescent="0.3">
      <c r="A44247" s="13" t="s">
        <v>258</v>
      </c>
      <c r="B44247" s="14" t="s">
        <v>1</v>
      </c>
      <c r="C44247" s="14" t="s">
        <v>191</v>
      </c>
      <c r="D44247" s="14" t="s">
        <v>31</v>
      </c>
      <c r="E44247" s="15">
        <v>45458</v>
      </c>
      <c r="F44247" s="14" t="s">
        <v>15</v>
      </c>
      <c r="G44247" s="16">
        <v>1.2851067939437371E-2</v>
      </c>
    </row>
    <row r="44248" spans="1:7" x14ac:dyDescent="0.3">
      <c r="A44248" s="13" t="s">
        <v>258</v>
      </c>
      <c r="B44248" s="14" t="s">
        <v>1</v>
      </c>
      <c r="C44248" s="14" t="s">
        <v>191</v>
      </c>
      <c r="D44248" s="14" t="s">
        <v>31</v>
      </c>
      <c r="E44248" s="15">
        <v>45459</v>
      </c>
      <c r="F44248" s="14" t="s">
        <v>15</v>
      </c>
      <c r="G44248" s="16">
        <v>1.2851067939437371E-2</v>
      </c>
    </row>
    <row r="44249" spans="1:7" x14ac:dyDescent="0.3">
      <c r="A44249" s="13" t="s">
        <v>258</v>
      </c>
      <c r="B44249" s="14" t="s">
        <v>1</v>
      </c>
      <c r="C44249" s="14" t="s">
        <v>191</v>
      </c>
      <c r="D44249" s="14" t="s">
        <v>31</v>
      </c>
      <c r="E44249" s="15">
        <v>45460</v>
      </c>
      <c r="F44249" s="14" t="s">
        <v>15</v>
      </c>
      <c r="G44249" s="16">
        <v>1.2851067939437371E-2</v>
      </c>
    </row>
    <row r="44250" spans="1:7" x14ac:dyDescent="0.3">
      <c r="A44250" s="13" t="s">
        <v>258</v>
      </c>
      <c r="B44250" s="14" t="s">
        <v>1</v>
      </c>
      <c r="C44250" s="14" t="s">
        <v>191</v>
      </c>
      <c r="D44250" s="14" t="s">
        <v>31</v>
      </c>
      <c r="E44250" s="15">
        <v>45461</v>
      </c>
      <c r="F44250" s="14" t="s">
        <v>15</v>
      </c>
      <c r="G44250" s="16">
        <v>6.4142356663653057E-3</v>
      </c>
    </row>
    <row r="44251" spans="1:7" x14ac:dyDescent="0.3">
      <c r="A44251" s="13" t="s">
        <v>258</v>
      </c>
      <c r="B44251" s="14" t="s">
        <v>1</v>
      </c>
      <c r="C44251" s="14" t="s">
        <v>191</v>
      </c>
      <c r="D44251" s="14" t="s">
        <v>31</v>
      </c>
      <c r="E44251" s="15">
        <v>45462</v>
      </c>
      <c r="F44251" s="14" t="s">
        <v>15</v>
      </c>
      <c r="G44251" s="16">
        <v>0</v>
      </c>
    </row>
    <row r="44252" spans="1:7" x14ac:dyDescent="0.3">
      <c r="A44252" s="13" t="s">
        <v>258</v>
      </c>
      <c r="B44252" s="14" t="s">
        <v>1</v>
      </c>
      <c r="C44252" s="14" t="s">
        <v>191</v>
      </c>
      <c r="D44252" s="14" t="s">
        <v>31</v>
      </c>
      <c r="E44252" s="15">
        <v>45463</v>
      </c>
      <c r="F44252" s="14" t="s">
        <v>15</v>
      </c>
      <c r="G44252" s="16">
        <v>0</v>
      </c>
    </row>
    <row r="44253" spans="1:7" x14ac:dyDescent="0.3">
      <c r="A44253" s="13" t="s">
        <v>258</v>
      </c>
      <c r="B44253" s="14" t="s">
        <v>1</v>
      </c>
      <c r="C44253" s="14" t="s">
        <v>191</v>
      </c>
      <c r="D44253" s="14" t="s">
        <v>31</v>
      </c>
      <c r="E44253" s="15">
        <v>45464</v>
      </c>
      <c r="F44253" s="14" t="s">
        <v>15</v>
      </c>
      <c r="G44253" s="16">
        <v>0</v>
      </c>
    </row>
    <row r="44254" spans="1:7" x14ac:dyDescent="0.3">
      <c r="A44254" s="13" t="s">
        <v>258</v>
      </c>
      <c r="B44254" s="14" t="s">
        <v>1</v>
      </c>
      <c r="C44254" s="14" t="s">
        <v>191</v>
      </c>
      <c r="D44254" s="14" t="s">
        <v>31</v>
      </c>
      <c r="E44254" s="15">
        <v>45465</v>
      </c>
      <c r="F44254" s="14" t="s">
        <v>15</v>
      </c>
      <c r="G44254" s="16">
        <v>0</v>
      </c>
    </row>
    <row r="44255" spans="1:7" x14ac:dyDescent="0.3">
      <c r="A44255" s="13" t="s">
        <v>258</v>
      </c>
      <c r="B44255" s="14" t="s">
        <v>1</v>
      </c>
      <c r="C44255" s="14" t="s">
        <v>191</v>
      </c>
      <c r="D44255" s="14" t="s">
        <v>31</v>
      </c>
      <c r="E44255" s="15">
        <v>45466</v>
      </c>
      <c r="F44255" s="14" t="s">
        <v>15</v>
      </c>
      <c r="G44255" s="16">
        <v>0</v>
      </c>
    </row>
    <row r="44256" spans="1:7" x14ac:dyDescent="0.3">
      <c r="A44256" s="13" t="s">
        <v>258</v>
      </c>
      <c r="B44256" s="14" t="s">
        <v>1</v>
      </c>
      <c r="C44256" s="14" t="s">
        <v>191</v>
      </c>
      <c r="D44256" s="14" t="s">
        <v>31</v>
      </c>
      <c r="E44256" s="15">
        <v>45467</v>
      </c>
      <c r="F44256" s="14" t="s">
        <v>15</v>
      </c>
      <c r="G44256" s="16">
        <v>0</v>
      </c>
    </row>
    <row r="44257" spans="1:7" x14ac:dyDescent="0.3">
      <c r="A44257" s="13" t="s">
        <v>258</v>
      </c>
      <c r="B44257" s="14" t="s">
        <v>1</v>
      </c>
      <c r="C44257" s="14" t="s">
        <v>191</v>
      </c>
      <c r="D44257" s="14" t="s">
        <v>31</v>
      </c>
      <c r="E44257" s="15">
        <v>45468</v>
      </c>
      <c r="F44257" s="14" t="s">
        <v>15</v>
      </c>
      <c r="G44257" s="16">
        <v>0</v>
      </c>
    </row>
    <row r="44258" spans="1:7" x14ac:dyDescent="0.3">
      <c r="A44258" s="13" t="s">
        <v>258</v>
      </c>
      <c r="B44258" s="14" t="s">
        <v>1</v>
      </c>
      <c r="C44258" s="14" t="s">
        <v>191</v>
      </c>
      <c r="D44258" s="14" t="s">
        <v>31</v>
      </c>
      <c r="E44258" s="15">
        <v>45469</v>
      </c>
      <c r="F44258" s="14" t="s">
        <v>15</v>
      </c>
      <c r="G44258" s="16">
        <v>0</v>
      </c>
    </row>
    <row r="44259" spans="1:7" x14ac:dyDescent="0.3">
      <c r="A44259" s="13" t="s">
        <v>258</v>
      </c>
      <c r="B44259" s="14" t="s">
        <v>1</v>
      </c>
      <c r="C44259" s="14" t="s">
        <v>191</v>
      </c>
      <c r="D44259" s="14" t="s">
        <v>31</v>
      </c>
      <c r="E44259" s="15">
        <v>45470</v>
      </c>
      <c r="F44259" s="14" t="s">
        <v>15</v>
      </c>
      <c r="G44259" s="16">
        <v>0</v>
      </c>
    </row>
    <row r="44260" spans="1:7" x14ac:dyDescent="0.3">
      <c r="A44260" s="13" t="s">
        <v>258</v>
      </c>
      <c r="B44260" s="14" t="s">
        <v>1</v>
      </c>
      <c r="C44260" s="14" t="s">
        <v>191</v>
      </c>
      <c r="D44260" s="14" t="s">
        <v>31</v>
      </c>
      <c r="E44260" s="15">
        <v>45471</v>
      </c>
      <c r="F44260" s="14" t="s">
        <v>15</v>
      </c>
      <c r="G44260" s="16">
        <v>0.70925989967559966</v>
      </c>
    </row>
    <row r="44261" spans="1:7" x14ac:dyDescent="0.3">
      <c r="A44261" s="13" t="s">
        <v>258</v>
      </c>
      <c r="B44261" s="14" t="s">
        <v>1</v>
      </c>
      <c r="C44261" s="14" t="s">
        <v>191</v>
      </c>
      <c r="D44261" s="14" t="s">
        <v>31</v>
      </c>
      <c r="E44261" s="15">
        <v>45472</v>
      </c>
      <c r="F44261" s="14" t="s">
        <v>15</v>
      </c>
      <c r="G44261" s="16">
        <v>0.70925989967559966</v>
      </c>
    </row>
    <row r="44262" spans="1:7" x14ac:dyDescent="0.3">
      <c r="A44262" s="13" t="s">
        <v>258</v>
      </c>
      <c r="B44262" s="14" t="s">
        <v>1</v>
      </c>
      <c r="C44262" s="14" t="s">
        <v>191</v>
      </c>
      <c r="D44262" s="14" t="s">
        <v>31</v>
      </c>
      <c r="E44262" s="15">
        <v>45473</v>
      </c>
      <c r="F44262" s="14" t="s">
        <v>15</v>
      </c>
      <c r="G44262" s="16">
        <v>0.70925989967559966</v>
      </c>
    </row>
    <row r="44263" spans="1:7" x14ac:dyDescent="0.3">
      <c r="A44263" s="13" t="s">
        <v>258</v>
      </c>
      <c r="B44263" s="14" t="s">
        <v>1</v>
      </c>
      <c r="C44263" s="14" t="s">
        <v>191</v>
      </c>
      <c r="D44263" s="14" t="s">
        <v>31</v>
      </c>
      <c r="E44263" s="15">
        <v>45474</v>
      </c>
      <c r="F44263" s="14" t="s">
        <v>15</v>
      </c>
      <c r="G44263" s="16">
        <v>0.70732683503280447</v>
      </c>
    </row>
    <row r="44264" spans="1:7" x14ac:dyDescent="0.3">
      <c r="A44264" s="13" t="s">
        <v>258</v>
      </c>
      <c r="B44264" s="14" t="s">
        <v>1</v>
      </c>
      <c r="C44264" s="14" t="s">
        <v>191</v>
      </c>
      <c r="D44264" s="14" t="s">
        <v>31</v>
      </c>
      <c r="E44264" s="15">
        <v>45475</v>
      </c>
      <c r="F44264" s="14" t="s">
        <v>15</v>
      </c>
      <c r="G44264" s="16">
        <v>0.70153996323130696</v>
      </c>
    </row>
    <row r="44265" spans="1:7" x14ac:dyDescent="0.3">
      <c r="A44265" s="13" t="s">
        <v>258</v>
      </c>
      <c r="B44265" s="14" t="s">
        <v>1</v>
      </c>
      <c r="C44265" s="14" t="s">
        <v>191</v>
      </c>
      <c r="D44265" s="14" t="s">
        <v>31</v>
      </c>
      <c r="E44265" s="15">
        <v>45476</v>
      </c>
      <c r="F44265" s="14" t="s">
        <v>15</v>
      </c>
      <c r="G44265" s="16">
        <v>0.69960034336501475</v>
      </c>
    </row>
    <row r="44266" spans="1:7" x14ac:dyDescent="0.3">
      <c r="A44266" s="13" t="s">
        <v>258</v>
      </c>
      <c r="B44266" s="14" t="s">
        <v>1</v>
      </c>
      <c r="C44266" s="14" t="s">
        <v>191</v>
      </c>
      <c r="D44266" s="14" t="s">
        <v>31</v>
      </c>
      <c r="E44266" s="15">
        <v>45477</v>
      </c>
      <c r="F44266" s="14" t="s">
        <v>15</v>
      </c>
      <c r="G44266" s="16">
        <v>0.69767324480517756</v>
      </c>
    </row>
    <row r="44267" spans="1:7" x14ac:dyDescent="0.3">
      <c r="A44267" s="13" t="s">
        <v>258</v>
      </c>
      <c r="B44267" s="14" t="s">
        <v>1</v>
      </c>
      <c r="C44267" s="14" t="s">
        <v>191</v>
      </c>
      <c r="D44267" s="14" t="s">
        <v>31</v>
      </c>
      <c r="E44267" s="15">
        <v>45478</v>
      </c>
      <c r="F44267" s="14" t="s">
        <v>15</v>
      </c>
      <c r="G44267" s="16">
        <v>0.69573866808428819</v>
      </c>
    </row>
    <row r="44268" spans="1:7" x14ac:dyDescent="0.3">
      <c r="A44268" s="13" t="s">
        <v>258</v>
      </c>
      <c r="B44268" s="14" t="s">
        <v>1</v>
      </c>
      <c r="C44268" s="14" t="s">
        <v>191</v>
      </c>
      <c r="D44268" s="14" t="s">
        <v>31</v>
      </c>
      <c r="E44268" s="15">
        <v>45479</v>
      </c>
      <c r="F44268" s="14" t="s">
        <v>15</v>
      </c>
      <c r="G44268" s="16">
        <v>0.69573866808428819</v>
      </c>
    </row>
    <row r="44269" spans="1:7" x14ac:dyDescent="0.3">
      <c r="A44269" s="13" t="s">
        <v>258</v>
      </c>
      <c r="B44269" s="14" t="s">
        <v>1</v>
      </c>
      <c r="C44269" s="14" t="s">
        <v>191</v>
      </c>
      <c r="D44269" s="14" t="s">
        <v>31</v>
      </c>
      <c r="E44269" s="15">
        <v>45480</v>
      </c>
      <c r="F44269" s="14" t="s">
        <v>15</v>
      </c>
      <c r="G44269" s="16">
        <v>0.69573866808428819</v>
      </c>
    </row>
    <row r="44270" spans="1:7" x14ac:dyDescent="0.3">
      <c r="A44270" s="13" t="s">
        <v>258</v>
      </c>
      <c r="B44270" s="14" t="s">
        <v>1</v>
      </c>
      <c r="C44270" s="14" t="s">
        <v>191</v>
      </c>
      <c r="D44270" s="14" t="s">
        <v>31</v>
      </c>
      <c r="E44270" s="15">
        <v>45481</v>
      </c>
      <c r="F44270" s="14" t="s">
        <v>15</v>
      </c>
      <c r="G44270" s="16">
        <v>0.69377922358310173</v>
      </c>
    </row>
    <row r="44271" spans="1:7" x14ac:dyDescent="0.3">
      <c r="A44271" s="13" t="s">
        <v>258</v>
      </c>
      <c r="B44271" s="14" t="s">
        <v>1</v>
      </c>
      <c r="C44271" s="14" t="s">
        <v>191</v>
      </c>
      <c r="D44271" s="14" t="s">
        <v>31</v>
      </c>
      <c r="E44271" s="15">
        <v>45482</v>
      </c>
      <c r="F44271" s="14" t="s">
        <v>15</v>
      </c>
      <c r="G44271" s="16">
        <v>0.68790984269410949</v>
      </c>
    </row>
    <row r="44272" spans="1:7" x14ac:dyDescent="0.3">
      <c r="A44272" s="13" t="s">
        <v>258</v>
      </c>
      <c r="B44272" s="14" t="s">
        <v>1</v>
      </c>
      <c r="C44272" s="14" t="s">
        <v>191</v>
      </c>
      <c r="D44272" s="14" t="s">
        <v>31</v>
      </c>
      <c r="E44272" s="15">
        <v>45483</v>
      </c>
      <c r="F44272" s="14" t="s">
        <v>15</v>
      </c>
      <c r="G44272" s="16">
        <v>0.69357884515622037</v>
      </c>
    </row>
    <row r="44273" spans="1:7" x14ac:dyDescent="0.3">
      <c r="A44273" s="13" t="s">
        <v>258</v>
      </c>
      <c r="B44273" s="14" t="s">
        <v>1</v>
      </c>
      <c r="C44273" s="14" t="s">
        <v>191</v>
      </c>
      <c r="D44273" s="14" t="s">
        <v>31</v>
      </c>
      <c r="E44273" s="15">
        <v>45484</v>
      </c>
      <c r="F44273" s="14" t="s">
        <v>15</v>
      </c>
      <c r="G44273" s="16">
        <v>0.69162526295728122</v>
      </c>
    </row>
    <row r="44274" spans="1:7" x14ac:dyDescent="0.3">
      <c r="A44274" s="13" t="s">
        <v>258</v>
      </c>
      <c r="B44274" s="14" t="s">
        <v>1</v>
      </c>
      <c r="C44274" s="14" t="s">
        <v>191</v>
      </c>
      <c r="D44274" s="14" t="s">
        <v>31</v>
      </c>
      <c r="E44274" s="15">
        <v>45485</v>
      </c>
      <c r="F44274" s="14" t="s">
        <v>15</v>
      </c>
      <c r="G44274" s="16">
        <v>0.68966997471796243</v>
      </c>
    </row>
    <row r="44275" spans="1:7" x14ac:dyDescent="0.3">
      <c r="A44275" s="13" t="s">
        <v>258</v>
      </c>
      <c r="B44275" s="14" t="s">
        <v>1</v>
      </c>
      <c r="C44275" s="14" t="s">
        <v>191</v>
      </c>
      <c r="D44275" s="14" t="s">
        <v>31</v>
      </c>
      <c r="E44275" s="15">
        <v>45486</v>
      </c>
      <c r="F44275" s="14" t="s">
        <v>15</v>
      </c>
      <c r="G44275" s="16">
        <v>0.68966997471796243</v>
      </c>
    </row>
    <row r="44276" spans="1:7" x14ac:dyDescent="0.3">
      <c r="A44276" s="13" t="s">
        <v>258</v>
      </c>
      <c r="B44276" s="14" t="s">
        <v>1</v>
      </c>
      <c r="C44276" s="14" t="s">
        <v>191</v>
      </c>
      <c r="D44276" s="14" t="s">
        <v>31</v>
      </c>
      <c r="E44276" s="15">
        <v>45487</v>
      </c>
      <c r="F44276" s="14" t="s">
        <v>15</v>
      </c>
      <c r="G44276" s="16">
        <v>0.68966997471796243</v>
      </c>
    </row>
    <row r="44277" spans="1:7" x14ac:dyDescent="0.3">
      <c r="A44277" s="13" t="s">
        <v>258</v>
      </c>
      <c r="B44277" s="14" t="s">
        <v>1</v>
      </c>
      <c r="C44277" s="14" t="s">
        <v>191</v>
      </c>
      <c r="D44277" s="14" t="s">
        <v>31</v>
      </c>
      <c r="E44277" s="15">
        <v>45488</v>
      </c>
      <c r="F44277" s="14" t="s">
        <v>15</v>
      </c>
      <c r="G44277" s="16">
        <v>0.68767679524722181</v>
      </c>
    </row>
    <row r="44278" spans="1:7" x14ac:dyDescent="0.3">
      <c r="A44278" s="13" t="s">
        <v>258</v>
      </c>
      <c r="B44278" s="14" t="s">
        <v>1</v>
      </c>
      <c r="C44278" s="14" t="s">
        <v>191</v>
      </c>
      <c r="D44278" s="14" t="s">
        <v>31</v>
      </c>
      <c r="E44278" s="15">
        <v>45489</v>
      </c>
      <c r="F44278" s="14" t="s">
        <v>15</v>
      </c>
      <c r="G44278" s="16">
        <v>0.68150202648667724</v>
      </c>
    </row>
    <row r="44279" spans="1:7" x14ac:dyDescent="0.3">
      <c r="A44279" s="13" t="s">
        <v>258</v>
      </c>
      <c r="B44279" s="14" t="s">
        <v>1</v>
      </c>
      <c r="C44279" s="14" t="s">
        <v>191</v>
      </c>
      <c r="D44279" s="14" t="s">
        <v>31</v>
      </c>
      <c r="E44279" s="15">
        <v>45490</v>
      </c>
      <c r="F44279" s="14" t="s">
        <v>15</v>
      </c>
      <c r="G44279" s="16">
        <v>0.67943133989098303</v>
      </c>
    </row>
    <row r="44280" spans="1:7" x14ac:dyDescent="0.3">
      <c r="A44280" s="13" t="s">
        <v>258</v>
      </c>
      <c r="B44280" s="14" t="s">
        <v>1</v>
      </c>
      <c r="C44280" s="14" t="s">
        <v>191</v>
      </c>
      <c r="D44280" s="14" t="s">
        <v>31</v>
      </c>
      <c r="E44280" s="15">
        <v>45491</v>
      </c>
      <c r="F44280" s="14" t="s">
        <v>15</v>
      </c>
      <c r="G44280" s="16">
        <v>0.67736684798061164</v>
      </c>
    </row>
    <row r="44281" spans="1:7" x14ac:dyDescent="0.3">
      <c r="A44281" s="13" t="s">
        <v>258</v>
      </c>
      <c r="B44281" s="14" t="s">
        <v>1</v>
      </c>
      <c r="C44281" s="14" t="s">
        <v>191</v>
      </c>
      <c r="D44281" s="14" t="s">
        <v>31</v>
      </c>
      <c r="E44281" s="15">
        <v>45492</v>
      </c>
      <c r="F44281" s="14" t="s">
        <v>15</v>
      </c>
      <c r="G44281" s="16">
        <v>0.67528032185607756</v>
      </c>
    </row>
    <row r="44282" spans="1:7" x14ac:dyDescent="0.3">
      <c r="A44282" s="13" t="s">
        <v>258</v>
      </c>
      <c r="B44282" s="14" t="s">
        <v>1</v>
      </c>
      <c r="C44282" s="14" t="s">
        <v>191</v>
      </c>
      <c r="D44282" s="14" t="s">
        <v>31</v>
      </c>
      <c r="E44282" s="15">
        <v>45493</v>
      </c>
      <c r="F44282" s="14" t="s">
        <v>15</v>
      </c>
      <c r="G44282" s="16">
        <v>0.67528032185607756</v>
      </c>
    </row>
    <row r="44283" spans="1:7" x14ac:dyDescent="0.3">
      <c r="A44283" s="13" t="s">
        <v>258</v>
      </c>
      <c r="B44283" s="14" t="s">
        <v>1</v>
      </c>
      <c r="C44283" s="14" t="s">
        <v>191</v>
      </c>
      <c r="D44283" s="14" t="s">
        <v>31</v>
      </c>
      <c r="E44283" s="15">
        <v>45494</v>
      </c>
      <c r="F44283" s="14" t="s">
        <v>15</v>
      </c>
      <c r="G44283" s="16">
        <v>0.67528032185607756</v>
      </c>
    </row>
    <row r="44284" spans="1:7" x14ac:dyDescent="0.3">
      <c r="A44284" s="13" t="s">
        <v>258</v>
      </c>
      <c r="B44284" s="14" t="s">
        <v>1</v>
      </c>
      <c r="C44284" s="14" t="s">
        <v>191</v>
      </c>
      <c r="D44284" s="14" t="s">
        <v>31</v>
      </c>
      <c r="E44284" s="15">
        <v>45495</v>
      </c>
      <c r="F44284" s="14" t="s">
        <v>15</v>
      </c>
      <c r="G44284" s="16">
        <v>0.67413022668906253</v>
      </c>
    </row>
    <row r="44285" spans="1:7" x14ac:dyDescent="0.3">
      <c r="A44285" s="13" t="s">
        <v>258</v>
      </c>
      <c r="B44285" s="14" t="s">
        <v>1</v>
      </c>
      <c r="C44285" s="14" t="s">
        <v>191</v>
      </c>
      <c r="D44285" s="14" t="s">
        <v>31</v>
      </c>
      <c r="E44285" s="15">
        <v>45496</v>
      </c>
      <c r="F44285" s="14" t="s">
        <v>15</v>
      </c>
      <c r="G44285" s="16">
        <v>0.66798277072804113</v>
      </c>
    </row>
    <row r="44286" spans="1:7" x14ac:dyDescent="0.3">
      <c r="A44286" s="13" t="s">
        <v>258</v>
      </c>
      <c r="B44286" s="14" t="s">
        <v>1</v>
      </c>
      <c r="C44286" s="14" t="s">
        <v>191</v>
      </c>
      <c r="D44286" s="14" t="s">
        <v>31</v>
      </c>
      <c r="E44286" s="15">
        <v>45497</v>
      </c>
      <c r="F44286" s="14" t="s">
        <v>15</v>
      </c>
      <c r="G44286" s="16">
        <v>0.66594048086561008</v>
      </c>
    </row>
    <row r="44287" spans="1:7" x14ac:dyDescent="0.3">
      <c r="A44287" s="13" t="s">
        <v>258</v>
      </c>
      <c r="B44287" s="14" t="s">
        <v>1</v>
      </c>
      <c r="C44287" s="14" t="s">
        <v>191</v>
      </c>
      <c r="D44287" s="14" t="s">
        <v>31</v>
      </c>
      <c r="E44287" s="15">
        <v>45498</v>
      </c>
      <c r="F44287" s="14" t="s">
        <v>15</v>
      </c>
      <c r="G44287" s="16">
        <v>0.66389845799854863</v>
      </c>
    </row>
    <row r="44288" spans="1:7" x14ac:dyDescent="0.3">
      <c r="A44288" s="13" t="s">
        <v>258</v>
      </c>
      <c r="B44288" s="14" t="s">
        <v>1</v>
      </c>
      <c r="C44288" s="14" t="s">
        <v>191</v>
      </c>
      <c r="D44288" s="14" t="s">
        <v>31</v>
      </c>
      <c r="E44288" s="15">
        <v>45499</v>
      </c>
      <c r="F44288" s="14" t="s">
        <v>15</v>
      </c>
      <c r="G44288" s="16">
        <v>0.66187047673325505</v>
      </c>
    </row>
    <row r="44289" spans="1:7" x14ac:dyDescent="0.3">
      <c r="A44289" s="13" t="s">
        <v>258</v>
      </c>
      <c r="B44289" s="14" t="s">
        <v>1</v>
      </c>
      <c r="C44289" s="14" t="s">
        <v>191</v>
      </c>
      <c r="D44289" s="14" t="s">
        <v>31</v>
      </c>
      <c r="E44289" s="15">
        <v>45500</v>
      </c>
      <c r="F44289" s="14" t="s">
        <v>15</v>
      </c>
      <c r="G44289" s="16">
        <v>0.66187047673325505</v>
      </c>
    </row>
    <row r="44290" spans="1:7" x14ac:dyDescent="0.3">
      <c r="A44290" s="13" t="s">
        <v>258</v>
      </c>
      <c r="B44290" s="14" t="s">
        <v>1</v>
      </c>
      <c r="C44290" s="14" t="s">
        <v>191</v>
      </c>
      <c r="D44290" s="14" t="s">
        <v>31</v>
      </c>
      <c r="E44290" s="15">
        <v>45501</v>
      </c>
      <c r="F44290" s="14" t="s">
        <v>15</v>
      </c>
      <c r="G44290" s="16">
        <v>0.66187047673325505</v>
      </c>
    </row>
    <row r="44291" spans="1:7" x14ac:dyDescent="0.3">
      <c r="A44291" s="13" t="s">
        <v>258</v>
      </c>
      <c r="B44291" s="14" t="s">
        <v>1</v>
      </c>
      <c r="C44291" s="14" t="s">
        <v>191</v>
      </c>
      <c r="D44291" s="14" t="s">
        <v>31</v>
      </c>
      <c r="E44291" s="15">
        <v>45502</v>
      </c>
      <c r="F44291" s="14" t="s">
        <v>15</v>
      </c>
      <c r="G44291" s="16">
        <v>0.6567900628806278</v>
      </c>
    </row>
    <row r="44292" spans="1:7" x14ac:dyDescent="0.3">
      <c r="A44292" s="13" t="s">
        <v>258</v>
      </c>
      <c r="B44292" s="14" t="s">
        <v>1</v>
      </c>
      <c r="C44292" s="14" t="s">
        <v>191</v>
      </c>
      <c r="D44292" s="14" t="s">
        <v>31</v>
      </c>
      <c r="E44292" s="15">
        <v>45503</v>
      </c>
      <c r="F44292" s="14" t="s">
        <v>15</v>
      </c>
      <c r="G44292" s="16">
        <v>0.65071731285238177</v>
      </c>
    </row>
    <row r="44293" spans="1:7" x14ac:dyDescent="0.3">
      <c r="A44293" s="13" t="s">
        <v>258</v>
      </c>
      <c r="B44293" s="14" t="s">
        <v>1</v>
      </c>
      <c r="C44293" s="14" t="s">
        <v>191</v>
      </c>
      <c r="D44293" s="14" t="s">
        <v>31</v>
      </c>
      <c r="E44293" s="15">
        <v>45504</v>
      </c>
      <c r="F44293" s="14" t="s">
        <v>15</v>
      </c>
      <c r="G44293" s="16">
        <v>0.66602472958768744</v>
      </c>
    </row>
    <row r="44294" spans="1:7" x14ac:dyDescent="0.3">
      <c r="A44294" s="13" t="s">
        <v>258</v>
      </c>
      <c r="B44294" s="14" t="s">
        <v>1</v>
      </c>
      <c r="C44294" s="14" t="s">
        <v>191</v>
      </c>
      <c r="D44294" s="14" t="s">
        <v>31</v>
      </c>
      <c r="E44294" s="15">
        <v>45505</v>
      </c>
      <c r="F44294" s="14" t="s">
        <v>15</v>
      </c>
      <c r="G44294" s="16">
        <v>0.69982929058262167</v>
      </c>
    </row>
    <row r="44295" spans="1:7" x14ac:dyDescent="0.3">
      <c r="A44295" s="13" t="s">
        <v>258</v>
      </c>
      <c r="B44295" s="14" t="s">
        <v>1</v>
      </c>
      <c r="C44295" s="14" t="s">
        <v>191</v>
      </c>
      <c r="D44295" s="14" t="s">
        <v>31</v>
      </c>
      <c r="E44295" s="15">
        <v>45506</v>
      </c>
      <c r="F44295" s="14" t="s">
        <v>15</v>
      </c>
      <c r="G44295" s="16">
        <v>0.76668689661685063</v>
      </c>
    </row>
    <row r="44296" spans="1:7" x14ac:dyDescent="0.3">
      <c r="A44296" s="13" t="s">
        <v>258</v>
      </c>
      <c r="B44296" s="14" t="s">
        <v>1</v>
      </c>
      <c r="C44296" s="14" t="s">
        <v>191</v>
      </c>
      <c r="D44296" s="14" t="s">
        <v>31</v>
      </c>
      <c r="E44296" s="15">
        <v>45507</v>
      </c>
      <c r="F44296" s="14" t="s">
        <v>15</v>
      </c>
      <c r="G44296" s="16">
        <v>0.76668689661685063</v>
      </c>
    </row>
    <row r="44297" spans="1:7" x14ac:dyDescent="0.3">
      <c r="A44297" s="13" t="s">
        <v>258</v>
      </c>
      <c r="B44297" s="14" t="s">
        <v>1</v>
      </c>
      <c r="C44297" s="14" t="s">
        <v>191</v>
      </c>
      <c r="D44297" s="14" t="s">
        <v>31</v>
      </c>
      <c r="E44297" s="15">
        <v>45508</v>
      </c>
      <c r="F44297" s="14" t="s">
        <v>15</v>
      </c>
      <c r="G44297" s="16">
        <v>0.76668689661685063</v>
      </c>
    </row>
    <row r="44298" spans="1:7" x14ac:dyDescent="0.3">
      <c r="A44298" s="13" t="s">
        <v>258</v>
      </c>
      <c r="B44298" s="14" t="s">
        <v>1</v>
      </c>
      <c r="C44298" s="14" t="s">
        <v>191</v>
      </c>
      <c r="D44298" s="14" t="s">
        <v>31</v>
      </c>
      <c r="E44298" s="15">
        <v>45509</v>
      </c>
      <c r="F44298" s="14" t="s">
        <v>15</v>
      </c>
      <c r="G44298" s="16">
        <v>0.76668689661685063</v>
      </c>
    </row>
    <row r="44299" spans="1:7" x14ac:dyDescent="0.3">
      <c r="A44299" s="13" t="s">
        <v>258</v>
      </c>
      <c r="B44299" s="14" t="s">
        <v>1</v>
      </c>
      <c r="C44299" s="14" t="s">
        <v>191</v>
      </c>
      <c r="D44299" s="14" t="s">
        <v>31</v>
      </c>
      <c r="E44299" s="15">
        <v>45510</v>
      </c>
      <c r="F44299" s="14" t="s">
        <v>15</v>
      </c>
      <c r="G44299" s="16">
        <v>0.79546421901864461</v>
      </c>
    </row>
    <row r="44300" spans="1:7" x14ac:dyDescent="0.3">
      <c r="A44300" s="13" t="s">
        <v>258</v>
      </c>
      <c r="B44300" s="14" t="s">
        <v>1</v>
      </c>
      <c r="C44300" s="14" t="s">
        <v>191</v>
      </c>
      <c r="D44300" s="14" t="s">
        <v>31</v>
      </c>
      <c r="E44300" s="15">
        <v>45511</v>
      </c>
      <c r="F44300" s="14" t="s">
        <v>15</v>
      </c>
      <c r="G44300" s="16">
        <v>1.0742667294747836</v>
      </c>
    </row>
    <row r="44301" spans="1:7" x14ac:dyDescent="0.3">
      <c r="A44301" s="13" t="s">
        <v>258</v>
      </c>
      <c r="B44301" s="14" t="s">
        <v>1</v>
      </c>
      <c r="C44301" s="14" t="s">
        <v>191</v>
      </c>
      <c r="D44301" s="14" t="s">
        <v>31</v>
      </c>
      <c r="E44301" s="15">
        <v>45512</v>
      </c>
      <c r="F44301" s="14" t="s">
        <v>15</v>
      </c>
      <c r="G44301" s="16">
        <v>1.0722179929534685</v>
      </c>
    </row>
    <row r="44302" spans="1:7" x14ac:dyDescent="0.3">
      <c r="A44302" s="13" t="s">
        <v>258</v>
      </c>
      <c r="B44302" s="14" t="s">
        <v>1</v>
      </c>
      <c r="C44302" s="14" t="s">
        <v>191</v>
      </c>
      <c r="D44302" s="14" t="s">
        <v>31</v>
      </c>
      <c r="E44302" s="15">
        <v>45513</v>
      </c>
      <c r="F44302" s="14" t="s">
        <v>15</v>
      </c>
      <c r="G44302" s="16">
        <v>1.0722179929534685</v>
      </c>
    </row>
    <row r="44303" spans="1:7" x14ac:dyDescent="0.3">
      <c r="A44303" s="13" t="s">
        <v>258</v>
      </c>
      <c r="B44303" s="14" t="s">
        <v>1</v>
      </c>
      <c r="C44303" s="14" t="s">
        <v>191</v>
      </c>
      <c r="D44303" s="14" t="s">
        <v>31</v>
      </c>
      <c r="E44303" s="15">
        <v>45514</v>
      </c>
      <c r="F44303" s="14" t="s">
        <v>15</v>
      </c>
      <c r="G44303" s="16">
        <v>1.0722179929534685</v>
      </c>
    </row>
    <row r="44304" spans="1:7" x14ac:dyDescent="0.3">
      <c r="A44304" s="13" t="s">
        <v>258</v>
      </c>
      <c r="B44304" s="14" t="s">
        <v>1</v>
      </c>
      <c r="C44304" s="14" t="s">
        <v>191</v>
      </c>
      <c r="D44304" s="14" t="s">
        <v>31</v>
      </c>
      <c r="E44304" s="15">
        <v>45515</v>
      </c>
      <c r="F44304" s="14" t="s">
        <v>15</v>
      </c>
      <c r="G44304" s="16">
        <v>1.0722179929534685</v>
      </c>
    </row>
    <row r="44305" spans="1:7" x14ac:dyDescent="0.3">
      <c r="A44305" s="13" t="s">
        <v>258</v>
      </c>
      <c r="B44305" s="14" t="s">
        <v>1</v>
      </c>
      <c r="C44305" s="14" t="s">
        <v>191</v>
      </c>
      <c r="D44305" s="14" t="s">
        <v>31</v>
      </c>
      <c r="E44305" s="15">
        <v>45516</v>
      </c>
      <c r="F44305" s="14" t="s">
        <v>15</v>
      </c>
      <c r="G44305" s="16">
        <v>1.0754767215240297</v>
      </c>
    </row>
    <row r="44306" spans="1:7" x14ac:dyDescent="0.3">
      <c r="A44306" s="13" t="s">
        <v>258</v>
      </c>
      <c r="B44306" s="14" t="s">
        <v>1</v>
      </c>
      <c r="C44306" s="14" t="s">
        <v>191</v>
      </c>
      <c r="D44306" s="14" t="s">
        <v>31</v>
      </c>
      <c r="E44306" s="15">
        <v>45517</v>
      </c>
      <c r="F44306" s="14" t="s">
        <v>15</v>
      </c>
      <c r="G44306" s="16">
        <v>1.0672239228913722</v>
      </c>
    </row>
    <row r="44307" spans="1:7" x14ac:dyDescent="0.3">
      <c r="A44307" s="13" t="s">
        <v>258</v>
      </c>
      <c r="B44307" s="14" t="s">
        <v>1</v>
      </c>
      <c r="C44307" s="14" t="s">
        <v>191</v>
      </c>
      <c r="D44307" s="14" t="s">
        <v>31</v>
      </c>
      <c r="E44307" s="15">
        <v>45518</v>
      </c>
      <c r="F44307" s="14" t="s">
        <v>15</v>
      </c>
      <c r="G44307" s="16">
        <v>1.0651485918472208</v>
      </c>
    </row>
    <row r="44308" spans="1:7" x14ac:dyDescent="0.3">
      <c r="A44308" s="13" t="s">
        <v>258</v>
      </c>
      <c r="B44308" s="14" t="s">
        <v>1</v>
      </c>
      <c r="C44308" s="14" t="s">
        <v>191</v>
      </c>
      <c r="D44308" s="14" t="s">
        <v>31</v>
      </c>
      <c r="E44308" s="15">
        <v>45519</v>
      </c>
      <c r="F44308" s="14" t="s">
        <v>15</v>
      </c>
      <c r="G44308" s="16">
        <v>1.0630557535332241</v>
      </c>
    </row>
    <row r="44309" spans="1:7" x14ac:dyDescent="0.3">
      <c r="A44309" s="13" t="s">
        <v>258</v>
      </c>
      <c r="B44309" s="14" t="s">
        <v>1</v>
      </c>
      <c r="C44309" s="14" t="s">
        <v>191</v>
      </c>
      <c r="D44309" s="14" t="s">
        <v>31</v>
      </c>
      <c r="E44309" s="15">
        <v>45520</v>
      </c>
      <c r="F44309" s="14" t="s">
        <v>15</v>
      </c>
      <c r="G44309" s="16">
        <v>1.2319351918572894</v>
      </c>
    </row>
    <row r="44310" spans="1:7" x14ac:dyDescent="0.3">
      <c r="A44310" s="13" t="s">
        <v>258</v>
      </c>
      <c r="B44310" s="14" t="s">
        <v>1</v>
      </c>
      <c r="C44310" s="14" t="s">
        <v>191</v>
      </c>
      <c r="D44310" s="14" t="s">
        <v>31</v>
      </c>
      <c r="E44310" s="15">
        <v>45521</v>
      </c>
      <c r="F44310" s="14" t="s">
        <v>15</v>
      </c>
      <c r="G44310" s="16">
        <v>1.2319351918572894</v>
      </c>
    </row>
    <row r="44311" spans="1:7" x14ac:dyDescent="0.3">
      <c r="A44311" s="13" t="s">
        <v>258</v>
      </c>
      <c r="B44311" s="14" t="s">
        <v>1</v>
      </c>
      <c r="C44311" s="14" t="s">
        <v>191</v>
      </c>
      <c r="D44311" s="14" t="s">
        <v>31</v>
      </c>
      <c r="E44311" s="15">
        <v>45522</v>
      </c>
      <c r="F44311" s="14" t="s">
        <v>15</v>
      </c>
      <c r="G44311" s="16">
        <v>1.2319351918572894</v>
      </c>
    </row>
    <row r="44312" spans="1:7" x14ac:dyDescent="0.3">
      <c r="A44312" s="13" t="s">
        <v>258</v>
      </c>
      <c r="B44312" s="14" t="s">
        <v>1</v>
      </c>
      <c r="C44312" s="14" t="s">
        <v>191</v>
      </c>
      <c r="D44312" s="14" t="s">
        <v>31</v>
      </c>
      <c r="E44312" s="15">
        <v>45523</v>
      </c>
      <c r="F44312" s="14" t="s">
        <v>15</v>
      </c>
      <c r="G44312" s="16">
        <v>1.2298116032789543</v>
      </c>
    </row>
    <row r="44313" spans="1:7" x14ac:dyDescent="0.3">
      <c r="A44313" s="13" t="s">
        <v>258</v>
      </c>
      <c r="B44313" s="14" t="s">
        <v>1</v>
      </c>
      <c r="C44313" s="14" t="s">
        <v>191</v>
      </c>
      <c r="D44313" s="14" t="s">
        <v>31</v>
      </c>
      <c r="E44313" s="15">
        <v>45524</v>
      </c>
      <c r="F44313" s="14" t="s">
        <v>15</v>
      </c>
      <c r="G44313" s="16">
        <v>1.2234163867783336</v>
      </c>
    </row>
    <row r="44314" spans="1:7" x14ac:dyDescent="0.3">
      <c r="A44314" s="13" t="s">
        <v>258</v>
      </c>
      <c r="B44314" s="14" t="s">
        <v>1</v>
      </c>
      <c r="C44314" s="14" t="s">
        <v>191</v>
      </c>
      <c r="D44314" s="14" t="s">
        <v>31</v>
      </c>
      <c r="E44314" s="15">
        <v>45525</v>
      </c>
      <c r="F44314" s="14" t="s">
        <v>15</v>
      </c>
      <c r="G44314" s="16">
        <v>1.3975837061810792</v>
      </c>
    </row>
    <row r="44315" spans="1:7" x14ac:dyDescent="0.3">
      <c r="A44315" s="13" t="s">
        <v>258</v>
      </c>
      <c r="B44315" s="14" t="s">
        <v>1</v>
      </c>
      <c r="C44315" s="14" t="s">
        <v>191</v>
      </c>
      <c r="D44315" s="14" t="s">
        <v>31</v>
      </c>
      <c r="E44315" s="15">
        <v>45526</v>
      </c>
      <c r="F44315" s="14" t="s">
        <v>15</v>
      </c>
      <c r="G44315" s="16">
        <v>1.3954244119744543</v>
      </c>
    </row>
    <row r="44316" spans="1:7" x14ac:dyDescent="0.3">
      <c r="A44316" s="13" t="s">
        <v>258</v>
      </c>
      <c r="B44316" s="14" t="s">
        <v>1</v>
      </c>
      <c r="C44316" s="14" t="s">
        <v>191</v>
      </c>
      <c r="D44316" s="14" t="s">
        <v>31</v>
      </c>
      <c r="E44316" s="15">
        <v>45527</v>
      </c>
      <c r="F44316" s="14" t="s">
        <v>15</v>
      </c>
      <c r="G44316" s="16">
        <v>1.3932641057559423</v>
      </c>
    </row>
    <row r="44317" spans="1:7" x14ac:dyDescent="0.3">
      <c r="A44317" s="13" t="s">
        <v>258</v>
      </c>
      <c r="B44317" s="14" t="s">
        <v>1</v>
      </c>
      <c r="C44317" s="14" t="s">
        <v>191</v>
      </c>
      <c r="D44317" s="14" t="s">
        <v>31</v>
      </c>
      <c r="E44317" s="15">
        <v>45528</v>
      </c>
      <c r="F44317" s="14" t="s">
        <v>15</v>
      </c>
      <c r="G44317" s="16">
        <v>1.3932641057559423</v>
      </c>
    </row>
    <row r="44318" spans="1:7" x14ac:dyDescent="0.3">
      <c r="A44318" s="13" t="s">
        <v>258</v>
      </c>
      <c r="B44318" s="14" t="s">
        <v>1</v>
      </c>
      <c r="C44318" s="14" t="s">
        <v>191</v>
      </c>
      <c r="D44318" s="14" t="s">
        <v>31</v>
      </c>
      <c r="E44318" s="15">
        <v>45529</v>
      </c>
      <c r="F44318" s="14" t="s">
        <v>15</v>
      </c>
      <c r="G44318" s="16">
        <v>1.3932641057559423</v>
      </c>
    </row>
    <row r="44319" spans="1:7" x14ac:dyDescent="0.3">
      <c r="A44319" s="13" t="s">
        <v>258</v>
      </c>
      <c r="B44319" s="14" t="s">
        <v>1</v>
      </c>
      <c r="C44319" s="14" t="s">
        <v>191</v>
      </c>
      <c r="D44319" s="14" t="s">
        <v>31</v>
      </c>
      <c r="E44319" s="15">
        <v>45530</v>
      </c>
      <c r="F44319" s="14" t="s">
        <v>15</v>
      </c>
      <c r="G44319" s="16">
        <v>1.4859673047536408</v>
      </c>
    </row>
    <row r="44320" spans="1:7" x14ac:dyDescent="0.3">
      <c r="A44320" s="13" t="s">
        <v>258</v>
      </c>
      <c r="B44320" s="14" t="s">
        <v>1</v>
      </c>
      <c r="C44320" s="14" t="s">
        <v>191</v>
      </c>
      <c r="D44320" s="14" t="s">
        <v>31</v>
      </c>
      <c r="E44320" s="15">
        <v>45531</v>
      </c>
      <c r="F44320" s="14" t="s">
        <v>15</v>
      </c>
      <c r="G44320" s="16">
        <v>1.4794258429715494</v>
      </c>
    </row>
    <row r="44321" spans="1:7" x14ac:dyDescent="0.3">
      <c r="A44321" s="13" t="s">
        <v>258</v>
      </c>
      <c r="B44321" s="14" t="s">
        <v>1</v>
      </c>
      <c r="C44321" s="14" t="s">
        <v>191</v>
      </c>
      <c r="D44321" s="14" t="s">
        <v>31</v>
      </c>
      <c r="E44321" s="15">
        <v>45532</v>
      </c>
      <c r="F44321" s="14" t="s">
        <v>15</v>
      </c>
      <c r="G44321" s="16">
        <v>1.4792011535671008</v>
      </c>
    </row>
    <row r="44322" spans="1:7" x14ac:dyDescent="0.3">
      <c r="A44322" s="13" t="s">
        <v>258</v>
      </c>
      <c r="B44322" s="14" t="s">
        <v>1</v>
      </c>
      <c r="C44322" s="14" t="s">
        <v>191</v>
      </c>
      <c r="D44322" s="14" t="s">
        <v>31</v>
      </c>
      <c r="E44322" s="15">
        <v>45533</v>
      </c>
      <c r="F44322" s="14" t="s">
        <v>15</v>
      </c>
      <c r="G44322" s="16">
        <v>1.4769670990003994</v>
      </c>
    </row>
    <row r="44323" spans="1:7" x14ac:dyDescent="0.3">
      <c r="A44323" s="13" t="s">
        <v>258</v>
      </c>
      <c r="B44323" s="14" t="s">
        <v>1</v>
      </c>
      <c r="C44323" s="14" t="s">
        <v>191</v>
      </c>
      <c r="D44323" s="14" t="s">
        <v>31</v>
      </c>
      <c r="E44323" s="15">
        <v>45534</v>
      </c>
      <c r="F44323" s="14" t="s">
        <v>15</v>
      </c>
      <c r="G44323" s="16">
        <v>1.7480256820042088</v>
      </c>
    </row>
    <row r="44324" spans="1:7" x14ac:dyDescent="0.3">
      <c r="A44324" s="13" t="s">
        <v>258</v>
      </c>
      <c r="B44324" s="14" t="s">
        <v>1</v>
      </c>
      <c r="C44324" s="14" t="s">
        <v>191</v>
      </c>
      <c r="D44324" s="14" t="s">
        <v>31</v>
      </c>
      <c r="E44324" s="15">
        <v>45535</v>
      </c>
      <c r="F44324" s="14" t="s">
        <v>15</v>
      </c>
      <c r="G44324" s="16">
        <v>1.7480256820042088</v>
      </c>
    </row>
    <row r="44325" spans="1:7" x14ac:dyDescent="0.3">
      <c r="A44325" s="13" t="s">
        <v>258</v>
      </c>
      <c r="B44325" s="14" t="s">
        <v>1</v>
      </c>
      <c r="C44325" s="14" t="s">
        <v>191</v>
      </c>
      <c r="D44325" s="14" t="s">
        <v>31</v>
      </c>
      <c r="E44325" s="15">
        <v>45536</v>
      </c>
      <c r="F44325" s="14" t="s">
        <v>15</v>
      </c>
      <c r="G44325" s="16">
        <v>1.7480256820042088</v>
      </c>
    </row>
    <row r="44326" spans="1:7" x14ac:dyDescent="0.3">
      <c r="A44326" s="13" t="s">
        <v>258</v>
      </c>
      <c r="B44326" s="14" t="s">
        <v>1</v>
      </c>
      <c r="C44326" s="14" t="s">
        <v>191</v>
      </c>
      <c r="D44326" s="14" t="s">
        <v>31</v>
      </c>
      <c r="E44326" s="15">
        <v>45537</v>
      </c>
      <c r="F44326" s="14" t="s">
        <v>15</v>
      </c>
      <c r="G44326" s="16">
        <v>1.7507075806945416</v>
      </c>
    </row>
    <row r="44327" spans="1:7" x14ac:dyDescent="0.3">
      <c r="A44327" s="13" t="s">
        <v>258</v>
      </c>
      <c r="B44327" s="14" t="s">
        <v>1</v>
      </c>
      <c r="C44327" s="14" t="s">
        <v>191</v>
      </c>
      <c r="D44327" s="14" t="s">
        <v>31</v>
      </c>
      <c r="E44327" s="15">
        <v>45538</v>
      </c>
      <c r="F44327" s="14" t="s">
        <v>15</v>
      </c>
      <c r="G44327" s="16">
        <v>1.7440167759516789</v>
      </c>
    </row>
    <row r="44328" spans="1:7" x14ac:dyDescent="0.3">
      <c r="A44328" s="13" t="s">
        <v>258</v>
      </c>
      <c r="B44328" s="14" t="s">
        <v>1</v>
      </c>
      <c r="C44328" s="14" t="s">
        <v>191</v>
      </c>
      <c r="D44328" s="14" t="s">
        <v>31</v>
      </c>
      <c r="E44328" s="15">
        <v>45539</v>
      </c>
      <c r="F44328" s="14" t="s">
        <v>15</v>
      </c>
      <c r="G44328" s="16">
        <v>1.7404300571683784</v>
      </c>
    </row>
    <row r="44329" spans="1:7" x14ac:dyDescent="0.3">
      <c r="A44329" s="13" t="s">
        <v>258</v>
      </c>
      <c r="B44329" s="14" t="s">
        <v>1</v>
      </c>
      <c r="C44329" s="14" t="s">
        <v>191</v>
      </c>
      <c r="D44329" s="14" t="s">
        <v>31</v>
      </c>
      <c r="E44329" s="15">
        <v>45540</v>
      </c>
      <c r="F44329" s="14" t="s">
        <v>15</v>
      </c>
      <c r="G44329" s="16">
        <v>1.7239713250665492</v>
      </c>
    </row>
    <row r="44330" spans="1:7" x14ac:dyDescent="0.3">
      <c r="A44330" s="13" t="s">
        <v>258</v>
      </c>
      <c r="B44330" s="14" t="s">
        <v>1</v>
      </c>
      <c r="C44330" s="14" t="s">
        <v>191</v>
      </c>
      <c r="D44330" s="14" t="s">
        <v>31</v>
      </c>
      <c r="E44330" s="15">
        <v>45541</v>
      </c>
      <c r="F44330" s="14" t="s">
        <v>15</v>
      </c>
      <c r="G44330" s="16">
        <v>1.7144168121024732</v>
      </c>
    </row>
    <row r="44331" spans="1:7" x14ac:dyDescent="0.3">
      <c r="A44331" s="13" t="s">
        <v>258</v>
      </c>
      <c r="B44331" s="14" t="s">
        <v>1</v>
      </c>
      <c r="C44331" s="14" t="s">
        <v>191</v>
      </c>
      <c r="D44331" s="14" t="s">
        <v>31</v>
      </c>
      <c r="E44331" s="15">
        <v>45542</v>
      </c>
      <c r="F44331" s="14" t="s">
        <v>15</v>
      </c>
      <c r="G44331" s="16">
        <v>1.7144168121024732</v>
      </c>
    </row>
    <row r="44332" spans="1:7" x14ac:dyDescent="0.3">
      <c r="A44332" s="13" t="s">
        <v>258</v>
      </c>
      <c r="B44332" s="14" t="s">
        <v>1</v>
      </c>
      <c r="C44332" s="14" t="s">
        <v>191</v>
      </c>
      <c r="D44332" s="14" t="s">
        <v>31</v>
      </c>
      <c r="E44332" s="15">
        <v>45543</v>
      </c>
      <c r="F44332" s="14" t="s">
        <v>15</v>
      </c>
      <c r="G44332" s="16">
        <v>1.7144168121024732</v>
      </c>
    </row>
    <row r="44333" spans="1:7" x14ac:dyDescent="0.3">
      <c r="A44333" s="13" t="s">
        <v>258</v>
      </c>
      <c r="B44333" s="14" t="s">
        <v>1</v>
      </c>
      <c r="C44333" s="14" t="s">
        <v>191</v>
      </c>
      <c r="D44333" s="14" t="s">
        <v>31</v>
      </c>
      <c r="E44333" s="15">
        <v>45544</v>
      </c>
      <c r="F44333" s="14" t="s">
        <v>15</v>
      </c>
      <c r="G44333" s="16">
        <v>1.7191906562669079</v>
      </c>
    </row>
    <row r="44334" spans="1:7" x14ac:dyDescent="0.3">
      <c r="A44334" s="13" t="s">
        <v>258</v>
      </c>
      <c r="B44334" s="14" t="s">
        <v>1</v>
      </c>
      <c r="C44334" s="14" t="s">
        <v>191</v>
      </c>
      <c r="D44334" s="14" t="s">
        <v>31</v>
      </c>
      <c r="E44334" s="15">
        <v>45545</v>
      </c>
      <c r="F44334" s="14" t="s">
        <v>15</v>
      </c>
      <c r="G44334" s="16">
        <v>1.7123405370549687</v>
      </c>
    </row>
    <row r="44335" spans="1:7" x14ac:dyDescent="0.3">
      <c r="A44335" s="13" t="s">
        <v>258</v>
      </c>
      <c r="B44335" s="14" t="s">
        <v>1</v>
      </c>
      <c r="C44335" s="14" t="s">
        <v>191</v>
      </c>
      <c r="D44335" s="14" t="s">
        <v>31</v>
      </c>
      <c r="E44335" s="15">
        <v>45546</v>
      </c>
      <c r="F44335" s="14" t="s">
        <v>15</v>
      </c>
      <c r="G44335" s="16">
        <v>1.7806699358256213</v>
      </c>
    </row>
    <row r="44336" spans="1:7" x14ac:dyDescent="0.3">
      <c r="A44336" s="13" t="s">
        <v>258</v>
      </c>
      <c r="B44336" s="14" t="s">
        <v>1</v>
      </c>
      <c r="C44336" s="14" t="s">
        <v>191</v>
      </c>
      <c r="D44336" s="14" t="s">
        <v>31</v>
      </c>
      <c r="E44336" s="15">
        <v>45547</v>
      </c>
      <c r="F44336" s="14" t="s">
        <v>15</v>
      </c>
      <c r="G44336" s="16">
        <v>1.7783843869153462</v>
      </c>
    </row>
    <row r="44337" spans="1:7" x14ac:dyDescent="0.3">
      <c r="A44337" s="13" t="s">
        <v>258</v>
      </c>
      <c r="B44337" s="14" t="s">
        <v>1</v>
      </c>
      <c r="C44337" s="14" t="s">
        <v>191</v>
      </c>
      <c r="D44337" s="14" t="s">
        <v>31</v>
      </c>
      <c r="E44337" s="15">
        <v>45548</v>
      </c>
      <c r="F44337" s="14" t="s">
        <v>15</v>
      </c>
      <c r="G44337" s="16">
        <v>1.77609223098416</v>
      </c>
    </row>
    <row r="44338" spans="1:7" x14ac:dyDescent="0.3">
      <c r="A44338" s="13" t="s">
        <v>258</v>
      </c>
      <c r="B44338" s="14" t="s">
        <v>1</v>
      </c>
      <c r="C44338" s="14" t="s">
        <v>191</v>
      </c>
      <c r="D44338" s="14" t="s">
        <v>31</v>
      </c>
      <c r="E44338" s="15">
        <v>45549</v>
      </c>
      <c r="F44338" s="14" t="s">
        <v>15</v>
      </c>
      <c r="G44338" s="16">
        <v>1.77609223098416</v>
      </c>
    </row>
    <row r="44339" spans="1:7" x14ac:dyDescent="0.3">
      <c r="A44339" s="13" t="s">
        <v>258</v>
      </c>
      <c r="B44339" s="14" t="s">
        <v>1</v>
      </c>
      <c r="C44339" s="14" t="s">
        <v>191</v>
      </c>
      <c r="D44339" s="14" t="s">
        <v>31</v>
      </c>
      <c r="E44339" s="15">
        <v>45550</v>
      </c>
      <c r="F44339" s="14" t="s">
        <v>15</v>
      </c>
      <c r="G44339" s="16">
        <v>1.77609223098416</v>
      </c>
    </row>
    <row r="44340" spans="1:7" x14ac:dyDescent="0.3">
      <c r="A44340" s="13" t="s">
        <v>258</v>
      </c>
      <c r="B44340" s="14" t="s">
        <v>1</v>
      </c>
      <c r="C44340" s="14" t="s">
        <v>191</v>
      </c>
      <c r="D44340" s="14" t="s">
        <v>31</v>
      </c>
      <c r="E44340" s="15">
        <v>45551</v>
      </c>
      <c r="F44340" s="14" t="s">
        <v>15</v>
      </c>
      <c r="G44340" s="16">
        <v>1.77378557964941</v>
      </c>
    </row>
    <row r="44341" spans="1:7" x14ac:dyDescent="0.3">
      <c r="A44341" s="13" t="s">
        <v>258</v>
      </c>
      <c r="B44341" s="14" t="s">
        <v>1</v>
      </c>
      <c r="C44341" s="14" t="s">
        <v>191</v>
      </c>
      <c r="D44341" s="14" t="s">
        <v>31</v>
      </c>
      <c r="E44341" s="15">
        <v>45552</v>
      </c>
      <c r="F44341" s="14" t="s">
        <v>15</v>
      </c>
      <c r="G44341" s="16">
        <v>1.7577435028092996</v>
      </c>
    </row>
    <row r="44342" spans="1:7" x14ac:dyDescent="0.3">
      <c r="A44342" s="13" t="s">
        <v>258</v>
      </c>
      <c r="B44342" s="14" t="s">
        <v>1</v>
      </c>
      <c r="C44342" s="14" t="s">
        <v>191</v>
      </c>
      <c r="D44342" s="14" t="s">
        <v>31</v>
      </c>
      <c r="E44342" s="15">
        <v>45553</v>
      </c>
      <c r="F44342" s="14" t="s">
        <v>15</v>
      </c>
      <c r="G44342" s="16">
        <v>1.7533440472447694</v>
      </c>
    </row>
    <row r="44343" spans="1:7" x14ac:dyDescent="0.3">
      <c r="A44343" s="13" t="s">
        <v>258</v>
      </c>
      <c r="B44343" s="14" t="s">
        <v>1</v>
      </c>
      <c r="C44343" s="14" t="s">
        <v>191</v>
      </c>
      <c r="D44343" s="14" t="s">
        <v>31</v>
      </c>
      <c r="E44343" s="15">
        <v>45554</v>
      </c>
      <c r="F44343" s="14" t="s">
        <v>15</v>
      </c>
      <c r="G44343" s="16">
        <v>1.7489753924624947</v>
      </c>
    </row>
    <row r="44344" spans="1:7" x14ac:dyDescent="0.3">
      <c r="A44344" s="13" t="s">
        <v>258</v>
      </c>
      <c r="B44344" s="14" t="s">
        <v>1</v>
      </c>
      <c r="C44344" s="14" t="s">
        <v>191</v>
      </c>
      <c r="D44344" s="14" t="s">
        <v>31</v>
      </c>
      <c r="E44344" s="15">
        <v>45555</v>
      </c>
      <c r="F44344" s="14" t="s">
        <v>15</v>
      </c>
      <c r="G44344" s="16">
        <v>1.7481018000662467</v>
      </c>
    </row>
    <row r="44345" spans="1:7" x14ac:dyDescent="0.3">
      <c r="A44345" s="13" t="s">
        <v>258</v>
      </c>
      <c r="B44345" s="14" t="s">
        <v>1</v>
      </c>
      <c r="C44345" s="14" t="s">
        <v>191</v>
      </c>
      <c r="D44345" s="14" t="s">
        <v>31</v>
      </c>
      <c r="E44345" s="15">
        <v>45556</v>
      </c>
      <c r="F44345" s="14" t="s">
        <v>15</v>
      </c>
      <c r="G44345" s="16">
        <v>1.7481018000662467</v>
      </c>
    </row>
    <row r="44346" spans="1:7" x14ac:dyDescent="0.3">
      <c r="A44346" s="13" t="s">
        <v>258</v>
      </c>
      <c r="B44346" s="14" t="s">
        <v>1</v>
      </c>
      <c r="C44346" s="14" t="s">
        <v>191</v>
      </c>
      <c r="D44346" s="14" t="s">
        <v>31</v>
      </c>
      <c r="E44346" s="15">
        <v>45557</v>
      </c>
      <c r="F44346" s="14" t="s">
        <v>15</v>
      </c>
      <c r="G44346" s="16">
        <v>1.7481018000662467</v>
      </c>
    </row>
    <row r="44347" spans="1:7" x14ac:dyDescent="0.3">
      <c r="A44347" s="13" t="s">
        <v>258</v>
      </c>
      <c r="B44347" s="14" t="s">
        <v>1</v>
      </c>
      <c r="C44347" s="14" t="s">
        <v>191</v>
      </c>
      <c r="D44347" s="14" t="s">
        <v>31</v>
      </c>
      <c r="E44347" s="15">
        <v>45558</v>
      </c>
      <c r="F44347" s="14" t="s">
        <v>15</v>
      </c>
      <c r="G44347" s="16">
        <v>1.7441609136874971</v>
      </c>
    </row>
    <row r="44348" spans="1:7" x14ac:dyDescent="0.3">
      <c r="A44348" s="13" t="s">
        <v>258</v>
      </c>
      <c r="B44348" s="14" t="s">
        <v>1</v>
      </c>
      <c r="C44348" s="14" t="s">
        <v>191</v>
      </c>
      <c r="D44348" s="14" t="s">
        <v>31</v>
      </c>
      <c r="E44348" s="15">
        <v>45559</v>
      </c>
      <c r="F44348" s="14" t="s">
        <v>15</v>
      </c>
      <c r="G44348" s="16">
        <v>1.7371377230198635</v>
      </c>
    </row>
    <row r="44349" spans="1:7" x14ac:dyDescent="0.3">
      <c r="A44349" s="13" t="s">
        <v>258</v>
      </c>
      <c r="B44349" s="14" t="s">
        <v>1</v>
      </c>
      <c r="C44349" s="14" t="s">
        <v>191</v>
      </c>
      <c r="D44349" s="14" t="s">
        <v>31</v>
      </c>
      <c r="E44349" s="15">
        <v>45560</v>
      </c>
      <c r="F44349" s="14" t="s">
        <v>15</v>
      </c>
      <c r="G44349" s="16">
        <v>1.734804006459405</v>
      </c>
    </row>
    <row r="44350" spans="1:7" x14ac:dyDescent="0.3">
      <c r="A44350" s="13" t="s">
        <v>258</v>
      </c>
      <c r="B44350" s="14" t="s">
        <v>1</v>
      </c>
      <c r="C44350" s="14" t="s">
        <v>191</v>
      </c>
      <c r="D44350" s="14" t="s">
        <v>31</v>
      </c>
      <c r="E44350" s="15">
        <v>45561</v>
      </c>
      <c r="F44350" s="14" t="s">
        <v>15</v>
      </c>
      <c r="G44350" s="16">
        <v>1.7324658551844045</v>
      </c>
    </row>
    <row r="44351" spans="1:7" x14ac:dyDescent="0.3">
      <c r="A44351" s="13" t="s">
        <v>258</v>
      </c>
      <c r="B44351" s="14" t="s">
        <v>1</v>
      </c>
      <c r="C44351" s="14" t="s">
        <v>191</v>
      </c>
      <c r="D44351" s="14" t="s">
        <v>31</v>
      </c>
      <c r="E44351" s="15">
        <v>45562</v>
      </c>
      <c r="F44351" s="14" t="s">
        <v>15</v>
      </c>
      <c r="G44351" s="16">
        <v>1.735260982968174</v>
      </c>
    </row>
    <row r="44352" spans="1:7" x14ac:dyDescent="0.3">
      <c r="A44352" s="13" t="s">
        <v>258</v>
      </c>
      <c r="B44352" s="14" t="s">
        <v>1</v>
      </c>
      <c r="C44352" s="14" t="s">
        <v>191</v>
      </c>
      <c r="D44352" s="14" t="s">
        <v>31</v>
      </c>
      <c r="E44352" s="15">
        <v>45563</v>
      </c>
      <c r="F44352" s="14" t="s">
        <v>15</v>
      </c>
      <c r="G44352" s="16">
        <v>1.735260982968174</v>
      </c>
    </row>
    <row r="44353" spans="1:7" x14ac:dyDescent="0.3">
      <c r="A44353" s="13" t="s">
        <v>258</v>
      </c>
      <c r="B44353" s="14" t="s">
        <v>1</v>
      </c>
      <c r="C44353" s="14" t="s">
        <v>191</v>
      </c>
      <c r="D44353" s="14" t="s">
        <v>31</v>
      </c>
      <c r="E44353" s="15">
        <v>45564</v>
      </c>
      <c r="F44353" s="14" t="s">
        <v>15</v>
      </c>
      <c r="G44353" s="16">
        <v>1.735260982968174</v>
      </c>
    </row>
    <row r="44354" spans="1:7" x14ac:dyDescent="0.3">
      <c r="A44354" s="13" t="s">
        <v>258</v>
      </c>
      <c r="B44354" s="14" t="s">
        <v>1</v>
      </c>
      <c r="C44354" s="14" t="s">
        <v>191</v>
      </c>
      <c r="D44354" s="14" t="s">
        <v>31</v>
      </c>
      <c r="E44354" s="15">
        <v>45565</v>
      </c>
      <c r="F44354" s="14" t="s">
        <v>15</v>
      </c>
      <c r="G44354" s="16">
        <v>1.7904557380649397</v>
      </c>
    </row>
    <row r="44355" spans="1:7" x14ac:dyDescent="0.3">
      <c r="A44355" s="13" t="s">
        <v>258</v>
      </c>
      <c r="B44355" s="14" t="s">
        <v>1</v>
      </c>
      <c r="C44355" s="14" t="s">
        <v>191</v>
      </c>
      <c r="D44355" s="14" t="s">
        <v>31</v>
      </c>
      <c r="E44355" s="15">
        <v>45566</v>
      </c>
      <c r="F44355" s="14" t="s">
        <v>15</v>
      </c>
      <c r="G44355" s="16">
        <v>1.7833568613761703</v>
      </c>
    </row>
    <row r="44356" spans="1:7" x14ac:dyDescent="0.3">
      <c r="A44356" s="13" t="s">
        <v>258</v>
      </c>
      <c r="B44356" s="14" t="s">
        <v>1</v>
      </c>
      <c r="C44356" s="14" t="s">
        <v>191</v>
      </c>
      <c r="D44356" s="14" t="s">
        <v>31</v>
      </c>
      <c r="E44356" s="15">
        <v>45567</v>
      </c>
      <c r="F44356" s="14" t="s">
        <v>15</v>
      </c>
      <c r="G44356" s="16">
        <v>1.7810443500908426</v>
      </c>
    </row>
    <row r="44357" spans="1:7" x14ac:dyDescent="0.3">
      <c r="A44357" s="13" t="s">
        <v>258</v>
      </c>
      <c r="B44357" s="14" t="s">
        <v>1</v>
      </c>
      <c r="C44357" s="14" t="s">
        <v>191</v>
      </c>
      <c r="D44357" s="14" t="s">
        <v>31</v>
      </c>
      <c r="E44357" s="15">
        <v>45568</v>
      </c>
      <c r="F44357" s="14" t="s">
        <v>15</v>
      </c>
      <c r="G44357" s="16">
        <v>1.7609883025368775</v>
      </c>
    </row>
    <row r="44358" spans="1:7" x14ac:dyDescent="0.3">
      <c r="A44358" s="13" t="s">
        <v>258</v>
      </c>
      <c r="B44358" s="14" t="s">
        <v>1</v>
      </c>
      <c r="C44358" s="14" t="s">
        <v>191</v>
      </c>
      <c r="D44358" s="14" t="s">
        <v>31</v>
      </c>
      <c r="E44358" s="15">
        <v>45569</v>
      </c>
      <c r="F44358" s="14" t="s">
        <v>15</v>
      </c>
      <c r="G44358" s="16">
        <v>1.758643870396561</v>
      </c>
    </row>
    <row r="44359" spans="1:7" x14ac:dyDescent="0.3">
      <c r="A44359" s="13" t="s">
        <v>258</v>
      </c>
      <c r="B44359" s="14" t="s">
        <v>1</v>
      </c>
      <c r="C44359" s="14" t="s">
        <v>191</v>
      </c>
      <c r="D44359" s="14" t="s">
        <v>31</v>
      </c>
      <c r="E44359" s="15">
        <v>45570</v>
      </c>
      <c r="F44359" s="14" t="s">
        <v>15</v>
      </c>
      <c r="G44359" s="16">
        <v>1.758643870396561</v>
      </c>
    </row>
    <row r="44360" spans="1:7" x14ac:dyDescent="0.3">
      <c r="A44360" s="13" t="s">
        <v>258</v>
      </c>
      <c r="B44360" s="14" t="s">
        <v>1</v>
      </c>
      <c r="C44360" s="14" t="s">
        <v>191</v>
      </c>
      <c r="D44360" s="14" t="s">
        <v>31</v>
      </c>
      <c r="E44360" s="15">
        <v>45571</v>
      </c>
      <c r="F44360" s="14" t="s">
        <v>15</v>
      </c>
      <c r="G44360" s="16">
        <v>1.758643870396561</v>
      </c>
    </row>
    <row r="44361" spans="1:7" x14ac:dyDescent="0.3">
      <c r="A44361" s="13" t="s">
        <v>258</v>
      </c>
      <c r="B44361" s="14" t="s">
        <v>1</v>
      </c>
      <c r="C44361" s="14" t="s">
        <v>191</v>
      </c>
      <c r="D44361" s="14" t="s">
        <v>31</v>
      </c>
      <c r="E44361" s="15">
        <v>45572</v>
      </c>
      <c r="F44361" s="14" t="s">
        <v>15</v>
      </c>
      <c r="G44361" s="16">
        <v>1.7563094731425768</v>
      </c>
    </row>
    <row r="44362" spans="1:7" x14ac:dyDescent="0.3">
      <c r="A44362" s="13" t="s">
        <v>258</v>
      </c>
      <c r="B44362" s="14" t="s">
        <v>1</v>
      </c>
      <c r="C44362" s="14" t="s">
        <v>191</v>
      </c>
      <c r="D44362" s="14" t="s">
        <v>31</v>
      </c>
      <c r="E44362" s="15">
        <v>45573</v>
      </c>
      <c r="F44362" s="14" t="s">
        <v>15</v>
      </c>
      <c r="G44362" s="16">
        <v>1.7482732575084678</v>
      </c>
    </row>
    <row r="44363" spans="1:7" x14ac:dyDescent="0.3">
      <c r="A44363" s="13" t="s">
        <v>258</v>
      </c>
      <c r="B44363" s="14" t="s">
        <v>1</v>
      </c>
      <c r="C44363" s="14" t="s">
        <v>191</v>
      </c>
      <c r="D44363" s="14" t="s">
        <v>31</v>
      </c>
      <c r="E44363" s="15">
        <v>45574</v>
      </c>
      <c r="F44363" s="14" t="s">
        <v>15</v>
      </c>
      <c r="G44363" s="16">
        <v>1.7522629235671736</v>
      </c>
    </row>
    <row r="44364" spans="1:7" x14ac:dyDescent="0.3">
      <c r="A44364" s="13" t="s">
        <v>258</v>
      </c>
      <c r="B44364" s="14" t="s">
        <v>1</v>
      </c>
      <c r="C44364" s="14" t="s">
        <v>191</v>
      </c>
      <c r="D44364" s="14" t="s">
        <v>31</v>
      </c>
      <c r="E44364" s="15">
        <v>45575</v>
      </c>
      <c r="F44364" s="14" t="s">
        <v>15</v>
      </c>
      <c r="G44364" s="16">
        <v>1.7499930552557643</v>
      </c>
    </row>
    <row r="44365" spans="1:7" x14ac:dyDescent="0.3">
      <c r="A44365" s="13" t="s">
        <v>258</v>
      </c>
      <c r="B44365" s="14" t="s">
        <v>1</v>
      </c>
      <c r="C44365" s="14" t="s">
        <v>191</v>
      </c>
      <c r="D44365" s="14" t="s">
        <v>31</v>
      </c>
      <c r="E44365" s="15">
        <v>45576</v>
      </c>
      <c r="F44365" s="14" t="s">
        <v>15</v>
      </c>
      <c r="G44365" s="16">
        <v>1.7477214721772114</v>
      </c>
    </row>
    <row r="44366" spans="1:7" x14ac:dyDescent="0.3">
      <c r="A44366" s="13" t="s">
        <v>258</v>
      </c>
      <c r="B44366" s="14" t="s">
        <v>1</v>
      </c>
      <c r="C44366" s="14" t="s">
        <v>191</v>
      </c>
      <c r="D44366" s="14" t="s">
        <v>31</v>
      </c>
      <c r="E44366" s="15">
        <v>45577</v>
      </c>
      <c r="F44366" s="14" t="s">
        <v>15</v>
      </c>
      <c r="G44366" s="16">
        <v>1.7477214721772114</v>
      </c>
    </row>
    <row r="44367" spans="1:7" x14ac:dyDescent="0.3">
      <c r="A44367" s="13" t="s">
        <v>258</v>
      </c>
      <c r="B44367" s="14" t="s">
        <v>1</v>
      </c>
      <c r="C44367" s="14" t="s">
        <v>191</v>
      </c>
      <c r="D44367" s="14" t="s">
        <v>31</v>
      </c>
      <c r="E44367" s="15">
        <v>45578</v>
      </c>
      <c r="F44367" s="14" t="s">
        <v>15</v>
      </c>
      <c r="G44367" s="16">
        <v>1.7477214721772114</v>
      </c>
    </row>
    <row r="44368" spans="1:7" x14ac:dyDescent="0.3">
      <c r="A44368" s="13" t="s">
        <v>258</v>
      </c>
      <c r="B44368" s="14" t="s">
        <v>1</v>
      </c>
      <c r="C44368" s="14" t="s">
        <v>191</v>
      </c>
      <c r="D44368" s="14" t="s">
        <v>31</v>
      </c>
      <c r="E44368" s="15">
        <v>45579</v>
      </c>
      <c r="F44368" s="14" t="s">
        <v>15</v>
      </c>
      <c r="G44368" s="16">
        <v>1.745455921601976</v>
      </c>
    </row>
    <row r="44369" spans="1:7" x14ac:dyDescent="0.3">
      <c r="A44369" s="13" t="s">
        <v>258</v>
      </c>
      <c r="B44369" s="14" t="s">
        <v>1</v>
      </c>
      <c r="C44369" s="14" t="s">
        <v>191</v>
      </c>
      <c r="D44369" s="14" t="s">
        <v>31</v>
      </c>
      <c r="E44369" s="15">
        <v>45580</v>
      </c>
      <c r="F44369" s="14" t="s">
        <v>15</v>
      </c>
      <c r="G44369" s="16">
        <v>1.738671921344229</v>
      </c>
    </row>
    <row r="44370" spans="1:7" x14ac:dyDescent="0.3">
      <c r="A44370" s="13" t="s">
        <v>258</v>
      </c>
      <c r="B44370" s="14" t="s">
        <v>1</v>
      </c>
      <c r="C44370" s="14" t="s">
        <v>191</v>
      </c>
      <c r="D44370" s="14" t="s">
        <v>31</v>
      </c>
      <c r="E44370" s="15">
        <v>45581</v>
      </c>
      <c r="F44370" s="14" t="s">
        <v>15</v>
      </c>
      <c r="G44370" s="16">
        <v>1.7364131830630511</v>
      </c>
    </row>
    <row r="44371" spans="1:7" x14ac:dyDescent="0.3">
      <c r="A44371" s="13" t="s">
        <v>258</v>
      </c>
      <c r="B44371" s="14" t="s">
        <v>1</v>
      </c>
      <c r="C44371" s="14" t="s">
        <v>191</v>
      </c>
      <c r="D44371" s="14" t="s">
        <v>31</v>
      </c>
      <c r="E44371" s="15">
        <v>45582</v>
      </c>
      <c r="F44371" s="14" t="s">
        <v>15</v>
      </c>
      <c r="G44371" s="16">
        <v>1.7351984283113482</v>
      </c>
    </row>
    <row r="44372" spans="1:7" x14ac:dyDescent="0.3">
      <c r="A44372" s="13" t="s">
        <v>258</v>
      </c>
      <c r="B44372" s="14" t="s">
        <v>1</v>
      </c>
      <c r="C44372" s="14" t="s">
        <v>191</v>
      </c>
      <c r="D44372" s="14" t="s">
        <v>31</v>
      </c>
      <c r="E44372" s="15">
        <v>45583</v>
      </c>
      <c r="F44372" s="14" t="s">
        <v>15</v>
      </c>
      <c r="G44372" s="16">
        <v>1.7329497117681347</v>
      </c>
    </row>
    <row r="44373" spans="1:7" x14ac:dyDescent="0.3">
      <c r="A44373" s="13" t="s">
        <v>258</v>
      </c>
      <c r="B44373" s="14" t="s">
        <v>1</v>
      </c>
      <c r="C44373" s="14" t="s">
        <v>191</v>
      </c>
      <c r="D44373" s="14" t="s">
        <v>31</v>
      </c>
      <c r="E44373" s="15">
        <v>45584</v>
      </c>
      <c r="F44373" s="14" t="s">
        <v>15</v>
      </c>
      <c r="G44373" s="16">
        <v>1.7329497117681347</v>
      </c>
    </row>
    <row r="44374" spans="1:7" x14ac:dyDescent="0.3">
      <c r="A44374" s="13" t="s">
        <v>258</v>
      </c>
      <c r="B44374" s="14" t="s">
        <v>1</v>
      </c>
      <c r="C44374" s="14" t="s">
        <v>191</v>
      </c>
      <c r="D44374" s="14" t="s">
        <v>31</v>
      </c>
      <c r="E44374" s="15">
        <v>45585</v>
      </c>
      <c r="F44374" s="14" t="s">
        <v>15</v>
      </c>
      <c r="G44374" s="16">
        <v>1.7329497117681347</v>
      </c>
    </row>
    <row r="44375" spans="1:7" x14ac:dyDescent="0.3">
      <c r="A44375" s="13" t="s">
        <v>258</v>
      </c>
      <c r="B44375" s="14" t="s">
        <v>1</v>
      </c>
      <c r="C44375" s="14" t="s">
        <v>191</v>
      </c>
      <c r="D44375" s="14" t="s">
        <v>31</v>
      </c>
      <c r="E44375" s="15">
        <v>45586</v>
      </c>
      <c r="F44375" s="14" t="s">
        <v>15</v>
      </c>
      <c r="G44375" s="16">
        <v>1.7308328655969212</v>
      </c>
    </row>
    <row r="44376" spans="1:7" x14ac:dyDescent="0.3">
      <c r="A44376" s="13" t="s">
        <v>258</v>
      </c>
      <c r="B44376" s="14" t="s">
        <v>1</v>
      </c>
      <c r="C44376" s="14" t="s">
        <v>191</v>
      </c>
      <c r="D44376" s="14" t="s">
        <v>31</v>
      </c>
      <c r="E44376" s="15">
        <v>45587</v>
      </c>
      <c r="F44376" s="14" t="s">
        <v>15</v>
      </c>
      <c r="G44376" s="16">
        <v>1.7242753233890109</v>
      </c>
    </row>
    <row r="44377" spans="1:7" x14ac:dyDescent="0.3">
      <c r="A44377" s="13" t="s">
        <v>258</v>
      </c>
      <c r="B44377" s="14" t="s">
        <v>1</v>
      </c>
      <c r="C44377" s="14" t="s">
        <v>191</v>
      </c>
      <c r="D44377" s="14" t="s">
        <v>31</v>
      </c>
      <c r="E44377" s="15">
        <v>45588</v>
      </c>
      <c r="F44377" s="14" t="s">
        <v>15</v>
      </c>
      <c r="G44377" s="16">
        <v>1.715717987650391</v>
      </c>
    </row>
    <row r="44378" spans="1:7" x14ac:dyDescent="0.3">
      <c r="A44378" s="13" t="s">
        <v>258</v>
      </c>
      <c r="B44378" s="14" t="s">
        <v>1</v>
      </c>
      <c r="C44378" s="14" t="s">
        <v>191</v>
      </c>
      <c r="D44378" s="14" t="s">
        <v>31</v>
      </c>
      <c r="E44378" s="15">
        <v>45589</v>
      </c>
      <c r="F44378" s="14" t="s">
        <v>15</v>
      </c>
      <c r="G44378" s="16">
        <v>1.713496515004147</v>
      </c>
    </row>
    <row r="44379" spans="1:7" x14ac:dyDescent="0.3">
      <c r="A44379" s="13" t="s">
        <v>258</v>
      </c>
      <c r="B44379" s="14" t="s">
        <v>1</v>
      </c>
      <c r="C44379" s="14" t="s">
        <v>191</v>
      </c>
      <c r="D44379" s="14" t="s">
        <v>31</v>
      </c>
      <c r="E44379" s="15">
        <v>45590</v>
      </c>
      <c r="F44379" s="14" t="s">
        <v>15</v>
      </c>
      <c r="G44379" s="16">
        <v>1.7112890438692769</v>
      </c>
    </row>
    <row r="44380" spans="1:7" x14ac:dyDescent="0.3">
      <c r="A44380" s="13" t="s">
        <v>258</v>
      </c>
      <c r="B44380" s="14" t="s">
        <v>1</v>
      </c>
      <c r="C44380" s="14" t="s">
        <v>191</v>
      </c>
      <c r="D44380" s="14" t="s">
        <v>31</v>
      </c>
      <c r="E44380" s="15">
        <v>45591</v>
      </c>
      <c r="F44380" s="14" t="s">
        <v>15</v>
      </c>
      <c r="G44380" s="16">
        <v>1.7112890438692769</v>
      </c>
    </row>
    <row r="44381" spans="1:7" x14ac:dyDescent="0.3">
      <c r="A44381" s="13" t="s">
        <v>258</v>
      </c>
      <c r="B44381" s="14" t="s">
        <v>1</v>
      </c>
      <c r="C44381" s="14" t="s">
        <v>191</v>
      </c>
      <c r="D44381" s="14" t="s">
        <v>31</v>
      </c>
      <c r="E44381" s="15">
        <v>45592</v>
      </c>
      <c r="F44381" s="14" t="s">
        <v>15</v>
      </c>
      <c r="G44381" s="16">
        <v>1.7112890438692769</v>
      </c>
    </row>
    <row r="44382" spans="1:7" x14ac:dyDescent="0.3">
      <c r="A44382" s="13" t="s">
        <v>258</v>
      </c>
      <c r="B44382" s="14" t="s">
        <v>1</v>
      </c>
      <c r="C44382" s="14" t="s">
        <v>191</v>
      </c>
      <c r="D44382" s="14" t="s">
        <v>31</v>
      </c>
      <c r="E44382" s="15">
        <v>45593</v>
      </c>
      <c r="F44382" s="14" t="s">
        <v>15</v>
      </c>
      <c r="G44382" s="16">
        <v>1.7112890438692769</v>
      </c>
    </row>
    <row r="44383" spans="1:7" x14ac:dyDescent="0.3">
      <c r="A44383" s="13" t="s">
        <v>258</v>
      </c>
      <c r="B44383" s="14" t="s">
        <v>1</v>
      </c>
      <c r="C44383" s="14" t="s">
        <v>191</v>
      </c>
      <c r="D44383" s="14" t="s">
        <v>31</v>
      </c>
      <c r="E44383" s="15">
        <v>45594</v>
      </c>
      <c r="F44383" s="14" t="s">
        <v>15</v>
      </c>
      <c r="G44383" s="16">
        <v>1.71332580902543</v>
      </c>
    </row>
    <row r="44384" spans="1:7" x14ac:dyDescent="0.3">
      <c r="A44384" s="13" t="s">
        <v>258</v>
      </c>
      <c r="B44384" s="14" t="s">
        <v>1</v>
      </c>
      <c r="C44384" s="14" t="s">
        <v>191</v>
      </c>
      <c r="D44384" s="14" t="s">
        <v>31</v>
      </c>
      <c r="E44384" s="15">
        <v>45595</v>
      </c>
      <c r="F44384" s="14" t="s">
        <v>15</v>
      </c>
      <c r="G44384" s="16">
        <v>1.7398088470796877</v>
      </c>
    </row>
    <row r="44385" spans="1:7" x14ac:dyDescent="0.3">
      <c r="A44385" s="13" t="s">
        <v>258</v>
      </c>
      <c r="B44385" s="14" t="s">
        <v>1</v>
      </c>
      <c r="C44385" s="14" t="s">
        <v>191</v>
      </c>
      <c r="D44385" s="14" t="s">
        <v>31</v>
      </c>
      <c r="E44385" s="15">
        <v>45596</v>
      </c>
      <c r="F44385" s="14" t="s">
        <v>15</v>
      </c>
      <c r="G44385" s="16">
        <v>1.7398088470796877</v>
      </c>
    </row>
    <row r="44386" spans="1:7" x14ac:dyDescent="0.3">
      <c r="A44386" s="13" t="s">
        <v>258</v>
      </c>
      <c r="B44386" s="14" t="s">
        <v>1</v>
      </c>
      <c r="C44386" s="14" t="s">
        <v>191</v>
      </c>
      <c r="D44386" s="14" t="s">
        <v>31</v>
      </c>
      <c r="E44386" s="15">
        <v>45597</v>
      </c>
      <c r="F44386" s="14" t="s">
        <v>15</v>
      </c>
      <c r="G44386" s="16">
        <v>1.73764442217138</v>
      </c>
    </row>
    <row r="44387" spans="1:7" x14ac:dyDescent="0.3">
      <c r="A44387" s="13" t="s">
        <v>258</v>
      </c>
      <c r="B44387" s="14" t="s">
        <v>1</v>
      </c>
      <c r="C44387" s="14" t="s">
        <v>191</v>
      </c>
      <c r="D44387" s="14" t="s">
        <v>31</v>
      </c>
      <c r="E44387" s="15">
        <v>45598</v>
      </c>
      <c r="F44387" s="14" t="s">
        <v>15</v>
      </c>
      <c r="G44387" s="16">
        <v>1.73764442217138</v>
      </c>
    </row>
    <row r="44388" spans="1:7" x14ac:dyDescent="0.3">
      <c r="A44388" s="13" t="s">
        <v>258</v>
      </c>
      <c r="B44388" s="14" t="s">
        <v>1</v>
      </c>
      <c r="C44388" s="14" t="s">
        <v>191</v>
      </c>
      <c r="D44388" s="14" t="s">
        <v>31</v>
      </c>
      <c r="E44388" s="15">
        <v>45599</v>
      </c>
      <c r="F44388" s="14" t="s">
        <v>15</v>
      </c>
      <c r="G44388" s="16">
        <v>1.73764442217138</v>
      </c>
    </row>
    <row r="44389" spans="1:7" x14ac:dyDescent="0.3">
      <c r="A44389" s="13" t="s">
        <v>258</v>
      </c>
      <c r="B44389" s="14" t="s">
        <v>1</v>
      </c>
      <c r="C44389" s="14" t="s">
        <v>191</v>
      </c>
      <c r="D44389" s="14" t="s">
        <v>31</v>
      </c>
      <c r="E44389" s="15">
        <v>45600</v>
      </c>
      <c r="F44389" s="14" t="s">
        <v>15</v>
      </c>
      <c r="G44389" s="16">
        <v>1.7677149826968936</v>
      </c>
    </row>
    <row r="44390" spans="1:7" x14ac:dyDescent="0.3">
      <c r="A44390" s="13" t="s">
        <v>258</v>
      </c>
      <c r="B44390" s="14" t="s">
        <v>1</v>
      </c>
      <c r="C44390" s="14" t="s">
        <v>191</v>
      </c>
      <c r="D44390" s="14" t="s">
        <v>31</v>
      </c>
      <c r="E44390" s="15">
        <v>45601</v>
      </c>
      <c r="F44390" s="14" t="s">
        <v>15</v>
      </c>
      <c r="G44390" s="16">
        <v>1.7913284248710661</v>
      </c>
    </row>
    <row r="44391" spans="1:7" x14ac:dyDescent="0.3">
      <c r="A44391" s="13" t="s">
        <v>258</v>
      </c>
      <c r="B44391" s="14" t="s">
        <v>1</v>
      </c>
      <c r="C44391" s="14" t="s">
        <v>191</v>
      </c>
      <c r="D44391" s="14" t="s">
        <v>31</v>
      </c>
      <c r="E44391" s="15">
        <v>45602</v>
      </c>
      <c r="F44391" s="14" t="s">
        <v>15</v>
      </c>
      <c r="G44391" s="16">
        <v>1.7891585531008625</v>
      </c>
    </row>
    <row r="44392" spans="1:7" x14ac:dyDescent="0.3">
      <c r="A44392" s="13" t="s">
        <v>258</v>
      </c>
      <c r="B44392" s="14" t="s">
        <v>1</v>
      </c>
      <c r="C44392" s="14" t="s">
        <v>191</v>
      </c>
      <c r="D44392" s="14" t="s">
        <v>31</v>
      </c>
      <c r="E44392" s="15">
        <v>45603</v>
      </c>
      <c r="F44392" s="14" t="s">
        <v>15</v>
      </c>
      <c r="G44392" s="16">
        <v>1.8549108537143706</v>
      </c>
    </row>
    <row r="44393" spans="1:7" x14ac:dyDescent="0.3">
      <c r="A44393" s="13" t="s">
        <v>258</v>
      </c>
      <c r="B44393" s="14" t="s">
        <v>1</v>
      </c>
      <c r="C44393" s="14" t="s">
        <v>191</v>
      </c>
      <c r="D44393" s="14" t="s">
        <v>31</v>
      </c>
      <c r="E44393" s="15">
        <v>45604</v>
      </c>
      <c r="F44393" s="14" t="s">
        <v>15</v>
      </c>
      <c r="G44393" s="16">
        <v>1.8527761254321167</v>
      </c>
    </row>
    <row r="44394" spans="1:7" x14ac:dyDescent="0.3">
      <c r="A44394" s="13" t="s">
        <v>258</v>
      </c>
      <c r="B44394" s="14" t="s">
        <v>1</v>
      </c>
      <c r="C44394" s="14" t="s">
        <v>191</v>
      </c>
      <c r="D44394" s="14" t="s">
        <v>31</v>
      </c>
      <c r="E44394" s="15">
        <v>45605</v>
      </c>
      <c r="F44394" s="14" t="s">
        <v>15</v>
      </c>
      <c r="G44394" s="16">
        <v>1.8527761254321167</v>
      </c>
    </row>
    <row r="44395" spans="1:7" x14ac:dyDescent="0.3">
      <c r="A44395" s="13" t="s">
        <v>258</v>
      </c>
      <c r="B44395" s="14" t="s">
        <v>1</v>
      </c>
      <c r="C44395" s="14" t="s">
        <v>191</v>
      </c>
      <c r="D44395" s="14" t="s">
        <v>31</v>
      </c>
      <c r="E44395" s="15">
        <v>45606</v>
      </c>
      <c r="F44395" s="14" t="s">
        <v>15</v>
      </c>
      <c r="G44395" s="16">
        <v>1.8527761254321167</v>
      </c>
    </row>
    <row r="44396" spans="1:7" x14ac:dyDescent="0.3">
      <c r="A44396" s="13" t="s">
        <v>258</v>
      </c>
      <c r="B44396" s="14" t="s">
        <v>1</v>
      </c>
      <c r="C44396" s="14" t="s">
        <v>191</v>
      </c>
      <c r="D44396" s="14" t="s">
        <v>31</v>
      </c>
      <c r="E44396" s="15">
        <v>45607</v>
      </c>
      <c r="F44396" s="14" t="s">
        <v>15</v>
      </c>
      <c r="G44396" s="16">
        <v>1.8506709972050697</v>
      </c>
    </row>
    <row r="44397" spans="1:7" x14ac:dyDescent="0.3">
      <c r="A44397" s="13" t="s">
        <v>258</v>
      </c>
      <c r="B44397" s="14" t="s">
        <v>1</v>
      </c>
      <c r="C44397" s="14" t="s">
        <v>191</v>
      </c>
      <c r="D44397" s="14" t="s">
        <v>31</v>
      </c>
      <c r="E44397" s="15">
        <v>45608</v>
      </c>
      <c r="F44397" s="14" t="s">
        <v>15</v>
      </c>
      <c r="G44397" s="16">
        <v>1.8443027551906517</v>
      </c>
    </row>
    <row r="44398" spans="1:7" x14ac:dyDescent="0.3">
      <c r="A44398" s="13" t="s">
        <v>258</v>
      </c>
      <c r="B44398" s="14" t="s">
        <v>1</v>
      </c>
      <c r="C44398" s="14" t="s">
        <v>191</v>
      </c>
      <c r="D44398" s="14" t="s">
        <v>31</v>
      </c>
      <c r="E44398" s="15">
        <v>45609</v>
      </c>
      <c r="F44398" s="14" t="s">
        <v>15</v>
      </c>
      <c r="G44398" s="16">
        <v>1.8511993945289986</v>
      </c>
    </row>
    <row r="44399" spans="1:7" x14ac:dyDescent="0.3">
      <c r="A44399" s="13" t="s">
        <v>258</v>
      </c>
      <c r="B44399" s="14" t="s">
        <v>1</v>
      </c>
      <c r="C44399" s="14" t="s">
        <v>191</v>
      </c>
      <c r="D44399" s="14" t="s">
        <v>31</v>
      </c>
      <c r="E44399" s="15">
        <v>45610</v>
      </c>
      <c r="F44399" s="14" t="s">
        <v>15</v>
      </c>
      <c r="G44399" s="16">
        <v>1.8490851576843987</v>
      </c>
    </row>
    <row r="44400" spans="1:7" x14ac:dyDescent="0.3">
      <c r="A44400" s="13" t="s">
        <v>258</v>
      </c>
      <c r="B44400" s="14" t="s">
        <v>1</v>
      </c>
      <c r="C44400" s="14" t="s">
        <v>191</v>
      </c>
      <c r="D44400" s="14" t="s">
        <v>31</v>
      </c>
      <c r="E44400" s="15">
        <v>45611</v>
      </c>
      <c r="F44400" s="14" t="s">
        <v>15</v>
      </c>
      <c r="G44400" s="16">
        <v>1.8469859431616109</v>
      </c>
    </row>
    <row r="44401" spans="1:7" x14ac:dyDescent="0.3">
      <c r="A44401" s="13" t="s">
        <v>258</v>
      </c>
      <c r="B44401" s="14" t="s">
        <v>1</v>
      </c>
      <c r="C44401" s="14" t="s">
        <v>191</v>
      </c>
      <c r="D44401" s="14" t="s">
        <v>31</v>
      </c>
      <c r="E44401" s="15">
        <v>45612</v>
      </c>
      <c r="F44401" s="14" t="s">
        <v>15</v>
      </c>
      <c r="G44401" s="16">
        <v>1.8469859431616109</v>
      </c>
    </row>
    <row r="44402" spans="1:7" x14ac:dyDescent="0.3">
      <c r="A44402" s="13" t="s">
        <v>258</v>
      </c>
      <c r="B44402" s="14" t="s">
        <v>1</v>
      </c>
      <c r="C44402" s="14" t="s">
        <v>191</v>
      </c>
      <c r="D44402" s="14" t="s">
        <v>31</v>
      </c>
      <c r="E44402" s="15">
        <v>45613</v>
      </c>
      <c r="F44402" s="14" t="s">
        <v>15</v>
      </c>
      <c r="G44402" s="16">
        <v>1.8469859431616109</v>
      </c>
    </row>
    <row r="44403" spans="1:7" x14ac:dyDescent="0.3">
      <c r="A44403" s="13" t="s">
        <v>258</v>
      </c>
      <c r="B44403" s="14" t="s">
        <v>1</v>
      </c>
      <c r="C44403" s="14" t="s">
        <v>191</v>
      </c>
      <c r="D44403" s="14" t="s">
        <v>31</v>
      </c>
      <c r="E44403" s="15">
        <v>45614</v>
      </c>
      <c r="F44403" s="14" t="s">
        <v>15</v>
      </c>
      <c r="G44403" s="16">
        <v>1.8449035315180913</v>
      </c>
    </row>
    <row r="44404" spans="1:7" x14ac:dyDescent="0.3">
      <c r="A44404" s="13" t="s">
        <v>258</v>
      </c>
      <c r="B44404" s="14" t="s">
        <v>1</v>
      </c>
      <c r="C44404" s="14" t="s">
        <v>191</v>
      </c>
      <c r="D44404" s="14" t="s">
        <v>31</v>
      </c>
      <c r="E44404" s="15">
        <v>45615</v>
      </c>
      <c r="F44404" s="14" t="s">
        <v>15</v>
      </c>
      <c r="G44404" s="16">
        <v>2.1943344891258989</v>
      </c>
    </row>
    <row r="44405" spans="1:7" x14ac:dyDescent="0.3">
      <c r="A44405" s="13" t="s">
        <v>258</v>
      </c>
      <c r="B44405" s="14" t="s">
        <v>1</v>
      </c>
      <c r="C44405" s="14" t="s">
        <v>191</v>
      </c>
      <c r="D44405" s="14" t="s">
        <v>31</v>
      </c>
      <c r="E44405" s="15">
        <v>45616</v>
      </c>
      <c r="F44405" s="14" t="s">
        <v>15</v>
      </c>
      <c r="G44405" s="16">
        <v>2.1922466946214656</v>
      </c>
    </row>
    <row r="44406" spans="1:7" x14ac:dyDescent="0.3">
      <c r="A44406" s="13" t="s">
        <v>258</v>
      </c>
      <c r="B44406" s="14" t="s">
        <v>1</v>
      </c>
      <c r="C44406" s="14" t="s">
        <v>191</v>
      </c>
      <c r="D44406" s="14" t="s">
        <v>31</v>
      </c>
      <c r="E44406" s="15">
        <v>45617</v>
      </c>
      <c r="F44406" s="14" t="s">
        <v>15</v>
      </c>
      <c r="G44406" s="16">
        <v>2.1901524457781085</v>
      </c>
    </row>
    <row r="44407" spans="1:7" x14ac:dyDescent="0.3">
      <c r="A44407" s="13" t="s">
        <v>258</v>
      </c>
      <c r="B44407" s="14" t="s">
        <v>1</v>
      </c>
      <c r="C44407" s="14" t="s">
        <v>191</v>
      </c>
      <c r="D44407" s="14" t="s">
        <v>31</v>
      </c>
      <c r="E44407" s="15">
        <v>45618</v>
      </c>
      <c r="F44407" s="14" t="s">
        <v>15</v>
      </c>
      <c r="G44407" s="16">
        <v>2.1880732543591566</v>
      </c>
    </row>
    <row r="44408" spans="1:7" x14ac:dyDescent="0.3">
      <c r="A44408" s="13" t="s">
        <v>258</v>
      </c>
      <c r="B44408" s="14" t="s">
        <v>1</v>
      </c>
      <c r="C44408" s="14" t="s">
        <v>191</v>
      </c>
      <c r="D44408" s="14" t="s">
        <v>31</v>
      </c>
      <c r="E44408" s="15">
        <v>45619</v>
      </c>
      <c r="F44408" s="14" t="s">
        <v>15</v>
      </c>
      <c r="G44408" s="16">
        <v>2.1880732543591566</v>
      </c>
    </row>
    <row r="44409" spans="1:7" x14ac:dyDescent="0.3">
      <c r="A44409" s="13" t="s">
        <v>258</v>
      </c>
      <c r="B44409" s="14" t="s">
        <v>1</v>
      </c>
      <c r="C44409" s="14" t="s">
        <v>191</v>
      </c>
      <c r="D44409" s="14" t="s">
        <v>31</v>
      </c>
      <c r="E44409" s="15">
        <v>45620</v>
      </c>
      <c r="F44409" s="14" t="s">
        <v>15</v>
      </c>
      <c r="G44409" s="16">
        <v>2.1880732543591566</v>
      </c>
    </row>
    <row r="44410" spans="1:7" x14ac:dyDescent="0.3">
      <c r="A44410" s="13" t="s">
        <v>258</v>
      </c>
      <c r="B44410" s="14" t="s">
        <v>1</v>
      </c>
      <c r="C44410" s="14" t="s">
        <v>191</v>
      </c>
      <c r="D44410" s="14" t="s">
        <v>31</v>
      </c>
      <c r="E44410" s="15">
        <v>45621</v>
      </c>
      <c r="F44410" s="14" t="s">
        <v>15</v>
      </c>
      <c r="G44410" s="16">
        <v>2.1859956633527058</v>
      </c>
    </row>
    <row r="44411" spans="1:7" x14ac:dyDescent="0.3">
      <c r="A44411" s="13" t="s">
        <v>258</v>
      </c>
      <c r="B44411" s="14" t="s">
        <v>1</v>
      </c>
      <c r="C44411" s="14" t="s">
        <v>191</v>
      </c>
      <c r="D44411" s="14" t="s">
        <v>31</v>
      </c>
      <c r="E44411" s="15">
        <v>45622</v>
      </c>
      <c r="F44411" s="14" t="s">
        <v>15</v>
      </c>
      <c r="G44411" s="16">
        <v>2.1797593139672351</v>
      </c>
    </row>
    <row r="44412" spans="1:7" x14ac:dyDescent="0.3">
      <c r="A44412" s="13" t="s">
        <v>258</v>
      </c>
      <c r="B44412" s="14" t="s">
        <v>1</v>
      </c>
      <c r="C44412" s="14" t="s">
        <v>191</v>
      </c>
      <c r="D44412" s="14" t="s">
        <v>31</v>
      </c>
      <c r="E44412" s="15">
        <v>45623</v>
      </c>
      <c r="F44412" s="14" t="s">
        <v>15</v>
      </c>
      <c r="G44412" s="16">
        <v>2.1776590639033913</v>
      </c>
    </row>
    <row r="44413" spans="1:7" x14ac:dyDescent="0.3">
      <c r="A44413" s="13" t="s">
        <v>258</v>
      </c>
      <c r="B44413" s="14" t="s">
        <v>1</v>
      </c>
      <c r="C44413" s="14" t="s">
        <v>191</v>
      </c>
      <c r="D44413" s="14" t="s">
        <v>31</v>
      </c>
      <c r="E44413" s="15">
        <v>45624</v>
      </c>
      <c r="F44413" s="14" t="s">
        <v>15</v>
      </c>
      <c r="G44413" s="16">
        <v>2.1767432427610163</v>
      </c>
    </row>
    <row r="44414" spans="1:7" x14ac:dyDescent="0.3">
      <c r="A44414" s="13" t="s">
        <v>258</v>
      </c>
      <c r="B44414" s="14" t="s">
        <v>1</v>
      </c>
      <c r="C44414" s="14" t="s">
        <v>191</v>
      </c>
      <c r="D44414" s="14" t="s">
        <v>31</v>
      </c>
      <c r="E44414" s="15">
        <v>45625</v>
      </c>
      <c r="F44414" s="14" t="s">
        <v>15</v>
      </c>
      <c r="G44414" s="16">
        <v>2.1996310085629287</v>
      </c>
    </row>
    <row r="44415" spans="1:7" x14ac:dyDescent="0.3">
      <c r="A44415" s="13" t="s">
        <v>258</v>
      </c>
      <c r="B44415" s="14" t="s">
        <v>1</v>
      </c>
      <c r="C44415" s="14" t="s">
        <v>191</v>
      </c>
      <c r="D44415" s="14" t="s">
        <v>31</v>
      </c>
      <c r="E44415" s="15">
        <v>45626</v>
      </c>
      <c r="F44415" s="14" t="s">
        <v>15</v>
      </c>
      <c r="G44415" s="16">
        <v>2.1996310085629287</v>
      </c>
    </row>
    <row r="44416" spans="1:7" x14ac:dyDescent="0.3">
      <c r="A44416" s="13" t="s">
        <v>258</v>
      </c>
      <c r="B44416" s="14" t="s">
        <v>1</v>
      </c>
      <c r="C44416" s="14" t="s">
        <v>191</v>
      </c>
      <c r="D44416" s="14" t="s">
        <v>31</v>
      </c>
      <c r="E44416" s="15">
        <v>45627</v>
      </c>
      <c r="F44416" s="14" t="s">
        <v>15</v>
      </c>
      <c r="G44416" s="16">
        <v>2.1996310085629287</v>
      </c>
    </row>
    <row r="44417" spans="1:7" x14ac:dyDescent="0.3">
      <c r="A44417" s="13" t="s">
        <v>258</v>
      </c>
      <c r="B44417" s="14" t="s">
        <v>1</v>
      </c>
      <c r="C44417" s="14" t="s">
        <v>191</v>
      </c>
      <c r="D44417" s="14" t="s">
        <v>31</v>
      </c>
      <c r="E44417" s="15">
        <v>45628</v>
      </c>
      <c r="F44417" s="14" t="s">
        <v>15</v>
      </c>
      <c r="G44417" s="16">
        <v>2.1975004146727417</v>
      </c>
    </row>
    <row r="44418" spans="1:7" x14ac:dyDescent="0.3">
      <c r="A44418" s="13" t="s">
        <v>258</v>
      </c>
      <c r="B44418" s="14" t="s">
        <v>1</v>
      </c>
      <c r="C44418" s="14" t="s">
        <v>191</v>
      </c>
      <c r="D44418" s="14" t="s">
        <v>31</v>
      </c>
      <c r="E44418" s="15">
        <v>45629</v>
      </c>
      <c r="F44418" s="14" t="s">
        <v>15</v>
      </c>
      <c r="G44418" s="16">
        <v>2.1911153634226475</v>
      </c>
    </row>
    <row r="44419" spans="1:7" x14ac:dyDescent="0.3">
      <c r="A44419" s="13" t="s">
        <v>258</v>
      </c>
      <c r="B44419" s="14" t="s">
        <v>1</v>
      </c>
      <c r="C44419" s="14" t="s">
        <v>191</v>
      </c>
      <c r="D44419" s="14" t="s">
        <v>31</v>
      </c>
      <c r="E44419" s="15">
        <v>45630</v>
      </c>
      <c r="F44419" s="14" t="s">
        <v>15</v>
      </c>
      <c r="G44419" s="16">
        <v>2.1862546317926315</v>
      </c>
    </row>
    <row r="44420" spans="1:7" x14ac:dyDescent="0.3">
      <c r="A44420" s="13" t="s">
        <v>258</v>
      </c>
      <c r="B44420" s="14" t="s">
        <v>1</v>
      </c>
      <c r="C44420" s="14" t="s">
        <v>191</v>
      </c>
      <c r="D44420" s="14" t="s">
        <v>31</v>
      </c>
      <c r="E44420" s="15">
        <v>45631</v>
      </c>
      <c r="F44420" s="14" t="s">
        <v>15</v>
      </c>
      <c r="G44420" s="16">
        <v>2.1841253091947839</v>
      </c>
    </row>
    <row r="44421" spans="1:7" x14ac:dyDescent="0.3">
      <c r="A44421" s="13" t="s">
        <v>258</v>
      </c>
      <c r="B44421" s="14" t="s">
        <v>1</v>
      </c>
      <c r="C44421" s="14" t="s">
        <v>191</v>
      </c>
      <c r="D44421" s="14" t="s">
        <v>31</v>
      </c>
      <c r="E44421" s="15">
        <v>45632</v>
      </c>
      <c r="F44421" s="14" t="s">
        <v>15</v>
      </c>
      <c r="G44421" s="16">
        <v>2.1820196544118535</v>
      </c>
    </row>
    <row r="44422" spans="1:7" x14ac:dyDescent="0.3">
      <c r="A44422" s="13" t="s">
        <v>258</v>
      </c>
      <c r="B44422" s="14" t="s">
        <v>1</v>
      </c>
      <c r="C44422" s="14" t="s">
        <v>191</v>
      </c>
      <c r="D44422" s="14" t="s">
        <v>31</v>
      </c>
      <c r="E44422" s="15">
        <v>45633</v>
      </c>
      <c r="F44422" s="14" t="s">
        <v>15</v>
      </c>
      <c r="G44422" s="16">
        <v>2.1820196544118535</v>
      </c>
    </row>
    <row r="44423" spans="1:7" x14ac:dyDescent="0.3">
      <c r="A44423" s="13" t="s">
        <v>258</v>
      </c>
      <c r="B44423" s="14" t="s">
        <v>1</v>
      </c>
      <c r="C44423" s="14" t="s">
        <v>191</v>
      </c>
      <c r="D44423" s="14" t="s">
        <v>31</v>
      </c>
      <c r="E44423" s="15">
        <v>45634</v>
      </c>
      <c r="F44423" s="14" t="s">
        <v>15</v>
      </c>
      <c r="G44423" s="16">
        <v>2.1820196544118535</v>
      </c>
    </row>
    <row r="44424" spans="1:7" x14ac:dyDescent="0.3">
      <c r="A44424" s="13" t="s">
        <v>258</v>
      </c>
      <c r="B44424" s="14" t="s">
        <v>1</v>
      </c>
      <c r="C44424" s="14" t="s">
        <v>191</v>
      </c>
      <c r="D44424" s="14" t="s">
        <v>31</v>
      </c>
      <c r="E44424" s="15">
        <v>45635</v>
      </c>
      <c r="F44424" s="14" t="s">
        <v>15</v>
      </c>
      <c r="G44424" s="16">
        <v>2.1898394686856402</v>
      </c>
    </row>
    <row r="44425" spans="1:7" x14ac:dyDescent="0.3">
      <c r="A44425" s="13" t="s">
        <v>258</v>
      </c>
      <c r="B44425" s="14" t="s">
        <v>1</v>
      </c>
      <c r="C44425" s="14" t="s">
        <v>191</v>
      </c>
      <c r="D44425" s="14" t="s">
        <v>31</v>
      </c>
      <c r="E44425" s="15">
        <v>45636</v>
      </c>
      <c r="F44425" s="14" t="s">
        <v>15</v>
      </c>
      <c r="G44425" s="16">
        <v>2.1835630074256853</v>
      </c>
    </row>
    <row r="44426" spans="1:7" x14ac:dyDescent="0.3">
      <c r="A44426" s="13" t="s">
        <v>258</v>
      </c>
      <c r="B44426" s="14" t="s">
        <v>1</v>
      </c>
      <c r="C44426" s="14" t="s">
        <v>191</v>
      </c>
      <c r="D44426" s="14" t="s">
        <v>31</v>
      </c>
      <c r="E44426" s="15">
        <v>45637</v>
      </c>
      <c r="F44426" s="14" t="s">
        <v>15</v>
      </c>
      <c r="G44426" s="16">
        <v>2.1783922767268642</v>
      </c>
    </row>
    <row r="44427" spans="1:7" x14ac:dyDescent="0.3">
      <c r="A44427" s="13" t="s">
        <v>258</v>
      </c>
      <c r="B44427" s="14" t="s">
        <v>1</v>
      </c>
      <c r="C44427" s="14" t="s">
        <v>191</v>
      </c>
      <c r="D44427" s="14" t="s">
        <v>31</v>
      </c>
      <c r="E44427" s="15">
        <v>45638</v>
      </c>
      <c r="F44427" s="14" t="s">
        <v>15</v>
      </c>
      <c r="G44427" s="16">
        <v>2.1763316089072489</v>
      </c>
    </row>
    <row r="44428" spans="1:7" x14ac:dyDescent="0.3">
      <c r="A44428" s="13" t="s">
        <v>258</v>
      </c>
      <c r="B44428" s="14" t="s">
        <v>1</v>
      </c>
      <c r="C44428" s="14" t="s">
        <v>191</v>
      </c>
      <c r="D44428" s="14" t="s">
        <v>31</v>
      </c>
      <c r="E44428" s="15">
        <v>45639</v>
      </c>
      <c r="F44428" s="14" t="s">
        <v>15</v>
      </c>
      <c r="G44428" s="16">
        <v>2.1742785870539589</v>
      </c>
    </row>
    <row r="44429" spans="1:7" x14ac:dyDescent="0.3">
      <c r="A44429" s="13" t="s">
        <v>258</v>
      </c>
      <c r="B44429" s="14" t="s">
        <v>1</v>
      </c>
      <c r="C44429" s="14" t="s">
        <v>191</v>
      </c>
      <c r="D44429" s="14" t="s">
        <v>31</v>
      </c>
      <c r="E44429" s="15">
        <v>45640</v>
      </c>
      <c r="F44429" s="14" t="s">
        <v>15</v>
      </c>
      <c r="G44429" s="16">
        <v>2.1742785870539589</v>
      </c>
    </row>
    <row r="44430" spans="1:7" x14ac:dyDescent="0.3">
      <c r="A44430" s="13" t="s">
        <v>258</v>
      </c>
      <c r="B44430" s="14" t="s">
        <v>1</v>
      </c>
      <c r="C44430" s="14" t="s">
        <v>191</v>
      </c>
      <c r="D44430" s="14" t="s">
        <v>31</v>
      </c>
      <c r="E44430" s="15">
        <v>45641</v>
      </c>
      <c r="F44430" s="14" t="s">
        <v>15</v>
      </c>
      <c r="G44430" s="16">
        <v>2.1742785870539589</v>
      </c>
    </row>
    <row r="44431" spans="1:7" x14ac:dyDescent="0.3">
      <c r="A44431" s="13" t="s">
        <v>258</v>
      </c>
      <c r="B44431" s="14" t="s">
        <v>1</v>
      </c>
      <c r="C44431" s="14" t="s">
        <v>191</v>
      </c>
      <c r="D44431" s="14" t="s">
        <v>31</v>
      </c>
      <c r="E44431" s="15">
        <v>45642</v>
      </c>
      <c r="F44431" s="14" t="s">
        <v>15</v>
      </c>
      <c r="G44431" s="16">
        <v>2.1722297331762919</v>
      </c>
    </row>
    <row r="44432" spans="1:7" x14ac:dyDescent="0.3">
      <c r="A44432" s="13" t="s">
        <v>258</v>
      </c>
      <c r="B44432" s="14" t="s">
        <v>1</v>
      </c>
      <c r="C44432" s="14" t="s">
        <v>191</v>
      </c>
      <c r="D44432" s="14" t="s">
        <v>31</v>
      </c>
      <c r="E44432" s="15">
        <v>45643</v>
      </c>
      <c r="F44432" s="14" t="s">
        <v>15</v>
      </c>
      <c r="G44432" s="16">
        <v>2.166133868195812</v>
      </c>
    </row>
    <row r="44433" spans="1:7" x14ac:dyDescent="0.3">
      <c r="A44433" s="13" t="s">
        <v>258</v>
      </c>
      <c r="B44433" s="14" t="s">
        <v>1</v>
      </c>
      <c r="C44433" s="14" t="s">
        <v>191</v>
      </c>
      <c r="D44433" s="14" t="s">
        <v>31</v>
      </c>
      <c r="E44433" s="15">
        <v>45644</v>
      </c>
      <c r="F44433" s="14" t="s">
        <v>15</v>
      </c>
      <c r="G44433" s="16">
        <v>2.1641170008577171</v>
      </c>
    </row>
    <row r="44434" spans="1:7" x14ac:dyDescent="0.3">
      <c r="A44434" s="13" t="s">
        <v>258</v>
      </c>
      <c r="B44434" s="14" t="s">
        <v>1</v>
      </c>
      <c r="C44434" s="14" t="s">
        <v>191</v>
      </c>
      <c r="D44434" s="14" t="s">
        <v>31</v>
      </c>
      <c r="E44434" s="15">
        <v>45645</v>
      </c>
      <c r="F44434" s="14" t="s">
        <v>15</v>
      </c>
      <c r="G44434" s="16">
        <v>2.1620980057280512</v>
      </c>
    </row>
    <row r="44435" spans="1:7" x14ac:dyDescent="0.3">
      <c r="A44435" s="13" t="s">
        <v>258</v>
      </c>
      <c r="B44435" s="14" t="s">
        <v>1</v>
      </c>
      <c r="C44435" s="14" t="s">
        <v>191</v>
      </c>
      <c r="D44435" s="14" t="s">
        <v>31</v>
      </c>
      <c r="E44435" s="15">
        <v>45646</v>
      </c>
      <c r="F44435" s="14" t="s">
        <v>15</v>
      </c>
      <c r="G44435" s="16">
        <v>2.1582759491738508</v>
      </c>
    </row>
    <row r="44436" spans="1:7" x14ac:dyDescent="0.3">
      <c r="A44436" s="13" t="s">
        <v>258</v>
      </c>
      <c r="B44436" s="14" t="s">
        <v>1</v>
      </c>
      <c r="C44436" s="14" t="s">
        <v>191</v>
      </c>
      <c r="D44436" s="14" t="s">
        <v>31</v>
      </c>
      <c r="E44436" s="15">
        <v>45647</v>
      </c>
      <c r="F44436" s="14" t="s">
        <v>15</v>
      </c>
      <c r="G44436" s="16">
        <v>2.1582759491738508</v>
      </c>
    </row>
    <row r="44437" spans="1:7" x14ac:dyDescent="0.3">
      <c r="A44437" s="13" t="s">
        <v>258</v>
      </c>
      <c r="B44437" s="14" t="s">
        <v>1</v>
      </c>
      <c r="C44437" s="14" t="s">
        <v>191</v>
      </c>
      <c r="D44437" s="14" t="s">
        <v>31</v>
      </c>
      <c r="E44437" s="15">
        <v>45648</v>
      </c>
      <c r="F44437" s="14" t="s">
        <v>15</v>
      </c>
      <c r="G44437" s="16">
        <v>2.1582759491738508</v>
      </c>
    </row>
    <row r="44438" spans="1:7" x14ac:dyDescent="0.3">
      <c r="A44438" s="13" t="s">
        <v>258</v>
      </c>
      <c r="B44438" s="14" t="s">
        <v>1</v>
      </c>
      <c r="C44438" s="14" t="s">
        <v>191</v>
      </c>
      <c r="D44438" s="14" t="s">
        <v>31</v>
      </c>
      <c r="E44438" s="15">
        <v>45649</v>
      </c>
      <c r="F44438" s="14" t="s">
        <v>15</v>
      </c>
      <c r="G44438" s="16">
        <v>2.1514603777186583</v>
      </c>
    </row>
    <row r="44439" spans="1:7" x14ac:dyDescent="0.3">
      <c r="A44439" s="13" t="s">
        <v>258</v>
      </c>
      <c r="B44439" s="14" t="s">
        <v>1</v>
      </c>
      <c r="C44439" s="14" t="s">
        <v>191</v>
      </c>
      <c r="D44439" s="14" t="s">
        <v>31</v>
      </c>
      <c r="E44439" s="15">
        <v>45650</v>
      </c>
      <c r="F44439" s="14" t="s">
        <v>15</v>
      </c>
      <c r="G44439" s="16">
        <v>2.1455456575925682</v>
      </c>
    </row>
    <row r="44440" spans="1:7" x14ac:dyDescent="0.3">
      <c r="A44440" s="13" t="s">
        <v>258</v>
      </c>
      <c r="B44440" s="14" t="s">
        <v>1</v>
      </c>
      <c r="C44440" s="14" t="s">
        <v>191</v>
      </c>
      <c r="D44440" s="14" t="s">
        <v>31</v>
      </c>
      <c r="E44440" s="15">
        <v>45651</v>
      </c>
      <c r="F44440" s="14" t="s">
        <v>15</v>
      </c>
      <c r="G44440" s="16">
        <v>2.1455456575925682</v>
      </c>
    </row>
    <row r="44441" spans="1:7" x14ac:dyDescent="0.3">
      <c r="A44441" s="13" t="s">
        <v>258</v>
      </c>
      <c r="B44441" s="14" t="s">
        <v>1</v>
      </c>
      <c r="C44441" s="14" t="s">
        <v>191</v>
      </c>
      <c r="D44441" s="14" t="s">
        <v>31</v>
      </c>
      <c r="E44441" s="15">
        <v>45652</v>
      </c>
      <c r="F44441" s="14" t="s">
        <v>15</v>
      </c>
      <c r="G44441" s="16">
        <v>2.1455456575925682</v>
      </c>
    </row>
    <row r="44442" spans="1:7" x14ac:dyDescent="0.3">
      <c r="A44442" s="13" t="s">
        <v>258</v>
      </c>
      <c r="B44442" s="14" t="s">
        <v>1</v>
      </c>
      <c r="C44442" s="14" t="s">
        <v>191</v>
      </c>
      <c r="D44442" s="14" t="s">
        <v>31</v>
      </c>
      <c r="E44442" s="15">
        <v>45653</v>
      </c>
      <c r="F44442" s="14" t="s">
        <v>15</v>
      </c>
      <c r="G44442" s="16">
        <v>2.1455456575925682</v>
      </c>
    </row>
    <row r="44443" spans="1:7" x14ac:dyDescent="0.3">
      <c r="A44443" s="13" t="s">
        <v>258</v>
      </c>
      <c r="B44443" s="14" t="s">
        <v>1</v>
      </c>
      <c r="C44443" s="14" t="s">
        <v>191</v>
      </c>
      <c r="D44443" s="14" t="s">
        <v>31</v>
      </c>
      <c r="E44443" s="15">
        <v>45654</v>
      </c>
      <c r="F44443" s="14" t="s">
        <v>15</v>
      </c>
      <c r="G44443" s="16">
        <v>2.1455456575925682</v>
      </c>
    </row>
    <row r="44444" spans="1:7" x14ac:dyDescent="0.3">
      <c r="A44444" s="13" t="s">
        <v>258</v>
      </c>
      <c r="B44444" s="14" t="s">
        <v>1</v>
      </c>
      <c r="C44444" s="14" t="s">
        <v>191</v>
      </c>
      <c r="D44444" s="14" t="s">
        <v>31</v>
      </c>
      <c r="E44444" s="15">
        <v>45655</v>
      </c>
      <c r="F44444" s="14" t="s">
        <v>15</v>
      </c>
      <c r="G44444" s="16">
        <v>2.1455456575925682</v>
      </c>
    </row>
    <row r="44445" spans="1:7" x14ac:dyDescent="0.3">
      <c r="A44445" s="13" t="s">
        <v>258</v>
      </c>
      <c r="B44445" s="14" t="s">
        <v>1</v>
      </c>
      <c r="C44445" s="14" t="s">
        <v>191</v>
      </c>
      <c r="D44445" s="14" t="s">
        <v>31</v>
      </c>
      <c r="E44445" s="15">
        <v>45656</v>
      </c>
      <c r="F44445" s="14" t="s">
        <v>15</v>
      </c>
      <c r="G44445" s="16">
        <v>2.1435485058076869</v>
      </c>
    </row>
    <row r="44446" spans="1:7" x14ac:dyDescent="0.3">
      <c r="A44446" s="13" t="s">
        <v>258</v>
      </c>
      <c r="B44446" s="14" t="s">
        <v>1</v>
      </c>
      <c r="C44446" s="14" t="s">
        <v>191</v>
      </c>
      <c r="D44446" s="14" t="s">
        <v>31</v>
      </c>
      <c r="E44446" s="15">
        <v>45657</v>
      </c>
      <c r="F44446" s="14" t="s">
        <v>15</v>
      </c>
      <c r="G44446" s="16">
        <v>2.5033818412831104</v>
      </c>
    </row>
    <row r="44447" spans="1:7" x14ac:dyDescent="0.3">
      <c r="A44447" s="13" t="s">
        <v>258</v>
      </c>
      <c r="B44447" s="14" t="s">
        <v>1</v>
      </c>
      <c r="C44447" s="14" t="s">
        <v>191</v>
      </c>
      <c r="D44447" s="14" t="s">
        <v>31</v>
      </c>
      <c r="E44447" s="15">
        <v>45658</v>
      </c>
      <c r="F44447" s="14" t="s">
        <v>15</v>
      </c>
      <c r="G44447" s="16">
        <v>2.5033818412831104</v>
      </c>
    </row>
    <row r="44448" spans="1:7" x14ac:dyDescent="0.3">
      <c r="A44448" s="13" t="s">
        <v>258</v>
      </c>
      <c r="B44448" s="14" t="s">
        <v>1</v>
      </c>
      <c r="C44448" s="14" t="s">
        <v>191</v>
      </c>
      <c r="D44448" s="14" t="s">
        <v>31</v>
      </c>
      <c r="E44448" s="15">
        <v>45659</v>
      </c>
      <c r="F44448" s="14" t="s">
        <v>15</v>
      </c>
      <c r="G44448" s="16">
        <v>2.5013725554716832</v>
      </c>
    </row>
    <row r="44449" spans="1:7" x14ac:dyDescent="0.3">
      <c r="A44449" s="13" t="s">
        <v>258</v>
      </c>
      <c r="B44449" s="14" t="s">
        <v>1</v>
      </c>
      <c r="C44449" s="14" t="s">
        <v>191</v>
      </c>
      <c r="D44449" s="14" t="s">
        <v>31</v>
      </c>
      <c r="E44449" s="15">
        <v>45660</v>
      </c>
      <c r="F44449" s="14" t="s">
        <v>15</v>
      </c>
      <c r="G44449" s="16">
        <v>2.4973796149405558</v>
      </c>
    </row>
    <row r="44450" spans="1:7" x14ac:dyDescent="0.3">
      <c r="A44450" s="13" t="s">
        <v>258</v>
      </c>
      <c r="B44450" s="14" t="s">
        <v>1</v>
      </c>
      <c r="C44450" s="14" t="s">
        <v>191</v>
      </c>
      <c r="D44450" s="14" t="s">
        <v>31</v>
      </c>
      <c r="E44450" s="15">
        <v>45661</v>
      </c>
      <c r="F44450" s="14" t="s">
        <v>15</v>
      </c>
      <c r="G44450" s="16">
        <v>2.4973796149405558</v>
      </c>
    </row>
    <row r="44451" spans="1:7" x14ac:dyDescent="0.3">
      <c r="A44451" s="13" t="s">
        <v>258</v>
      </c>
      <c r="B44451" s="14" t="s">
        <v>1</v>
      </c>
      <c r="C44451" s="14" t="s">
        <v>191</v>
      </c>
      <c r="D44451" s="14" t="s">
        <v>31</v>
      </c>
      <c r="E44451" s="15">
        <v>45662</v>
      </c>
      <c r="F44451" s="14" t="s">
        <v>15</v>
      </c>
      <c r="G44451" s="16">
        <v>2.4973796149405558</v>
      </c>
    </row>
    <row r="44452" spans="1:7" x14ac:dyDescent="0.3">
      <c r="A44452" s="13" t="s">
        <v>258</v>
      </c>
      <c r="B44452" s="14" t="s">
        <v>1</v>
      </c>
      <c r="C44452" s="14" t="s">
        <v>191</v>
      </c>
      <c r="D44452" s="14" t="s">
        <v>31</v>
      </c>
      <c r="E44452" s="15">
        <v>45663</v>
      </c>
      <c r="F44452" s="14" t="s">
        <v>15</v>
      </c>
      <c r="G44452" s="16">
        <v>2.4953703751185272</v>
      </c>
    </row>
    <row r="44453" spans="1:7" x14ac:dyDescent="0.3">
      <c r="A44453" s="13" t="s">
        <v>258</v>
      </c>
      <c r="B44453" s="14" t="s">
        <v>1</v>
      </c>
      <c r="C44453" s="14" t="s">
        <v>191</v>
      </c>
      <c r="D44453" s="14" t="s">
        <v>31</v>
      </c>
      <c r="E44453" s="15">
        <v>45664</v>
      </c>
      <c r="F44453" s="14" t="s">
        <v>15</v>
      </c>
      <c r="G44453" s="16">
        <v>2.4893155354437329</v>
      </c>
    </row>
    <row r="44454" spans="1:7" x14ac:dyDescent="0.3">
      <c r="A44454" s="13" t="s">
        <v>258</v>
      </c>
      <c r="B44454" s="14" t="s">
        <v>1</v>
      </c>
      <c r="C44454" s="14" t="s">
        <v>191</v>
      </c>
      <c r="D44454" s="14" t="s">
        <v>31</v>
      </c>
      <c r="E44454" s="15">
        <v>45665</v>
      </c>
      <c r="F44454" s="14" t="s">
        <v>15</v>
      </c>
      <c r="G44454" s="16">
        <v>2.4872665046847269</v>
      </c>
    </row>
    <row r="44455" spans="1:7" x14ac:dyDescent="0.3">
      <c r="A44455" s="13" t="s">
        <v>258</v>
      </c>
      <c r="B44455" s="14" t="s">
        <v>1</v>
      </c>
      <c r="C44455" s="14" t="s">
        <v>191</v>
      </c>
      <c r="D44455" s="14" t="s">
        <v>31</v>
      </c>
      <c r="E44455" s="15">
        <v>45666</v>
      </c>
      <c r="F44455" s="14" t="s">
        <v>15</v>
      </c>
      <c r="G44455" s="16">
        <v>2.4852295415977408</v>
      </c>
    </row>
    <row r="44456" spans="1:7" x14ac:dyDescent="0.3">
      <c r="A44456" s="13" t="s">
        <v>258</v>
      </c>
      <c r="B44456" s="14" t="s">
        <v>1</v>
      </c>
      <c r="C44456" s="14" t="s">
        <v>191</v>
      </c>
      <c r="D44456" s="14" t="s">
        <v>31</v>
      </c>
      <c r="E44456" s="15">
        <v>45667</v>
      </c>
      <c r="F44456" s="14" t="s">
        <v>15</v>
      </c>
      <c r="G44456" s="16">
        <v>2.4934708811986388</v>
      </c>
    </row>
    <row r="44457" spans="1:7" x14ac:dyDescent="0.3">
      <c r="A44457" s="13" t="s">
        <v>258</v>
      </c>
      <c r="B44457" s="14" t="s">
        <v>1</v>
      </c>
      <c r="C44457" s="14" t="s">
        <v>191</v>
      </c>
      <c r="D44457" s="14" t="s">
        <v>31</v>
      </c>
      <c r="E44457" s="15">
        <v>45668</v>
      </c>
      <c r="F44457" s="14" t="s">
        <v>15</v>
      </c>
      <c r="G44457" s="16">
        <v>2.4934708811986388</v>
      </c>
    </row>
    <row r="44458" spans="1:7" x14ac:dyDescent="0.3">
      <c r="A44458" s="13" t="s">
        <v>258</v>
      </c>
      <c r="B44458" s="14" t="s">
        <v>1</v>
      </c>
      <c r="C44458" s="14" t="s">
        <v>191</v>
      </c>
      <c r="D44458" s="14" t="s">
        <v>31</v>
      </c>
      <c r="E44458" s="15">
        <v>45669</v>
      </c>
      <c r="F44458" s="14" t="s">
        <v>15</v>
      </c>
      <c r="G44458" s="16">
        <v>2.4934708811986388</v>
      </c>
    </row>
    <row r="44459" spans="1:7" x14ac:dyDescent="0.3">
      <c r="A44459" s="13" t="s">
        <v>258</v>
      </c>
      <c r="B44459" s="14" t="s">
        <v>1</v>
      </c>
      <c r="C44459" s="14" t="s">
        <v>191</v>
      </c>
      <c r="D44459" s="14" t="s">
        <v>31</v>
      </c>
      <c r="E44459" s="15">
        <v>45670</v>
      </c>
      <c r="F44459" s="14" t="s">
        <v>15</v>
      </c>
      <c r="G44459" s="16">
        <v>2.4914683897945142</v>
      </c>
    </row>
    <row r="44460" spans="1:7" x14ac:dyDescent="0.3">
      <c r="A44460" s="13" t="s">
        <v>258</v>
      </c>
      <c r="B44460" s="14" t="s">
        <v>1</v>
      </c>
      <c r="C44460" s="14" t="s">
        <v>191</v>
      </c>
      <c r="D44460" s="14" t="s">
        <v>31</v>
      </c>
      <c r="E44460" s="15">
        <v>45671</v>
      </c>
      <c r="F44460" s="14" t="s">
        <v>15</v>
      </c>
      <c r="G44460" s="16">
        <v>2.4854753813153376</v>
      </c>
    </row>
    <row r="44461" spans="1:7" x14ac:dyDescent="0.3">
      <c r="A44461" s="13" t="s">
        <v>258</v>
      </c>
      <c r="B44461" s="14" t="s">
        <v>1</v>
      </c>
      <c r="C44461" s="14" t="s">
        <v>191</v>
      </c>
      <c r="D44461" s="14" t="s">
        <v>31</v>
      </c>
      <c r="E44461" s="15">
        <v>45672</v>
      </c>
      <c r="F44461" s="14" t="s">
        <v>15</v>
      </c>
      <c r="G44461" s="16">
        <v>2.4835002841796507</v>
      </c>
    </row>
    <row r="44462" spans="1:7" x14ac:dyDescent="0.3">
      <c r="A44462" s="13" t="s">
        <v>258</v>
      </c>
      <c r="B44462" s="14" t="s">
        <v>1</v>
      </c>
      <c r="C44462" s="14" t="s">
        <v>191</v>
      </c>
      <c r="D44462" s="14" t="s">
        <v>31</v>
      </c>
      <c r="E44462" s="15">
        <v>45673</v>
      </c>
      <c r="F44462" s="14" t="s">
        <v>15</v>
      </c>
      <c r="G44462" s="16">
        <v>2.4815200857897932</v>
      </c>
    </row>
    <row r="44463" spans="1:7" x14ac:dyDescent="0.3">
      <c r="A44463" s="13" t="s">
        <v>258</v>
      </c>
      <c r="B44463" s="14" t="s">
        <v>1</v>
      </c>
      <c r="C44463" s="14" t="s">
        <v>191</v>
      </c>
      <c r="D44463" s="14" t="s">
        <v>31</v>
      </c>
      <c r="E44463" s="15">
        <v>45674</v>
      </c>
      <c r="F44463" s="14" t="s">
        <v>15</v>
      </c>
      <c r="G44463" s="16">
        <v>2.4795312048372877</v>
      </c>
    </row>
    <row r="44464" spans="1:7" x14ac:dyDescent="0.3">
      <c r="A44464" s="13" t="s">
        <v>258</v>
      </c>
      <c r="B44464" s="14" t="s">
        <v>1</v>
      </c>
      <c r="C44464" s="14" t="s">
        <v>191</v>
      </c>
      <c r="D44464" s="14" t="s">
        <v>31</v>
      </c>
      <c r="E44464" s="15">
        <v>45675</v>
      </c>
      <c r="F44464" s="14" t="s">
        <v>15</v>
      </c>
      <c r="G44464" s="16">
        <v>2.4795312048372877</v>
      </c>
    </row>
    <row r="44465" spans="1:7" x14ac:dyDescent="0.3">
      <c r="A44465" s="13" t="s">
        <v>258</v>
      </c>
      <c r="B44465" s="14" t="s">
        <v>1</v>
      </c>
      <c r="C44465" s="14" t="s">
        <v>191</v>
      </c>
      <c r="D44465" s="14" t="s">
        <v>31</v>
      </c>
      <c r="E44465" s="15">
        <v>45676</v>
      </c>
      <c r="F44465" s="14" t="s">
        <v>15</v>
      </c>
      <c r="G44465" s="16">
        <v>2.4795312048372877</v>
      </c>
    </row>
    <row r="44466" spans="1:7" x14ac:dyDescent="0.3">
      <c r="A44466" s="13" t="s">
        <v>258</v>
      </c>
      <c r="B44466" s="14" t="s">
        <v>1</v>
      </c>
      <c r="C44466" s="14" t="s">
        <v>191</v>
      </c>
      <c r="D44466" s="14" t="s">
        <v>31</v>
      </c>
      <c r="E44466" s="15">
        <v>45677</v>
      </c>
      <c r="F44466" s="14" t="s">
        <v>15</v>
      </c>
      <c r="G44466" s="16">
        <v>2.4775097607828749</v>
      </c>
    </row>
    <row r="44467" spans="1:7" x14ac:dyDescent="0.3">
      <c r="A44467" s="13" t="s">
        <v>258</v>
      </c>
      <c r="B44467" s="14" t="s">
        <v>1</v>
      </c>
      <c r="C44467" s="14" t="s">
        <v>191</v>
      </c>
      <c r="D44467" s="14" t="s">
        <v>31</v>
      </c>
      <c r="E44467" s="15">
        <v>45678</v>
      </c>
      <c r="F44467" s="14" t="s">
        <v>15</v>
      </c>
      <c r="G44467" s="16">
        <v>2.4714542618257056</v>
      </c>
    </row>
    <row r="44468" spans="1:7" x14ac:dyDescent="0.3">
      <c r="A44468" s="13" t="s">
        <v>258</v>
      </c>
      <c r="B44468" s="14" t="s">
        <v>1</v>
      </c>
      <c r="C44468" s="14" t="s">
        <v>191</v>
      </c>
      <c r="D44468" s="14" t="s">
        <v>31</v>
      </c>
      <c r="E44468" s="15">
        <v>45679</v>
      </c>
      <c r="F44468" s="14" t="s">
        <v>15</v>
      </c>
      <c r="G44468" s="16">
        <v>2.4701682626112271</v>
      </c>
    </row>
    <row r="44469" spans="1:7" x14ac:dyDescent="0.3">
      <c r="A44469" s="13" t="s">
        <v>258</v>
      </c>
      <c r="B44469" s="14" t="s">
        <v>1</v>
      </c>
      <c r="C44469" s="14" t="s">
        <v>191</v>
      </c>
      <c r="D44469" s="14" t="s">
        <v>31</v>
      </c>
      <c r="E44469" s="15">
        <v>45680</v>
      </c>
      <c r="F44469" s="14" t="s">
        <v>15</v>
      </c>
      <c r="G44469" s="16">
        <v>2.4681371784847328</v>
      </c>
    </row>
    <row r="44470" spans="1:7" x14ac:dyDescent="0.3">
      <c r="A44470" s="13" t="s">
        <v>258</v>
      </c>
      <c r="B44470" s="14" t="s">
        <v>1</v>
      </c>
      <c r="C44470" s="14" t="s">
        <v>191</v>
      </c>
      <c r="D44470" s="14" t="s">
        <v>31</v>
      </c>
      <c r="E44470" s="15">
        <v>45681</v>
      </c>
      <c r="F44470" s="14" t="s">
        <v>15</v>
      </c>
      <c r="G44470" s="16">
        <v>2.4661060261017962</v>
      </c>
    </row>
    <row r="44471" spans="1:7" x14ac:dyDescent="0.3">
      <c r="A44471" s="13" t="s">
        <v>258</v>
      </c>
      <c r="B44471" s="14" t="s">
        <v>1</v>
      </c>
      <c r="C44471" s="14" t="s">
        <v>191</v>
      </c>
      <c r="D44471" s="14" t="s">
        <v>31</v>
      </c>
      <c r="E44471" s="15">
        <v>45682</v>
      </c>
      <c r="F44471" s="14" t="s">
        <v>15</v>
      </c>
      <c r="G44471" s="16">
        <v>2.4661060261017962</v>
      </c>
    </row>
    <row r="44472" spans="1:7" x14ac:dyDescent="0.3">
      <c r="A44472" s="13" t="s">
        <v>258</v>
      </c>
      <c r="B44472" s="14" t="s">
        <v>1</v>
      </c>
      <c r="C44472" s="14" t="s">
        <v>191</v>
      </c>
      <c r="D44472" s="14" t="s">
        <v>31</v>
      </c>
      <c r="E44472" s="15">
        <v>45683</v>
      </c>
      <c r="F44472" s="14" t="s">
        <v>15</v>
      </c>
      <c r="G44472" s="16">
        <v>2.4661060261017962</v>
      </c>
    </row>
    <row r="44473" spans="1:7" x14ac:dyDescent="0.3">
      <c r="A44473" s="13" t="s">
        <v>258</v>
      </c>
      <c r="B44473" s="14" t="s">
        <v>1</v>
      </c>
      <c r="C44473" s="14" t="s">
        <v>191</v>
      </c>
      <c r="D44473" s="14" t="s">
        <v>31</v>
      </c>
      <c r="E44473" s="15">
        <v>45684</v>
      </c>
      <c r="F44473" s="14" t="s">
        <v>15</v>
      </c>
      <c r="G44473" s="16">
        <v>2.4659677649268112</v>
      </c>
    </row>
    <row r="44474" spans="1:7" x14ac:dyDescent="0.3">
      <c r="A44474" s="13" t="s">
        <v>258</v>
      </c>
      <c r="B44474" s="14" t="s">
        <v>1</v>
      </c>
      <c r="C44474" s="14" t="s">
        <v>191</v>
      </c>
      <c r="D44474" s="14" t="s">
        <v>31</v>
      </c>
      <c r="E44474" s="15">
        <v>45685</v>
      </c>
      <c r="F44474" s="14" t="s">
        <v>15</v>
      </c>
      <c r="G44474" s="16">
        <v>2.4598529161476734</v>
      </c>
    </row>
    <row r="44475" spans="1:7" x14ac:dyDescent="0.3">
      <c r="A44475" s="13" t="s">
        <v>258</v>
      </c>
      <c r="B44475" s="14" t="s">
        <v>1</v>
      </c>
      <c r="C44475" s="14" t="s">
        <v>191</v>
      </c>
      <c r="D44475" s="14" t="s">
        <v>31</v>
      </c>
      <c r="E44475" s="15">
        <v>45686</v>
      </c>
      <c r="F44475" s="14" t="s">
        <v>15</v>
      </c>
      <c r="G44475" s="16">
        <v>2.4598529161476734</v>
      </c>
    </row>
    <row r="44476" spans="1:7" x14ac:dyDescent="0.3">
      <c r="A44476" s="13" t="s">
        <v>258</v>
      </c>
      <c r="B44476" s="14" t="s">
        <v>1</v>
      </c>
      <c r="C44476" s="14" t="s">
        <v>191</v>
      </c>
      <c r="D44476" s="14" t="s">
        <v>31</v>
      </c>
      <c r="E44476" s="15">
        <v>45687</v>
      </c>
      <c r="F44476" s="14" t="s">
        <v>15</v>
      </c>
      <c r="G44476" s="16">
        <v>2.4598529161476734</v>
      </c>
    </row>
    <row r="44477" spans="1:7" x14ac:dyDescent="0.3">
      <c r="A44477" s="13" t="s">
        <v>258</v>
      </c>
      <c r="B44477" s="14" t="s">
        <v>1</v>
      </c>
      <c r="C44477" s="14" t="s">
        <v>191</v>
      </c>
      <c r="D44477" s="14" t="s">
        <v>31</v>
      </c>
      <c r="E44477" s="15">
        <v>45688</v>
      </c>
      <c r="F44477" s="14" t="s">
        <v>15</v>
      </c>
      <c r="G44477" s="16">
        <v>2.4819225891189127</v>
      </c>
    </row>
    <row r="44478" spans="1:7" x14ac:dyDescent="0.3">
      <c r="A44478" s="13" t="s">
        <v>258</v>
      </c>
      <c r="B44478" s="14" t="s">
        <v>1</v>
      </c>
      <c r="C44478" s="14" t="s">
        <v>191</v>
      </c>
      <c r="D44478" s="14" t="s">
        <v>31</v>
      </c>
      <c r="E44478" s="15">
        <v>45689</v>
      </c>
      <c r="F44478" s="14" t="s">
        <v>15</v>
      </c>
      <c r="G44478" s="16">
        <v>2.4819225891189127</v>
      </c>
    </row>
    <row r="44479" spans="1:7" x14ac:dyDescent="0.3">
      <c r="A44479" s="13" t="s">
        <v>258</v>
      </c>
      <c r="B44479" s="14" t="s">
        <v>1</v>
      </c>
      <c r="C44479" s="14" t="s">
        <v>191</v>
      </c>
      <c r="D44479" s="14" t="s">
        <v>31</v>
      </c>
      <c r="E44479" s="15">
        <v>45690</v>
      </c>
      <c r="F44479" s="14" t="s">
        <v>15</v>
      </c>
      <c r="G44479" s="16">
        <v>2.4819225891189127</v>
      </c>
    </row>
    <row r="44480" spans="1:7" x14ac:dyDescent="0.3">
      <c r="A44480" s="13" t="s">
        <v>258</v>
      </c>
      <c r="B44480" s="14" t="s">
        <v>1</v>
      </c>
      <c r="C44480" s="14" t="s">
        <v>191</v>
      </c>
      <c r="D44480" s="14" t="s">
        <v>31</v>
      </c>
      <c r="E44480" s="15">
        <v>45691</v>
      </c>
      <c r="F44480" s="14" t="s">
        <v>15</v>
      </c>
      <c r="G44480" s="16">
        <v>2.4819225891189127</v>
      </c>
    </row>
    <row r="44481" spans="1:7" x14ac:dyDescent="0.3">
      <c r="A44481" s="13" t="s">
        <v>258</v>
      </c>
      <c r="B44481" s="14" t="s">
        <v>1</v>
      </c>
      <c r="C44481" s="14" t="s">
        <v>191</v>
      </c>
      <c r="D44481" s="14" t="s">
        <v>31</v>
      </c>
      <c r="E44481" s="15">
        <v>45692</v>
      </c>
      <c r="F44481" s="14" t="s">
        <v>15</v>
      </c>
      <c r="G44481" s="16">
        <v>2.5291114446513858</v>
      </c>
    </row>
    <row r="44482" spans="1:7" x14ac:dyDescent="0.3">
      <c r="A44482" s="13" t="s">
        <v>258</v>
      </c>
      <c r="B44482" s="14" t="s">
        <v>1</v>
      </c>
      <c r="C44482" s="14" t="s">
        <v>191</v>
      </c>
      <c r="D44482" s="14" t="s">
        <v>31</v>
      </c>
      <c r="E44482" s="15">
        <v>45693</v>
      </c>
      <c r="F44482" s="14" t="s">
        <v>15</v>
      </c>
      <c r="G44482" s="16">
        <v>2.573792627715898</v>
      </c>
    </row>
    <row r="44483" spans="1:7" x14ac:dyDescent="0.3">
      <c r="A44483" s="13" t="s">
        <v>258</v>
      </c>
      <c r="B44483" s="14" t="s">
        <v>1</v>
      </c>
      <c r="C44483" s="14" t="s">
        <v>191</v>
      </c>
      <c r="D44483" s="14" t="s">
        <v>31</v>
      </c>
      <c r="E44483" s="15">
        <v>45694</v>
      </c>
      <c r="F44483" s="14" t="s">
        <v>15</v>
      </c>
      <c r="G44483" s="16">
        <v>2.6625071592183489</v>
      </c>
    </row>
    <row r="44484" spans="1:7" x14ac:dyDescent="0.3">
      <c r="A44484" s="13" t="s">
        <v>258</v>
      </c>
      <c r="B44484" s="14" t="s">
        <v>1</v>
      </c>
      <c r="C44484" s="14" t="s">
        <v>191</v>
      </c>
      <c r="D44484" s="14" t="s">
        <v>31</v>
      </c>
      <c r="E44484" s="15">
        <v>45695</v>
      </c>
      <c r="F44484" s="14" t="s">
        <v>15</v>
      </c>
      <c r="G44484" s="16">
        <v>2.6604698395005286</v>
      </c>
    </row>
    <row r="44485" spans="1:7" x14ac:dyDescent="0.3">
      <c r="A44485" s="13" t="s">
        <v>258</v>
      </c>
      <c r="B44485" s="14" t="s">
        <v>1</v>
      </c>
      <c r="C44485" s="14" t="s">
        <v>191</v>
      </c>
      <c r="D44485" s="14" t="s">
        <v>31</v>
      </c>
      <c r="E44485" s="15">
        <v>45696</v>
      </c>
      <c r="F44485" s="14" t="s">
        <v>15</v>
      </c>
      <c r="G44485" s="16">
        <v>2.6604698395005286</v>
      </c>
    </row>
    <row r="44486" spans="1:7" x14ac:dyDescent="0.3">
      <c r="A44486" s="13" t="s">
        <v>258</v>
      </c>
      <c r="B44486" s="14" t="s">
        <v>1</v>
      </c>
      <c r="C44486" s="14" t="s">
        <v>191</v>
      </c>
      <c r="D44486" s="14" t="s">
        <v>31</v>
      </c>
      <c r="E44486" s="15">
        <v>45697</v>
      </c>
      <c r="F44486" s="14" t="s">
        <v>15</v>
      </c>
      <c r="G44486" s="16">
        <v>2.6604698395005286</v>
      </c>
    </row>
    <row r="44487" spans="1:7" x14ac:dyDescent="0.3">
      <c r="A44487" s="13" t="s">
        <v>258</v>
      </c>
      <c r="B44487" s="14" t="s">
        <v>1</v>
      </c>
      <c r="C44487" s="14" t="s">
        <v>191</v>
      </c>
      <c r="D44487" s="14" t="s">
        <v>31</v>
      </c>
      <c r="E44487" s="15">
        <v>45698</v>
      </c>
      <c r="F44487" s="14" t="s">
        <v>15</v>
      </c>
      <c r="G44487" s="16">
        <v>2.7124066225848642</v>
      </c>
    </row>
    <row r="44488" spans="1:7" x14ac:dyDescent="0.3">
      <c r="A44488" s="13" t="s">
        <v>258</v>
      </c>
      <c r="B44488" s="14" t="s">
        <v>1</v>
      </c>
      <c r="C44488" s="14" t="s">
        <v>191</v>
      </c>
      <c r="D44488" s="14" t="s">
        <v>31</v>
      </c>
      <c r="E44488" s="15">
        <v>45699</v>
      </c>
      <c r="F44488" s="14" t="s">
        <v>15</v>
      </c>
      <c r="G44488" s="16">
        <v>2.7061900296271761</v>
      </c>
    </row>
    <row r="44489" spans="1:7" x14ac:dyDescent="0.3">
      <c r="A44489" s="13" t="s">
        <v>258</v>
      </c>
      <c r="B44489" s="14" t="s">
        <v>1</v>
      </c>
      <c r="C44489" s="14" t="s">
        <v>191</v>
      </c>
      <c r="D44489" s="14" t="s">
        <v>31</v>
      </c>
      <c r="E44489" s="15">
        <v>45700</v>
      </c>
      <c r="F44489" s="14" t="s">
        <v>15</v>
      </c>
      <c r="G44489" s="16">
        <v>2.7041180754362255</v>
      </c>
    </row>
    <row r="44490" spans="1:7" x14ac:dyDescent="0.3">
      <c r="A44490" s="13" t="s">
        <v>258</v>
      </c>
      <c r="B44490" s="14" t="s">
        <v>1</v>
      </c>
      <c r="C44490" s="14" t="s">
        <v>191</v>
      </c>
      <c r="D44490" s="14" t="s">
        <v>31</v>
      </c>
      <c r="E44490" s="15">
        <v>45701</v>
      </c>
      <c r="F44490" s="14" t="s">
        <v>15</v>
      </c>
      <c r="G44490" s="16">
        <v>2.8056163926702835</v>
      </c>
    </row>
    <row r="44491" spans="1:7" x14ac:dyDescent="0.3">
      <c r="A44491" s="13" t="s">
        <v>258</v>
      </c>
      <c r="B44491" s="14" t="s">
        <v>1</v>
      </c>
      <c r="C44491" s="14" t="s">
        <v>191</v>
      </c>
      <c r="D44491" s="14" t="s">
        <v>31</v>
      </c>
      <c r="E44491" s="15">
        <v>45702</v>
      </c>
      <c r="F44491" s="14" t="s">
        <v>15</v>
      </c>
      <c r="G44491" s="16">
        <v>3.1548986657890459</v>
      </c>
    </row>
    <row r="44492" spans="1:7" x14ac:dyDescent="0.3">
      <c r="A44492" s="13" t="s">
        <v>258</v>
      </c>
      <c r="B44492" s="14" t="s">
        <v>1</v>
      </c>
      <c r="C44492" s="14" t="s">
        <v>191</v>
      </c>
      <c r="D44492" s="14" t="s">
        <v>31</v>
      </c>
      <c r="E44492" s="15">
        <v>45703</v>
      </c>
      <c r="F44492" s="14" t="s">
        <v>15</v>
      </c>
      <c r="G44492" s="16">
        <v>3.1548986657890459</v>
      </c>
    </row>
    <row r="44493" spans="1:7" x14ac:dyDescent="0.3">
      <c r="A44493" s="13" t="s">
        <v>258</v>
      </c>
      <c r="B44493" s="14" t="s">
        <v>1</v>
      </c>
      <c r="C44493" s="14" t="s">
        <v>191</v>
      </c>
      <c r="D44493" s="14" t="s">
        <v>31</v>
      </c>
      <c r="E44493" s="15">
        <v>45704</v>
      </c>
      <c r="F44493" s="14" t="s">
        <v>15</v>
      </c>
      <c r="G44493" s="16">
        <v>3.1548986657890459</v>
      </c>
    </row>
    <row r="44494" spans="1:7" x14ac:dyDescent="0.3">
      <c r="A44494" s="13" t="s">
        <v>258</v>
      </c>
      <c r="B44494" s="14" t="s">
        <v>1</v>
      </c>
      <c r="C44494" s="14" t="s">
        <v>191</v>
      </c>
      <c r="D44494" s="14" t="s">
        <v>31</v>
      </c>
      <c r="E44494" s="15">
        <v>45705</v>
      </c>
      <c r="F44494" s="14" t="s">
        <v>15</v>
      </c>
      <c r="G44494" s="16">
        <v>3.1528344389132874</v>
      </c>
    </row>
    <row r="44495" spans="1:7" x14ac:dyDescent="0.3">
      <c r="A44495" s="13" t="s">
        <v>258</v>
      </c>
      <c r="B44495" s="14" t="s">
        <v>1</v>
      </c>
      <c r="C44495" s="14" t="s">
        <v>191</v>
      </c>
      <c r="D44495" s="14" t="s">
        <v>31</v>
      </c>
      <c r="E44495" s="15">
        <v>45706</v>
      </c>
      <c r="F44495" s="14" t="s">
        <v>15</v>
      </c>
      <c r="G44495" s="16">
        <v>3.1547751228765062</v>
      </c>
    </row>
    <row r="44496" spans="1:7" x14ac:dyDescent="0.3">
      <c r="A44496" s="13" t="s">
        <v>258</v>
      </c>
      <c r="B44496" s="14" t="s">
        <v>1</v>
      </c>
      <c r="C44496" s="14" t="s">
        <v>191</v>
      </c>
      <c r="D44496" s="14" t="s">
        <v>31</v>
      </c>
      <c r="E44496" s="15">
        <v>45707</v>
      </c>
      <c r="F44496" s="14" t="s">
        <v>15</v>
      </c>
      <c r="G44496" s="16">
        <v>3.152639545530052</v>
      </c>
    </row>
    <row r="44497" spans="1:7" x14ac:dyDescent="0.3">
      <c r="A44497" s="13" t="s">
        <v>258</v>
      </c>
      <c r="B44497" s="14" t="s">
        <v>1</v>
      </c>
      <c r="C44497" s="14" t="s">
        <v>191</v>
      </c>
      <c r="D44497" s="14" t="s">
        <v>31</v>
      </c>
      <c r="E44497" s="15">
        <v>45708</v>
      </c>
      <c r="F44497" s="14" t="s">
        <v>15</v>
      </c>
      <c r="G44497" s="16">
        <v>3.1505197943034133</v>
      </c>
    </row>
    <row r="44498" spans="1:7" x14ac:dyDescent="0.3">
      <c r="A44498" s="13" t="s">
        <v>258</v>
      </c>
      <c r="B44498" s="14" t="s">
        <v>1</v>
      </c>
      <c r="C44498" s="14" t="s">
        <v>191</v>
      </c>
      <c r="D44498" s="14" t="s">
        <v>31</v>
      </c>
      <c r="E44498" s="15">
        <v>45709</v>
      </c>
      <c r="F44498" s="14" t="s">
        <v>15</v>
      </c>
      <c r="G44498" s="16">
        <v>3.1484127250759339</v>
      </c>
    </row>
    <row r="44499" spans="1:7" x14ac:dyDescent="0.3">
      <c r="A44499" s="13" t="s">
        <v>258</v>
      </c>
      <c r="B44499" s="14" t="s">
        <v>1</v>
      </c>
      <c r="C44499" s="14" t="s">
        <v>191</v>
      </c>
      <c r="D44499" s="14" t="s">
        <v>31</v>
      </c>
      <c r="E44499" s="15">
        <v>45710</v>
      </c>
      <c r="F44499" s="14" t="s">
        <v>15</v>
      </c>
      <c r="G44499" s="16">
        <v>3.1484127250759339</v>
      </c>
    </row>
    <row r="44500" spans="1:7" x14ac:dyDescent="0.3">
      <c r="A44500" s="13" t="s">
        <v>258</v>
      </c>
      <c r="B44500" s="14" t="s">
        <v>1</v>
      </c>
      <c r="C44500" s="14" t="s">
        <v>191</v>
      </c>
      <c r="D44500" s="14" t="s">
        <v>31</v>
      </c>
      <c r="E44500" s="15">
        <v>45711</v>
      </c>
      <c r="F44500" s="14" t="s">
        <v>15</v>
      </c>
      <c r="G44500" s="16">
        <v>3.1484127250759339</v>
      </c>
    </row>
    <row r="44501" spans="1:7" x14ac:dyDescent="0.3">
      <c r="A44501" s="13" t="s">
        <v>258</v>
      </c>
      <c r="B44501" s="14" t="s">
        <v>1</v>
      </c>
      <c r="C44501" s="14" t="s">
        <v>191</v>
      </c>
      <c r="D44501" s="14" t="s">
        <v>31</v>
      </c>
      <c r="E44501" s="15">
        <v>45712</v>
      </c>
      <c r="F44501" s="14" t="s">
        <v>15</v>
      </c>
      <c r="G44501" s="16">
        <v>3.1463093607021375</v>
      </c>
    </row>
    <row r="44502" spans="1:7" x14ac:dyDescent="0.3">
      <c r="A44502" s="13" t="s">
        <v>258</v>
      </c>
      <c r="B44502" s="14" t="s">
        <v>1</v>
      </c>
      <c r="C44502" s="14" t="s">
        <v>191</v>
      </c>
      <c r="D44502" s="14" t="s">
        <v>31</v>
      </c>
      <c r="E44502" s="15">
        <v>45713</v>
      </c>
      <c r="F44502" s="14" t="s">
        <v>15</v>
      </c>
      <c r="G44502" s="16">
        <v>3.2429075733563133</v>
      </c>
    </row>
    <row r="44503" spans="1:7" x14ac:dyDescent="0.3">
      <c r="A44503" s="13" t="s">
        <v>258</v>
      </c>
      <c r="B44503" s="14" t="s">
        <v>1</v>
      </c>
      <c r="C44503" s="14" t="s">
        <v>191</v>
      </c>
      <c r="D44503" s="14" t="s">
        <v>31</v>
      </c>
      <c r="E44503" s="15">
        <v>45714</v>
      </c>
      <c r="F44503" s="14" t="s">
        <v>15</v>
      </c>
      <c r="G44503" s="16">
        <v>3.2408053489374984</v>
      </c>
    </row>
    <row r="44504" spans="1:7" x14ac:dyDescent="0.3">
      <c r="A44504" s="13" t="s">
        <v>258</v>
      </c>
      <c r="B44504" s="14" t="s">
        <v>1</v>
      </c>
      <c r="C44504" s="14" t="s">
        <v>191</v>
      </c>
      <c r="D44504" s="14" t="s">
        <v>31</v>
      </c>
      <c r="E44504" s="15">
        <v>45715</v>
      </c>
      <c r="F44504" s="14" t="s">
        <v>15</v>
      </c>
      <c r="G44504" s="16">
        <v>3.2439171361043329</v>
      </c>
    </row>
    <row r="44505" spans="1:7" x14ac:dyDescent="0.3">
      <c r="A44505" s="13" t="s">
        <v>258</v>
      </c>
      <c r="B44505" s="14" t="s">
        <v>1</v>
      </c>
      <c r="C44505" s="14" t="s">
        <v>191</v>
      </c>
      <c r="D44505" s="14" t="s">
        <v>31</v>
      </c>
      <c r="E44505" s="15">
        <v>45716</v>
      </c>
      <c r="F44505" s="14" t="s">
        <v>15</v>
      </c>
      <c r="G44505" s="16">
        <v>3.4031461383088639</v>
      </c>
    </row>
    <row r="44506" spans="1:7" x14ac:dyDescent="0.3">
      <c r="A44506" s="13" t="s">
        <v>258</v>
      </c>
      <c r="B44506" s="14" t="s">
        <v>1</v>
      </c>
      <c r="C44506" s="14" t="s">
        <v>191</v>
      </c>
      <c r="D44506" s="14" t="s">
        <v>31</v>
      </c>
      <c r="E44506" s="15">
        <v>45717</v>
      </c>
      <c r="F44506" s="14" t="s">
        <v>15</v>
      </c>
      <c r="G44506" s="16">
        <v>3.4031461383088639</v>
      </c>
    </row>
    <row r="44507" spans="1:7" x14ac:dyDescent="0.3">
      <c r="A44507" s="13" t="s">
        <v>258</v>
      </c>
      <c r="B44507" s="14" t="s">
        <v>1</v>
      </c>
      <c r="C44507" s="14" t="s">
        <v>191</v>
      </c>
      <c r="D44507" s="14" t="s">
        <v>31</v>
      </c>
      <c r="E44507" s="15">
        <v>45718</v>
      </c>
      <c r="F44507" s="14" t="s">
        <v>15</v>
      </c>
      <c r="G44507" s="16">
        <v>3.4031461383088639</v>
      </c>
    </row>
    <row r="44508" spans="1:7" x14ac:dyDescent="0.3">
      <c r="A44508" s="13" t="s">
        <v>258</v>
      </c>
      <c r="B44508" s="14" t="s">
        <v>1</v>
      </c>
      <c r="C44508" s="14" t="s">
        <v>191</v>
      </c>
      <c r="D44508" s="14" t="s">
        <v>31</v>
      </c>
      <c r="E44508" s="15">
        <v>45719</v>
      </c>
      <c r="F44508" s="14" t="s">
        <v>15</v>
      </c>
      <c r="G44508" s="16">
        <v>3.4010570444958201</v>
      </c>
    </row>
    <row r="44509" spans="1:7" x14ac:dyDescent="0.3">
      <c r="A44509" s="13" t="s">
        <v>258</v>
      </c>
      <c r="B44509" s="14" t="s">
        <v>1</v>
      </c>
      <c r="C44509" s="14" t="s">
        <v>191</v>
      </c>
      <c r="D44509" s="14" t="s">
        <v>31</v>
      </c>
      <c r="E44509" s="15">
        <v>45720</v>
      </c>
      <c r="F44509" s="14" t="s">
        <v>15</v>
      </c>
      <c r="G44509" s="16">
        <v>3.3877201207585745</v>
      </c>
    </row>
    <row r="44510" spans="1:7" x14ac:dyDescent="0.3">
      <c r="A44510" s="13" t="s">
        <v>258</v>
      </c>
      <c r="B44510" s="14" t="s">
        <v>1</v>
      </c>
      <c r="C44510" s="14" t="s">
        <v>191</v>
      </c>
      <c r="D44510" s="14" t="s">
        <v>31</v>
      </c>
      <c r="E44510" s="15">
        <v>45721</v>
      </c>
      <c r="F44510" s="14" t="s">
        <v>15</v>
      </c>
      <c r="G44510" s="16">
        <v>3.3931338996626526</v>
      </c>
    </row>
    <row r="44511" spans="1:7" x14ac:dyDescent="0.3">
      <c r="A44511" s="13" t="s">
        <v>258</v>
      </c>
      <c r="B44511" s="14" t="s">
        <v>1</v>
      </c>
      <c r="C44511" s="14" t="s">
        <v>191</v>
      </c>
      <c r="D44511" s="14" t="s">
        <v>31</v>
      </c>
      <c r="E44511" s="15">
        <v>45722</v>
      </c>
      <c r="F44511" s="14" t="s">
        <v>15</v>
      </c>
      <c r="G44511" s="16">
        <v>3.4084394215237888</v>
      </c>
    </row>
    <row r="44512" spans="1:7" x14ac:dyDescent="0.3">
      <c r="A44512" s="13" t="s">
        <v>258</v>
      </c>
      <c r="B44512" s="14" t="s">
        <v>1</v>
      </c>
      <c r="C44512" s="14" t="s">
        <v>191</v>
      </c>
      <c r="D44512" s="14" t="s">
        <v>31</v>
      </c>
      <c r="E44512" s="15">
        <v>45723</v>
      </c>
      <c r="F44512" s="14" t="s">
        <v>15</v>
      </c>
      <c r="G44512" s="16">
        <v>3.4519214934749844</v>
      </c>
    </row>
    <row r="44513" spans="1:7" x14ac:dyDescent="0.3">
      <c r="A44513" s="13" t="s">
        <v>258</v>
      </c>
      <c r="B44513" s="14" t="s">
        <v>1</v>
      </c>
      <c r="C44513" s="14" t="s">
        <v>191</v>
      </c>
      <c r="D44513" s="14" t="s">
        <v>31</v>
      </c>
      <c r="E44513" s="15">
        <v>45724</v>
      </c>
      <c r="F44513" s="14" t="s">
        <v>15</v>
      </c>
      <c r="G44513" s="16">
        <v>3.4519214934749844</v>
      </c>
    </row>
    <row r="44514" spans="1:7" x14ac:dyDescent="0.3">
      <c r="A44514" s="13" t="s">
        <v>258</v>
      </c>
      <c r="B44514" s="14" t="s">
        <v>1</v>
      </c>
      <c r="C44514" s="14" t="s">
        <v>191</v>
      </c>
      <c r="D44514" s="14" t="s">
        <v>31</v>
      </c>
      <c r="E44514" s="15">
        <v>45725</v>
      </c>
      <c r="F44514" s="14" t="s">
        <v>15</v>
      </c>
      <c r="G44514" s="16">
        <v>3.4519214934749844</v>
      </c>
    </row>
    <row r="44515" spans="1:7" x14ac:dyDescent="0.3">
      <c r="A44515" s="13" t="s">
        <v>258</v>
      </c>
      <c r="B44515" s="14" t="s">
        <v>1</v>
      </c>
      <c r="C44515" s="14" t="s">
        <v>191</v>
      </c>
      <c r="D44515" s="14" t="s">
        <v>31</v>
      </c>
      <c r="E44515" s="15">
        <v>45726</v>
      </c>
      <c r="F44515" s="14" t="s">
        <v>15</v>
      </c>
      <c r="G44515" s="16">
        <v>3.4577129341485957</v>
      </c>
    </row>
    <row r="44516" spans="1:7" x14ac:dyDescent="0.3">
      <c r="A44516" s="13" t="s">
        <v>258</v>
      </c>
      <c r="B44516" s="14" t="s">
        <v>1</v>
      </c>
      <c r="C44516" s="14" t="s">
        <v>191</v>
      </c>
      <c r="D44516" s="14" t="s">
        <v>31</v>
      </c>
      <c r="E44516" s="15">
        <v>45727</v>
      </c>
      <c r="F44516" s="14" t="s">
        <v>15</v>
      </c>
      <c r="G44516" s="16">
        <v>3.4292961278521621</v>
      </c>
    </row>
    <row r="44517" spans="1:7" x14ac:dyDescent="0.3">
      <c r="A44517" s="13" t="s">
        <v>258</v>
      </c>
      <c r="B44517" s="14" t="s">
        <v>1</v>
      </c>
      <c r="C44517" s="14" t="s">
        <v>191</v>
      </c>
      <c r="D44517" s="14" t="s">
        <v>31</v>
      </c>
      <c r="E44517" s="15">
        <v>45728</v>
      </c>
      <c r="F44517" s="14" t="s">
        <v>15</v>
      </c>
      <c r="G44517" s="16">
        <v>3.4243914421886799</v>
      </c>
    </row>
    <row r="44518" spans="1:7" x14ac:dyDescent="0.3">
      <c r="A44518" s="13" t="s">
        <v>258</v>
      </c>
      <c r="B44518" s="14" t="s">
        <v>1</v>
      </c>
      <c r="C44518" s="14" t="s">
        <v>191</v>
      </c>
      <c r="D44518" s="14" t="s">
        <v>31</v>
      </c>
      <c r="E44518" s="15">
        <v>45729</v>
      </c>
      <c r="F44518" s="14" t="s">
        <v>15</v>
      </c>
      <c r="G44518" s="16">
        <v>3.4223130361349385</v>
      </c>
    </row>
    <row r="44519" spans="1:7" x14ac:dyDescent="0.3">
      <c r="A44519" s="13" t="s">
        <v>258</v>
      </c>
      <c r="B44519" s="14" t="s">
        <v>1</v>
      </c>
      <c r="C44519" s="14" t="s">
        <v>191</v>
      </c>
      <c r="D44519" s="14" t="s">
        <v>31</v>
      </c>
      <c r="E44519" s="15">
        <v>45730</v>
      </c>
      <c r="F44519" s="14" t="s">
        <v>15</v>
      </c>
      <c r="G44519" s="16">
        <v>3.4027627897715935</v>
      </c>
    </row>
    <row r="44520" spans="1:7" x14ac:dyDescent="0.3">
      <c r="A44520" s="13" t="s">
        <v>258</v>
      </c>
      <c r="B44520" s="14" t="s">
        <v>1</v>
      </c>
      <c r="C44520" s="14" t="s">
        <v>191</v>
      </c>
      <c r="D44520" s="14" t="s">
        <v>31</v>
      </c>
      <c r="E44520" s="15">
        <v>45731</v>
      </c>
      <c r="F44520" s="14" t="s">
        <v>15</v>
      </c>
      <c r="G44520" s="16">
        <v>3.4027627897715935</v>
      </c>
    </row>
    <row r="44521" spans="1:7" x14ac:dyDescent="0.3">
      <c r="A44521" s="13" t="s">
        <v>258</v>
      </c>
      <c r="B44521" s="14" t="s">
        <v>1</v>
      </c>
      <c r="C44521" s="14" t="s">
        <v>191</v>
      </c>
      <c r="D44521" s="14" t="s">
        <v>31</v>
      </c>
      <c r="E44521" s="15">
        <v>45732</v>
      </c>
      <c r="F44521" s="14" t="s">
        <v>15</v>
      </c>
      <c r="G44521" s="16">
        <v>3.4027627897715935</v>
      </c>
    </row>
    <row r="44522" spans="1:7" x14ac:dyDescent="0.3">
      <c r="A44522" s="13" t="s">
        <v>258</v>
      </c>
      <c r="B44522" s="14" t="s">
        <v>1</v>
      </c>
      <c r="C44522" s="14" t="s">
        <v>191</v>
      </c>
      <c r="D44522" s="14" t="s">
        <v>31</v>
      </c>
      <c r="E44522" s="15">
        <v>45733</v>
      </c>
      <c r="F44522" s="14" t="s">
        <v>15</v>
      </c>
      <c r="G44522" s="16">
        <v>3.4027627897715935</v>
      </c>
    </row>
    <row r="44523" spans="1:7" x14ac:dyDescent="0.3">
      <c r="A44523" s="13" t="s">
        <v>258</v>
      </c>
      <c r="B44523" s="14" t="s">
        <v>1</v>
      </c>
      <c r="C44523" s="14" t="s">
        <v>191</v>
      </c>
      <c r="D44523" s="14" t="s">
        <v>31</v>
      </c>
      <c r="E44523" s="15">
        <v>45734</v>
      </c>
      <c r="F44523" s="14" t="s">
        <v>15</v>
      </c>
      <c r="G44523" s="16">
        <v>3.4006746415852804</v>
      </c>
    </row>
    <row r="44524" spans="1:7" x14ac:dyDescent="0.3">
      <c r="A44524" s="13" t="s">
        <v>258</v>
      </c>
      <c r="B44524" s="14" t="s">
        <v>1</v>
      </c>
      <c r="C44524" s="14" t="s">
        <v>191</v>
      </c>
      <c r="D44524" s="14" t="s">
        <v>31</v>
      </c>
      <c r="E44524" s="15">
        <v>45735</v>
      </c>
      <c r="F44524" s="14" t="s">
        <v>15</v>
      </c>
      <c r="G44524" s="16">
        <v>3.3881920875832852</v>
      </c>
    </row>
    <row r="44525" spans="1:7" x14ac:dyDescent="0.3">
      <c r="A44525" s="13" t="s">
        <v>258</v>
      </c>
      <c r="B44525" s="14" t="s">
        <v>1</v>
      </c>
      <c r="C44525" s="14" t="s">
        <v>191</v>
      </c>
      <c r="D44525" s="14" t="s">
        <v>31</v>
      </c>
      <c r="E44525" s="15">
        <v>45736</v>
      </c>
      <c r="F44525" s="14" t="s">
        <v>15</v>
      </c>
      <c r="G44525" s="16">
        <v>3.3772207394054554</v>
      </c>
    </row>
    <row r="44526" spans="1:7" x14ac:dyDescent="0.3">
      <c r="A44526" s="13" t="s">
        <v>258</v>
      </c>
      <c r="B44526" s="14" t="s">
        <v>1</v>
      </c>
      <c r="C44526" s="14" t="s">
        <v>191</v>
      </c>
      <c r="D44526" s="14" t="s">
        <v>31</v>
      </c>
      <c r="E44526" s="15">
        <v>45737</v>
      </c>
      <c r="F44526" s="14" t="s">
        <v>15</v>
      </c>
      <c r="G44526" s="16">
        <v>3.3751243283336665</v>
      </c>
    </row>
    <row r="44527" spans="1:7" x14ac:dyDescent="0.3">
      <c r="A44527" s="13" t="s">
        <v>258</v>
      </c>
      <c r="B44527" s="14" t="s">
        <v>1</v>
      </c>
      <c r="C44527" s="14" t="s">
        <v>191</v>
      </c>
      <c r="D44527" s="14" t="s">
        <v>31</v>
      </c>
      <c r="E44527" s="15">
        <v>45738</v>
      </c>
      <c r="F44527" s="14" t="s">
        <v>15</v>
      </c>
      <c r="G44527" s="16">
        <v>3.3751243283336665</v>
      </c>
    </row>
    <row r="44528" spans="1:7" x14ac:dyDescent="0.3">
      <c r="A44528" s="13" t="s">
        <v>258</v>
      </c>
      <c r="B44528" s="14" t="s">
        <v>1</v>
      </c>
      <c r="C44528" s="14" t="s">
        <v>191</v>
      </c>
      <c r="D44528" s="14" t="s">
        <v>31</v>
      </c>
      <c r="E44528" s="15">
        <v>45739</v>
      </c>
      <c r="F44528" s="14" t="s">
        <v>15</v>
      </c>
      <c r="G44528" s="16">
        <v>3.3751243283336665</v>
      </c>
    </row>
    <row r="44529" spans="1:7" x14ac:dyDescent="0.3">
      <c r="A44529" s="13" t="s">
        <v>258</v>
      </c>
      <c r="B44529" s="14" t="s">
        <v>1</v>
      </c>
      <c r="C44529" s="14" t="s">
        <v>191</v>
      </c>
      <c r="D44529" s="14" t="s">
        <v>31</v>
      </c>
      <c r="E44529" s="15">
        <v>45740</v>
      </c>
      <c r="F44529" s="14" t="s">
        <v>15</v>
      </c>
      <c r="G44529" s="16">
        <v>3.373011843479802</v>
      </c>
    </row>
    <row r="44530" spans="1:7" x14ac:dyDescent="0.3">
      <c r="A44530" s="13" t="s">
        <v>258</v>
      </c>
      <c r="B44530" s="14" t="s">
        <v>1</v>
      </c>
      <c r="C44530" s="14" t="s">
        <v>191</v>
      </c>
      <c r="D44530" s="14" t="s">
        <v>31</v>
      </c>
      <c r="E44530" s="15">
        <v>45741</v>
      </c>
      <c r="F44530" s="14" t="s">
        <v>15</v>
      </c>
      <c r="G44530" s="16">
        <v>3.3666659506250585</v>
      </c>
    </row>
    <row r="44531" spans="1:7" x14ac:dyDescent="0.3">
      <c r="A44531" s="13" t="s">
        <v>258</v>
      </c>
      <c r="B44531" s="14" t="s">
        <v>1</v>
      </c>
      <c r="C44531" s="14" t="s">
        <v>191</v>
      </c>
      <c r="D44531" s="14" t="s">
        <v>31</v>
      </c>
      <c r="E44531" s="15">
        <v>45742</v>
      </c>
      <c r="F44531" s="14" t="s">
        <v>15</v>
      </c>
      <c r="G44531" s="16">
        <v>3.3542030779739136</v>
      </c>
    </row>
    <row r="44532" spans="1:7" x14ac:dyDescent="0.3">
      <c r="A44532" s="13" t="s">
        <v>258</v>
      </c>
      <c r="B44532" s="14" t="s">
        <v>1</v>
      </c>
      <c r="C44532" s="14" t="s">
        <v>191</v>
      </c>
      <c r="D44532" s="14" t="s">
        <v>31</v>
      </c>
      <c r="E44532" s="15">
        <v>45743</v>
      </c>
      <c r="F44532" s="14" t="s">
        <v>15</v>
      </c>
      <c r="G44532" s="16">
        <v>3.352723972151137</v>
      </c>
    </row>
    <row r="44533" spans="1:7" x14ac:dyDescent="0.3">
      <c r="A44533" s="13" t="s">
        <v>258</v>
      </c>
      <c r="B44533" s="14" t="s">
        <v>1</v>
      </c>
      <c r="C44533" s="14" t="s">
        <v>191</v>
      </c>
      <c r="D44533" s="14" t="s">
        <v>31</v>
      </c>
      <c r="E44533" s="15">
        <v>45744</v>
      </c>
      <c r="F44533" s="14" t="s">
        <v>15</v>
      </c>
      <c r="G44533" s="16">
        <v>3.3505830428690482</v>
      </c>
    </row>
    <row r="44534" spans="1:7" x14ac:dyDescent="0.3">
      <c r="A44534" s="13" t="s">
        <v>258</v>
      </c>
      <c r="B44534" s="14" t="s">
        <v>1</v>
      </c>
      <c r="C44534" s="14" t="s">
        <v>191</v>
      </c>
      <c r="D44534" s="14" t="s">
        <v>31</v>
      </c>
      <c r="E44534" s="15">
        <v>45745</v>
      </c>
      <c r="F44534" s="14" t="s">
        <v>15</v>
      </c>
      <c r="G44534" s="16">
        <v>3.3505830428690482</v>
      </c>
    </row>
    <row r="44535" spans="1:7" x14ac:dyDescent="0.3">
      <c r="A44535" s="13" t="s">
        <v>258</v>
      </c>
      <c r="B44535" s="14" t="s">
        <v>1</v>
      </c>
      <c r="C44535" s="14" t="s">
        <v>191</v>
      </c>
      <c r="D44535" s="14" t="s">
        <v>31</v>
      </c>
      <c r="E44535" s="15">
        <v>45746</v>
      </c>
      <c r="F44535" s="14" t="s">
        <v>15</v>
      </c>
      <c r="G44535" s="16">
        <v>3.3505830428690482</v>
      </c>
    </row>
    <row r="44536" spans="1:7" x14ac:dyDescent="0.3">
      <c r="A44536" s="13" t="s">
        <v>258</v>
      </c>
      <c r="B44536" s="14" t="s">
        <v>1</v>
      </c>
      <c r="C44536" s="14" t="s">
        <v>191</v>
      </c>
      <c r="D44536" s="14" t="s">
        <v>31</v>
      </c>
      <c r="E44536" s="15">
        <v>45747</v>
      </c>
      <c r="F44536" s="14" t="s">
        <v>15</v>
      </c>
      <c r="G44536" s="16">
        <v>3.3505830428690482</v>
      </c>
    </row>
    <row r="44537" spans="1:7" x14ac:dyDescent="0.3">
      <c r="A44537" s="13" t="s">
        <v>259</v>
      </c>
      <c r="B44537" s="14" t="s">
        <v>1</v>
      </c>
      <c r="C44537" s="14" t="s">
        <v>23</v>
      </c>
      <c r="D44537" s="14" t="s">
        <v>260</v>
      </c>
      <c r="E44537" s="15">
        <v>45383</v>
      </c>
      <c r="F44537" s="14" t="s">
        <v>28</v>
      </c>
      <c r="G44537" s="16">
        <v>0</v>
      </c>
    </row>
    <row r="44538" spans="1:7" x14ac:dyDescent="0.3">
      <c r="A44538" s="13" t="s">
        <v>259</v>
      </c>
      <c r="B44538" s="14" t="s">
        <v>1</v>
      </c>
      <c r="C44538" s="14" t="s">
        <v>23</v>
      </c>
      <c r="D44538" s="14" t="s">
        <v>260</v>
      </c>
      <c r="E44538" s="15">
        <v>45384</v>
      </c>
      <c r="F44538" s="14" t="s">
        <v>28</v>
      </c>
      <c r="G44538" s="16">
        <v>0</v>
      </c>
    </row>
    <row r="44539" spans="1:7" x14ac:dyDescent="0.3">
      <c r="A44539" s="13" t="s">
        <v>259</v>
      </c>
      <c r="B44539" s="14" t="s">
        <v>1</v>
      </c>
      <c r="C44539" s="14" t="s">
        <v>23</v>
      </c>
      <c r="D44539" s="14" t="s">
        <v>260</v>
      </c>
      <c r="E44539" s="15">
        <v>45385</v>
      </c>
      <c r="F44539" s="14" t="s">
        <v>28</v>
      </c>
      <c r="G44539" s="16">
        <v>6.34676023079771E-2</v>
      </c>
    </row>
    <row r="44540" spans="1:7" x14ac:dyDescent="0.3">
      <c r="A44540" s="13" t="s">
        <v>259</v>
      </c>
      <c r="B44540" s="14" t="s">
        <v>1</v>
      </c>
      <c r="C44540" s="14" t="s">
        <v>23</v>
      </c>
      <c r="D44540" s="14" t="s">
        <v>260</v>
      </c>
      <c r="E44540" s="15">
        <v>45386</v>
      </c>
      <c r="F44540" s="14" t="s">
        <v>28</v>
      </c>
      <c r="G44540" s="16">
        <v>7.9791794393597751E-2</v>
      </c>
    </row>
    <row r="44541" spans="1:7" x14ac:dyDescent="0.3">
      <c r="A44541" s="13" t="s">
        <v>259</v>
      </c>
      <c r="B44541" s="14" t="s">
        <v>1</v>
      </c>
      <c r="C44541" s="14" t="s">
        <v>23</v>
      </c>
      <c r="D44541" s="14" t="s">
        <v>260</v>
      </c>
      <c r="E44541" s="15">
        <v>45387</v>
      </c>
      <c r="F44541" s="14" t="s">
        <v>28</v>
      </c>
      <c r="G44541" s="16">
        <v>0.10556184932356887</v>
      </c>
    </row>
    <row r="44542" spans="1:7" x14ac:dyDescent="0.3">
      <c r="A44542" s="13" t="s">
        <v>259</v>
      </c>
      <c r="B44542" s="14" t="s">
        <v>1</v>
      </c>
      <c r="C44542" s="14" t="s">
        <v>23</v>
      </c>
      <c r="D44542" s="14" t="s">
        <v>260</v>
      </c>
      <c r="E44542" s="15">
        <v>45388</v>
      </c>
      <c r="F44542" s="14" t="s">
        <v>28</v>
      </c>
      <c r="G44542" s="16">
        <v>0.10556184932356887</v>
      </c>
    </row>
    <row r="44543" spans="1:7" x14ac:dyDescent="0.3">
      <c r="A44543" s="13" t="s">
        <v>259</v>
      </c>
      <c r="B44543" s="14" t="s">
        <v>1</v>
      </c>
      <c r="C44543" s="14" t="s">
        <v>23</v>
      </c>
      <c r="D44543" s="14" t="s">
        <v>260</v>
      </c>
      <c r="E44543" s="15">
        <v>45389</v>
      </c>
      <c r="F44543" s="14" t="s">
        <v>28</v>
      </c>
      <c r="G44543" s="16">
        <v>0.10556184932356887</v>
      </c>
    </row>
    <row r="44544" spans="1:7" x14ac:dyDescent="0.3">
      <c r="A44544" s="13" t="s">
        <v>259</v>
      </c>
      <c r="B44544" s="14" t="s">
        <v>1</v>
      </c>
      <c r="C44544" s="14" t="s">
        <v>23</v>
      </c>
      <c r="D44544" s="14" t="s">
        <v>260</v>
      </c>
      <c r="E44544" s="15">
        <v>45390</v>
      </c>
      <c r="F44544" s="14" t="s">
        <v>28</v>
      </c>
      <c r="G44544" s="16">
        <v>0.11904622967662128</v>
      </c>
    </row>
    <row r="44545" spans="1:7" x14ac:dyDescent="0.3">
      <c r="A44545" s="13" t="s">
        <v>259</v>
      </c>
      <c r="B44545" s="14" t="s">
        <v>1</v>
      </c>
      <c r="C44545" s="14" t="s">
        <v>23</v>
      </c>
      <c r="D44545" s="14" t="s">
        <v>260</v>
      </c>
      <c r="E44545" s="15">
        <v>45391</v>
      </c>
      <c r="F44545" s="14" t="s">
        <v>28</v>
      </c>
      <c r="G44545" s="16">
        <v>0.15924268531994512</v>
      </c>
    </row>
    <row r="44546" spans="1:7" x14ac:dyDescent="0.3">
      <c r="A44546" s="13" t="s">
        <v>259</v>
      </c>
      <c r="B44546" s="14" t="s">
        <v>1</v>
      </c>
      <c r="C44546" s="14" t="s">
        <v>23</v>
      </c>
      <c r="D44546" s="14" t="s">
        <v>260</v>
      </c>
      <c r="E44546" s="15">
        <v>45392</v>
      </c>
      <c r="F44546" s="14" t="s">
        <v>28</v>
      </c>
      <c r="G44546" s="16">
        <v>0.17806389197644423</v>
      </c>
    </row>
    <row r="44547" spans="1:7" x14ac:dyDescent="0.3">
      <c r="A44547" s="13" t="s">
        <v>259</v>
      </c>
      <c r="B44547" s="14" t="s">
        <v>1</v>
      </c>
      <c r="C44547" s="14" t="s">
        <v>23</v>
      </c>
      <c r="D44547" s="14" t="s">
        <v>260</v>
      </c>
      <c r="E44547" s="15">
        <v>45393</v>
      </c>
      <c r="F44547" s="14" t="s">
        <v>28</v>
      </c>
      <c r="G44547" s="16">
        <v>0.19425746984031247</v>
      </c>
    </row>
    <row r="44548" spans="1:7" x14ac:dyDescent="0.3">
      <c r="A44548" s="13" t="s">
        <v>259</v>
      </c>
      <c r="B44548" s="14" t="s">
        <v>1</v>
      </c>
      <c r="C44548" s="14" t="s">
        <v>23</v>
      </c>
      <c r="D44548" s="14" t="s">
        <v>260</v>
      </c>
      <c r="E44548" s="15">
        <v>45394</v>
      </c>
      <c r="F44548" s="14" t="s">
        <v>28</v>
      </c>
      <c r="G44548" s="16">
        <v>0.21061791444932021</v>
      </c>
    </row>
    <row r="44549" spans="1:7" x14ac:dyDescent="0.3">
      <c r="A44549" s="13" t="s">
        <v>259</v>
      </c>
      <c r="B44549" s="14" t="s">
        <v>1</v>
      </c>
      <c r="C44549" s="14" t="s">
        <v>23</v>
      </c>
      <c r="D44549" s="14" t="s">
        <v>260</v>
      </c>
      <c r="E44549" s="15">
        <v>45395</v>
      </c>
      <c r="F44549" s="14" t="s">
        <v>28</v>
      </c>
      <c r="G44549" s="16">
        <v>0.21061791444932021</v>
      </c>
    </row>
    <row r="44550" spans="1:7" x14ac:dyDescent="0.3">
      <c r="A44550" s="13" t="s">
        <v>259</v>
      </c>
      <c r="B44550" s="14" t="s">
        <v>1</v>
      </c>
      <c r="C44550" s="14" t="s">
        <v>23</v>
      </c>
      <c r="D44550" s="14" t="s">
        <v>260</v>
      </c>
      <c r="E44550" s="15">
        <v>45396</v>
      </c>
      <c r="F44550" s="14" t="s">
        <v>28</v>
      </c>
      <c r="G44550" s="16">
        <v>0.21061791444932021</v>
      </c>
    </row>
    <row r="44551" spans="1:7" x14ac:dyDescent="0.3">
      <c r="A44551" s="13" t="s">
        <v>259</v>
      </c>
      <c r="B44551" s="14" t="s">
        <v>1</v>
      </c>
      <c r="C44551" s="14" t="s">
        <v>23</v>
      </c>
      <c r="D44551" s="14" t="s">
        <v>260</v>
      </c>
      <c r="E44551" s="15">
        <v>45397</v>
      </c>
      <c r="F44551" s="14" t="s">
        <v>28</v>
      </c>
      <c r="G44551" s="16">
        <v>0.22724253675427719</v>
      </c>
    </row>
    <row r="44552" spans="1:7" x14ac:dyDescent="0.3">
      <c r="A44552" s="13" t="s">
        <v>259</v>
      </c>
      <c r="B44552" s="14" t="s">
        <v>1</v>
      </c>
      <c r="C44552" s="14" t="s">
        <v>23</v>
      </c>
      <c r="D44552" s="14" t="s">
        <v>260</v>
      </c>
      <c r="E44552" s="15">
        <v>45398</v>
      </c>
      <c r="F44552" s="14" t="s">
        <v>28</v>
      </c>
      <c r="G44552" s="16">
        <v>0.26876546483446162</v>
      </c>
    </row>
    <row r="44553" spans="1:7" x14ac:dyDescent="0.3">
      <c r="A44553" s="13" t="s">
        <v>259</v>
      </c>
      <c r="B44553" s="14" t="s">
        <v>1</v>
      </c>
      <c r="C44553" s="14" t="s">
        <v>23</v>
      </c>
      <c r="D44553" s="14" t="s">
        <v>260</v>
      </c>
      <c r="E44553" s="15">
        <v>45399</v>
      </c>
      <c r="F44553" s="14" t="s">
        <v>28</v>
      </c>
      <c r="G44553" s="16">
        <v>0.28158586856914419</v>
      </c>
    </row>
    <row r="44554" spans="1:7" x14ac:dyDescent="0.3">
      <c r="A44554" s="13" t="s">
        <v>259</v>
      </c>
      <c r="B44554" s="14" t="s">
        <v>1</v>
      </c>
      <c r="C44554" s="14" t="s">
        <v>23</v>
      </c>
      <c r="D44554" s="14" t="s">
        <v>260</v>
      </c>
      <c r="E44554" s="15">
        <v>45400</v>
      </c>
      <c r="F44554" s="14" t="s">
        <v>28</v>
      </c>
      <c r="G44554" s="16">
        <v>0.2956593258061862</v>
      </c>
    </row>
    <row r="44555" spans="1:7" x14ac:dyDescent="0.3">
      <c r="A44555" s="13" t="s">
        <v>259</v>
      </c>
      <c r="B44555" s="14" t="s">
        <v>1</v>
      </c>
      <c r="C44555" s="14" t="s">
        <v>23</v>
      </c>
      <c r="D44555" s="14" t="s">
        <v>260</v>
      </c>
      <c r="E44555" s="15">
        <v>45401</v>
      </c>
      <c r="F44555" s="14" t="s">
        <v>28</v>
      </c>
      <c r="G44555" s="16">
        <v>0.310626702691082</v>
      </c>
    </row>
    <row r="44556" spans="1:7" x14ac:dyDescent="0.3">
      <c r="A44556" s="13" t="s">
        <v>259</v>
      </c>
      <c r="B44556" s="14" t="s">
        <v>1</v>
      </c>
      <c r="C44556" s="14" t="s">
        <v>23</v>
      </c>
      <c r="D44556" s="14" t="s">
        <v>260</v>
      </c>
      <c r="E44556" s="15">
        <v>45402</v>
      </c>
      <c r="F44556" s="14" t="s">
        <v>28</v>
      </c>
      <c r="G44556" s="16">
        <v>0.310626702691082</v>
      </c>
    </row>
    <row r="44557" spans="1:7" x14ac:dyDescent="0.3">
      <c r="A44557" s="13" t="s">
        <v>259</v>
      </c>
      <c r="B44557" s="14" t="s">
        <v>1</v>
      </c>
      <c r="C44557" s="14" t="s">
        <v>23</v>
      </c>
      <c r="D44557" s="14" t="s">
        <v>260</v>
      </c>
      <c r="E44557" s="15">
        <v>45403</v>
      </c>
      <c r="F44557" s="14" t="s">
        <v>28</v>
      </c>
      <c r="G44557" s="16">
        <v>0.310626702691082</v>
      </c>
    </row>
    <row r="44558" spans="1:7" x14ac:dyDescent="0.3">
      <c r="A44558" s="13" t="s">
        <v>259</v>
      </c>
      <c r="B44558" s="14" t="s">
        <v>1</v>
      </c>
      <c r="C44558" s="14" t="s">
        <v>23</v>
      </c>
      <c r="D44558" s="14" t="s">
        <v>260</v>
      </c>
      <c r="E44558" s="15">
        <v>45404</v>
      </c>
      <c r="F44558" s="14" t="s">
        <v>28</v>
      </c>
      <c r="G44558" s="16">
        <v>0.33129155441851627</v>
      </c>
    </row>
    <row r="44559" spans="1:7" x14ac:dyDescent="0.3">
      <c r="A44559" s="13" t="s">
        <v>259</v>
      </c>
      <c r="B44559" s="14" t="s">
        <v>1</v>
      </c>
      <c r="C44559" s="14" t="s">
        <v>23</v>
      </c>
      <c r="D44559" s="14" t="s">
        <v>260</v>
      </c>
      <c r="E44559" s="15">
        <v>45405</v>
      </c>
      <c r="F44559" s="14" t="s">
        <v>28</v>
      </c>
      <c r="G44559" s="16">
        <v>0.36385881059307945</v>
      </c>
    </row>
    <row r="44560" spans="1:7" x14ac:dyDescent="0.3">
      <c r="A44560" s="13" t="s">
        <v>259</v>
      </c>
      <c r="B44560" s="14" t="s">
        <v>1</v>
      </c>
      <c r="C44560" s="14" t="s">
        <v>23</v>
      </c>
      <c r="D44560" s="14" t="s">
        <v>260</v>
      </c>
      <c r="E44560" s="15">
        <v>45406</v>
      </c>
      <c r="F44560" s="14" t="s">
        <v>28</v>
      </c>
      <c r="G44560" s="16">
        <v>0.37645114711978883</v>
      </c>
    </row>
    <row r="44561" spans="1:7" x14ac:dyDescent="0.3">
      <c r="A44561" s="13" t="s">
        <v>259</v>
      </c>
      <c r="B44561" s="14" t="s">
        <v>1</v>
      </c>
      <c r="C44561" s="14" t="s">
        <v>23</v>
      </c>
      <c r="D44561" s="14" t="s">
        <v>260</v>
      </c>
      <c r="E44561" s="15">
        <v>45407</v>
      </c>
      <c r="F44561" s="14" t="s">
        <v>28</v>
      </c>
      <c r="G44561" s="16">
        <v>0.3431831328989427</v>
      </c>
    </row>
    <row r="44562" spans="1:7" x14ac:dyDescent="0.3">
      <c r="A44562" s="13" t="s">
        <v>259</v>
      </c>
      <c r="B44562" s="14" t="s">
        <v>1</v>
      </c>
      <c r="C44562" s="14" t="s">
        <v>23</v>
      </c>
      <c r="D44562" s="14" t="s">
        <v>260</v>
      </c>
      <c r="E44562" s="15">
        <v>45408</v>
      </c>
      <c r="F44562" s="14" t="s">
        <v>28</v>
      </c>
      <c r="G44562" s="16">
        <v>0.3564517967080712</v>
      </c>
    </row>
    <row r="44563" spans="1:7" x14ac:dyDescent="0.3">
      <c r="A44563" s="13" t="s">
        <v>259</v>
      </c>
      <c r="B44563" s="14" t="s">
        <v>1</v>
      </c>
      <c r="C44563" s="14" t="s">
        <v>23</v>
      </c>
      <c r="D44563" s="14" t="s">
        <v>260</v>
      </c>
      <c r="E44563" s="15">
        <v>45409</v>
      </c>
      <c r="F44563" s="14" t="s">
        <v>28</v>
      </c>
      <c r="G44563" s="16">
        <v>0.3564517967080712</v>
      </c>
    </row>
    <row r="44564" spans="1:7" x14ac:dyDescent="0.3">
      <c r="A44564" s="13" t="s">
        <v>259</v>
      </c>
      <c r="B44564" s="14" t="s">
        <v>1</v>
      </c>
      <c r="C44564" s="14" t="s">
        <v>23</v>
      </c>
      <c r="D44564" s="14" t="s">
        <v>260</v>
      </c>
      <c r="E44564" s="15">
        <v>45410</v>
      </c>
      <c r="F44564" s="14" t="s">
        <v>28</v>
      </c>
      <c r="G44564" s="16">
        <v>0.3564517967080712</v>
      </c>
    </row>
    <row r="44565" spans="1:7" x14ac:dyDescent="0.3">
      <c r="A44565" s="13" t="s">
        <v>259</v>
      </c>
      <c r="B44565" s="14" t="s">
        <v>1</v>
      </c>
      <c r="C44565" s="14" t="s">
        <v>23</v>
      </c>
      <c r="D44565" s="14" t="s">
        <v>260</v>
      </c>
      <c r="E44565" s="15">
        <v>45411</v>
      </c>
      <c r="F44565" s="14" t="s">
        <v>28</v>
      </c>
      <c r="G44565" s="16">
        <v>0.36938400142172606</v>
      </c>
    </row>
    <row r="44566" spans="1:7" x14ac:dyDescent="0.3">
      <c r="A44566" s="13" t="s">
        <v>259</v>
      </c>
      <c r="B44566" s="14" t="s">
        <v>1</v>
      </c>
      <c r="C44566" s="14" t="s">
        <v>23</v>
      </c>
      <c r="D44566" s="14" t="s">
        <v>260</v>
      </c>
      <c r="E44566" s="15">
        <v>45412</v>
      </c>
      <c r="F44566" s="14" t="s">
        <v>28</v>
      </c>
      <c r="G44566" s="16">
        <v>0.41204146833478456</v>
      </c>
    </row>
    <row r="44567" spans="1:7" x14ac:dyDescent="0.3">
      <c r="A44567" s="13" t="s">
        <v>259</v>
      </c>
      <c r="B44567" s="14" t="s">
        <v>1</v>
      </c>
      <c r="C44567" s="14" t="s">
        <v>23</v>
      </c>
      <c r="D44567" s="14" t="s">
        <v>260</v>
      </c>
      <c r="E44567" s="15">
        <v>45413</v>
      </c>
      <c r="F44567" s="14" t="s">
        <v>28</v>
      </c>
      <c r="G44567" s="16">
        <v>0.42431999216505401</v>
      </c>
    </row>
    <row r="44568" spans="1:7" x14ac:dyDescent="0.3">
      <c r="A44568" s="13" t="s">
        <v>259</v>
      </c>
      <c r="B44568" s="14" t="s">
        <v>1</v>
      </c>
      <c r="C44568" s="14" t="s">
        <v>23</v>
      </c>
      <c r="D44568" s="14" t="s">
        <v>260</v>
      </c>
      <c r="E44568" s="15">
        <v>45414</v>
      </c>
      <c r="F44568" s="14" t="s">
        <v>28</v>
      </c>
      <c r="G44568" s="16">
        <v>0.43740518897852393</v>
      </c>
    </row>
    <row r="44569" spans="1:7" x14ac:dyDescent="0.3">
      <c r="A44569" s="13" t="s">
        <v>259</v>
      </c>
      <c r="B44569" s="14" t="s">
        <v>1</v>
      </c>
      <c r="C44569" s="14" t="s">
        <v>23</v>
      </c>
      <c r="D44569" s="14" t="s">
        <v>260</v>
      </c>
      <c r="E44569" s="15">
        <v>45415</v>
      </c>
      <c r="F44569" s="14" t="s">
        <v>28</v>
      </c>
      <c r="G44569" s="16">
        <v>0.44943775690075599</v>
      </c>
    </row>
    <row r="44570" spans="1:7" x14ac:dyDescent="0.3">
      <c r="A44570" s="13" t="s">
        <v>259</v>
      </c>
      <c r="B44570" s="14" t="s">
        <v>1</v>
      </c>
      <c r="C44570" s="14" t="s">
        <v>23</v>
      </c>
      <c r="D44570" s="14" t="s">
        <v>260</v>
      </c>
      <c r="E44570" s="15">
        <v>45416</v>
      </c>
      <c r="F44570" s="14" t="s">
        <v>28</v>
      </c>
      <c r="G44570" s="16">
        <v>0.44943775690075599</v>
      </c>
    </row>
    <row r="44571" spans="1:7" x14ac:dyDescent="0.3">
      <c r="A44571" s="13" t="s">
        <v>259</v>
      </c>
      <c r="B44571" s="14" t="s">
        <v>1</v>
      </c>
      <c r="C44571" s="14" t="s">
        <v>23</v>
      </c>
      <c r="D44571" s="14" t="s">
        <v>260</v>
      </c>
      <c r="E44571" s="15">
        <v>45417</v>
      </c>
      <c r="F44571" s="14" t="s">
        <v>28</v>
      </c>
      <c r="G44571" s="16">
        <v>0.44943775690075599</v>
      </c>
    </row>
    <row r="44572" spans="1:7" x14ac:dyDescent="0.3">
      <c r="A44572" s="13" t="s">
        <v>259</v>
      </c>
      <c r="B44572" s="14" t="s">
        <v>1</v>
      </c>
      <c r="C44572" s="14" t="s">
        <v>23</v>
      </c>
      <c r="D44572" s="14" t="s">
        <v>260</v>
      </c>
      <c r="E44572" s="15">
        <v>45418</v>
      </c>
      <c r="F44572" s="14" t="s">
        <v>28</v>
      </c>
      <c r="G44572" s="16">
        <v>0.44943775690075599</v>
      </c>
    </row>
    <row r="44573" spans="1:7" x14ac:dyDescent="0.3">
      <c r="A44573" s="13" t="s">
        <v>259</v>
      </c>
      <c r="B44573" s="14" t="s">
        <v>1</v>
      </c>
      <c r="C44573" s="14" t="s">
        <v>23</v>
      </c>
      <c r="D44573" s="14" t="s">
        <v>260</v>
      </c>
      <c r="E44573" s="15">
        <v>45419</v>
      </c>
      <c r="F44573" s="14" t="s">
        <v>28</v>
      </c>
      <c r="G44573" s="16">
        <v>0.4646314143048107</v>
      </c>
    </row>
    <row r="44574" spans="1:7" x14ac:dyDescent="0.3">
      <c r="A44574" s="13" t="s">
        <v>259</v>
      </c>
      <c r="B44574" s="14" t="s">
        <v>1</v>
      </c>
      <c r="C44574" s="14" t="s">
        <v>23</v>
      </c>
      <c r="D44574" s="14" t="s">
        <v>260</v>
      </c>
      <c r="E44574" s="15">
        <v>45420</v>
      </c>
      <c r="F44574" s="14" t="s">
        <v>28</v>
      </c>
      <c r="G44574" s="16">
        <v>0.53435891545170211</v>
      </c>
    </row>
    <row r="44575" spans="1:7" x14ac:dyDescent="0.3">
      <c r="A44575" s="13" t="s">
        <v>259</v>
      </c>
      <c r="B44575" s="14" t="s">
        <v>1</v>
      </c>
      <c r="C44575" s="14" t="s">
        <v>23</v>
      </c>
      <c r="D44575" s="14" t="s">
        <v>260</v>
      </c>
      <c r="E44575" s="15">
        <v>45421</v>
      </c>
      <c r="F44575" s="14" t="s">
        <v>28</v>
      </c>
      <c r="G44575" s="16">
        <v>0.54674073056982686</v>
      </c>
    </row>
    <row r="44576" spans="1:7" x14ac:dyDescent="0.3">
      <c r="A44576" s="13" t="s">
        <v>259</v>
      </c>
      <c r="B44576" s="14" t="s">
        <v>1</v>
      </c>
      <c r="C44576" s="14" t="s">
        <v>23</v>
      </c>
      <c r="D44576" s="14" t="s">
        <v>260</v>
      </c>
      <c r="E44576" s="15">
        <v>45422</v>
      </c>
      <c r="F44576" s="14" t="s">
        <v>28</v>
      </c>
      <c r="G44576" s="16">
        <v>0.56117153349254978</v>
      </c>
    </row>
    <row r="44577" spans="1:7" x14ac:dyDescent="0.3">
      <c r="A44577" s="13" t="s">
        <v>259</v>
      </c>
      <c r="B44577" s="14" t="s">
        <v>1</v>
      </c>
      <c r="C44577" s="14" t="s">
        <v>23</v>
      </c>
      <c r="D44577" s="14" t="s">
        <v>260</v>
      </c>
      <c r="E44577" s="15">
        <v>45423</v>
      </c>
      <c r="F44577" s="14" t="s">
        <v>28</v>
      </c>
      <c r="G44577" s="16">
        <v>0.56117153349254978</v>
      </c>
    </row>
    <row r="44578" spans="1:7" x14ac:dyDescent="0.3">
      <c r="A44578" s="13" t="s">
        <v>259</v>
      </c>
      <c r="B44578" s="14" t="s">
        <v>1</v>
      </c>
      <c r="C44578" s="14" t="s">
        <v>23</v>
      </c>
      <c r="D44578" s="14" t="s">
        <v>260</v>
      </c>
      <c r="E44578" s="15">
        <v>45424</v>
      </c>
      <c r="F44578" s="14" t="s">
        <v>28</v>
      </c>
      <c r="G44578" s="16">
        <v>0.56117153349254978</v>
      </c>
    </row>
    <row r="44579" spans="1:7" x14ac:dyDescent="0.3">
      <c r="A44579" s="13" t="s">
        <v>259</v>
      </c>
      <c r="B44579" s="14" t="s">
        <v>1</v>
      </c>
      <c r="C44579" s="14" t="s">
        <v>23</v>
      </c>
      <c r="D44579" s="14" t="s">
        <v>260</v>
      </c>
      <c r="E44579" s="15">
        <v>45425</v>
      </c>
      <c r="F44579" s="14" t="s">
        <v>28</v>
      </c>
      <c r="G44579" s="16">
        <v>0.57580523900306368</v>
      </c>
    </row>
    <row r="44580" spans="1:7" x14ac:dyDescent="0.3">
      <c r="A44580" s="13" t="s">
        <v>259</v>
      </c>
      <c r="B44580" s="14" t="s">
        <v>1</v>
      </c>
      <c r="C44580" s="14" t="s">
        <v>23</v>
      </c>
      <c r="D44580" s="14" t="s">
        <v>260</v>
      </c>
      <c r="E44580" s="15">
        <v>45426</v>
      </c>
      <c r="F44580" s="14" t="s">
        <v>28</v>
      </c>
      <c r="G44580" s="16">
        <v>0.61714536042765522</v>
      </c>
    </row>
    <row r="44581" spans="1:7" x14ac:dyDescent="0.3">
      <c r="A44581" s="13" t="s">
        <v>259</v>
      </c>
      <c r="B44581" s="14" t="s">
        <v>1</v>
      </c>
      <c r="C44581" s="14" t="s">
        <v>23</v>
      </c>
      <c r="D44581" s="14" t="s">
        <v>260</v>
      </c>
      <c r="E44581" s="15">
        <v>45427</v>
      </c>
      <c r="F44581" s="14" t="s">
        <v>28</v>
      </c>
      <c r="G44581" s="16">
        <v>0.62774919725018563</v>
      </c>
    </row>
    <row r="44582" spans="1:7" x14ac:dyDescent="0.3">
      <c r="A44582" s="13" t="s">
        <v>259</v>
      </c>
      <c r="B44582" s="14" t="s">
        <v>1</v>
      </c>
      <c r="C44582" s="14" t="s">
        <v>23</v>
      </c>
      <c r="D44582" s="14" t="s">
        <v>260</v>
      </c>
      <c r="E44582" s="15">
        <v>45428</v>
      </c>
      <c r="F44582" s="14" t="s">
        <v>28</v>
      </c>
      <c r="G44582" s="16">
        <v>0.64300050533339015</v>
      </c>
    </row>
    <row r="44583" spans="1:7" x14ac:dyDescent="0.3">
      <c r="A44583" s="13" t="s">
        <v>259</v>
      </c>
      <c r="B44583" s="14" t="s">
        <v>1</v>
      </c>
      <c r="C44583" s="14" t="s">
        <v>23</v>
      </c>
      <c r="D44583" s="14" t="s">
        <v>260</v>
      </c>
      <c r="E44583" s="15">
        <v>45429</v>
      </c>
      <c r="F44583" s="14" t="s">
        <v>28</v>
      </c>
      <c r="G44583" s="16">
        <v>0.6577295789322426</v>
      </c>
    </row>
    <row r="44584" spans="1:7" x14ac:dyDescent="0.3">
      <c r="A44584" s="13" t="s">
        <v>259</v>
      </c>
      <c r="B44584" s="14" t="s">
        <v>1</v>
      </c>
      <c r="C44584" s="14" t="s">
        <v>23</v>
      </c>
      <c r="D44584" s="14" t="s">
        <v>260</v>
      </c>
      <c r="E44584" s="15">
        <v>45430</v>
      </c>
      <c r="F44584" s="14" t="s">
        <v>28</v>
      </c>
      <c r="G44584" s="16">
        <v>0.6577295789322426</v>
      </c>
    </row>
    <row r="44585" spans="1:7" x14ac:dyDescent="0.3">
      <c r="A44585" s="13" t="s">
        <v>259</v>
      </c>
      <c r="B44585" s="14" t="s">
        <v>1</v>
      </c>
      <c r="C44585" s="14" t="s">
        <v>23</v>
      </c>
      <c r="D44585" s="14" t="s">
        <v>260</v>
      </c>
      <c r="E44585" s="15">
        <v>45431</v>
      </c>
      <c r="F44585" s="14" t="s">
        <v>28</v>
      </c>
      <c r="G44585" s="16">
        <v>0.6577295789322426</v>
      </c>
    </row>
    <row r="44586" spans="1:7" x14ac:dyDescent="0.3">
      <c r="A44586" s="13" t="s">
        <v>259</v>
      </c>
      <c r="B44586" s="14" t="s">
        <v>1</v>
      </c>
      <c r="C44586" s="14" t="s">
        <v>23</v>
      </c>
      <c r="D44586" s="14" t="s">
        <v>260</v>
      </c>
      <c r="E44586" s="15">
        <v>45432</v>
      </c>
      <c r="F44586" s="14" t="s">
        <v>28</v>
      </c>
      <c r="G44586" s="16">
        <v>0.67359969483212578</v>
      </c>
    </row>
    <row r="44587" spans="1:7" x14ac:dyDescent="0.3">
      <c r="A44587" s="13" t="s">
        <v>259</v>
      </c>
      <c r="B44587" s="14" t="s">
        <v>1</v>
      </c>
      <c r="C44587" s="14" t="s">
        <v>23</v>
      </c>
      <c r="D44587" s="14" t="s">
        <v>260</v>
      </c>
      <c r="E44587" s="15">
        <v>45433</v>
      </c>
      <c r="F44587" s="14" t="s">
        <v>28</v>
      </c>
      <c r="G44587" s="16">
        <v>0.71532763651931697</v>
      </c>
    </row>
    <row r="44588" spans="1:7" x14ac:dyDescent="0.3">
      <c r="A44588" s="13" t="s">
        <v>259</v>
      </c>
      <c r="B44588" s="14" t="s">
        <v>1</v>
      </c>
      <c r="C44588" s="14" t="s">
        <v>23</v>
      </c>
      <c r="D44588" s="14" t="s">
        <v>260</v>
      </c>
      <c r="E44588" s="15">
        <v>45434</v>
      </c>
      <c r="F44588" s="14" t="s">
        <v>28</v>
      </c>
      <c r="G44588" s="16">
        <v>0.73227149321001894</v>
      </c>
    </row>
    <row r="44589" spans="1:7" x14ac:dyDescent="0.3">
      <c r="A44589" s="13" t="s">
        <v>259</v>
      </c>
      <c r="B44589" s="14" t="s">
        <v>1</v>
      </c>
      <c r="C44589" s="14" t="s">
        <v>23</v>
      </c>
      <c r="D44589" s="14" t="s">
        <v>260</v>
      </c>
      <c r="E44589" s="15">
        <v>45435</v>
      </c>
      <c r="F44589" s="14" t="s">
        <v>28</v>
      </c>
      <c r="G44589" s="16">
        <v>0.75034051826977988</v>
      </c>
    </row>
    <row r="44590" spans="1:7" x14ac:dyDescent="0.3">
      <c r="A44590" s="13" t="s">
        <v>259</v>
      </c>
      <c r="B44590" s="14" t="s">
        <v>1</v>
      </c>
      <c r="C44590" s="14" t="s">
        <v>23</v>
      </c>
      <c r="D44590" s="14" t="s">
        <v>260</v>
      </c>
      <c r="E44590" s="15">
        <v>45436</v>
      </c>
      <c r="F44590" s="14" t="s">
        <v>28</v>
      </c>
      <c r="G44590" s="16">
        <v>0.76290173240893222</v>
      </c>
    </row>
    <row r="44591" spans="1:7" x14ac:dyDescent="0.3">
      <c r="A44591" s="13" t="s">
        <v>259</v>
      </c>
      <c r="B44591" s="14" t="s">
        <v>1</v>
      </c>
      <c r="C44591" s="14" t="s">
        <v>23</v>
      </c>
      <c r="D44591" s="14" t="s">
        <v>260</v>
      </c>
      <c r="E44591" s="15">
        <v>45437</v>
      </c>
      <c r="F44591" s="14" t="s">
        <v>28</v>
      </c>
      <c r="G44591" s="16">
        <v>0.76290173240893222</v>
      </c>
    </row>
    <row r="44592" spans="1:7" x14ac:dyDescent="0.3">
      <c r="A44592" s="13" t="s">
        <v>259</v>
      </c>
      <c r="B44592" s="14" t="s">
        <v>1</v>
      </c>
      <c r="C44592" s="14" t="s">
        <v>23</v>
      </c>
      <c r="D44592" s="14" t="s">
        <v>260</v>
      </c>
      <c r="E44592" s="15">
        <v>45438</v>
      </c>
      <c r="F44592" s="14" t="s">
        <v>28</v>
      </c>
      <c r="G44592" s="16">
        <v>0.76290173240893222</v>
      </c>
    </row>
    <row r="44593" spans="1:7" x14ac:dyDescent="0.3">
      <c r="A44593" s="13" t="s">
        <v>259</v>
      </c>
      <c r="B44593" s="14" t="s">
        <v>1</v>
      </c>
      <c r="C44593" s="14" t="s">
        <v>23</v>
      </c>
      <c r="D44593" s="14" t="s">
        <v>260</v>
      </c>
      <c r="E44593" s="15">
        <v>45439</v>
      </c>
      <c r="F44593" s="14" t="s">
        <v>28</v>
      </c>
      <c r="G44593" s="16">
        <v>0.76290173240893222</v>
      </c>
    </row>
    <row r="44594" spans="1:7" x14ac:dyDescent="0.3">
      <c r="A44594" s="13" t="s">
        <v>259</v>
      </c>
      <c r="B44594" s="14" t="s">
        <v>1</v>
      </c>
      <c r="C44594" s="14" t="s">
        <v>23</v>
      </c>
      <c r="D44594" s="14" t="s">
        <v>260</v>
      </c>
      <c r="E44594" s="15">
        <v>45440</v>
      </c>
      <c r="F44594" s="14" t="s">
        <v>28</v>
      </c>
      <c r="G44594" s="16">
        <v>0.77605755809853949</v>
      </c>
    </row>
    <row r="44595" spans="1:7" x14ac:dyDescent="0.3">
      <c r="A44595" s="13" t="s">
        <v>259</v>
      </c>
      <c r="B44595" s="14" t="s">
        <v>1</v>
      </c>
      <c r="C44595" s="14" t="s">
        <v>23</v>
      </c>
      <c r="D44595" s="14" t="s">
        <v>260</v>
      </c>
      <c r="E44595" s="15">
        <v>45441</v>
      </c>
      <c r="F44595" s="14" t="s">
        <v>28</v>
      </c>
      <c r="G44595" s="16">
        <v>0.82779554492507135</v>
      </c>
    </row>
    <row r="44596" spans="1:7" x14ac:dyDescent="0.3">
      <c r="A44596" s="13" t="s">
        <v>259</v>
      </c>
      <c r="B44596" s="14" t="s">
        <v>1</v>
      </c>
      <c r="C44596" s="14" t="s">
        <v>23</v>
      </c>
      <c r="D44596" s="14" t="s">
        <v>260</v>
      </c>
      <c r="E44596" s="15">
        <v>45442</v>
      </c>
      <c r="F44596" s="14" t="s">
        <v>28</v>
      </c>
      <c r="G44596" s="16">
        <v>0.84184799275171673</v>
      </c>
    </row>
    <row r="44597" spans="1:7" x14ac:dyDescent="0.3">
      <c r="A44597" s="13" t="s">
        <v>259</v>
      </c>
      <c r="B44597" s="14" t="s">
        <v>1</v>
      </c>
      <c r="C44597" s="14" t="s">
        <v>23</v>
      </c>
      <c r="D44597" s="14" t="s">
        <v>260</v>
      </c>
      <c r="E44597" s="15">
        <v>45443</v>
      </c>
      <c r="F44597" s="14" t="s">
        <v>28</v>
      </c>
      <c r="G44597" s="16">
        <v>0.85204987345389505</v>
      </c>
    </row>
    <row r="44598" spans="1:7" x14ac:dyDescent="0.3">
      <c r="A44598" s="13" t="s">
        <v>259</v>
      </c>
      <c r="B44598" s="14" t="s">
        <v>1</v>
      </c>
      <c r="C44598" s="14" t="s">
        <v>23</v>
      </c>
      <c r="D44598" s="14" t="s">
        <v>260</v>
      </c>
      <c r="E44598" s="15">
        <v>45444</v>
      </c>
      <c r="F44598" s="14" t="s">
        <v>28</v>
      </c>
      <c r="G44598" s="16">
        <v>0.85204987345389505</v>
      </c>
    </row>
    <row r="44599" spans="1:7" x14ac:dyDescent="0.3">
      <c r="A44599" s="13" t="s">
        <v>259</v>
      </c>
      <c r="B44599" s="14" t="s">
        <v>1</v>
      </c>
      <c r="C44599" s="14" t="s">
        <v>23</v>
      </c>
      <c r="D44599" s="14" t="s">
        <v>260</v>
      </c>
      <c r="E44599" s="15">
        <v>45445</v>
      </c>
      <c r="F44599" s="14" t="s">
        <v>28</v>
      </c>
      <c r="G44599" s="16">
        <v>0.85204987345389505</v>
      </c>
    </row>
    <row r="44600" spans="1:7" x14ac:dyDescent="0.3">
      <c r="A44600" s="13" t="s">
        <v>259</v>
      </c>
      <c r="B44600" s="14" t="s">
        <v>1</v>
      </c>
      <c r="C44600" s="14" t="s">
        <v>23</v>
      </c>
      <c r="D44600" s="14" t="s">
        <v>260</v>
      </c>
      <c r="E44600" s="15">
        <v>45446</v>
      </c>
      <c r="F44600" s="14" t="s">
        <v>28</v>
      </c>
      <c r="G44600" s="16">
        <v>0.85204987345389505</v>
      </c>
    </row>
    <row r="44601" spans="1:7" x14ac:dyDescent="0.3">
      <c r="A44601" s="13" t="s">
        <v>259</v>
      </c>
      <c r="B44601" s="14" t="s">
        <v>1</v>
      </c>
      <c r="C44601" s="14" t="s">
        <v>23</v>
      </c>
      <c r="D44601" s="14" t="s">
        <v>260</v>
      </c>
      <c r="E44601" s="15">
        <v>45447</v>
      </c>
      <c r="F44601" s="14" t="s">
        <v>28</v>
      </c>
      <c r="G44601" s="16">
        <v>0.86549069507570076</v>
      </c>
    </row>
    <row r="44602" spans="1:7" x14ac:dyDescent="0.3">
      <c r="A44602" s="13" t="s">
        <v>259</v>
      </c>
      <c r="B44602" s="14" t="s">
        <v>1</v>
      </c>
      <c r="C44602" s="14" t="s">
        <v>23</v>
      </c>
      <c r="D44602" s="14" t="s">
        <v>260</v>
      </c>
      <c r="E44602" s="15">
        <v>45448</v>
      </c>
      <c r="F44602" s="14" t="s">
        <v>28</v>
      </c>
      <c r="G44602" s="16">
        <v>0.92488280155008651</v>
      </c>
    </row>
    <row r="44603" spans="1:7" x14ac:dyDescent="0.3">
      <c r="A44603" s="13" t="s">
        <v>259</v>
      </c>
      <c r="B44603" s="14" t="s">
        <v>1</v>
      </c>
      <c r="C44603" s="14" t="s">
        <v>23</v>
      </c>
      <c r="D44603" s="14" t="s">
        <v>260</v>
      </c>
      <c r="E44603" s="15">
        <v>45449</v>
      </c>
      <c r="F44603" s="14" t="s">
        <v>28</v>
      </c>
      <c r="G44603" s="16">
        <v>0.93654020609672872</v>
      </c>
    </row>
    <row r="44604" spans="1:7" x14ac:dyDescent="0.3">
      <c r="A44604" s="13" t="s">
        <v>259</v>
      </c>
      <c r="B44604" s="14" t="s">
        <v>1</v>
      </c>
      <c r="C44604" s="14" t="s">
        <v>23</v>
      </c>
      <c r="D44604" s="14" t="s">
        <v>260</v>
      </c>
      <c r="E44604" s="15">
        <v>45450</v>
      </c>
      <c r="F44604" s="14" t="s">
        <v>28</v>
      </c>
      <c r="G44604" s="16">
        <v>0.97313405183662094</v>
      </c>
    </row>
    <row r="44605" spans="1:7" x14ac:dyDescent="0.3">
      <c r="A44605" s="13" t="s">
        <v>259</v>
      </c>
      <c r="B44605" s="14" t="s">
        <v>1</v>
      </c>
      <c r="C44605" s="14" t="s">
        <v>23</v>
      </c>
      <c r="D44605" s="14" t="s">
        <v>260</v>
      </c>
      <c r="E44605" s="15">
        <v>45451</v>
      </c>
      <c r="F44605" s="14" t="s">
        <v>28</v>
      </c>
      <c r="G44605" s="16">
        <v>0.97313405183662094</v>
      </c>
    </row>
    <row r="44606" spans="1:7" x14ac:dyDescent="0.3">
      <c r="A44606" s="13" t="s">
        <v>259</v>
      </c>
      <c r="B44606" s="14" t="s">
        <v>1</v>
      </c>
      <c r="C44606" s="14" t="s">
        <v>23</v>
      </c>
      <c r="D44606" s="14" t="s">
        <v>260</v>
      </c>
      <c r="E44606" s="15">
        <v>45452</v>
      </c>
      <c r="F44606" s="14" t="s">
        <v>28</v>
      </c>
      <c r="G44606" s="16">
        <v>0.97313405183662094</v>
      </c>
    </row>
    <row r="44607" spans="1:7" x14ac:dyDescent="0.3">
      <c r="A44607" s="13" t="s">
        <v>259</v>
      </c>
      <c r="B44607" s="14" t="s">
        <v>1</v>
      </c>
      <c r="C44607" s="14" t="s">
        <v>23</v>
      </c>
      <c r="D44607" s="14" t="s">
        <v>260</v>
      </c>
      <c r="E44607" s="15">
        <v>45453</v>
      </c>
      <c r="F44607" s="14" t="s">
        <v>28</v>
      </c>
      <c r="G44607" s="16">
        <v>0.98735449013916188</v>
      </c>
    </row>
    <row r="44608" spans="1:7" x14ac:dyDescent="0.3">
      <c r="A44608" s="13" t="s">
        <v>259</v>
      </c>
      <c r="B44608" s="14" t="s">
        <v>1</v>
      </c>
      <c r="C44608" s="14" t="s">
        <v>23</v>
      </c>
      <c r="D44608" s="14" t="s">
        <v>260</v>
      </c>
      <c r="E44608" s="15">
        <v>45454</v>
      </c>
      <c r="F44608" s="14" t="s">
        <v>28</v>
      </c>
      <c r="G44608" s="16">
        <v>1.0283489842662337</v>
      </c>
    </row>
    <row r="44609" spans="1:7" x14ac:dyDescent="0.3">
      <c r="A44609" s="13" t="s">
        <v>259</v>
      </c>
      <c r="B44609" s="14" t="s">
        <v>1</v>
      </c>
      <c r="C44609" s="14" t="s">
        <v>23</v>
      </c>
      <c r="D44609" s="14" t="s">
        <v>260</v>
      </c>
      <c r="E44609" s="15">
        <v>45455</v>
      </c>
      <c r="F44609" s="14" t="s">
        <v>28</v>
      </c>
      <c r="G44609" s="16">
        <v>1.0374526014560108</v>
      </c>
    </row>
    <row r="44610" spans="1:7" x14ac:dyDescent="0.3">
      <c r="A44610" s="13" t="s">
        <v>259</v>
      </c>
      <c r="B44610" s="14" t="s">
        <v>1</v>
      </c>
      <c r="C44610" s="14" t="s">
        <v>23</v>
      </c>
      <c r="D44610" s="14" t="s">
        <v>260</v>
      </c>
      <c r="E44610" s="15">
        <v>45456</v>
      </c>
      <c r="F44610" s="14" t="s">
        <v>28</v>
      </c>
      <c r="G44610" s="16">
        <v>1.0540070305835734</v>
      </c>
    </row>
    <row r="44611" spans="1:7" x14ac:dyDescent="0.3">
      <c r="A44611" s="13" t="s">
        <v>259</v>
      </c>
      <c r="B44611" s="14" t="s">
        <v>1</v>
      </c>
      <c r="C44611" s="14" t="s">
        <v>23</v>
      </c>
      <c r="D44611" s="14" t="s">
        <v>260</v>
      </c>
      <c r="E44611" s="15">
        <v>45457</v>
      </c>
      <c r="F44611" s="14" t="s">
        <v>28</v>
      </c>
      <c r="G44611" s="16">
        <v>1.0707261598097428</v>
      </c>
    </row>
    <row r="44612" spans="1:7" x14ac:dyDescent="0.3">
      <c r="A44612" s="13" t="s">
        <v>259</v>
      </c>
      <c r="B44612" s="14" t="s">
        <v>1</v>
      </c>
      <c r="C44612" s="14" t="s">
        <v>23</v>
      </c>
      <c r="D44612" s="14" t="s">
        <v>260</v>
      </c>
      <c r="E44612" s="15">
        <v>45458</v>
      </c>
      <c r="F44612" s="14" t="s">
        <v>28</v>
      </c>
      <c r="G44612" s="16">
        <v>1.0707261598097428</v>
      </c>
    </row>
    <row r="44613" spans="1:7" x14ac:dyDescent="0.3">
      <c r="A44613" s="13" t="s">
        <v>259</v>
      </c>
      <c r="B44613" s="14" t="s">
        <v>1</v>
      </c>
      <c r="C44613" s="14" t="s">
        <v>23</v>
      </c>
      <c r="D44613" s="14" t="s">
        <v>260</v>
      </c>
      <c r="E44613" s="15">
        <v>45459</v>
      </c>
      <c r="F44613" s="14" t="s">
        <v>28</v>
      </c>
      <c r="G44613" s="16">
        <v>1.0707261598097428</v>
      </c>
    </row>
    <row r="44614" spans="1:7" x14ac:dyDescent="0.3">
      <c r="A44614" s="13" t="s">
        <v>259</v>
      </c>
      <c r="B44614" s="14" t="s">
        <v>1</v>
      </c>
      <c r="C44614" s="14" t="s">
        <v>23</v>
      </c>
      <c r="D44614" s="14" t="s">
        <v>260</v>
      </c>
      <c r="E44614" s="15">
        <v>45460</v>
      </c>
      <c r="F44614" s="14" t="s">
        <v>28</v>
      </c>
      <c r="G44614" s="16">
        <v>1.0834938744801346</v>
      </c>
    </row>
    <row r="44615" spans="1:7" x14ac:dyDescent="0.3">
      <c r="A44615" s="13" t="s">
        <v>259</v>
      </c>
      <c r="B44615" s="14" t="s">
        <v>1</v>
      </c>
      <c r="C44615" s="14" t="s">
        <v>23</v>
      </c>
      <c r="D44615" s="14" t="s">
        <v>260</v>
      </c>
      <c r="E44615" s="15">
        <v>45461</v>
      </c>
      <c r="F44615" s="14" t="s">
        <v>28</v>
      </c>
      <c r="G44615" s="16">
        <v>1.1220669253272035</v>
      </c>
    </row>
    <row r="44616" spans="1:7" x14ac:dyDescent="0.3">
      <c r="A44616" s="13" t="s">
        <v>259</v>
      </c>
      <c r="B44616" s="14" t="s">
        <v>1</v>
      </c>
      <c r="C44616" s="14" t="s">
        <v>23</v>
      </c>
      <c r="D44616" s="14" t="s">
        <v>260</v>
      </c>
      <c r="E44616" s="15">
        <v>45462</v>
      </c>
      <c r="F44616" s="14" t="s">
        <v>28</v>
      </c>
      <c r="G44616" s="16">
        <v>1.1220669253272035</v>
      </c>
    </row>
    <row r="44617" spans="1:7" x14ac:dyDescent="0.3">
      <c r="A44617" s="13" t="s">
        <v>259</v>
      </c>
      <c r="B44617" s="14" t="s">
        <v>1</v>
      </c>
      <c r="C44617" s="14" t="s">
        <v>23</v>
      </c>
      <c r="D44617" s="14" t="s">
        <v>260</v>
      </c>
      <c r="E44617" s="15">
        <v>45463</v>
      </c>
      <c r="F44617" s="14" t="s">
        <v>28</v>
      </c>
      <c r="G44617" s="16">
        <v>1.1386388507209897</v>
      </c>
    </row>
    <row r="44618" spans="1:7" x14ac:dyDescent="0.3">
      <c r="A44618" s="13" t="s">
        <v>259</v>
      </c>
      <c r="B44618" s="14" t="s">
        <v>1</v>
      </c>
      <c r="C44618" s="14" t="s">
        <v>23</v>
      </c>
      <c r="D44618" s="14" t="s">
        <v>260</v>
      </c>
      <c r="E44618" s="15">
        <v>45464</v>
      </c>
      <c r="F44618" s="14" t="s">
        <v>28</v>
      </c>
      <c r="G44618" s="16">
        <v>1.1674592909814756</v>
      </c>
    </row>
    <row r="44619" spans="1:7" x14ac:dyDescent="0.3">
      <c r="A44619" s="13" t="s">
        <v>259</v>
      </c>
      <c r="B44619" s="14" t="s">
        <v>1</v>
      </c>
      <c r="C44619" s="14" t="s">
        <v>23</v>
      </c>
      <c r="D44619" s="14" t="s">
        <v>260</v>
      </c>
      <c r="E44619" s="15">
        <v>45465</v>
      </c>
      <c r="F44619" s="14" t="s">
        <v>28</v>
      </c>
      <c r="G44619" s="16">
        <v>1.1674592909814756</v>
      </c>
    </row>
    <row r="44620" spans="1:7" x14ac:dyDescent="0.3">
      <c r="A44620" s="13" t="s">
        <v>259</v>
      </c>
      <c r="B44620" s="14" t="s">
        <v>1</v>
      </c>
      <c r="C44620" s="14" t="s">
        <v>23</v>
      </c>
      <c r="D44620" s="14" t="s">
        <v>260</v>
      </c>
      <c r="E44620" s="15">
        <v>45466</v>
      </c>
      <c r="F44620" s="14" t="s">
        <v>28</v>
      </c>
      <c r="G44620" s="16">
        <v>1.1674592909814756</v>
      </c>
    </row>
    <row r="44621" spans="1:7" x14ac:dyDescent="0.3">
      <c r="A44621" s="13" t="s">
        <v>259</v>
      </c>
      <c r="B44621" s="14" t="s">
        <v>1</v>
      </c>
      <c r="C44621" s="14" t="s">
        <v>23</v>
      </c>
      <c r="D44621" s="14" t="s">
        <v>260</v>
      </c>
      <c r="E44621" s="15">
        <v>45467</v>
      </c>
      <c r="F44621" s="14" t="s">
        <v>28</v>
      </c>
      <c r="G44621" s="16">
        <v>1.1793830282366382</v>
      </c>
    </row>
    <row r="44622" spans="1:7" x14ac:dyDescent="0.3">
      <c r="A44622" s="13" t="s">
        <v>259</v>
      </c>
      <c r="B44622" s="14" t="s">
        <v>1</v>
      </c>
      <c r="C44622" s="14" t="s">
        <v>23</v>
      </c>
      <c r="D44622" s="14" t="s">
        <v>260</v>
      </c>
      <c r="E44622" s="15">
        <v>45468</v>
      </c>
      <c r="F44622" s="14" t="s">
        <v>28</v>
      </c>
      <c r="G44622" s="16">
        <v>1.2230605110637742</v>
      </c>
    </row>
    <row r="44623" spans="1:7" x14ac:dyDescent="0.3">
      <c r="A44623" s="13" t="s">
        <v>259</v>
      </c>
      <c r="B44623" s="14" t="s">
        <v>1</v>
      </c>
      <c r="C44623" s="14" t="s">
        <v>23</v>
      </c>
      <c r="D44623" s="14" t="s">
        <v>260</v>
      </c>
      <c r="E44623" s="15">
        <v>45469</v>
      </c>
      <c r="F44623" s="14" t="s">
        <v>28</v>
      </c>
      <c r="G44623" s="16">
        <v>1.2388377517417917</v>
      </c>
    </row>
    <row r="44624" spans="1:7" x14ac:dyDescent="0.3">
      <c r="A44624" s="13" t="s">
        <v>259</v>
      </c>
      <c r="B44624" s="14" t="s">
        <v>1</v>
      </c>
      <c r="C44624" s="14" t="s">
        <v>23</v>
      </c>
      <c r="D44624" s="14" t="s">
        <v>260</v>
      </c>
      <c r="E44624" s="15">
        <v>45470</v>
      </c>
      <c r="F44624" s="14" t="s">
        <v>28</v>
      </c>
      <c r="G44624" s="16">
        <v>1.2526339084475941</v>
      </c>
    </row>
    <row r="44625" spans="1:7" x14ac:dyDescent="0.3">
      <c r="A44625" s="13" t="s">
        <v>259</v>
      </c>
      <c r="B44625" s="14" t="s">
        <v>1</v>
      </c>
      <c r="C44625" s="14" t="s">
        <v>23</v>
      </c>
      <c r="D44625" s="14" t="s">
        <v>260</v>
      </c>
      <c r="E44625" s="15">
        <v>45471</v>
      </c>
      <c r="F44625" s="14" t="s">
        <v>28</v>
      </c>
      <c r="G44625" s="16">
        <v>1.263635192466017</v>
      </c>
    </row>
    <row r="44626" spans="1:7" x14ac:dyDescent="0.3">
      <c r="A44626" s="13" t="s">
        <v>259</v>
      </c>
      <c r="B44626" s="14" t="s">
        <v>1</v>
      </c>
      <c r="C44626" s="14" t="s">
        <v>23</v>
      </c>
      <c r="D44626" s="14" t="s">
        <v>260</v>
      </c>
      <c r="E44626" s="15">
        <v>45472</v>
      </c>
      <c r="F44626" s="14" t="s">
        <v>28</v>
      </c>
      <c r="G44626" s="16">
        <v>1.263635192466017</v>
      </c>
    </row>
    <row r="44627" spans="1:7" x14ac:dyDescent="0.3">
      <c r="A44627" s="13" t="s">
        <v>259</v>
      </c>
      <c r="B44627" s="14" t="s">
        <v>1</v>
      </c>
      <c r="C44627" s="14" t="s">
        <v>23</v>
      </c>
      <c r="D44627" s="14" t="s">
        <v>260</v>
      </c>
      <c r="E44627" s="15">
        <v>45473</v>
      </c>
      <c r="F44627" s="14" t="s">
        <v>28</v>
      </c>
      <c r="G44627" s="16">
        <v>1.263635192466017</v>
      </c>
    </row>
    <row r="44628" spans="1:7" x14ac:dyDescent="0.3">
      <c r="A44628" s="13" t="s">
        <v>259</v>
      </c>
      <c r="B44628" s="14" t="s">
        <v>1</v>
      </c>
      <c r="C44628" s="14" t="s">
        <v>23</v>
      </c>
      <c r="D44628" s="14" t="s">
        <v>260</v>
      </c>
      <c r="E44628" s="15">
        <v>45474</v>
      </c>
      <c r="F44628" s="14" t="s">
        <v>28</v>
      </c>
      <c r="G44628" s="16">
        <v>1.2792898890671722</v>
      </c>
    </row>
    <row r="44629" spans="1:7" x14ac:dyDescent="0.3">
      <c r="A44629" s="13" t="s">
        <v>259</v>
      </c>
      <c r="B44629" s="14" t="s">
        <v>1</v>
      </c>
      <c r="C44629" s="14" t="s">
        <v>23</v>
      </c>
      <c r="D44629" s="14" t="s">
        <v>260</v>
      </c>
      <c r="E44629" s="15">
        <v>45475</v>
      </c>
      <c r="F44629" s="14" t="s">
        <v>28</v>
      </c>
      <c r="G44629" s="16">
        <v>1.31838630463303</v>
      </c>
    </row>
    <row r="44630" spans="1:7" x14ac:dyDescent="0.3">
      <c r="A44630" s="13" t="s">
        <v>259</v>
      </c>
      <c r="B44630" s="14" t="s">
        <v>1</v>
      </c>
      <c r="C44630" s="14" t="s">
        <v>23</v>
      </c>
      <c r="D44630" s="14" t="s">
        <v>260</v>
      </c>
      <c r="E44630" s="15">
        <v>45476</v>
      </c>
      <c r="F44630" s="14" t="s">
        <v>28</v>
      </c>
      <c r="G44630" s="16">
        <v>1.3300016271352009</v>
      </c>
    </row>
    <row r="44631" spans="1:7" x14ac:dyDescent="0.3">
      <c r="A44631" s="13" t="s">
        <v>259</v>
      </c>
      <c r="B44631" s="14" t="s">
        <v>1</v>
      </c>
      <c r="C44631" s="14" t="s">
        <v>23</v>
      </c>
      <c r="D44631" s="14" t="s">
        <v>260</v>
      </c>
      <c r="E44631" s="15">
        <v>45477</v>
      </c>
      <c r="F44631" s="14" t="s">
        <v>28</v>
      </c>
      <c r="G44631" s="16">
        <v>1.3300016271352009</v>
      </c>
    </row>
    <row r="44632" spans="1:7" x14ac:dyDescent="0.3">
      <c r="A44632" s="13" t="s">
        <v>259</v>
      </c>
      <c r="B44632" s="14" t="s">
        <v>1</v>
      </c>
      <c r="C44632" s="14" t="s">
        <v>23</v>
      </c>
      <c r="D44632" s="14" t="s">
        <v>260</v>
      </c>
      <c r="E44632" s="15">
        <v>45478</v>
      </c>
      <c r="F44632" s="14" t="s">
        <v>28</v>
      </c>
      <c r="G44632" s="16">
        <v>1.3384973389974835</v>
      </c>
    </row>
    <row r="44633" spans="1:7" x14ac:dyDescent="0.3">
      <c r="A44633" s="13" t="s">
        <v>259</v>
      </c>
      <c r="B44633" s="14" t="s">
        <v>1</v>
      </c>
      <c r="C44633" s="14" t="s">
        <v>23</v>
      </c>
      <c r="D44633" s="14" t="s">
        <v>260</v>
      </c>
      <c r="E44633" s="15">
        <v>45479</v>
      </c>
      <c r="F44633" s="14" t="s">
        <v>28</v>
      </c>
      <c r="G44633" s="16">
        <v>1.3384973389974835</v>
      </c>
    </row>
    <row r="44634" spans="1:7" x14ac:dyDescent="0.3">
      <c r="A44634" s="13" t="s">
        <v>259</v>
      </c>
      <c r="B44634" s="14" t="s">
        <v>1</v>
      </c>
      <c r="C44634" s="14" t="s">
        <v>23</v>
      </c>
      <c r="D44634" s="14" t="s">
        <v>260</v>
      </c>
      <c r="E44634" s="15">
        <v>45480</v>
      </c>
      <c r="F44634" s="14" t="s">
        <v>28</v>
      </c>
      <c r="G44634" s="16">
        <v>1.3384973389974835</v>
      </c>
    </row>
    <row r="44635" spans="1:7" x14ac:dyDescent="0.3">
      <c r="A44635" s="13" t="s">
        <v>259</v>
      </c>
      <c r="B44635" s="14" t="s">
        <v>1</v>
      </c>
      <c r="C44635" s="14" t="s">
        <v>23</v>
      </c>
      <c r="D44635" s="14" t="s">
        <v>260</v>
      </c>
      <c r="E44635" s="15">
        <v>45481</v>
      </c>
      <c r="F44635" s="14" t="s">
        <v>28</v>
      </c>
      <c r="G44635" s="16">
        <v>1.3911975646719901</v>
      </c>
    </row>
    <row r="44636" spans="1:7" x14ac:dyDescent="0.3">
      <c r="A44636" s="13" t="s">
        <v>259</v>
      </c>
      <c r="B44636" s="14" t="s">
        <v>1</v>
      </c>
      <c r="C44636" s="14" t="s">
        <v>23</v>
      </c>
      <c r="D44636" s="14" t="s">
        <v>260</v>
      </c>
      <c r="E44636" s="15">
        <v>45482</v>
      </c>
      <c r="F44636" s="14" t="s">
        <v>28</v>
      </c>
      <c r="G44636" s="16">
        <v>1.4326584059949545</v>
      </c>
    </row>
    <row r="44637" spans="1:7" x14ac:dyDescent="0.3">
      <c r="A44637" s="13" t="s">
        <v>259</v>
      </c>
      <c r="B44637" s="14" t="s">
        <v>1</v>
      </c>
      <c r="C44637" s="14" t="s">
        <v>23</v>
      </c>
      <c r="D44637" s="14" t="s">
        <v>260</v>
      </c>
      <c r="E44637" s="15">
        <v>45483</v>
      </c>
      <c r="F44637" s="14" t="s">
        <v>28</v>
      </c>
      <c r="G44637" s="16">
        <v>1.4455984925860681</v>
      </c>
    </row>
    <row r="44638" spans="1:7" x14ac:dyDescent="0.3">
      <c r="A44638" s="13" t="s">
        <v>259</v>
      </c>
      <c r="B44638" s="14" t="s">
        <v>1</v>
      </c>
      <c r="C44638" s="14" t="s">
        <v>23</v>
      </c>
      <c r="D44638" s="14" t="s">
        <v>260</v>
      </c>
      <c r="E44638" s="15">
        <v>45484</v>
      </c>
      <c r="F44638" s="14" t="s">
        <v>28</v>
      </c>
      <c r="G44638" s="16">
        <v>1.4524970730830291</v>
      </c>
    </row>
    <row r="44639" spans="1:7" x14ac:dyDescent="0.3">
      <c r="A44639" s="13" t="s">
        <v>259</v>
      </c>
      <c r="B44639" s="14" t="s">
        <v>1</v>
      </c>
      <c r="C44639" s="14" t="s">
        <v>23</v>
      </c>
      <c r="D44639" s="14" t="s">
        <v>260</v>
      </c>
      <c r="E44639" s="15">
        <v>45485</v>
      </c>
      <c r="F44639" s="14" t="s">
        <v>28</v>
      </c>
      <c r="G44639" s="16">
        <v>1.4656350227841128</v>
      </c>
    </row>
    <row r="44640" spans="1:7" x14ac:dyDescent="0.3">
      <c r="A44640" s="13" t="s">
        <v>259</v>
      </c>
      <c r="B44640" s="14" t="s">
        <v>1</v>
      </c>
      <c r="C44640" s="14" t="s">
        <v>23</v>
      </c>
      <c r="D44640" s="14" t="s">
        <v>260</v>
      </c>
      <c r="E44640" s="15">
        <v>45486</v>
      </c>
      <c r="F44640" s="14" t="s">
        <v>28</v>
      </c>
      <c r="G44640" s="16">
        <v>1.4656350227841128</v>
      </c>
    </row>
    <row r="44641" spans="1:7" x14ac:dyDescent="0.3">
      <c r="A44641" s="13" t="s">
        <v>259</v>
      </c>
      <c r="B44641" s="14" t="s">
        <v>1</v>
      </c>
      <c r="C44641" s="14" t="s">
        <v>23</v>
      </c>
      <c r="D44641" s="14" t="s">
        <v>260</v>
      </c>
      <c r="E44641" s="15">
        <v>45487</v>
      </c>
      <c r="F44641" s="14" t="s">
        <v>28</v>
      </c>
      <c r="G44641" s="16">
        <v>1.4656350227841128</v>
      </c>
    </row>
    <row r="44642" spans="1:7" x14ac:dyDescent="0.3">
      <c r="A44642" s="13" t="s">
        <v>259</v>
      </c>
      <c r="B44642" s="14" t="s">
        <v>1</v>
      </c>
      <c r="C44642" s="14" t="s">
        <v>23</v>
      </c>
      <c r="D44642" s="14" t="s">
        <v>260</v>
      </c>
      <c r="E44642" s="15">
        <v>45488</v>
      </c>
      <c r="F44642" s="14" t="s">
        <v>28</v>
      </c>
      <c r="G44642" s="16">
        <v>1.4823626611550593</v>
      </c>
    </row>
    <row r="44643" spans="1:7" x14ac:dyDescent="0.3">
      <c r="A44643" s="13" t="s">
        <v>259</v>
      </c>
      <c r="B44643" s="14" t="s">
        <v>1</v>
      </c>
      <c r="C44643" s="14" t="s">
        <v>23</v>
      </c>
      <c r="D44643" s="14" t="s">
        <v>260</v>
      </c>
      <c r="E44643" s="15">
        <v>45489</v>
      </c>
      <c r="F44643" s="14" t="s">
        <v>28</v>
      </c>
      <c r="G44643" s="16">
        <v>1.5231342807052126</v>
      </c>
    </row>
    <row r="44644" spans="1:7" x14ac:dyDescent="0.3">
      <c r="A44644" s="13" t="s">
        <v>259</v>
      </c>
      <c r="B44644" s="14" t="s">
        <v>1</v>
      </c>
      <c r="C44644" s="14" t="s">
        <v>23</v>
      </c>
      <c r="D44644" s="14" t="s">
        <v>260</v>
      </c>
      <c r="E44644" s="15">
        <v>45490</v>
      </c>
      <c r="F44644" s="14" t="s">
        <v>28</v>
      </c>
      <c r="G44644" s="16">
        <v>1.5330361443775293</v>
      </c>
    </row>
    <row r="44645" spans="1:7" x14ac:dyDescent="0.3">
      <c r="A44645" s="13" t="s">
        <v>259</v>
      </c>
      <c r="B44645" s="14" t="s">
        <v>1</v>
      </c>
      <c r="C44645" s="14" t="s">
        <v>23</v>
      </c>
      <c r="D44645" s="14" t="s">
        <v>260</v>
      </c>
      <c r="E44645" s="15">
        <v>45491</v>
      </c>
      <c r="F44645" s="14" t="s">
        <v>28</v>
      </c>
      <c r="G44645" s="16">
        <v>1.5499095638139746</v>
      </c>
    </row>
    <row r="44646" spans="1:7" x14ac:dyDescent="0.3">
      <c r="A44646" s="13" t="s">
        <v>259</v>
      </c>
      <c r="B44646" s="14" t="s">
        <v>1</v>
      </c>
      <c r="C44646" s="14" t="s">
        <v>23</v>
      </c>
      <c r="D44646" s="14" t="s">
        <v>260</v>
      </c>
      <c r="E44646" s="15">
        <v>45492</v>
      </c>
      <c r="F44646" s="14" t="s">
        <v>28</v>
      </c>
      <c r="G44646" s="16">
        <v>1.5647471071783903</v>
      </c>
    </row>
    <row r="44647" spans="1:7" x14ac:dyDescent="0.3">
      <c r="A44647" s="13" t="s">
        <v>259</v>
      </c>
      <c r="B44647" s="14" t="s">
        <v>1</v>
      </c>
      <c r="C44647" s="14" t="s">
        <v>23</v>
      </c>
      <c r="D44647" s="14" t="s">
        <v>260</v>
      </c>
      <c r="E44647" s="15">
        <v>45493</v>
      </c>
      <c r="F44647" s="14" t="s">
        <v>28</v>
      </c>
      <c r="G44647" s="16">
        <v>1.5647471071783903</v>
      </c>
    </row>
    <row r="44648" spans="1:7" x14ac:dyDescent="0.3">
      <c r="A44648" s="13" t="s">
        <v>259</v>
      </c>
      <c r="B44648" s="14" t="s">
        <v>1</v>
      </c>
      <c r="C44648" s="14" t="s">
        <v>23</v>
      </c>
      <c r="D44648" s="14" t="s">
        <v>260</v>
      </c>
      <c r="E44648" s="15">
        <v>45494</v>
      </c>
      <c r="F44648" s="14" t="s">
        <v>28</v>
      </c>
      <c r="G44648" s="16">
        <v>1.5647471071783903</v>
      </c>
    </row>
    <row r="44649" spans="1:7" x14ac:dyDescent="0.3">
      <c r="A44649" s="13" t="s">
        <v>259</v>
      </c>
      <c r="B44649" s="14" t="s">
        <v>1</v>
      </c>
      <c r="C44649" s="14" t="s">
        <v>23</v>
      </c>
      <c r="D44649" s="14" t="s">
        <v>260</v>
      </c>
      <c r="E44649" s="15">
        <v>45495</v>
      </c>
      <c r="F44649" s="14" t="s">
        <v>28</v>
      </c>
      <c r="G44649" s="16">
        <v>1.5791373906353725</v>
      </c>
    </row>
    <row r="44650" spans="1:7" x14ac:dyDescent="0.3">
      <c r="A44650" s="13" t="s">
        <v>259</v>
      </c>
      <c r="B44650" s="14" t="s">
        <v>1</v>
      </c>
      <c r="C44650" s="14" t="s">
        <v>23</v>
      </c>
      <c r="D44650" s="14" t="s">
        <v>260</v>
      </c>
      <c r="E44650" s="15">
        <v>45496</v>
      </c>
      <c r="F44650" s="14" t="s">
        <v>28</v>
      </c>
      <c r="G44650" s="16">
        <v>1.6196231864547697</v>
      </c>
    </row>
    <row r="44651" spans="1:7" x14ac:dyDescent="0.3">
      <c r="A44651" s="13" t="s">
        <v>259</v>
      </c>
      <c r="B44651" s="14" t="s">
        <v>1</v>
      </c>
      <c r="C44651" s="14" t="s">
        <v>23</v>
      </c>
      <c r="D44651" s="14" t="s">
        <v>260</v>
      </c>
      <c r="E44651" s="15">
        <v>45497</v>
      </c>
      <c r="F44651" s="14" t="s">
        <v>28</v>
      </c>
      <c r="G44651" s="16">
        <v>1.631993353762256</v>
      </c>
    </row>
    <row r="44652" spans="1:7" x14ac:dyDescent="0.3">
      <c r="A44652" s="13" t="s">
        <v>259</v>
      </c>
      <c r="B44652" s="14" t="s">
        <v>1</v>
      </c>
      <c r="C44652" s="14" t="s">
        <v>23</v>
      </c>
      <c r="D44652" s="14" t="s">
        <v>260</v>
      </c>
      <c r="E44652" s="15">
        <v>45498</v>
      </c>
      <c r="F44652" s="14" t="s">
        <v>28</v>
      </c>
      <c r="G44652" s="16">
        <v>1.645425469760746</v>
      </c>
    </row>
    <row r="44653" spans="1:7" x14ac:dyDescent="0.3">
      <c r="A44653" s="13" t="s">
        <v>259</v>
      </c>
      <c r="B44653" s="14" t="s">
        <v>1</v>
      </c>
      <c r="C44653" s="14" t="s">
        <v>23</v>
      </c>
      <c r="D44653" s="14" t="s">
        <v>260</v>
      </c>
      <c r="E44653" s="15">
        <v>45499</v>
      </c>
      <c r="F44653" s="14" t="s">
        <v>28</v>
      </c>
      <c r="G44653" s="16">
        <v>1.6572500643506516</v>
      </c>
    </row>
    <row r="44654" spans="1:7" x14ac:dyDescent="0.3">
      <c r="A44654" s="13" t="s">
        <v>259</v>
      </c>
      <c r="B44654" s="14" t="s">
        <v>1</v>
      </c>
      <c r="C44654" s="14" t="s">
        <v>23</v>
      </c>
      <c r="D44654" s="14" t="s">
        <v>260</v>
      </c>
      <c r="E44654" s="15">
        <v>45500</v>
      </c>
      <c r="F44654" s="14" t="s">
        <v>28</v>
      </c>
      <c r="G44654" s="16">
        <v>1.6572500643506516</v>
      </c>
    </row>
    <row r="44655" spans="1:7" x14ac:dyDescent="0.3">
      <c r="A44655" s="13" t="s">
        <v>259</v>
      </c>
      <c r="B44655" s="14" t="s">
        <v>1</v>
      </c>
      <c r="C44655" s="14" t="s">
        <v>23</v>
      </c>
      <c r="D44655" s="14" t="s">
        <v>260</v>
      </c>
      <c r="E44655" s="15">
        <v>45501</v>
      </c>
      <c r="F44655" s="14" t="s">
        <v>28</v>
      </c>
      <c r="G44655" s="16">
        <v>1.6572500643506516</v>
      </c>
    </row>
    <row r="44656" spans="1:7" x14ac:dyDescent="0.3">
      <c r="A44656" s="13" t="s">
        <v>259</v>
      </c>
      <c r="B44656" s="14" t="s">
        <v>1</v>
      </c>
      <c r="C44656" s="14" t="s">
        <v>23</v>
      </c>
      <c r="D44656" s="14" t="s">
        <v>260</v>
      </c>
      <c r="E44656" s="15">
        <v>45502</v>
      </c>
      <c r="F44656" s="14" t="s">
        <v>28</v>
      </c>
      <c r="G44656" s="16">
        <v>1.6726571756212922</v>
      </c>
    </row>
    <row r="44657" spans="1:7" x14ac:dyDescent="0.3">
      <c r="A44657" s="13" t="s">
        <v>259</v>
      </c>
      <c r="B44657" s="14" t="s">
        <v>1</v>
      </c>
      <c r="C44657" s="14" t="s">
        <v>23</v>
      </c>
      <c r="D44657" s="14" t="s">
        <v>260</v>
      </c>
      <c r="E44657" s="15">
        <v>45503</v>
      </c>
      <c r="F44657" s="14" t="s">
        <v>28</v>
      </c>
      <c r="G44657" s="16">
        <v>1.7102073642538571</v>
      </c>
    </row>
    <row r="44658" spans="1:7" x14ac:dyDescent="0.3">
      <c r="A44658" s="13" t="s">
        <v>259</v>
      </c>
      <c r="B44658" s="14" t="s">
        <v>1</v>
      </c>
      <c r="C44658" s="14" t="s">
        <v>23</v>
      </c>
      <c r="D44658" s="14" t="s">
        <v>260</v>
      </c>
      <c r="E44658" s="15">
        <v>45504</v>
      </c>
      <c r="F44658" s="14" t="s">
        <v>28</v>
      </c>
      <c r="G44658" s="16">
        <v>1.7167377958777013</v>
      </c>
    </row>
    <row r="44659" spans="1:7" x14ac:dyDescent="0.3">
      <c r="A44659" s="13" t="s">
        <v>259</v>
      </c>
      <c r="B44659" s="14" t="s">
        <v>1</v>
      </c>
      <c r="C44659" s="14" t="s">
        <v>23</v>
      </c>
      <c r="D44659" s="14" t="s">
        <v>260</v>
      </c>
      <c r="E44659" s="15">
        <v>45505</v>
      </c>
      <c r="F44659" s="14" t="s">
        <v>28</v>
      </c>
      <c r="G44659" s="16">
        <v>1.7234898736429622</v>
      </c>
    </row>
    <row r="44660" spans="1:7" x14ac:dyDescent="0.3">
      <c r="A44660" s="13" t="s">
        <v>259</v>
      </c>
      <c r="B44660" s="14" t="s">
        <v>1</v>
      </c>
      <c r="C44660" s="14" t="s">
        <v>23</v>
      </c>
      <c r="D44660" s="14" t="s">
        <v>260</v>
      </c>
      <c r="E44660" s="15">
        <v>45506</v>
      </c>
      <c r="F44660" s="14" t="s">
        <v>28</v>
      </c>
      <c r="G44660" s="16">
        <v>1.7160221639749491</v>
      </c>
    </row>
    <row r="44661" spans="1:7" x14ac:dyDescent="0.3">
      <c r="A44661" s="13" t="s">
        <v>259</v>
      </c>
      <c r="B44661" s="14" t="s">
        <v>1</v>
      </c>
      <c r="C44661" s="14" t="s">
        <v>23</v>
      </c>
      <c r="D44661" s="14" t="s">
        <v>260</v>
      </c>
      <c r="E44661" s="15">
        <v>45507</v>
      </c>
      <c r="F44661" s="14" t="s">
        <v>28</v>
      </c>
      <c r="G44661" s="16">
        <v>1.7160221639749491</v>
      </c>
    </row>
    <row r="44662" spans="1:7" x14ac:dyDescent="0.3">
      <c r="A44662" s="13" t="s">
        <v>259</v>
      </c>
      <c r="B44662" s="14" t="s">
        <v>1</v>
      </c>
      <c r="C44662" s="14" t="s">
        <v>23</v>
      </c>
      <c r="D44662" s="14" t="s">
        <v>260</v>
      </c>
      <c r="E44662" s="15">
        <v>45508</v>
      </c>
      <c r="F44662" s="14" t="s">
        <v>28</v>
      </c>
      <c r="G44662" s="16">
        <v>1.7160221639749491</v>
      </c>
    </row>
    <row r="44663" spans="1:7" x14ac:dyDescent="0.3">
      <c r="A44663" s="13" t="s">
        <v>259</v>
      </c>
      <c r="B44663" s="14" t="s">
        <v>1</v>
      </c>
      <c r="C44663" s="14" t="s">
        <v>23</v>
      </c>
      <c r="D44663" s="14" t="s">
        <v>260</v>
      </c>
      <c r="E44663" s="15">
        <v>45509</v>
      </c>
      <c r="F44663" s="14" t="s">
        <v>28</v>
      </c>
      <c r="G44663" s="16">
        <v>1.7160221639749491</v>
      </c>
    </row>
    <row r="44664" spans="1:7" x14ac:dyDescent="0.3">
      <c r="A44664" s="13" t="s">
        <v>259</v>
      </c>
      <c r="B44664" s="14" t="s">
        <v>1</v>
      </c>
      <c r="C44664" s="14" t="s">
        <v>23</v>
      </c>
      <c r="D44664" s="14" t="s">
        <v>260</v>
      </c>
      <c r="E44664" s="15">
        <v>45510</v>
      </c>
      <c r="F44664" s="14" t="s">
        <v>28</v>
      </c>
      <c r="G44664" s="16">
        <v>1.7273226058593538</v>
      </c>
    </row>
    <row r="44665" spans="1:7" x14ac:dyDescent="0.3">
      <c r="A44665" s="13" t="s">
        <v>259</v>
      </c>
      <c r="B44665" s="14" t="s">
        <v>1</v>
      </c>
      <c r="C44665" s="14" t="s">
        <v>23</v>
      </c>
      <c r="D44665" s="14" t="s">
        <v>260</v>
      </c>
      <c r="E44665" s="15">
        <v>45511</v>
      </c>
      <c r="F44665" s="14" t="s">
        <v>28</v>
      </c>
      <c r="G44665" s="16">
        <v>1.7958883110740473</v>
      </c>
    </row>
    <row r="44666" spans="1:7" x14ac:dyDescent="0.3">
      <c r="A44666" s="13" t="s">
        <v>259</v>
      </c>
      <c r="B44666" s="14" t="s">
        <v>1</v>
      </c>
      <c r="C44666" s="14" t="s">
        <v>23</v>
      </c>
      <c r="D44666" s="14" t="s">
        <v>260</v>
      </c>
      <c r="E44666" s="15">
        <v>45512</v>
      </c>
      <c r="F44666" s="14" t="s">
        <v>28</v>
      </c>
      <c r="G44666" s="16">
        <v>1.80071277874576</v>
      </c>
    </row>
    <row r="44667" spans="1:7" x14ac:dyDescent="0.3">
      <c r="A44667" s="13" t="s">
        <v>259</v>
      </c>
      <c r="B44667" s="14" t="s">
        <v>1</v>
      </c>
      <c r="C44667" s="14" t="s">
        <v>23</v>
      </c>
      <c r="D44667" s="14" t="s">
        <v>260</v>
      </c>
      <c r="E44667" s="15">
        <v>45513</v>
      </c>
      <c r="F44667" s="14" t="s">
        <v>28</v>
      </c>
      <c r="G44667" s="16">
        <v>1.8124421882707706</v>
      </c>
    </row>
    <row r="44668" spans="1:7" x14ac:dyDescent="0.3">
      <c r="A44668" s="13" t="s">
        <v>259</v>
      </c>
      <c r="B44668" s="14" t="s">
        <v>1</v>
      </c>
      <c r="C44668" s="14" t="s">
        <v>23</v>
      </c>
      <c r="D44668" s="14" t="s">
        <v>260</v>
      </c>
      <c r="E44668" s="15">
        <v>45514</v>
      </c>
      <c r="F44668" s="14" t="s">
        <v>28</v>
      </c>
      <c r="G44668" s="16">
        <v>1.8124421882707706</v>
      </c>
    </row>
    <row r="44669" spans="1:7" x14ac:dyDescent="0.3">
      <c r="A44669" s="13" t="s">
        <v>259</v>
      </c>
      <c r="B44669" s="14" t="s">
        <v>1</v>
      </c>
      <c r="C44669" s="14" t="s">
        <v>23</v>
      </c>
      <c r="D44669" s="14" t="s">
        <v>260</v>
      </c>
      <c r="E44669" s="15">
        <v>45515</v>
      </c>
      <c r="F44669" s="14" t="s">
        <v>28</v>
      </c>
      <c r="G44669" s="16">
        <v>1.8124421882707706</v>
      </c>
    </row>
    <row r="44670" spans="1:7" x14ac:dyDescent="0.3">
      <c r="A44670" s="13" t="s">
        <v>259</v>
      </c>
      <c r="B44670" s="14" t="s">
        <v>1</v>
      </c>
      <c r="C44670" s="14" t="s">
        <v>23</v>
      </c>
      <c r="D44670" s="14" t="s">
        <v>260</v>
      </c>
      <c r="E44670" s="15">
        <v>45516</v>
      </c>
      <c r="F44670" s="14" t="s">
        <v>28</v>
      </c>
      <c r="G44670" s="16">
        <v>1.8269881728053323</v>
      </c>
    </row>
    <row r="44671" spans="1:7" x14ac:dyDescent="0.3">
      <c r="A44671" s="13" t="s">
        <v>259</v>
      </c>
      <c r="B44671" s="14" t="s">
        <v>1</v>
      </c>
      <c r="C44671" s="14" t="s">
        <v>23</v>
      </c>
      <c r="D44671" s="14" t="s">
        <v>260</v>
      </c>
      <c r="E44671" s="15">
        <v>45517</v>
      </c>
      <c r="F44671" s="14" t="s">
        <v>28</v>
      </c>
      <c r="G44671" s="16">
        <v>1.8556401069334612</v>
      </c>
    </row>
    <row r="44672" spans="1:7" x14ac:dyDescent="0.3">
      <c r="A44672" s="13" t="s">
        <v>259</v>
      </c>
      <c r="B44672" s="14" t="s">
        <v>1</v>
      </c>
      <c r="C44672" s="14" t="s">
        <v>23</v>
      </c>
      <c r="D44672" s="14" t="s">
        <v>260</v>
      </c>
      <c r="E44672" s="15">
        <v>45518</v>
      </c>
      <c r="F44672" s="14" t="s">
        <v>28</v>
      </c>
      <c r="G44672" s="16">
        <v>1.8669416321069296</v>
      </c>
    </row>
    <row r="44673" spans="1:7" x14ac:dyDescent="0.3">
      <c r="A44673" s="13" t="s">
        <v>259</v>
      </c>
      <c r="B44673" s="14" t="s">
        <v>1</v>
      </c>
      <c r="C44673" s="14" t="s">
        <v>23</v>
      </c>
      <c r="D44673" s="14" t="s">
        <v>260</v>
      </c>
      <c r="E44673" s="15">
        <v>45519</v>
      </c>
      <c r="F44673" s="14" t="s">
        <v>28</v>
      </c>
      <c r="G44673" s="16">
        <v>1.8846444979806132</v>
      </c>
    </row>
    <row r="44674" spans="1:7" x14ac:dyDescent="0.3">
      <c r="A44674" s="13" t="s">
        <v>259</v>
      </c>
      <c r="B44674" s="14" t="s">
        <v>1</v>
      </c>
      <c r="C44674" s="14" t="s">
        <v>23</v>
      </c>
      <c r="D44674" s="14" t="s">
        <v>260</v>
      </c>
      <c r="E44674" s="15">
        <v>45520</v>
      </c>
      <c r="F44674" s="14" t="s">
        <v>28</v>
      </c>
      <c r="G44674" s="16">
        <v>1.8877968771796767</v>
      </c>
    </row>
    <row r="44675" spans="1:7" x14ac:dyDescent="0.3">
      <c r="A44675" s="13" t="s">
        <v>259</v>
      </c>
      <c r="B44675" s="14" t="s">
        <v>1</v>
      </c>
      <c r="C44675" s="14" t="s">
        <v>23</v>
      </c>
      <c r="D44675" s="14" t="s">
        <v>260</v>
      </c>
      <c r="E44675" s="15">
        <v>45521</v>
      </c>
      <c r="F44675" s="14" t="s">
        <v>28</v>
      </c>
      <c r="G44675" s="16">
        <v>1.8877968771796767</v>
      </c>
    </row>
    <row r="44676" spans="1:7" x14ac:dyDescent="0.3">
      <c r="A44676" s="13" t="s">
        <v>259</v>
      </c>
      <c r="B44676" s="14" t="s">
        <v>1</v>
      </c>
      <c r="C44676" s="14" t="s">
        <v>23</v>
      </c>
      <c r="D44676" s="14" t="s">
        <v>260</v>
      </c>
      <c r="E44676" s="15">
        <v>45522</v>
      </c>
      <c r="F44676" s="14" t="s">
        <v>28</v>
      </c>
      <c r="G44676" s="16">
        <v>1.8877968771796767</v>
      </c>
    </row>
    <row r="44677" spans="1:7" x14ac:dyDescent="0.3">
      <c r="A44677" s="13" t="s">
        <v>259</v>
      </c>
      <c r="B44677" s="14" t="s">
        <v>1</v>
      </c>
      <c r="C44677" s="14" t="s">
        <v>23</v>
      </c>
      <c r="D44677" s="14" t="s">
        <v>260</v>
      </c>
      <c r="E44677" s="15">
        <v>45523</v>
      </c>
      <c r="F44677" s="14" t="s">
        <v>28</v>
      </c>
      <c r="G44677" s="16">
        <v>1.8902278418078622</v>
      </c>
    </row>
    <row r="44678" spans="1:7" x14ac:dyDescent="0.3">
      <c r="A44678" s="13" t="s">
        <v>259</v>
      </c>
      <c r="B44678" s="14" t="s">
        <v>1</v>
      </c>
      <c r="C44678" s="14" t="s">
        <v>23</v>
      </c>
      <c r="D44678" s="14" t="s">
        <v>260</v>
      </c>
      <c r="E44678" s="15">
        <v>45524</v>
      </c>
      <c r="F44678" s="14" t="s">
        <v>28</v>
      </c>
      <c r="G44678" s="16">
        <v>1.9242676722555201</v>
      </c>
    </row>
    <row r="44679" spans="1:7" x14ac:dyDescent="0.3">
      <c r="A44679" s="13" t="s">
        <v>259</v>
      </c>
      <c r="B44679" s="14" t="s">
        <v>1</v>
      </c>
      <c r="C44679" s="14" t="s">
        <v>23</v>
      </c>
      <c r="D44679" s="14" t="s">
        <v>260</v>
      </c>
      <c r="E44679" s="15">
        <v>45525</v>
      </c>
      <c r="F44679" s="14" t="s">
        <v>28</v>
      </c>
      <c r="G44679" s="16">
        <v>1.9344036775839204</v>
      </c>
    </row>
    <row r="44680" spans="1:7" x14ac:dyDescent="0.3">
      <c r="A44680" s="13" t="s">
        <v>259</v>
      </c>
      <c r="B44680" s="14" t="s">
        <v>1</v>
      </c>
      <c r="C44680" s="14" t="s">
        <v>23</v>
      </c>
      <c r="D44680" s="14" t="s">
        <v>260</v>
      </c>
      <c r="E44680" s="15">
        <v>45526</v>
      </c>
      <c r="F44680" s="14" t="s">
        <v>28</v>
      </c>
      <c r="G44680" s="16">
        <v>1.9562260076451536</v>
      </c>
    </row>
    <row r="44681" spans="1:7" x14ac:dyDescent="0.3">
      <c r="A44681" s="13" t="s">
        <v>259</v>
      </c>
      <c r="B44681" s="14" t="s">
        <v>1</v>
      </c>
      <c r="C44681" s="14" t="s">
        <v>23</v>
      </c>
      <c r="D44681" s="14" t="s">
        <v>260</v>
      </c>
      <c r="E44681" s="15">
        <v>45527</v>
      </c>
      <c r="F44681" s="14" t="s">
        <v>28</v>
      </c>
      <c r="G44681" s="16">
        <v>1.9536712316948346</v>
      </c>
    </row>
    <row r="44682" spans="1:7" x14ac:dyDescent="0.3">
      <c r="A44682" s="13" t="s">
        <v>259</v>
      </c>
      <c r="B44682" s="14" t="s">
        <v>1</v>
      </c>
      <c r="C44682" s="14" t="s">
        <v>23</v>
      </c>
      <c r="D44682" s="14" t="s">
        <v>260</v>
      </c>
      <c r="E44682" s="15">
        <v>45528</v>
      </c>
      <c r="F44682" s="14" t="s">
        <v>28</v>
      </c>
      <c r="G44682" s="16">
        <v>1.9536712316948346</v>
      </c>
    </row>
    <row r="44683" spans="1:7" x14ac:dyDescent="0.3">
      <c r="A44683" s="13" t="s">
        <v>259</v>
      </c>
      <c r="B44683" s="14" t="s">
        <v>1</v>
      </c>
      <c r="C44683" s="14" t="s">
        <v>23</v>
      </c>
      <c r="D44683" s="14" t="s">
        <v>260</v>
      </c>
      <c r="E44683" s="15">
        <v>45529</v>
      </c>
      <c r="F44683" s="14" t="s">
        <v>28</v>
      </c>
      <c r="G44683" s="16">
        <v>1.9536712316948346</v>
      </c>
    </row>
    <row r="44684" spans="1:7" x14ac:dyDescent="0.3">
      <c r="A44684" s="13" t="s">
        <v>259</v>
      </c>
      <c r="B44684" s="14" t="s">
        <v>1</v>
      </c>
      <c r="C44684" s="14" t="s">
        <v>23</v>
      </c>
      <c r="D44684" s="14" t="s">
        <v>260</v>
      </c>
      <c r="E44684" s="15">
        <v>45530</v>
      </c>
      <c r="F44684" s="14" t="s">
        <v>28</v>
      </c>
      <c r="G44684" s="16">
        <v>1.9725375848036726</v>
      </c>
    </row>
    <row r="44685" spans="1:7" x14ac:dyDescent="0.3">
      <c r="A44685" s="13" t="s">
        <v>259</v>
      </c>
      <c r="B44685" s="14" t="s">
        <v>1</v>
      </c>
      <c r="C44685" s="14" t="s">
        <v>23</v>
      </c>
      <c r="D44685" s="14" t="s">
        <v>260</v>
      </c>
      <c r="E44685" s="15">
        <v>45531</v>
      </c>
      <c r="F44685" s="14" t="s">
        <v>28</v>
      </c>
      <c r="G44685" s="16">
        <v>2.0072972707116343</v>
      </c>
    </row>
    <row r="44686" spans="1:7" x14ac:dyDescent="0.3">
      <c r="A44686" s="13" t="s">
        <v>259</v>
      </c>
      <c r="B44686" s="14" t="s">
        <v>1</v>
      </c>
      <c r="C44686" s="14" t="s">
        <v>23</v>
      </c>
      <c r="D44686" s="14" t="s">
        <v>260</v>
      </c>
      <c r="E44686" s="15">
        <v>45532</v>
      </c>
      <c r="F44686" s="14" t="s">
        <v>28</v>
      </c>
      <c r="G44686" s="16">
        <v>2.025454618060345</v>
      </c>
    </row>
    <row r="44687" spans="1:7" x14ac:dyDescent="0.3">
      <c r="A44687" s="13" t="s">
        <v>259</v>
      </c>
      <c r="B44687" s="14" t="s">
        <v>1</v>
      </c>
      <c r="C44687" s="14" t="s">
        <v>23</v>
      </c>
      <c r="D44687" s="14" t="s">
        <v>260</v>
      </c>
      <c r="E44687" s="15">
        <v>45533</v>
      </c>
      <c r="F44687" s="14" t="s">
        <v>28</v>
      </c>
      <c r="G44687" s="16">
        <v>2.0373543802073497</v>
      </c>
    </row>
    <row r="44688" spans="1:7" x14ac:dyDescent="0.3">
      <c r="A44688" s="13" t="s">
        <v>259</v>
      </c>
      <c r="B44688" s="14" t="s">
        <v>1</v>
      </c>
      <c r="C44688" s="14" t="s">
        <v>23</v>
      </c>
      <c r="D44688" s="14" t="s">
        <v>260</v>
      </c>
      <c r="E44688" s="15">
        <v>45534</v>
      </c>
      <c r="F44688" s="14" t="s">
        <v>28</v>
      </c>
      <c r="G44688" s="16">
        <v>2.0566365381124427</v>
      </c>
    </row>
    <row r="44689" spans="1:7" x14ac:dyDescent="0.3">
      <c r="A44689" s="13" t="s">
        <v>259</v>
      </c>
      <c r="B44689" s="14" t="s">
        <v>1</v>
      </c>
      <c r="C44689" s="14" t="s">
        <v>23</v>
      </c>
      <c r="D44689" s="14" t="s">
        <v>260</v>
      </c>
      <c r="E44689" s="15">
        <v>45535</v>
      </c>
      <c r="F44689" s="14" t="s">
        <v>28</v>
      </c>
      <c r="G44689" s="16">
        <v>2.0566365381124427</v>
      </c>
    </row>
    <row r="44690" spans="1:7" x14ac:dyDescent="0.3">
      <c r="A44690" s="13" t="s">
        <v>259</v>
      </c>
      <c r="B44690" s="14" t="s">
        <v>1</v>
      </c>
      <c r="C44690" s="14" t="s">
        <v>23</v>
      </c>
      <c r="D44690" s="14" t="s">
        <v>260</v>
      </c>
      <c r="E44690" s="15">
        <v>45536</v>
      </c>
      <c r="F44690" s="14" t="s">
        <v>28</v>
      </c>
      <c r="G44690" s="16">
        <v>2.0566365381124427</v>
      </c>
    </row>
    <row r="44691" spans="1:7" x14ac:dyDescent="0.3">
      <c r="A44691" s="13" t="s">
        <v>259</v>
      </c>
      <c r="B44691" s="14" t="s">
        <v>1</v>
      </c>
      <c r="C44691" s="14" t="s">
        <v>23</v>
      </c>
      <c r="D44691" s="14" t="s">
        <v>260</v>
      </c>
      <c r="E44691" s="15">
        <v>45537</v>
      </c>
      <c r="F44691" s="14" t="s">
        <v>28</v>
      </c>
      <c r="G44691" s="16">
        <v>2.0566365381124427</v>
      </c>
    </row>
    <row r="44692" spans="1:7" x14ac:dyDescent="0.3">
      <c r="A44692" s="13" t="s">
        <v>259</v>
      </c>
      <c r="B44692" s="14" t="s">
        <v>1</v>
      </c>
      <c r="C44692" s="14" t="s">
        <v>23</v>
      </c>
      <c r="D44692" s="14" t="s">
        <v>260</v>
      </c>
      <c r="E44692" s="15">
        <v>45538</v>
      </c>
      <c r="F44692" s="14" t="s">
        <v>28</v>
      </c>
      <c r="G44692" s="16">
        <v>2.0720764808621124</v>
      </c>
    </row>
    <row r="44693" spans="1:7" x14ac:dyDescent="0.3">
      <c r="A44693" s="13" t="s">
        <v>259</v>
      </c>
      <c r="B44693" s="14" t="s">
        <v>1</v>
      </c>
      <c r="C44693" s="14" t="s">
        <v>23</v>
      </c>
      <c r="D44693" s="14" t="s">
        <v>260</v>
      </c>
      <c r="E44693" s="15">
        <v>45539</v>
      </c>
      <c r="F44693" s="14" t="s">
        <v>28</v>
      </c>
      <c r="G44693" s="16">
        <v>2.1072183838452379</v>
      </c>
    </row>
    <row r="44694" spans="1:7" x14ac:dyDescent="0.3">
      <c r="A44694" s="13" t="s">
        <v>259</v>
      </c>
      <c r="B44694" s="14" t="s">
        <v>1</v>
      </c>
      <c r="C44694" s="14" t="s">
        <v>23</v>
      </c>
      <c r="D44694" s="14" t="s">
        <v>260</v>
      </c>
      <c r="E44694" s="15">
        <v>45540</v>
      </c>
      <c r="F44694" s="14" t="s">
        <v>28</v>
      </c>
      <c r="G44694" s="16">
        <v>2.114354648344615</v>
      </c>
    </row>
    <row r="44695" spans="1:7" x14ac:dyDescent="0.3">
      <c r="A44695" s="13" t="s">
        <v>259</v>
      </c>
      <c r="B44695" s="14" t="s">
        <v>1</v>
      </c>
      <c r="C44695" s="14" t="s">
        <v>23</v>
      </c>
      <c r="D44695" s="14" t="s">
        <v>260</v>
      </c>
      <c r="E44695" s="15">
        <v>45541</v>
      </c>
      <c r="F44695" s="14" t="s">
        <v>28</v>
      </c>
      <c r="G44695" s="16">
        <v>2.1327013987137495</v>
      </c>
    </row>
    <row r="44696" spans="1:7" x14ac:dyDescent="0.3">
      <c r="A44696" s="13" t="s">
        <v>259</v>
      </c>
      <c r="B44696" s="14" t="s">
        <v>1</v>
      </c>
      <c r="C44696" s="14" t="s">
        <v>23</v>
      </c>
      <c r="D44696" s="14" t="s">
        <v>260</v>
      </c>
      <c r="E44696" s="15">
        <v>45542</v>
      </c>
      <c r="F44696" s="14" t="s">
        <v>28</v>
      </c>
      <c r="G44696" s="16">
        <v>2.1327013987137495</v>
      </c>
    </row>
    <row r="44697" spans="1:7" x14ac:dyDescent="0.3">
      <c r="A44697" s="13" t="s">
        <v>259</v>
      </c>
      <c r="B44697" s="14" t="s">
        <v>1</v>
      </c>
      <c r="C44697" s="14" t="s">
        <v>23</v>
      </c>
      <c r="D44697" s="14" t="s">
        <v>260</v>
      </c>
      <c r="E44697" s="15">
        <v>45543</v>
      </c>
      <c r="F44697" s="14" t="s">
        <v>28</v>
      </c>
      <c r="G44697" s="16">
        <v>2.1327013987137495</v>
      </c>
    </row>
    <row r="44698" spans="1:7" x14ac:dyDescent="0.3">
      <c r="A44698" s="13" t="s">
        <v>259</v>
      </c>
      <c r="B44698" s="14" t="s">
        <v>1</v>
      </c>
      <c r="C44698" s="14" t="s">
        <v>23</v>
      </c>
      <c r="D44698" s="14" t="s">
        <v>260</v>
      </c>
      <c r="E44698" s="15">
        <v>45544</v>
      </c>
      <c r="F44698" s="14" t="s">
        <v>28</v>
      </c>
      <c r="G44698" s="16">
        <v>2.178031683119503</v>
      </c>
    </row>
    <row r="44699" spans="1:7" x14ac:dyDescent="0.3">
      <c r="A44699" s="13" t="s">
        <v>259</v>
      </c>
      <c r="B44699" s="14" t="s">
        <v>1</v>
      </c>
      <c r="C44699" s="14" t="s">
        <v>23</v>
      </c>
      <c r="D44699" s="14" t="s">
        <v>260</v>
      </c>
      <c r="E44699" s="15">
        <v>45545</v>
      </c>
      <c r="F44699" s="14" t="s">
        <v>28</v>
      </c>
      <c r="G44699" s="16">
        <v>2.2130005738921255</v>
      </c>
    </row>
    <row r="44700" spans="1:7" x14ac:dyDescent="0.3">
      <c r="A44700" s="13" t="s">
        <v>259</v>
      </c>
      <c r="B44700" s="14" t="s">
        <v>1</v>
      </c>
      <c r="C44700" s="14" t="s">
        <v>23</v>
      </c>
      <c r="D44700" s="14" t="s">
        <v>260</v>
      </c>
      <c r="E44700" s="15">
        <v>45546</v>
      </c>
      <c r="F44700" s="14" t="s">
        <v>28</v>
      </c>
      <c r="G44700" s="16">
        <v>2.2236623208384056</v>
      </c>
    </row>
    <row r="44701" spans="1:7" x14ac:dyDescent="0.3">
      <c r="A44701" s="13" t="s">
        <v>259</v>
      </c>
      <c r="B44701" s="14" t="s">
        <v>1</v>
      </c>
      <c r="C44701" s="14" t="s">
        <v>23</v>
      </c>
      <c r="D44701" s="14" t="s">
        <v>260</v>
      </c>
      <c r="E44701" s="15">
        <v>45547</v>
      </c>
      <c r="F44701" s="14" t="s">
        <v>28</v>
      </c>
      <c r="G44701" s="16">
        <v>2.2341701412307193</v>
      </c>
    </row>
    <row r="44702" spans="1:7" x14ac:dyDescent="0.3">
      <c r="A44702" s="13" t="s">
        <v>259</v>
      </c>
      <c r="B44702" s="14" t="s">
        <v>1</v>
      </c>
      <c r="C44702" s="14" t="s">
        <v>23</v>
      </c>
      <c r="D44702" s="14" t="s">
        <v>260</v>
      </c>
      <c r="E44702" s="15">
        <v>45548</v>
      </c>
      <c r="F44702" s="14" t="s">
        <v>28</v>
      </c>
      <c r="G44702" s="16">
        <v>2.2420350006682224</v>
      </c>
    </row>
    <row r="44703" spans="1:7" x14ac:dyDescent="0.3">
      <c r="A44703" s="13" t="s">
        <v>259</v>
      </c>
      <c r="B44703" s="14" t="s">
        <v>1</v>
      </c>
      <c r="C44703" s="14" t="s">
        <v>23</v>
      </c>
      <c r="D44703" s="14" t="s">
        <v>260</v>
      </c>
      <c r="E44703" s="15">
        <v>45549</v>
      </c>
      <c r="F44703" s="14" t="s">
        <v>28</v>
      </c>
      <c r="G44703" s="16">
        <v>2.2420350006682224</v>
      </c>
    </row>
    <row r="44704" spans="1:7" x14ac:dyDescent="0.3">
      <c r="A44704" s="13" t="s">
        <v>259</v>
      </c>
      <c r="B44704" s="14" t="s">
        <v>1</v>
      </c>
      <c r="C44704" s="14" t="s">
        <v>23</v>
      </c>
      <c r="D44704" s="14" t="s">
        <v>260</v>
      </c>
      <c r="E44704" s="15">
        <v>45550</v>
      </c>
      <c r="F44704" s="14" t="s">
        <v>28</v>
      </c>
      <c r="G44704" s="16">
        <v>2.2420350006682224</v>
      </c>
    </row>
    <row r="44705" spans="1:7" x14ac:dyDescent="0.3">
      <c r="A44705" s="13" t="s">
        <v>259</v>
      </c>
      <c r="B44705" s="14" t="s">
        <v>1</v>
      </c>
      <c r="C44705" s="14" t="s">
        <v>23</v>
      </c>
      <c r="D44705" s="14" t="s">
        <v>260</v>
      </c>
      <c r="E44705" s="15">
        <v>45551</v>
      </c>
      <c r="F44705" s="14" t="s">
        <v>28</v>
      </c>
      <c r="G44705" s="16">
        <v>2.251728538401319</v>
      </c>
    </row>
    <row r="44706" spans="1:7" x14ac:dyDescent="0.3">
      <c r="A44706" s="13" t="s">
        <v>259</v>
      </c>
      <c r="B44706" s="14" t="s">
        <v>1</v>
      </c>
      <c r="C44706" s="14" t="s">
        <v>23</v>
      </c>
      <c r="D44706" s="14" t="s">
        <v>260</v>
      </c>
      <c r="E44706" s="15">
        <v>45552</v>
      </c>
      <c r="F44706" s="14" t="s">
        <v>28</v>
      </c>
      <c r="G44706" s="16">
        <v>2.2957008867290027</v>
      </c>
    </row>
    <row r="44707" spans="1:7" x14ac:dyDescent="0.3">
      <c r="A44707" s="13" t="s">
        <v>259</v>
      </c>
      <c r="B44707" s="14" t="s">
        <v>1</v>
      </c>
      <c r="C44707" s="14" t="s">
        <v>23</v>
      </c>
      <c r="D44707" s="14" t="s">
        <v>260</v>
      </c>
      <c r="E44707" s="15">
        <v>45553</v>
      </c>
      <c r="F44707" s="14" t="s">
        <v>28</v>
      </c>
      <c r="G44707" s="16">
        <v>2.3066988735173299</v>
      </c>
    </row>
    <row r="44708" spans="1:7" x14ac:dyDescent="0.3">
      <c r="A44708" s="13" t="s">
        <v>259</v>
      </c>
      <c r="B44708" s="14" t="s">
        <v>1</v>
      </c>
      <c r="C44708" s="14" t="s">
        <v>23</v>
      </c>
      <c r="D44708" s="14" t="s">
        <v>260</v>
      </c>
      <c r="E44708" s="15">
        <v>45554</v>
      </c>
      <c r="F44708" s="14" t="s">
        <v>28</v>
      </c>
      <c r="G44708" s="16">
        <v>2.313495500064199</v>
      </c>
    </row>
    <row r="44709" spans="1:7" x14ac:dyDescent="0.3">
      <c r="A44709" s="13" t="s">
        <v>259</v>
      </c>
      <c r="B44709" s="14" t="s">
        <v>1</v>
      </c>
      <c r="C44709" s="14" t="s">
        <v>23</v>
      </c>
      <c r="D44709" s="14" t="s">
        <v>260</v>
      </c>
      <c r="E44709" s="15">
        <v>45555</v>
      </c>
      <c r="F44709" s="14" t="s">
        <v>28</v>
      </c>
      <c r="G44709" s="16">
        <v>2.3245736023188712</v>
      </c>
    </row>
    <row r="44710" spans="1:7" x14ac:dyDescent="0.3">
      <c r="A44710" s="13" t="s">
        <v>259</v>
      </c>
      <c r="B44710" s="14" t="s">
        <v>1</v>
      </c>
      <c r="C44710" s="14" t="s">
        <v>23</v>
      </c>
      <c r="D44710" s="14" t="s">
        <v>260</v>
      </c>
      <c r="E44710" s="15">
        <v>45556</v>
      </c>
      <c r="F44710" s="14" t="s">
        <v>28</v>
      </c>
      <c r="G44710" s="16">
        <v>2.3245736023188712</v>
      </c>
    </row>
    <row r="44711" spans="1:7" x14ac:dyDescent="0.3">
      <c r="A44711" s="13" t="s">
        <v>259</v>
      </c>
      <c r="B44711" s="14" t="s">
        <v>1</v>
      </c>
      <c r="C44711" s="14" t="s">
        <v>23</v>
      </c>
      <c r="D44711" s="14" t="s">
        <v>260</v>
      </c>
      <c r="E44711" s="15">
        <v>45557</v>
      </c>
      <c r="F44711" s="14" t="s">
        <v>28</v>
      </c>
      <c r="G44711" s="16">
        <v>2.3245736023188712</v>
      </c>
    </row>
    <row r="44712" spans="1:7" x14ac:dyDescent="0.3">
      <c r="A44712" s="13" t="s">
        <v>259</v>
      </c>
      <c r="B44712" s="14" t="s">
        <v>1</v>
      </c>
      <c r="C44712" s="14" t="s">
        <v>23</v>
      </c>
      <c r="D44712" s="14" t="s">
        <v>260</v>
      </c>
      <c r="E44712" s="15">
        <v>45558</v>
      </c>
      <c r="F44712" s="14" t="s">
        <v>28</v>
      </c>
      <c r="G44712" s="16">
        <v>2.3399641909363349</v>
      </c>
    </row>
    <row r="44713" spans="1:7" x14ac:dyDescent="0.3">
      <c r="A44713" s="13" t="s">
        <v>259</v>
      </c>
      <c r="B44713" s="14" t="s">
        <v>1</v>
      </c>
      <c r="C44713" s="14" t="s">
        <v>23</v>
      </c>
      <c r="D44713" s="14" t="s">
        <v>260</v>
      </c>
      <c r="E44713" s="15">
        <v>45559</v>
      </c>
      <c r="F44713" s="14" t="s">
        <v>28</v>
      </c>
      <c r="G44713" s="16">
        <v>2.3789022340724295</v>
      </c>
    </row>
    <row r="44714" spans="1:7" x14ac:dyDescent="0.3">
      <c r="A44714" s="13" t="s">
        <v>259</v>
      </c>
      <c r="B44714" s="14" t="s">
        <v>1</v>
      </c>
      <c r="C44714" s="14" t="s">
        <v>23</v>
      </c>
      <c r="D44714" s="14" t="s">
        <v>260</v>
      </c>
      <c r="E44714" s="15">
        <v>45560</v>
      </c>
      <c r="F44714" s="14" t="s">
        <v>28</v>
      </c>
      <c r="G44714" s="16">
        <v>2.4045094242916152</v>
      </c>
    </row>
    <row r="44715" spans="1:7" x14ac:dyDescent="0.3">
      <c r="A44715" s="13" t="s">
        <v>259</v>
      </c>
      <c r="B44715" s="14" t="s">
        <v>1</v>
      </c>
      <c r="C44715" s="14" t="s">
        <v>23</v>
      </c>
      <c r="D44715" s="14" t="s">
        <v>260</v>
      </c>
      <c r="E44715" s="15">
        <v>45561</v>
      </c>
      <c r="F44715" s="14" t="s">
        <v>28</v>
      </c>
      <c r="G44715" s="16">
        <v>2.4062420113375587</v>
      </c>
    </row>
    <row r="44716" spans="1:7" x14ac:dyDescent="0.3">
      <c r="A44716" s="13" t="s">
        <v>259</v>
      </c>
      <c r="B44716" s="14" t="s">
        <v>1</v>
      </c>
      <c r="C44716" s="14" t="s">
        <v>23</v>
      </c>
      <c r="D44716" s="14" t="s">
        <v>260</v>
      </c>
      <c r="E44716" s="15">
        <v>45562</v>
      </c>
      <c r="F44716" s="14" t="s">
        <v>28</v>
      </c>
      <c r="G44716" s="16">
        <v>2.419066965599479</v>
      </c>
    </row>
    <row r="44717" spans="1:7" x14ac:dyDescent="0.3">
      <c r="A44717" s="13" t="s">
        <v>259</v>
      </c>
      <c r="B44717" s="14" t="s">
        <v>1</v>
      </c>
      <c r="C44717" s="14" t="s">
        <v>23</v>
      </c>
      <c r="D44717" s="14" t="s">
        <v>260</v>
      </c>
      <c r="E44717" s="15">
        <v>45563</v>
      </c>
      <c r="F44717" s="14" t="s">
        <v>28</v>
      </c>
      <c r="G44717" s="16">
        <v>2.419066965599479</v>
      </c>
    </row>
    <row r="44718" spans="1:7" x14ac:dyDescent="0.3">
      <c r="A44718" s="13" t="s">
        <v>259</v>
      </c>
      <c r="B44718" s="14" t="s">
        <v>1</v>
      </c>
      <c r="C44718" s="14" t="s">
        <v>23</v>
      </c>
      <c r="D44718" s="14" t="s">
        <v>260</v>
      </c>
      <c r="E44718" s="15">
        <v>45564</v>
      </c>
      <c r="F44718" s="14" t="s">
        <v>28</v>
      </c>
      <c r="G44718" s="16">
        <v>2.419066965599479</v>
      </c>
    </row>
    <row r="44719" spans="1:7" x14ac:dyDescent="0.3">
      <c r="A44719" s="13" t="s">
        <v>259</v>
      </c>
      <c r="B44719" s="14" t="s">
        <v>1</v>
      </c>
      <c r="C44719" s="14" t="s">
        <v>23</v>
      </c>
      <c r="D44719" s="14" t="s">
        <v>260</v>
      </c>
      <c r="E44719" s="15">
        <v>45565</v>
      </c>
      <c r="F44719" s="14" t="s">
        <v>28</v>
      </c>
      <c r="G44719" s="16">
        <v>2.4410594506048779</v>
      </c>
    </row>
    <row r="44720" spans="1:7" x14ac:dyDescent="0.3">
      <c r="A44720" s="13" t="s">
        <v>259</v>
      </c>
      <c r="B44720" s="14" t="s">
        <v>1</v>
      </c>
      <c r="C44720" s="14" t="s">
        <v>23</v>
      </c>
      <c r="D44720" s="14" t="s">
        <v>260</v>
      </c>
      <c r="E44720" s="15">
        <v>45566</v>
      </c>
      <c r="F44720" s="14" t="s">
        <v>28</v>
      </c>
      <c r="G44720" s="16">
        <v>2.4884709334018131</v>
      </c>
    </row>
    <row r="44721" spans="1:7" x14ac:dyDescent="0.3">
      <c r="A44721" s="13" t="s">
        <v>259</v>
      </c>
      <c r="B44721" s="14" t="s">
        <v>1</v>
      </c>
      <c r="C44721" s="14" t="s">
        <v>23</v>
      </c>
      <c r="D44721" s="14" t="s">
        <v>260</v>
      </c>
      <c r="E44721" s="15">
        <v>45567</v>
      </c>
      <c r="F44721" s="14" t="s">
        <v>28</v>
      </c>
      <c r="G44721" s="16">
        <v>2.5097498437467869</v>
      </c>
    </row>
    <row r="44722" spans="1:7" x14ac:dyDescent="0.3">
      <c r="A44722" s="13" t="s">
        <v>259</v>
      </c>
      <c r="B44722" s="14" t="s">
        <v>1</v>
      </c>
      <c r="C44722" s="14" t="s">
        <v>23</v>
      </c>
      <c r="D44722" s="14" t="s">
        <v>260</v>
      </c>
      <c r="E44722" s="15">
        <v>45568</v>
      </c>
      <c r="F44722" s="14" t="s">
        <v>28</v>
      </c>
      <c r="G44722" s="16">
        <v>2.5249630337989597</v>
      </c>
    </row>
    <row r="44723" spans="1:7" x14ac:dyDescent="0.3">
      <c r="A44723" s="13" t="s">
        <v>259</v>
      </c>
      <c r="B44723" s="14" t="s">
        <v>1</v>
      </c>
      <c r="C44723" s="14" t="s">
        <v>23</v>
      </c>
      <c r="D44723" s="14" t="s">
        <v>260</v>
      </c>
      <c r="E44723" s="15">
        <v>45569</v>
      </c>
      <c r="F44723" s="14" t="s">
        <v>28</v>
      </c>
      <c r="G44723" s="16">
        <v>2.5548138131357416</v>
      </c>
    </row>
    <row r="44724" spans="1:7" x14ac:dyDescent="0.3">
      <c r="A44724" s="13" t="s">
        <v>259</v>
      </c>
      <c r="B44724" s="14" t="s">
        <v>1</v>
      </c>
      <c r="C44724" s="14" t="s">
        <v>23</v>
      </c>
      <c r="D44724" s="14" t="s">
        <v>260</v>
      </c>
      <c r="E44724" s="15">
        <v>45570</v>
      </c>
      <c r="F44724" s="14" t="s">
        <v>28</v>
      </c>
      <c r="G44724" s="16">
        <v>2.5548138131357416</v>
      </c>
    </row>
    <row r="44725" spans="1:7" x14ac:dyDescent="0.3">
      <c r="A44725" s="13" t="s">
        <v>259</v>
      </c>
      <c r="B44725" s="14" t="s">
        <v>1</v>
      </c>
      <c r="C44725" s="14" t="s">
        <v>23</v>
      </c>
      <c r="D44725" s="14" t="s">
        <v>260</v>
      </c>
      <c r="E44725" s="15">
        <v>45571</v>
      </c>
      <c r="F44725" s="14" t="s">
        <v>28</v>
      </c>
      <c r="G44725" s="16">
        <v>2.5548138131357416</v>
      </c>
    </row>
    <row r="44726" spans="1:7" x14ac:dyDescent="0.3">
      <c r="A44726" s="13" t="s">
        <v>259</v>
      </c>
      <c r="B44726" s="14" t="s">
        <v>1</v>
      </c>
      <c r="C44726" s="14" t="s">
        <v>23</v>
      </c>
      <c r="D44726" s="14" t="s">
        <v>260</v>
      </c>
      <c r="E44726" s="15">
        <v>45572</v>
      </c>
      <c r="F44726" s="14" t="s">
        <v>28</v>
      </c>
      <c r="G44726" s="16">
        <v>2.5902678959930787</v>
      </c>
    </row>
    <row r="44727" spans="1:7" x14ac:dyDescent="0.3">
      <c r="A44727" s="13" t="s">
        <v>259</v>
      </c>
      <c r="B44727" s="14" t="s">
        <v>1</v>
      </c>
      <c r="C44727" s="14" t="s">
        <v>23</v>
      </c>
      <c r="D44727" s="14" t="s">
        <v>260</v>
      </c>
      <c r="E44727" s="15">
        <v>45573</v>
      </c>
      <c r="F44727" s="14" t="s">
        <v>28</v>
      </c>
      <c r="G44727" s="16">
        <v>2.6354185185787555</v>
      </c>
    </row>
    <row r="44728" spans="1:7" x14ac:dyDescent="0.3">
      <c r="A44728" s="13" t="s">
        <v>259</v>
      </c>
      <c r="B44728" s="14" t="s">
        <v>1</v>
      </c>
      <c r="C44728" s="14" t="s">
        <v>23</v>
      </c>
      <c r="D44728" s="14" t="s">
        <v>260</v>
      </c>
      <c r="E44728" s="15">
        <v>45574</v>
      </c>
      <c r="F44728" s="14" t="s">
        <v>28</v>
      </c>
      <c r="G44728" s="16">
        <v>2.6565837800355117</v>
      </c>
    </row>
    <row r="44729" spans="1:7" x14ac:dyDescent="0.3">
      <c r="A44729" s="13" t="s">
        <v>259</v>
      </c>
      <c r="B44729" s="14" t="s">
        <v>1</v>
      </c>
      <c r="C44729" s="14" t="s">
        <v>23</v>
      </c>
      <c r="D44729" s="14" t="s">
        <v>260</v>
      </c>
      <c r="E44729" s="15">
        <v>45575</v>
      </c>
      <c r="F44729" s="14" t="s">
        <v>28</v>
      </c>
      <c r="G44729" s="16">
        <v>2.66801261277514</v>
      </c>
    </row>
    <row r="44730" spans="1:7" x14ac:dyDescent="0.3">
      <c r="A44730" s="13" t="s">
        <v>259</v>
      </c>
      <c r="B44730" s="14" t="s">
        <v>1</v>
      </c>
      <c r="C44730" s="14" t="s">
        <v>23</v>
      </c>
      <c r="D44730" s="14" t="s">
        <v>260</v>
      </c>
      <c r="E44730" s="15">
        <v>45576</v>
      </c>
      <c r="F44730" s="14" t="s">
        <v>28</v>
      </c>
      <c r="G44730" s="16">
        <v>2.6810519848788812</v>
      </c>
    </row>
    <row r="44731" spans="1:7" x14ac:dyDescent="0.3">
      <c r="A44731" s="13" t="s">
        <v>259</v>
      </c>
      <c r="B44731" s="14" t="s">
        <v>1</v>
      </c>
      <c r="C44731" s="14" t="s">
        <v>23</v>
      </c>
      <c r="D44731" s="14" t="s">
        <v>260</v>
      </c>
      <c r="E44731" s="15">
        <v>45577</v>
      </c>
      <c r="F44731" s="14" t="s">
        <v>28</v>
      </c>
      <c r="G44731" s="16">
        <v>2.6810519848788812</v>
      </c>
    </row>
    <row r="44732" spans="1:7" x14ac:dyDescent="0.3">
      <c r="A44732" s="13" t="s">
        <v>259</v>
      </c>
      <c r="B44732" s="14" t="s">
        <v>1</v>
      </c>
      <c r="C44732" s="14" t="s">
        <v>23</v>
      </c>
      <c r="D44732" s="14" t="s">
        <v>260</v>
      </c>
      <c r="E44732" s="15">
        <v>45578</v>
      </c>
      <c r="F44732" s="14" t="s">
        <v>28</v>
      </c>
      <c r="G44732" s="16">
        <v>2.6810519848788812</v>
      </c>
    </row>
    <row r="44733" spans="1:7" x14ac:dyDescent="0.3">
      <c r="A44733" s="13" t="s">
        <v>259</v>
      </c>
      <c r="B44733" s="14" t="s">
        <v>1</v>
      </c>
      <c r="C44733" s="14" t="s">
        <v>23</v>
      </c>
      <c r="D44733" s="14" t="s">
        <v>260</v>
      </c>
      <c r="E44733" s="15">
        <v>45579</v>
      </c>
      <c r="F44733" s="14" t="s">
        <v>28</v>
      </c>
      <c r="G44733" s="16">
        <v>2.6810519848788812</v>
      </c>
    </row>
    <row r="44734" spans="1:7" x14ac:dyDescent="0.3">
      <c r="A44734" s="13" t="s">
        <v>259</v>
      </c>
      <c r="B44734" s="14" t="s">
        <v>1</v>
      </c>
      <c r="C44734" s="14" t="s">
        <v>23</v>
      </c>
      <c r="D44734" s="14" t="s">
        <v>260</v>
      </c>
      <c r="E44734" s="15">
        <v>45580</v>
      </c>
      <c r="F44734" s="14" t="s">
        <v>28</v>
      </c>
      <c r="G44734" s="16">
        <v>2.7041984994737702</v>
      </c>
    </row>
    <row r="44735" spans="1:7" x14ac:dyDescent="0.3">
      <c r="A44735" s="13" t="s">
        <v>259</v>
      </c>
      <c r="B44735" s="14" t="s">
        <v>1</v>
      </c>
      <c r="C44735" s="14" t="s">
        <v>23</v>
      </c>
      <c r="D44735" s="14" t="s">
        <v>260</v>
      </c>
      <c r="E44735" s="15">
        <v>45581</v>
      </c>
      <c r="F44735" s="14" t="s">
        <v>28</v>
      </c>
      <c r="G44735" s="16">
        <v>2.7681473682008644</v>
      </c>
    </row>
    <row r="44736" spans="1:7" x14ac:dyDescent="0.3">
      <c r="A44736" s="13" t="s">
        <v>259</v>
      </c>
      <c r="B44736" s="14" t="s">
        <v>1</v>
      </c>
      <c r="C44736" s="14" t="s">
        <v>23</v>
      </c>
      <c r="D44736" s="14" t="s">
        <v>260</v>
      </c>
      <c r="E44736" s="15">
        <v>45582</v>
      </c>
      <c r="F44736" s="14" t="s">
        <v>28</v>
      </c>
      <c r="G44736" s="16">
        <v>2.78419378534534</v>
      </c>
    </row>
    <row r="44737" spans="1:7" x14ac:dyDescent="0.3">
      <c r="A44737" s="13" t="s">
        <v>259</v>
      </c>
      <c r="B44737" s="14" t="s">
        <v>1</v>
      </c>
      <c r="C44737" s="14" t="s">
        <v>23</v>
      </c>
      <c r="D44737" s="14" t="s">
        <v>260</v>
      </c>
      <c r="E44737" s="15">
        <v>45583</v>
      </c>
      <c r="F44737" s="14" t="s">
        <v>28</v>
      </c>
      <c r="G44737" s="16">
        <v>2.7908832002582473</v>
      </c>
    </row>
    <row r="44738" spans="1:7" x14ac:dyDescent="0.3">
      <c r="A44738" s="13" t="s">
        <v>259</v>
      </c>
      <c r="B44738" s="14" t="s">
        <v>1</v>
      </c>
      <c r="C44738" s="14" t="s">
        <v>23</v>
      </c>
      <c r="D44738" s="14" t="s">
        <v>260</v>
      </c>
      <c r="E44738" s="15">
        <v>45584</v>
      </c>
      <c r="F44738" s="14" t="s">
        <v>28</v>
      </c>
      <c r="G44738" s="16">
        <v>2.7908832002582473</v>
      </c>
    </row>
    <row r="44739" spans="1:7" x14ac:dyDescent="0.3">
      <c r="A44739" s="13" t="s">
        <v>259</v>
      </c>
      <c r="B44739" s="14" t="s">
        <v>1</v>
      </c>
      <c r="C44739" s="14" t="s">
        <v>23</v>
      </c>
      <c r="D44739" s="14" t="s">
        <v>260</v>
      </c>
      <c r="E44739" s="15">
        <v>45585</v>
      </c>
      <c r="F44739" s="14" t="s">
        <v>28</v>
      </c>
      <c r="G44739" s="16">
        <v>2.7908832002582473</v>
      </c>
    </row>
    <row r="44740" spans="1:7" x14ac:dyDescent="0.3">
      <c r="A44740" s="13" t="s">
        <v>259</v>
      </c>
      <c r="B44740" s="14" t="s">
        <v>1</v>
      </c>
      <c r="C44740" s="14" t="s">
        <v>23</v>
      </c>
      <c r="D44740" s="14" t="s">
        <v>260</v>
      </c>
      <c r="E44740" s="15">
        <v>45586</v>
      </c>
      <c r="F44740" s="14" t="s">
        <v>28</v>
      </c>
      <c r="G44740" s="16">
        <v>2.8169440854839642</v>
      </c>
    </row>
    <row r="44741" spans="1:7" x14ac:dyDescent="0.3">
      <c r="A44741" s="13" t="s">
        <v>259</v>
      </c>
      <c r="B44741" s="14" t="s">
        <v>1</v>
      </c>
      <c r="C44741" s="14" t="s">
        <v>23</v>
      </c>
      <c r="D44741" s="14" t="s">
        <v>260</v>
      </c>
      <c r="E44741" s="15">
        <v>45587</v>
      </c>
      <c r="F44741" s="14" t="s">
        <v>28</v>
      </c>
      <c r="G44741" s="16">
        <v>2.8602795208646885</v>
      </c>
    </row>
    <row r="44742" spans="1:7" x14ac:dyDescent="0.3">
      <c r="A44742" s="13" t="s">
        <v>259</v>
      </c>
      <c r="B44742" s="14" t="s">
        <v>1</v>
      </c>
      <c r="C44742" s="14" t="s">
        <v>23</v>
      </c>
      <c r="D44742" s="14" t="s">
        <v>260</v>
      </c>
      <c r="E44742" s="15">
        <v>45588</v>
      </c>
      <c r="F44742" s="14" t="s">
        <v>28</v>
      </c>
      <c r="G44742" s="16">
        <v>2.8892917466991102</v>
      </c>
    </row>
    <row r="44743" spans="1:7" x14ac:dyDescent="0.3">
      <c r="A44743" s="13" t="s">
        <v>259</v>
      </c>
      <c r="B44743" s="14" t="s">
        <v>1</v>
      </c>
      <c r="C44743" s="14" t="s">
        <v>23</v>
      </c>
      <c r="D44743" s="14" t="s">
        <v>260</v>
      </c>
      <c r="E44743" s="15">
        <v>45589</v>
      </c>
      <c r="F44743" s="14" t="s">
        <v>28</v>
      </c>
      <c r="G44743" s="16">
        <v>2.8929828001259672</v>
      </c>
    </row>
    <row r="44744" spans="1:7" x14ac:dyDescent="0.3">
      <c r="A44744" s="13" t="s">
        <v>259</v>
      </c>
      <c r="B44744" s="14" t="s">
        <v>1</v>
      </c>
      <c r="C44744" s="14" t="s">
        <v>23</v>
      </c>
      <c r="D44744" s="14" t="s">
        <v>260</v>
      </c>
      <c r="E44744" s="15">
        <v>45590</v>
      </c>
      <c r="F44744" s="14" t="s">
        <v>28</v>
      </c>
      <c r="G44744" s="16">
        <v>2.9146568205111842</v>
      </c>
    </row>
    <row r="44745" spans="1:7" x14ac:dyDescent="0.3">
      <c r="A44745" s="13" t="s">
        <v>259</v>
      </c>
      <c r="B44745" s="14" t="s">
        <v>1</v>
      </c>
      <c r="C44745" s="14" t="s">
        <v>23</v>
      </c>
      <c r="D44745" s="14" t="s">
        <v>260</v>
      </c>
      <c r="E44745" s="15">
        <v>45591</v>
      </c>
      <c r="F44745" s="14" t="s">
        <v>28</v>
      </c>
      <c r="G44745" s="16">
        <v>2.9146568205111842</v>
      </c>
    </row>
    <row r="44746" spans="1:7" x14ac:dyDescent="0.3">
      <c r="A44746" s="13" t="s">
        <v>259</v>
      </c>
      <c r="B44746" s="14" t="s">
        <v>1</v>
      </c>
      <c r="C44746" s="14" t="s">
        <v>23</v>
      </c>
      <c r="D44746" s="14" t="s">
        <v>260</v>
      </c>
      <c r="E44746" s="15">
        <v>45592</v>
      </c>
      <c r="F44746" s="14" t="s">
        <v>28</v>
      </c>
      <c r="G44746" s="16">
        <v>2.9146568205111842</v>
      </c>
    </row>
    <row r="44747" spans="1:7" x14ac:dyDescent="0.3">
      <c r="A44747" s="13" t="s">
        <v>259</v>
      </c>
      <c r="B44747" s="14" t="s">
        <v>1</v>
      </c>
      <c r="C44747" s="14" t="s">
        <v>23</v>
      </c>
      <c r="D44747" s="14" t="s">
        <v>260</v>
      </c>
      <c r="E44747" s="15">
        <v>45593</v>
      </c>
      <c r="F44747" s="14" t="s">
        <v>28</v>
      </c>
      <c r="G44747" s="16">
        <v>2.9146568205111842</v>
      </c>
    </row>
    <row r="44748" spans="1:7" x14ac:dyDescent="0.3">
      <c r="A44748" s="13" t="s">
        <v>259</v>
      </c>
      <c r="B44748" s="14" t="s">
        <v>1</v>
      </c>
      <c r="C44748" s="14" t="s">
        <v>23</v>
      </c>
      <c r="D44748" s="14" t="s">
        <v>260</v>
      </c>
      <c r="E44748" s="15">
        <v>45594</v>
      </c>
      <c r="F44748" s="14" t="s">
        <v>28</v>
      </c>
      <c r="G44748" s="16">
        <v>2.938162152014224</v>
      </c>
    </row>
    <row r="44749" spans="1:7" x14ac:dyDescent="0.3">
      <c r="A44749" s="13" t="s">
        <v>259</v>
      </c>
      <c r="B44749" s="14" t="s">
        <v>1</v>
      </c>
      <c r="C44749" s="14" t="s">
        <v>23</v>
      </c>
      <c r="D44749" s="14" t="s">
        <v>260</v>
      </c>
      <c r="E44749" s="15">
        <v>45595</v>
      </c>
      <c r="F44749" s="14" t="s">
        <v>28</v>
      </c>
      <c r="G44749" s="16">
        <v>2.9876133932003763</v>
      </c>
    </row>
    <row r="44750" spans="1:7" x14ac:dyDescent="0.3">
      <c r="A44750" s="13" t="s">
        <v>259</v>
      </c>
      <c r="B44750" s="14" t="s">
        <v>1</v>
      </c>
      <c r="C44750" s="14" t="s">
        <v>23</v>
      </c>
      <c r="D44750" s="14" t="s">
        <v>260</v>
      </c>
      <c r="E44750" s="15">
        <v>45596</v>
      </c>
      <c r="F44750" s="14" t="s">
        <v>28</v>
      </c>
      <c r="G44750" s="16">
        <v>2.984721692715345</v>
      </c>
    </row>
    <row r="44751" spans="1:7" x14ac:dyDescent="0.3">
      <c r="A44751" s="13" t="s">
        <v>259</v>
      </c>
      <c r="B44751" s="14" t="s">
        <v>1</v>
      </c>
      <c r="C44751" s="14" t="s">
        <v>23</v>
      </c>
      <c r="D44751" s="14" t="s">
        <v>260</v>
      </c>
      <c r="E44751" s="15">
        <v>45597</v>
      </c>
      <c r="F44751" s="14" t="s">
        <v>28</v>
      </c>
      <c r="G44751" s="16">
        <v>3.0114405383797336</v>
      </c>
    </row>
    <row r="44752" spans="1:7" x14ac:dyDescent="0.3">
      <c r="A44752" s="13" t="s">
        <v>259</v>
      </c>
      <c r="B44752" s="14" t="s">
        <v>1</v>
      </c>
      <c r="C44752" s="14" t="s">
        <v>23</v>
      </c>
      <c r="D44752" s="14" t="s">
        <v>260</v>
      </c>
      <c r="E44752" s="15">
        <v>45598</v>
      </c>
      <c r="F44752" s="14" t="s">
        <v>28</v>
      </c>
      <c r="G44752" s="16">
        <v>3.0114405383797336</v>
      </c>
    </row>
    <row r="44753" spans="1:7" x14ac:dyDescent="0.3">
      <c r="A44753" s="13" t="s">
        <v>259</v>
      </c>
      <c r="B44753" s="14" t="s">
        <v>1</v>
      </c>
      <c r="C44753" s="14" t="s">
        <v>23</v>
      </c>
      <c r="D44753" s="14" t="s">
        <v>260</v>
      </c>
      <c r="E44753" s="15">
        <v>45599</v>
      </c>
      <c r="F44753" s="14" t="s">
        <v>28</v>
      </c>
      <c r="G44753" s="16">
        <v>3.0114405383797336</v>
      </c>
    </row>
    <row r="44754" spans="1:7" x14ac:dyDescent="0.3">
      <c r="A44754" s="13" t="s">
        <v>259</v>
      </c>
      <c r="B44754" s="14" t="s">
        <v>1</v>
      </c>
      <c r="C44754" s="14" t="s">
        <v>23</v>
      </c>
      <c r="D44754" s="14" t="s">
        <v>260</v>
      </c>
      <c r="E44754" s="15">
        <v>45600</v>
      </c>
      <c r="F44754" s="14" t="s">
        <v>28</v>
      </c>
      <c r="G44754" s="16">
        <v>3.0034330338722031</v>
      </c>
    </row>
    <row r="44755" spans="1:7" x14ac:dyDescent="0.3">
      <c r="A44755" s="13" t="s">
        <v>259</v>
      </c>
      <c r="B44755" s="14" t="s">
        <v>1</v>
      </c>
      <c r="C44755" s="14" t="s">
        <v>23</v>
      </c>
      <c r="D44755" s="14" t="s">
        <v>260</v>
      </c>
      <c r="E44755" s="15">
        <v>45601</v>
      </c>
      <c r="F44755" s="14" t="s">
        <v>28</v>
      </c>
      <c r="G44755" s="16">
        <v>3.0316992484812859</v>
      </c>
    </row>
    <row r="44756" spans="1:7" x14ac:dyDescent="0.3">
      <c r="A44756" s="13" t="s">
        <v>259</v>
      </c>
      <c r="B44756" s="14" t="s">
        <v>1</v>
      </c>
      <c r="C44756" s="14" t="s">
        <v>23</v>
      </c>
      <c r="D44756" s="14" t="s">
        <v>260</v>
      </c>
      <c r="E44756" s="15">
        <v>45602</v>
      </c>
      <c r="F44756" s="14" t="s">
        <v>28</v>
      </c>
      <c r="G44756" s="16">
        <v>3.0912580992999659</v>
      </c>
    </row>
    <row r="44757" spans="1:7" x14ac:dyDescent="0.3">
      <c r="A44757" s="13" t="s">
        <v>259</v>
      </c>
      <c r="B44757" s="14" t="s">
        <v>1</v>
      </c>
      <c r="C44757" s="14" t="s">
        <v>23</v>
      </c>
      <c r="D44757" s="14" t="s">
        <v>260</v>
      </c>
      <c r="E44757" s="15">
        <v>45603</v>
      </c>
      <c r="F44757" s="14" t="s">
        <v>28</v>
      </c>
      <c r="G44757" s="16">
        <v>3.0772989604439882</v>
      </c>
    </row>
    <row r="44758" spans="1:7" x14ac:dyDescent="0.3">
      <c r="A44758" s="13" t="s">
        <v>259</v>
      </c>
      <c r="B44758" s="14" t="s">
        <v>1</v>
      </c>
      <c r="C44758" s="14" t="s">
        <v>23</v>
      </c>
      <c r="D44758" s="14" t="s">
        <v>260</v>
      </c>
      <c r="E44758" s="15">
        <v>45604</v>
      </c>
      <c r="F44758" s="14" t="s">
        <v>28</v>
      </c>
      <c r="G44758" s="16">
        <v>3.1055232527730308</v>
      </c>
    </row>
    <row r="44759" spans="1:7" x14ac:dyDescent="0.3">
      <c r="A44759" s="13" t="s">
        <v>259</v>
      </c>
      <c r="B44759" s="14" t="s">
        <v>1</v>
      </c>
      <c r="C44759" s="14" t="s">
        <v>23</v>
      </c>
      <c r="D44759" s="14" t="s">
        <v>260</v>
      </c>
      <c r="E44759" s="15">
        <v>45605</v>
      </c>
      <c r="F44759" s="14" t="s">
        <v>28</v>
      </c>
      <c r="G44759" s="16">
        <v>3.1055232527730308</v>
      </c>
    </row>
    <row r="44760" spans="1:7" x14ac:dyDescent="0.3">
      <c r="A44760" s="13" t="s">
        <v>259</v>
      </c>
      <c r="B44760" s="14" t="s">
        <v>1</v>
      </c>
      <c r="C44760" s="14" t="s">
        <v>23</v>
      </c>
      <c r="D44760" s="14" t="s">
        <v>260</v>
      </c>
      <c r="E44760" s="15">
        <v>45606</v>
      </c>
      <c r="F44760" s="14" t="s">
        <v>28</v>
      </c>
      <c r="G44760" s="16">
        <v>3.1055232527730308</v>
      </c>
    </row>
    <row r="44761" spans="1:7" x14ac:dyDescent="0.3">
      <c r="A44761" s="13" t="s">
        <v>259</v>
      </c>
      <c r="B44761" s="14" t="s">
        <v>1</v>
      </c>
      <c r="C44761" s="14" t="s">
        <v>23</v>
      </c>
      <c r="D44761" s="14" t="s">
        <v>260</v>
      </c>
      <c r="E44761" s="15">
        <v>45607</v>
      </c>
      <c r="F44761" s="14" t="s">
        <v>28</v>
      </c>
      <c r="G44761" s="16">
        <v>3.1055232527730308</v>
      </c>
    </row>
    <row r="44762" spans="1:7" x14ac:dyDescent="0.3">
      <c r="A44762" s="13" t="s">
        <v>259</v>
      </c>
      <c r="B44762" s="14" t="s">
        <v>1</v>
      </c>
      <c r="C44762" s="14" t="s">
        <v>23</v>
      </c>
      <c r="D44762" s="14" t="s">
        <v>260</v>
      </c>
      <c r="E44762" s="15">
        <v>45608</v>
      </c>
      <c r="F44762" s="14" t="s">
        <v>28</v>
      </c>
      <c r="G44762" s="16">
        <v>3.1476003730605466</v>
      </c>
    </row>
    <row r="44763" spans="1:7" x14ac:dyDescent="0.3">
      <c r="A44763" s="13" t="s">
        <v>259</v>
      </c>
      <c r="B44763" s="14" t="s">
        <v>1</v>
      </c>
      <c r="C44763" s="14" t="s">
        <v>23</v>
      </c>
      <c r="D44763" s="14" t="s">
        <v>260</v>
      </c>
      <c r="E44763" s="15">
        <v>45609</v>
      </c>
      <c r="F44763" s="14" t="s">
        <v>28</v>
      </c>
      <c r="G44763" s="16">
        <v>3.2261527663836627</v>
      </c>
    </row>
    <row r="44764" spans="1:7" x14ac:dyDescent="0.3">
      <c r="A44764" s="13" t="s">
        <v>259</v>
      </c>
      <c r="B44764" s="14" t="s">
        <v>1</v>
      </c>
      <c r="C44764" s="14" t="s">
        <v>23</v>
      </c>
      <c r="D44764" s="14" t="s">
        <v>260</v>
      </c>
      <c r="E44764" s="15">
        <v>45610</v>
      </c>
      <c r="F44764" s="14" t="s">
        <v>28</v>
      </c>
      <c r="G44764" s="16">
        <v>3.2469392584088808</v>
      </c>
    </row>
    <row r="44765" spans="1:7" x14ac:dyDescent="0.3">
      <c r="A44765" s="13" t="s">
        <v>259</v>
      </c>
      <c r="B44765" s="14" t="s">
        <v>1</v>
      </c>
      <c r="C44765" s="14" t="s">
        <v>23</v>
      </c>
      <c r="D44765" s="14" t="s">
        <v>260</v>
      </c>
      <c r="E44765" s="15">
        <v>45611</v>
      </c>
      <c r="F44765" s="14" t="s">
        <v>28</v>
      </c>
      <c r="G44765" s="16">
        <v>3.2527653260272884</v>
      </c>
    </row>
    <row r="44766" spans="1:7" x14ac:dyDescent="0.3">
      <c r="A44766" s="13" t="s">
        <v>259</v>
      </c>
      <c r="B44766" s="14" t="s">
        <v>1</v>
      </c>
      <c r="C44766" s="14" t="s">
        <v>23</v>
      </c>
      <c r="D44766" s="14" t="s">
        <v>260</v>
      </c>
      <c r="E44766" s="15">
        <v>45612</v>
      </c>
      <c r="F44766" s="14" t="s">
        <v>28</v>
      </c>
      <c r="G44766" s="16">
        <v>3.2527653260272884</v>
      </c>
    </row>
    <row r="44767" spans="1:7" x14ac:dyDescent="0.3">
      <c r="A44767" s="13" t="s">
        <v>259</v>
      </c>
      <c r="B44767" s="14" t="s">
        <v>1</v>
      </c>
      <c r="C44767" s="14" t="s">
        <v>23</v>
      </c>
      <c r="D44767" s="14" t="s">
        <v>260</v>
      </c>
      <c r="E44767" s="15">
        <v>45613</v>
      </c>
      <c r="F44767" s="14" t="s">
        <v>28</v>
      </c>
      <c r="G44767" s="16">
        <v>3.2527653260272884</v>
      </c>
    </row>
    <row r="44768" spans="1:7" x14ac:dyDescent="0.3">
      <c r="A44768" s="13" t="s">
        <v>259</v>
      </c>
      <c r="B44768" s="14" t="s">
        <v>1</v>
      </c>
      <c r="C44768" s="14" t="s">
        <v>23</v>
      </c>
      <c r="D44768" s="14" t="s">
        <v>260</v>
      </c>
      <c r="E44768" s="15">
        <v>45614</v>
      </c>
      <c r="F44768" s="14" t="s">
        <v>28</v>
      </c>
      <c r="G44768" s="16">
        <v>3.2563372758873812</v>
      </c>
    </row>
    <row r="44769" spans="1:7" x14ac:dyDescent="0.3">
      <c r="A44769" s="13" t="s">
        <v>259</v>
      </c>
      <c r="B44769" s="14" t="s">
        <v>1</v>
      </c>
      <c r="C44769" s="14" t="s">
        <v>23</v>
      </c>
      <c r="D44769" s="14" t="s">
        <v>260</v>
      </c>
      <c r="E44769" s="15">
        <v>45615</v>
      </c>
      <c r="F44769" s="14" t="s">
        <v>28</v>
      </c>
      <c r="G44769" s="16">
        <v>3.292319644621573</v>
      </c>
    </row>
    <row r="44770" spans="1:7" x14ac:dyDescent="0.3">
      <c r="A44770" s="13" t="s">
        <v>259</v>
      </c>
      <c r="B44770" s="14" t="s">
        <v>1</v>
      </c>
      <c r="C44770" s="14" t="s">
        <v>23</v>
      </c>
      <c r="D44770" s="14" t="s">
        <v>260</v>
      </c>
      <c r="E44770" s="15">
        <v>45616</v>
      </c>
      <c r="F44770" s="14" t="s">
        <v>28</v>
      </c>
      <c r="G44770" s="16">
        <v>3.3186671318887409</v>
      </c>
    </row>
    <row r="44771" spans="1:7" x14ac:dyDescent="0.3">
      <c r="A44771" s="13" t="s">
        <v>259</v>
      </c>
      <c r="B44771" s="14" t="s">
        <v>1</v>
      </c>
      <c r="C44771" s="14" t="s">
        <v>23</v>
      </c>
      <c r="D44771" s="14" t="s">
        <v>260</v>
      </c>
      <c r="E44771" s="15">
        <v>45617</v>
      </c>
      <c r="F44771" s="14" t="s">
        <v>28</v>
      </c>
      <c r="G44771" s="16">
        <v>3.3416446197173491</v>
      </c>
    </row>
    <row r="44772" spans="1:7" x14ac:dyDescent="0.3">
      <c r="A44772" s="13" t="s">
        <v>259</v>
      </c>
      <c r="B44772" s="14" t="s">
        <v>1</v>
      </c>
      <c r="C44772" s="14" t="s">
        <v>23</v>
      </c>
      <c r="D44772" s="14" t="s">
        <v>260</v>
      </c>
      <c r="E44772" s="15">
        <v>45618</v>
      </c>
      <c r="F44772" s="14" t="s">
        <v>28</v>
      </c>
      <c r="G44772" s="16">
        <v>3.3549792688720927</v>
      </c>
    </row>
    <row r="44773" spans="1:7" x14ac:dyDescent="0.3">
      <c r="A44773" s="13" t="s">
        <v>259</v>
      </c>
      <c r="B44773" s="14" t="s">
        <v>1</v>
      </c>
      <c r="C44773" s="14" t="s">
        <v>23</v>
      </c>
      <c r="D44773" s="14" t="s">
        <v>260</v>
      </c>
      <c r="E44773" s="15">
        <v>45619</v>
      </c>
      <c r="F44773" s="14" t="s">
        <v>28</v>
      </c>
      <c r="G44773" s="16">
        <v>3.3549792688720927</v>
      </c>
    </row>
    <row r="44774" spans="1:7" x14ac:dyDescent="0.3">
      <c r="A44774" s="13" t="s">
        <v>259</v>
      </c>
      <c r="B44774" s="14" t="s">
        <v>1</v>
      </c>
      <c r="C44774" s="14" t="s">
        <v>23</v>
      </c>
      <c r="D44774" s="14" t="s">
        <v>260</v>
      </c>
      <c r="E44774" s="15">
        <v>45620</v>
      </c>
      <c r="F44774" s="14" t="s">
        <v>28</v>
      </c>
      <c r="G44774" s="16">
        <v>3.3549792688720927</v>
      </c>
    </row>
    <row r="44775" spans="1:7" x14ac:dyDescent="0.3">
      <c r="A44775" s="13" t="s">
        <v>259</v>
      </c>
      <c r="B44775" s="14" t="s">
        <v>1</v>
      </c>
      <c r="C44775" s="14" t="s">
        <v>23</v>
      </c>
      <c r="D44775" s="14" t="s">
        <v>260</v>
      </c>
      <c r="E44775" s="15">
        <v>45621</v>
      </c>
      <c r="F44775" s="14" t="s">
        <v>28</v>
      </c>
      <c r="G44775" s="16">
        <v>3.3670607627486451</v>
      </c>
    </row>
    <row r="44776" spans="1:7" x14ac:dyDescent="0.3">
      <c r="A44776" s="13" t="s">
        <v>259</v>
      </c>
      <c r="B44776" s="14" t="s">
        <v>1</v>
      </c>
      <c r="C44776" s="14" t="s">
        <v>23</v>
      </c>
      <c r="D44776" s="14" t="s">
        <v>260</v>
      </c>
      <c r="E44776" s="15">
        <v>45622</v>
      </c>
      <c r="F44776" s="14" t="s">
        <v>28</v>
      </c>
      <c r="G44776" s="16">
        <v>3.4084821955264779</v>
      </c>
    </row>
    <row r="44777" spans="1:7" x14ac:dyDescent="0.3">
      <c r="A44777" s="13" t="s">
        <v>259</v>
      </c>
      <c r="B44777" s="14" t="s">
        <v>1</v>
      </c>
      <c r="C44777" s="14" t="s">
        <v>23</v>
      </c>
      <c r="D44777" s="14" t="s">
        <v>260</v>
      </c>
      <c r="E44777" s="15">
        <v>45623</v>
      </c>
      <c r="F44777" s="14" t="s">
        <v>28</v>
      </c>
      <c r="G44777" s="16">
        <v>3.4060569196596653</v>
      </c>
    </row>
    <row r="44778" spans="1:7" x14ac:dyDescent="0.3">
      <c r="A44778" s="13" t="s">
        <v>259</v>
      </c>
      <c r="B44778" s="14" t="s">
        <v>1</v>
      </c>
      <c r="C44778" s="14" t="s">
        <v>23</v>
      </c>
      <c r="D44778" s="14" t="s">
        <v>260</v>
      </c>
      <c r="E44778" s="15">
        <v>45624</v>
      </c>
      <c r="F44778" s="14" t="s">
        <v>28</v>
      </c>
      <c r="G44778" s="16">
        <v>3.4060569196596653</v>
      </c>
    </row>
    <row r="44779" spans="1:7" x14ac:dyDescent="0.3">
      <c r="A44779" s="13" t="s">
        <v>259</v>
      </c>
      <c r="B44779" s="14" t="s">
        <v>1</v>
      </c>
      <c r="C44779" s="14" t="s">
        <v>23</v>
      </c>
      <c r="D44779" s="14" t="s">
        <v>260</v>
      </c>
      <c r="E44779" s="15">
        <v>45625</v>
      </c>
      <c r="F44779" s="14" t="s">
        <v>28</v>
      </c>
      <c r="G44779" s="16">
        <v>3.4184293236901682</v>
      </c>
    </row>
    <row r="44780" spans="1:7" x14ac:dyDescent="0.3">
      <c r="A44780" s="13" t="s">
        <v>259</v>
      </c>
      <c r="B44780" s="14" t="s">
        <v>1</v>
      </c>
      <c r="C44780" s="14" t="s">
        <v>23</v>
      </c>
      <c r="D44780" s="14" t="s">
        <v>260</v>
      </c>
      <c r="E44780" s="15">
        <v>45626</v>
      </c>
      <c r="F44780" s="14" t="s">
        <v>28</v>
      </c>
      <c r="G44780" s="16">
        <v>3.4184293236901682</v>
      </c>
    </row>
    <row r="44781" spans="1:7" x14ac:dyDescent="0.3">
      <c r="A44781" s="13" t="s">
        <v>259</v>
      </c>
      <c r="B44781" s="14" t="s">
        <v>1</v>
      </c>
      <c r="C44781" s="14" t="s">
        <v>23</v>
      </c>
      <c r="D44781" s="14" t="s">
        <v>260</v>
      </c>
      <c r="E44781" s="15">
        <v>45627</v>
      </c>
      <c r="F44781" s="14" t="s">
        <v>28</v>
      </c>
      <c r="G44781" s="16">
        <v>3.4184293236901682</v>
      </c>
    </row>
    <row r="44782" spans="1:7" x14ac:dyDescent="0.3">
      <c r="A44782" s="13" t="s">
        <v>259</v>
      </c>
      <c r="B44782" s="14" t="s">
        <v>1</v>
      </c>
      <c r="C44782" s="14" t="s">
        <v>23</v>
      </c>
      <c r="D44782" s="14" t="s">
        <v>260</v>
      </c>
      <c r="E44782" s="15">
        <v>45628</v>
      </c>
      <c r="F44782" s="14" t="s">
        <v>28</v>
      </c>
      <c r="G44782" s="16">
        <v>3.4597358580546214</v>
      </c>
    </row>
    <row r="44783" spans="1:7" x14ac:dyDescent="0.3">
      <c r="A44783" s="13" t="s">
        <v>259</v>
      </c>
      <c r="B44783" s="14" t="s">
        <v>1</v>
      </c>
      <c r="C44783" s="14" t="s">
        <v>23</v>
      </c>
      <c r="D44783" s="14" t="s">
        <v>260</v>
      </c>
      <c r="E44783" s="15">
        <v>45629</v>
      </c>
      <c r="F44783" s="14" t="s">
        <v>28</v>
      </c>
      <c r="G44783" s="16">
        <v>3.4902098632009086</v>
      </c>
    </row>
    <row r="44784" spans="1:7" x14ac:dyDescent="0.3">
      <c r="A44784" s="13" t="s">
        <v>259</v>
      </c>
      <c r="B44784" s="14" t="s">
        <v>1</v>
      </c>
      <c r="C44784" s="14" t="s">
        <v>23</v>
      </c>
      <c r="D44784" s="14" t="s">
        <v>260</v>
      </c>
      <c r="E44784" s="15">
        <v>45630</v>
      </c>
      <c r="F44784" s="14" t="s">
        <v>28</v>
      </c>
      <c r="G44784" s="16">
        <v>3.5003481275714781</v>
      </c>
    </row>
    <row r="44785" spans="1:7" x14ac:dyDescent="0.3">
      <c r="A44785" s="13" t="s">
        <v>259</v>
      </c>
      <c r="B44785" s="14" t="s">
        <v>1</v>
      </c>
      <c r="C44785" s="14" t="s">
        <v>23</v>
      </c>
      <c r="D44785" s="14" t="s">
        <v>260</v>
      </c>
      <c r="E44785" s="15">
        <v>45631</v>
      </c>
      <c r="F44785" s="14" t="s">
        <v>28</v>
      </c>
      <c r="G44785" s="16">
        <v>3.5008322553247337</v>
      </c>
    </row>
    <row r="44786" spans="1:7" x14ac:dyDescent="0.3">
      <c r="A44786" s="13" t="s">
        <v>259</v>
      </c>
      <c r="B44786" s="14" t="s">
        <v>1</v>
      </c>
      <c r="C44786" s="14" t="s">
        <v>23</v>
      </c>
      <c r="D44786" s="14" t="s">
        <v>260</v>
      </c>
      <c r="E44786" s="15">
        <v>45632</v>
      </c>
      <c r="F44786" s="14" t="s">
        <v>28</v>
      </c>
      <c r="G44786" s="16">
        <v>3.5200864303733961</v>
      </c>
    </row>
    <row r="44787" spans="1:7" x14ac:dyDescent="0.3">
      <c r="A44787" s="13" t="s">
        <v>259</v>
      </c>
      <c r="B44787" s="14" t="s">
        <v>1</v>
      </c>
      <c r="C44787" s="14" t="s">
        <v>23</v>
      </c>
      <c r="D44787" s="14" t="s">
        <v>260</v>
      </c>
      <c r="E44787" s="15">
        <v>45633</v>
      </c>
      <c r="F44787" s="14" t="s">
        <v>28</v>
      </c>
      <c r="G44787" s="16">
        <v>3.5200864303733961</v>
      </c>
    </row>
    <row r="44788" spans="1:7" x14ac:dyDescent="0.3">
      <c r="A44788" s="13" t="s">
        <v>259</v>
      </c>
      <c r="B44788" s="14" t="s">
        <v>1</v>
      </c>
      <c r="C44788" s="14" t="s">
        <v>23</v>
      </c>
      <c r="D44788" s="14" t="s">
        <v>260</v>
      </c>
      <c r="E44788" s="15">
        <v>45634</v>
      </c>
      <c r="F44788" s="14" t="s">
        <v>28</v>
      </c>
      <c r="G44788" s="16">
        <v>3.5200864303733961</v>
      </c>
    </row>
    <row r="44789" spans="1:7" x14ac:dyDescent="0.3">
      <c r="A44789" s="13" t="s">
        <v>259</v>
      </c>
      <c r="B44789" s="14" t="s">
        <v>1</v>
      </c>
      <c r="C44789" s="14" t="s">
        <v>23</v>
      </c>
      <c r="D44789" s="14" t="s">
        <v>260</v>
      </c>
      <c r="E44789" s="15">
        <v>45635</v>
      </c>
      <c r="F44789" s="14" t="s">
        <v>28</v>
      </c>
      <c r="G44789" s="16">
        <v>3.5374263761736908</v>
      </c>
    </row>
    <row r="44790" spans="1:7" x14ac:dyDescent="0.3">
      <c r="A44790" s="13" t="s">
        <v>259</v>
      </c>
      <c r="B44790" s="14" t="s">
        <v>1</v>
      </c>
      <c r="C44790" s="14" t="s">
        <v>23</v>
      </c>
      <c r="D44790" s="14" t="s">
        <v>260</v>
      </c>
      <c r="E44790" s="15">
        <v>45636</v>
      </c>
      <c r="F44790" s="14" t="s">
        <v>28</v>
      </c>
      <c r="G44790" s="16">
        <v>3.5812286382753933</v>
      </c>
    </row>
    <row r="44791" spans="1:7" x14ac:dyDescent="0.3">
      <c r="A44791" s="13" t="s">
        <v>259</v>
      </c>
      <c r="B44791" s="14" t="s">
        <v>1</v>
      </c>
      <c r="C44791" s="14" t="s">
        <v>23</v>
      </c>
      <c r="D44791" s="14" t="s">
        <v>260</v>
      </c>
      <c r="E44791" s="15">
        <v>45637</v>
      </c>
      <c r="F44791" s="14" t="s">
        <v>28</v>
      </c>
      <c r="G44791" s="16">
        <v>3.601464248438254</v>
      </c>
    </row>
    <row r="44792" spans="1:7" x14ac:dyDescent="0.3">
      <c r="A44792" s="13" t="s">
        <v>259</v>
      </c>
      <c r="B44792" s="14" t="s">
        <v>1</v>
      </c>
      <c r="C44792" s="14" t="s">
        <v>23</v>
      </c>
      <c r="D44792" s="14" t="s">
        <v>260</v>
      </c>
      <c r="E44792" s="15">
        <v>45638</v>
      </c>
      <c r="F44792" s="14" t="s">
        <v>28</v>
      </c>
      <c r="G44792" s="16">
        <v>3.6220192426870366</v>
      </c>
    </row>
    <row r="44793" spans="1:7" x14ac:dyDescent="0.3">
      <c r="A44793" s="13" t="s">
        <v>259</v>
      </c>
      <c r="B44793" s="14" t="s">
        <v>1</v>
      </c>
      <c r="C44793" s="14" t="s">
        <v>23</v>
      </c>
      <c r="D44793" s="14" t="s">
        <v>260</v>
      </c>
      <c r="E44793" s="15">
        <v>45639</v>
      </c>
      <c r="F44793" s="14" t="s">
        <v>28</v>
      </c>
      <c r="G44793" s="16">
        <v>3.6391174294984681</v>
      </c>
    </row>
    <row r="44794" spans="1:7" x14ac:dyDescent="0.3">
      <c r="A44794" s="13" t="s">
        <v>259</v>
      </c>
      <c r="B44794" s="14" t="s">
        <v>1</v>
      </c>
      <c r="C44794" s="14" t="s">
        <v>23</v>
      </c>
      <c r="D44794" s="14" t="s">
        <v>260</v>
      </c>
      <c r="E44794" s="15">
        <v>45640</v>
      </c>
      <c r="F44794" s="14" t="s">
        <v>28</v>
      </c>
      <c r="G44794" s="16">
        <v>3.6391174294984681</v>
      </c>
    </row>
    <row r="44795" spans="1:7" x14ac:dyDescent="0.3">
      <c r="A44795" s="13" t="s">
        <v>259</v>
      </c>
      <c r="B44795" s="14" t="s">
        <v>1</v>
      </c>
      <c r="C44795" s="14" t="s">
        <v>23</v>
      </c>
      <c r="D44795" s="14" t="s">
        <v>260</v>
      </c>
      <c r="E44795" s="15">
        <v>45641</v>
      </c>
      <c r="F44795" s="14" t="s">
        <v>28</v>
      </c>
      <c r="G44795" s="16">
        <v>3.6391174294984681</v>
      </c>
    </row>
    <row r="44796" spans="1:7" x14ac:dyDescent="0.3">
      <c r="A44796" s="13" t="s">
        <v>259</v>
      </c>
      <c r="B44796" s="14" t="s">
        <v>1</v>
      </c>
      <c r="C44796" s="14" t="s">
        <v>23</v>
      </c>
      <c r="D44796" s="14" t="s">
        <v>260</v>
      </c>
      <c r="E44796" s="15">
        <v>45642</v>
      </c>
      <c r="F44796" s="14" t="s">
        <v>28</v>
      </c>
      <c r="G44796" s="16">
        <v>3.6573256623447064</v>
      </c>
    </row>
    <row r="44797" spans="1:7" x14ac:dyDescent="0.3">
      <c r="A44797" s="13" t="s">
        <v>259</v>
      </c>
      <c r="B44797" s="14" t="s">
        <v>1</v>
      </c>
      <c r="C44797" s="14" t="s">
        <v>23</v>
      </c>
      <c r="D44797" s="14" t="s">
        <v>260</v>
      </c>
      <c r="E44797" s="15">
        <v>45643</v>
      </c>
      <c r="F44797" s="14" t="s">
        <v>28</v>
      </c>
      <c r="G44797" s="16">
        <v>3.6973929199459743</v>
      </c>
    </row>
    <row r="44798" spans="1:7" x14ac:dyDescent="0.3">
      <c r="A44798" s="13" t="s">
        <v>259</v>
      </c>
      <c r="B44798" s="14" t="s">
        <v>1</v>
      </c>
      <c r="C44798" s="14" t="s">
        <v>23</v>
      </c>
      <c r="D44798" s="14" t="s">
        <v>260</v>
      </c>
      <c r="E44798" s="15">
        <v>45644</v>
      </c>
      <c r="F44798" s="14" t="s">
        <v>28</v>
      </c>
      <c r="G44798" s="16">
        <v>3.7481311835365978</v>
      </c>
    </row>
    <row r="44799" spans="1:7" x14ac:dyDescent="0.3">
      <c r="A44799" s="13" t="s">
        <v>259</v>
      </c>
      <c r="B44799" s="14" t="s">
        <v>1</v>
      </c>
      <c r="C44799" s="14" t="s">
        <v>23</v>
      </c>
      <c r="D44799" s="14" t="s">
        <v>260</v>
      </c>
      <c r="E44799" s="15">
        <v>45645</v>
      </c>
      <c r="F44799" s="14" t="s">
        <v>28</v>
      </c>
      <c r="G44799" s="16">
        <v>3.7552610373658855</v>
      </c>
    </row>
    <row r="44800" spans="1:7" x14ac:dyDescent="0.3">
      <c r="A44800" s="13" t="s">
        <v>259</v>
      </c>
      <c r="B44800" s="14" t="s">
        <v>1</v>
      </c>
      <c r="C44800" s="14" t="s">
        <v>23</v>
      </c>
      <c r="D44800" s="14" t="s">
        <v>260</v>
      </c>
      <c r="E44800" s="15">
        <v>45646</v>
      </c>
      <c r="F44800" s="14" t="s">
        <v>28</v>
      </c>
      <c r="G44800" s="16">
        <v>3.753478810205177</v>
      </c>
    </row>
    <row r="44801" spans="1:7" x14ac:dyDescent="0.3">
      <c r="A44801" s="13" t="s">
        <v>259</v>
      </c>
      <c r="B44801" s="14" t="s">
        <v>1</v>
      </c>
      <c r="C44801" s="14" t="s">
        <v>23</v>
      </c>
      <c r="D44801" s="14" t="s">
        <v>260</v>
      </c>
      <c r="E44801" s="15">
        <v>45647</v>
      </c>
      <c r="F44801" s="14" t="s">
        <v>28</v>
      </c>
      <c r="G44801" s="16">
        <v>3.753478810205177</v>
      </c>
    </row>
    <row r="44802" spans="1:7" x14ac:dyDescent="0.3">
      <c r="A44802" s="13" t="s">
        <v>259</v>
      </c>
      <c r="B44802" s="14" t="s">
        <v>1</v>
      </c>
      <c r="C44802" s="14" t="s">
        <v>23</v>
      </c>
      <c r="D44802" s="14" t="s">
        <v>260</v>
      </c>
      <c r="E44802" s="15">
        <v>45648</v>
      </c>
      <c r="F44802" s="14" t="s">
        <v>28</v>
      </c>
      <c r="G44802" s="16">
        <v>3.753478810205177</v>
      </c>
    </row>
    <row r="44803" spans="1:7" x14ac:dyDescent="0.3">
      <c r="A44803" s="13" t="s">
        <v>259</v>
      </c>
      <c r="B44803" s="14" t="s">
        <v>1</v>
      </c>
      <c r="C44803" s="14" t="s">
        <v>23</v>
      </c>
      <c r="D44803" s="14" t="s">
        <v>260</v>
      </c>
      <c r="E44803" s="15">
        <v>45649</v>
      </c>
      <c r="F44803" s="14" t="s">
        <v>28</v>
      </c>
      <c r="G44803" s="16">
        <v>3.7382530228572217</v>
      </c>
    </row>
    <row r="44804" spans="1:7" x14ac:dyDescent="0.3">
      <c r="A44804" s="13" t="s">
        <v>259</v>
      </c>
      <c r="B44804" s="14" t="s">
        <v>1</v>
      </c>
      <c r="C44804" s="14" t="s">
        <v>23</v>
      </c>
      <c r="D44804" s="14" t="s">
        <v>260</v>
      </c>
      <c r="E44804" s="15">
        <v>45650</v>
      </c>
      <c r="F44804" s="14" t="s">
        <v>28</v>
      </c>
      <c r="G44804" s="16">
        <v>3.7783619712684113</v>
      </c>
    </row>
    <row r="44805" spans="1:7" x14ac:dyDescent="0.3">
      <c r="A44805" s="13" t="s">
        <v>259</v>
      </c>
      <c r="B44805" s="14" t="s">
        <v>1</v>
      </c>
      <c r="C44805" s="14" t="s">
        <v>23</v>
      </c>
      <c r="D44805" s="14" t="s">
        <v>260</v>
      </c>
      <c r="E44805" s="15">
        <v>45651</v>
      </c>
      <c r="F44805" s="14" t="s">
        <v>28</v>
      </c>
      <c r="G44805" s="16">
        <v>3.7783619712684113</v>
      </c>
    </row>
    <row r="44806" spans="1:7" x14ac:dyDescent="0.3">
      <c r="A44806" s="13" t="s">
        <v>259</v>
      </c>
      <c r="B44806" s="14" t="s">
        <v>1</v>
      </c>
      <c r="C44806" s="14" t="s">
        <v>23</v>
      </c>
      <c r="D44806" s="14" t="s">
        <v>260</v>
      </c>
      <c r="E44806" s="15">
        <v>45652</v>
      </c>
      <c r="F44806" s="14" t="s">
        <v>28</v>
      </c>
      <c r="G44806" s="16">
        <v>3.7783619712684113</v>
      </c>
    </row>
    <row r="44807" spans="1:7" x14ac:dyDescent="0.3">
      <c r="A44807" s="13" t="s">
        <v>259</v>
      </c>
      <c r="B44807" s="14" t="s">
        <v>1</v>
      </c>
      <c r="C44807" s="14" t="s">
        <v>23</v>
      </c>
      <c r="D44807" s="14" t="s">
        <v>260</v>
      </c>
      <c r="E44807" s="15">
        <v>45653</v>
      </c>
      <c r="F44807" s="14" t="s">
        <v>28</v>
      </c>
      <c r="G44807" s="16">
        <v>3.7783619712684113</v>
      </c>
    </row>
    <row r="44808" spans="1:7" x14ac:dyDescent="0.3">
      <c r="A44808" s="13" t="s">
        <v>259</v>
      </c>
      <c r="B44808" s="14" t="s">
        <v>1</v>
      </c>
      <c r="C44808" s="14" t="s">
        <v>23</v>
      </c>
      <c r="D44808" s="14" t="s">
        <v>260</v>
      </c>
      <c r="E44808" s="15">
        <v>45654</v>
      </c>
      <c r="F44808" s="14" t="s">
        <v>28</v>
      </c>
      <c r="G44808" s="16">
        <v>3.7783619712684113</v>
      </c>
    </row>
    <row r="44809" spans="1:7" x14ac:dyDescent="0.3">
      <c r="A44809" s="13" t="s">
        <v>259</v>
      </c>
      <c r="B44809" s="14" t="s">
        <v>1</v>
      </c>
      <c r="C44809" s="14" t="s">
        <v>23</v>
      </c>
      <c r="D44809" s="14" t="s">
        <v>260</v>
      </c>
      <c r="E44809" s="15">
        <v>45655</v>
      </c>
      <c r="F44809" s="14" t="s">
        <v>28</v>
      </c>
      <c r="G44809" s="16">
        <v>3.7783619712684113</v>
      </c>
    </row>
    <row r="44810" spans="1:7" x14ac:dyDescent="0.3">
      <c r="A44810" s="13" t="s">
        <v>259</v>
      </c>
      <c r="B44810" s="14" t="s">
        <v>1</v>
      </c>
      <c r="C44810" s="14" t="s">
        <v>23</v>
      </c>
      <c r="D44810" s="14" t="s">
        <v>260</v>
      </c>
      <c r="E44810" s="15">
        <v>45656</v>
      </c>
      <c r="F44810" s="14" t="s">
        <v>28</v>
      </c>
      <c r="G44810" s="16">
        <v>3.7954193351459451</v>
      </c>
    </row>
    <row r="44811" spans="1:7" x14ac:dyDescent="0.3">
      <c r="A44811" s="13" t="s">
        <v>259</v>
      </c>
      <c r="B44811" s="14" t="s">
        <v>1</v>
      </c>
      <c r="C44811" s="14" t="s">
        <v>23</v>
      </c>
      <c r="D44811" s="14" t="s">
        <v>260</v>
      </c>
      <c r="E44811" s="15">
        <v>45657</v>
      </c>
      <c r="F44811" s="14" t="s">
        <v>28</v>
      </c>
      <c r="G44811" s="16">
        <v>3.8938913634544514</v>
      </c>
    </row>
    <row r="44812" spans="1:7" x14ac:dyDescent="0.3">
      <c r="A44812" s="13" t="s">
        <v>259</v>
      </c>
      <c r="B44812" s="14" t="s">
        <v>1</v>
      </c>
      <c r="C44812" s="14" t="s">
        <v>23</v>
      </c>
      <c r="D44812" s="14" t="s">
        <v>260</v>
      </c>
      <c r="E44812" s="15">
        <v>45658</v>
      </c>
      <c r="F44812" s="14" t="s">
        <v>28</v>
      </c>
      <c r="G44812" s="16">
        <v>3.8938913634544514</v>
      </c>
    </row>
    <row r="44813" spans="1:7" x14ac:dyDescent="0.3">
      <c r="A44813" s="13" t="s">
        <v>259</v>
      </c>
      <c r="B44813" s="14" t="s">
        <v>1</v>
      </c>
      <c r="C44813" s="14" t="s">
        <v>23</v>
      </c>
      <c r="D44813" s="14" t="s">
        <v>260</v>
      </c>
      <c r="E44813" s="15">
        <v>45659</v>
      </c>
      <c r="F44813" s="14" t="s">
        <v>28</v>
      </c>
      <c r="G44813" s="16">
        <v>3.9194628897366064</v>
      </c>
    </row>
    <row r="44814" spans="1:7" x14ac:dyDescent="0.3">
      <c r="A44814" s="13" t="s">
        <v>259</v>
      </c>
      <c r="B44814" s="14" t="s">
        <v>1</v>
      </c>
      <c r="C44814" s="14" t="s">
        <v>23</v>
      </c>
      <c r="D44814" s="14" t="s">
        <v>260</v>
      </c>
      <c r="E44814" s="15">
        <v>45660</v>
      </c>
      <c r="F44814" s="14" t="s">
        <v>28</v>
      </c>
      <c r="G44814" s="16">
        <v>3.9368183812909878</v>
      </c>
    </row>
    <row r="44815" spans="1:7" x14ac:dyDescent="0.3">
      <c r="A44815" s="13" t="s">
        <v>259</v>
      </c>
      <c r="B44815" s="14" t="s">
        <v>1</v>
      </c>
      <c r="C44815" s="14" t="s">
        <v>23</v>
      </c>
      <c r="D44815" s="14" t="s">
        <v>260</v>
      </c>
      <c r="E44815" s="15">
        <v>45661</v>
      </c>
      <c r="F44815" s="14" t="s">
        <v>28</v>
      </c>
      <c r="G44815" s="16">
        <v>3.9368183812909878</v>
      </c>
    </row>
    <row r="44816" spans="1:7" x14ac:dyDescent="0.3">
      <c r="A44816" s="13" t="s">
        <v>259</v>
      </c>
      <c r="B44816" s="14" t="s">
        <v>1</v>
      </c>
      <c r="C44816" s="14" t="s">
        <v>23</v>
      </c>
      <c r="D44816" s="14" t="s">
        <v>260</v>
      </c>
      <c r="E44816" s="15">
        <v>45662</v>
      </c>
      <c r="F44816" s="14" t="s">
        <v>28</v>
      </c>
      <c r="G44816" s="16">
        <v>3.9368183812909878</v>
      </c>
    </row>
    <row r="44817" spans="1:7" x14ac:dyDescent="0.3">
      <c r="A44817" s="13" t="s">
        <v>259</v>
      </c>
      <c r="B44817" s="14" t="s">
        <v>1</v>
      </c>
      <c r="C44817" s="14" t="s">
        <v>23</v>
      </c>
      <c r="D44817" s="14" t="s">
        <v>260</v>
      </c>
      <c r="E44817" s="15">
        <v>45663</v>
      </c>
      <c r="F44817" s="14" t="s">
        <v>28</v>
      </c>
      <c r="G44817" s="16">
        <v>3.9324648705071907</v>
      </c>
    </row>
    <row r="44818" spans="1:7" x14ac:dyDescent="0.3">
      <c r="A44818" s="13" t="s">
        <v>259</v>
      </c>
      <c r="B44818" s="14" t="s">
        <v>1</v>
      </c>
      <c r="C44818" s="14" t="s">
        <v>23</v>
      </c>
      <c r="D44818" s="14" t="s">
        <v>260</v>
      </c>
      <c r="E44818" s="15">
        <v>45664</v>
      </c>
      <c r="F44818" s="14" t="s">
        <v>28</v>
      </c>
      <c r="G44818" s="16">
        <v>3.9771820514598883</v>
      </c>
    </row>
    <row r="44819" spans="1:7" x14ac:dyDescent="0.3">
      <c r="A44819" s="13" t="s">
        <v>259</v>
      </c>
      <c r="B44819" s="14" t="s">
        <v>1</v>
      </c>
      <c r="C44819" s="14" t="s">
        <v>23</v>
      </c>
      <c r="D44819" s="14" t="s">
        <v>260</v>
      </c>
      <c r="E44819" s="15">
        <v>45665</v>
      </c>
      <c r="F44819" s="14" t="s">
        <v>28</v>
      </c>
      <c r="G44819" s="16">
        <v>4.0028457322535766</v>
      </c>
    </row>
    <row r="44820" spans="1:7" x14ac:dyDescent="0.3">
      <c r="A44820" s="13" t="s">
        <v>259</v>
      </c>
      <c r="B44820" s="14" t="s">
        <v>1</v>
      </c>
      <c r="C44820" s="14" t="s">
        <v>23</v>
      </c>
      <c r="D44820" s="14" t="s">
        <v>260</v>
      </c>
      <c r="E44820" s="15">
        <v>45666</v>
      </c>
      <c r="F44820" s="14" t="s">
        <v>28</v>
      </c>
      <c r="G44820" s="16">
        <v>4.0028457322535766</v>
      </c>
    </row>
    <row r="44821" spans="1:7" x14ac:dyDescent="0.3">
      <c r="A44821" s="13" t="s">
        <v>259</v>
      </c>
      <c r="B44821" s="14" t="s">
        <v>1</v>
      </c>
      <c r="C44821" s="14" t="s">
        <v>23</v>
      </c>
      <c r="D44821" s="14" t="s">
        <v>260</v>
      </c>
      <c r="E44821" s="15">
        <v>45667</v>
      </c>
      <c r="F44821" s="14" t="s">
        <v>28</v>
      </c>
      <c r="G44821" s="16">
        <v>4.0329972382882326</v>
      </c>
    </row>
    <row r="44822" spans="1:7" x14ac:dyDescent="0.3">
      <c r="A44822" s="13" t="s">
        <v>259</v>
      </c>
      <c r="B44822" s="14" t="s">
        <v>1</v>
      </c>
      <c r="C44822" s="14" t="s">
        <v>23</v>
      </c>
      <c r="D44822" s="14" t="s">
        <v>260</v>
      </c>
      <c r="E44822" s="15">
        <v>45668</v>
      </c>
      <c r="F44822" s="14" t="s">
        <v>28</v>
      </c>
      <c r="G44822" s="16">
        <v>4.0329972382882326</v>
      </c>
    </row>
    <row r="44823" spans="1:7" x14ac:dyDescent="0.3">
      <c r="A44823" s="13" t="s">
        <v>259</v>
      </c>
      <c r="B44823" s="14" t="s">
        <v>1</v>
      </c>
      <c r="C44823" s="14" t="s">
        <v>23</v>
      </c>
      <c r="D44823" s="14" t="s">
        <v>260</v>
      </c>
      <c r="E44823" s="15">
        <v>45669</v>
      </c>
      <c r="F44823" s="14" t="s">
        <v>28</v>
      </c>
      <c r="G44823" s="16">
        <v>4.0329972382882326</v>
      </c>
    </row>
    <row r="44824" spans="1:7" x14ac:dyDescent="0.3">
      <c r="A44824" s="13" t="s">
        <v>259</v>
      </c>
      <c r="B44824" s="14" t="s">
        <v>1</v>
      </c>
      <c r="C44824" s="14" t="s">
        <v>23</v>
      </c>
      <c r="D44824" s="14" t="s">
        <v>260</v>
      </c>
      <c r="E44824" s="15">
        <v>45670</v>
      </c>
      <c r="F44824" s="14" t="s">
        <v>28</v>
      </c>
      <c r="G44824" s="16">
        <v>4.0562921907743208</v>
      </c>
    </row>
    <row r="44825" spans="1:7" x14ac:dyDescent="0.3">
      <c r="A44825" s="13" t="s">
        <v>259</v>
      </c>
      <c r="B44825" s="14" t="s">
        <v>1</v>
      </c>
      <c r="C44825" s="14" t="s">
        <v>23</v>
      </c>
      <c r="D44825" s="14" t="s">
        <v>260</v>
      </c>
      <c r="E44825" s="15">
        <v>45671</v>
      </c>
      <c r="F44825" s="14" t="s">
        <v>28</v>
      </c>
      <c r="G44825" s="16">
        <v>4.0841258405358074</v>
      </c>
    </row>
    <row r="44826" spans="1:7" x14ac:dyDescent="0.3">
      <c r="A44826" s="13" t="s">
        <v>259</v>
      </c>
      <c r="B44826" s="14" t="s">
        <v>1</v>
      </c>
      <c r="C44826" s="14" t="s">
        <v>23</v>
      </c>
      <c r="D44826" s="14" t="s">
        <v>260</v>
      </c>
      <c r="E44826" s="15">
        <v>45672</v>
      </c>
      <c r="F44826" s="14" t="s">
        <v>28</v>
      </c>
      <c r="G44826" s="16">
        <v>4.0994120415840918</v>
      </c>
    </row>
    <row r="44827" spans="1:7" x14ac:dyDescent="0.3">
      <c r="A44827" s="13" t="s">
        <v>259</v>
      </c>
      <c r="B44827" s="14" t="s">
        <v>1</v>
      </c>
      <c r="C44827" s="14" t="s">
        <v>23</v>
      </c>
      <c r="D44827" s="14" t="s">
        <v>260</v>
      </c>
      <c r="E44827" s="15">
        <v>45673</v>
      </c>
      <c r="F44827" s="14" t="s">
        <v>28</v>
      </c>
      <c r="G44827" s="16">
        <v>4.1107964406211268</v>
      </c>
    </row>
    <row r="44828" spans="1:7" x14ac:dyDescent="0.3">
      <c r="A44828" s="13" t="s">
        <v>259</v>
      </c>
      <c r="B44828" s="14" t="s">
        <v>1</v>
      </c>
      <c r="C44828" s="14" t="s">
        <v>23</v>
      </c>
      <c r="D44828" s="14" t="s">
        <v>260</v>
      </c>
      <c r="E44828" s="15">
        <v>45674</v>
      </c>
      <c r="F44828" s="14" t="s">
        <v>28</v>
      </c>
      <c r="G44828" s="16">
        <v>4.1266284927056898</v>
      </c>
    </row>
    <row r="44829" spans="1:7" x14ac:dyDescent="0.3">
      <c r="A44829" s="13" t="s">
        <v>259</v>
      </c>
      <c r="B44829" s="14" t="s">
        <v>1</v>
      </c>
      <c r="C44829" s="14" t="s">
        <v>23</v>
      </c>
      <c r="D44829" s="14" t="s">
        <v>260</v>
      </c>
      <c r="E44829" s="15">
        <v>45675</v>
      </c>
      <c r="F44829" s="14" t="s">
        <v>28</v>
      </c>
      <c r="G44829" s="16">
        <v>4.1266284927056898</v>
      </c>
    </row>
    <row r="44830" spans="1:7" x14ac:dyDescent="0.3">
      <c r="A44830" s="13" t="s">
        <v>259</v>
      </c>
      <c r="B44830" s="14" t="s">
        <v>1</v>
      </c>
      <c r="C44830" s="14" t="s">
        <v>23</v>
      </c>
      <c r="D44830" s="14" t="s">
        <v>260</v>
      </c>
      <c r="E44830" s="15">
        <v>45676</v>
      </c>
      <c r="F44830" s="14" t="s">
        <v>28</v>
      </c>
      <c r="G44830" s="16">
        <v>4.1266284927056898</v>
      </c>
    </row>
    <row r="44831" spans="1:7" x14ac:dyDescent="0.3">
      <c r="A44831" s="13" t="s">
        <v>259</v>
      </c>
      <c r="B44831" s="14" t="s">
        <v>1</v>
      </c>
      <c r="C44831" s="14" t="s">
        <v>23</v>
      </c>
      <c r="D44831" s="14" t="s">
        <v>260</v>
      </c>
      <c r="E44831" s="15">
        <v>45677</v>
      </c>
      <c r="F44831" s="14" t="s">
        <v>28</v>
      </c>
      <c r="G44831" s="16">
        <v>4.1266284927056898</v>
      </c>
    </row>
    <row r="44832" spans="1:7" x14ac:dyDescent="0.3">
      <c r="A44832" s="13" t="s">
        <v>259</v>
      </c>
      <c r="B44832" s="14" t="s">
        <v>1</v>
      </c>
      <c r="C44832" s="14" t="s">
        <v>23</v>
      </c>
      <c r="D44832" s="14" t="s">
        <v>260</v>
      </c>
      <c r="E44832" s="15">
        <v>45678</v>
      </c>
      <c r="F44832" s="14" t="s">
        <v>28</v>
      </c>
      <c r="G44832" s="16">
        <v>4.0879829210718794</v>
      </c>
    </row>
    <row r="44833" spans="1:7" x14ac:dyDescent="0.3">
      <c r="A44833" s="13" t="s">
        <v>259</v>
      </c>
      <c r="B44833" s="14" t="s">
        <v>1</v>
      </c>
      <c r="C44833" s="14" t="s">
        <v>23</v>
      </c>
      <c r="D44833" s="14" t="s">
        <v>260</v>
      </c>
      <c r="E44833" s="15">
        <v>45679</v>
      </c>
      <c r="F44833" s="14" t="s">
        <v>28</v>
      </c>
      <c r="G44833" s="16">
        <v>4.149138274218922</v>
      </c>
    </row>
    <row r="44834" spans="1:7" x14ac:dyDescent="0.3">
      <c r="A44834" s="13" t="s">
        <v>259</v>
      </c>
      <c r="B44834" s="14" t="s">
        <v>1</v>
      </c>
      <c r="C44834" s="14" t="s">
        <v>23</v>
      </c>
      <c r="D44834" s="14" t="s">
        <v>260</v>
      </c>
      <c r="E44834" s="15">
        <v>45680</v>
      </c>
      <c r="F44834" s="14" t="s">
        <v>28</v>
      </c>
      <c r="G44834" s="16">
        <v>4.1628129498592257</v>
      </c>
    </row>
    <row r="44835" spans="1:7" x14ac:dyDescent="0.3">
      <c r="A44835" s="13" t="s">
        <v>259</v>
      </c>
      <c r="B44835" s="14" t="s">
        <v>1</v>
      </c>
      <c r="C44835" s="14" t="s">
        <v>23</v>
      </c>
      <c r="D44835" s="14" t="s">
        <v>260</v>
      </c>
      <c r="E44835" s="15">
        <v>45681</v>
      </c>
      <c r="F44835" s="14" t="s">
        <v>28</v>
      </c>
      <c r="G44835" s="16">
        <v>4.147212459527239</v>
      </c>
    </row>
    <row r="44836" spans="1:7" x14ac:dyDescent="0.3">
      <c r="A44836" s="13" t="s">
        <v>259</v>
      </c>
      <c r="B44836" s="14" t="s">
        <v>1</v>
      </c>
      <c r="C44836" s="14" t="s">
        <v>23</v>
      </c>
      <c r="D44836" s="14" t="s">
        <v>260</v>
      </c>
      <c r="E44836" s="15">
        <v>45682</v>
      </c>
      <c r="F44836" s="14" t="s">
        <v>28</v>
      </c>
      <c r="G44836" s="16">
        <v>4.147212459527239</v>
      </c>
    </row>
    <row r="44837" spans="1:7" x14ac:dyDescent="0.3">
      <c r="A44837" s="13" t="s">
        <v>259</v>
      </c>
      <c r="B44837" s="14" t="s">
        <v>1</v>
      </c>
      <c r="C44837" s="14" t="s">
        <v>23</v>
      </c>
      <c r="D44837" s="14" t="s">
        <v>260</v>
      </c>
      <c r="E44837" s="15">
        <v>45683</v>
      </c>
      <c r="F44837" s="14" t="s">
        <v>28</v>
      </c>
      <c r="G44837" s="16">
        <v>4.147212459527239</v>
      </c>
    </row>
    <row r="44838" spans="1:7" x14ac:dyDescent="0.3">
      <c r="A44838" s="13" t="s">
        <v>259</v>
      </c>
      <c r="B44838" s="14" t="s">
        <v>1</v>
      </c>
      <c r="C44838" s="14" t="s">
        <v>23</v>
      </c>
      <c r="D44838" s="14" t="s">
        <v>260</v>
      </c>
      <c r="E44838" s="15">
        <v>45684</v>
      </c>
      <c r="F44838" s="14" t="s">
        <v>28</v>
      </c>
      <c r="G44838" s="16">
        <v>4.1571887843666815</v>
      </c>
    </row>
    <row r="44839" spans="1:7" x14ac:dyDescent="0.3">
      <c r="A44839" s="13" t="s">
        <v>259</v>
      </c>
      <c r="B44839" s="14" t="s">
        <v>1</v>
      </c>
      <c r="C44839" s="14" t="s">
        <v>23</v>
      </c>
      <c r="D44839" s="14" t="s">
        <v>260</v>
      </c>
      <c r="E44839" s="15">
        <v>45685</v>
      </c>
      <c r="F44839" s="14" t="s">
        <v>28</v>
      </c>
      <c r="G44839" s="16">
        <v>4.2188703400944174</v>
      </c>
    </row>
    <row r="44840" spans="1:7" x14ac:dyDescent="0.3">
      <c r="A44840" s="13" t="s">
        <v>259</v>
      </c>
      <c r="B44840" s="14" t="s">
        <v>1</v>
      </c>
      <c r="C44840" s="14" t="s">
        <v>23</v>
      </c>
      <c r="D44840" s="14" t="s">
        <v>260</v>
      </c>
      <c r="E44840" s="15">
        <v>45686</v>
      </c>
      <c r="F44840" s="14" t="s">
        <v>28</v>
      </c>
      <c r="G44840" s="16">
        <v>4.2262358981887207</v>
      </c>
    </row>
    <row r="44841" spans="1:7" x14ac:dyDescent="0.3">
      <c r="A44841" s="13" t="s">
        <v>259</v>
      </c>
      <c r="B44841" s="14" t="s">
        <v>1</v>
      </c>
      <c r="C44841" s="14" t="s">
        <v>23</v>
      </c>
      <c r="D44841" s="14" t="s">
        <v>260</v>
      </c>
      <c r="E44841" s="15">
        <v>45687</v>
      </c>
      <c r="F44841" s="14" t="s">
        <v>28</v>
      </c>
      <c r="G44841" s="16">
        <v>4.2524188303447108</v>
      </c>
    </row>
    <row r="44842" spans="1:7" x14ac:dyDescent="0.3">
      <c r="A44842" s="13" t="s">
        <v>259</v>
      </c>
      <c r="B44842" s="14" t="s">
        <v>1</v>
      </c>
      <c r="C44842" s="14" t="s">
        <v>23</v>
      </c>
      <c r="D44842" s="14" t="s">
        <v>260</v>
      </c>
      <c r="E44842" s="15">
        <v>45688</v>
      </c>
      <c r="F44842" s="14" t="s">
        <v>28</v>
      </c>
      <c r="G44842" s="16">
        <v>4.2827814396201083</v>
      </c>
    </row>
    <row r="44843" spans="1:7" x14ac:dyDescent="0.3">
      <c r="A44843" s="13" t="s">
        <v>259</v>
      </c>
      <c r="B44843" s="14" t="s">
        <v>1</v>
      </c>
      <c r="C44843" s="14" t="s">
        <v>23</v>
      </c>
      <c r="D44843" s="14" t="s">
        <v>260</v>
      </c>
      <c r="E44843" s="15">
        <v>45689</v>
      </c>
      <c r="F44843" s="14" t="s">
        <v>28</v>
      </c>
      <c r="G44843" s="16">
        <v>4.2827814396201083</v>
      </c>
    </row>
    <row r="44844" spans="1:7" x14ac:dyDescent="0.3">
      <c r="A44844" s="13" t="s">
        <v>259</v>
      </c>
      <c r="B44844" s="14" t="s">
        <v>1</v>
      </c>
      <c r="C44844" s="14" t="s">
        <v>23</v>
      </c>
      <c r="D44844" s="14" t="s">
        <v>260</v>
      </c>
      <c r="E44844" s="15">
        <v>45690</v>
      </c>
      <c r="F44844" s="14" t="s">
        <v>28</v>
      </c>
      <c r="G44844" s="16">
        <v>4.2827814396201083</v>
      </c>
    </row>
    <row r="44845" spans="1:7" x14ac:dyDescent="0.3">
      <c r="A44845" s="13" t="s">
        <v>259</v>
      </c>
      <c r="B44845" s="14" t="s">
        <v>1</v>
      </c>
      <c r="C44845" s="14" t="s">
        <v>23</v>
      </c>
      <c r="D44845" s="14" t="s">
        <v>260</v>
      </c>
      <c r="E44845" s="15">
        <v>45691</v>
      </c>
      <c r="F44845" s="14" t="s">
        <v>28</v>
      </c>
      <c r="G44845" s="16">
        <v>4.2827814396201083</v>
      </c>
    </row>
    <row r="44846" spans="1:7" x14ac:dyDescent="0.3">
      <c r="A44846" s="13" t="s">
        <v>259</v>
      </c>
      <c r="B44846" s="14" t="s">
        <v>1</v>
      </c>
      <c r="C44846" s="14" t="s">
        <v>23</v>
      </c>
      <c r="D44846" s="14" t="s">
        <v>260</v>
      </c>
      <c r="E44846" s="15">
        <v>45692</v>
      </c>
      <c r="F44846" s="14" t="s">
        <v>28</v>
      </c>
      <c r="G44846" s="16">
        <v>4.2729931390053624</v>
      </c>
    </row>
    <row r="44847" spans="1:7" x14ac:dyDescent="0.3">
      <c r="A44847" s="13" t="s">
        <v>259</v>
      </c>
      <c r="B44847" s="14" t="s">
        <v>1</v>
      </c>
      <c r="C44847" s="14" t="s">
        <v>23</v>
      </c>
      <c r="D44847" s="14" t="s">
        <v>260</v>
      </c>
      <c r="E44847" s="15">
        <v>45693</v>
      </c>
      <c r="F44847" s="14" t="s">
        <v>28</v>
      </c>
      <c r="G44847" s="16">
        <v>4.3060637259224981</v>
      </c>
    </row>
    <row r="44848" spans="1:7" x14ac:dyDescent="0.3">
      <c r="A44848" s="13" t="s">
        <v>259</v>
      </c>
      <c r="B44848" s="14" t="s">
        <v>1</v>
      </c>
      <c r="C44848" s="14" t="s">
        <v>23</v>
      </c>
      <c r="D44848" s="14" t="s">
        <v>260</v>
      </c>
      <c r="E44848" s="15">
        <v>45694</v>
      </c>
      <c r="F44848" s="14" t="s">
        <v>28</v>
      </c>
      <c r="G44848" s="16">
        <v>4.3260764203533943</v>
      </c>
    </row>
    <row r="44849" spans="1:7" x14ac:dyDescent="0.3">
      <c r="A44849" s="13" t="s">
        <v>259</v>
      </c>
      <c r="B44849" s="14" t="s">
        <v>1</v>
      </c>
      <c r="C44849" s="14" t="s">
        <v>23</v>
      </c>
      <c r="D44849" s="14" t="s">
        <v>260</v>
      </c>
      <c r="E44849" s="15">
        <v>45695</v>
      </c>
      <c r="F44849" s="14" t="s">
        <v>28</v>
      </c>
      <c r="G44849" s="16">
        <v>4.3522349422870272</v>
      </c>
    </row>
    <row r="44850" spans="1:7" x14ac:dyDescent="0.3">
      <c r="A44850" s="13" t="s">
        <v>259</v>
      </c>
      <c r="B44850" s="14" t="s">
        <v>1</v>
      </c>
      <c r="C44850" s="14" t="s">
        <v>23</v>
      </c>
      <c r="D44850" s="14" t="s">
        <v>260</v>
      </c>
      <c r="E44850" s="15">
        <v>45696</v>
      </c>
      <c r="F44850" s="14" t="s">
        <v>28</v>
      </c>
      <c r="G44850" s="16">
        <v>4.3522349422870272</v>
      </c>
    </row>
    <row r="44851" spans="1:7" x14ac:dyDescent="0.3">
      <c r="A44851" s="13" t="s">
        <v>259</v>
      </c>
      <c r="B44851" s="14" t="s">
        <v>1</v>
      </c>
      <c r="C44851" s="14" t="s">
        <v>23</v>
      </c>
      <c r="D44851" s="14" t="s">
        <v>260</v>
      </c>
      <c r="E44851" s="15">
        <v>45697</v>
      </c>
      <c r="F44851" s="14" t="s">
        <v>28</v>
      </c>
      <c r="G44851" s="16">
        <v>4.3522349422870272</v>
      </c>
    </row>
    <row r="44852" spans="1:7" x14ac:dyDescent="0.3">
      <c r="A44852" s="13" t="s">
        <v>259</v>
      </c>
      <c r="B44852" s="14" t="s">
        <v>1</v>
      </c>
      <c r="C44852" s="14" t="s">
        <v>23</v>
      </c>
      <c r="D44852" s="14" t="s">
        <v>260</v>
      </c>
      <c r="E44852" s="15">
        <v>45698</v>
      </c>
      <c r="F44852" s="14" t="s">
        <v>28</v>
      </c>
      <c r="G44852" s="16">
        <v>4.376933481902566</v>
      </c>
    </row>
    <row r="44853" spans="1:7" x14ac:dyDescent="0.3">
      <c r="A44853" s="13" t="s">
        <v>259</v>
      </c>
      <c r="B44853" s="14" t="s">
        <v>1</v>
      </c>
      <c r="C44853" s="14" t="s">
        <v>23</v>
      </c>
      <c r="D44853" s="14" t="s">
        <v>260</v>
      </c>
      <c r="E44853" s="15">
        <v>45699</v>
      </c>
      <c r="F44853" s="14" t="s">
        <v>28</v>
      </c>
      <c r="G44853" s="16">
        <v>4.4102171144067759</v>
      </c>
    </row>
    <row r="44854" spans="1:7" x14ac:dyDescent="0.3">
      <c r="A44854" s="13" t="s">
        <v>259</v>
      </c>
      <c r="B44854" s="14" t="s">
        <v>1</v>
      </c>
      <c r="C44854" s="14" t="s">
        <v>23</v>
      </c>
      <c r="D44854" s="14" t="s">
        <v>260</v>
      </c>
      <c r="E44854" s="15">
        <v>45700</v>
      </c>
      <c r="F44854" s="14" t="s">
        <v>28</v>
      </c>
      <c r="G44854" s="16">
        <v>4.4222337466835704</v>
      </c>
    </row>
    <row r="44855" spans="1:7" x14ac:dyDescent="0.3">
      <c r="A44855" s="13" t="s">
        <v>259</v>
      </c>
      <c r="B44855" s="14" t="s">
        <v>1</v>
      </c>
      <c r="C44855" s="14" t="s">
        <v>23</v>
      </c>
      <c r="D44855" s="14" t="s">
        <v>260</v>
      </c>
      <c r="E44855" s="15">
        <v>45701</v>
      </c>
      <c r="F44855" s="14" t="s">
        <v>28</v>
      </c>
      <c r="G44855" s="16">
        <v>4.4057373410824523</v>
      </c>
    </row>
    <row r="44856" spans="1:7" x14ac:dyDescent="0.3">
      <c r="A44856" s="13" t="s">
        <v>259</v>
      </c>
      <c r="B44856" s="14" t="s">
        <v>1</v>
      </c>
      <c r="C44856" s="14" t="s">
        <v>23</v>
      </c>
      <c r="D44856" s="14" t="s">
        <v>260</v>
      </c>
      <c r="E44856" s="15">
        <v>45702</v>
      </c>
      <c r="F44856" s="14" t="s">
        <v>28</v>
      </c>
      <c r="G44856" s="16">
        <v>4.406123490259394</v>
      </c>
    </row>
    <row r="44857" spans="1:7" x14ac:dyDescent="0.3">
      <c r="A44857" s="13" t="s">
        <v>259</v>
      </c>
      <c r="B44857" s="14" t="s">
        <v>1</v>
      </c>
      <c r="C44857" s="14" t="s">
        <v>23</v>
      </c>
      <c r="D44857" s="14" t="s">
        <v>260</v>
      </c>
      <c r="E44857" s="15">
        <v>45703</v>
      </c>
      <c r="F44857" s="14" t="s">
        <v>28</v>
      </c>
      <c r="G44857" s="16">
        <v>4.406123490259394</v>
      </c>
    </row>
    <row r="44858" spans="1:7" x14ac:dyDescent="0.3">
      <c r="A44858" s="13" t="s">
        <v>259</v>
      </c>
      <c r="B44858" s="14" t="s">
        <v>1</v>
      </c>
      <c r="C44858" s="14" t="s">
        <v>23</v>
      </c>
      <c r="D44858" s="14" t="s">
        <v>260</v>
      </c>
      <c r="E44858" s="15">
        <v>45704</v>
      </c>
      <c r="F44858" s="14" t="s">
        <v>28</v>
      </c>
      <c r="G44858" s="16">
        <v>4.406123490259394</v>
      </c>
    </row>
    <row r="44859" spans="1:7" x14ac:dyDescent="0.3">
      <c r="A44859" s="13" t="s">
        <v>259</v>
      </c>
      <c r="B44859" s="14" t="s">
        <v>1</v>
      </c>
      <c r="C44859" s="14" t="s">
        <v>23</v>
      </c>
      <c r="D44859" s="14" t="s">
        <v>260</v>
      </c>
      <c r="E44859" s="15">
        <v>45705</v>
      </c>
      <c r="F44859" s="14" t="s">
        <v>28</v>
      </c>
      <c r="G44859" s="16">
        <v>4.406123490259394</v>
      </c>
    </row>
    <row r="44860" spans="1:7" x14ac:dyDescent="0.3">
      <c r="A44860" s="13" t="s">
        <v>259</v>
      </c>
      <c r="B44860" s="14" t="s">
        <v>1</v>
      </c>
      <c r="C44860" s="14" t="s">
        <v>23</v>
      </c>
      <c r="D44860" s="14" t="s">
        <v>260</v>
      </c>
      <c r="E44860" s="15">
        <v>45706</v>
      </c>
      <c r="F44860" s="14" t="s">
        <v>28</v>
      </c>
      <c r="G44860" s="16">
        <v>4.4282151455615946</v>
      </c>
    </row>
    <row r="44861" spans="1:7" x14ac:dyDescent="0.3">
      <c r="A44861" s="13" t="s">
        <v>259</v>
      </c>
      <c r="B44861" s="14" t="s">
        <v>1</v>
      </c>
      <c r="C44861" s="14" t="s">
        <v>23</v>
      </c>
      <c r="D44861" s="14" t="s">
        <v>260</v>
      </c>
      <c r="E44861" s="15">
        <v>45707</v>
      </c>
      <c r="F44861" s="14" t="s">
        <v>28</v>
      </c>
      <c r="G44861" s="16">
        <v>4.4809753118448077</v>
      </c>
    </row>
    <row r="44862" spans="1:7" x14ac:dyDescent="0.3">
      <c r="A44862" s="13" t="s">
        <v>259</v>
      </c>
      <c r="B44862" s="14" t="s">
        <v>1</v>
      </c>
      <c r="C44862" s="14" t="s">
        <v>23</v>
      </c>
      <c r="D44862" s="14" t="s">
        <v>260</v>
      </c>
      <c r="E44862" s="15">
        <v>45708</v>
      </c>
      <c r="F44862" s="14" t="s">
        <v>28</v>
      </c>
      <c r="G44862" s="16">
        <v>4.4637171010832075</v>
      </c>
    </row>
    <row r="44863" spans="1:7" x14ac:dyDescent="0.3">
      <c r="A44863" s="13" t="s">
        <v>259</v>
      </c>
      <c r="B44863" s="14" t="s">
        <v>1</v>
      </c>
      <c r="C44863" s="14" t="s">
        <v>23</v>
      </c>
      <c r="D44863" s="14" t="s">
        <v>260</v>
      </c>
      <c r="E44863" s="15">
        <v>45709</v>
      </c>
      <c r="F44863" s="14" t="s">
        <v>28</v>
      </c>
      <c r="G44863" s="16">
        <v>4.4808923661600328</v>
      </c>
    </row>
    <row r="44864" spans="1:7" x14ac:dyDescent="0.3">
      <c r="A44864" s="13" t="s">
        <v>259</v>
      </c>
      <c r="B44864" s="14" t="s">
        <v>1</v>
      </c>
      <c r="C44864" s="14" t="s">
        <v>23</v>
      </c>
      <c r="D44864" s="14" t="s">
        <v>260</v>
      </c>
      <c r="E44864" s="15">
        <v>45710</v>
      </c>
      <c r="F44864" s="14" t="s">
        <v>28</v>
      </c>
      <c r="G44864" s="16">
        <v>4.4808923661600328</v>
      </c>
    </row>
    <row r="44865" spans="1:7" x14ac:dyDescent="0.3">
      <c r="A44865" s="13" t="s">
        <v>259</v>
      </c>
      <c r="B44865" s="14" t="s">
        <v>1</v>
      </c>
      <c r="C44865" s="14" t="s">
        <v>23</v>
      </c>
      <c r="D44865" s="14" t="s">
        <v>260</v>
      </c>
      <c r="E44865" s="15">
        <v>45711</v>
      </c>
      <c r="F44865" s="14" t="s">
        <v>28</v>
      </c>
      <c r="G44865" s="16">
        <v>4.4808923661600328</v>
      </c>
    </row>
    <row r="44866" spans="1:7" x14ac:dyDescent="0.3">
      <c r="A44866" s="13" t="s">
        <v>259</v>
      </c>
      <c r="B44866" s="14" t="s">
        <v>1</v>
      </c>
      <c r="C44866" s="14" t="s">
        <v>23</v>
      </c>
      <c r="D44866" s="14" t="s">
        <v>260</v>
      </c>
      <c r="E44866" s="15">
        <v>45712</v>
      </c>
      <c r="F44866" s="14" t="s">
        <v>28</v>
      </c>
      <c r="G44866" s="16">
        <v>4.4990965649394514</v>
      </c>
    </row>
    <row r="44867" spans="1:7" x14ac:dyDescent="0.3">
      <c r="A44867" s="13" t="s">
        <v>259</v>
      </c>
      <c r="B44867" s="14" t="s">
        <v>1</v>
      </c>
      <c r="C44867" s="14" t="s">
        <v>23</v>
      </c>
      <c r="D44867" s="14" t="s">
        <v>260</v>
      </c>
      <c r="E44867" s="15">
        <v>45713</v>
      </c>
      <c r="F44867" s="14" t="s">
        <v>28</v>
      </c>
      <c r="G44867" s="16">
        <v>4.5292039772796677</v>
      </c>
    </row>
    <row r="44868" spans="1:7" x14ac:dyDescent="0.3">
      <c r="A44868" s="13" t="s">
        <v>259</v>
      </c>
      <c r="B44868" s="14" t="s">
        <v>1</v>
      </c>
      <c r="C44868" s="14" t="s">
        <v>23</v>
      </c>
      <c r="D44868" s="14" t="s">
        <v>260</v>
      </c>
      <c r="E44868" s="15">
        <v>45714</v>
      </c>
      <c r="F44868" s="14" t="s">
        <v>28</v>
      </c>
      <c r="G44868" s="16">
        <v>4.5485065796942559</v>
      </c>
    </row>
    <row r="44869" spans="1:7" x14ac:dyDescent="0.3">
      <c r="A44869" s="13" t="s">
        <v>259</v>
      </c>
      <c r="B44869" s="14" t="s">
        <v>1</v>
      </c>
      <c r="C44869" s="14" t="s">
        <v>23</v>
      </c>
      <c r="D44869" s="14" t="s">
        <v>260</v>
      </c>
      <c r="E44869" s="15">
        <v>45715</v>
      </c>
      <c r="F44869" s="14" t="s">
        <v>28</v>
      </c>
      <c r="G44869" s="16">
        <v>4.5974662460547835</v>
      </c>
    </row>
    <row r="44870" spans="1:7" x14ac:dyDescent="0.3">
      <c r="A44870" s="13" t="s">
        <v>259</v>
      </c>
      <c r="B44870" s="14" t="s">
        <v>1</v>
      </c>
      <c r="C44870" s="14" t="s">
        <v>23</v>
      </c>
      <c r="D44870" s="14" t="s">
        <v>260</v>
      </c>
      <c r="E44870" s="15">
        <v>45716</v>
      </c>
      <c r="F44870" s="14" t="s">
        <v>28</v>
      </c>
      <c r="G44870" s="16">
        <v>4.6185945570980085</v>
      </c>
    </row>
    <row r="44871" spans="1:7" x14ac:dyDescent="0.3">
      <c r="A44871" s="13" t="s">
        <v>259</v>
      </c>
      <c r="B44871" s="14" t="s">
        <v>1</v>
      </c>
      <c r="C44871" s="14" t="s">
        <v>23</v>
      </c>
      <c r="D44871" s="14" t="s">
        <v>260</v>
      </c>
      <c r="E44871" s="15">
        <v>45717</v>
      </c>
      <c r="F44871" s="14" t="s">
        <v>28</v>
      </c>
      <c r="G44871" s="16">
        <v>0</v>
      </c>
    </row>
    <row r="44872" spans="1:7" x14ac:dyDescent="0.3">
      <c r="A44872" s="13" t="s">
        <v>259</v>
      </c>
      <c r="B44872" s="14" t="s">
        <v>1</v>
      </c>
      <c r="C44872" s="14" t="s">
        <v>23</v>
      </c>
      <c r="D44872" s="14" t="s">
        <v>260</v>
      </c>
      <c r="E44872" s="15">
        <v>45718</v>
      </c>
      <c r="F44872" s="14" t="s">
        <v>28</v>
      </c>
      <c r="G44872" s="16">
        <v>0</v>
      </c>
    </row>
    <row r="44873" spans="1:7" x14ac:dyDescent="0.3">
      <c r="A44873" s="13" t="s">
        <v>259</v>
      </c>
      <c r="B44873" s="14" t="s">
        <v>1</v>
      </c>
      <c r="C44873" s="14" t="s">
        <v>23</v>
      </c>
      <c r="D44873" s="14" t="s">
        <v>260</v>
      </c>
      <c r="E44873" s="15">
        <v>45719</v>
      </c>
      <c r="F44873" s="14" t="s">
        <v>28</v>
      </c>
      <c r="G44873" s="16">
        <v>0</v>
      </c>
    </row>
    <row r="44874" spans="1:7" x14ac:dyDescent="0.3">
      <c r="A44874" s="13" t="s">
        <v>259</v>
      </c>
      <c r="B44874" s="14" t="s">
        <v>1</v>
      </c>
      <c r="C44874" s="14" t="s">
        <v>23</v>
      </c>
      <c r="D44874" s="14" t="s">
        <v>260</v>
      </c>
      <c r="E44874" s="15">
        <v>45720</v>
      </c>
      <c r="F44874" s="14" t="s">
        <v>28</v>
      </c>
      <c r="G44874" s="16">
        <v>0</v>
      </c>
    </row>
    <row r="44875" spans="1:7" x14ac:dyDescent="0.3">
      <c r="A44875" s="13" t="s">
        <v>259</v>
      </c>
      <c r="B44875" s="14" t="s">
        <v>1</v>
      </c>
      <c r="C44875" s="14" t="s">
        <v>23</v>
      </c>
      <c r="D44875" s="14" t="s">
        <v>260</v>
      </c>
      <c r="E44875" s="15">
        <v>45721</v>
      </c>
      <c r="F44875" s="14" t="s">
        <v>28</v>
      </c>
      <c r="G44875" s="16">
        <v>0</v>
      </c>
    </row>
    <row r="44876" spans="1:7" x14ac:dyDescent="0.3">
      <c r="A44876" s="13" t="s">
        <v>259</v>
      </c>
      <c r="B44876" s="14" t="s">
        <v>1</v>
      </c>
      <c r="C44876" s="14" t="s">
        <v>23</v>
      </c>
      <c r="D44876" s="14" t="s">
        <v>260</v>
      </c>
      <c r="E44876" s="15">
        <v>45722</v>
      </c>
      <c r="F44876" s="14" t="s">
        <v>28</v>
      </c>
      <c r="G44876" s="16">
        <v>0</v>
      </c>
    </row>
    <row r="44877" spans="1:7" x14ac:dyDescent="0.3">
      <c r="A44877" s="13" t="s">
        <v>259</v>
      </c>
      <c r="B44877" s="14" t="s">
        <v>1</v>
      </c>
      <c r="C44877" s="14" t="s">
        <v>23</v>
      </c>
      <c r="D44877" s="14" t="s">
        <v>260</v>
      </c>
      <c r="E44877" s="15">
        <v>45723</v>
      </c>
      <c r="F44877" s="14" t="s">
        <v>28</v>
      </c>
      <c r="G44877" s="16">
        <v>0</v>
      </c>
    </row>
    <row r="44878" spans="1:7" x14ac:dyDescent="0.3">
      <c r="A44878" s="13" t="s">
        <v>259</v>
      </c>
      <c r="B44878" s="14" t="s">
        <v>1</v>
      </c>
      <c r="C44878" s="14" t="s">
        <v>23</v>
      </c>
      <c r="D44878" s="14" t="s">
        <v>260</v>
      </c>
      <c r="E44878" s="15">
        <v>45724</v>
      </c>
      <c r="F44878" s="14" t="s">
        <v>28</v>
      </c>
      <c r="G44878" s="16">
        <v>0</v>
      </c>
    </row>
    <row r="44879" spans="1:7" x14ac:dyDescent="0.3">
      <c r="A44879" s="13" t="s">
        <v>259</v>
      </c>
      <c r="B44879" s="14" t="s">
        <v>1</v>
      </c>
      <c r="C44879" s="14" t="s">
        <v>23</v>
      </c>
      <c r="D44879" s="14" t="s">
        <v>260</v>
      </c>
      <c r="E44879" s="15">
        <v>45725</v>
      </c>
      <c r="F44879" s="14" t="s">
        <v>28</v>
      </c>
      <c r="G44879" s="16">
        <v>0</v>
      </c>
    </row>
    <row r="44880" spans="1:7" x14ac:dyDescent="0.3">
      <c r="A44880" s="13" t="s">
        <v>259</v>
      </c>
      <c r="B44880" s="14" t="s">
        <v>1</v>
      </c>
      <c r="C44880" s="14" t="s">
        <v>23</v>
      </c>
      <c r="D44880" s="14" t="s">
        <v>260</v>
      </c>
      <c r="E44880" s="15">
        <v>45726</v>
      </c>
      <c r="F44880" s="14" t="s">
        <v>28</v>
      </c>
      <c r="G44880" s="16">
        <v>0</v>
      </c>
    </row>
    <row r="44881" spans="1:7" x14ac:dyDescent="0.3">
      <c r="A44881" s="13" t="s">
        <v>259</v>
      </c>
      <c r="B44881" s="14" t="s">
        <v>1</v>
      </c>
      <c r="C44881" s="14" t="s">
        <v>23</v>
      </c>
      <c r="D44881" s="14" t="s">
        <v>260</v>
      </c>
      <c r="E44881" s="15">
        <v>45727</v>
      </c>
      <c r="F44881" s="14" t="s">
        <v>28</v>
      </c>
      <c r="G44881" s="16">
        <v>0</v>
      </c>
    </row>
    <row r="44882" spans="1:7" x14ac:dyDescent="0.3">
      <c r="A44882" s="13" t="s">
        <v>259</v>
      </c>
      <c r="B44882" s="14" t="s">
        <v>1</v>
      </c>
      <c r="C44882" s="14" t="s">
        <v>23</v>
      </c>
      <c r="D44882" s="14" t="s">
        <v>260</v>
      </c>
      <c r="E44882" s="15">
        <v>45728</v>
      </c>
      <c r="F44882" s="14" t="s">
        <v>28</v>
      </c>
      <c r="G44882" s="16">
        <v>0</v>
      </c>
    </row>
    <row r="44883" spans="1:7" x14ac:dyDescent="0.3">
      <c r="A44883" s="13" t="s">
        <v>259</v>
      </c>
      <c r="B44883" s="14" t="s">
        <v>1</v>
      </c>
      <c r="C44883" s="14" t="s">
        <v>23</v>
      </c>
      <c r="D44883" s="14" t="s">
        <v>260</v>
      </c>
      <c r="E44883" s="15">
        <v>45729</v>
      </c>
      <c r="F44883" s="14" t="s">
        <v>28</v>
      </c>
      <c r="G44883" s="16">
        <v>0</v>
      </c>
    </row>
    <row r="44884" spans="1:7" x14ac:dyDescent="0.3">
      <c r="A44884" s="13" t="s">
        <v>259</v>
      </c>
      <c r="B44884" s="14" t="s">
        <v>1</v>
      </c>
      <c r="C44884" s="14" t="s">
        <v>23</v>
      </c>
      <c r="D44884" s="14" t="s">
        <v>260</v>
      </c>
      <c r="E44884" s="15">
        <v>45730</v>
      </c>
      <c r="F44884" s="14" t="s">
        <v>28</v>
      </c>
      <c r="G44884" s="16">
        <v>0</v>
      </c>
    </row>
    <row r="44885" spans="1:7" x14ac:dyDescent="0.3">
      <c r="A44885" s="13" t="s">
        <v>259</v>
      </c>
      <c r="B44885" s="14" t="s">
        <v>1</v>
      </c>
      <c r="C44885" s="14" t="s">
        <v>23</v>
      </c>
      <c r="D44885" s="14" t="s">
        <v>260</v>
      </c>
      <c r="E44885" s="15">
        <v>45731</v>
      </c>
      <c r="F44885" s="14" t="s">
        <v>28</v>
      </c>
      <c r="G44885" s="16">
        <v>0</v>
      </c>
    </row>
    <row r="44886" spans="1:7" x14ac:dyDescent="0.3">
      <c r="A44886" s="13" t="s">
        <v>259</v>
      </c>
      <c r="B44886" s="14" t="s">
        <v>1</v>
      </c>
      <c r="C44886" s="14" t="s">
        <v>23</v>
      </c>
      <c r="D44886" s="14" t="s">
        <v>260</v>
      </c>
      <c r="E44886" s="15">
        <v>45732</v>
      </c>
      <c r="F44886" s="14" t="s">
        <v>28</v>
      </c>
      <c r="G44886" s="16">
        <v>0</v>
      </c>
    </row>
    <row r="44887" spans="1:7" x14ac:dyDescent="0.3">
      <c r="A44887" s="13" t="s">
        <v>259</v>
      </c>
      <c r="B44887" s="14" t="s">
        <v>1</v>
      </c>
      <c r="C44887" s="14" t="s">
        <v>23</v>
      </c>
      <c r="D44887" s="14" t="s">
        <v>260</v>
      </c>
      <c r="E44887" s="15">
        <v>45733</v>
      </c>
      <c r="F44887" s="14" t="s">
        <v>28</v>
      </c>
      <c r="G44887" s="16">
        <v>0</v>
      </c>
    </row>
    <row r="44888" spans="1:7" x14ac:dyDescent="0.3">
      <c r="A44888" s="13" t="s">
        <v>259</v>
      </c>
      <c r="B44888" s="14" t="s">
        <v>1</v>
      </c>
      <c r="C44888" s="14" t="s">
        <v>23</v>
      </c>
      <c r="D44888" s="14" t="s">
        <v>260</v>
      </c>
      <c r="E44888" s="15">
        <v>45734</v>
      </c>
      <c r="F44888" s="14" t="s">
        <v>28</v>
      </c>
      <c r="G44888" s="16">
        <v>0</v>
      </c>
    </row>
    <row r="44889" spans="1:7" x14ac:dyDescent="0.3">
      <c r="A44889" s="13" t="s">
        <v>259</v>
      </c>
      <c r="B44889" s="14" t="s">
        <v>1</v>
      </c>
      <c r="C44889" s="14" t="s">
        <v>23</v>
      </c>
      <c r="D44889" s="14" t="s">
        <v>260</v>
      </c>
      <c r="E44889" s="15">
        <v>45735</v>
      </c>
      <c r="F44889" s="14" t="s">
        <v>28</v>
      </c>
      <c r="G44889" s="16">
        <v>0</v>
      </c>
    </row>
    <row r="44890" spans="1:7" x14ac:dyDescent="0.3">
      <c r="A44890" s="13" t="s">
        <v>259</v>
      </c>
      <c r="B44890" s="14" t="s">
        <v>1</v>
      </c>
      <c r="C44890" s="14" t="s">
        <v>23</v>
      </c>
      <c r="D44890" s="14" t="s">
        <v>260</v>
      </c>
      <c r="E44890" s="15">
        <v>45736</v>
      </c>
      <c r="F44890" s="14" t="s">
        <v>28</v>
      </c>
      <c r="G44890" s="16">
        <v>0</v>
      </c>
    </row>
    <row r="44891" spans="1:7" x14ac:dyDescent="0.3">
      <c r="A44891" s="13" t="s">
        <v>259</v>
      </c>
      <c r="B44891" s="14" t="s">
        <v>1</v>
      </c>
      <c r="C44891" s="14" t="s">
        <v>23</v>
      </c>
      <c r="D44891" s="14" t="s">
        <v>260</v>
      </c>
      <c r="E44891" s="15">
        <v>45737</v>
      </c>
      <c r="F44891" s="14" t="s">
        <v>28</v>
      </c>
      <c r="G44891" s="16">
        <v>0</v>
      </c>
    </row>
    <row r="44892" spans="1:7" x14ac:dyDescent="0.3">
      <c r="A44892" s="13" t="s">
        <v>259</v>
      </c>
      <c r="B44892" s="14" t="s">
        <v>1</v>
      </c>
      <c r="C44892" s="14" t="s">
        <v>23</v>
      </c>
      <c r="D44892" s="14" t="s">
        <v>260</v>
      </c>
      <c r="E44892" s="15">
        <v>45738</v>
      </c>
      <c r="F44892" s="14" t="s">
        <v>28</v>
      </c>
      <c r="G44892" s="16">
        <v>0</v>
      </c>
    </row>
    <row r="44893" spans="1:7" x14ac:dyDescent="0.3">
      <c r="A44893" s="13" t="s">
        <v>259</v>
      </c>
      <c r="B44893" s="14" t="s">
        <v>1</v>
      </c>
      <c r="C44893" s="14" t="s">
        <v>23</v>
      </c>
      <c r="D44893" s="14" t="s">
        <v>260</v>
      </c>
      <c r="E44893" s="15">
        <v>45739</v>
      </c>
      <c r="F44893" s="14" t="s">
        <v>28</v>
      </c>
      <c r="G44893" s="16">
        <v>0</v>
      </c>
    </row>
    <row r="44894" spans="1:7" x14ac:dyDescent="0.3">
      <c r="A44894" s="13" t="s">
        <v>259</v>
      </c>
      <c r="B44894" s="14" t="s">
        <v>1</v>
      </c>
      <c r="C44894" s="14" t="s">
        <v>23</v>
      </c>
      <c r="D44894" s="14" t="s">
        <v>260</v>
      </c>
      <c r="E44894" s="15">
        <v>45740</v>
      </c>
      <c r="F44894" s="14" t="s">
        <v>28</v>
      </c>
      <c r="G44894" s="16">
        <v>0</v>
      </c>
    </row>
    <row r="44895" spans="1:7" x14ac:dyDescent="0.3">
      <c r="A44895" s="13" t="s">
        <v>259</v>
      </c>
      <c r="B44895" s="14" t="s">
        <v>1</v>
      </c>
      <c r="C44895" s="14" t="s">
        <v>23</v>
      </c>
      <c r="D44895" s="14" t="s">
        <v>260</v>
      </c>
      <c r="E44895" s="15">
        <v>45741</v>
      </c>
      <c r="F44895" s="14" t="s">
        <v>28</v>
      </c>
      <c r="G44895" s="16">
        <v>0</v>
      </c>
    </row>
    <row r="44896" spans="1:7" x14ac:dyDescent="0.3">
      <c r="A44896" s="13" t="s">
        <v>259</v>
      </c>
      <c r="B44896" s="14" t="s">
        <v>1</v>
      </c>
      <c r="C44896" s="14" t="s">
        <v>23</v>
      </c>
      <c r="D44896" s="14" t="s">
        <v>260</v>
      </c>
      <c r="E44896" s="15">
        <v>45742</v>
      </c>
      <c r="F44896" s="14" t="s">
        <v>28</v>
      </c>
      <c r="G44896" s="16">
        <v>0</v>
      </c>
    </row>
    <row r="44897" spans="1:7" x14ac:dyDescent="0.3">
      <c r="A44897" s="13" t="s">
        <v>259</v>
      </c>
      <c r="B44897" s="14" t="s">
        <v>1</v>
      </c>
      <c r="C44897" s="14" t="s">
        <v>23</v>
      </c>
      <c r="D44897" s="14" t="s">
        <v>260</v>
      </c>
      <c r="E44897" s="15">
        <v>45743</v>
      </c>
      <c r="F44897" s="14" t="s">
        <v>28</v>
      </c>
      <c r="G44897" s="16">
        <v>0</v>
      </c>
    </row>
    <row r="44898" spans="1:7" x14ac:dyDescent="0.3">
      <c r="A44898" s="13" t="s">
        <v>259</v>
      </c>
      <c r="B44898" s="14" t="s">
        <v>1</v>
      </c>
      <c r="C44898" s="14" t="s">
        <v>23</v>
      </c>
      <c r="D44898" s="14" t="s">
        <v>260</v>
      </c>
      <c r="E44898" s="15">
        <v>45744</v>
      </c>
      <c r="F44898" s="14" t="s">
        <v>28</v>
      </c>
      <c r="G44898" s="16">
        <v>0</v>
      </c>
    </row>
    <row r="44899" spans="1:7" x14ac:dyDescent="0.3">
      <c r="A44899" s="13" t="s">
        <v>259</v>
      </c>
      <c r="B44899" s="14" t="s">
        <v>1</v>
      </c>
      <c r="C44899" s="14" t="s">
        <v>23</v>
      </c>
      <c r="D44899" s="14" t="s">
        <v>260</v>
      </c>
      <c r="E44899" s="15">
        <v>45745</v>
      </c>
      <c r="F44899" s="14" t="s">
        <v>28</v>
      </c>
      <c r="G44899" s="16">
        <v>0</v>
      </c>
    </row>
    <row r="44900" spans="1:7" x14ac:dyDescent="0.3">
      <c r="A44900" s="13" t="s">
        <v>259</v>
      </c>
      <c r="B44900" s="14" t="s">
        <v>1</v>
      </c>
      <c r="C44900" s="14" t="s">
        <v>23</v>
      </c>
      <c r="D44900" s="14" t="s">
        <v>260</v>
      </c>
      <c r="E44900" s="15">
        <v>45746</v>
      </c>
      <c r="F44900" s="14" t="s">
        <v>28</v>
      </c>
      <c r="G44900" s="16">
        <v>0</v>
      </c>
    </row>
    <row r="44901" spans="1:7" x14ac:dyDescent="0.3">
      <c r="A44901" s="13" t="s">
        <v>259</v>
      </c>
      <c r="B44901" s="14" t="s">
        <v>1</v>
      </c>
      <c r="C44901" s="14" t="s">
        <v>23</v>
      </c>
      <c r="D44901" s="14" t="s">
        <v>260</v>
      </c>
      <c r="E44901" s="15">
        <v>45747</v>
      </c>
      <c r="F44901" s="14" t="s">
        <v>28</v>
      </c>
      <c r="G44901" s="16">
        <v>0</v>
      </c>
    </row>
    <row r="44902" spans="1:7" x14ac:dyDescent="0.3">
      <c r="A44902" s="13" t="s">
        <v>261</v>
      </c>
      <c r="B44902" s="14" t="s">
        <v>1</v>
      </c>
      <c r="C44902" s="14" t="s">
        <v>109</v>
      </c>
      <c r="D44902" s="14" t="s">
        <v>81</v>
      </c>
      <c r="E44902" s="15">
        <v>45383</v>
      </c>
      <c r="F44902" s="14" t="s">
        <v>15</v>
      </c>
      <c r="G44902" s="16">
        <v>0</v>
      </c>
    </row>
    <row r="44903" spans="1:7" x14ac:dyDescent="0.3">
      <c r="A44903" s="13" t="s">
        <v>261</v>
      </c>
      <c r="B44903" s="14" t="s">
        <v>1</v>
      </c>
      <c r="C44903" s="14" t="s">
        <v>109</v>
      </c>
      <c r="D44903" s="14" t="s">
        <v>81</v>
      </c>
      <c r="E44903" s="15">
        <v>45384</v>
      </c>
      <c r="F44903" s="14" t="s">
        <v>15</v>
      </c>
      <c r="G44903" s="16">
        <v>0</v>
      </c>
    </row>
    <row r="44904" spans="1:7" x14ac:dyDescent="0.3">
      <c r="A44904" s="13" t="s">
        <v>261</v>
      </c>
      <c r="B44904" s="14" t="s">
        <v>1</v>
      </c>
      <c r="C44904" s="14" t="s">
        <v>109</v>
      </c>
      <c r="D44904" s="14" t="s">
        <v>81</v>
      </c>
      <c r="E44904" s="15">
        <v>45385</v>
      </c>
      <c r="F44904" s="14" t="s">
        <v>15</v>
      </c>
      <c r="G44904" s="16">
        <v>0</v>
      </c>
    </row>
    <row r="44905" spans="1:7" x14ac:dyDescent="0.3">
      <c r="A44905" s="13" t="s">
        <v>261</v>
      </c>
      <c r="B44905" s="14" t="s">
        <v>1</v>
      </c>
      <c r="C44905" s="14" t="s">
        <v>109</v>
      </c>
      <c r="D44905" s="14" t="s">
        <v>81</v>
      </c>
      <c r="E44905" s="15">
        <v>45386</v>
      </c>
      <c r="F44905" s="14" t="s">
        <v>15</v>
      </c>
      <c r="G44905" s="16">
        <v>0</v>
      </c>
    </row>
    <row r="44906" spans="1:7" x14ac:dyDescent="0.3">
      <c r="A44906" s="13" t="s">
        <v>261</v>
      </c>
      <c r="B44906" s="14" t="s">
        <v>1</v>
      </c>
      <c r="C44906" s="14" t="s">
        <v>109</v>
      </c>
      <c r="D44906" s="14" t="s">
        <v>81</v>
      </c>
      <c r="E44906" s="15">
        <v>45387</v>
      </c>
      <c r="F44906" s="14" t="s">
        <v>15</v>
      </c>
      <c r="G44906" s="16">
        <v>0</v>
      </c>
    </row>
    <row r="44907" spans="1:7" x14ac:dyDescent="0.3">
      <c r="A44907" s="13" t="s">
        <v>261</v>
      </c>
      <c r="B44907" s="14" t="s">
        <v>1</v>
      </c>
      <c r="C44907" s="14" t="s">
        <v>109</v>
      </c>
      <c r="D44907" s="14" t="s">
        <v>81</v>
      </c>
      <c r="E44907" s="15">
        <v>45388</v>
      </c>
      <c r="F44907" s="14" t="s">
        <v>15</v>
      </c>
      <c r="G44907" s="16">
        <v>0</v>
      </c>
    </row>
    <row r="44908" spans="1:7" x14ac:dyDescent="0.3">
      <c r="A44908" s="13" t="s">
        <v>261</v>
      </c>
      <c r="B44908" s="14" t="s">
        <v>1</v>
      </c>
      <c r="C44908" s="14" t="s">
        <v>109</v>
      </c>
      <c r="D44908" s="14" t="s">
        <v>81</v>
      </c>
      <c r="E44908" s="15">
        <v>45389</v>
      </c>
      <c r="F44908" s="14" t="s">
        <v>15</v>
      </c>
      <c r="G44908" s="16">
        <v>0</v>
      </c>
    </row>
    <row r="44909" spans="1:7" x14ac:dyDescent="0.3">
      <c r="A44909" s="13" t="s">
        <v>261</v>
      </c>
      <c r="B44909" s="14" t="s">
        <v>1</v>
      </c>
      <c r="C44909" s="14" t="s">
        <v>109</v>
      </c>
      <c r="D44909" s="14" t="s">
        <v>81</v>
      </c>
      <c r="E44909" s="15">
        <v>45390</v>
      </c>
      <c r="F44909" s="14" t="s">
        <v>15</v>
      </c>
      <c r="G44909" s="16">
        <v>0</v>
      </c>
    </row>
    <row r="44910" spans="1:7" x14ac:dyDescent="0.3">
      <c r="A44910" s="13" t="s">
        <v>261</v>
      </c>
      <c r="B44910" s="14" t="s">
        <v>1</v>
      </c>
      <c r="C44910" s="14" t="s">
        <v>109</v>
      </c>
      <c r="D44910" s="14" t="s">
        <v>81</v>
      </c>
      <c r="E44910" s="15">
        <v>45391</v>
      </c>
      <c r="F44910" s="14" t="s">
        <v>15</v>
      </c>
      <c r="G44910" s="16">
        <v>0</v>
      </c>
    </row>
    <row r="44911" spans="1:7" x14ac:dyDescent="0.3">
      <c r="A44911" s="13" t="s">
        <v>261</v>
      </c>
      <c r="B44911" s="14" t="s">
        <v>1</v>
      </c>
      <c r="C44911" s="14" t="s">
        <v>109</v>
      </c>
      <c r="D44911" s="14" t="s">
        <v>81</v>
      </c>
      <c r="E44911" s="15">
        <v>45392</v>
      </c>
      <c r="F44911" s="14" t="s">
        <v>15</v>
      </c>
      <c r="G44911" s="16">
        <v>0</v>
      </c>
    </row>
    <row r="44912" spans="1:7" x14ac:dyDescent="0.3">
      <c r="A44912" s="13" t="s">
        <v>261</v>
      </c>
      <c r="B44912" s="14" t="s">
        <v>1</v>
      </c>
      <c r="C44912" s="14" t="s">
        <v>109</v>
      </c>
      <c r="D44912" s="14" t="s">
        <v>81</v>
      </c>
      <c r="E44912" s="15">
        <v>45393</v>
      </c>
      <c r="F44912" s="14" t="s">
        <v>15</v>
      </c>
      <c r="G44912" s="16">
        <v>0</v>
      </c>
    </row>
    <row r="44913" spans="1:7" x14ac:dyDescent="0.3">
      <c r="A44913" s="13" t="s">
        <v>261</v>
      </c>
      <c r="B44913" s="14" t="s">
        <v>1</v>
      </c>
      <c r="C44913" s="14" t="s">
        <v>109</v>
      </c>
      <c r="D44913" s="14" t="s">
        <v>81</v>
      </c>
      <c r="E44913" s="15">
        <v>45394</v>
      </c>
      <c r="F44913" s="14" t="s">
        <v>15</v>
      </c>
      <c r="G44913" s="16">
        <v>0</v>
      </c>
    </row>
    <row r="44914" spans="1:7" x14ac:dyDescent="0.3">
      <c r="A44914" s="13" t="s">
        <v>261</v>
      </c>
      <c r="B44914" s="14" t="s">
        <v>1</v>
      </c>
      <c r="C44914" s="14" t="s">
        <v>109</v>
      </c>
      <c r="D44914" s="14" t="s">
        <v>81</v>
      </c>
      <c r="E44914" s="15">
        <v>45395</v>
      </c>
      <c r="F44914" s="14" t="s">
        <v>15</v>
      </c>
      <c r="G44914" s="16">
        <v>0</v>
      </c>
    </row>
    <row r="44915" spans="1:7" x14ac:dyDescent="0.3">
      <c r="A44915" s="13" t="s">
        <v>261</v>
      </c>
      <c r="B44915" s="14" t="s">
        <v>1</v>
      </c>
      <c r="C44915" s="14" t="s">
        <v>109</v>
      </c>
      <c r="D44915" s="14" t="s">
        <v>81</v>
      </c>
      <c r="E44915" s="15">
        <v>45396</v>
      </c>
      <c r="F44915" s="14" t="s">
        <v>15</v>
      </c>
      <c r="G44915" s="16">
        <v>0</v>
      </c>
    </row>
    <row r="44916" spans="1:7" x14ac:dyDescent="0.3">
      <c r="A44916" s="13" t="s">
        <v>261</v>
      </c>
      <c r="B44916" s="14" t="s">
        <v>1</v>
      </c>
      <c r="C44916" s="14" t="s">
        <v>109</v>
      </c>
      <c r="D44916" s="14" t="s">
        <v>81</v>
      </c>
      <c r="E44916" s="15">
        <v>45397</v>
      </c>
      <c r="F44916" s="14" t="s">
        <v>15</v>
      </c>
      <c r="G44916" s="16">
        <v>0</v>
      </c>
    </row>
    <row r="44917" spans="1:7" x14ac:dyDescent="0.3">
      <c r="A44917" s="13" t="s">
        <v>261</v>
      </c>
      <c r="B44917" s="14" t="s">
        <v>1</v>
      </c>
      <c r="C44917" s="14" t="s">
        <v>109</v>
      </c>
      <c r="D44917" s="14" t="s">
        <v>81</v>
      </c>
      <c r="E44917" s="15">
        <v>45398</v>
      </c>
      <c r="F44917" s="14" t="s">
        <v>15</v>
      </c>
      <c r="G44917" s="16">
        <v>0</v>
      </c>
    </row>
    <row r="44918" spans="1:7" x14ac:dyDescent="0.3">
      <c r="A44918" s="13" t="s">
        <v>261</v>
      </c>
      <c r="B44918" s="14" t="s">
        <v>1</v>
      </c>
      <c r="C44918" s="14" t="s">
        <v>109</v>
      </c>
      <c r="D44918" s="14" t="s">
        <v>81</v>
      </c>
      <c r="E44918" s="15">
        <v>45399</v>
      </c>
      <c r="F44918" s="14" t="s">
        <v>15</v>
      </c>
      <c r="G44918" s="16">
        <v>0</v>
      </c>
    </row>
    <row r="44919" spans="1:7" x14ac:dyDescent="0.3">
      <c r="A44919" s="13" t="s">
        <v>261</v>
      </c>
      <c r="B44919" s="14" t="s">
        <v>1</v>
      </c>
      <c r="C44919" s="14" t="s">
        <v>109</v>
      </c>
      <c r="D44919" s="14" t="s">
        <v>81</v>
      </c>
      <c r="E44919" s="15">
        <v>45400</v>
      </c>
      <c r="F44919" s="14" t="s">
        <v>15</v>
      </c>
      <c r="G44919" s="16">
        <v>0</v>
      </c>
    </row>
    <row r="44920" spans="1:7" x14ac:dyDescent="0.3">
      <c r="A44920" s="13" t="s">
        <v>261</v>
      </c>
      <c r="B44920" s="14" t="s">
        <v>1</v>
      </c>
      <c r="C44920" s="14" t="s">
        <v>109</v>
      </c>
      <c r="D44920" s="14" t="s">
        <v>81</v>
      </c>
      <c r="E44920" s="15">
        <v>45401</v>
      </c>
      <c r="F44920" s="14" t="s">
        <v>15</v>
      </c>
      <c r="G44920" s="16">
        <v>0</v>
      </c>
    </row>
    <row r="44921" spans="1:7" x14ac:dyDescent="0.3">
      <c r="A44921" s="13" t="s">
        <v>261</v>
      </c>
      <c r="B44921" s="14" t="s">
        <v>1</v>
      </c>
      <c r="C44921" s="14" t="s">
        <v>109</v>
      </c>
      <c r="D44921" s="14" t="s">
        <v>81</v>
      </c>
      <c r="E44921" s="15">
        <v>45402</v>
      </c>
      <c r="F44921" s="14" t="s">
        <v>15</v>
      </c>
      <c r="G44921" s="16">
        <v>0</v>
      </c>
    </row>
    <row r="44922" spans="1:7" x14ac:dyDescent="0.3">
      <c r="A44922" s="13" t="s">
        <v>261</v>
      </c>
      <c r="B44922" s="14" t="s">
        <v>1</v>
      </c>
      <c r="C44922" s="14" t="s">
        <v>109</v>
      </c>
      <c r="D44922" s="14" t="s">
        <v>81</v>
      </c>
      <c r="E44922" s="15">
        <v>45403</v>
      </c>
      <c r="F44922" s="14" t="s">
        <v>15</v>
      </c>
      <c r="G44922" s="16">
        <v>0</v>
      </c>
    </row>
    <row r="44923" spans="1:7" x14ac:dyDescent="0.3">
      <c r="A44923" s="13" t="s">
        <v>261</v>
      </c>
      <c r="B44923" s="14" t="s">
        <v>1</v>
      </c>
      <c r="C44923" s="14" t="s">
        <v>109</v>
      </c>
      <c r="D44923" s="14" t="s">
        <v>81</v>
      </c>
      <c r="E44923" s="15">
        <v>45404</v>
      </c>
      <c r="F44923" s="14" t="s">
        <v>15</v>
      </c>
      <c r="G44923" s="16">
        <v>0</v>
      </c>
    </row>
    <row r="44924" spans="1:7" x14ac:dyDescent="0.3">
      <c r="A44924" s="13" t="s">
        <v>261</v>
      </c>
      <c r="B44924" s="14" t="s">
        <v>1</v>
      </c>
      <c r="C44924" s="14" t="s">
        <v>109</v>
      </c>
      <c r="D44924" s="14" t="s">
        <v>81</v>
      </c>
      <c r="E44924" s="15">
        <v>45405</v>
      </c>
      <c r="F44924" s="14" t="s">
        <v>15</v>
      </c>
      <c r="G44924" s="16">
        <v>0</v>
      </c>
    </row>
    <row r="44925" spans="1:7" x14ac:dyDescent="0.3">
      <c r="A44925" s="13" t="s">
        <v>261</v>
      </c>
      <c r="B44925" s="14" t="s">
        <v>1</v>
      </c>
      <c r="C44925" s="14" t="s">
        <v>109</v>
      </c>
      <c r="D44925" s="14" t="s">
        <v>81</v>
      </c>
      <c r="E44925" s="15">
        <v>45406</v>
      </c>
      <c r="F44925" s="14" t="s">
        <v>15</v>
      </c>
      <c r="G44925" s="16">
        <v>0</v>
      </c>
    </row>
    <row r="44926" spans="1:7" x14ac:dyDescent="0.3">
      <c r="A44926" s="13" t="s">
        <v>261</v>
      </c>
      <c r="B44926" s="14" t="s">
        <v>1</v>
      </c>
      <c r="C44926" s="14" t="s">
        <v>109</v>
      </c>
      <c r="D44926" s="14" t="s">
        <v>81</v>
      </c>
      <c r="E44926" s="15">
        <v>45407</v>
      </c>
      <c r="F44926" s="14" t="s">
        <v>15</v>
      </c>
      <c r="G44926" s="16">
        <v>0</v>
      </c>
    </row>
    <row r="44927" spans="1:7" x14ac:dyDescent="0.3">
      <c r="A44927" s="13" t="s">
        <v>261</v>
      </c>
      <c r="B44927" s="14" t="s">
        <v>1</v>
      </c>
      <c r="C44927" s="14" t="s">
        <v>109</v>
      </c>
      <c r="D44927" s="14" t="s">
        <v>81</v>
      </c>
      <c r="E44927" s="15">
        <v>45408</v>
      </c>
      <c r="F44927" s="14" t="s">
        <v>15</v>
      </c>
      <c r="G44927" s="16">
        <v>0</v>
      </c>
    </row>
    <row r="44928" spans="1:7" x14ac:dyDescent="0.3">
      <c r="A44928" s="13" t="s">
        <v>261</v>
      </c>
      <c r="B44928" s="14" t="s">
        <v>1</v>
      </c>
      <c r="C44928" s="14" t="s">
        <v>109</v>
      </c>
      <c r="D44928" s="14" t="s">
        <v>81</v>
      </c>
      <c r="E44928" s="15">
        <v>45409</v>
      </c>
      <c r="F44928" s="14" t="s">
        <v>15</v>
      </c>
      <c r="G44928" s="16">
        <v>0</v>
      </c>
    </row>
    <row r="44929" spans="1:7" x14ac:dyDescent="0.3">
      <c r="A44929" s="13" t="s">
        <v>261</v>
      </c>
      <c r="B44929" s="14" t="s">
        <v>1</v>
      </c>
      <c r="C44929" s="14" t="s">
        <v>109</v>
      </c>
      <c r="D44929" s="14" t="s">
        <v>81</v>
      </c>
      <c r="E44929" s="15">
        <v>45410</v>
      </c>
      <c r="F44929" s="14" t="s">
        <v>15</v>
      </c>
      <c r="G44929" s="16">
        <v>0</v>
      </c>
    </row>
    <row r="44930" spans="1:7" x14ac:dyDescent="0.3">
      <c r="A44930" s="13" t="s">
        <v>261</v>
      </c>
      <c r="B44930" s="14" t="s">
        <v>1</v>
      </c>
      <c r="C44930" s="14" t="s">
        <v>109</v>
      </c>
      <c r="D44930" s="14" t="s">
        <v>81</v>
      </c>
      <c r="E44930" s="15">
        <v>45411</v>
      </c>
      <c r="F44930" s="14" t="s">
        <v>15</v>
      </c>
      <c r="G44930" s="16">
        <v>0</v>
      </c>
    </row>
    <row r="44931" spans="1:7" x14ac:dyDescent="0.3">
      <c r="A44931" s="13" t="s">
        <v>261</v>
      </c>
      <c r="B44931" s="14" t="s">
        <v>1</v>
      </c>
      <c r="C44931" s="14" t="s">
        <v>109</v>
      </c>
      <c r="D44931" s="14" t="s">
        <v>81</v>
      </c>
      <c r="E44931" s="15">
        <v>45412</v>
      </c>
      <c r="F44931" s="14" t="s">
        <v>15</v>
      </c>
      <c r="G44931" s="16">
        <v>0</v>
      </c>
    </row>
    <row r="44932" spans="1:7" x14ac:dyDescent="0.3">
      <c r="A44932" s="13" t="s">
        <v>261</v>
      </c>
      <c r="B44932" s="14" t="s">
        <v>1</v>
      </c>
      <c r="C44932" s="14" t="s">
        <v>109</v>
      </c>
      <c r="D44932" s="14" t="s">
        <v>81</v>
      </c>
      <c r="E44932" s="15">
        <v>45413</v>
      </c>
      <c r="F44932" s="14" t="s">
        <v>15</v>
      </c>
      <c r="G44932" s="16">
        <v>0</v>
      </c>
    </row>
    <row r="44933" spans="1:7" x14ac:dyDescent="0.3">
      <c r="A44933" s="13" t="s">
        <v>261</v>
      </c>
      <c r="B44933" s="14" t="s">
        <v>1</v>
      </c>
      <c r="C44933" s="14" t="s">
        <v>109</v>
      </c>
      <c r="D44933" s="14" t="s">
        <v>81</v>
      </c>
      <c r="E44933" s="15">
        <v>45414</v>
      </c>
      <c r="F44933" s="14" t="s">
        <v>15</v>
      </c>
      <c r="G44933" s="16">
        <v>0</v>
      </c>
    </row>
    <row r="44934" spans="1:7" x14ac:dyDescent="0.3">
      <c r="A44934" s="13" t="s">
        <v>261</v>
      </c>
      <c r="B44934" s="14" t="s">
        <v>1</v>
      </c>
      <c r="C44934" s="14" t="s">
        <v>109</v>
      </c>
      <c r="D44934" s="14" t="s">
        <v>81</v>
      </c>
      <c r="E44934" s="15">
        <v>45415</v>
      </c>
      <c r="F44934" s="14" t="s">
        <v>15</v>
      </c>
      <c r="G44934" s="16">
        <v>0</v>
      </c>
    </row>
    <row r="44935" spans="1:7" x14ac:dyDescent="0.3">
      <c r="A44935" s="13" t="s">
        <v>261</v>
      </c>
      <c r="B44935" s="14" t="s">
        <v>1</v>
      </c>
      <c r="C44935" s="14" t="s">
        <v>109</v>
      </c>
      <c r="D44935" s="14" t="s">
        <v>81</v>
      </c>
      <c r="E44935" s="15">
        <v>45416</v>
      </c>
      <c r="F44935" s="14" t="s">
        <v>15</v>
      </c>
      <c r="G44935" s="16">
        <v>0</v>
      </c>
    </row>
    <row r="44936" spans="1:7" x14ac:dyDescent="0.3">
      <c r="A44936" s="13" t="s">
        <v>261</v>
      </c>
      <c r="B44936" s="14" t="s">
        <v>1</v>
      </c>
      <c r="C44936" s="14" t="s">
        <v>109</v>
      </c>
      <c r="D44936" s="14" t="s">
        <v>81</v>
      </c>
      <c r="E44936" s="15">
        <v>45417</v>
      </c>
      <c r="F44936" s="14" t="s">
        <v>15</v>
      </c>
      <c r="G44936" s="16">
        <v>0</v>
      </c>
    </row>
    <row r="44937" spans="1:7" x14ac:dyDescent="0.3">
      <c r="A44937" s="13" t="s">
        <v>261</v>
      </c>
      <c r="B44937" s="14" t="s">
        <v>1</v>
      </c>
      <c r="C44937" s="14" t="s">
        <v>109</v>
      </c>
      <c r="D44937" s="14" t="s">
        <v>81</v>
      </c>
      <c r="E44937" s="15">
        <v>45418</v>
      </c>
      <c r="F44937" s="14" t="s">
        <v>15</v>
      </c>
      <c r="G44937" s="16">
        <v>0</v>
      </c>
    </row>
    <row r="44938" spans="1:7" x14ac:dyDescent="0.3">
      <c r="A44938" s="13" t="s">
        <v>261</v>
      </c>
      <c r="B44938" s="14" t="s">
        <v>1</v>
      </c>
      <c r="C44938" s="14" t="s">
        <v>109</v>
      </c>
      <c r="D44938" s="14" t="s">
        <v>81</v>
      </c>
      <c r="E44938" s="15">
        <v>45419</v>
      </c>
      <c r="F44938" s="14" t="s">
        <v>15</v>
      </c>
      <c r="G44938" s="16">
        <v>0</v>
      </c>
    </row>
    <row r="44939" spans="1:7" x14ac:dyDescent="0.3">
      <c r="A44939" s="13" t="s">
        <v>261</v>
      </c>
      <c r="B44939" s="14" t="s">
        <v>1</v>
      </c>
      <c r="C44939" s="14" t="s">
        <v>109</v>
      </c>
      <c r="D44939" s="14" t="s">
        <v>81</v>
      </c>
      <c r="E44939" s="15">
        <v>45420</v>
      </c>
      <c r="F44939" s="14" t="s">
        <v>15</v>
      </c>
      <c r="G44939" s="16">
        <v>0</v>
      </c>
    </row>
    <row r="44940" spans="1:7" x14ac:dyDescent="0.3">
      <c r="A44940" s="13" t="s">
        <v>261</v>
      </c>
      <c r="B44940" s="14" t="s">
        <v>1</v>
      </c>
      <c r="C44940" s="14" t="s">
        <v>109</v>
      </c>
      <c r="D44940" s="14" t="s">
        <v>81</v>
      </c>
      <c r="E44940" s="15">
        <v>45421</v>
      </c>
      <c r="F44940" s="14" t="s">
        <v>15</v>
      </c>
      <c r="G44940" s="16">
        <v>0</v>
      </c>
    </row>
    <row r="44941" spans="1:7" x14ac:dyDescent="0.3">
      <c r="A44941" s="13" t="s">
        <v>261</v>
      </c>
      <c r="B44941" s="14" t="s">
        <v>1</v>
      </c>
      <c r="C44941" s="14" t="s">
        <v>109</v>
      </c>
      <c r="D44941" s="14" t="s">
        <v>81</v>
      </c>
      <c r="E44941" s="15">
        <v>45422</v>
      </c>
      <c r="F44941" s="14" t="s">
        <v>15</v>
      </c>
      <c r="G44941" s="16">
        <v>0</v>
      </c>
    </row>
    <row r="44942" spans="1:7" x14ac:dyDescent="0.3">
      <c r="A44942" s="13" t="s">
        <v>261</v>
      </c>
      <c r="B44942" s="14" t="s">
        <v>1</v>
      </c>
      <c r="C44942" s="14" t="s">
        <v>109</v>
      </c>
      <c r="D44942" s="14" t="s">
        <v>81</v>
      </c>
      <c r="E44942" s="15">
        <v>45423</v>
      </c>
      <c r="F44942" s="14" t="s">
        <v>15</v>
      </c>
      <c r="G44942" s="16">
        <v>0</v>
      </c>
    </row>
    <row r="44943" spans="1:7" x14ac:dyDescent="0.3">
      <c r="A44943" s="13" t="s">
        <v>261</v>
      </c>
      <c r="B44943" s="14" t="s">
        <v>1</v>
      </c>
      <c r="C44943" s="14" t="s">
        <v>109</v>
      </c>
      <c r="D44943" s="14" t="s">
        <v>81</v>
      </c>
      <c r="E44943" s="15">
        <v>45424</v>
      </c>
      <c r="F44943" s="14" t="s">
        <v>15</v>
      </c>
      <c r="G44943" s="16">
        <v>0</v>
      </c>
    </row>
    <row r="44944" spans="1:7" x14ac:dyDescent="0.3">
      <c r="A44944" s="13" t="s">
        <v>261</v>
      </c>
      <c r="B44944" s="14" t="s">
        <v>1</v>
      </c>
      <c r="C44944" s="14" t="s">
        <v>109</v>
      </c>
      <c r="D44944" s="14" t="s">
        <v>81</v>
      </c>
      <c r="E44944" s="15">
        <v>45425</v>
      </c>
      <c r="F44944" s="14" t="s">
        <v>15</v>
      </c>
      <c r="G44944" s="16">
        <v>0</v>
      </c>
    </row>
    <row r="44945" spans="1:7" x14ac:dyDescent="0.3">
      <c r="A44945" s="13" t="s">
        <v>261</v>
      </c>
      <c r="B44945" s="14" t="s">
        <v>1</v>
      </c>
      <c r="C44945" s="14" t="s">
        <v>109</v>
      </c>
      <c r="D44945" s="14" t="s">
        <v>81</v>
      </c>
      <c r="E44945" s="15">
        <v>45426</v>
      </c>
      <c r="F44945" s="14" t="s">
        <v>15</v>
      </c>
      <c r="G44945" s="16">
        <v>0</v>
      </c>
    </row>
    <row r="44946" spans="1:7" x14ac:dyDescent="0.3">
      <c r="A44946" s="13" t="s">
        <v>261</v>
      </c>
      <c r="B44946" s="14" t="s">
        <v>1</v>
      </c>
      <c r="C44946" s="14" t="s">
        <v>109</v>
      </c>
      <c r="D44946" s="14" t="s">
        <v>81</v>
      </c>
      <c r="E44946" s="15">
        <v>45427</v>
      </c>
      <c r="F44946" s="14" t="s">
        <v>15</v>
      </c>
      <c r="G44946" s="16">
        <v>0</v>
      </c>
    </row>
    <row r="44947" spans="1:7" x14ac:dyDescent="0.3">
      <c r="A44947" s="13" t="s">
        <v>261</v>
      </c>
      <c r="B44947" s="14" t="s">
        <v>1</v>
      </c>
      <c r="C44947" s="14" t="s">
        <v>109</v>
      </c>
      <c r="D44947" s="14" t="s">
        <v>81</v>
      </c>
      <c r="E44947" s="15">
        <v>45428</v>
      </c>
      <c r="F44947" s="14" t="s">
        <v>15</v>
      </c>
      <c r="G44947" s="16">
        <v>0</v>
      </c>
    </row>
    <row r="44948" spans="1:7" x14ac:dyDescent="0.3">
      <c r="A44948" s="13" t="s">
        <v>261</v>
      </c>
      <c r="B44948" s="14" t="s">
        <v>1</v>
      </c>
      <c r="C44948" s="14" t="s">
        <v>109</v>
      </c>
      <c r="D44948" s="14" t="s">
        <v>81</v>
      </c>
      <c r="E44948" s="15">
        <v>45429</v>
      </c>
      <c r="F44948" s="14" t="s">
        <v>15</v>
      </c>
      <c r="G44948" s="16">
        <v>0</v>
      </c>
    </row>
    <row r="44949" spans="1:7" x14ac:dyDescent="0.3">
      <c r="A44949" s="13" t="s">
        <v>261</v>
      </c>
      <c r="B44949" s="14" t="s">
        <v>1</v>
      </c>
      <c r="C44949" s="14" t="s">
        <v>109</v>
      </c>
      <c r="D44949" s="14" t="s">
        <v>81</v>
      </c>
      <c r="E44949" s="15">
        <v>45430</v>
      </c>
      <c r="F44949" s="14" t="s">
        <v>15</v>
      </c>
      <c r="G44949" s="16">
        <v>0</v>
      </c>
    </row>
    <row r="44950" spans="1:7" x14ac:dyDescent="0.3">
      <c r="A44950" s="13" t="s">
        <v>261</v>
      </c>
      <c r="B44950" s="14" t="s">
        <v>1</v>
      </c>
      <c r="C44950" s="14" t="s">
        <v>109</v>
      </c>
      <c r="D44950" s="14" t="s">
        <v>81</v>
      </c>
      <c r="E44950" s="15">
        <v>45431</v>
      </c>
      <c r="F44950" s="14" t="s">
        <v>15</v>
      </c>
      <c r="G44950" s="16">
        <v>0</v>
      </c>
    </row>
    <row r="44951" spans="1:7" x14ac:dyDescent="0.3">
      <c r="A44951" s="13" t="s">
        <v>261</v>
      </c>
      <c r="B44951" s="14" t="s">
        <v>1</v>
      </c>
      <c r="C44951" s="14" t="s">
        <v>109</v>
      </c>
      <c r="D44951" s="14" t="s">
        <v>81</v>
      </c>
      <c r="E44951" s="15">
        <v>45432</v>
      </c>
      <c r="F44951" s="14" t="s">
        <v>15</v>
      </c>
      <c r="G44951" s="16">
        <v>0</v>
      </c>
    </row>
    <row r="44952" spans="1:7" x14ac:dyDescent="0.3">
      <c r="A44952" s="13" t="s">
        <v>261</v>
      </c>
      <c r="B44952" s="14" t="s">
        <v>1</v>
      </c>
      <c r="C44952" s="14" t="s">
        <v>109</v>
      </c>
      <c r="D44952" s="14" t="s">
        <v>81</v>
      </c>
      <c r="E44952" s="15">
        <v>45433</v>
      </c>
      <c r="F44952" s="14" t="s">
        <v>15</v>
      </c>
      <c r="G44952" s="16">
        <v>0</v>
      </c>
    </row>
    <row r="44953" spans="1:7" x14ac:dyDescent="0.3">
      <c r="A44953" s="13" t="s">
        <v>261</v>
      </c>
      <c r="B44953" s="14" t="s">
        <v>1</v>
      </c>
      <c r="C44953" s="14" t="s">
        <v>109</v>
      </c>
      <c r="D44953" s="14" t="s">
        <v>81</v>
      </c>
      <c r="E44953" s="15">
        <v>45434</v>
      </c>
      <c r="F44953" s="14" t="s">
        <v>15</v>
      </c>
      <c r="G44953" s="16">
        <v>0</v>
      </c>
    </row>
    <row r="44954" spans="1:7" x14ac:dyDescent="0.3">
      <c r="A44954" s="13" t="s">
        <v>261</v>
      </c>
      <c r="B44954" s="14" t="s">
        <v>1</v>
      </c>
      <c r="C44954" s="14" t="s">
        <v>109</v>
      </c>
      <c r="D44954" s="14" t="s">
        <v>81</v>
      </c>
      <c r="E44954" s="15">
        <v>45435</v>
      </c>
      <c r="F44954" s="14" t="s">
        <v>15</v>
      </c>
      <c r="G44954" s="16">
        <v>0</v>
      </c>
    </row>
    <row r="44955" spans="1:7" x14ac:dyDescent="0.3">
      <c r="A44955" s="13" t="s">
        <v>261</v>
      </c>
      <c r="B44955" s="14" t="s">
        <v>1</v>
      </c>
      <c r="C44955" s="14" t="s">
        <v>109</v>
      </c>
      <c r="D44955" s="14" t="s">
        <v>81</v>
      </c>
      <c r="E44955" s="15">
        <v>45436</v>
      </c>
      <c r="F44955" s="14" t="s">
        <v>15</v>
      </c>
      <c r="G44955" s="16">
        <v>0</v>
      </c>
    </row>
    <row r="44956" spans="1:7" x14ac:dyDescent="0.3">
      <c r="A44956" s="13" t="s">
        <v>261</v>
      </c>
      <c r="B44956" s="14" t="s">
        <v>1</v>
      </c>
      <c r="C44956" s="14" t="s">
        <v>109</v>
      </c>
      <c r="D44956" s="14" t="s">
        <v>81</v>
      </c>
      <c r="E44956" s="15">
        <v>45437</v>
      </c>
      <c r="F44956" s="14" t="s">
        <v>15</v>
      </c>
      <c r="G44956" s="16">
        <v>0</v>
      </c>
    </row>
    <row r="44957" spans="1:7" x14ac:dyDescent="0.3">
      <c r="A44957" s="13" t="s">
        <v>261</v>
      </c>
      <c r="B44957" s="14" t="s">
        <v>1</v>
      </c>
      <c r="C44957" s="14" t="s">
        <v>109</v>
      </c>
      <c r="D44957" s="14" t="s">
        <v>81</v>
      </c>
      <c r="E44957" s="15">
        <v>45438</v>
      </c>
      <c r="F44957" s="14" t="s">
        <v>15</v>
      </c>
      <c r="G44957" s="16">
        <v>0</v>
      </c>
    </row>
    <row r="44958" spans="1:7" x14ac:dyDescent="0.3">
      <c r="A44958" s="13" t="s">
        <v>261</v>
      </c>
      <c r="B44958" s="14" t="s">
        <v>1</v>
      </c>
      <c r="C44958" s="14" t="s">
        <v>109</v>
      </c>
      <c r="D44958" s="14" t="s">
        <v>81</v>
      </c>
      <c r="E44958" s="15">
        <v>45439</v>
      </c>
      <c r="F44958" s="14" t="s">
        <v>15</v>
      </c>
      <c r="G44958" s="16">
        <v>0</v>
      </c>
    </row>
    <row r="44959" spans="1:7" x14ac:dyDescent="0.3">
      <c r="A44959" s="13" t="s">
        <v>261</v>
      </c>
      <c r="B44959" s="14" t="s">
        <v>1</v>
      </c>
      <c r="C44959" s="14" t="s">
        <v>109</v>
      </c>
      <c r="D44959" s="14" t="s">
        <v>81</v>
      </c>
      <c r="E44959" s="15">
        <v>45440</v>
      </c>
      <c r="F44959" s="14" t="s">
        <v>15</v>
      </c>
      <c r="G44959" s="16">
        <v>0</v>
      </c>
    </row>
    <row r="44960" spans="1:7" x14ac:dyDescent="0.3">
      <c r="A44960" s="13" t="s">
        <v>261</v>
      </c>
      <c r="B44960" s="14" t="s">
        <v>1</v>
      </c>
      <c r="C44960" s="14" t="s">
        <v>109</v>
      </c>
      <c r="D44960" s="14" t="s">
        <v>81</v>
      </c>
      <c r="E44960" s="15">
        <v>45441</v>
      </c>
      <c r="F44960" s="14" t="s">
        <v>15</v>
      </c>
      <c r="G44960" s="16">
        <v>0</v>
      </c>
    </row>
    <row r="44961" spans="1:7" x14ac:dyDescent="0.3">
      <c r="A44961" s="13" t="s">
        <v>261</v>
      </c>
      <c r="B44961" s="14" t="s">
        <v>1</v>
      </c>
      <c r="C44961" s="14" t="s">
        <v>109</v>
      </c>
      <c r="D44961" s="14" t="s">
        <v>81</v>
      </c>
      <c r="E44961" s="15">
        <v>45442</v>
      </c>
      <c r="F44961" s="14" t="s">
        <v>15</v>
      </c>
      <c r="G44961" s="16">
        <v>0</v>
      </c>
    </row>
    <row r="44962" spans="1:7" x14ac:dyDescent="0.3">
      <c r="A44962" s="13" t="s">
        <v>261</v>
      </c>
      <c r="B44962" s="14" t="s">
        <v>1</v>
      </c>
      <c r="C44962" s="14" t="s">
        <v>109</v>
      </c>
      <c r="D44962" s="14" t="s">
        <v>81</v>
      </c>
      <c r="E44962" s="15">
        <v>45443</v>
      </c>
      <c r="F44962" s="14" t="s">
        <v>15</v>
      </c>
      <c r="G44962" s="16">
        <v>0</v>
      </c>
    </row>
    <row r="44963" spans="1:7" x14ac:dyDescent="0.3">
      <c r="A44963" s="13" t="s">
        <v>261</v>
      </c>
      <c r="B44963" s="14" t="s">
        <v>1</v>
      </c>
      <c r="C44963" s="14" t="s">
        <v>109</v>
      </c>
      <c r="D44963" s="14" t="s">
        <v>81</v>
      </c>
      <c r="E44963" s="15">
        <v>45444</v>
      </c>
      <c r="F44963" s="14" t="s">
        <v>15</v>
      </c>
      <c r="G44963" s="16">
        <v>0</v>
      </c>
    </row>
    <row r="44964" spans="1:7" x14ac:dyDescent="0.3">
      <c r="A44964" s="13" t="s">
        <v>261</v>
      </c>
      <c r="B44964" s="14" t="s">
        <v>1</v>
      </c>
      <c r="C44964" s="14" t="s">
        <v>109</v>
      </c>
      <c r="D44964" s="14" t="s">
        <v>81</v>
      </c>
      <c r="E44964" s="15">
        <v>45445</v>
      </c>
      <c r="F44964" s="14" t="s">
        <v>15</v>
      </c>
      <c r="G44964" s="16">
        <v>0</v>
      </c>
    </row>
    <row r="44965" spans="1:7" x14ac:dyDescent="0.3">
      <c r="A44965" s="13" t="s">
        <v>261</v>
      </c>
      <c r="B44965" s="14" t="s">
        <v>1</v>
      </c>
      <c r="C44965" s="14" t="s">
        <v>109</v>
      </c>
      <c r="D44965" s="14" t="s">
        <v>81</v>
      </c>
      <c r="E44965" s="15">
        <v>45446</v>
      </c>
      <c r="F44965" s="14" t="s">
        <v>15</v>
      </c>
      <c r="G44965" s="16">
        <v>0</v>
      </c>
    </row>
    <row r="44966" spans="1:7" x14ac:dyDescent="0.3">
      <c r="A44966" s="13" t="s">
        <v>261</v>
      </c>
      <c r="B44966" s="14" t="s">
        <v>1</v>
      </c>
      <c r="C44966" s="14" t="s">
        <v>109</v>
      </c>
      <c r="D44966" s="14" t="s">
        <v>81</v>
      </c>
      <c r="E44966" s="15">
        <v>45447</v>
      </c>
      <c r="F44966" s="14" t="s">
        <v>15</v>
      </c>
      <c r="G44966" s="16">
        <v>0</v>
      </c>
    </row>
    <row r="44967" spans="1:7" x14ac:dyDescent="0.3">
      <c r="A44967" s="13" t="s">
        <v>261</v>
      </c>
      <c r="B44967" s="14" t="s">
        <v>1</v>
      </c>
      <c r="C44967" s="14" t="s">
        <v>109</v>
      </c>
      <c r="D44967" s="14" t="s">
        <v>81</v>
      </c>
      <c r="E44967" s="15">
        <v>45448</v>
      </c>
      <c r="F44967" s="14" t="s">
        <v>15</v>
      </c>
      <c r="G44967" s="16">
        <v>0</v>
      </c>
    </row>
    <row r="44968" spans="1:7" x14ac:dyDescent="0.3">
      <c r="A44968" s="13" t="s">
        <v>261</v>
      </c>
      <c r="B44968" s="14" t="s">
        <v>1</v>
      </c>
      <c r="C44968" s="14" t="s">
        <v>109</v>
      </c>
      <c r="D44968" s="14" t="s">
        <v>81</v>
      </c>
      <c r="E44968" s="15">
        <v>45449</v>
      </c>
      <c r="F44968" s="14" t="s">
        <v>15</v>
      </c>
      <c r="G44968" s="16">
        <v>0</v>
      </c>
    </row>
    <row r="44969" spans="1:7" x14ac:dyDescent="0.3">
      <c r="A44969" s="13" t="s">
        <v>261</v>
      </c>
      <c r="B44969" s="14" t="s">
        <v>1</v>
      </c>
      <c r="C44969" s="14" t="s">
        <v>109</v>
      </c>
      <c r="D44969" s="14" t="s">
        <v>81</v>
      </c>
      <c r="E44969" s="15">
        <v>45450</v>
      </c>
      <c r="F44969" s="14" t="s">
        <v>15</v>
      </c>
      <c r="G44969" s="16">
        <v>0</v>
      </c>
    </row>
    <row r="44970" spans="1:7" x14ac:dyDescent="0.3">
      <c r="A44970" s="13" t="s">
        <v>261</v>
      </c>
      <c r="B44970" s="14" t="s">
        <v>1</v>
      </c>
      <c r="C44970" s="14" t="s">
        <v>109</v>
      </c>
      <c r="D44970" s="14" t="s">
        <v>81</v>
      </c>
      <c r="E44970" s="15">
        <v>45451</v>
      </c>
      <c r="F44970" s="14" t="s">
        <v>15</v>
      </c>
      <c r="G44970" s="16">
        <v>0</v>
      </c>
    </row>
    <row r="44971" spans="1:7" x14ac:dyDescent="0.3">
      <c r="A44971" s="13" t="s">
        <v>261</v>
      </c>
      <c r="B44971" s="14" t="s">
        <v>1</v>
      </c>
      <c r="C44971" s="14" t="s">
        <v>109</v>
      </c>
      <c r="D44971" s="14" t="s">
        <v>81</v>
      </c>
      <c r="E44971" s="15">
        <v>45452</v>
      </c>
      <c r="F44971" s="14" t="s">
        <v>15</v>
      </c>
      <c r="G44971" s="16">
        <v>0</v>
      </c>
    </row>
    <row r="44972" spans="1:7" x14ac:dyDescent="0.3">
      <c r="A44972" s="13" t="s">
        <v>261</v>
      </c>
      <c r="B44972" s="14" t="s">
        <v>1</v>
      </c>
      <c r="C44972" s="14" t="s">
        <v>109</v>
      </c>
      <c r="D44972" s="14" t="s">
        <v>81</v>
      </c>
      <c r="E44972" s="15">
        <v>45453</v>
      </c>
      <c r="F44972" s="14" t="s">
        <v>15</v>
      </c>
      <c r="G44972" s="16">
        <v>0</v>
      </c>
    </row>
    <row r="44973" spans="1:7" x14ac:dyDescent="0.3">
      <c r="A44973" s="13" t="s">
        <v>261</v>
      </c>
      <c r="B44973" s="14" t="s">
        <v>1</v>
      </c>
      <c r="C44973" s="14" t="s">
        <v>109</v>
      </c>
      <c r="D44973" s="14" t="s">
        <v>81</v>
      </c>
      <c r="E44973" s="15">
        <v>45454</v>
      </c>
      <c r="F44973" s="14" t="s">
        <v>15</v>
      </c>
      <c r="G44973" s="16">
        <v>0</v>
      </c>
    </row>
    <row r="44974" spans="1:7" x14ac:dyDescent="0.3">
      <c r="A44974" s="13" t="s">
        <v>261</v>
      </c>
      <c r="B44974" s="14" t="s">
        <v>1</v>
      </c>
      <c r="C44974" s="14" t="s">
        <v>109</v>
      </c>
      <c r="D44974" s="14" t="s">
        <v>81</v>
      </c>
      <c r="E44974" s="15">
        <v>45455</v>
      </c>
      <c r="F44974" s="14" t="s">
        <v>15</v>
      </c>
      <c r="G44974" s="16">
        <v>0</v>
      </c>
    </row>
    <row r="44975" spans="1:7" x14ac:dyDescent="0.3">
      <c r="A44975" s="13" t="s">
        <v>261</v>
      </c>
      <c r="B44975" s="14" t="s">
        <v>1</v>
      </c>
      <c r="C44975" s="14" t="s">
        <v>109</v>
      </c>
      <c r="D44975" s="14" t="s">
        <v>81</v>
      </c>
      <c r="E44975" s="15">
        <v>45456</v>
      </c>
      <c r="F44975" s="14" t="s">
        <v>15</v>
      </c>
      <c r="G44975" s="16">
        <v>0</v>
      </c>
    </row>
    <row r="44976" spans="1:7" x14ac:dyDescent="0.3">
      <c r="A44976" s="13" t="s">
        <v>261</v>
      </c>
      <c r="B44976" s="14" t="s">
        <v>1</v>
      </c>
      <c r="C44976" s="14" t="s">
        <v>109</v>
      </c>
      <c r="D44976" s="14" t="s">
        <v>81</v>
      </c>
      <c r="E44976" s="15">
        <v>45457</v>
      </c>
      <c r="F44976" s="14" t="s">
        <v>15</v>
      </c>
      <c r="G44976" s="16">
        <v>0</v>
      </c>
    </row>
    <row r="44977" spans="1:7" x14ac:dyDescent="0.3">
      <c r="A44977" s="13" t="s">
        <v>261</v>
      </c>
      <c r="B44977" s="14" t="s">
        <v>1</v>
      </c>
      <c r="C44977" s="14" t="s">
        <v>109</v>
      </c>
      <c r="D44977" s="14" t="s">
        <v>81</v>
      </c>
      <c r="E44977" s="15">
        <v>45458</v>
      </c>
      <c r="F44977" s="14" t="s">
        <v>15</v>
      </c>
      <c r="G44977" s="16">
        <v>0</v>
      </c>
    </row>
    <row r="44978" spans="1:7" x14ac:dyDescent="0.3">
      <c r="A44978" s="13" t="s">
        <v>261</v>
      </c>
      <c r="B44978" s="14" t="s">
        <v>1</v>
      </c>
      <c r="C44978" s="14" t="s">
        <v>109</v>
      </c>
      <c r="D44978" s="14" t="s">
        <v>81</v>
      </c>
      <c r="E44978" s="15">
        <v>45459</v>
      </c>
      <c r="F44978" s="14" t="s">
        <v>15</v>
      </c>
      <c r="G44978" s="16">
        <v>0</v>
      </c>
    </row>
    <row r="44979" spans="1:7" x14ac:dyDescent="0.3">
      <c r="A44979" s="13" t="s">
        <v>261</v>
      </c>
      <c r="B44979" s="14" t="s">
        <v>1</v>
      </c>
      <c r="C44979" s="14" t="s">
        <v>109</v>
      </c>
      <c r="D44979" s="14" t="s">
        <v>81</v>
      </c>
      <c r="E44979" s="15">
        <v>45460</v>
      </c>
      <c r="F44979" s="14" t="s">
        <v>15</v>
      </c>
      <c r="G44979" s="16">
        <v>0</v>
      </c>
    </row>
    <row r="44980" spans="1:7" x14ac:dyDescent="0.3">
      <c r="A44980" s="13" t="s">
        <v>261</v>
      </c>
      <c r="B44980" s="14" t="s">
        <v>1</v>
      </c>
      <c r="C44980" s="14" t="s">
        <v>109</v>
      </c>
      <c r="D44980" s="14" t="s">
        <v>81</v>
      </c>
      <c r="E44980" s="15">
        <v>45461</v>
      </c>
      <c r="F44980" s="14" t="s">
        <v>15</v>
      </c>
      <c r="G44980" s="16">
        <v>0</v>
      </c>
    </row>
    <row r="44981" spans="1:7" x14ac:dyDescent="0.3">
      <c r="A44981" s="13" t="s">
        <v>261</v>
      </c>
      <c r="B44981" s="14" t="s">
        <v>1</v>
      </c>
      <c r="C44981" s="14" t="s">
        <v>109</v>
      </c>
      <c r="D44981" s="14" t="s">
        <v>81</v>
      </c>
      <c r="E44981" s="15">
        <v>45462</v>
      </c>
      <c r="F44981" s="14" t="s">
        <v>15</v>
      </c>
      <c r="G44981" s="16">
        <v>0</v>
      </c>
    </row>
    <row r="44982" spans="1:7" x14ac:dyDescent="0.3">
      <c r="A44982" s="13" t="s">
        <v>261</v>
      </c>
      <c r="B44982" s="14" t="s">
        <v>1</v>
      </c>
      <c r="C44982" s="14" t="s">
        <v>109</v>
      </c>
      <c r="D44982" s="14" t="s">
        <v>81</v>
      </c>
      <c r="E44982" s="15">
        <v>45463</v>
      </c>
      <c r="F44982" s="14" t="s">
        <v>15</v>
      </c>
      <c r="G44982" s="16">
        <v>0</v>
      </c>
    </row>
    <row r="44983" spans="1:7" x14ac:dyDescent="0.3">
      <c r="A44983" s="13" t="s">
        <v>261</v>
      </c>
      <c r="B44983" s="14" t="s">
        <v>1</v>
      </c>
      <c r="C44983" s="14" t="s">
        <v>109</v>
      </c>
      <c r="D44983" s="14" t="s">
        <v>81</v>
      </c>
      <c r="E44983" s="15">
        <v>45464</v>
      </c>
      <c r="F44983" s="14" t="s">
        <v>15</v>
      </c>
      <c r="G44983" s="16">
        <v>0</v>
      </c>
    </row>
    <row r="44984" spans="1:7" x14ac:dyDescent="0.3">
      <c r="A44984" s="13" t="s">
        <v>261</v>
      </c>
      <c r="B44984" s="14" t="s">
        <v>1</v>
      </c>
      <c r="C44984" s="14" t="s">
        <v>109</v>
      </c>
      <c r="D44984" s="14" t="s">
        <v>81</v>
      </c>
      <c r="E44984" s="15">
        <v>45465</v>
      </c>
      <c r="F44984" s="14" t="s">
        <v>15</v>
      </c>
      <c r="G44984" s="16">
        <v>0</v>
      </c>
    </row>
    <row r="44985" spans="1:7" x14ac:dyDescent="0.3">
      <c r="A44985" s="13" t="s">
        <v>261</v>
      </c>
      <c r="B44985" s="14" t="s">
        <v>1</v>
      </c>
      <c r="C44985" s="14" t="s">
        <v>109</v>
      </c>
      <c r="D44985" s="14" t="s">
        <v>81</v>
      </c>
      <c r="E44985" s="15">
        <v>45466</v>
      </c>
      <c r="F44985" s="14" t="s">
        <v>15</v>
      </c>
      <c r="G44985" s="16">
        <v>0</v>
      </c>
    </row>
    <row r="44986" spans="1:7" x14ac:dyDescent="0.3">
      <c r="A44986" s="13" t="s">
        <v>261</v>
      </c>
      <c r="B44986" s="14" t="s">
        <v>1</v>
      </c>
      <c r="C44986" s="14" t="s">
        <v>109</v>
      </c>
      <c r="D44986" s="14" t="s">
        <v>81</v>
      </c>
      <c r="E44986" s="15">
        <v>45467</v>
      </c>
      <c r="F44986" s="14" t="s">
        <v>15</v>
      </c>
      <c r="G44986" s="16">
        <v>0</v>
      </c>
    </row>
    <row r="44987" spans="1:7" x14ac:dyDescent="0.3">
      <c r="A44987" s="13" t="s">
        <v>261</v>
      </c>
      <c r="B44987" s="14" t="s">
        <v>1</v>
      </c>
      <c r="C44987" s="14" t="s">
        <v>109</v>
      </c>
      <c r="D44987" s="14" t="s">
        <v>81</v>
      </c>
      <c r="E44987" s="15">
        <v>45468</v>
      </c>
      <c r="F44987" s="14" t="s">
        <v>15</v>
      </c>
      <c r="G44987" s="16">
        <v>0</v>
      </c>
    </row>
    <row r="44988" spans="1:7" x14ac:dyDescent="0.3">
      <c r="A44988" s="13" t="s">
        <v>261</v>
      </c>
      <c r="B44988" s="14" t="s">
        <v>1</v>
      </c>
      <c r="C44988" s="14" t="s">
        <v>109</v>
      </c>
      <c r="D44988" s="14" t="s">
        <v>81</v>
      </c>
      <c r="E44988" s="15">
        <v>45469</v>
      </c>
      <c r="F44988" s="14" t="s">
        <v>15</v>
      </c>
      <c r="G44988" s="16">
        <v>0</v>
      </c>
    </row>
    <row r="44989" spans="1:7" x14ac:dyDescent="0.3">
      <c r="A44989" s="13" t="s">
        <v>261</v>
      </c>
      <c r="B44989" s="14" t="s">
        <v>1</v>
      </c>
      <c r="C44989" s="14" t="s">
        <v>109</v>
      </c>
      <c r="D44989" s="14" t="s">
        <v>81</v>
      </c>
      <c r="E44989" s="15">
        <v>45470</v>
      </c>
      <c r="F44989" s="14" t="s">
        <v>15</v>
      </c>
      <c r="G44989" s="16">
        <v>0</v>
      </c>
    </row>
    <row r="44990" spans="1:7" x14ac:dyDescent="0.3">
      <c r="A44990" s="13" t="s">
        <v>261</v>
      </c>
      <c r="B44990" s="14" t="s">
        <v>1</v>
      </c>
      <c r="C44990" s="14" t="s">
        <v>109</v>
      </c>
      <c r="D44990" s="14" t="s">
        <v>81</v>
      </c>
      <c r="E44990" s="15">
        <v>45471</v>
      </c>
      <c r="F44990" s="14" t="s">
        <v>15</v>
      </c>
      <c r="G44990" s="16">
        <v>0</v>
      </c>
    </row>
    <row r="44991" spans="1:7" x14ac:dyDescent="0.3">
      <c r="A44991" s="13" t="s">
        <v>261</v>
      </c>
      <c r="B44991" s="14" t="s">
        <v>1</v>
      </c>
      <c r="C44991" s="14" t="s">
        <v>109</v>
      </c>
      <c r="D44991" s="14" t="s">
        <v>81</v>
      </c>
      <c r="E44991" s="15">
        <v>45472</v>
      </c>
      <c r="F44991" s="14" t="s">
        <v>15</v>
      </c>
      <c r="G44991" s="16">
        <v>0</v>
      </c>
    </row>
    <row r="44992" spans="1:7" x14ac:dyDescent="0.3">
      <c r="A44992" s="13" t="s">
        <v>261</v>
      </c>
      <c r="B44992" s="14" t="s">
        <v>1</v>
      </c>
      <c r="C44992" s="14" t="s">
        <v>109</v>
      </c>
      <c r="D44992" s="14" t="s">
        <v>81</v>
      </c>
      <c r="E44992" s="15">
        <v>45473</v>
      </c>
      <c r="F44992" s="14" t="s">
        <v>15</v>
      </c>
      <c r="G44992" s="16">
        <v>0</v>
      </c>
    </row>
    <row r="44993" spans="1:7" x14ac:dyDescent="0.3">
      <c r="A44993" s="13" t="s">
        <v>261</v>
      </c>
      <c r="B44993" s="14" t="s">
        <v>1</v>
      </c>
      <c r="C44993" s="14" t="s">
        <v>109</v>
      </c>
      <c r="D44993" s="14" t="s">
        <v>81</v>
      </c>
      <c r="E44993" s="15">
        <v>45474</v>
      </c>
      <c r="F44993" s="14" t="s">
        <v>15</v>
      </c>
      <c r="G44993" s="16">
        <v>0</v>
      </c>
    </row>
    <row r="44994" spans="1:7" x14ac:dyDescent="0.3">
      <c r="A44994" s="13" t="s">
        <v>261</v>
      </c>
      <c r="B44994" s="14" t="s">
        <v>1</v>
      </c>
      <c r="C44994" s="14" t="s">
        <v>109</v>
      </c>
      <c r="D44994" s="14" t="s">
        <v>81</v>
      </c>
      <c r="E44994" s="15">
        <v>45475</v>
      </c>
      <c r="F44994" s="14" t="s">
        <v>15</v>
      </c>
      <c r="G44994" s="16">
        <v>0</v>
      </c>
    </row>
    <row r="44995" spans="1:7" x14ac:dyDescent="0.3">
      <c r="A44995" s="13" t="s">
        <v>261</v>
      </c>
      <c r="B44995" s="14" t="s">
        <v>1</v>
      </c>
      <c r="C44995" s="14" t="s">
        <v>109</v>
      </c>
      <c r="D44995" s="14" t="s">
        <v>81</v>
      </c>
      <c r="E44995" s="15">
        <v>45476</v>
      </c>
      <c r="F44995" s="14" t="s">
        <v>15</v>
      </c>
      <c r="G44995" s="16">
        <v>0</v>
      </c>
    </row>
    <row r="44996" spans="1:7" x14ac:dyDescent="0.3">
      <c r="A44996" s="13" t="s">
        <v>261</v>
      </c>
      <c r="B44996" s="14" t="s">
        <v>1</v>
      </c>
      <c r="C44996" s="14" t="s">
        <v>109</v>
      </c>
      <c r="D44996" s="14" t="s">
        <v>81</v>
      </c>
      <c r="E44996" s="15">
        <v>45477</v>
      </c>
      <c r="F44996" s="14" t="s">
        <v>15</v>
      </c>
      <c r="G44996" s="16">
        <v>0</v>
      </c>
    </row>
    <row r="44997" spans="1:7" x14ac:dyDescent="0.3">
      <c r="A44997" s="13" t="s">
        <v>261</v>
      </c>
      <c r="B44997" s="14" t="s">
        <v>1</v>
      </c>
      <c r="C44997" s="14" t="s">
        <v>109</v>
      </c>
      <c r="D44997" s="14" t="s">
        <v>81</v>
      </c>
      <c r="E44997" s="15">
        <v>45478</v>
      </c>
      <c r="F44997" s="14" t="s">
        <v>15</v>
      </c>
      <c r="G44997" s="16">
        <v>0</v>
      </c>
    </row>
    <row r="44998" spans="1:7" x14ac:dyDescent="0.3">
      <c r="A44998" s="13" t="s">
        <v>261</v>
      </c>
      <c r="B44998" s="14" t="s">
        <v>1</v>
      </c>
      <c r="C44998" s="14" t="s">
        <v>109</v>
      </c>
      <c r="D44998" s="14" t="s">
        <v>81</v>
      </c>
      <c r="E44998" s="15">
        <v>45479</v>
      </c>
      <c r="F44998" s="14" t="s">
        <v>15</v>
      </c>
      <c r="G44998" s="16">
        <v>0</v>
      </c>
    </row>
    <row r="44999" spans="1:7" x14ac:dyDescent="0.3">
      <c r="A44999" s="13" t="s">
        <v>261</v>
      </c>
      <c r="B44999" s="14" t="s">
        <v>1</v>
      </c>
      <c r="C44999" s="14" t="s">
        <v>109</v>
      </c>
      <c r="D44999" s="14" t="s">
        <v>81</v>
      </c>
      <c r="E44999" s="15">
        <v>45480</v>
      </c>
      <c r="F44999" s="14" t="s">
        <v>15</v>
      </c>
      <c r="G44999" s="16">
        <v>0</v>
      </c>
    </row>
    <row r="45000" spans="1:7" x14ac:dyDescent="0.3">
      <c r="A45000" s="13" t="s">
        <v>261</v>
      </c>
      <c r="B45000" s="14" t="s">
        <v>1</v>
      </c>
      <c r="C45000" s="14" t="s">
        <v>109</v>
      </c>
      <c r="D45000" s="14" t="s">
        <v>81</v>
      </c>
      <c r="E45000" s="15">
        <v>45481</v>
      </c>
      <c r="F45000" s="14" t="s">
        <v>15</v>
      </c>
      <c r="G45000" s="16">
        <v>0</v>
      </c>
    </row>
    <row r="45001" spans="1:7" x14ac:dyDescent="0.3">
      <c r="A45001" s="13" t="s">
        <v>261</v>
      </c>
      <c r="B45001" s="14" t="s">
        <v>1</v>
      </c>
      <c r="C45001" s="14" t="s">
        <v>109</v>
      </c>
      <c r="D45001" s="14" t="s">
        <v>81</v>
      </c>
      <c r="E45001" s="15">
        <v>45482</v>
      </c>
      <c r="F45001" s="14" t="s">
        <v>15</v>
      </c>
      <c r="G45001" s="16">
        <v>0</v>
      </c>
    </row>
    <row r="45002" spans="1:7" x14ac:dyDescent="0.3">
      <c r="A45002" s="13" t="s">
        <v>261</v>
      </c>
      <c r="B45002" s="14" t="s">
        <v>1</v>
      </c>
      <c r="C45002" s="14" t="s">
        <v>109</v>
      </c>
      <c r="D45002" s="14" t="s">
        <v>81</v>
      </c>
      <c r="E45002" s="15">
        <v>45483</v>
      </c>
      <c r="F45002" s="14" t="s">
        <v>15</v>
      </c>
      <c r="G45002" s="16">
        <v>0</v>
      </c>
    </row>
    <row r="45003" spans="1:7" x14ac:dyDescent="0.3">
      <c r="A45003" s="13" t="s">
        <v>261</v>
      </c>
      <c r="B45003" s="14" t="s">
        <v>1</v>
      </c>
      <c r="C45003" s="14" t="s">
        <v>109</v>
      </c>
      <c r="D45003" s="14" t="s">
        <v>81</v>
      </c>
      <c r="E45003" s="15">
        <v>45484</v>
      </c>
      <c r="F45003" s="14" t="s">
        <v>15</v>
      </c>
      <c r="G45003" s="16">
        <v>0</v>
      </c>
    </row>
    <row r="45004" spans="1:7" x14ac:dyDescent="0.3">
      <c r="A45004" s="13" t="s">
        <v>261</v>
      </c>
      <c r="B45004" s="14" t="s">
        <v>1</v>
      </c>
      <c r="C45004" s="14" t="s">
        <v>109</v>
      </c>
      <c r="D45004" s="14" t="s">
        <v>81</v>
      </c>
      <c r="E45004" s="15">
        <v>45485</v>
      </c>
      <c r="F45004" s="14" t="s">
        <v>15</v>
      </c>
      <c r="G45004" s="16">
        <v>0</v>
      </c>
    </row>
    <row r="45005" spans="1:7" x14ac:dyDescent="0.3">
      <c r="A45005" s="13" t="s">
        <v>261</v>
      </c>
      <c r="B45005" s="14" t="s">
        <v>1</v>
      </c>
      <c r="C45005" s="14" t="s">
        <v>109</v>
      </c>
      <c r="D45005" s="14" t="s">
        <v>81</v>
      </c>
      <c r="E45005" s="15">
        <v>45486</v>
      </c>
      <c r="F45005" s="14" t="s">
        <v>15</v>
      </c>
      <c r="G45005" s="16">
        <v>0</v>
      </c>
    </row>
    <row r="45006" spans="1:7" x14ac:dyDescent="0.3">
      <c r="A45006" s="13" t="s">
        <v>261</v>
      </c>
      <c r="B45006" s="14" t="s">
        <v>1</v>
      </c>
      <c r="C45006" s="14" t="s">
        <v>109</v>
      </c>
      <c r="D45006" s="14" t="s">
        <v>81</v>
      </c>
      <c r="E45006" s="15">
        <v>45487</v>
      </c>
      <c r="F45006" s="14" t="s">
        <v>15</v>
      </c>
      <c r="G45006" s="16">
        <v>0</v>
      </c>
    </row>
    <row r="45007" spans="1:7" x14ac:dyDescent="0.3">
      <c r="A45007" s="13" t="s">
        <v>261</v>
      </c>
      <c r="B45007" s="14" t="s">
        <v>1</v>
      </c>
      <c r="C45007" s="14" t="s">
        <v>109</v>
      </c>
      <c r="D45007" s="14" t="s">
        <v>81</v>
      </c>
      <c r="E45007" s="15">
        <v>45488</v>
      </c>
      <c r="F45007" s="14" t="s">
        <v>15</v>
      </c>
      <c r="G45007" s="16">
        <v>0</v>
      </c>
    </row>
    <row r="45008" spans="1:7" x14ac:dyDescent="0.3">
      <c r="A45008" s="13" t="s">
        <v>261</v>
      </c>
      <c r="B45008" s="14" t="s">
        <v>1</v>
      </c>
      <c r="C45008" s="14" t="s">
        <v>109</v>
      </c>
      <c r="D45008" s="14" t="s">
        <v>81</v>
      </c>
      <c r="E45008" s="15">
        <v>45489</v>
      </c>
      <c r="F45008" s="14" t="s">
        <v>15</v>
      </c>
      <c r="G45008" s="16">
        <v>0</v>
      </c>
    </row>
    <row r="45009" spans="1:7" x14ac:dyDescent="0.3">
      <c r="A45009" s="13" t="s">
        <v>261</v>
      </c>
      <c r="B45009" s="14" t="s">
        <v>1</v>
      </c>
      <c r="C45009" s="14" t="s">
        <v>109</v>
      </c>
      <c r="D45009" s="14" t="s">
        <v>81</v>
      </c>
      <c r="E45009" s="15">
        <v>45490</v>
      </c>
      <c r="F45009" s="14" t="s">
        <v>15</v>
      </c>
      <c r="G45009" s="16">
        <v>0</v>
      </c>
    </row>
    <row r="45010" spans="1:7" x14ac:dyDescent="0.3">
      <c r="A45010" s="13" t="s">
        <v>261</v>
      </c>
      <c r="B45010" s="14" t="s">
        <v>1</v>
      </c>
      <c r="C45010" s="14" t="s">
        <v>109</v>
      </c>
      <c r="D45010" s="14" t="s">
        <v>81</v>
      </c>
      <c r="E45010" s="15">
        <v>45491</v>
      </c>
      <c r="F45010" s="14" t="s">
        <v>15</v>
      </c>
      <c r="G45010" s="16">
        <v>0</v>
      </c>
    </row>
    <row r="45011" spans="1:7" x14ac:dyDescent="0.3">
      <c r="A45011" s="13" t="s">
        <v>261</v>
      </c>
      <c r="B45011" s="14" t="s">
        <v>1</v>
      </c>
      <c r="C45011" s="14" t="s">
        <v>109</v>
      </c>
      <c r="D45011" s="14" t="s">
        <v>81</v>
      </c>
      <c r="E45011" s="15">
        <v>45492</v>
      </c>
      <c r="F45011" s="14" t="s">
        <v>15</v>
      </c>
      <c r="G45011" s="16">
        <v>0</v>
      </c>
    </row>
    <row r="45012" spans="1:7" x14ac:dyDescent="0.3">
      <c r="A45012" s="13" t="s">
        <v>261</v>
      </c>
      <c r="B45012" s="14" t="s">
        <v>1</v>
      </c>
      <c r="C45012" s="14" t="s">
        <v>109</v>
      </c>
      <c r="D45012" s="14" t="s">
        <v>81</v>
      </c>
      <c r="E45012" s="15">
        <v>45493</v>
      </c>
      <c r="F45012" s="14" t="s">
        <v>15</v>
      </c>
      <c r="G45012" s="16">
        <v>0</v>
      </c>
    </row>
    <row r="45013" spans="1:7" x14ac:dyDescent="0.3">
      <c r="A45013" s="13" t="s">
        <v>261</v>
      </c>
      <c r="B45013" s="14" t="s">
        <v>1</v>
      </c>
      <c r="C45013" s="14" t="s">
        <v>109</v>
      </c>
      <c r="D45013" s="14" t="s">
        <v>81</v>
      </c>
      <c r="E45013" s="15">
        <v>45494</v>
      </c>
      <c r="F45013" s="14" t="s">
        <v>15</v>
      </c>
      <c r="G45013" s="16">
        <v>0</v>
      </c>
    </row>
    <row r="45014" spans="1:7" x14ac:dyDescent="0.3">
      <c r="A45014" s="13" t="s">
        <v>261</v>
      </c>
      <c r="B45014" s="14" t="s">
        <v>1</v>
      </c>
      <c r="C45014" s="14" t="s">
        <v>109</v>
      </c>
      <c r="D45014" s="14" t="s">
        <v>81</v>
      </c>
      <c r="E45014" s="15">
        <v>45495</v>
      </c>
      <c r="F45014" s="14" t="s">
        <v>15</v>
      </c>
      <c r="G45014" s="16">
        <v>0</v>
      </c>
    </row>
    <row r="45015" spans="1:7" x14ac:dyDescent="0.3">
      <c r="A45015" s="13" t="s">
        <v>261</v>
      </c>
      <c r="B45015" s="14" t="s">
        <v>1</v>
      </c>
      <c r="C45015" s="14" t="s">
        <v>109</v>
      </c>
      <c r="D45015" s="14" t="s">
        <v>81</v>
      </c>
      <c r="E45015" s="15">
        <v>45496</v>
      </c>
      <c r="F45015" s="14" t="s">
        <v>15</v>
      </c>
      <c r="G45015" s="16">
        <v>0</v>
      </c>
    </row>
    <row r="45016" spans="1:7" x14ac:dyDescent="0.3">
      <c r="A45016" s="13" t="s">
        <v>261</v>
      </c>
      <c r="B45016" s="14" t="s">
        <v>1</v>
      </c>
      <c r="C45016" s="14" t="s">
        <v>109</v>
      </c>
      <c r="D45016" s="14" t="s">
        <v>81</v>
      </c>
      <c r="E45016" s="15">
        <v>45497</v>
      </c>
      <c r="F45016" s="14" t="s">
        <v>15</v>
      </c>
      <c r="G45016" s="16">
        <v>0</v>
      </c>
    </row>
    <row r="45017" spans="1:7" x14ac:dyDescent="0.3">
      <c r="A45017" s="13" t="s">
        <v>261</v>
      </c>
      <c r="B45017" s="14" t="s">
        <v>1</v>
      </c>
      <c r="C45017" s="14" t="s">
        <v>109</v>
      </c>
      <c r="D45017" s="14" t="s">
        <v>81</v>
      </c>
      <c r="E45017" s="15">
        <v>45498</v>
      </c>
      <c r="F45017" s="14" t="s">
        <v>15</v>
      </c>
      <c r="G45017" s="16">
        <v>0</v>
      </c>
    </row>
    <row r="45018" spans="1:7" x14ac:dyDescent="0.3">
      <c r="A45018" s="13" t="s">
        <v>261</v>
      </c>
      <c r="B45018" s="14" t="s">
        <v>1</v>
      </c>
      <c r="C45018" s="14" t="s">
        <v>109</v>
      </c>
      <c r="D45018" s="14" t="s">
        <v>81</v>
      </c>
      <c r="E45018" s="15">
        <v>45499</v>
      </c>
      <c r="F45018" s="14" t="s">
        <v>15</v>
      </c>
      <c r="G45018" s="16">
        <v>0</v>
      </c>
    </row>
    <row r="45019" spans="1:7" x14ac:dyDescent="0.3">
      <c r="A45019" s="13" t="s">
        <v>261</v>
      </c>
      <c r="B45019" s="14" t="s">
        <v>1</v>
      </c>
      <c r="C45019" s="14" t="s">
        <v>109</v>
      </c>
      <c r="D45019" s="14" t="s">
        <v>81</v>
      </c>
      <c r="E45019" s="15">
        <v>45500</v>
      </c>
      <c r="F45019" s="14" t="s">
        <v>15</v>
      </c>
      <c r="G45019" s="16">
        <v>0</v>
      </c>
    </row>
    <row r="45020" spans="1:7" x14ac:dyDescent="0.3">
      <c r="A45020" s="13" t="s">
        <v>261</v>
      </c>
      <c r="B45020" s="14" t="s">
        <v>1</v>
      </c>
      <c r="C45020" s="14" t="s">
        <v>109</v>
      </c>
      <c r="D45020" s="14" t="s">
        <v>81</v>
      </c>
      <c r="E45020" s="15">
        <v>45501</v>
      </c>
      <c r="F45020" s="14" t="s">
        <v>15</v>
      </c>
      <c r="G45020" s="16">
        <v>0</v>
      </c>
    </row>
    <row r="45021" spans="1:7" x14ac:dyDescent="0.3">
      <c r="A45021" s="13" t="s">
        <v>261</v>
      </c>
      <c r="B45021" s="14" t="s">
        <v>1</v>
      </c>
      <c r="C45021" s="14" t="s">
        <v>109</v>
      </c>
      <c r="D45021" s="14" t="s">
        <v>81</v>
      </c>
      <c r="E45021" s="15">
        <v>45502</v>
      </c>
      <c r="F45021" s="14" t="s">
        <v>15</v>
      </c>
      <c r="G45021" s="16">
        <v>0</v>
      </c>
    </row>
    <row r="45022" spans="1:7" x14ac:dyDescent="0.3">
      <c r="A45022" s="13" t="s">
        <v>261</v>
      </c>
      <c r="B45022" s="14" t="s">
        <v>1</v>
      </c>
      <c r="C45022" s="14" t="s">
        <v>109</v>
      </c>
      <c r="D45022" s="14" t="s">
        <v>81</v>
      </c>
      <c r="E45022" s="15">
        <v>45503</v>
      </c>
      <c r="F45022" s="14" t="s">
        <v>15</v>
      </c>
      <c r="G45022" s="16">
        <v>0</v>
      </c>
    </row>
    <row r="45023" spans="1:7" x14ac:dyDescent="0.3">
      <c r="A45023" s="13" t="s">
        <v>261</v>
      </c>
      <c r="B45023" s="14" t="s">
        <v>1</v>
      </c>
      <c r="C45023" s="14" t="s">
        <v>109</v>
      </c>
      <c r="D45023" s="14" t="s">
        <v>81</v>
      </c>
      <c r="E45023" s="15">
        <v>45504</v>
      </c>
      <c r="F45023" s="14" t="s">
        <v>15</v>
      </c>
      <c r="G45023" s="16">
        <v>0</v>
      </c>
    </row>
    <row r="45024" spans="1:7" x14ac:dyDescent="0.3">
      <c r="A45024" s="13" t="s">
        <v>261</v>
      </c>
      <c r="B45024" s="14" t="s">
        <v>1</v>
      </c>
      <c r="C45024" s="14" t="s">
        <v>109</v>
      </c>
      <c r="D45024" s="14" t="s">
        <v>81</v>
      </c>
      <c r="E45024" s="15">
        <v>45505</v>
      </c>
      <c r="F45024" s="14" t="s">
        <v>15</v>
      </c>
      <c r="G45024" s="16">
        <v>0</v>
      </c>
    </row>
    <row r="45025" spans="1:7" x14ac:dyDescent="0.3">
      <c r="A45025" s="13" t="s">
        <v>261</v>
      </c>
      <c r="B45025" s="14" t="s">
        <v>1</v>
      </c>
      <c r="C45025" s="14" t="s">
        <v>109</v>
      </c>
      <c r="D45025" s="14" t="s">
        <v>81</v>
      </c>
      <c r="E45025" s="15">
        <v>45506</v>
      </c>
      <c r="F45025" s="14" t="s">
        <v>15</v>
      </c>
      <c r="G45025" s="16">
        <v>0</v>
      </c>
    </row>
    <row r="45026" spans="1:7" x14ac:dyDescent="0.3">
      <c r="A45026" s="13" t="s">
        <v>261</v>
      </c>
      <c r="B45026" s="14" t="s">
        <v>1</v>
      </c>
      <c r="C45026" s="14" t="s">
        <v>109</v>
      </c>
      <c r="D45026" s="14" t="s">
        <v>81</v>
      </c>
      <c r="E45026" s="15">
        <v>45507</v>
      </c>
      <c r="F45026" s="14" t="s">
        <v>15</v>
      </c>
      <c r="G45026" s="16">
        <v>0</v>
      </c>
    </row>
    <row r="45027" spans="1:7" x14ac:dyDescent="0.3">
      <c r="A45027" s="13" t="s">
        <v>261</v>
      </c>
      <c r="B45027" s="14" t="s">
        <v>1</v>
      </c>
      <c r="C45027" s="14" t="s">
        <v>109</v>
      </c>
      <c r="D45027" s="14" t="s">
        <v>81</v>
      </c>
      <c r="E45027" s="15">
        <v>45508</v>
      </c>
      <c r="F45027" s="14" t="s">
        <v>15</v>
      </c>
      <c r="G45027" s="16">
        <v>0</v>
      </c>
    </row>
    <row r="45028" spans="1:7" x14ac:dyDescent="0.3">
      <c r="A45028" s="13" t="s">
        <v>261</v>
      </c>
      <c r="B45028" s="14" t="s">
        <v>1</v>
      </c>
      <c r="C45028" s="14" t="s">
        <v>109</v>
      </c>
      <c r="D45028" s="14" t="s">
        <v>81</v>
      </c>
      <c r="E45028" s="15">
        <v>45509</v>
      </c>
      <c r="F45028" s="14" t="s">
        <v>15</v>
      </c>
      <c r="G45028" s="16">
        <v>0</v>
      </c>
    </row>
    <row r="45029" spans="1:7" x14ac:dyDescent="0.3">
      <c r="A45029" s="13" t="s">
        <v>261</v>
      </c>
      <c r="B45029" s="14" t="s">
        <v>1</v>
      </c>
      <c r="C45029" s="14" t="s">
        <v>109</v>
      </c>
      <c r="D45029" s="14" t="s">
        <v>81</v>
      </c>
      <c r="E45029" s="15">
        <v>45510</v>
      </c>
      <c r="F45029" s="14" t="s">
        <v>15</v>
      </c>
      <c r="G45029" s="16">
        <v>0</v>
      </c>
    </row>
    <row r="45030" spans="1:7" x14ac:dyDescent="0.3">
      <c r="A45030" s="13" t="s">
        <v>261</v>
      </c>
      <c r="B45030" s="14" t="s">
        <v>1</v>
      </c>
      <c r="C45030" s="14" t="s">
        <v>109</v>
      </c>
      <c r="D45030" s="14" t="s">
        <v>81</v>
      </c>
      <c r="E45030" s="15">
        <v>45511</v>
      </c>
      <c r="F45030" s="14" t="s">
        <v>15</v>
      </c>
      <c r="G45030" s="16">
        <v>0</v>
      </c>
    </row>
    <row r="45031" spans="1:7" x14ac:dyDescent="0.3">
      <c r="A45031" s="13" t="s">
        <v>261</v>
      </c>
      <c r="B45031" s="14" t="s">
        <v>1</v>
      </c>
      <c r="C45031" s="14" t="s">
        <v>109</v>
      </c>
      <c r="D45031" s="14" t="s">
        <v>81</v>
      </c>
      <c r="E45031" s="15">
        <v>45512</v>
      </c>
      <c r="F45031" s="14" t="s">
        <v>15</v>
      </c>
      <c r="G45031" s="16">
        <v>0</v>
      </c>
    </row>
    <row r="45032" spans="1:7" x14ac:dyDescent="0.3">
      <c r="A45032" s="13" t="s">
        <v>261</v>
      </c>
      <c r="B45032" s="14" t="s">
        <v>1</v>
      </c>
      <c r="C45032" s="14" t="s">
        <v>109</v>
      </c>
      <c r="D45032" s="14" t="s">
        <v>81</v>
      </c>
      <c r="E45032" s="15">
        <v>45513</v>
      </c>
      <c r="F45032" s="14" t="s">
        <v>15</v>
      </c>
      <c r="G45032" s="16">
        <v>0</v>
      </c>
    </row>
    <row r="45033" spans="1:7" x14ac:dyDescent="0.3">
      <c r="A45033" s="13" t="s">
        <v>261</v>
      </c>
      <c r="B45033" s="14" t="s">
        <v>1</v>
      </c>
      <c r="C45033" s="14" t="s">
        <v>109</v>
      </c>
      <c r="D45033" s="14" t="s">
        <v>81</v>
      </c>
      <c r="E45033" s="15">
        <v>45514</v>
      </c>
      <c r="F45033" s="14" t="s">
        <v>15</v>
      </c>
      <c r="G45033" s="16">
        <v>0</v>
      </c>
    </row>
    <row r="45034" spans="1:7" x14ac:dyDescent="0.3">
      <c r="A45034" s="13" t="s">
        <v>261</v>
      </c>
      <c r="B45034" s="14" t="s">
        <v>1</v>
      </c>
      <c r="C45034" s="14" t="s">
        <v>109</v>
      </c>
      <c r="D45034" s="14" t="s">
        <v>81</v>
      </c>
      <c r="E45034" s="15">
        <v>45515</v>
      </c>
      <c r="F45034" s="14" t="s">
        <v>15</v>
      </c>
      <c r="G45034" s="16">
        <v>0</v>
      </c>
    </row>
    <row r="45035" spans="1:7" x14ac:dyDescent="0.3">
      <c r="A45035" s="13" t="s">
        <v>261</v>
      </c>
      <c r="B45035" s="14" t="s">
        <v>1</v>
      </c>
      <c r="C45035" s="14" t="s">
        <v>109</v>
      </c>
      <c r="D45035" s="14" t="s">
        <v>81</v>
      </c>
      <c r="E45035" s="15">
        <v>45516</v>
      </c>
      <c r="F45035" s="14" t="s">
        <v>15</v>
      </c>
      <c r="G45035" s="16">
        <v>0</v>
      </c>
    </row>
    <row r="45036" spans="1:7" x14ac:dyDescent="0.3">
      <c r="A45036" s="13" t="s">
        <v>261</v>
      </c>
      <c r="B45036" s="14" t="s">
        <v>1</v>
      </c>
      <c r="C45036" s="14" t="s">
        <v>109</v>
      </c>
      <c r="D45036" s="14" t="s">
        <v>81</v>
      </c>
      <c r="E45036" s="15">
        <v>45517</v>
      </c>
      <c r="F45036" s="14" t="s">
        <v>15</v>
      </c>
      <c r="G45036" s="16">
        <v>0</v>
      </c>
    </row>
    <row r="45037" spans="1:7" x14ac:dyDescent="0.3">
      <c r="A45037" s="13" t="s">
        <v>261</v>
      </c>
      <c r="B45037" s="14" t="s">
        <v>1</v>
      </c>
      <c r="C45037" s="14" t="s">
        <v>109</v>
      </c>
      <c r="D45037" s="14" t="s">
        <v>81</v>
      </c>
      <c r="E45037" s="15">
        <v>45518</v>
      </c>
      <c r="F45037" s="14" t="s">
        <v>15</v>
      </c>
      <c r="G45037" s="16">
        <v>0</v>
      </c>
    </row>
    <row r="45038" spans="1:7" x14ac:dyDescent="0.3">
      <c r="A45038" s="13" t="s">
        <v>261</v>
      </c>
      <c r="B45038" s="14" t="s">
        <v>1</v>
      </c>
      <c r="C45038" s="14" t="s">
        <v>109</v>
      </c>
      <c r="D45038" s="14" t="s">
        <v>81</v>
      </c>
      <c r="E45038" s="15">
        <v>45519</v>
      </c>
      <c r="F45038" s="14" t="s">
        <v>15</v>
      </c>
      <c r="G45038" s="16">
        <v>0</v>
      </c>
    </row>
    <row r="45039" spans="1:7" x14ac:dyDescent="0.3">
      <c r="A45039" s="13" t="s">
        <v>261</v>
      </c>
      <c r="B45039" s="14" t="s">
        <v>1</v>
      </c>
      <c r="C45039" s="14" t="s">
        <v>109</v>
      </c>
      <c r="D45039" s="14" t="s">
        <v>81</v>
      </c>
      <c r="E45039" s="15">
        <v>45520</v>
      </c>
      <c r="F45039" s="14" t="s">
        <v>15</v>
      </c>
      <c r="G45039" s="16">
        <v>0</v>
      </c>
    </row>
    <row r="45040" spans="1:7" x14ac:dyDescent="0.3">
      <c r="A45040" s="13" t="s">
        <v>261</v>
      </c>
      <c r="B45040" s="14" t="s">
        <v>1</v>
      </c>
      <c r="C45040" s="14" t="s">
        <v>109</v>
      </c>
      <c r="D45040" s="14" t="s">
        <v>81</v>
      </c>
      <c r="E45040" s="15">
        <v>45521</v>
      </c>
      <c r="F45040" s="14" t="s">
        <v>15</v>
      </c>
      <c r="G45040" s="16">
        <v>0</v>
      </c>
    </row>
    <row r="45041" spans="1:7" x14ac:dyDescent="0.3">
      <c r="A45041" s="13" t="s">
        <v>261</v>
      </c>
      <c r="B45041" s="14" t="s">
        <v>1</v>
      </c>
      <c r="C45041" s="14" t="s">
        <v>109</v>
      </c>
      <c r="D45041" s="14" t="s">
        <v>81</v>
      </c>
      <c r="E45041" s="15">
        <v>45522</v>
      </c>
      <c r="F45041" s="14" t="s">
        <v>15</v>
      </c>
      <c r="G45041" s="16">
        <v>0</v>
      </c>
    </row>
    <row r="45042" spans="1:7" x14ac:dyDescent="0.3">
      <c r="A45042" s="13" t="s">
        <v>261</v>
      </c>
      <c r="B45042" s="14" t="s">
        <v>1</v>
      </c>
      <c r="C45042" s="14" t="s">
        <v>109</v>
      </c>
      <c r="D45042" s="14" t="s">
        <v>81</v>
      </c>
      <c r="E45042" s="15">
        <v>45523</v>
      </c>
      <c r="F45042" s="14" t="s">
        <v>15</v>
      </c>
      <c r="G45042" s="16">
        <v>0</v>
      </c>
    </row>
    <row r="45043" spans="1:7" x14ac:dyDescent="0.3">
      <c r="A45043" s="13" t="s">
        <v>261</v>
      </c>
      <c r="B45043" s="14" t="s">
        <v>1</v>
      </c>
      <c r="C45043" s="14" t="s">
        <v>109</v>
      </c>
      <c r="D45043" s="14" t="s">
        <v>81</v>
      </c>
      <c r="E45043" s="15">
        <v>45524</v>
      </c>
      <c r="F45043" s="14" t="s">
        <v>15</v>
      </c>
      <c r="G45043" s="16">
        <v>0</v>
      </c>
    </row>
    <row r="45044" spans="1:7" x14ac:dyDescent="0.3">
      <c r="A45044" s="13" t="s">
        <v>261</v>
      </c>
      <c r="B45044" s="14" t="s">
        <v>1</v>
      </c>
      <c r="C45044" s="14" t="s">
        <v>109</v>
      </c>
      <c r="D45044" s="14" t="s">
        <v>81</v>
      </c>
      <c r="E45044" s="15">
        <v>45525</v>
      </c>
      <c r="F45044" s="14" t="s">
        <v>15</v>
      </c>
      <c r="G45044" s="16">
        <v>0</v>
      </c>
    </row>
    <row r="45045" spans="1:7" x14ac:dyDescent="0.3">
      <c r="A45045" s="13" t="s">
        <v>261</v>
      </c>
      <c r="B45045" s="14" t="s">
        <v>1</v>
      </c>
      <c r="C45045" s="14" t="s">
        <v>109</v>
      </c>
      <c r="D45045" s="14" t="s">
        <v>81</v>
      </c>
      <c r="E45045" s="15">
        <v>45526</v>
      </c>
      <c r="F45045" s="14" t="s">
        <v>15</v>
      </c>
      <c r="G45045" s="16">
        <v>0</v>
      </c>
    </row>
    <row r="45046" spans="1:7" x14ac:dyDescent="0.3">
      <c r="A45046" s="13" t="s">
        <v>261</v>
      </c>
      <c r="B45046" s="14" t="s">
        <v>1</v>
      </c>
      <c r="C45046" s="14" t="s">
        <v>109</v>
      </c>
      <c r="D45046" s="14" t="s">
        <v>81</v>
      </c>
      <c r="E45046" s="15">
        <v>45527</v>
      </c>
      <c r="F45046" s="14" t="s">
        <v>15</v>
      </c>
      <c r="G45046" s="16">
        <v>0</v>
      </c>
    </row>
    <row r="45047" spans="1:7" x14ac:dyDescent="0.3">
      <c r="A45047" s="13" t="s">
        <v>261</v>
      </c>
      <c r="B45047" s="14" t="s">
        <v>1</v>
      </c>
      <c r="C45047" s="14" t="s">
        <v>109</v>
      </c>
      <c r="D45047" s="14" t="s">
        <v>81</v>
      </c>
      <c r="E45047" s="15">
        <v>45528</v>
      </c>
      <c r="F45047" s="14" t="s">
        <v>15</v>
      </c>
      <c r="G45047" s="16">
        <v>0</v>
      </c>
    </row>
    <row r="45048" spans="1:7" x14ac:dyDescent="0.3">
      <c r="A45048" s="13" t="s">
        <v>261</v>
      </c>
      <c r="B45048" s="14" t="s">
        <v>1</v>
      </c>
      <c r="C45048" s="14" t="s">
        <v>109</v>
      </c>
      <c r="D45048" s="14" t="s">
        <v>81</v>
      </c>
      <c r="E45048" s="15">
        <v>45529</v>
      </c>
      <c r="F45048" s="14" t="s">
        <v>15</v>
      </c>
      <c r="G45048" s="16">
        <v>0</v>
      </c>
    </row>
    <row r="45049" spans="1:7" x14ac:dyDescent="0.3">
      <c r="A45049" s="13" t="s">
        <v>261</v>
      </c>
      <c r="B45049" s="14" t="s">
        <v>1</v>
      </c>
      <c r="C45049" s="14" t="s">
        <v>109</v>
      </c>
      <c r="D45049" s="14" t="s">
        <v>81</v>
      </c>
      <c r="E45049" s="15">
        <v>45530</v>
      </c>
      <c r="F45049" s="14" t="s">
        <v>15</v>
      </c>
      <c r="G45049" s="16">
        <v>0</v>
      </c>
    </row>
    <row r="45050" spans="1:7" x14ac:dyDescent="0.3">
      <c r="A45050" s="13" t="s">
        <v>261</v>
      </c>
      <c r="B45050" s="14" t="s">
        <v>1</v>
      </c>
      <c r="C45050" s="14" t="s">
        <v>109</v>
      </c>
      <c r="D45050" s="14" t="s">
        <v>81</v>
      </c>
      <c r="E45050" s="15">
        <v>45531</v>
      </c>
      <c r="F45050" s="14" t="s">
        <v>15</v>
      </c>
      <c r="G45050" s="16">
        <v>0</v>
      </c>
    </row>
    <row r="45051" spans="1:7" x14ac:dyDescent="0.3">
      <c r="A45051" s="13" t="s">
        <v>261</v>
      </c>
      <c r="B45051" s="14" t="s">
        <v>1</v>
      </c>
      <c r="C45051" s="14" t="s">
        <v>109</v>
      </c>
      <c r="D45051" s="14" t="s">
        <v>81</v>
      </c>
      <c r="E45051" s="15">
        <v>45532</v>
      </c>
      <c r="F45051" s="14" t="s">
        <v>15</v>
      </c>
      <c r="G45051" s="16">
        <v>0</v>
      </c>
    </row>
    <row r="45052" spans="1:7" x14ac:dyDescent="0.3">
      <c r="A45052" s="13" t="s">
        <v>261</v>
      </c>
      <c r="B45052" s="14" t="s">
        <v>1</v>
      </c>
      <c r="C45052" s="14" t="s">
        <v>109</v>
      </c>
      <c r="D45052" s="14" t="s">
        <v>81</v>
      </c>
      <c r="E45052" s="15">
        <v>45533</v>
      </c>
      <c r="F45052" s="14" t="s">
        <v>15</v>
      </c>
      <c r="G45052" s="16">
        <v>0</v>
      </c>
    </row>
    <row r="45053" spans="1:7" x14ac:dyDescent="0.3">
      <c r="A45053" s="13" t="s">
        <v>261</v>
      </c>
      <c r="B45053" s="14" t="s">
        <v>1</v>
      </c>
      <c r="C45053" s="14" t="s">
        <v>109</v>
      </c>
      <c r="D45053" s="14" t="s">
        <v>81</v>
      </c>
      <c r="E45053" s="15">
        <v>45534</v>
      </c>
      <c r="F45053" s="14" t="s">
        <v>15</v>
      </c>
      <c r="G45053" s="16">
        <v>0</v>
      </c>
    </row>
    <row r="45054" spans="1:7" x14ac:dyDescent="0.3">
      <c r="A45054" s="13" t="s">
        <v>261</v>
      </c>
      <c r="B45054" s="14" t="s">
        <v>1</v>
      </c>
      <c r="C45054" s="14" t="s">
        <v>109</v>
      </c>
      <c r="D45054" s="14" t="s">
        <v>81</v>
      </c>
      <c r="E45054" s="15">
        <v>45535</v>
      </c>
      <c r="F45054" s="14" t="s">
        <v>15</v>
      </c>
      <c r="G45054" s="16">
        <v>0</v>
      </c>
    </row>
    <row r="45055" spans="1:7" x14ac:dyDescent="0.3">
      <c r="A45055" s="13" t="s">
        <v>261</v>
      </c>
      <c r="B45055" s="14" t="s">
        <v>1</v>
      </c>
      <c r="C45055" s="14" t="s">
        <v>109</v>
      </c>
      <c r="D45055" s="14" t="s">
        <v>81</v>
      </c>
      <c r="E45055" s="15">
        <v>45536</v>
      </c>
      <c r="F45055" s="14" t="s">
        <v>15</v>
      </c>
      <c r="G45055" s="16">
        <v>0</v>
      </c>
    </row>
    <row r="45056" spans="1:7" x14ac:dyDescent="0.3">
      <c r="A45056" s="13" t="s">
        <v>261</v>
      </c>
      <c r="B45056" s="14" t="s">
        <v>1</v>
      </c>
      <c r="C45056" s="14" t="s">
        <v>109</v>
      </c>
      <c r="D45056" s="14" t="s">
        <v>81</v>
      </c>
      <c r="E45056" s="15">
        <v>45537</v>
      </c>
      <c r="F45056" s="14" t="s">
        <v>15</v>
      </c>
      <c r="G45056" s="16">
        <v>0</v>
      </c>
    </row>
    <row r="45057" spans="1:7" x14ac:dyDescent="0.3">
      <c r="A45057" s="13" t="s">
        <v>261</v>
      </c>
      <c r="B45057" s="14" t="s">
        <v>1</v>
      </c>
      <c r="C45057" s="14" t="s">
        <v>109</v>
      </c>
      <c r="D45057" s="14" t="s">
        <v>81</v>
      </c>
      <c r="E45057" s="15">
        <v>45538</v>
      </c>
      <c r="F45057" s="14" t="s">
        <v>15</v>
      </c>
      <c r="G45057" s="16">
        <v>0</v>
      </c>
    </row>
    <row r="45058" spans="1:7" x14ac:dyDescent="0.3">
      <c r="A45058" s="13" t="s">
        <v>261</v>
      </c>
      <c r="B45058" s="14" t="s">
        <v>1</v>
      </c>
      <c r="C45058" s="14" t="s">
        <v>109</v>
      </c>
      <c r="D45058" s="14" t="s">
        <v>81</v>
      </c>
      <c r="E45058" s="15">
        <v>45539</v>
      </c>
      <c r="F45058" s="14" t="s">
        <v>15</v>
      </c>
      <c r="G45058" s="16">
        <v>0</v>
      </c>
    </row>
    <row r="45059" spans="1:7" x14ac:dyDescent="0.3">
      <c r="A45059" s="13" t="s">
        <v>261</v>
      </c>
      <c r="B45059" s="14" t="s">
        <v>1</v>
      </c>
      <c r="C45059" s="14" t="s">
        <v>109</v>
      </c>
      <c r="D45059" s="14" t="s">
        <v>81</v>
      </c>
      <c r="E45059" s="15">
        <v>45540</v>
      </c>
      <c r="F45059" s="14" t="s">
        <v>15</v>
      </c>
      <c r="G45059" s="16">
        <v>0</v>
      </c>
    </row>
    <row r="45060" spans="1:7" x14ac:dyDescent="0.3">
      <c r="A45060" s="13" t="s">
        <v>261</v>
      </c>
      <c r="B45060" s="14" t="s">
        <v>1</v>
      </c>
      <c r="C45060" s="14" t="s">
        <v>109</v>
      </c>
      <c r="D45060" s="14" t="s">
        <v>81</v>
      </c>
      <c r="E45060" s="15">
        <v>45541</v>
      </c>
      <c r="F45060" s="14" t="s">
        <v>15</v>
      </c>
      <c r="G45060" s="16">
        <v>0</v>
      </c>
    </row>
    <row r="45061" spans="1:7" x14ac:dyDescent="0.3">
      <c r="A45061" s="13" t="s">
        <v>261</v>
      </c>
      <c r="B45061" s="14" t="s">
        <v>1</v>
      </c>
      <c r="C45061" s="14" t="s">
        <v>109</v>
      </c>
      <c r="D45061" s="14" t="s">
        <v>81</v>
      </c>
      <c r="E45061" s="15">
        <v>45542</v>
      </c>
      <c r="F45061" s="14" t="s">
        <v>15</v>
      </c>
      <c r="G45061" s="16">
        <v>0</v>
      </c>
    </row>
    <row r="45062" spans="1:7" x14ac:dyDescent="0.3">
      <c r="A45062" s="13" t="s">
        <v>261</v>
      </c>
      <c r="B45062" s="14" t="s">
        <v>1</v>
      </c>
      <c r="C45062" s="14" t="s">
        <v>109</v>
      </c>
      <c r="D45062" s="14" t="s">
        <v>81</v>
      </c>
      <c r="E45062" s="15">
        <v>45543</v>
      </c>
      <c r="F45062" s="14" t="s">
        <v>15</v>
      </c>
      <c r="G45062" s="16">
        <v>0</v>
      </c>
    </row>
    <row r="45063" spans="1:7" x14ac:dyDescent="0.3">
      <c r="A45063" s="13" t="s">
        <v>261</v>
      </c>
      <c r="B45063" s="14" t="s">
        <v>1</v>
      </c>
      <c r="C45063" s="14" t="s">
        <v>109</v>
      </c>
      <c r="D45063" s="14" t="s">
        <v>81</v>
      </c>
      <c r="E45063" s="15">
        <v>45544</v>
      </c>
      <c r="F45063" s="14" t="s">
        <v>15</v>
      </c>
      <c r="G45063" s="16">
        <v>0</v>
      </c>
    </row>
    <row r="45064" spans="1:7" x14ac:dyDescent="0.3">
      <c r="A45064" s="13" t="s">
        <v>261</v>
      </c>
      <c r="B45064" s="14" t="s">
        <v>1</v>
      </c>
      <c r="C45064" s="14" t="s">
        <v>109</v>
      </c>
      <c r="D45064" s="14" t="s">
        <v>81</v>
      </c>
      <c r="E45064" s="15">
        <v>45545</v>
      </c>
      <c r="F45064" s="14" t="s">
        <v>15</v>
      </c>
      <c r="G45064" s="16">
        <v>0</v>
      </c>
    </row>
    <row r="45065" spans="1:7" x14ac:dyDescent="0.3">
      <c r="A45065" s="13" t="s">
        <v>261</v>
      </c>
      <c r="B45065" s="14" t="s">
        <v>1</v>
      </c>
      <c r="C45065" s="14" t="s">
        <v>109</v>
      </c>
      <c r="D45065" s="14" t="s">
        <v>81</v>
      </c>
      <c r="E45065" s="15">
        <v>45546</v>
      </c>
      <c r="F45065" s="14" t="s">
        <v>15</v>
      </c>
      <c r="G45065" s="16">
        <v>0</v>
      </c>
    </row>
    <row r="45066" spans="1:7" x14ac:dyDescent="0.3">
      <c r="A45066" s="13" t="s">
        <v>261</v>
      </c>
      <c r="B45066" s="14" t="s">
        <v>1</v>
      </c>
      <c r="C45066" s="14" t="s">
        <v>109</v>
      </c>
      <c r="D45066" s="14" t="s">
        <v>81</v>
      </c>
      <c r="E45066" s="15">
        <v>45547</v>
      </c>
      <c r="F45066" s="14" t="s">
        <v>15</v>
      </c>
      <c r="G45066" s="16">
        <v>0</v>
      </c>
    </row>
    <row r="45067" spans="1:7" x14ac:dyDescent="0.3">
      <c r="A45067" s="13" t="s">
        <v>261</v>
      </c>
      <c r="B45067" s="14" t="s">
        <v>1</v>
      </c>
      <c r="C45067" s="14" t="s">
        <v>109</v>
      </c>
      <c r="D45067" s="14" t="s">
        <v>81</v>
      </c>
      <c r="E45067" s="15">
        <v>45548</v>
      </c>
      <c r="F45067" s="14" t="s">
        <v>15</v>
      </c>
      <c r="G45067" s="16">
        <v>0</v>
      </c>
    </row>
    <row r="45068" spans="1:7" x14ac:dyDescent="0.3">
      <c r="A45068" s="13" t="s">
        <v>261</v>
      </c>
      <c r="B45068" s="14" t="s">
        <v>1</v>
      </c>
      <c r="C45068" s="14" t="s">
        <v>109</v>
      </c>
      <c r="D45068" s="14" t="s">
        <v>81</v>
      </c>
      <c r="E45068" s="15">
        <v>45549</v>
      </c>
      <c r="F45068" s="14" t="s">
        <v>15</v>
      </c>
      <c r="G45068" s="16">
        <v>0</v>
      </c>
    </row>
    <row r="45069" spans="1:7" x14ac:dyDescent="0.3">
      <c r="A45069" s="13" t="s">
        <v>261</v>
      </c>
      <c r="B45069" s="14" t="s">
        <v>1</v>
      </c>
      <c r="C45069" s="14" t="s">
        <v>109</v>
      </c>
      <c r="D45069" s="14" t="s">
        <v>81</v>
      </c>
      <c r="E45069" s="15">
        <v>45550</v>
      </c>
      <c r="F45069" s="14" t="s">
        <v>15</v>
      </c>
      <c r="G45069" s="16">
        <v>0</v>
      </c>
    </row>
    <row r="45070" spans="1:7" x14ac:dyDescent="0.3">
      <c r="A45070" s="13" t="s">
        <v>261</v>
      </c>
      <c r="B45070" s="14" t="s">
        <v>1</v>
      </c>
      <c r="C45070" s="14" t="s">
        <v>109</v>
      </c>
      <c r="D45070" s="14" t="s">
        <v>81</v>
      </c>
      <c r="E45070" s="15">
        <v>45551</v>
      </c>
      <c r="F45070" s="14" t="s">
        <v>15</v>
      </c>
      <c r="G45070" s="16">
        <v>0</v>
      </c>
    </row>
    <row r="45071" spans="1:7" x14ac:dyDescent="0.3">
      <c r="A45071" s="13" t="s">
        <v>261</v>
      </c>
      <c r="B45071" s="14" t="s">
        <v>1</v>
      </c>
      <c r="C45071" s="14" t="s">
        <v>109</v>
      </c>
      <c r="D45071" s="14" t="s">
        <v>81</v>
      </c>
      <c r="E45071" s="15">
        <v>45552</v>
      </c>
      <c r="F45071" s="14" t="s">
        <v>15</v>
      </c>
      <c r="G45071" s="16">
        <v>0</v>
      </c>
    </row>
    <row r="45072" spans="1:7" x14ac:dyDescent="0.3">
      <c r="A45072" s="13" t="s">
        <v>261</v>
      </c>
      <c r="B45072" s="14" t="s">
        <v>1</v>
      </c>
      <c r="C45072" s="14" t="s">
        <v>109</v>
      </c>
      <c r="D45072" s="14" t="s">
        <v>81</v>
      </c>
      <c r="E45072" s="15">
        <v>45553</v>
      </c>
      <c r="F45072" s="14" t="s">
        <v>15</v>
      </c>
      <c r="G45072" s="16">
        <v>0</v>
      </c>
    </row>
    <row r="45073" spans="1:7" x14ac:dyDescent="0.3">
      <c r="A45073" s="13" t="s">
        <v>261</v>
      </c>
      <c r="B45073" s="14" t="s">
        <v>1</v>
      </c>
      <c r="C45073" s="14" t="s">
        <v>109</v>
      </c>
      <c r="D45073" s="14" t="s">
        <v>81</v>
      </c>
      <c r="E45073" s="15">
        <v>45554</v>
      </c>
      <c r="F45073" s="14" t="s">
        <v>15</v>
      </c>
      <c r="G45073" s="16">
        <v>0</v>
      </c>
    </row>
    <row r="45074" spans="1:7" x14ac:dyDescent="0.3">
      <c r="A45074" s="13" t="s">
        <v>261</v>
      </c>
      <c r="B45074" s="14" t="s">
        <v>1</v>
      </c>
      <c r="C45074" s="14" t="s">
        <v>109</v>
      </c>
      <c r="D45074" s="14" t="s">
        <v>81</v>
      </c>
      <c r="E45074" s="15">
        <v>45555</v>
      </c>
      <c r="F45074" s="14" t="s">
        <v>15</v>
      </c>
      <c r="G45074" s="16">
        <v>0</v>
      </c>
    </row>
    <row r="45075" spans="1:7" x14ac:dyDescent="0.3">
      <c r="A45075" s="13" t="s">
        <v>261</v>
      </c>
      <c r="B45075" s="14" t="s">
        <v>1</v>
      </c>
      <c r="C45075" s="14" t="s">
        <v>109</v>
      </c>
      <c r="D45075" s="14" t="s">
        <v>81</v>
      </c>
      <c r="E45075" s="15">
        <v>45556</v>
      </c>
      <c r="F45075" s="14" t="s">
        <v>15</v>
      </c>
      <c r="G45075" s="16">
        <v>0</v>
      </c>
    </row>
    <row r="45076" spans="1:7" x14ac:dyDescent="0.3">
      <c r="A45076" s="13" t="s">
        <v>261</v>
      </c>
      <c r="B45076" s="14" t="s">
        <v>1</v>
      </c>
      <c r="C45076" s="14" t="s">
        <v>109</v>
      </c>
      <c r="D45076" s="14" t="s">
        <v>81</v>
      </c>
      <c r="E45076" s="15">
        <v>45557</v>
      </c>
      <c r="F45076" s="14" t="s">
        <v>15</v>
      </c>
      <c r="G45076" s="16">
        <v>0</v>
      </c>
    </row>
    <row r="45077" spans="1:7" x14ac:dyDescent="0.3">
      <c r="A45077" s="13" t="s">
        <v>261</v>
      </c>
      <c r="B45077" s="14" t="s">
        <v>1</v>
      </c>
      <c r="C45077" s="14" t="s">
        <v>109</v>
      </c>
      <c r="D45077" s="14" t="s">
        <v>81</v>
      </c>
      <c r="E45077" s="15">
        <v>45558</v>
      </c>
      <c r="F45077" s="14" t="s">
        <v>15</v>
      </c>
      <c r="G45077" s="16">
        <v>0</v>
      </c>
    </row>
    <row r="45078" spans="1:7" x14ac:dyDescent="0.3">
      <c r="A45078" s="13" t="s">
        <v>261</v>
      </c>
      <c r="B45078" s="14" t="s">
        <v>1</v>
      </c>
      <c r="C45078" s="14" t="s">
        <v>109</v>
      </c>
      <c r="D45078" s="14" t="s">
        <v>81</v>
      </c>
      <c r="E45078" s="15">
        <v>45559</v>
      </c>
      <c r="F45078" s="14" t="s">
        <v>15</v>
      </c>
      <c r="G45078" s="16">
        <v>0</v>
      </c>
    </row>
    <row r="45079" spans="1:7" x14ac:dyDescent="0.3">
      <c r="A45079" s="13" t="s">
        <v>261</v>
      </c>
      <c r="B45079" s="14" t="s">
        <v>1</v>
      </c>
      <c r="C45079" s="14" t="s">
        <v>109</v>
      </c>
      <c r="D45079" s="14" t="s">
        <v>81</v>
      </c>
      <c r="E45079" s="15">
        <v>45560</v>
      </c>
      <c r="F45079" s="14" t="s">
        <v>15</v>
      </c>
      <c r="G45079" s="16">
        <v>0</v>
      </c>
    </row>
    <row r="45080" spans="1:7" x14ac:dyDescent="0.3">
      <c r="A45080" s="13" t="s">
        <v>261</v>
      </c>
      <c r="B45080" s="14" t="s">
        <v>1</v>
      </c>
      <c r="C45080" s="14" t="s">
        <v>109</v>
      </c>
      <c r="D45080" s="14" t="s">
        <v>81</v>
      </c>
      <c r="E45080" s="15">
        <v>45561</v>
      </c>
      <c r="F45080" s="14" t="s">
        <v>15</v>
      </c>
      <c r="G45080" s="16">
        <v>0</v>
      </c>
    </row>
    <row r="45081" spans="1:7" x14ac:dyDescent="0.3">
      <c r="A45081" s="13" t="s">
        <v>261</v>
      </c>
      <c r="B45081" s="14" t="s">
        <v>1</v>
      </c>
      <c r="C45081" s="14" t="s">
        <v>109</v>
      </c>
      <c r="D45081" s="14" t="s">
        <v>81</v>
      </c>
      <c r="E45081" s="15">
        <v>45562</v>
      </c>
      <c r="F45081" s="14" t="s">
        <v>15</v>
      </c>
      <c r="G45081" s="16">
        <v>0</v>
      </c>
    </row>
    <row r="45082" spans="1:7" x14ac:dyDescent="0.3">
      <c r="A45082" s="13" t="s">
        <v>261</v>
      </c>
      <c r="B45082" s="14" t="s">
        <v>1</v>
      </c>
      <c r="C45082" s="14" t="s">
        <v>109</v>
      </c>
      <c r="D45082" s="14" t="s">
        <v>81</v>
      </c>
      <c r="E45082" s="15">
        <v>45563</v>
      </c>
      <c r="F45082" s="14" t="s">
        <v>15</v>
      </c>
      <c r="G45082" s="16">
        <v>0</v>
      </c>
    </row>
    <row r="45083" spans="1:7" x14ac:dyDescent="0.3">
      <c r="A45083" s="13" t="s">
        <v>261</v>
      </c>
      <c r="B45083" s="14" t="s">
        <v>1</v>
      </c>
      <c r="C45083" s="14" t="s">
        <v>109</v>
      </c>
      <c r="D45083" s="14" t="s">
        <v>81</v>
      </c>
      <c r="E45083" s="15">
        <v>45564</v>
      </c>
      <c r="F45083" s="14" t="s">
        <v>15</v>
      </c>
      <c r="G45083" s="16">
        <v>0</v>
      </c>
    </row>
    <row r="45084" spans="1:7" x14ac:dyDescent="0.3">
      <c r="A45084" s="13" t="s">
        <v>261</v>
      </c>
      <c r="B45084" s="14" t="s">
        <v>1</v>
      </c>
      <c r="C45084" s="14" t="s">
        <v>109</v>
      </c>
      <c r="D45084" s="14" t="s">
        <v>81</v>
      </c>
      <c r="E45084" s="15">
        <v>45565</v>
      </c>
      <c r="F45084" s="14" t="s">
        <v>15</v>
      </c>
      <c r="G45084" s="16">
        <v>0</v>
      </c>
    </row>
    <row r="45085" spans="1:7" x14ac:dyDescent="0.3">
      <c r="A45085" s="13" t="s">
        <v>261</v>
      </c>
      <c r="B45085" s="14" t="s">
        <v>1</v>
      </c>
      <c r="C45085" s="14" t="s">
        <v>109</v>
      </c>
      <c r="D45085" s="14" t="s">
        <v>81</v>
      </c>
      <c r="E45085" s="15">
        <v>45566</v>
      </c>
      <c r="F45085" s="14" t="s">
        <v>15</v>
      </c>
      <c r="G45085" s="16">
        <v>0</v>
      </c>
    </row>
    <row r="45086" spans="1:7" x14ac:dyDescent="0.3">
      <c r="A45086" s="13" t="s">
        <v>261</v>
      </c>
      <c r="B45086" s="14" t="s">
        <v>1</v>
      </c>
      <c r="C45086" s="14" t="s">
        <v>109</v>
      </c>
      <c r="D45086" s="14" t="s">
        <v>81</v>
      </c>
      <c r="E45086" s="15">
        <v>45567</v>
      </c>
      <c r="F45086" s="14" t="s">
        <v>15</v>
      </c>
      <c r="G45086" s="16">
        <v>0</v>
      </c>
    </row>
    <row r="45087" spans="1:7" x14ac:dyDescent="0.3">
      <c r="A45087" s="13" t="s">
        <v>261</v>
      </c>
      <c r="B45087" s="14" t="s">
        <v>1</v>
      </c>
      <c r="C45087" s="14" t="s">
        <v>109</v>
      </c>
      <c r="D45087" s="14" t="s">
        <v>81</v>
      </c>
      <c r="E45087" s="15">
        <v>45568</v>
      </c>
      <c r="F45087" s="14" t="s">
        <v>15</v>
      </c>
      <c r="G45087" s="16">
        <v>0</v>
      </c>
    </row>
    <row r="45088" spans="1:7" x14ac:dyDescent="0.3">
      <c r="A45088" s="13" t="s">
        <v>261</v>
      </c>
      <c r="B45088" s="14" t="s">
        <v>1</v>
      </c>
      <c r="C45088" s="14" t="s">
        <v>109</v>
      </c>
      <c r="D45088" s="14" t="s">
        <v>81</v>
      </c>
      <c r="E45088" s="15">
        <v>45569</v>
      </c>
      <c r="F45088" s="14" t="s">
        <v>15</v>
      </c>
      <c r="G45088" s="16">
        <v>0</v>
      </c>
    </row>
    <row r="45089" spans="1:7" x14ac:dyDescent="0.3">
      <c r="A45089" s="13" t="s">
        <v>261</v>
      </c>
      <c r="B45089" s="14" t="s">
        <v>1</v>
      </c>
      <c r="C45089" s="14" t="s">
        <v>109</v>
      </c>
      <c r="D45089" s="14" t="s">
        <v>81</v>
      </c>
      <c r="E45089" s="15">
        <v>45570</v>
      </c>
      <c r="F45089" s="14" t="s">
        <v>15</v>
      </c>
      <c r="G45089" s="16">
        <v>0</v>
      </c>
    </row>
    <row r="45090" spans="1:7" x14ac:dyDescent="0.3">
      <c r="A45090" s="13" t="s">
        <v>261</v>
      </c>
      <c r="B45090" s="14" t="s">
        <v>1</v>
      </c>
      <c r="C45090" s="14" t="s">
        <v>109</v>
      </c>
      <c r="D45090" s="14" t="s">
        <v>81</v>
      </c>
      <c r="E45090" s="15">
        <v>45571</v>
      </c>
      <c r="F45090" s="14" t="s">
        <v>15</v>
      </c>
      <c r="G45090" s="16">
        <v>0</v>
      </c>
    </row>
    <row r="45091" spans="1:7" x14ac:dyDescent="0.3">
      <c r="A45091" s="13" t="s">
        <v>261</v>
      </c>
      <c r="B45091" s="14" t="s">
        <v>1</v>
      </c>
      <c r="C45091" s="14" t="s">
        <v>109</v>
      </c>
      <c r="D45091" s="14" t="s">
        <v>81</v>
      </c>
      <c r="E45091" s="15">
        <v>45572</v>
      </c>
      <c r="F45091" s="14" t="s">
        <v>15</v>
      </c>
      <c r="G45091" s="16">
        <v>0</v>
      </c>
    </row>
    <row r="45092" spans="1:7" x14ac:dyDescent="0.3">
      <c r="A45092" s="13" t="s">
        <v>261</v>
      </c>
      <c r="B45092" s="14" t="s">
        <v>1</v>
      </c>
      <c r="C45092" s="14" t="s">
        <v>109</v>
      </c>
      <c r="D45092" s="14" t="s">
        <v>81</v>
      </c>
      <c r="E45092" s="15">
        <v>45573</v>
      </c>
      <c r="F45092" s="14" t="s">
        <v>15</v>
      </c>
      <c r="G45092" s="16">
        <v>0</v>
      </c>
    </row>
    <row r="45093" spans="1:7" x14ac:dyDescent="0.3">
      <c r="A45093" s="13" t="s">
        <v>261</v>
      </c>
      <c r="B45093" s="14" t="s">
        <v>1</v>
      </c>
      <c r="C45093" s="14" t="s">
        <v>109</v>
      </c>
      <c r="D45093" s="14" t="s">
        <v>81</v>
      </c>
      <c r="E45093" s="15">
        <v>45574</v>
      </c>
      <c r="F45093" s="14" t="s">
        <v>15</v>
      </c>
      <c r="G45093" s="16">
        <v>0</v>
      </c>
    </row>
    <row r="45094" spans="1:7" x14ac:dyDescent="0.3">
      <c r="A45094" s="13" t="s">
        <v>261</v>
      </c>
      <c r="B45094" s="14" t="s">
        <v>1</v>
      </c>
      <c r="C45094" s="14" t="s">
        <v>109</v>
      </c>
      <c r="D45094" s="14" t="s">
        <v>81</v>
      </c>
      <c r="E45094" s="15">
        <v>45575</v>
      </c>
      <c r="F45094" s="14" t="s">
        <v>15</v>
      </c>
      <c r="G45094" s="16">
        <v>0</v>
      </c>
    </row>
    <row r="45095" spans="1:7" x14ac:dyDescent="0.3">
      <c r="A45095" s="13" t="s">
        <v>261</v>
      </c>
      <c r="B45095" s="14" t="s">
        <v>1</v>
      </c>
      <c r="C45095" s="14" t="s">
        <v>109</v>
      </c>
      <c r="D45095" s="14" t="s">
        <v>81</v>
      </c>
      <c r="E45095" s="15">
        <v>45576</v>
      </c>
      <c r="F45095" s="14" t="s">
        <v>15</v>
      </c>
      <c r="G45095" s="16">
        <v>0</v>
      </c>
    </row>
    <row r="45096" spans="1:7" x14ac:dyDescent="0.3">
      <c r="A45096" s="13" t="s">
        <v>261</v>
      </c>
      <c r="B45096" s="14" t="s">
        <v>1</v>
      </c>
      <c r="C45096" s="14" t="s">
        <v>109</v>
      </c>
      <c r="D45096" s="14" t="s">
        <v>81</v>
      </c>
      <c r="E45096" s="15">
        <v>45577</v>
      </c>
      <c r="F45096" s="14" t="s">
        <v>15</v>
      </c>
      <c r="G45096" s="16">
        <v>0</v>
      </c>
    </row>
    <row r="45097" spans="1:7" x14ac:dyDescent="0.3">
      <c r="A45097" s="13" t="s">
        <v>261</v>
      </c>
      <c r="B45097" s="14" t="s">
        <v>1</v>
      </c>
      <c r="C45097" s="14" t="s">
        <v>109</v>
      </c>
      <c r="D45097" s="14" t="s">
        <v>81</v>
      </c>
      <c r="E45097" s="15">
        <v>45578</v>
      </c>
      <c r="F45097" s="14" t="s">
        <v>15</v>
      </c>
      <c r="G45097" s="16">
        <v>0</v>
      </c>
    </row>
    <row r="45098" spans="1:7" x14ac:dyDescent="0.3">
      <c r="A45098" s="13" t="s">
        <v>261</v>
      </c>
      <c r="B45098" s="14" t="s">
        <v>1</v>
      </c>
      <c r="C45098" s="14" t="s">
        <v>109</v>
      </c>
      <c r="D45098" s="14" t="s">
        <v>81</v>
      </c>
      <c r="E45098" s="15">
        <v>45579</v>
      </c>
      <c r="F45098" s="14" t="s">
        <v>15</v>
      </c>
      <c r="G45098" s="16">
        <v>0</v>
      </c>
    </row>
    <row r="45099" spans="1:7" x14ac:dyDescent="0.3">
      <c r="A45099" s="13" t="s">
        <v>261</v>
      </c>
      <c r="B45099" s="14" t="s">
        <v>1</v>
      </c>
      <c r="C45099" s="14" t="s">
        <v>109</v>
      </c>
      <c r="D45099" s="14" t="s">
        <v>81</v>
      </c>
      <c r="E45099" s="15">
        <v>45580</v>
      </c>
      <c r="F45099" s="14" t="s">
        <v>15</v>
      </c>
      <c r="G45099" s="16">
        <v>0</v>
      </c>
    </row>
    <row r="45100" spans="1:7" x14ac:dyDescent="0.3">
      <c r="A45100" s="13" t="s">
        <v>261</v>
      </c>
      <c r="B45100" s="14" t="s">
        <v>1</v>
      </c>
      <c r="C45100" s="14" t="s">
        <v>109</v>
      </c>
      <c r="D45100" s="14" t="s">
        <v>81</v>
      </c>
      <c r="E45100" s="15">
        <v>45581</v>
      </c>
      <c r="F45100" s="14" t="s">
        <v>15</v>
      </c>
      <c r="G45100" s="16">
        <v>0</v>
      </c>
    </row>
    <row r="45101" spans="1:7" x14ac:dyDescent="0.3">
      <c r="A45101" s="13" t="s">
        <v>261</v>
      </c>
      <c r="B45101" s="14" t="s">
        <v>1</v>
      </c>
      <c r="C45101" s="14" t="s">
        <v>109</v>
      </c>
      <c r="D45101" s="14" t="s">
        <v>81</v>
      </c>
      <c r="E45101" s="15">
        <v>45582</v>
      </c>
      <c r="F45101" s="14" t="s">
        <v>15</v>
      </c>
      <c r="G45101" s="16">
        <v>0</v>
      </c>
    </row>
    <row r="45102" spans="1:7" x14ac:dyDescent="0.3">
      <c r="A45102" s="13" t="s">
        <v>261</v>
      </c>
      <c r="B45102" s="14" t="s">
        <v>1</v>
      </c>
      <c r="C45102" s="14" t="s">
        <v>109</v>
      </c>
      <c r="D45102" s="14" t="s">
        <v>81</v>
      </c>
      <c r="E45102" s="15">
        <v>45583</v>
      </c>
      <c r="F45102" s="14" t="s">
        <v>15</v>
      </c>
      <c r="G45102" s="16">
        <v>0</v>
      </c>
    </row>
    <row r="45103" spans="1:7" x14ac:dyDescent="0.3">
      <c r="A45103" s="13" t="s">
        <v>261</v>
      </c>
      <c r="B45103" s="14" t="s">
        <v>1</v>
      </c>
      <c r="C45103" s="14" t="s">
        <v>109</v>
      </c>
      <c r="D45103" s="14" t="s">
        <v>81</v>
      </c>
      <c r="E45103" s="15">
        <v>45584</v>
      </c>
      <c r="F45103" s="14" t="s">
        <v>15</v>
      </c>
      <c r="G45103" s="16">
        <v>0</v>
      </c>
    </row>
    <row r="45104" spans="1:7" x14ac:dyDescent="0.3">
      <c r="A45104" s="13" t="s">
        <v>261</v>
      </c>
      <c r="B45104" s="14" t="s">
        <v>1</v>
      </c>
      <c r="C45104" s="14" t="s">
        <v>109</v>
      </c>
      <c r="D45104" s="14" t="s">
        <v>81</v>
      </c>
      <c r="E45104" s="15">
        <v>45585</v>
      </c>
      <c r="F45104" s="14" t="s">
        <v>15</v>
      </c>
      <c r="G45104" s="16">
        <v>0</v>
      </c>
    </row>
    <row r="45105" spans="1:7" x14ac:dyDescent="0.3">
      <c r="A45105" s="13" t="s">
        <v>261</v>
      </c>
      <c r="B45105" s="14" t="s">
        <v>1</v>
      </c>
      <c r="C45105" s="14" t="s">
        <v>109</v>
      </c>
      <c r="D45105" s="14" t="s">
        <v>81</v>
      </c>
      <c r="E45105" s="15">
        <v>45586</v>
      </c>
      <c r="F45105" s="14" t="s">
        <v>15</v>
      </c>
      <c r="G45105" s="16">
        <v>0</v>
      </c>
    </row>
    <row r="45106" spans="1:7" x14ac:dyDescent="0.3">
      <c r="A45106" s="13" t="s">
        <v>261</v>
      </c>
      <c r="B45106" s="14" t="s">
        <v>1</v>
      </c>
      <c r="C45106" s="14" t="s">
        <v>109</v>
      </c>
      <c r="D45106" s="14" t="s">
        <v>81</v>
      </c>
      <c r="E45106" s="15">
        <v>45587</v>
      </c>
      <c r="F45106" s="14" t="s">
        <v>15</v>
      </c>
      <c r="G45106" s="16">
        <v>0</v>
      </c>
    </row>
    <row r="45107" spans="1:7" x14ac:dyDescent="0.3">
      <c r="A45107" s="13" t="s">
        <v>261</v>
      </c>
      <c r="B45107" s="14" t="s">
        <v>1</v>
      </c>
      <c r="C45107" s="14" t="s">
        <v>109</v>
      </c>
      <c r="D45107" s="14" t="s">
        <v>81</v>
      </c>
      <c r="E45107" s="15">
        <v>45588</v>
      </c>
      <c r="F45107" s="14" t="s">
        <v>15</v>
      </c>
      <c r="G45107" s="16">
        <v>0</v>
      </c>
    </row>
    <row r="45108" spans="1:7" x14ac:dyDescent="0.3">
      <c r="A45108" s="13" t="s">
        <v>261</v>
      </c>
      <c r="B45108" s="14" t="s">
        <v>1</v>
      </c>
      <c r="C45108" s="14" t="s">
        <v>109</v>
      </c>
      <c r="D45108" s="14" t="s">
        <v>81</v>
      </c>
      <c r="E45108" s="15">
        <v>45589</v>
      </c>
      <c r="F45108" s="14" t="s">
        <v>15</v>
      </c>
      <c r="G45108" s="16">
        <v>0</v>
      </c>
    </row>
    <row r="45109" spans="1:7" x14ac:dyDescent="0.3">
      <c r="A45109" s="13" t="s">
        <v>261</v>
      </c>
      <c r="B45109" s="14" t="s">
        <v>1</v>
      </c>
      <c r="C45109" s="14" t="s">
        <v>109</v>
      </c>
      <c r="D45109" s="14" t="s">
        <v>81</v>
      </c>
      <c r="E45109" s="15">
        <v>45590</v>
      </c>
      <c r="F45109" s="14" t="s">
        <v>15</v>
      </c>
      <c r="G45109" s="16">
        <v>0</v>
      </c>
    </row>
    <row r="45110" spans="1:7" x14ac:dyDescent="0.3">
      <c r="A45110" s="13" t="s">
        <v>261</v>
      </c>
      <c r="B45110" s="14" t="s">
        <v>1</v>
      </c>
      <c r="C45110" s="14" t="s">
        <v>109</v>
      </c>
      <c r="D45110" s="14" t="s">
        <v>81</v>
      </c>
      <c r="E45110" s="15">
        <v>45591</v>
      </c>
      <c r="F45110" s="14" t="s">
        <v>15</v>
      </c>
      <c r="G45110" s="16">
        <v>0</v>
      </c>
    </row>
    <row r="45111" spans="1:7" x14ac:dyDescent="0.3">
      <c r="A45111" s="13" t="s">
        <v>261</v>
      </c>
      <c r="B45111" s="14" t="s">
        <v>1</v>
      </c>
      <c r="C45111" s="14" t="s">
        <v>109</v>
      </c>
      <c r="D45111" s="14" t="s">
        <v>81</v>
      </c>
      <c r="E45111" s="15">
        <v>45592</v>
      </c>
      <c r="F45111" s="14" t="s">
        <v>15</v>
      </c>
      <c r="G45111" s="16">
        <v>0</v>
      </c>
    </row>
    <row r="45112" spans="1:7" x14ac:dyDescent="0.3">
      <c r="A45112" s="13" t="s">
        <v>261</v>
      </c>
      <c r="B45112" s="14" t="s">
        <v>1</v>
      </c>
      <c r="C45112" s="14" t="s">
        <v>109</v>
      </c>
      <c r="D45112" s="14" t="s">
        <v>81</v>
      </c>
      <c r="E45112" s="15">
        <v>45593</v>
      </c>
      <c r="F45112" s="14" t="s">
        <v>15</v>
      </c>
      <c r="G45112" s="16">
        <v>0</v>
      </c>
    </row>
    <row r="45113" spans="1:7" x14ac:dyDescent="0.3">
      <c r="A45113" s="13" t="s">
        <v>261</v>
      </c>
      <c r="B45113" s="14" t="s">
        <v>1</v>
      </c>
      <c r="C45113" s="14" t="s">
        <v>109</v>
      </c>
      <c r="D45113" s="14" t="s">
        <v>81</v>
      </c>
      <c r="E45113" s="15">
        <v>45594</v>
      </c>
      <c r="F45113" s="14" t="s">
        <v>15</v>
      </c>
      <c r="G45113" s="16">
        <v>0</v>
      </c>
    </row>
    <row r="45114" spans="1:7" x14ac:dyDescent="0.3">
      <c r="A45114" s="13" t="s">
        <v>261</v>
      </c>
      <c r="B45114" s="14" t="s">
        <v>1</v>
      </c>
      <c r="C45114" s="14" t="s">
        <v>109</v>
      </c>
      <c r="D45114" s="14" t="s">
        <v>81</v>
      </c>
      <c r="E45114" s="15">
        <v>45595</v>
      </c>
      <c r="F45114" s="14" t="s">
        <v>15</v>
      </c>
      <c r="G45114" s="16">
        <v>0</v>
      </c>
    </row>
    <row r="45115" spans="1:7" x14ac:dyDescent="0.3">
      <c r="A45115" s="13" t="s">
        <v>261</v>
      </c>
      <c r="B45115" s="14" t="s">
        <v>1</v>
      </c>
      <c r="C45115" s="14" t="s">
        <v>109</v>
      </c>
      <c r="D45115" s="14" t="s">
        <v>81</v>
      </c>
      <c r="E45115" s="15">
        <v>45596</v>
      </c>
      <c r="F45115" s="14" t="s">
        <v>15</v>
      </c>
      <c r="G45115" s="16">
        <v>0</v>
      </c>
    </row>
    <row r="45116" spans="1:7" x14ac:dyDescent="0.3">
      <c r="A45116" s="13" t="s">
        <v>261</v>
      </c>
      <c r="B45116" s="14" t="s">
        <v>1</v>
      </c>
      <c r="C45116" s="14" t="s">
        <v>109</v>
      </c>
      <c r="D45116" s="14" t="s">
        <v>81</v>
      </c>
      <c r="E45116" s="15">
        <v>45597</v>
      </c>
      <c r="F45116" s="14" t="s">
        <v>15</v>
      </c>
      <c r="G45116" s="16">
        <v>0</v>
      </c>
    </row>
    <row r="45117" spans="1:7" x14ac:dyDescent="0.3">
      <c r="A45117" s="13" t="s">
        <v>261</v>
      </c>
      <c r="B45117" s="14" t="s">
        <v>1</v>
      </c>
      <c r="C45117" s="14" t="s">
        <v>109</v>
      </c>
      <c r="D45117" s="14" t="s">
        <v>81</v>
      </c>
      <c r="E45117" s="15">
        <v>45598</v>
      </c>
      <c r="F45117" s="14" t="s">
        <v>15</v>
      </c>
      <c r="G45117" s="16">
        <v>0</v>
      </c>
    </row>
    <row r="45118" spans="1:7" x14ac:dyDescent="0.3">
      <c r="A45118" s="13" t="s">
        <v>261</v>
      </c>
      <c r="B45118" s="14" t="s">
        <v>1</v>
      </c>
      <c r="C45118" s="14" t="s">
        <v>109</v>
      </c>
      <c r="D45118" s="14" t="s">
        <v>81</v>
      </c>
      <c r="E45118" s="15">
        <v>45599</v>
      </c>
      <c r="F45118" s="14" t="s">
        <v>15</v>
      </c>
      <c r="G45118" s="16">
        <v>0</v>
      </c>
    </row>
    <row r="45119" spans="1:7" x14ac:dyDescent="0.3">
      <c r="A45119" s="13" t="s">
        <v>261</v>
      </c>
      <c r="B45119" s="14" t="s">
        <v>1</v>
      </c>
      <c r="C45119" s="14" t="s">
        <v>109</v>
      </c>
      <c r="D45119" s="14" t="s">
        <v>81</v>
      </c>
      <c r="E45119" s="15">
        <v>45600</v>
      </c>
      <c r="F45119" s="14" t="s">
        <v>15</v>
      </c>
      <c r="G45119" s="16">
        <v>0</v>
      </c>
    </row>
    <row r="45120" spans="1:7" x14ac:dyDescent="0.3">
      <c r="A45120" s="13" t="s">
        <v>261</v>
      </c>
      <c r="B45120" s="14" t="s">
        <v>1</v>
      </c>
      <c r="C45120" s="14" t="s">
        <v>109</v>
      </c>
      <c r="D45120" s="14" t="s">
        <v>81</v>
      </c>
      <c r="E45120" s="15">
        <v>45601</v>
      </c>
      <c r="F45120" s="14" t="s">
        <v>15</v>
      </c>
      <c r="G45120" s="16">
        <v>0</v>
      </c>
    </row>
    <row r="45121" spans="1:7" x14ac:dyDescent="0.3">
      <c r="A45121" s="13" t="s">
        <v>261</v>
      </c>
      <c r="B45121" s="14" t="s">
        <v>1</v>
      </c>
      <c r="C45121" s="14" t="s">
        <v>109</v>
      </c>
      <c r="D45121" s="14" t="s">
        <v>81</v>
      </c>
      <c r="E45121" s="15">
        <v>45602</v>
      </c>
      <c r="F45121" s="14" t="s">
        <v>15</v>
      </c>
      <c r="G45121" s="16">
        <v>0</v>
      </c>
    </row>
    <row r="45122" spans="1:7" x14ac:dyDescent="0.3">
      <c r="A45122" s="13" t="s">
        <v>261</v>
      </c>
      <c r="B45122" s="14" t="s">
        <v>1</v>
      </c>
      <c r="C45122" s="14" t="s">
        <v>109</v>
      </c>
      <c r="D45122" s="14" t="s">
        <v>81</v>
      </c>
      <c r="E45122" s="15">
        <v>45603</v>
      </c>
      <c r="F45122" s="14" t="s">
        <v>15</v>
      </c>
      <c r="G45122" s="16">
        <v>0</v>
      </c>
    </row>
    <row r="45123" spans="1:7" x14ac:dyDescent="0.3">
      <c r="A45123" s="13" t="s">
        <v>261</v>
      </c>
      <c r="B45123" s="14" t="s">
        <v>1</v>
      </c>
      <c r="C45123" s="14" t="s">
        <v>109</v>
      </c>
      <c r="D45123" s="14" t="s">
        <v>81</v>
      </c>
      <c r="E45123" s="15">
        <v>45604</v>
      </c>
      <c r="F45123" s="14" t="s">
        <v>15</v>
      </c>
      <c r="G45123" s="16">
        <v>0</v>
      </c>
    </row>
    <row r="45124" spans="1:7" x14ac:dyDescent="0.3">
      <c r="A45124" s="13" t="s">
        <v>261</v>
      </c>
      <c r="B45124" s="14" t="s">
        <v>1</v>
      </c>
      <c r="C45124" s="14" t="s">
        <v>109</v>
      </c>
      <c r="D45124" s="14" t="s">
        <v>81</v>
      </c>
      <c r="E45124" s="15">
        <v>45605</v>
      </c>
      <c r="F45124" s="14" t="s">
        <v>15</v>
      </c>
      <c r="G45124" s="16">
        <v>0</v>
      </c>
    </row>
    <row r="45125" spans="1:7" x14ac:dyDescent="0.3">
      <c r="A45125" s="13" t="s">
        <v>261</v>
      </c>
      <c r="B45125" s="14" t="s">
        <v>1</v>
      </c>
      <c r="C45125" s="14" t="s">
        <v>109</v>
      </c>
      <c r="D45125" s="14" t="s">
        <v>81</v>
      </c>
      <c r="E45125" s="15">
        <v>45606</v>
      </c>
      <c r="F45125" s="14" t="s">
        <v>15</v>
      </c>
      <c r="G45125" s="16">
        <v>0</v>
      </c>
    </row>
    <row r="45126" spans="1:7" x14ac:dyDescent="0.3">
      <c r="A45126" s="13" t="s">
        <v>261</v>
      </c>
      <c r="B45126" s="14" t="s">
        <v>1</v>
      </c>
      <c r="C45126" s="14" t="s">
        <v>109</v>
      </c>
      <c r="D45126" s="14" t="s">
        <v>81</v>
      </c>
      <c r="E45126" s="15">
        <v>45607</v>
      </c>
      <c r="F45126" s="14" t="s">
        <v>15</v>
      </c>
      <c r="G45126" s="16">
        <v>0</v>
      </c>
    </row>
    <row r="45127" spans="1:7" x14ac:dyDescent="0.3">
      <c r="A45127" s="13" t="s">
        <v>261</v>
      </c>
      <c r="B45127" s="14" t="s">
        <v>1</v>
      </c>
      <c r="C45127" s="14" t="s">
        <v>109</v>
      </c>
      <c r="D45127" s="14" t="s">
        <v>81</v>
      </c>
      <c r="E45127" s="15">
        <v>45608</v>
      </c>
      <c r="F45127" s="14" t="s">
        <v>15</v>
      </c>
      <c r="G45127" s="16">
        <v>0</v>
      </c>
    </row>
    <row r="45128" spans="1:7" x14ac:dyDescent="0.3">
      <c r="A45128" s="13" t="s">
        <v>261</v>
      </c>
      <c r="B45128" s="14" t="s">
        <v>1</v>
      </c>
      <c r="C45128" s="14" t="s">
        <v>109</v>
      </c>
      <c r="D45128" s="14" t="s">
        <v>81</v>
      </c>
      <c r="E45128" s="15">
        <v>45609</v>
      </c>
      <c r="F45128" s="14" t="s">
        <v>15</v>
      </c>
      <c r="G45128" s="16">
        <v>0</v>
      </c>
    </row>
    <row r="45129" spans="1:7" x14ac:dyDescent="0.3">
      <c r="A45129" s="13" t="s">
        <v>261</v>
      </c>
      <c r="B45129" s="14" t="s">
        <v>1</v>
      </c>
      <c r="C45129" s="14" t="s">
        <v>109</v>
      </c>
      <c r="D45129" s="14" t="s">
        <v>81</v>
      </c>
      <c r="E45129" s="15">
        <v>45610</v>
      </c>
      <c r="F45129" s="14" t="s">
        <v>15</v>
      </c>
      <c r="G45129" s="16">
        <v>0</v>
      </c>
    </row>
    <row r="45130" spans="1:7" x14ac:dyDescent="0.3">
      <c r="A45130" s="13" t="s">
        <v>261</v>
      </c>
      <c r="B45130" s="14" t="s">
        <v>1</v>
      </c>
      <c r="C45130" s="14" t="s">
        <v>109</v>
      </c>
      <c r="D45130" s="14" t="s">
        <v>81</v>
      </c>
      <c r="E45130" s="15">
        <v>45611</v>
      </c>
      <c r="F45130" s="14" t="s">
        <v>15</v>
      </c>
      <c r="G45130" s="16">
        <v>0</v>
      </c>
    </row>
    <row r="45131" spans="1:7" x14ac:dyDescent="0.3">
      <c r="A45131" s="13" t="s">
        <v>261</v>
      </c>
      <c r="B45131" s="14" t="s">
        <v>1</v>
      </c>
      <c r="C45131" s="14" t="s">
        <v>109</v>
      </c>
      <c r="D45131" s="14" t="s">
        <v>81</v>
      </c>
      <c r="E45131" s="15">
        <v>45612</v>
      </c>
      <c r="F45131" s="14" t="s">
        <v>15</v>
      </c>
      <c r="G45131" s="16">
        <v>0</v>
      </c>
    </row>
    <row r="45132" spans="1:7" x14ac:dyDescent="0.3">
      <c r="A45132" s="13" t="s">
        <v>261</v>
      </c>
      <c r="B45132" s="14" t="s">
        <v>1</v>
      </c>
      <c r="C45132" s="14" t="s">
        <v>109</v>
      </c>
      <c r="D45132" s="14" t="s">
        <v>81</v>
      </c>
      <c r="E45132" s="15">
        <v>45613</v>
      </c>
      <c r="F45132" s="14" t="s">
        <v>15</v>
      </c>
      <c r="G45132" s="16">
        <v>0</v>
      </c>
    </row>
    <row r="45133" spans="1:7" x14ac:dyDescent="0.3">
      <c r="A45133" s="13" t="s">
        <v>261</v>
      </c>
      <c r="B45133" s="14" t="s">
        <v>1</v>
      </c>
      <c r="C45133" s="14" t="s">
        <v>109</v>
      </c>
      <c r="D45133" s="14" t="s">
        <v>81</v>
      </c>
      <c r="E45133" s="15">
        <v>45614</v>
      </c>
      <c r="F45133" s="14" t="s">
        <v>15</v>
      </c>
      <c r="G45133" s="16">
        <v>0</v>
      </c>
    </row>
    <row r="45134" spans="1:7" x14ac:dyDescent="0.3">
      <c r="A45134" s="13" t="s">
        <v>261</v>
      </c>
      <c r="B45134" s="14" t="s">
        <v>1</v>
      </c>
      <c r="C45134" s="14" t="s">
        <v>109</v>
      </c>
      <c r="D45134" s="14" t="s">
        <v>81</v>
      </c>
      <c r="E45134" s="15">
        <v>45615</v>
      </c>
      <c r="F45134" s="14" t="s">
        <v>15</v>
      </c>
      <c r="G45134" s="16">
        <v>0</v>
      </c>
    </row>
    <row r="45135" spans="1:7" x14ac:dyDescent="0.3">
      <c r="A45135" s="13" t="s">
        <v>261</v>
      </c>
      <c r="B45135" s="14" t="s">
        <v>1</v>
      </c>
      <c r="C45135" s="14" t="s">
        <v>109</v>
      </c>
      <c r="D45135" s="14" t="s">
        <v>81</v>
      </c>
      <c r="E45135" s="15">
        <v>45616</v>
      </c>
      <c r="F45135" s="14" t="s">
        <v>15</v>
      </c>
      <c r="G45135" s="16">
        <v>0</v>
      </c>
    </row>
    <row r="45136" spans="1:7" x14ac:dyDescent="0.3">
      <c r="A45136" s="13" t="s">
        <v>261</v>
      </c>
      <c r="B45136" s="14" t="s">
        <v>1</v>
      </c>
      <c r="C45136" s="14" t="s">
        <v>109</v>
      </c>
      <c r="D45136" s="14" t="s">
        <v>81</v>
      </c>
      <c r="E45136" s="15">
        <v>45617</v>
      </c>
      <c r="F45136" s="14" t="s">
        <v>15</v>
      </c>
      <c r="G45136" s="16">
        <v>0</v>
      </c>
    </row>
    <row r="45137" spans="1:7" x14ac:dyDescent="0.3">
      <c r="A45137" s="13" t="s">
        <v>261</v>
      </c>
      <c r="B45137" s="14" t="s">
        <v>1</v>
      </c>
      <c r="C45137" s="14" t="s">
        <v>109</v>
      </c>
      <c r="D45137" s="14" t="s">
        <v>81</v>
      </c>
      <c r="E45137" s="15">
        <v>45618</v>
      </c>
      <c r="F45137" s="14" t="s">
        <v>15</v>
      </c>
      <c r="G45137" s="16">
        <v>0</v>
      </c>
    </row>
    <row r="45138" spans="1:7" x14ac:dyDescent="0.3">
      <c r="A45138" s="13" t="s">
        <v>261</v>
      </c>
      <c r="B45138" s="14" t="s">
        <v>1</v>
      </c>
      <c r="C45138" s="14" t="s">
        <v>109</v>
      </c>
      <c r="D45138" s="14" t="s">
        <v>81</v>
      </c>
      <c r="E45138" s="15">
        <v>45619</v>
      </c>
      <c r="F45138" s="14" t="s">
        <v>15</v>
      </c>
      <c r="G45138" s="16">
        <v>0</v>
      </c>
    </row>
    <row r="45139" spans="1:7" x14ac:dyDescent="0.3">
      <c r="A45139" s="13" t="s">
        <v>261</v>
      </c>
      <c r="B45139" s="14" t="s">
        <v>1</v>
      </c>
      <c r="C45139" s="14" t="s">
        <v>109</v>
      </c>
      <c r="D45139" s="14" t="s">
        <v>81</v>
      </c>
      <c r="E45139" s="15">
        <v>45620</v>
      </c>
      <c r="F45139" s="14" t="s">
        <v>15</v>
      </c>
      <c r="G45139" s="16">
        <v>0</v>
      </c>
    </row>
    <row r="45140" spans="1:7" x14ac:dyDescent="0.3">
      <c r="A45140" s="13" t="s">
        <v>261</v>
      </c>
      <c r="B45140" s="14" t="s">
        <v>1</v>
      </c>
      <c r="C45140" s="14" t="s">
        <v>109</v>
      </c>
      <c r="D45140" s="14" t="s">
        <v>81</v>
      </c>
      <c r="E45140" s="15">
        <v>45621</v>
      </c>
      <c r="F45140" s="14" t="s">
        <v>15</v>
      </c>
      <c r="G45140" s="16">
        <v>0</v>
      </c>
    </row>
    <row r="45141" spans="1:7" x14ac:dyDescent="0.3">
      <c r="A45141" s="13" t="s">
        <v>261</v>
      </c>
      <c r="B45141" s="14" t="s">
        <v>1</v>
      </c>
      <c r="C45141" s="14" t="s">
        <v>109</v>
      </c>
      <c r="D45141" s="14" t="s">
        <v>81</v>
      </c>
      <c r="E45141" s="15">
        <v>45622</v>
      </c>
      <c r="F45141" s="14" t="s">
        <v>15</v>
      </c>
      <c r="G45141" s="16">
        <v>0</v>
      </c>
    </row>
    <row r="45142" spans="1:7" x14ac:dyDescent="0.3">
      <c r="A45142" s="13" t="s">
        <v>261</v>
      </c>
      <c r="B45142" s="14" t="s">
        <v>1</v>
      </c>
      <c r="C45142" s="14" t="s">
        <v>109</v>
      </c>
      <c r="D45142" s="14" t="s">
        <v>81</v>
      </c>
      <c r="E45142" s="15">
        <v>45623</v>
      </c>
      <c r="F45142" s="14" t="s">
        <v>15</v>
      </c>
      <c r="G45142" s="16">
        <v>0</v>
      </c>
    </row>
    <row r="45143" spans="1:7" x14ac:dyDescent="0.3">
      <c r="A45143" s="13" t="s">
        <v>261</v>
      </c>
      <c r="B45143" s="14" t="s">
        <v>1</v>
      </c>
      <c r="C45143" s="14" t="s">
        <v>109</v>
      </c>
      <c r="D45143" s="14" t="s">
        <v>81</v>
      </c>
      <c r="E45143" s="15">
        <v>45624</v>
      </c>
      <c r="F45143" s="14" t="s">
        <v>15</v>
      </c>
      <c r="G45143" s="16">
        <v>0</v>
      </c>
    </row>
    <row r="45144" spans="1:7" x14ac:dyDescent="0.3">
      <c r="A45144" s="13" t="s">
        <v>261</v>
      </c>
      <c r="B45144" s="14" t="s">
        <v>1</v>
      </c>
      <c r="C45144" s="14" t="s">
        <v>109</v>
      </c>
      <c r="D45144" s="14" t="s">
        <v>81</v>
      </c>
      <c r="E45144" s="15">
        <v>45625</v>
      </c>
      <c r="F45144" s="14" t="s">
        <v>15</v>
      </c>
      <c r="G45144" s="16">
        <v>0</v>
      </c>
    </row>
    <row r="45145" spans="1:7" x14ac:dyDescent="0.3">
      <c r="A45145" s="13" t="s">
        <v>261</v>
      </c>
      <c r="B45145" s="14" t="s">
        <v>1</v>
      </c>
      <c r="C45145" s="14" t="s">
        <v>109</v>
      </c>
      <c r="D45145" s="14" t="s">
        <v>81</v>
      </c>
      <c r="E45145" s="15">
        <v>45626</v>
      </c>
      <c r="F45145" s="14" t="s">
        <v>15</v>
      </c>
      <c r="G45145" s="16">
        <v>0</v>
      </c>
    </row>
    <row r="45146" spans="1:7" x14ac:dyDescent="0.3">
      <c r="A45146" s="13" t="s">
        <v>261</v>
      </c>
      <c r="B45146" s="14" t="s">
        <v>1</v>
      </c>
      <c r="C45146" s="14" t="s">
        <v>109</v>
      </c>
      <c r="D45146" s="14" t="s">
        <v>81</v>
      </c>
      <c r="E45146" s="15">
        <v>45627</v>
      </c>
      <c r="F45146" s="14" t="s">
        <v>15</v>
      </c>
      <c r="G45146" s="16">
        <v>0</v>
      </c>
    </row>
    <row r="45147" spans="1:7" x14ac:dyDescent="0.3">
      <c r="A45147" s="13" t="s">
        <v>261</v>
      </c>
      <c r="B45147" s="14" t="s">
        <v>1</v>
      </c>
      <c r="C45147" s="14" t="s">
        <v>109</v>
      </c>
      <c r="D45147" s="14" t="s">
        <v>81</v>
      </c>
      <c r="E45147" s="15">
        <v>45628</v>
      </c>
      <c r="F45147" s="14" t="s">
        <v>15</v>
      </c>
      <c r="G45147" s="16">
        <v>0</v>
      </c>
    </row>
    <row r="45148" spans="1:7" x14ac:dyDescent="0.3">
      <c r="A45148" s="13" t="s">
        <v>261</v>
      </c>
      <c r="B45148" s="14" t="s">
        <v>1</v>
      </c>
      <c r="C45148" s="14" t="s">
        <v>109</v>
      </c>
      <c r="D45148" s="14" t="s">
        <v>81</v>
      </c>
      <c r="E45148" s="15">
        <v>45629</v>
      </c>
      <c r="F45148" s="14" t="s">
        <v>15</v>
      </c>
      <c r="G45148" s="16">
        <v>0</v>
      </c>
    </row>
    <row r="45149" spans="1:7" x14ac:dyDescent="0.3">
      <c r="A45149" s="13" t="s">
        <v>261</v>
      </c>
      <c r="B45149" s="14" t="s">
        <v>1</v>
      </c>
      <c r="C45149" s="14" t="s">
        <v>109</v>
      </c>
      <c r="D45149" s="14" t="s">
        <v>81</v>
      </c>
      <c r="E45149" s="15">
        <v>45630</v>
      </c>
      <c r="F45149" s="14" t="s">
        <v>15</v>
      </c>
      <c r="G45149" s="16">
        <v>0</v>
      </c>
    </row>
    <row r="45150" spans="1:7" x14ac:dyDescent="0.3">
      <c r="A45150" s="13" t="s">
        <v>261</v>
      </c>
      <c r="B45150" s="14" t="s">
        <v>1</v>
      </c>
      <c r="C45150" s="14" t="s">
        <v>109</v>
      </c>
      <c r="D45150" s="14" t="s">
        <v>81</v>
      </c>
      <c r="E45150" s="15">
        <v>45631</v>
      </c>
      <c r="F45150" s="14" t="s">
        <v>15</v>
      </c>
      <c r="G45150" s="16">
        <v>0</v>
      </c>
    </row>
    <row r="45151" spans="1:7" x14ac:dyDescent="0.3">
      <c r="A45151" s="13" t="s">
        <v>261</v>
      </c>
      <c r="B45151" s="14" t="s">
        <v>1</v>
      </c>
      <c r="C45151" s="14" t="s">
        <v>109</v>
      </c>
      <c r="D45151" s="14" t="s">
        <v>81</v>
      </c>
      <c r="E45151" s="15">
        <v>45632</v>
      </c>
      <c r="F45151" s="14" t="s">
        <v>15</v>
      </c>
      <c r="G45151" s="16">
        <v>0</v>
      </c>
    </row>
    <row r="45152" spans="1:7" x14ac:dyDescent="0.3">
      <c r="A45152" s="13" t="s">
        <v>261</v>
      </c>
      <c r="B45152" s="14" t="s">
        <v>1</v>
      </c>
      <c r="C45152" s="14" t="s">
        <v>109</v>
      </c>
      <c r="D45152" s="14" t="s">
        <v>81</v>
      </c>
      <c r="E45152" s="15">
        <v>45633</v>
      </c>
      <c r="F45152" s="14" t="s">
        <v>15</v>
      </c>
      <c r="G45152" s="16">
        <v>0</v>
      </c>
    </row>
    <row r="45153" spans="1:7" x14ac:dyDescent="0.3">
      <c r="A45153" s="13" t="s">
        <v>261</v>
      </c>
      <c r="B45153" s="14" t="s">
        <v>1</v>
      </c>
      <c r="C45153" s="14" t="s">
        <v>109</v>
      </c>
      <c r="D45153" s="14" t="s">
        <v>81</v>
      </c>
      <c r="E45153" s="15">
        <v>45634</v>
      </c>
      <c r="F45153" s="14" t="s">
        <v>15</v>
      </c>
      <c r="G45153" s="16">
        <v>0</v>
      </c>
    </row>
    <row r="45154" spans="1:7" x14ac:dyDescent="0.3">
      <c r="A45154" s="13" t="s">
        <v>261</v>
      </c>
      <c r="B45154" s="14" t="s">
        <v>1</v>
      </c>
      <c r="C45154" s="14" t="s">
        <v>109</v>
      </c>
      <c r="D45154" s="14" t="s">
        <v>81</v>
      </c>
      <c r="E45154" s="15">
        <v>45635</v>
      </c>
      <c r="F45154" s="14" t="s">
        <v>15</v>
      </c>
      <c r="G45154" s="16">
        <v>0</v>
      </c>
    </row>
    <row r="45155" spans="1:7" x14ac:dyDescent="0.3">
      <c r="A45155" s="13" t="s">
        <v>261</v>
      </c>
      <c r="B45155" s="14" t="s">
        <v>1</v>
      </c>
      <c r="C45155" s="14" t="s">
        <v>109</v>
      </c>
      <c r="D45155" s="14" t="s">
        <v>81</v>
      </c>
      <c r="E45155" s="15">
        <v>45636</v>
      </c>
      <c r="F45155" s="14" t="s">
        <v>15</v>
      </c>
      <c r="G45155" s="16">
        <v>0</v>
      </c>
    </row>
    <row r="45156" spans="1:7" x14ac:dyDescent="0.3">
      <c r="A45156" s="13" t="s">
        <v>261</v>
      </c>
      <c r="B45156" s="14" t="s">
        <v>1</v>
      </c>
      <c r="C45156" s="14" t="s">
        <v>109</v>
      </c>
      <c r="D45156" s="14" t="s">
        <v>81</v>
      </c>
      <c r="E45156" s="15">
        <v>45637</v>
      </c>
      <c r="F45156" s="14" t="s">
        <v>15</v>
      </c>
      <c r="G45156" s="16">
        <v>0</v>
      </c>
    </row>
    <row r="45157" spans="1:7" x14ac:dyDescent="0.3">
      <c r="A45157" s="13" t="s">
        <v>261</v>
      </c>
      <c r="B45157" s="14" t="s">
        <v>1</v>
      </c>
      <c r="C45157" s="14" t="s">
        <v>109</v>
      </c>
      <c r="D45157" s="14" t="s">
        <v>81</v>
      </c>
      <c r="E45157" s="15">
        <v>45638</v>
      </c>
      <c r="F45157" s="14" t="s">
        <v>15</v>
      </c>
      <c r="G45157" s="16">
        <v>0</v>
      </c>
    </row>
    <row r="45158" spans="1:7" x14ac:dyDescent="0.3">
      <c r="A45158" s="13" t="s">
        <v>261</v>
      </c>
      <c r="B45158" s="14" t="s">
        <v>1</v>
      </c>
      <c r="C45158" s="14" t="s">
        <v>109</v>
      </c>
      <c r="D45158" s="14" t="s">
        <v>81</v>
      </c>
      <c r="E45158" s="15">
        <v>45639</v>
      </c>
      <c r="F45158" s="14" t="s">
        <v>15</v>
      </c>
      <c r="G45158" s="16">
        <v>0</v>
      </c>
    </row>
    <row r="45159" spans="1:7" x14ac:dyDescent="0.3">
      <c r="A45159" s="13" t="s">
        <v>261</v>
      </c>
      <c r="B45159" s="14" t="s">
        <v>1</v>
      </c>
      <c r="C45159" s="14" t="s">
        <v>109</v>
      </c>
      <c r="D45159" s="14" t="s">
        <v>81</v>
      </c>
      <c r="E45159" s="15">
        <v>45640</v>
      </c>
      <c r="F45159" s="14" t="s">
        <v>15</v>
      </c>
      <c r="G45159" s="16">
        <v>0</v>
      </c>
    </row>
    <row r="45160" spans="1:7" x14ac:dyDescent="0.3">
      <c r="A45160" s="13" t="s">
        <v>261</v>
      </c>
      <c r="B45160" s="14" t="s">
        <v>1</v>
      </c>
      <c r="C45160" s="14" t="s">
        <v>109</v>
      </c>
      <c r="D45160" s="14" t="s">
        <v>81</v>
      </c>
      <c r="E45160" s="15">
        <v>45641</v>
      </c>
      <c r="F45160" s="14" t="s">
        <v>15</v>
      </c>
      <c r="G45160" s="16">
        <v>0</v>
      </c>
    </row>
    <row r="45161" spans="1:7" x14ac:dyDescent="0.3">
      <c r="A45161" s="13" t="s">
        <v>261</v>
      </c>
      <c r="B45161" s="14" t="s">
        <v>1</v>
      </c>
      <c r="C45161" s="14" t="s">
        <v>109</v>
      </c>
      <c r="D45161" s="14" t="s">
        <v>81</v>
      </c>
      <c r="E45161" s="15">
        <v>45642</v>
      </c>
      <c r="F45161" s="14" t="s">
        <v>15</v>
      </c>
      <c r="G45161" s="16">
        <v>0</v>
      </c>
    </row>
    <row r="45162" spans="1:7" x14ac:dyDescent="0.3">
      <c r="A45162" s="13" t="s">
        <v>261</v>
      </c>
      <c r="B45162" s="14" t="s">
        <v>1</v>
      </c>
      <c r="C45162" s="14" t="s">
        <v>109</v>
      </c>
      <c r="D45162" s="14" t="s">
        <v>81</v>
      </c>
      <c r="E45162" s="15">
        <v>45643</v>
      </c>
      <c r="F45162" s="14" t="s">
        <v>15</v>
      </c>
      <c r="G45162" s="16">
        <v>0</v>
      </c>
    </row>
    <row r="45163" spans="1:7" x14ac:dyDescent="0.3">
      <c r="A45163" s="13" t="s">
        <v>261</v>
      </c>
      <c r="B45163" s="14" t="s">
        <v>1</v>
      </c>
      <c r="C45163" s="14" t="s">
        <v>109</v>
      </c>
      <c r="D45163" s="14" t="s">
        <v>81</v>
      </c>
      <c r="E45163" s="15">
        <v>45644</v>
      </c>
      <c r="F45163" s="14" t="s">
        <v>15</v>
      </c>
      <c r="G45163" s="16">
        <v>0</v>
      </c>
    </row>
    <row r="45164" spans="1:7" x14ac:dyDescent="0.3">
      <c r="A45164" s="13" t="s">
        <v>261</v>
      </c>
      <c r="B45164" s="14" t="s">
        <v>1</v>
      </c>
      <c r="C45164" s="14" t="s">
        <v>109</v>
      </c>
      <c r="D45164" s="14" t="s">
        <v>81</v>
      </c>
      <c r="E45164" s="15">
        <v>45645</v>
      </c>
      <c r="F45164" s="14" t="s">
        <v>15</v>
      </c>
      <c r="G45164" s="16">
        <v>0</v>
      </c>
    </row>
    <row r="45165" spans="1:7" x14ac:dyDescent="0.3">
      <c r="A45165" s="13" t="s">
        <v>261</v>
      </c>
      <c r="B45165" s="14" t="s">
        <v>1</v>
      </c>
      <c r="C45165" s="14" t="s">
        <v>109</v>
      </c>
      <c r="D45165" s="14" t="s">
        <v>81</v>
      </c>
      <c r="E45165" s="15">
        <v>45646</v>
      </c>
      <c r="F45165" s="14" t="s">
        <v>15</v>
      </c>
      <c r="G45165" s="16">
        <v>0</v>
      </c>
    </row>
    <row r="45166" spans="1:7" x14ac:dyDescent="0.3">
      <c r="A45166" s="13" t="s">
        <v>261</v>
      </c>
      <c r="B45166" s="14" t="s">
        <v>1</v>
      </c>
      <c r="C45166" s="14" t="s">
        <v>109</v>
      </c>
      <c r="D45166" s="14" t="s">
        <v>81</v>
      </c>
      <c r="E45166" s="15">
        <v>45647</v>
      </c>
      <c r="F45166" s="14" t="s">
        <v>15</v>
      </c>
      <c r="G45166" s="16">
        <v>0</v>
      </c>
    </row>
    <row r="45167" spans="1:7" x14ac:dyDescent="0.3">
      <c r="A45167" s="13" t="s">
        <v>261</v>
      </c>
      <c r="B45167" s="14" t="s">
        <v>1</v>
      </c>
      <c r="C45167" s="14" t="s">
        <v>109</v>
      </c>
      <c r="D45167" s="14" t="s">
        <v>81</v>
      </c>
      <c r="E45167" s="15">
        <v>45648</v>
      </c>
      <c r="F45167" s="14" t="s">
        <v>15</v>
      </c>
      <c r="G45167" s="16">
        <v>0</v>
      </c>
    </row>
    <row r="45168" spans="1:7" x14ac:dyDescent="0.3">
      <c r="A45168" s="13" t="s">
        <v>261</v>
      </c>
      <c r="B45168" s="14" t="s">
        <v>1</v>
      </c>
      <c r="C45168" s="14" t="s">
        <v>109</v>
      </c>
      <c r="D45168" s="14" t="s">
        <v>81</v>
      </c>
      <c r="E45168" s="15">
        <v>45649</v>
      </c>
      <c r="F45168" s="14" t="s">
        <v>15</v>
      </c>
      <c r="G45168" s="16">
        <v>0</v>
      </c>
    </row>
    <row r="45169" spans="1:7" x14ac:dyDescent="0.3">
      <c r="A45169" s="13" t="s">
        <v>261</v>
      </c>
      <c r="B45169" s="14" t="s">
        <v>1</v>
      </c>
      <c r="C45169" s="14" t="s">
        <v>109</v>
      </c>
      <c r="D45169" s="14" t="s">
        <v>81</v>
      </c>
      <c r="E45169" s="15">
        <v>45650</v>
      </c>
      <c r="F45169" s="14" t="s">
        <v>15</v>
      </c>
      <c r="G45169" s="16">
        <v>0</v>
      </c>
    </row>
    <row r="45170" spans="1:7" x14ac:dyDescent="0.3">
      <c r="A45170" s="13" t="s">
        <v>261</v>
      </c>
      <c r="B45170" s="14" t="s">
        <v>1</v>
      </c>
      <c r="C45170" s="14" t="s">
        <v>109</v>
      </c>
      <c r="D45170" s="14" t="s">
        <v>81</v>
      </c>
      <c r="E45170" s="15">
        <v>45651</v>
      </c>
      <c r="F45170" s="14" t="s">
        <v>15</v>
      </c>
      <c r="G45170" s="16">
        <v>0</v>
      </c>
    </row>
    <row r="45171" spans="1:7" x14ac:dyDescent="0.3">
      <c r="A45171" s="13" t="s">
        <v>261</v>
      </c>
      <c r="B45171" s="14" t="s">
        <v>1</v>
      </c>
      <c r="C45171" s="14" t="s">
        <v>109</v>
      </c>
      <c r="D45171" s="14" t="s">
        <v>81</v>
      </c>
      <c r="E45171" s="15">
        <v>45652</v>
      </c>
      <c r="F45171" s="14" t="s">
        <v>15</v>
      </c>
      <c r="G45171" s="16">
        <v>0</v>
      </c>
    </row>
    <row r="45172" spans="1:7" x14ac:dyDescent="0.3">
      <c r="A45172" s="13" t="s">
        <v>261</v>
      </c>
      <c r="B45172" s="14" t="s">
        <v>1</v>
      </c>
      <c r="C45172" s="14" t="s">
        <v>109</v>
      </c>
      <c r="D45172" s="14" t="s">
        <v>81</v>
      </c>
      <c r="E45172" s="15">
        <v>45653</v>
      </c>
      <c r="F45172" s="14" t="s">
        <v>15</v>
      </c>
      <c r="G45172" s="16">
        <v>0</v>
      </c>
    </row>
    <row r="45173" spans="1:7" x14ac:dyDescent="0.3">
      <c r="A45173" s="13" t="s">
        <v>261</v>
      </c>
      <c r="B45173" s="14" t="s">
        <v>1</v>
      </c>
      <c r="C45173" s="14" t="s">
        <v>109</v>
      </c>
      <c r="D45173" s="14" t="s">
        <v>81</v>
      </c>
      <c r="E45173" s="15">
        <v>45654</v>
      </c>
      <c r="F45173" s="14" t="s">
        <v>15</v>
      </c>
      <c r="G45173" s="16">
        <v>0</v>
      </c>
    </row>
    <row r="45174" spans="1:7" x14ac:dyDescent="0.3">
      <c r="A45174" s="13" t="s">
        <v>261</v>
      </c>
      <c r="B45174" s="14" t="s">
        <v>1</v>
      </c>
      <c r="C45174" s="14" t="s">
        <v>109</v>
      </c>
      <c r="D45174" s="14" t="s">
        <v>81</v>
      </c>
      <c r="E45174" s="15">
        <v>45655</v>
      </c>
      <c r="F45174" s="14" t="s">
        <v>15</v>
      </c>
      <c r="G45174" s="16">
        <v>0</v>
      </c>
    </row>
    <row r="45175" spans="1:7" x14ac:dyDescent="0.3">
      <c r="A45175" s="13" t="s">
        <v>261</v>
      </c>
      <c r="B45175" s="14" t="s">
        <v>1</v>
      </c>
      <c r="C45175" s="14" t="s">
        <v>109</v>
      </c>
      <c r="D45175" s="14" t="s">
        <v>81</v>
      </c>
      <c r="E45175" s="15">
        <v>45656</v>
      </c>
      <c r="F45175" s="14" t="s">
        <v>15</v>
      </c>
      <c r="G45175" s="16">
        <v>0</v>
      </c>
    </row>
    <row r="45176" spans="1:7" x14ac:dyDescent="0.3">
      <c r="A45176" s="13" t="s">
        <v>261</v>
      </c>
      <c r="B45176" s="14" t="s">
        <v>1</v>
      </c>
      <c r="C45176" s="14" t="s">
        <v>109</v>
      </c>
      <c r="D45176" s="14" t="s">
        <v>81</v>
      </c>
      <c r="E45176" s="15">
        <v>45657</v>
      </c>
      <c r="F45176" s="14" t="s">
        <v>15</v>
      </c>
      <c r="G45176" s="16">
        <v>0</v>
      </c>
    </row>
    <row r="45177" spans="1:7" x14ac:dyDescent="0.3">
      <c r="A45177" s="13" t="s">
        <v>261</v>
      </c>
      <c r="B45177" s="14" t="s">
        <v>1</v>
      </c>
      <c r="C45177" s="14" t="s">
        <v>109</v>
      </c>
      <c r="D45177" s="14" t="s">
        <v>81</v>
      </c>
      <c r="E45177" s="15">
        <v>45658</v>
      </c>
      <c r="F45177" s="14" t="s">
        <v>15</v>
      </c>
      <c r="G45177" s="16">
        <v>0</v>
      </c>
    </row>
    <row r="45178" spans="1:7" x14ac:dyDescent="0.3">
      <c r="A45178" s="13" t="s">
        <v>261</v>
      </c>
      <c r="B45178" s="14" t="s">
        <v>1</v>
      </c>
      <c r="C45178" s="14" t="s">
        <v>109</v>
      </c>
      <c r="D45178" s="14" t="s">
        <v>81</v>
      </c>
      <c r="E45178" s="15">
        <v>45659</v>
      </c>
      <c r="F45178" s="14" t="s">
        <v>15</v>
      </c>
      <c r="G45178" s="16">
        <v>0</v>
      </c>
    </row>
    <row r="45179" spans="1:7" x14ac:dyDescent="0.3">
      <c r="A45179" s="13" t="s">
        <v>261</v>
      </c>
      <c r="B45179" s="14" t="s">
        <v>1</v>
      </c>
      <c r="C45179" s="14" t="s">
        <v>109</v>
      </c>
      <c r="D45179" s="14" t="s">
        <v>81</v>
      </c>
      <c r="E45179" s="15">
        <v>45660</v>
      </c>
      <c r="F45179" s="14" t="s">
        <v>15</v>
      </c>
      <c r="G45179" s="16">
        <v>0</v>
      </c>
    </row>
    <row r="45180" spans="1:7" x14ac:dyDescent="0.3">
      <c r="A45180" s="13" t="s">
        <v>261</v>
      </c>
      <c r="B45180" s="14" t="s">
        <v>1</v>
      </c>
      <c r="C45180" s="14" t="s">
        <v>109</v>
      </c>
      <c r="D45180" s="14" t="s">
        <v>81</v>
      </c>
      <c r="E45180" s="15">
        <v>45661</v>
      </c>
      <c r="F45180" s="14" t="s">
        <v>15</v>
      </c>
      <c r="G45180" s="16">
        <v>0</v>
      </c>
    </row>
    <row r="45181" spans="1:7" x14ac:dyDescent="0.3">
      <c r="A45181" s="13" t="s">
        <v>261</v>
      </c>
      <c r="B45181" s="14" t="s">
        <v>1</v>
      </c>
      <c r="C45181" s="14" t="s">
        <v>109</v>
      </c>
      <c r="D45181" s="14" t="s">
        <v>81</v>
      </c>
      <c r="E45181" s="15">
        <v>45662</v>
      </c>
      <c r="F45181" s="14" t="s">
        <v>15</v>
      </c>
      <c r="G45181" s="16">
        <v>0</v>
      </c>
    </row>
    <row r="45182" spans="1:7" x14ac:dyDescent="0.3">
      <c r="A45182" s="13" t="s">
        <v>261</v>
      </c>
      <c r="B45182" s="14" t="s">
        <v>1</v>
      </c>
      <c r="C45182" s="14" t="s">
        <v>109</v>
      </c>
      <c r="D45182" s="14" t="s">
        <v>81</v>
      </c>
      <c r="E45182" s="15">
        <v>45663</v>
      </c>
      <c r="F45182" s="14" t="s">
        <v>15</v>
      </c>
      <c r="G45182" s="16">
        <v>0</v>
      </c>
    </row>
    <row r="45183" spans="1:7" x14ac:dyDescent="0.3">
      <c r="A45183" s="13" t="s">
        <v>261</v>
      </c>
      <c r="B45183" s="14" t="s">
        <v>1</v>
      </c>
      <c r="C45183" s="14" t="s">
        <v>109</v>
      </c>
      <c r="D45183" s="14" t="s">
        <v>81</v>
      </c>
      <c r="E45183" s="15">
        <v>45664</v>
      </c>
      <c r="F45183" s="14" t="s">
        <v>15</v>
      </c>
      <c r="G45183" s="16">
        <v>0</v>
      </c>
    </row>
    <row r="45184" spans="1:7" x14ac:dyDescent="0.3">
      <c r="A45184" s="13" t="s">
        <v>261</v>
      </c>
      <c r="B45184" s="14" t="s">
        <v>1</v>
      </c>
      <c r="C45184" s="14" t="s">
        <v>109</v>
      </c>
      <c r="D45184" s="14" t="s">
        <v>81</v>
      </c>
      <c r="E45184" s="15">
        <v>45665</v>
      </c>
      <c r="F45184" s="14" t="s">
        <v>15</v>
      </c>
      <c r="G45184" s="16">
        <v>0</v>
      </c>
    </row>
    <row r="45185" spans="1:7" x14ac:dyDescent="0.3">
      <c r="A45185" s="13" t="s">
        <v>261</v>
      </c>
      <c r="B45185" s="14" t="s">
        <v>1</v>
      </c>
      <c r="C45185" s="14" t="s">
        <v>109</v>
      </c>
      <c r="D45185" s="14" t="s">
        <v>81</v>
      </c>
      <c r="E45185" s="15">
        <v>45666</v>
      </c>
      <c r="F45185" s="14" t="s">
        <v>15</v>
      </c>
      <c r="G45185" s="16">
        <v>0</v>
      </c>
    </row>
    <row r="45186" spans="1:7" x14ac:dyDescent="0.3">
      <c r="A45186" s="13" t="s">
        <v>261</v>
      </c>
      <c r="B45186" s="14" t="s">
        <v>1</v>
      </c>
      <c r="C45186" s="14" t="s">
        <v>109</v>
      </c>
      <c r="D45186" s="14" t="s">
        <v>81</v>
      </c>
      <c r="E45186" s="15">
        <v>45667</v>
      </c>
      <c r="F45186" s="14" t="s">
        <v>15</v>
      </c>
      <c r="G45186" s="16">
        <v>0</v>
      </c>
    </row>
    <row r="45187" spans="1:7" x14ac:dyDescent="0.3">
      <c r="A45187" s="13" t="s">
        <v>261</v>
      </c>
      <c r="B45187" s="14" t="s">
        <v>1</v>
      </c>
      <c r="C45187" s="14" t="s">
        <v>109</v>
      </c>
      <c r="D45187" s="14" t="s">
        <v>81</v>
      </c>
      <c r="E45187" s="15">
        <v>45668</v>
      </c>
      <c r="F45187" s="14" t="s">
        <v>15</v>
      </c>
      <c r="G45187" s="16">
        <v>0</v>
      </c>
    </row>
    <row r="45188" spans="1:7" x14ac:dyDescent="0.3">
      <c r="A45188" s="13" t="s">
        <v>261</v>
      </c>
      <c r="B45188" s="14" t="s">
        <v>1</v>
      </c>
      <c r="C45188" s="14" t="s">
        <v>109</v>
      </c>
      <c r="D45188" s="14" t="s">
        <v>81</v>
      </c>
      <c r="E45188" s="15">
        <v>45669</v>
      </c>
      <c r="F45188" s="14" t="s">
        <v>15</v>
      </c>
      <c r="G45188" s="16">
        <v>0</v>
      </c>
    </row>
    <row r="45189" spans="1:7" x14ac:dyDescent="0.3">
      <c r="A45189" s="13" t="s">
        <v>261</v>
      </c>
      <c r="B45189" s="14" t="s">
        <v>1</v>
      </c>
      <c r="C45189" s="14" t="s">
        <v>109</v>
      </c>
      <c r="D45189" s="14" t="s">
        <v>81</v>
      </c>
      <c r="E45189" s="15">
        <v>45670</v>
      </c>
      <c r="F45189" s="14" t="s">
        <v>15</v>
      </c>
      <c r="G45189" s="16">
        <v>0</v>
      </c>
    </row>
    <row r="45190" spans="1:7" x14ac:dyDescent="0.3">
      <c r="A45190" s="13" t="s">
        <v>261</v>
      </c>
      <c r="B45190" s="14" t="s">
        <v>1</v>
      </c>
      <c r="C45190" s="14" t="s">
        <v>109</v>
      </c>
      <c r="D45190" s="14" t="s">
        <v>81</v>
      </c>
      <c r="E45190" s="15">
        <v>45671</v>
      </c>
      <c r="F45190" s="14" t="s">
        <v>15</v>
      </c>
      <c r="G45190" s="16">
        <v>0</v>
      </c>
    </row>
    <row r="45191" spans="1:7" x14ac:dyDescent="0.3">
      <c r="A45191" s="13" t="s">
        <v>261</v>
      </c>
      <c r="B45191" s="14" t="s">
        <v>1</v>
      </c>
      <c r="C45191" s="14" t="s">
        <v>109</v>
      </c>
      <c r="D45191" s="14" t="s">
        <v>81</v>
      </c>
      <c r="E45191" s="15">
        <v>45672</v>
      </c>
      <c r="F45191" s="14" t="s">
        <v>15</v>
      </c>
      <c r="G45191" s="16">
        <v>0</v>
      </c>
    </row>
    <row r="45192" spans="1:7" x14ac:dyDescent="0.3">
      <c r="A45192" s="13" t="s">
        <v>261</v>
      </c>
      <c r="B45192" s="14" t="s">
        <v>1</v>
      </c>
      <c r="C45192" s="14" t="s">
        <v>109</v>
      </c>
      <c r="D45192" s="14" t="s">
        <v>81</v>
      </c>
      <c r="E45192" s="15">
        <v>45673</v>
      </c>
      <c r="F45192" s="14" t="s">
        <v>15</v>
      </c>
      <c r="G45192" s="16">
        <v>0</v>
      </c>
    </row>
    <row r="45193" spans="1:7" x14ac:dyDescent="0.3">
      <c r="A45193" s="13" t="s">
        <v>261</v>
      </c>
      <c r="B45193" s="14" t="s">
        <v>1</v>
      </c>
      <c r="C45193" s="14" t="s">
        <v>109</v>
      </c>
      <c r="D45193" s="14" t="s">
        <v>81</v>
      </c>
      <c r="E45193" s="15">
        <v>45674</v>
      </c>
      <c r="F45193" s="14" t="s">
        <v>15</v>
      </c>
      <c r="G45193" s="16">
        <v>0</v>
      </c>
    </row>
    <row r="45194" spans="1:7" x14ac:dyDescent="0.3">
      <c r="A45194" s="13" t="s">
        <v>261</v>
      </c>
      <c r="B45194" s="14" t="s">
        <v>1</v>
      </c>
      <c r="C45194" s="14" t="s">
        <v>109</v>
      </c>
      <c r="D45194" s="14" t="s">
        <v>81</v>
      </c>
      <c r="E45194" s="15">
        <v>45675</v>
      </c>
      <c r="F45194" s="14" t="s">
        <v>15</v>
      </c>
      <c r="G45194" s="16">
        <v>0</v>
      </c>
    </row>
    <row r="45195" spans="1:7" x14ac:dyDescent="0.3">
      <c r="A45195" s="13" t="s">
        <v>261</v>
      </c>
      <c r="B45195" s="14" t="s">
        <v>1</v>
      </c>
      <c r="C45195" s="14" t="s">
        <v>109</v>
      </c>
      <c r="D45195" s="14" t="s">
        <v>81</v>
      </c>
      <c r="E45195" s="15">
        <v>45676</v>
      </c>
      <c r="F45195" s="14" t="s">
        <v>15</v>
      </c>
      <c r="G45195" s="16">
        <v>0</v>
      </c>
    </row>
    <row r="45196" spans="1:7" x14ac:dyDescent="0.3">
      <c r="A45196" s="13" t="s">
        <v>261</v>
      </c>
      <c r="B45196" s="14" t="s">
        <v>1</v>
      </c>
      <c r="C45196" s="14" t="s">
        <v>109</v>
      </c>
      <c r="D45196" s="14" t="s">
        <v>81</v>
      </c>
      <c r="E45196" s="15">
        <v>45677</v>
      </c>
      <c r="F45196" s="14" t="s">
        <v>15</v>
      </c>
      <c r="G45196" s="16">
        <v>0</v>
      </c>
    </row>
    <row r="45197" spans="1:7" x14ac:dyDescent="0.3">
      <c r="A45197" s="13" t="s">
        <v>261</v>
      </c>
      <c r="B45197" s="14" t="s">
        <v>1</v>
      </c>
      <c r="C45197" s="14" t="s">
        <v>109</v>
      </c>
      <c r="D45197" s="14" t="s">
        <v>81</v>
      </c>
      <c r="E45197" s="15">
        <v>45678</v>
      </c>
      <c r="F45197" s="14" t="s">
        <v>15</v>
      </c>
      <c r="G45197" s="16">
        <v>0</v>
      </c>
    </row>
    <row r="45198" spans="1:7" x14ac:dyDescent="0.3">
      <c r="A45198" s="13" t="s">
        <v>261</v>
      </c>
      <c r="B45198" s="14" t="s">
        <v>1</v>
      </c>
      <c r="C45198" s="14" t="s">
        <v>109</v>
      </c>
      <c r="D45198" s="14" t="s">
        <v>81</v>
      </c>
      <c r="E45198" s="15">
        <v>45679</v>
      </c>
      <c r="F45198" s="14" t="s">
        <v>15</v>
      </c>
      <c r="G45198" s="16">
        <v>0</v>
      </c>
    </row>
    <row r="45199" spans="1:7" x14ac:dyDescent="0.3">
      <c r="A45199" s="13" t="s">
        <v>261</v>
      </c>
      <c r="B45199" s="14" t="s">
        <v>1</v>
      </c>
      <c r="C45199" s="14" t="s">
        <v>109</v>
      </c>
      <c r="D45199" s="14" t="s">
        <v>81</v>
      </c>
      <c r="E45199" s="15">
        <v>45680</v>
      </c>
      <c r="F45199" s="14" t="s">
        <v>15</v>
      </c>
      <c r="G45199" s="16">
        <v>0</v>
      </c>
    </row>
    <row r="45200" spans="1:7" x14ac:dyDescent="0.3">
      <c r="A45200" s="13" t="s">
        <v>261</v>
      </c>
      <c r="B45200" s="14" t="s">
        <v>1</v>
      </c>
      <c r="C45200" s="14" t="s">
        <v>109</v>
      </c>
      <c r="D45200" s="14" t="s">
        <v>81</v>
      </c>
      <c r="E45200" s="15">
        <v>45681</v>
      </c>
      <c r="F45200" s="14" t="s">
        <v>15</v>
      </c>
      <c r="G45200" s="16">
        <v>0</v>
      </c>
    </row>
    <row r="45201" spans="1:7" x14ac:dyDescent="0.3">
      <c r="A45201" s="13" t="s">
        <v>261</v>
      </c>
      <c r="B45201" s="14" t="s">
        <v>1</v>
      </c>
      <c r="C45201" s="14" t="s">
        <v>109</v>
      </c>
      <c r="D45201" s="14" t="s">
        <v>81</v>
      </c>
      <c r="E45201" s="15">
        <v>45682</v>
      </c>
      <c r="F45201" s="14" t="s">
        <v>15</v>
      </c>
      <c r="G45201" s="16">
        <v>0</v>
      </c>
    </row>
    <row r="45202" spans="1:7" x14ac:dyDescent="0.3">
      <c r="A45202" s="13" t="s">
        <v>261</v>
      </c>
      <c r="B45202" s="14" t="s">
        <v>1</v>
      </c>
      <c r="C45202" s="14" t="s">
        <v>109</v>
      </c>
      <c r="D45202" s="14" t="s">
        <v>81</v>
      </c>
      <c r="E45202" s="15">
        <v>45683</v>
      </c>
      <c r="F45202" s="14" t="s">
        <v>15</v>
      </c>
      <c r="G45202" s="16">
        <v>0</v>
      </c>
    </row>
    <row r="45203" spans="1:7" x14ac:dyDescent="0.3">
      <c r="A45203" s="13" t="s">
        <v>261</v>
      </c>
      <c r="B45203" s="14" t="s">
        <v>1</v>
      </c>
      <c r="C45203" s="14" t="s">
        <v>109</v>
      </c>
      <c r="D45203" s="14" t="s">
        <v>81</v>
      </c>
      <c r="E45203" s="15">
        <v>45684</v>
      </c>
      <c r="F45203" s="14" t="s">
        <v>15</v>
      </c>
      <c r="G45203" s="16">
        <v>0</v>
      </c>
    </row>
    <row r="45204" spans="1:7" x14ac:dyDescent="0.3">
      <c r="A45204" s="13" t="s">
        <v>261</v>
      </c>
      <c r="B45204" s="14" t="s">
        <v>1</v>
      </c>
      <c r="C45204" s="14" t="s">
        <v>109</v>
      </c>
      <c r="D45204" s="14" t="s">
        <v>81</v>
      </c>
      <c r="E45204" s="15">
        <v>45685</v>
      </c>
      <c r="F45204" s="14" t="s">
        <v>15</v>
      </c>
      <c r="G45204" s="16">
        <v>0</v>
      </c>
    </row>
    <row r="45205" spans="1:7" x14ac:dyDescent="0.3">
      <c r="A45205" s="13" t="s">
        <v>261</v>
      </c>
      <c r="B45205" s="14" t="s">
        <v>1</v>
      </c>
      <c r="C45205" s="14" t="s">
        <v>109</v>
      </c>
      <c r="D45205" s="14" t="s">
        <v>81</v>
      </c>
      <c r="E45205" s="15">
        <v>45686</v>
      </c>
      <c r="F45205" s="14" t="s">
        <v>15</v>
      </c>
      <c r="G45205" s="16">
        <v>0</v>
      </c>
    </row>
    <row r="45206" spans="1:7" x14ac:dyDescent="0.3">
      <c r="A45206" s="13" t="s">
        <v>261</v>
      </c>
      <c r="B45206" s="14" t="s">
        <v>1</v>
      </c>
      <c r="C45206" s="14" t="s">
        <v>109</v>
      </c>
      <c r="D45206" s="14" t="s">
        <v>81</v>
      </c>
      <c r="E45206" s="15">
        <v>45687</v>
      </c>
      <c r="F45206" s="14" t="s">
        <v>15</v>
      </c>
      <c r="G45206" s="16">
        <v>0</v>
      </c>
    </row>
    <row r="45207" spans="1:7" x14ac:dyDescent="0.3">
      <c r="A45207" s="13" t="s">
        <v>261</v>
      </c>
      <c r="B45207" s="14" t="s">
        <v>1</v>
      </c>
      <c r="C45207" s="14" t="s">
        <v>109</v>
      </c>
      <c r="D45207" s="14" t="s">
        <v>81</v>
      </c>
      <c r="E45207" s="15">
        <v>45688</v>
      </c>
      <c r="F45207" s="14" t="s">
        <v>15</v>
      </c>
      <c r="G45207" s="16">
        <v>0</v>
      </c>
    </row>
    <row r="45208" spans="1:7" x14ac:dyDescent="0.3">
      <c r="A45208" s="13" t="s">
        <v>261</v>
      </c>
      <c r="B45208" s="14" t="s">
        <v>1</v>
      </c>
      <c r="C45208" s="14" t="s">
        <v>109</v>
      </c>
      <c r="D45208" s="14" t="s">
        <v>81</v>
      </c>
      <c r="E45208" s="15">
        <v>45689</v>
      </c>
      <c r="F45208" s="14" t="s">
        <v>15</v>
      </c>
      <c r="G45208" s="16">
        <v>0</v>
      </c>
    </row>
    <row r="45209" spans="1:7" x14ac:dyDescent="0.3">
      <c r="A45209" s="13" t="s">
        <v>261</v>
      </c>
      <c r="B45209" s="14" t="s">
        <v>1</v>
      </c>
      <c r="C45209" s="14" t="s">
        <v>109</v>
      </c>
      <c r="D45209" s="14" t="s">
        <v>81</v>
      </c>
      <c r="E45209" s="15">
        <v>45690</v>
      </c>
      <c r="F45209" s="14" t="s">
        <v>15</v>
      </c>
      <c r="G45209" s="16">
        <v>0</v>
      </c>
    </row>
    <row r="45210" spans="1:7" x14ac:dyDescent="0.3">
      <c r="A45210" s="13" t="s">
        <v>261</v>
      </c>
      <c r="B45210" s="14" t="s">
        <v>1</v>
      </c>
      <c r="C45210" s="14" t="s">
        <v>109</v>
      </c>
      <c r="D45210" s="14" t="s">
        <v>81</v>
      </c>
      <c r="E45210" s="15">
        <v>45691</v>
      </c>
      <c r="F45210" s="14" t="s">
        <v>15</v>
      </c>
      <c r="G45210" s="16">
        <v>0</v>
      </c>
    </row>
    <row r="45211" spans="1:7" x14ac:dyDescent="0.3">
      <c r="A45211" s="13" t="s">
        <v>261</v>
      </c>
      <c r="B45211" s="14" t="s">
        <v>1</v>
      </c>
      <c r="C45211" s="14" t="s">
        <v>109</v>
      </c>
      <c r="D45211" s="14" t="s">
        <v>81</v>
      </c>
      <c r="E45211" s="15">
        <v>45692</v>
      </c>
      <c r="F45211" s="14" t="s">
        <v>15</v>
      </c>
      <c r="G45211" s="16">
        <v>0</v>
      </c>
    </row>
    <row r="45212" spans="1:7" x14ac:dyDescent="0.3">
      <c r="A45212" s="13" t="s">
        <v>261</v>
      </c>
      <c r="B45212" s="14" t="s">
        <v>1</v>
      </c>
      <c r="C45212" s="14" t="s">
        <v>109</v>
      </c>
      <c r="D45212" s="14" t="s">
        <v>81</v>
      </c>
      <c r="E45212" s="15">
        <v>45693</v>
      </c>
      <c r="F45212" s="14" t="s">
        <v>15</v>
      </c>
      <c r="G45212" s="16">
        <v>0</v>
      </c>
    </row>
    <row r="45213" spans="1:7" x14ac:dyDescent="0.3">
      <c r="A45213" s="13" t="s">
        <v>261</v>
      </c>
      <c r="B45213" s="14" t="s">
        <v>1</v>
      </c>
      <c r="C45213" s="14" t="s">
        <v>109</v>
      </c>
      <c r="D45213" s="14" t="s">
        <v>81</v>
      </c>
      <c r="E45213" s="15">
        <v>45694</v>
      </c>
      <c r="F45213" s="14" t="s">
        <v>15</v>
      </c>
      <c r="G45213" s="16">
        <v>0</v>
      </c>
    </row>
    <row r="45214" spans="1:7" x14ac:dyDescent="0.3">
      <c r="A45214" s="13" t="s">
        <v>261</v>
      </c>
      <c r="B45214" s="14" t="s">
        <v>1</v>
      </c>
      <c r="C45214" s="14" t="s">
        <v>109</v>
      </c>
      <c r="D45214" s="14" t="s">
        <v>81</v>
      </c>
      <c r="E45214" s="15">
        <v>45695</v>
      </c>
      <c r="F45214" s="14" t="s">
        <v>15</v>
      </c>
      <c r="G45214" s="16">
        <v>0</v>
      </c>
    </row>
    <row r="45215" spans="1:7" x14ac:dyDescent="0.3">
      <c r="A45215" s="13" t="s">
        <v>261</v>
      </c>
      <c r="B45215" s="14" t="s">
        <v>1</v>
      </c>
      <c r="C45215" s="14" t="s">
        <v>109</v>
      </c>
      <c r="D45215" s="14" t="s">
        <v>81</v>
      </c>
      <c r="E45215" s="15">
        <v>45696</v>
      </c>
      <c r="F45215" s="14" t="s">
        <v>15</v>
      </c>
      <c r="G45215" s="16">
        <v>0</v>
      </c>
    </row>
    <row r="45216" spans="1:7" x14ac:dyDescent="0.3">
      <c r="A45216" s="13" t="s">
        <v>261</v>
      </c>
      <c r="B45216" s="14" t="s">
        <v>1</v>
      </c>
      <c r="C45216" s="14" t="s">
        <v>109</v>
      </c>
      <c r="D45216" s="14" t="s">
        <v>81</v>
      </c>
      <c r="E45216" s="15">
        <v>45697</v>
      </c>
      <c r="F45216" s="14" t="s">
        <v>15</v>
      </c>
      <c r="G45216" s="16">
        <v>0</v>
      </c>
    </row>
    <row r="45217" spans="1:7" x14ac:dyDescent="0.3">
      <c r="A45217" s="13" t="s">
        <v>261</v>
      </c>
      <c r="B45217" s="14" t="s">
        <v>1</v>
      </c>
      <c r="C45217" s="14" t="s">
        <v>109</v>
      </c>
      <c r="D45217" s="14" t="s">
        <v>81</v>
      </c>
      <c r="E45217" s="15">
        <v>45698</v>
      </c>
      <c r="F45217" s="14" t="s">
        <v>15</v>
      </c>
      <c r="G45217" s="16">
        <v>0</v>
      </c>
    </row>
    <row r="45218" spans="1:7" x14ac:dyDescent="0.3">
      <c r="A45218" s="13" t="s">
        <v>261</v>
      </c>
      <c r="B45218" s="14" t="s">
        <v>1</v>
      </c>
      <c r="C45218" s="14" t="s">
        <v>109</v>
      </c>
      <c r="D45218" s="14" t="s">
        <v>81</v>
      </c>
      <c r="E45218" s="15">
        <v>45699</v>
      </c>
      <c r="F45218" s="14" t="s">
        <v>15</v>
      </c>
      <c r="G45218" s="16">
        <v>0</v>
      </c>
    </row>
    <row r="45219" spans="1:7" x14ac:dyDescent="0.3">
      <c r="A45219" s="13" t="s">
        <v>261</v>
      </c>
      <c r="B45219" s="14" t="s">
        <v>1</v>
      </c>
      <c r="C45219" s="14" t="s">
        <v>109</v>
      </c>
      <c r="D45219" s="14" t="s">
        <v>81</v>
      </c>
      <c r="E45219" s="15">
        <v>45700</v>
      </c>
      <c r="F45219" s="14" t="s">
        <v>15</v>
      </c>
      <c r="G45219" s="16">
        <v>0</v>
      </c>
    </row>
    <row r="45220" spans="1:7" x14ac:dyDescent="0.3">
      <c r="A45220" s="13" t="s">
        <v>261</v>
      </c>
      <c r="B45220" s="14" t="s">
        <v>1</v>
      </c>
      <c r="C45220" s="14" t="s">
        <v>109</v>
      </c>
      <c r="D45220" s="14" t="s">
        <v>81</v>
      </c>
      <c r="E45220" s="15">
        <v>45701</v>
      </c>
      <c r="F45220" s="14" t="s">
        <v>15</v>
      </c>
      <c r="G45220" s="16">
        <v>0</v>
      </c>
    </row>
    <row r="45221" spans="1:7" x14ac:dyDescent="0.3">
      <c r="A45221" s="13" t="s">
        <v>261</v>
      </c>
      <c r="B45221" s="14" t="s">
        <v>1</v>
      </c>
      <c r="C45221" s="14" t="s">
        <v>109</v>
      </c>
      <c r="D45221" s="14" t="s">
        <v>81</v>
      </c>
      <c r="E45221" s="15">
        <v>45702</v>
      </c>
      <c r="F45221" s="14" t="s">
        <v>15</v>
      </c>
      <c r="G45221" s="16">
        <v>0</v>
      </c>
    </row>
    <row r="45222" spans="1:7" x14ac:dyDescent="0.3">
      <c r="A45222" s="13" t="s">
        <v>261</v>
      </c>
      <c r="B45222" s="14" t="s">
        <v>1</v>
      </c>
      <c r="C45222" s="14" t="s">
        <v>109</v>
      </c>
      <c r="D45222" s="14" t="s">
        <v>81</v>
      </c>
      <c r="E45222" s="15">
        <v>45703</v>
      </c>
      <c r="F45222" s="14" t="s">
        <v>15</v>
      </c>
      <c r="G45222" s="16">
        <v>0</v>
      </c>
    </row>
    <row r="45223" spans="1:7" x14ac:dyDescent="0.3">
      <c r="A45223" s="13" t="s">
        <v>261</v>
      </c>
      <c r="B45223" s="14" t="s">
        <v>1</v>
      </c>
      <c r="C45223" s="14" t="s">
        <v>109</v>
      </c>
      <c r="D45223" s="14" t="s">
        <v>81</v>
      </c>
      <c r="E45223" s="15">
        <v>45704</v>
      </c>
      <c r="F45223" s="14" t="s">
        <v>15</v>
      </c>
      <c r="G45223" s="16">
        <v>0</v>
      </c>
    </row>
    <row r="45224" spans="1:7" x14ac:dyDescent="0.3">
      <c r="A45224" s="13" t="s">
        <v>261</v>
      </c>
      <c r="B45224" s="14" t="s">
        <v>1</v>
      </c>
      <c r="C45224" s="14" t="s">
        <v>109</v>
      </c>
      <c r="D45224" s="14" t="s">
        <v>81</v>
      </c>
      <c r="E45224" s="15">
        <v>45705</v>
      </c>
      <c r="F45224" s="14" t="s">
        <v>15</v>
      </c>
      <c r="G45224" s="16">
        <v>0</v>
      </c>
    </row>
    <row r="45225" spans="1:7" x14ac:dyDescent="0.3">
      <c r="A45225" s="13" t="s">
        <v>261</v>
      </c>
      <c r="B45225" s="14" t="s">
        <v>1</v>
      </c>
      <c r="C45225" s="14" t="s">
        <v>109</v>
      </c>
      <c r="D45225" s="14" t="s">
        <v>81</v>
      </c>
      <c r="E45225" s="15">
        <v>45706</v>
      </c>
      <c r="F45225" s="14" t="s">
        <v>15</v>
      </c>
      <c r="G45225" s="16">
        <v>0</v>
      </c>
    </row>
    <row r="45226" spans="1:7" x14ac:dyDescent="0.3">
      <c r="A45226" s="13" t="s">
        <v>261</v>
      </c>
      <c r="B45226" s="14" t="s">
        <v>1</v>
      </c>
      <c r="C45226" s="14" t="s">
        <v>109</v>
      </c>
      <c r="D45226" s="14" t="s">
        <v>81</v>
      </c>
      <c r="E45226" s="15">
        <v>45707</v>
      </c>
      <c r="F45226" s="14" t="s">
        <v>15</v>
      </c>
      <c r="G45226" s="16">
        <v>0</v>
      </c>
    </row>
    <row r="45227" spans="1:7" x14ac:dyDescent="0.3">
      <c r="A45227" s="13" t="s">
        <v>261</v>
      </c>
      <c r="B45227" s="14" t="s">
        <v>1</v>
      </c>
      <c r="C45227" s="14" t="s">
        <v>109</v>
      </c>
      <c r="D45227" s="14" t="s">
        <v>81</v>
      </c>
      <c r="E45227" s="15">
        <v>45708</v>
      </c>
      <c r="F45227" s="14" t="s">
        <v>15</v>
      </c>
      <c r="G45227" s="16">
        <v>0</v>
      </c>
    </row>
    <row r="45228" spans="1:7" x14ac:dyDescent="0.3">
      <c r="A45228" s="13" t="s">
        <v>261</v>
      </c>
      <c r="B45228" s="14" t="s">
        <v>1</v>
      </c>
      <c r="C45228" s="14" t="s">
        <v>109</v>
      </c>
      <c r="D45228" s="14" t="s">
        <v>81</v>
      </c>
      <c r="E45228" s="15">
        <v>45709</v>
      </c>
      <c r="F45228" s="14" t="s">
        <v>15</v>
      </c>
      <c r="G45228" s="16">
        <v>0</v>
      </c>
    </row>
    <row r="45229" spans="1:7" x14ac:dyDescent="0.3">
      <c r="A45229" s="13" t="s">
        <v>261</v>
      </c>
      <c r="B45229" s="14" t="s">
        <v>1</v>
      </c>
      <c r="C45229" s="14" t="s">
        <v>109</v>
      </c>
      <c r="D45229" s="14" t="s">
        <v>81</v>
      </c>
      <c r="E45229" s="15">
        <v>45710</v>
      </c>
      <c r="F45229" s="14" t="s">
        <v>15</v>
      </c>
      <c r="G45229" s="16">
        <v>0</v>
      </c>
    </row>
    <row r="45230" spans="1:7" x14ac:dyDescent="0.3">
      <c r="A45230" s="13" t="s">
        <v>261</v>
      </c>
      <c r="B45230" s="14" t="s">
        <v>1</v>
      </c>
      <c r="C45230" s="14" t="s">
        <v>109</v>
      </c>
      <c r="D45230" s="14" t="s">
        <v>81</v>
      </c>
      <c r="E45230" s="15">
        <v>45711</v>
      </c>
      <c r="F45230" s="14" t="s">
        <v>15</v>
      </c>
      <c r="G45230" s="16">
        <v>0</v>
      </c>
    </row>
    <row r="45231" spans="1:7" x14ac:dyDescent="0.3">
      <c r="A45231" s="13" t="s">
        <v>261</v>
      </c>
      <c r="B45231" s="14" t="s">
        <v>1</v>
      </c>
      <c r="C45231" s="14" t="s">
        <v>109</v>
      </c>
      <c r="D45231" s="14" t="s">
        <v>81</v>
      </c>
      <c r="E45231" s="15">
        <v>45712</v>
      </c>
      <c r="F45231" s="14" t="s">
        <v>15</v>
      </c>
      <c r="G45231" s="16">
        <v>0</v>
      </c>
    </row>
    <row r="45232" spans="1:7" x14ac:dyDescent="0.3">
      <c r="A45232" s="13" t="s">
        <v>261</v>
      </c>
      <c r="B45232" s="14" t="s">
        <v>1</v>
      </c>
      <c r="C45232" s="14" t="s">
        <v>109</v>
      </c>
      <c r="D45232" s="14" t="s">
        <v>81</v>
      </c>
      <c r="E45232" s="15">
        <v>45713</v>
      </c>
      <c r="F45232" s="14" t="s">
        <v>15</v>
      </c>
      <c r="G45232" s="16">
        <v>0</v>
      </c>
    </row>
    <row r="45233" spans="1:7" x14ac:dyDescent="0.3">
      <c r="A45233" s="13" t="s">
        <v>261</v>
      </c>
      <c r="B45233" s="14" t="s">
        <v>1</v>
      </c>
      <c r="C45233" s="14" t="s">
        <v>109</v>
      </c>
      <c r="D45233" s="14" t="s">
        <v>81</v>
      </c>
      <c r="E45233" s="15">
        <v>45714</v>
      </c>
      <c r="F45233" s="14" t="s">
        <v>15</v>
      </c>
      <c r="G45233" s="16">
        <v>0</v>
      </c>
    </row>
    <row r="45234" spans="1:7" x14ac:dyDescent="0.3">
      <c r="A45234" s="13" t="s">
        <v>261</v>
      </c>
      <c r="B45234" s="14" t="s">
        <v>1</v>
      </c>
      <c r="C45234" s="14" t="s">
        <v>109</v>
      </c>
      <c r="D45234" s="14" t="s">
        <v>81</v>
      </c>
      <c r="E45234" s="15">
        <v>45715</v>
      </c>
      <c r="F45234" s="14" t="s">
        <v>15</v>
      </c>
      <c r="G45234" s="16">
        <v>0</v>
      </c>
    </row>
    <row r="45235" spans="1:7" x14ac:dyDescent="0.3">
      <c r="A45235" s="13" t="s">
        <v>261</v>
      </c>
      <c r="B45235" s="14" t="s">
        <v>1</v>
      </c>
      <c r="C45235" s="14" t="s">
        <v>109</v>
      </c>
      <c r="D45235" s="14" t="s">
        <v>81</v>
      </c>
      <c r="E45235" s="15">
        <v>45716</v>
      </c>
      <c r="F45235" s="14" t="s">
        <v>15</v>
      </c>
      <c r="G45235" s="16">
        <v>0</v>
      </c>
    </row>
    <row r="45236" spans="1:7" x14ac:dyDescent="0.3">
      <c r="A45236" s="13" t="s">
        <v>261</v>
      </c>
      <c r="B45236" s="14" t="s">
        <v>1</v>
      </c>
      <c r="C45236" s="14" t="s">
        <v>109</v>
      </c>
      <c r="D45236" s="14" t="s">
        <v>81</v>
      </c>
      <c r="E45236" s="15">
        <v>45717</v>
      </c>
      <c r="F45236" s="14" t="s">
        <v>15</v>
      </c>
      <c r="G45236" s="16">
        <v>0</v>
      </c>
    </row>
    <row r="45237" spans="1:7" x14ac:dyDescent="0.3">
      <c r="A45237" s="13" t="s">
        <v>261</v>
      </c>
      <c r="B45237" s="14" t="s">
        <v>1</v>
      </c>
      <c r="C45237" s="14" t="s">
        <v>109</v>
      </c>
      <c r="D45237" s="14" t="s">
        <v>81</v>
      </c>
      <c r="E45237" s="15">
        <v>45718</v>
      </c>
      <c r="F45237" s="14" t="s">
        <v>15</v>
      </c>
      <c r="G45237" s="16">
        <v>0</v>
      </c>
    </row>
    <row r="45238" spans="1:7" x14ac:dyDescent="0.3">
      <c r="A45238" s="13" t="s">
        <v>261</v>
      </c>
      <c r="B45238" s="14" t="s">
        <v>1</v>
      </c>
      <c r="C45238" s="14" t="s">
        <v>109</v>
      </c>
      <c r="D45238" s="14" t="s">
        <v>81</v>
      </c>
      <c r="E45238" s="15">
        <v>45719</v>
      </c>
      <c r="F45238" s="14" t="s">
        <v>15</v>
      </c>
      <c r="G45238" s="16">
        <v>0</v>
      </c>
    </row>
    <row r="45239" spans="1:7" x14ac:dyDescent="0.3">
      <c r="A45239" s="13" t="s">
        <v>261</v>
      </c>
      <c r="B45239" s="14" t="s">
        <v>1</v>
      </c>
      <c r="C45239" s="14" t="s">
        <v>109</v>
      </c>
      <c r="D45239" s="14" t="s">
        <v>81</v>
      </c>
      <c r="E45239" s="15">
        <v>45720</v>
      </c>
      <c r="F45239" s="14" t="s">
        <v>15</v>
      </c>
      <c r="G45239" s="16">
        <v>0</v>
      </c>
    </row>
    <row r="45240" spans="1:7" x14ac:dyDescent="0.3">
      <c r="A45240" s="13" t="s">
        <v>261</v>
      </c>
      <c r="B45240" s="14" t="s">
        <v>1</v>
      </c>
      <c r="C45240" s="14" t="s">
        <v>109</v>
      </c>
      <c r="D45240" s="14" t="s">
        <v>81</v>
      </c>
      <c r="E45240" s="15">
        <v>45721</v>
      </c>
      <c r="F45240" s="14" t="s">
        <v>15</v>
      </c>
      <c r="G45240" s="16">
        <v>0</v>
      </c>
    </row>
    <row r="45241" spans="1:7" x14ac:dyDescent="0.3">
      <c r="A45241" s="13" t="s">
        <v>261</v>
      </c>
      <c r="B45241" s="14" t="s">
        <v>1</v>
      </c>
      <c r="C45241" s="14" t="s">
        <v>109</v>
      </c>
      <c r="D45241" s="14" t="s">
        <v>81</v>
      </c>
      <c r="E45241" s="15">
        <v>45722</v>
      </c>
      <c r="F45241" s="14" t="s">
        <v>15</v>
      </c>
      <c r="G45241" s="16">
        <v>0</v>
      </c>
    </row>
    <row r="45242" spans="1:7" x14ac:dyDescent="0.3">
      <c r="A45242" s="13" t="s">
        <v>261</v>
      </c>
      <c r="B45242" s="14" t="s">
        <v>1</v>
      </c>
      <c r="C45242" s="14" t="s">
        <v>109</v>
      </c>
      <c r="D45242" s="14" t="s">
        <v>81</v>
      </c>
      <c r="E45242" s="15">
        <v>45723</v>
      </c>
      <c r="F45242" s="14" t="s">
        <v>15</v>
      </c>
      <c r="G45242" s="16">
        <v>0</v>
      </c>
    </row>
    <row r="45243" spans="1:7" x14ac:dyDescent="0.3">
      <c r="A45243" s="13" t="s">
        <v>261</v>
      </c>
      <c r="B45243" s="14" t="s">
        <v>1</v>
      </c>
      <c r="C45243" s="14" t="s">
        <v>109</v>
      </c>
      <c r="D45243" s="14" t="s">
        <v>81</v>
      </c>
      <c r="E45243" s="15">
        <v>45724</v>
      </c>
      <c r="F45243" s="14" t="s">
        <v>15</v>
      </c>
      <c r="G45243" s="16">
        <v>0</v>
      </c>
    </row>
    <row r="45244" spans="1:7" x14ac:dyDescent="0.3">
      <c r="A45244" s="13" t="s">
        <v>261</v>
      </c>
      <c r="B45244" s="14" t="s">
        <v>1</v>
      </c>
      <c r="C45244" s="14" t="s">
        <v>109</v>
      </c>
      <c r="D45244" s="14" t="s">
        <v>81</v>
      </c>
      <c r="E45244" s="15">
        <v>45725</v>
      </c>
      <c r="F45244" s="14" t="s">
        <v>15</v>
      </c>
      <c r="G45244" s="16">
        <v>0</v>
      </c>
    </row>
    <row r="45245" spans="1:7" x14ac:dyDescent="0.3">
      <c r="A45245" s="13" t="s">
        <v>261</v>
      </c>
      <c r="B45245" s="14" t="s">
        <v>1</v>
      </c>
      <c r="C45245" s="14" t="s">
        <v>109</v>
      </c>
      <c r="D45245" s="14" t="s">
        <v>81</v>
      </c>
      <c r="E45245" s="15">
        <v>45726</v>
      </c>
      <c r="F45245" s="14" t="s">
        <v>15</v>
      </c>
      <c r="G45245" s="16">
        <v>0</v>
      </c>
    </row>
    <row r="45246" spans="1:7" x14ac:dyDescent="0.3">
      <c r="A45246" s="13" t="s">
        <v>261</v>
      </c>
      <c r="B45246" s="14" t="s">
        <v>1</v>
      </c>
      <c r="C45246" s="14" t="s">
        <v>109</v>
      </c>
      <c r="D45246" s="14" t="s">
        <v>81</v>
      </c>
      <c r="E45246" s="15">
        <v>45727</v>
      </c>
      <c r="F45246" s="14" t="s">
        <v>15</v>
      </c>
      <c r="G45246" s="16">
        <v>0</v>
      </c>
    </row>
    <row r="45247" spans="1:7" x14ac:dyDescent="0.3">
      <c r="A45247" s="13" t="s">
        <v>261</v>
      </c>
      <c r="B45247" s="14" t="s">
        <v>1</v>
      </c>
      <c r="C45247" s="14" t="s">
        <v>109</v>
      </c>
      <c r="D45247" s="14" t="s">
        <v>81</v>
      </c>
      <c r="E45247" s="15">
        <v>45728</v>
      </c>
      <c r="F45247" s="14" t="s">
        <v>15</v>
      </c>
      <c r="G45247" s="16">
        <v>0</v>
      </c>
    </row>
    <row r="45248" spans="1:7" x14ac:dyDescent="0.3">
      <c r="A45248" s="13" t="s">
        <v>261</v>
      </c>
      <c r="B45248" s="14" t="s">
        <v>1</v>
      </c>
      <c r="C45248" s="14" t="s">
        <v>109</v>
      </c>
      <c r="D45248" s="14" t="s">
        <v>81</v>
      </c>
      <c r="E45248" s="15">
        <v>45729</v>
      </c>
      <c r="F45248" s="14" t="s">
        <v>15</v>
      </c>
      <c r="G45248" s="16">
        <v>0</v>
      </c>
    </row>
    <row r="45249" spans="1:7" x14ac:dyDescent="0.3">
      <c r="A45249" s="13" t="s">
        <v>261</v>
      </c>
      <c r="B45249" s="14" t="s">
        <v>1</v>
      </c>
      <c r="C45249" s="14" t="s">
        <v>109</v>
      </c>
      <c r="D45249" s="14" t="s">
        <v>81</v>
      </c>
      <c r="E45249" s="15">
        <v>45730</v>
      </c>
      <c r="F45249" s="14" t="s">
        <v>15</v>
      </c>
      <c r="G45249" s="16">
        <v>0</v>
      </c>
    </row>
    <row r="45250" spans="1:7" x14ac:dyDescent="0.3">
      <c r="A45250" s="13" t="s">
        <v>261</v>
      </c>
      <c r="B45250" s="14" t="s">
        <v>1</v>
      </c>
      <c r="C45250" s="14" t="s">
        <v>109</v>
      </c>
      <c r="D45250" s="14" t="s">
        <v>81</v>
      </c>
      <c r="E45250" s="15">
        <v>45731</v>
      </c>
      <c r="F45250" s="14" t="s">
        <v>15</v>
      </c>
      <c r="G45250" s="16">
        <v>0</v>
      </c>
    </row>
    <row r="45251" spans="1:7" x14ac:dyDescent="0.3">
      <c r="A45251" s="13" t="s">
        <v>261</v>
      </c>
      <c r="B45251" s="14" t="s">
        <v>1</v>
      </c>
      <c r="C45251" s="14" t="s">
        <v>109</v>
      </c>
      <c r="D45251" s="14" t="s">
        <v>81</v>
      </c>
      <c r="E45251" s="15">
        <v>45732</v>
      </c>
      <c r="F45251" s="14" t="s">
        <v>15</v>
      </c>
      <c r="G45251" s="16">
        <v>0</v>
      </c>
    </row>
    <row r="45252" spans="1:7" x14ac:dyDescent="0.3">
      <c r="A45252" s="13" t="s">
        <v>261</v>
      </c>
      <c r="B45252" s="14" t="s">
        <v>1</v>
      </c>
      <c r="C45252" s="14" t="s">
        <v>109</v>
      </c>
      <c r="D45252" s="14" t="s">
        <v>81</v>
      </c>
      <c r="E45252" s="15">
        <v>45733</v>
      </c>
      <c r="F45252" s="14" t="s">
        <v>15</v>
      </c>
      <c r="G45252" s="16">
        <v>0</v>
      </c>
    </row>
    <row r="45253" spans="1:7" x14ac:dyDescent="0.3">
      <c r="A45253" s="13" t="s">
        <v>261</v>
      </c>
      <c r="B45253" s="14" t="s">
        <v>1</v>
      </c>
      <c r="C45253" s="14" t="s">
        <v>109</v>
      </c>
      <c r="D45253" s="14" t="s">
        <v>81</v>
      </c>
      <c r="E45253" s="15">
        <v>45734</v>
      </c>
      <c r="F45253" s="14" t="s">
        <v>15</v>
      </c>
      <c r="G45253" s="16">
        <v>0</v>
      </c>
    </row>
    <row r="45254" spans="1:7" x14ac:dyDescent="0.3">
      <c r="A45254" s="13" t="s">
        <v>261</v>
      </c>
      <c r="B45254" s="14" t="s">
        <v>1</v>
      </c>
      <c r="C45254" s="14" t="s">
        <v>109</v>
      </c>
      <c r="D45254" s="14" t="s">
        <v>81</v>
      </c>
      <c r="E45254" s="15">
        <v>45735</v>
      </c>
      <c r="F45254" s="14" t="s">
        <v>15</v>
      </c>
      <c r="G45254" s="16">
        <v>0</v>
      </c>
    </row>
    <row r="45255" spans="1:7" x14ac:dyDescent="0.3">
      <c r="A45255" s="13" t="s">
        <v>261</v>
      </c>
      <c r="B45255" s="14" t="s">
        <v>1</v>
      </c>
      <c r="C45255" s="14" t="s">
        <v>109</v>
      </c>
      <c r="D45255" s="14" t="s">
        <v>81</v>
      </c>
      <c r="E45255" s="15">
        <v>45736</v>
      </c>
      <c r="F45255" s="14" t="s">
        <v>15</v>
      </c>
      <c r="G45255" s="16">
        <v>0</v>
      </c>
    </row>
    <row r="45256" spans="1:7" x14ac:dyDescent="0.3">
      <c r="A45256" s="13" t="s">
        <v>261</v>
      </c>
      <c r="B45256" s="14" t="s">
        <v>1</v>
      </c>
      <c r="C45256" s="14" t="s">
        <v>109</v>
      </c>
      <c r="D45256" s="14" t="s">
        <v>81</v>
      </c>
      <c r="E45256" s="15">
        <v>45737</v>
      </c>
      <c r="F45256" s="14" t="s">
        <v>15</v>
      </c>
      <c r="G45256" s="16">
        <v>0</v>
      </c>
    </row>
    <row r="45257" spans="1:7" x14ac:dyDescent="0.3">
      <c r="A45257" s="13" t="s">
        <v>261</v>
      </c>
      <c r="B45257" s="14" t="s">
        <v>1</v>
      </c>
      <c r="C45257" s="14" t="s">
        <v>109</v>
      </c>
      <c r="D45257" s="14" t="s">
        <v>81</v>
      </c>
      <c r="E45257" s="15">
        <v>45738</v>
      </c>
      <c r="F45257" s="14" t="s">
        <v>15</v>
      </c>
      <c r="G45257" s="16">
        <v>0</v>
      </c>
    </row>
    <row r="45258" spans="1:7" x14ac:dyDescent="0.3">
      <c r="A45258" s="13" t="s">
        <v>261</v>
      </c>
      <c r="B45258" s="14" t="s">
        <v>1</v>
      </c>
      <c r="C45258" s="14" t="s">
        <v>109</v>
      </c>
      <c r="D45258" s="14" t="s">
        <v>81</v>
      </c>
      <c r="E45258" s="15">
        <v>45739</v>
      </c>
      <c r="F45258" s="14" t="s">
        <v>15</v>
      </c>
      <c r="G45258" s="16">
        <v>0</v>
      </c>
    </row>
    <row r="45259" spans="1:7" x14ac:dyDescent="0.3">
      <c r="A45259" s="13" t="s">
        <v>261</v>
      </c>
      <c r="B45259" s="14" t="s">
        <v>1</v>
      </c>
      <c r="C45259" s="14" t="s">
        <v>109</v>
      </c>
      <c r="D45259" s="14" t="s">
        <v>81</v>
      </c>
      <c r="E45259" s="15">
        <v>45740</v>
      </c>
      <c r="F45259" s="14" t="s">
        <v>15</v>
      </c>
      <c r="G45259" s="16">
        <v>0</v>
      </c>
    </row>
    <row r="45260" spans="1:7" x14ac:dyDescent="0.3">
      <c r="A45260" s="13" t="s">
        <v>261</v>
      </c>
      <c r="B45260" s="14" t="s">
        <v>1</v>
      </c>
      <c r="C45260" s="14" t="s">
        <v>109</v>
      </c>
      <c r="D45260" s="14" t="s">
        <v>81</v>
      </c>
      <c r="E45260" s="15">
        <v>45741</v>
      </c>
      <c r="F45260" s="14" t="s">
        <v>15</v>
      </c>
      <c r="G45260" s="16">
        <v>0</v>
      </c>
    </row>
    <row r="45261" spans="1:7" x14ac:dyDescent="0.3">
      <c r="A45261" s="13" t="s">
        <v>261</v>
      </c>
      <c r="B45261" s="14" t="s">
        <v>1</v>
      </c>
      <c r="C45261" s="14" t="s">
        <v>109</v>
      </c>
      <c r="D45261" s="14" t="s">
        <v>81</v>
      </c>
      <c r="E45261" s="15">
        <v>45742</v>
      </c>
      <c r="F45261" s="14" t="s">
        <v>15</v>
      </c>
      <c r="G45261" s="16">
        <v>0</v>
      </c>
    </row>
    <row r="45262" spans="1:7" x14ac:dyDescent="0.3">
      <c r="A45262" s="13" t="s">
        <v>261</v>
      </c>
      <c r="B45262" s="14" t="s">
        <v>1</v>
      </c>
      <c r="C45262" s="14" t="s">
        <v>109</v>
      </c>
      <c r="D45262" s="14" t="s">
        <v>81</v>
      </c>
      <c r="E45262" s="15">
        <v>45743</v>
      </c>
      <c r="F45262" s="14" t="s">
        <v>15</v>
      </c>
      <c r="G45262" s="16">
        <v>0</v>
      </c>
    </row>
    <row r="45263" spans="1:7" x14ac:dyDescent="0.3">
      <c r="A45263" s="13" t="s">
        <v>261</v>
      </c>
      <c r="B45263" s="14" t="s">
        <v>1</v>
      </c>
      <c r="C45263" s="14" t="s">
        <v>109</v>
      </c>
      <c r="D45263" s="14" t="s">
        <v>81</v>
      </c>
      <c r="E45263" s="15">
        <v>45744</v>
      </c>
      <c r="F45263" s="14" t="s">
        <v>15</v>
      </c>
      <c r="G45263" s="16">
        <v>0</v>
      </c>
    </row>
    <row r="45264" spans="1:7" x14ac:dyDescent="0.3">
      <c r="A45264" s="13" t="s">
        <v>261</v>
      </c>
      <c r="B45264" s="14" t="s">
        <v>1</v>
      </c>
      <c r="C45264" s="14" t="s">
        <v>109</v>
      </c>
      <c r="D45264" s="14" t="s">
        <v>81</v>
      </c>
      <c r="E45264" s="15">
        <v>45745</v>
      </c>
      <c r="F45264" s="14" t="s">
        <v>15</v>
      </c>
      <c r="G45264" s="16">
        <v>0</v>
      </c>
    </row>
    <row r="45265" spans="1:7" x14ac:dyDescent="0.3">
      <c r="A45265" s="13" t="s">
        <v>261</v>
      </c>
      <c r="B45265" s="14" t="s">
        <v>1</v>
      </c>
      <c r="C45265" s="14" t="s">
        <v>109</v>
      </c>
      <c r="D45265" s="14" t="s">
        <v>81</v>
      </c>
      <c r="E45265" s="15">
        <v>45746</v>
      </c>
      <c r="F45265" s="14" t="s">
        <v>15</v>
      </c>
      <c r="G45265" s="16">
        <v>0</v>
      </c>
    </row>
    <row r="45266" spans="1:7" x14ac:dyDescent="0.3">
      <c r="A45266" s="13" t="s">
        <v>261</v>
      </c>
      <c r="B45266" s="14" t="s">
        <v>1</v>
      </c>
      <c r="C45266" s="14" t="s">
        <v>109</v>
      </c>
      <c r="D45266" s="14" t="s">
        <v>81</v>
      </c>
      <c r="E45266" s="15">
        <v>45747</v>
      </c>
      <c r="F45266" s="14" t="s">
        <v>15</v>
      </c>
      <c r="G45266" s="16">
        <v>0</v>
      </c>
    </row>
    <row r="45267" spans="1:7" x14ac:dyDescent="0.3">
      <c r="A45267" s="13" t="s">
        <v>262</v>
      </c>
      <c r="B45267" s="14" t="s">
        <v>1</v>
      </c>
      <c r="C45267" s="14" t="s">
        <v>70</v>
      </c>
      <c r="D45267" s="14" t="s">
        <v>176</v>
      </c>
      <c r="E45267" s="15">
        <v>45383</v>
      </c>
      <c r="F45267" s="14" t="s">
        <v>61</v>
      </c>
      <c r="G45267" s="16">
        <v>0</v>
      </c>
    </row>
    <row r="45268" spans="1:7" x14ac:dyDescent="0.3">
      <c r="A45268" s="13" t="s">
        <v>262</v>
      </c>
      <c r="B45268" s="14" t="s">
        <v>1</v>
      </c>
      <c r="C45268" s="14" t="s">
        <v>70</v>
      </c>
      <c r="D45268" s="14" t="s">
        <v>176</v>
      </c>
      <c r="E45268" s="15">
        <v>45384</v>
      </c>
      <c r="F45268" s="14" t="s">
        <v>61</v>
      </c>
      <c r="G45268" s="16">
        <v>0</v>
      </c>
    </row>
    <row r="45269" spans="1:7" x14ac:dyDescent="0.3">
      <c r="A45269" s="13" t="s">
        <v>262</v>
      </c>
      <c r="B45269" s="14" t="s">
        <v>1</v>
      </c>
      <c r="C45269" s="14" t="s">
        <v>70</v>
      </c>
      <c r="D45269" s="14" t="s">
        <v>176</v>
      </c>
      <c r="E45269" s="15">
        <v>45385</v>
      </c>
      <c r="F45269" s="14" t="s">
        <v>61</v>
      </c>
      <c r="G45269" s="16">
        <v>3.9896997602670035E-2</v>
      </c>
    </row>
    <row r="45270" spans="1:7" x14ac:dyDescent="0.3">
      <c r="A45270" s="13" t="s">
        <v>262</v>
      </c>
      <c r="B45270" s="14" t="s">
        <v>1</v>
      </c>
      <c r="C45270" s="14" t="s">
        <v>70</v>
      </c>
      <c r="D45270" s="14" t="s">
        <v>176</v>
      </c>
      <c r="E45270" s="15">
        <v>45386</v>
      </c>
      <c r="F45270" s="14" t="s">
        <v>61</v>
      </c>
      <c r="G45270" s="16">
        <v>4.9330901318212772E-2</v>
      </c>
    </row>
    <row r="45271" spans="1:7" x14ac:dyDescent="0.3">
      <c r="A45271" s="13" t="s">
        <v>262</v>
      </c>
      <c r="B45271" s="14" t="s">
        <v>1</v>
      </c>
      <c r="C45271" s="14" t="s">
        <v>70</v>
      </c>
      <c r="D45271" s="14" t="s">
        <v>176</v>
      </c>
      <c r="E45271" s="15">
        <v>45387</v>
      </c>
      <c r="F45271" s="14" t="s">
        <v>61</v>
      </c>
      <c r="G45271" s="16">
        <v>6.7999451977319145E-2</v>
      </c>
    </row>
    <row r="45272" spans="1:7" x14ac:dyDescent="0.3">
      <c r="A45272" s="13" t="s">
        <v>262</v>
      </c>
      <c r="B45272" s="14" t="s">
        <v>1</v>
      </c>
      <c r="C45272" s="14" t="s">
        <v>70</v>
      </c>
      <c r="D45272" s="14" t="s">
        <v>176</v>
      </c>
      <c r="E45272" s="15">
        <v>45388</v>
      </c>
      <c r="F45272" s="14" t="s">
        <v>61</v>
      </c>
      <c r="G45272" s="16">
        <v>6.7999451977319145E-2</v>
      </c>
    </row>
    <row r="45273" spans="1:7" x14ac:dyDescent="0.3">
      <c r="A45273" s="13" t="s">
        <v>262</v>
      </c>
      <c r="B45273" s="14" t="s">
        <v>1</v>
      </c>
      <c r="C45273" s="14" t="s">
        <v>70</v>
      </c>
      <c r="D45273" s="14" t="s">
        <v>176</v>
      </c>
      <c r="E45273" s="15">
        <v>45389</v>
      </c>
      <c r="F45273" s="14" t="s">
        <v>61</v>
      </c>
      <c r="G45273" s="16">
        <v>6.7999451977319145E-2</v>
      </c>
    </row>
    <row r="45274" spans="1:7" x14ac:dyDescent="0.3">
      <c r="A45274" s="13" t="s">
        <v>262</v>
      </c>
      <c r="B45274" s="14" t="s">
        <v>1</v>
      </c>
      <c r="C45274" s="14" t="s">
        <v>70</v>
      </c>
      <c r="D45274" s="14" t="s">
        <v>176</v>
      </c>
      <c r="E45274" s="15">
        <v>45390</v>
      </c>
      <c r="F45274" s="14" t="s">
        <v>61</v>
      </c>
      <c r="G45274" s="16">
        <v>8.9251618781006917E-2</v>
      </c>
    </row>
    <row r="45275" spans="1:7" x14ac:dyDescent="0.3">
      <c r="A45275" s="13" t="s">
        <v>262</v>
      </c>
      <c r="B45275" s="14" t="s">
        <v>1</v>
      </c>
      <c r="C45275" s="14" t="s">
        <v>70</v>
      </c>
      <c r="D45275" s="14" t="s">
        <v>176</v>
      </c>
      <c r="E45275" s="15">
        <v>45391</v>
      </c>
      <c r="F45275" s="14" t="s">
        <v>61</v>
      </c>
      <c r="G45275" s="16">
        <v>0.1097469581940769</v>
      </c>
    </row>
    <row r="45276" spans="1:7" x14ac:dyDescent="0.3">
      <c r="A45276" s="13" t="s">
        <v>262</v>
      </c>
      <c r="B45276" s="14" t="s">
        <v>1</v>
      </c>
      <c r="C45276" s="14" t="s">
        <v>70</v>
      </c>
      <c r="D45276" s="14" t="s">
        <v>176</v>
      </c>
      <c r="E45276" s="15">
        <v>45392</v>
      </c>
      <c r="F45276" s="14" t="s">
        <v>61</v>
      </c>
      <c r="G45276" s="16">
        <v>0.1297612520712956</v>
      </c>
    </row>
    <row r="45277" spans="1:7" x14ac:dyDescent="0.3">
      <c r="A45277" s="13" t="s">
        <v>262</v>
      </c>
      <c r="B45277" s="14" t="s">
        <v>1</v>
      </c>
      <c r="C45277" s="14" t="s">
        <v>70</v>
      </c>
      <c r="D45277" s="14" t="s">
        <v>176</v>
      </c>
      <c r="E45277" s="15">
        <v>45393</v>
      </c>
      <c r="F45277" s="14" t="s">
        <v>61</v>
      </c>
      <c r="G45277" s="16">
        <v>0.13668596334865754</v>
      </c>
    </row>
    <row r="45278" spans="1:7" x14ac:dyDescent="0.3">
      <c r="A45278" s="13" t="s">
        <v>262</v>
      </c>
      <c r="B45278" s="14" t="s">
        <v>1</v>
      </c>
      <c r="C45278" s="14" t="s">
        <v>70</v>
      </c>
      <c r="D45278" s="14" t="s">
        <v>176</v>
      </c>
      <c r="E45278" s="15">
        <v>45394</v>
      </c>
      <c r="F45278" s="14" t="s">
        <v>61</v>
      </c>
      <c r="G45278" s="16">
        <v>0.14453736357336769</v>
      </c>
    </row>
    <row r="45279" spans="1:7" x14ac:dyDescent="0.3">
      <c r="A45279" s="13" t="s">
        <v>262</v>
      </c>
      <c r="B45279" s="14" t="s">
        <v>1</v>
      </c>
      <c r="C45279" s="14" t="s">
        <v>70</v>
      </c>
      <c r="D45279" s="14" t="s">
        <v>176</v>
      </c>
      <c r="E45279" s="15">
        <v>45395</v>
      </c>
      <c r="F45279" s="14" t="s">
        <v>61</v>
      </c>
      <c r="G45279" s="16">
        <v>0.14453736357336769</v>
      </c>
    </row>
    <row r="45280" spans="1:7" x14ac:dyDescent="0.3">
      <c r="A45280" s="13" t="s">
        <v>262</v>
      </c>
      <c r="B45280" s="14" t="s">
        <v>1</v>
      </c>
      <c r="C45280" s="14" t="s">
        <v>70</v>
      </c>
      <c r="D45280" s="14" t="s">
        <v>176</v>
      </c>
      <c r="E45280" s="15">
        <v>45396</v>
      </c>
      <c r="F45280" s="14" t="s">
        <v>61</v>
      </c>
      <c r="G45280" s="16">
        <v>0.14453736357336769</v>
      </c>
    </row>
    <row r="45281" spans="1:7" x14ac:dyDescent="0.3">
      <c r="A45281" s="13" t="s">
        <v>262</v>
      </c>
      <c r="B45281" s="14" t="s">
        <v>1</v>
      </c>
      <c r="C45281" s="14" t="s">
        <v>70</v>
      </c>
      <c r="D45281" s="14" t="s">
        <v>176</v>
      </c>
      <c r="E45281" s="15">
        <v>45397</v>
      </c>
      <c r="F45281" s="14" t="s">
        <v>61</v>
      </c>
      <c r="G45281" s="16">
        <v>0.1704449364486941</v>
      </c>
    </row>
    <row r="45282" spans="1:7" x14ac:dyDescent="0.3">
      <c r="A45282" s="13" t="s">
        <v>262</v>
      </c>
      <c r="B45282" s="14" t="s">
        <v>1</v>
      </c>
      <c r="C45282" s="14" t="s">
        <v>70</v>
      </c>
      <c r="D45282" s="14" t="s">
        <v>176</v>
      </c>
      <c r="E45282" s="15">
        <v>45398</v>
      </c>
      <c r="F45282" s="14" t="s">
        <v>61</v>
      </c>
      <c r="G45282" s="16">
        <v>0.19145136825871084</v>
      </c>
    </row>
    <row r="45283" spans="1:7" x14ac:dyDescent="0.3">
      <c r="A45283" s="13" t="s">
        <v>262</v>
      </c>
      <c r="B45283" s="14" t="s">
        <v>1</v>
      </c>
      <c r="C45283" s="14" t="s">
        <v>70</v>
      </c>
      <c r="D45283" s="14" t="s">
        <v>176</v>
      </c>
      <c r="E45283" s="15">
        <v>45399</v>
      </c>
      <c r="F45283" s="14" t="s">
        <v>61</v>
      </c>
      <c r="G45283" s="16">
        <v>0.23193472017337899</v>
      </c>
    </row>
    <row r="45284" spans="1:7" x14ac:dyDescent="0.3">
      <c r="A45284" s="13" t="s">
        <v>262</v>
      </c>
      <c r="B45284" s="14" t="s">
        <v>1</v>
      </c>
      <c r="C45284" s="14" t="s">
        <v>70</v>
      </c>
      <c r="D45284" s="14" t="s">
        <v>176</v>
      </c>
      <c r="E45284" s="15">
        <v>45400</v>
      </c>
      <c r="F45284" s="14" t="s">
        <v>61</v>
      </c>
      <c r="G45284" s="16">
        <v>0.23937472702143339</v>
      </c>
    </row>
    <row r="45285" spans="1:7" x14ac:dyDescent="0.3">
      <c r="A45285" s="13" t="s">
        <v>262</v>
      </c>
      <c r="B45285" s="14" t="s">
        <v>1</v>
      </c>
      <c r="C45285" s="14" t="s">
        <v>70</v>
      </c>
      <c r="D45285" s="14" t="s">
        <v>176</v>
      </c>
      <c r="E45285" s="15">
        <v>45401</v>
      </c>
      <c r="F45285" s="14" t="s">
        <v>61</v>
      </c>
      <c r="G45285" s="16">
        <v>0.24966256960824912</v>
      </c>
    </row>
    <row r="45286" spans="1:7" x14ac:dyDescent="0.3">
      <c r="A45286" s="13" t="s">
        <v>262</v>
      </c>
      <c r="B45286" s="14" t="s">
        <v>1</v>
      </c>
      <c r="C45286" s="14" t="s">
        <v>70</v>
      </c>
      <c r="D45286" s="14" t="s">
        <v>176</v>
      </c>
      <c r="E45286" s="15">
        <v>45402</v>
      </c>
      <c r="F45286" s="14" t="s">
        <v>61</v>
      </c>
      <c r="G45286" s="16">
        <v>0.24966256960824912</v>
      </c>
    </row>
    <row r="45287" spans="1:7" x14ac:dyDescent="0.3">
      <c r="A45287" s="13" t="s">
        <v>262</v>
      </c>
      <c r="B45287" s="14" t="s">
        <v>1</v>
      </c>
      <c r="C45287" s="14" t="s">
        <v>70</v>
      </c>
      <c r="D45287" s="14" t="s">
        <v>176</v>
      </c>
      <c r="E45287" s="15">
        <v>45403</v>
      </c>
      <c r="F45287" s="14" t="s">
        <v>61</v>
      </c>
      <c r="G45287" s="16">
        <v>0.24966256960824912</v>
      </c>
    </row>
    <row r="45288" spans="1:7" x14ac:dyDescent="0.3">
      <c r="A45288" s="13" t="s">
        <v>262</v>
      </c>
      <c r="B45288" s="14" t="s">
        <v>1</v>
      </c>
      <c r="C45288" s="14" t="s">
        <v>70</v>
      </c>
      <c r="D45288" s="14" t="s">
        <v>176</v>
      </c>
      <c r="E45288" s="15">
        <v>45404</v>
      </c>
      <c r="F45288" s="14" t="s">
        <v>61</v>
      </c>
      <c r="G45288" s="16">
        <v>0.26020522880888364</v>
      </c>
    </row>
    <row r="45289" spans="1:7" x14ac:dyDescent="0.3">
      <c r="A45289" s="13" t="s">
        <v>262</v>
      </c>
      <c r="B45289" s="14" t="s">
        <v>1</v>
      </c>
      <c r="C45289" s="14" t="s">
        <v>70</v>
      </c>
      <c r="D45289" s="14" t="s">
        <v>176</v>
      </c>
      <c r="E45289" s="15">
        <v>45405</v>
      </c>
      <c r="F45289" s="14" t="s">
        <v>61</v>
      </c>
      <c r="G45289" s="16">
        <v>0.29479105286369661</v>
      </c>
    </row>
    <row r="45290" spans="1:7" x14ac:dyDescent="0.3">
      <c r="A45290" s="13" t="s">
        <v>262</v>
      </c>
      <c r="B45290" s="14" t="s">
        <v>1</v>
      </c>
      <c r="C45290" s="14" t="s">
        <v>70</v>
      </c>
      <c r="D45290" s="14" t="s">
        <v>176</v>
      </c>
      <c r="E45290" s="15">
        <v>45406</v>
      </c>
      <c r="F45290" s="14" t="s">
        <v>61</v>
      </c>
      <c r="G45290" s="16">
        <v>0.29787700081829471</v>
      </c>
    </row>
    <row r="45291" spans="1:7" x14ac:dyDescent="0.3">
      <c r="A45291" s="13" t="s">
        <v>262</v>
      </c>
      <c r="B45291" s="14" t="s">
        <v>1</v>
      </c>
      <c r="C45291" s="14" t="s">
        <v>70</v>
      </c>
      <c r="D45291" s="14" t="s">
        <v>176</v>
      </c>
      <c r="E45291" s="15">
        <v>45407</v>
      </c>
      <c r="F45291" s="14" t="s">
        <v>61</v>
      </c>
      <c r="G45291" s="16">
        <v>0.343898869112163</v>
      </c>
    </row>
    <row r="45292" spans="1:7" x14ac:dyDescent="0.3">
      <c r="A45292" s="13" t="s">
        <v>262</v>
      </c>
      <c r="B45292" s="14" t="s">
        <v>1</v>
      </c>
      <c r="C45292" s="14" t="s">
        <v>70</v>
      </c>
      <c r="D45292" s="14" t="s">
        <v>176</v>
      </c>
      <c r="E45292" s="15">
        <v>45408</v>
      </c>
      <c r="F45292" s="14" t="s">
        <v>61</v>
      </c>
      <c r="G45292" s="16">
        <v>0.35266757838887286</v>
      </c>
    </row>
    <row r="45293" spans="1:7" x14ac:dyDescent="0.3">
      <c r="A45293" s="13" t="s">
        <v>262</v>
      </c>
      <c r="B45293" s="14" t="s">
        <v>1</v>
      </c>
      <c r="C45293" s="14" t="s">
        <v>70</v>
      </c>
      <c r="D45293" s="14" t="s">
        <v>176</v>
      </c>
      <c r="E45293" s="15">
        <v>45409</v>
      </c>
      <c r="F45293" s="14" t="s">
        <v>61</v>
      </c>
      <c r="G45293" s="16">
        <v>0.35266757838887286</v>
      </c>
    </row>
    <row r="45294" spans="1:7" x14ac:dyDescent="0.3">
      <c r="A45294" s="13" t="s">
        <v>262</v>
      </c>
      <c r="B45294" s="14" t="s">
        <v>1</v>
      </c>
      <c r="C45294" s="14" t="s">
        <v>70</v>
      </c>
      <c r="D45294" s="14" t="s">
        <v>176</v>
      </c>
      <c r="E45294" s="15">
        <v>45410</v>
      </c>
      <c r="F45294" s="14" t="s">
        <v>61</v>
      </c>
      <c r="G45294" s="16">
        <v>0.35266757838887286</v>
      </c>
    </row>
    <row r="45295" spans="1:7" x14ac:dyDescent="0.3">
      <c r="A45295" s="13" t="s">
        <v>262</v>
      </c>
      <c r="B45295" s="14" t="s">
        <v>1</v>
      </c>
      <c r="C45295" s="14" t="s">
        <v>70</v>
      </c>
      <c r="D45295" s="14" t="s">
        <v>176</v>
      </c>
      <c r="E45295" s="15">
        <v>45411</v>
      </c>
      <c r="F45295" s="14" t="s">
        <v>61</v>
      </c>
      <c r="G45295" s="16">
        <v>0.35854705890848654</v>
      </c>
    </row>
    <row r="45296" spans="1:7" x14ac:dyDescent="0.3">
      <c r="A45296" s="13" t="s">
        <v>262</v>
      </c>
      <c r="B45296" s="14" t="s">
        <v>1</v>
      </c>
      <c r="C45296" s="14" t="s">
        <v>70</v>
      </c>
      <c r="D45296" s="14" t="s">
        <v>176</v>
      </c>
      <c r="E45296" s="15">
        <v>45412</v>
      </c>
      <c r="F45296" s="14" t="s">
        <v>61</v>
      </c>
      <c r="G45296" s="16">
        <v>0.37936048965632624</v>
      </c>
    </row>
    <row r="45297" spans="1:7" x14ac:dyDescent="0.3">
      <c r="A45297" s="13" t="s">
        <v>262</v>
      </c>
      <c r="B45297" s="14" t="s">
        <v>1</v>
      </c>
      <c r="C45297" s="14" t="s">
        <v>70</v>
      </c>
      <c r="D45297" s="14" t="s">
        <v>176</v>
      </c>
      <c r="E45297" s="15">
        <v>45413</v>
      </c>
      <c r="F45297" s="14" t="s">
        <v>61</v>
      </c>
      <c r="G45297" s="16">
        <v>0.37936048965632624</v>
      </c>
    </row>
    <row r="45298" spans="1:7" x14ac:dyDescent="0.3">
      <c r="A45298" s="13" t="s">
        <v>262</v>
      </c>
      <c r="B45298" s="14" t="s">
        <v>1</v>
      </c>
      <c r="C45298" s="14" t="s">
        <v>70</v>
      </c>
      <c r="D45298" s="14" t="s">
        <v>176</v>
      </c>
      <c r="E45298" s="15">
        <v>45414</v>
      </c>
      <c r="F45298" s="14" t="s">
        <v>61</v>
      </c>
      <c r="G45298" s="16">
        <v>0.41751469004597247</v>
      </c>
    </row>
    <row r="45299" spans="1:7" x14ac:dyDescent="0.3">
      <c r="A45299" s="13" t="s">
        <v>262</v>
      </c>
      <c r="B45299" s="14" t="s">
        <v>1</v>
      </c>
      <c r="C45299" s="14" t="s">
        <v>70</v>
      </c>
      <c r="D45299" s="14" t="s">
        <v>176</v>
      </c>
      <c r="E45299" s="15">
        <v>45415</v>
      </c>
      <c r="F45299" s="14" t="s">
        <v>61</v>
      </c>
      <c r="G45299" s="16">
        <v>0.42944259552754854</v>
      </c>
    </row>
    <row r="45300" spans="1:7" x14ac:dyDescent="0.3">
      <c r="A45300" s="13" t="s">
        <v>262</v>
      </c>
      <c r="B45300" s="14" t="s">
        <v>1</v>
      </c>
      <c r="C45300" s="14" t="s">
        <v>70</v>
      </c>
      <c r="D45300" s="14" t="s">
        <v>176</v>
      </c>
      <c r="E45300" s="15">
        <v>45416</v>
      </c>
      <c r="F45300" s="14" t="s">
        <v>61</v>
      </c>
      <c r="G45300" s="16">
        <v>0.42944259552754854</v>
      </c>
    </row>
    <row r="45301" spans="1:7" x14ac:dyDescent="0.3">
      <c r="A45301" s="13" t="s">
        <v>262</v>
      </c>
      <c r="B45301" s="14" t="s">
        <v>1</v>
      </c>
      <c r="C45301" s="14" t="s">
        <v>70</v>
      </c>
      <c r="D45301" s="14" t="s">
        <v>176</v>
      </c>
      <c r="E45301" s="15">
        <v>45417</v>
      </c>
      <c r="F45301" s="14" t="s">
        <v>61</v>
      </c>
      <c r="G45301" s="16">
        <v>0.42944259552754854</v>
      </c>
    </row>
    <row r="45302" spans="1:7" x14ac:dyDescent="0.3">
      <c r="A45302" s="13" t="s">
        <v>262</v>
      </c>
      <c r="B45302" s="14" t="s">
        <v>1</v>
      </c>
      <c r="C45302" s="14" t="s">
        <v>70</v>
      </c>
      <c r="D45302" s="14" t="s">
        <v>176</v>
      </c>
      <c r="E45302" s="15">
        <v>45418</v>
      </c>
      <c r="F45302" s="14" t="s">
        <v>61</v>
      </c>
      <c r="G45302" s="16">
        <v>0.42944259552754854</v>
      </c>
    </row>
    <row r="45303" spans="1:7" x14ac:dyDescent="0.3">
      <c r="A45303" s="13" t="s">
        <v>262</v>
      </c>
      <c r="B45303" s="14" t="s">
        <v>1</v>
      </c>
      <c r="C45303" s="14" t="s">
        <v>70</v>
      </c>
      <c r="D45303" s="14" t="s">
        <v>176</v>
      </c>
      <c r="E45303" s="15">
        <v>45419</v>
      </c>
      <c r="F45303" s="14" t="s">
        <v>61</v>
      </c>
      <c r="G45303" s="16">
        <v>0.45680405472818308</v>
      </c>
    </row>
    <row r="45304" spans="1:7" x14ac:dyDescent="0.3">
      <c r="A45304" s="13" t="s">
        <v>262</v>
      </c>
      <c r="B45304" s="14" t="s">
        <v>1</v>
      </c>
      <c r="C45304" s="14" t="s">
        <v>70</v>
      </c>
      <c r="D45304" s="14" t="s">
        <v>176</v>
      </c>
      <c r="E45304" s="15">
        <v>45420</v>
      </c>
      <c r="F45304" s="14" t="s">
        <v>61</v>
      </c>
      <c r="G45304" s="16">
        <v>0.48615342834859976</v>
      </c>
    </row>
    <row r="45305" spans="1:7" x14ac:dyDescent="0.3">
      <c r="A45305" s="13" t="s">
        <v>262</v>
      </c>
      <c r="B45305" s="14" t="s">
        <v>1</v>
      </c>
      <c r="C45305" s="14" t="s">
        <v>70</v>
      </c>
      <c r="D45305" s="14" t="s">
        <v>176</v>
      </c>
      <c r="E45305" s="15">
        <v>45421</v>
      </c>
      <c r="F45305" s="14" t="s">
        <v>61</v>
      </c>
      <c r="G45305" s="16">
        <v>0.48615342834859976</v>
      </c>
    </row>
    <row r="45306" spans="1:7" x14ac:dyDescent="0.3">
      <c r="A45306" s="13" t="s">
        <v>262</v>
      </c>
      <c r="B45306" s="14" t="s">
        <v>1</v>
      </c>
      <c r="C45306" s="14" t="s">
        <v>70</v>
      </c>
      <c r="D45306" s="14" t="s">
        <v>176</v>
      </c>
      <c r="E45306" s="15">
        <v>45422</v>
      </c>
      <c r="F45306" s="14" t="s">
        <v>61</v>
      </c>
      <c r="G45306" s="16">
        <v>0.49182342697221287</v>
      </c>
    </row>
    <row r="45307" spans="1:7" x14ac:dyDescent="0.3">
      <c r="A45307" s="13" t="s">
        <v>262</v>
      </c>
      <c r="B45307" s="14" t="s">
        <v>1</v>
      </c>
      <c r="C45307" s="14" t="s">
        <v>70</v>
      </c>
      <c r="D45307" s="14" t="s">
        <v>176</v>
      </c>
      <c r="E45307" s="15">
        <v>45423</v>
      </c>
      <c r="F45307" s="14" t="s">
        <v>61</v>
      </c>
      <c r="G45307" s="16">
        <v>0.49182342697221287</v>
      </c>
    </row>
    <row r="45308" spans="1:7" x14ac:dyDescent="0.3">
      <c r="A45308" s="13" t="s">
        <v>262</v>
      </c>
      <c r="B45308" s="14" t="s">
        <v>1</v>
      </c>
      <c r="C45308" s="14" t="s">
        <v>70</v>
      </c>
      <c r="D45308" s="14" t="s">
        <v>176</v>
      </c>
      <c r="E45308" s="15">
        <v>45424</v>
      </c>
      <c r="F45308" s="14" t="s">
        <v>61</v>
      </c>
      <c r="G45308" s="16">
        <v>0.49182342697221287</v>
      </c>
    </row>
    <row r="45309" spans="1:7" x14ac:dyDescent="0.3">
      <c r="A45309" s="13" t="s">
        <v>262</v>
      </c>
      <c r="B45309" s="14" t="s">
        <v>1</v>
      </c>
      <c r="C45309" s="14" t="s">
        <v>70</v>
      </c>
      <c r="D45309" s="14" t="s">
        <v>176</v>
      </c>
      <c r="E45309" s="15">
        <v>45425</v>
      </c>
      <c r="F45309" s="14" t="s">
        <v>61</v>
      </c>
      <c r="G45309" s="16">
        <v>0.59967003805619012</v>
      </c>
    </row>
    <row r="45310" spans="1:7" x14ac:dyDescent="0.3">
      <c r="A45310" s="13" t="s">
        <v>262</v>
      </c>
      <c r="B45310" s="14" t="s">
        <v>1</v>
      </c>
      <c r="C45310" s="14" t="s">
        <v>70</v>
      </c>
      <c r="D45310" s="14" t="s">
        <v>176</v>
      </c>
      <c r="E45310" s="15">
        <v>45426</v>
      </c>
      <c r="F45310" s="14" t="s">
        <v>61</v>
      </c>
      <c r="G45310" s="16">
        <v>0.63879574012940166</v>
      </c>
    </row>
    <row r="45311" spans="1:7" x14ac:dyDescent="0.3">
      <c r="A45311" s="13" t="s">
        <v>262</v>
      </c>
      <c r="B45311" s="14" t="s">
        <v>1</v>
      </c>
      <c r="C45311" s="14" t="s">
        <v>70</v>
      </c>
      <c r="D45311" s="14" t="s">
        <v>176</v>
      </c>
      <c r="E45311" s="15">
        <v>45427</v>
      </c>
      <c r="F45311" s="14" t="s">
        <v>61</v>
      </c>
      <c r="G45311" s="16">
        <v>0.64630133005933599</v>
      </c>
    </row>
    <row r="45312" spans="1:7" x14ac:dyDescent="0.3">
      <c r="A45312" s="13" t="s">
        <v>262</v>
      </c>
      <c r="B45312" s="14" t="s">
        <v>1</v>
      </c>
      <c r="C45312" s="14" t="s">
        <v>70</v>
      </c>
      <c r="D45312" s="14" t="s">
        <v>176</v>
      </c>
      <c r="E45312" s="15">
        <v>45428</v>
      </c>
      <c r="F45312" s="14" t="s">
        <v>61</v>
      </c>
      <c r="G45312" s="16">
        <v>0.65578227139058998</v>
      </c>
    </row>
    <row r="45313" spans="1:7" x14ac:dyDescent="0.3">
      <c r="A45313" s="13" t="s">
        <v>262</v>
      </c>
      <c r="B45313" s="14" t="s">
        <v>1</v>
      </c>
      <c r="C45313" s="14" t="s">
        <v>70</v>
      </c>
      <c r="D45313" s="14" t="s">
        <v>176</v>
      </c>
      <c r="E45313" s="15">
        <v>45429</v>
      </c>
      <c r="F45313" s="14" t="s">
        <v>61</v>
      </c>
      <c r="G45313" s="16">
        <v>0.74123579516955007</v>
      </c>
    </row>
    <row r="45314" spans="1:7" x14ac:dyDescent="0.3">
      <c r="A45314" s="13" t="s">
        <v>262</v>
      </c>
      <c r="B45314" s="14" t="s">
        <v>1</v>
      </c>
      <c r="C45314" s="14" t="s">
        <v>70</v>
      </c>
      <c r="D45314" s="14" t="s">
        <v>176</v>
      </c>
      <c r="E45314" s="15">
        <v>45430</v>
      </c>
      <c r="F45314" s="14" t="s">
        <v>61</v>
      </c>
      <c r="G45314" s="16">
        <v>0.74123579516955007</v>
      </c>
    </row>
    <row r="45315" spans="1:7" x14ac:dyDescent="0.3">
      <c r="A45315" s="13" t="s">
        <v>262</v>
      </c>
      <c r="B45315" s="14" t="s">
        <v>1</v>
      </c>
      <c r="C45315" s="14" t="s">
        <v>70</v>
      </c>
      <c r="D45315" s="14" t="s">
        <v>176</v>
      </c>
      <c r="E45315" s="15">
        <v>45431</v>
      </c>
      <c r="F45315" s="14" t="s">
        <v>61</v>
      </c>
      <c r="G45315" s="16">
        <v>0.74123579516955007</v>
      </c>
    </row>
    <row r="45316" spans="1:7" x14ac:dyDescent="0.3">
      <c r="A45316" s="13" t="s">
        <v>262</v>
      </c>
      <c r="B45316" s="14" t="s">
        <v>1</v>
      </c>
      <c r="C45316" s="14" t="s">
        <v>70</v>
      </c>
      <c r="D45316" s="14" t="s">
        <v>176</v>
      </c>
      <c r="E45316" s="15">
        <v>45432</v>
      </c>
      <c r="F45316" s="14" t="s">
        <v>61</v>
      </c>
      <c r="G45316" s="16">
        <v>0.74123579516955007</v>
      </c>
    </row>
    <row r="45317" spans="1:7" x14ac:dyDescent="0.3">
      <c r="A45317" s="13" t="s">
        <v>262</v>
      </c>
      <c r="B45317" s="14" t="s">
        <v>1</v>
      </c>
      <c r="C45317" s="14" t="s">
        <v>70</v>
      </c>
      <c r="D45317" s="14" t="s">
        <v>176</v>
      </c>
      <c r="E45317" s="15">
        <v>45433</v>
      </c>
      <c r="F45317" s="14" t="s">
        <v>61</v>
      </c>
      <c r="G45317" s="16">
        <v>0.74919008367898632</v>
      </c>
    </row>
    <row r="45318" spans="1:7" x14ac:dyDescent="0.3">
      <c r="A45318" s="13" t="s">
        <v>262</v>
      </c>
      <c r="B45318" s="14" t="s">
        <v>1</v>
      </c>
      <c r="C45318" s="14" t="s">
        <v>70</v>
      </c>
      <c r="D45318" s="14" t="s">
        <v>176</v>
      </c>
      <c r="E45318" s="15">
        <v>45434</v>
      </c>
      <c r="F45318" s="14" t="s">
        <v>61</v>
      </c>
      <c r="G45318" s="16">
        <v>0.79309243425562459</v>
      </c>
    </row>
    <row r="45319" spans="1:7" x14ac:dyDescent="0.3">
      <c r="A45319" s="13" t="s">
        <v>262</v>
      </c>
      <c r="B45319" s="14" t="s">
        <v>1</v>
      </c>
      <c r="C45319" s="14" t="s">
        <v>70</v>
      </c>
      <c r="D45319" s="14" t="s">
        <v>176</v>
      </c>
      <c r="E45319" s="15">
        <v>45435</v>
      </c>
      <c r="F45319" s="14" t="s">
        <v>61</v>
      </c>
      <c r="G45319" s="16">
        <v>0.80046846312651432</v>
      </c>
    </row>
    <row r="45320" spans="1:7" x14ac:dyDescent="0.3">
      <c r="A45320" s="13" t="s">
        <v>262</v>
      </c>
      <c r="B45320" s="14" t="s">
        <v>1</v>
      </c>
      <c r="C45320" s="14" t="s">
        <v>70</v>
      </c>
      <c r="D45320" s="14" t="s">
        <v>176</v>
      </c>
      <c r="E45320" s="15">
        <v>45436</v>
      </c>
      <c r="F45320" s="14" t="s">
        <v>61</v>
      </c>
      <c r="G45320" s="16">
        <v>0.80462604004437888</v>
      </c>
    </row>
    <row r="45321" spans="1:7" x14ac:dyDescent="0.3">
      <c r="A45321" s="13" t="s">
        <v>262</v>
      </c>
      <c r="B45321" s="14" t="s">
        <v>1</v>
      </c>
      <c r="C45321" s="14" t="s">
        <v>70</v>
      </c>
      <c r="D45321" s="14" t="s">
        <v>176</v>
      </c>
      <c r="E45321" s="15">
        <v>45437</v>
      </c>
      <c r="F45321" s="14" t="s">
        <v>61</v>
      </c>
      <c r="G45321" s="16">
        <v>0.80462604004437888</v>
      </c>
    </row>
    <row r="45322" spans="1:7" x14ac:dyDescent="0.3">
      <c r="A45322" s="13" t="s">
        <v>262</v>
      </c>
      <c r="B45322" s="14" t="s">
        <v>1</v>
      </c>
      <c r="C45322" s="14" t="s">
        <v>70</v>
      </c>
      <c r="D45322" s="14" t="s">
        <v>176</v>
      </c>
      <c r="E45322" s="15">
        <v>45438</v>
      </c>
      <c r="F45322" s="14" t="s">
        <v>61</v>
      </c>
      <c r="G45322" s="16">
        <v>0.80462604004437888</v>
      </c>
    </row>
    <row r="45323" spans="1:7" x14ac:dyDescent="0.3">
      <c r="A45323" s="13" t="s">
        <v>262</v>
      </c>
      <c r="B45323" s="14" t="s">
        <v>1</v>
      </c>
      <c r="C45323" s="14" t="s">
        <v>70</v>
      </c>
      <c r="D45323" s="14" t="s">
        <v>176</v>
      </c>
      <c r="E45323" s="15">
        <v>45439</v>
      </c>
      <c r="F45323" s="14" t="s">
        <v>61</v>
      </c>
      <c r="G45323" s="16">
        <v>0.80322290735853819</v>
      </c>
    </row>
    <row r="45324" spans="1:7" x14ac:dyDescent="0.3">
      <c r="A45324" s="13" t="s">
        <v>262</v>
      </c>
      <c r="B45324" s="14" t="s">
        <v>1</v>
      </c>
      <c r="C45324" s="14" t="s">
        <v>70</v>
      </c>
      <c r="D45324" s="14" t="s">
        <v>176</v>
      </c>
      <c r="E45324" s="15">
        <v>45440</v>
      </c>
      <c r="F45324" s="14" t="s">
        <v>61</v>
      </c>
      <c r="G45324" s="16">
        <v>0.82093615899735362</v>
      </c>
    </row>
    <row r="45325" spans="1:7" x14ac:dyDescent="0.3">
      <c r="A45325" s="13" t="s">
        <v>262</v>
      </c>
      <c r="B45325" s="14" t="s">
        <v>1</v>
      </c>
      <c r="C45325" s="14" t="s">
        <v>70</v>
      </c>
      <c r="D45325" s="14" t="s">
        <v>176</v>
      </c>
      <c r="E45325" s="15">
        <v>45441</v>
      </c>
      <c r="F45325" s="14" t="s">
        <v>61</v>
      </c>
      <c r="G45325" s="16">
        <v>0.83367362806476042</v>
      </c>
    </row>
    <row r="45326" spans="1:7" x14ac:dyDescent="0.3">
      <c r="A45326" s="13" t="s">
        <v>262</v>
      </c>
      <c r="B45326" s="14" t="s">
        <v>1</v>
      </c>
      <c r="C45326" s="14" t="s">
        <v>70</v>
      </c>
      <c r="D45326" s="14" t="s">
        <v>176</v>
      </c>
      <c r="E45326" s="15">
        <v>45442</v>
      </c>
      <c r="F45326" s="14" t="s">
        <v>61</v>
      </c>
      <c r="G45326" s="16">
        <v>0.83524049275687973</v>
      </c>
    </row>
    <row r="45327" spans="1:7" x14ac:dyDescent="0.3">
      <c r="A45327" s="13" t="s">
        <v>262</v>
      </c>
      <c r="B45327" s="14" t="s">
        <v>1</v>
      </c>
      <c r="C45327" s="14" t="s">
        <v>70</v>
      </c>
      <c r="D45327" s="14" t="s">
        <v>176</v>
      </c>
      <c r="E45327" s="15">
        <v>45443</v>
      </c>
      <c r="F45327" s="14" t="s">
        <v>61</v>
      </c>
      <c r="G45327" s="16">
        <v>0.84386349870769328</v>
      </c>
    </row>
    <row r="45328" spans="1:7" x14ac:dyDescent="0.3">
      <c r="A45328" s="13" t="s">
        <v>262</v>
      </c>
      <c r="B45328" s="14" t="s">
        <v>1</v>
      </c>
      <c r="C45328" s="14" t="s">
        <v>70</v>
      </c>
      <c r="D45328" s="14" t="s">
        <v>176</v>
      </c>
      <c r="E45328" s="15">
        <v>45444</v>
      </c>
      <c r="F45328" s="14" t="s">
        <v>61</v>
      </c>
      <c r="G45328" s="16">
        <v>0.84386349870769328</v>
      </c>
    </row>
    <row r="45329" spans="1:7" x14ac:dyDescent="0.3">
      <c r="A45329" s="13" t="s">
        <v>262</v>
      </c>
      <c r="B45329" s="14" t="s">
        <v>1</v>
      </c>
      <c r="C45329" s="14" t="s">
        <v>70</v>
      </c>
      <c r="D45329" s="14" t="s">
        <v>176</v>
      </c>
      <c r="E45329" s="15">
        <v>45445</v>
      </c>
      <c r="F45329" s="14" t="s">
        <v>61</v>
      </c>
      <c r="G45329" s="16">
        <v>0.84386349870769328</v>
      </c>
    </row>
    <row r="45330" spans="1:7" x14ac:dyDescent="0.3">
      <c r="A45330" s="13" t="s">
        <v>262</v>
      </c>
      <c r="B45330" s="14" t="s">
        <v>1</v>
      </c>
      <c r="C45330" s="14" t="s">
        <v>70</v>
      </c>
      <c r="D45330" s="14" t="s">
        <v>176</v>
      </c>
      <c r="E45330" s="15">
        <v>45446</v>
      </c>
      <c r="F45330" s="14" t="s">
        <v>61</v>
      </c>
      <c r="G45330" s="16">
        <v>0.84386349870769328</v>
      </c>
    </row>
    <row r="45331" spans="1:7" x14ac:dyDescent="0.3">
      <c r="A45331" s="13" t="s">
        <v>262</v>
      </c>
      <c r="B45331" s="14" t="s">
        <v>1</v>
      </c>
      <c r="C45331" s="14" t="s">
        <v>70</v>
      </c>
      <c r="D45331" s="14" t="s">
        <v>176</v>
      </c>
      <c r="E45331" s="15">
        <v>45447</v>
      </c>
      <c r="F45331" s="14" t="s">
        <v>61</v>
      </c>
      <c r="G45331" s="16">
        <v>0.85860978812715605</v>
      </c>
    </row>
    <row r="45332" spans="1:7" x14ac:dyDescent="0.3">
      <c r="A45332" s="13" t="s">
        <v>262</v>
      </c>
      <c r="B45332" s="14" t="s">
        <v>1</v>
      </c>
      <c r="C45332" s="14" t="s">
        <v>70</v>
      </c>
      <c r="D45332" s="14" t="s">
        <v>176</v>
      </c>
      <c r="E45332" s="15">
        <v>45448</v>
      </c>
      <c r="F45332" s="14" t="s">
        <v>61</v>
      </c>
      <c r="G45332" s="16">
        <v>0.90115559376088272</v>
      </c>
    </row>
    <row r="45333" spans="1:7" x14ac:dyDescent="0.3">
      <c r="A45333" s="13" t="s">
        <v>262</v>
      </c>
      <c r="B45333" s="14" t="s">
        <v>1</v>
      </c>
      <c r="C45333" s="14" t="s">
        <v>70</v>
      </c>
      <c r="D45333" s="14" t="s">
        <v>176</v>
      </c>
      <c r="E45333" s="15">
        <v>45449</v>
      </c>
      <c r="F45333" s="14" t="s">
        <v>61</v>
      </c>
      <c r="G45333" s="16">
        <v>0.90603446601482096</v>
      </c>
    </row>
    <row r="45334" spans="1:7" x14ac:dyDescent="0.3">
      <c r="A45334" s="13" t="s">
        <v>262</v>
      </c>
      <c r="B45334" s="14" t="s">
        <v>1</v>
      </c>
      <c r="C45334" s="14" t="s">
        <v>70</v>
      </c>
      <c r="D45334" s="14" t="s">
        <v>176</v>
      </c>
      <c r="E45334" s="15">
        <v>45450</v>
      </c>
      <c r="F45334" s="14" t="s">
        <v>61</v>
      </c>
      <c r="G45334" s="16">
        <v>0.92013235694012707</v>
      </c>
    </row>
    <row r="45335" spans="1:7" x14ac:dyDescent="0.3">
      <c r="A45335" s="13" t="s">
        <v>262</v>
      </c>
      <c r="B45335" s="14" t="s">
        <v>1</v>
      </c>
      <c r="C45335" s="14" t="s">
        <v>70</v>
      </c>
      <c r="D45335" s="14" t="s">
        <v>176</v>
      </c>
      <c r="E45335" s="15">
        <v>45451</v>
      </c>
      <c r="F45335" s="14" t="s">
        <v>61</v>
      </c>
      <c r="G45335" s="16">
        <v>0.92013235694012707</v>
      </c>
    </row>
    <row r="45336" spans="1:7" x14ac:dyDescent="0.3">
      <c r="A45336" s="13" t="s">
        <v>262</v>
      </c>
      <c r="B45336" s="14" t="s">
        <v>1</v>
      </c>
      <c r="C45336" s="14" t="s">
        <v>70</v>
      </c>
      <c r="D45336" s="14" t="s">
        <v>176</v>
      </c>
      <c r="E45336" s="15">
        <v>45452</v>
      </c>
      <c r="F45336" s="14" t="s">
        <v>61</v>
      </c>
      <c r="G45336" s="16">
        <v>0.92013235694012707</v>
      </c>
    </row>
    <row r="45337" spans="1:7" x14ac:dyDescent="0.3">
      <c r="A45337" s="13" t="s">
        <v>262</v>
      </c>
      <c r="B45337" s="14" t="s">
        <v>1</v>
      </c>
      <c r="C45337" s="14" t="s">
        <v>70</v>
      </c>
      <c r="D45337" s="14" t="s">
        <v>176</v>
      </c>
      <c r="E45337" s="15">
        <v>45453</v>
      </c>
      <c r="F45337" s="14" t="s">
        <v>61</v>
      </c>
      <c r="G45337" s="16">
        <v>0.93839226002149589</v>
      </c>
    </row>
    <row r="45338" spans="1:7" x14ac:dyDescent="0.3">
      <c r="A45338" s="13" t="s">
        <v>262</v>
      </c>
      <c r="B45338" s="14" t="s">
        <v>1</v>
      </c>
      <c r="C45338" s="14" t="s">
        <v>70</v>
      </c>
      <c r="D45338" s="14" t="s">
        <v>176</v>
      </c>
      <c r="E45338" s="15">
        <v>45454</v>
      </c>
      <c r="F45338" s="14" t="s">
        <v>61</v>
      </c>
      <c r="G45338" s="16">
        <v>0.95945350299508103</v>
      </c>
    </row>
    <row r="45339" spans="1:7" x14ac:dyDescent="0.3">
      <c r="A45339" s="13" t="s">
        <v>262</v>
      </c>
      <c r="B45339" s="14" t="s">
        <v>1</v>
      </c>
      <c r="C45339" s="14" t="s">
        <v>70</v>
      </c>
      <c r="D45339" s="14" t="s">
        <v>176</v>
      </c>
      <c r="E45339" s="15">
        <v>45455</v>
      </c>
      <c r="F45339" s="14" t="s">
        <v>61</v>
      </c>
      <c r="G45339" s="16">
        <v>0.96736224316602704</v>
      </c>
    </row>
    <row r="45340" spans="1:7" x14ac:dyDescent="0.3">
      <c r="A45340" s="13" t="s">
        <v>262</v>
      </c>
      <c r="B45340" s="14" t="s">
        <v>1</v>
      </c>
      <c r="C45340" s="14" t="s">
        <v>70</v>
      </c>
      <c r="D45340" s="14" t="s">
        <v>176</v>
      </c>
      <c r="E45340" s="15">
        <v>45456</v>
      </c>
      <c r="F45340" s="14" t="s">
        <v>61</v>
      </c>
      <c r="G45340" s="16">
        <v>0.98430795392013171</v>
      </c>
    </row>
    <row r="45341" spans="1:7" x14ac:dyDescent="0.3">
      <c r="A45341" s="13" t="s">
        <v>262</v>
      </c>
      <c r="B45341" s="14" t="s">
        <v>1</v>
      </c>
      <c r="C45341" s="14" t="s">
        <v>70</v>
      </c>
      <c r="D45341" s="14" t="s">
        <v>176</v>
      </c>
      <c r="E45341" s="15">
        <v>45457</v>
      </c>
      <c r="F45341" s="14" t="s">
        <v>61</v>
      </c>
      <c r="G45341" s="16">
        <v>0.99797452251830132</v>
      </c>
    </row>
    <row r="45342" spans="1:7" x14ac:dyDescent="0.3">
      <c r="A45342" s="13" t="s">
        <v>262</v>
      </c>
      <c r="B45342" s="14" t="s">
        <v>1</v>
      </c>
      <c r="C45342" s="14" t="s">
        <v>70</v>
      </c>
      <c r="D45342" s="14" t="s">
        <v>176</v>
      </c>
      <c r="E45342" s="15">
        <v>45458</v>
      </c>
      <c r="F45342" s="14" t="s">
        <v>61</v>
      </c>
      <c r="G45342" s="16">
        <v>0.99797452251830132</v>
      </c>
    </row>
    <row r="45343" spans="1:7" x14ac:dyDescent="0.3">
      <c r="A45343" s="13" t="s">
        <v>262</v>
      </c>
      <c r="B45343" s="14" t="s">
        <v>1</v>
      </c>
      <c r="C45343" s="14" t="s">
        <v>70</v>
      </c>
      <c r="D45343" s="14" t="s">
        <v>176</v>
      </c>
      <c r="E45343" s="15">
        <v>45459</v>
      </c>
      <c r="F45343" s="14" t="s">
        <v>61</v>
      </c>
      <c r="G45343" s="16">
        <v>0.99797452251830132</v>
      </c>
    </row>
    <row r="45344" spans="1:7" x14ac:dyDescent="0.3">
      <c r="A45344" s="13" t="s">
        <v>262</v>
      </c>
      <c r="B45344" s="14" t="s">
        <v>1</v>
      </c>
      <c r="C45344" s="14" t="s">
        <v>70</v>
      </c>
      <c r="D45344" s="14" t="s">
        <v>176</v>
      </c>
      <c r="E45344" s="15">
        <v>45460</v>
      </c>
      <c r="F45344" s="14" t="s">
        <v>61</v>
      </c>
      <c r="G45344" s="16">
        <v>1.0176648427367461</v>
      </c>
    </row>
    <row r="45345" spans="1:7" x14ac:dyDescent="0.3">
      <c r="A45345" s="13" t="s">
        <v>262</v>
      </c>
      <c r="B45345" s="14" t="s">
        <v>1</v>
      </c>
      <c r="C45345" s="14" t="s">
        <v>70</v>
      </c>
      <c r="D45345" s="14" t="s">
        <v>176</v>
      </c>
      <c r="E45345" s="15">
        <v>45461</v>
      </c>
      <c r="F45345" s="14" t="s">
        <v>61</v>
      </c>
      <c r="G45345" s="16">
        <v>1.0339840408498879</v>
      </c>
    </row>
    <row r="45346" spans="1:7" x14ac:dyDescent="0.3">
      <c r="A45346" s="13" t="s">
        <v>262</v>
      </c>
      <c r="B45346" s="14" t="s">
        <v>1</v>
      </c>
      <c r="C45346" s="14" t="s">
        <v>70</v>
      </c>
      <c r="D45346" s="14" t="s">
        <v>176</v>
      </c>
      <c r="E45346" s="15">
        <v>45462</v>
      </c>
      <c r="F45346" s="14" t="s">
        <v>61</v>
      </c>
      <c r="G45346" s="16">
        <v>1.0402716514233936</v>
      </c>
    </row>
    <row r="45347" spans="1:7" x14ac:dyDescent="0.3">
      <c r="A45347" s="13" t="s">
        <v>262</v>
      </c>
      <c r="B45347" s="14" t="s">
        <v>1</v>
      </c>
      <c r="C45347" s="14" t="s">
        <v>70</v>
      </c>
      <c r="D45347" s="14" t="s">
        <v>176</v>
      </c>
      <c r="E45347" s="15">
        <v>45463</v>
      </c>
      <c r="F45347" s="14" t="s">
        <v>61</v>
      </c>
      <c r="G45347" s="16">
        <v>1.0577062160614932</v>
      </c>
    </row>
    <row r="45348" spans="1:7" x14ac:dyDescent="0.3">
      <c r="A45348" s="13" t="s">
        <v>262</v>
      </c>
      <c r="B45348" s="14" t="s">
        <v>1</v>
      </c>
      <c r="C45348" s="14" t="s">
        <v>70</v>
      </c>
      <c r="D45348" s="14" t="s">
        <v>176</v>
      </c>
      <c r="E45348" s="15">
        <v>45464</v>
      </c>
      <c r="F45348" s="14" t="s">
        <v>61</v>
      </c>
      <c r="G45348" s="16">
        <v>1.0653764414827842</v>
      </c>
    </row>
    <row r="45349" spans="1:7" x14ac:dyDescent="0.3">
      <c r="A45349" s="13" t="s">
        <v>262</v>
      </c>
      <c r="B45349" s="14" t="s">
        <v>1</v>
      </c>
      <c r="C45349" s="14" t="s">
        <v>70</v>
      </c>
      <c r="D45349" s="14" t="s">
        <v>176</v>
      </c>
      <c r="E45349" s="15">
        <v>45465</v>
      </c>
      <c r="F45349" s="14" t="s">
        <v>61</v>
      </c>
      <c r="G45349" s="16">
        <v>1.0653764414827842</v>
      </c>
    </row>
    <row r="45350" spans="1:7" x14ac:dyDescent="0.3">
      <c r="A45350" s="13" t="s">
        <v>262</v>
      </c>
      <c r="B45350" s="14" t="s">
        <v>1</v>
      </c>
      <c r="C45350" s="14" t="s">
        <v>70</v>
      </c>
      <c r="D45350" s="14" t="s">
        <v>176</v>
      </c>
      <c r="E45350" s="15">
        <v>45466</v>
      </c>
      <c r="F45350" s="14" t="s">
        <v>61</v>
      </c>
      <c r="G45350" s="16">
        <v>1.0653764414827842</v>
      </c>
    </row>
    <row r="45351" spans="1:7" x14ac:dyDescent="0.3">
      <c r="A45351" s="13" t="s">
        <v>262</v>
      </c>
      <c r="B45351" s="14" t="s">
        <v>1</v>
      </c>
      <c r="C45351" s="14" t="s">
        <v>70</v>
      </c>
      <c r="D45351" s="14" t="s">
        <v>176</v>
      </c>
      <c r="E45351" s="15">
        <v>45467</v>
      </c>
      <c r="F45351" s="14" t="s">
        <v>61</v>
      </c>
      <c r="G45351" s="16">
        <v>1.0682422084514083</v>
      </c>
    </row>
    <row r="45352" spans="1:7" x14ac:dyDescent="0.3">
      <c r="A45352" s="13" t="s">
        <v>262</v>
      </c>
      <c r="B45352" s="14" t="s">
        <v>1</v>
      </c>
      <c r="C45352" s="14" t="s">
        <v>70</v>
      </c>
      <c r="D45352" s="14" t="s">
        <v>176</v>
      </c>
      <c r="E45352" s="15">
        <v>45468</v>
      </c>
      <c r="F45352" s="14" t="s">
        <v>61</v>
      </c>
      <c r="G45352" s="16">
        <v>1.0926927267388837</v>
      </c>
    </row>
    <row r="45353" spans="1:7" x14ac:dyDescent="0.3">
      <c r="A45353" s="13" t="s">
        <v>262</v>
      </c>
      <c r="B45353" s="14" t="s">
        <v>1</v>
      </c>
      <c r="C45353" s="14" t="s">
        <v>70</v>
      </c>
      <c r="D45353" s="14" t="s">
        <v>176</v>
      </c>
      <c r="E45353" s="15">
        <v>45469</v>
      </c>
      <c r="F45353" s="14" t="s">
        <v>61</v>
      </c>
      <c r="G45353" s="16">
        <v>1.1029785980003273</v>
      </c>
    </row>
    <row r="45354" spans="1:7" x14ac:dyDescent="0.3">
      <c r="A45354" s="13" t="s">
        <v>262</v>
      </c>
      <c r="B45354" s="14" t="s">
        <v>1</v>
      </c>
      <c r="C45354" s="14" t="s">
        <v>70</v>
      </c>
      <c r="D45354" s="14" t="s">
        <v>176</v>
      </c>
      <c r="E45354" s="15">
        <v>45470</v>
      </c>
      <c r="F45354" s="14" t="s">
        <v>61</v>
      </c>
      <c r="G45354" s="16">
        <v>1.1072624450989186</v>
      </c>
    </row>
    <row r="45355" spans="1:7" x14ac:dyDescent="0.3">
      <c r="A45355" s="13" t="s">
        <v>262</v>
      </c>
      <c r="B45355" s="14" t="s">
        <v>1</v>
      </c>
      <c r="C45355" s="14" t="s">
        <v>70</v>
      </c>
      <c r="D45355" s="14" t="s">
        <v>176</v>
      </c>
      <c r="E45355" s="15">
        <v>45471</v>
      </c>
      <c r="F45355" s="14" t="s">
        <v>61</v>
      </c>
      <c r="G45355" s="16">
        <v>1.1352221813794769</v>
      </c>
    </row>
    <row r="45356" spans="1:7" x14ac:dyDescent="0.3">
      <c r="A45356" s="13" t="s">
        <v>262</v>
      </c>
      <c r="B45356" s="14" t="s">
        <v>1</v>
      </c>
      <c r="C45356" s="14" t="s">
        <v>70</v>
      </c>
      <c r="D45356" s="14" t="s">
        <v>176</v>
      </c>
      <c r="E45356" s="15">
        <v>45472</v>
      </c>
      <c r="F45356" s="14" t="s">
        <v>61</v>
      </c>
      <c r="G45356" s="16">
        <v>1.1352221813794769</v>
      </c>
    </row>
    <row r="45357" spans="1:7" x14ac:dyDescent="0.3">
      <c r="A45357" s="13" t="s">
        <v>262</v>
      </c>
      <c r="B45357" s="14" t="s">
        <v>1</v>
      </c>
      <c r="C45357" s="14" t="s">
        <v>70</v>
      </c>
      <c r="D45357" s="14" t="s">
        <v>176</v>
      </c>
      <c r="E45357" s="15">
        <v>45473</v>
      </c>
      <c r="F45357" s="14" t="s">
        <v>61</v>
      </c>
      <c r="G45357" s="16">
        <v>1.1352221813794769</v>
      </c>
    </row>
    <row r="45358" spans="1:7" x14ac:dyDescent="0.3">
      <c r="A45358" s="13" t="s">
        <v>262</v>
      </c>
      <c r="B45358" s="14" t="s">
        <v>1</v>
      </c>
      <c r="C45358" s="14" t="s">
        <v>70</v>
      </c>
      <c r="D45358" s="14" t="s">
        <v>176</v>
      </c>
      <c r="E45358" s="15">
        <v>45474</v>
      </c>
      <c r="F45358" s="14" t="s">
        <v>61</v>
      </c>
      <c r="G45358" s="16">
        <v>1.1439349302028674</v>
      </c>
    </row>
    <row r="45359" spans="1:7" x14ac:dyDescent="0.3">
      <c r="A45359" s="13" t="s">
        <v>262</v>
      </c>
      <c r="B45359" s="14" t="s">
        <v>1</v>
      </c>
      <c r="C45359" s="14" t="s">
        <v>70</v>
      </c>
      <c r="D45359" s="14" t="s">
        <v>176</v>
      </c>
      <c r="E45359" s="15">
        <v>45475</v>
      </c>
      <c r="F45359" s="14" t="s">
        <v>61</v>
      </c>
      <c r="G45359" s="16">
        <v>1.1632022957922277</v>
      </c>
    </row>
    <row r="45360" spans="1:7" x14ac:dyDescent="0.3">
      <c r="A45360" s="13" t="s">
        <v>262</v>
      </c>
      <c r="B45360" s="14" t="s">
        <v>1</v>
      </c>
      <c r="C45360" s="14" t="s">
        <v>70</v>
      </c>
      <c r="D45360" s="14" t="s">
        <v>176</v>
      </c>
      <c r="E45360" s="15">
        <v>45476</v>
      </c>
      <c r="F45360" s="14" t="s">
        <v>61</v>
      </c>
      <c r="G45360" s="16">
        <v>1.1951975884679042</v>
      </c>
    </row>
    <row r="45361" spans="1:7" x14ac:dyDescent="0.3">
      <c r="A45361" s="13" t="s">
        <v>262</v>
      </c>
      <c r="B45361" s="14" t="s">
        <v>1</v>
      </c>
      <c r="C45361" s="14" t="s">
        <v>70</v>
      </c>
      <c r="D45361" s="14" t="s">
        <v>176</v>
      </c>
      <c r="E45361" s="15">
        <v>45477</v>
      </c>
      <c r="F45361" s="14" t="s">
        <v>61</v>
      </c>
      <c r="G45361" s="16">
        <v>1.1991814116254762</v>
      </c>
    </row>
    <row r="45362" spans="1:7" x14ac:dyDescent="0.3">
      <c r="A45362" s="13" t="s">
        <v>262</v>
      </c>
      <c r="B45362" s="14" t="s">
        <v>1</v>
      </c>
      <c r="C45362" s="14" t="s">
        <v>70</v>
      </c>
      <c r="D45362" s="14" t="s">
        <v>176</v>
      </c>
      <c r="E45362" s="15">
        <v>45478</v>
      </c>
      <c r="F45362" s="14" t="s">
        <v>61</v>
      </c>
      <c r="G45362" s="16">
        <v>1.2027437128014469</v>
      </c>
    </row>
    <row r="45363" spans="1:7" x14ac:dyDescent="0.3">
      <c r="A45363" s="13" t="s">
        <v>262</v>
      </c>
      <c r="B45363" s="14" t="s">
        <v>1</v>
      </c>
      <c r="C45363" s="14" t="s">
        <v>70</v>
      </c>
      <c r="D45363" s="14" t="s">
        <v>176</v>
      </c>
      <c r="E45363" s="15">
        <v>45479</v>
      </c>
      <c r="F45363" s="14" t="s">
        <v>61</v>
      </c>
      <c r="G45363" s="16">
        <v>1.2027437128014469</v>
      </c>
    </row>
    <row r="45364" spans="1:7" x14ac:dyDescent="0.3">
      <c r="A45364" s="13" t="s">
        <v>262</v>
      </c>
      <c r="B45364" s="14" t="s">
        <v>1</v>
      </c>
      <c r="C45364" s="14" t="s">
        <v>70</v>
      </c>
      <c r="D45364" s="14" t="s">
        <v>176</v>
      </c>
      <c r="E45364" s="15">
        <v>45480</v>
      </c>
      <c r="F45364" s="14" t="s">
        <v>61</v>
      </c>
      <c r="G45364" s="16">
        <v>1.2027437128014469</v>
      </c>
    </row>
    <row r="45365" spans="1:7" x14ac:dyDescent="0.3">
      <c r="A45365" s="13" t="s">
        <v>262</v>
      </c>
      <c r="B45365" s="14" t="s">
        <v>1</v>
      </c>
      <c r="C45365" s="14" t="s">
        <v>70</v>
      </c>
      <c r="D45365" s="14" t="s">
        <v>176</v>
      </c>
      <c r="E45365" s="15">
        <v>45481</v>
      </c>
      <c r="F45365" s="14" t="s">
        <v>61</v>
      </c>
      <c r="G45365" s="16">
        <v>1.2285412663172122</v>
      </c>
    </row>
    <row r="45366" spans="1:7" x14ac:dyDescent="0.3">
      <c r="A45366" s="13" t="s">
        <v>262</v>
      </c>
      <c r="B45366" s="14" t="s">
        <v>1</v>
      </c>
      <c r="C45366" s="14" t="s">
        <v>70</v>
      </c>
      <c r="D45366" s="14" t="s">
        <v>176</v>
      </c>
      <c r="E45366" s="15">
        <v>45482</v>
      </c>
      <c r="F45366" s="14" t="s">
        <v>61</v>
      </c>
      <c r="G45366" s="16">
        <v>1.2465981061582856</v>
      </c>
    </row>
    <row r="45367" spans="1:7" x14ac:dyDescent="0.3">
      <c r="A45367" s="13" t="s">
        <v>262</v>
      </c>
      <c r="B45367" s="14" t="s">
        <v>1</v>
      </c>
      <c r="C45367" s="14" t="s">
        <v>70</v>
      </c>
      <c r="D45367" s="14" t="s">
        <v>176</v>
      </c>
      <c r="E45367" s="15">
        <v>45483</v>
      </c>
      <c r="F45367" s="14" t="s">
        <v>61</v>
      </c>
      <c r="G45367" s="16">
        <v>1.2533717874642236</v>
      </c>
    </row>
    <row r="45368" spans="1:7" x14ac:dyDescent="0.3">
      <c r="A45368" s="13" t="s">
        <v>262</v>
      </c>
      <c r="B45368" s="14" t="s">
        <v>1</v>
      </c>
      <c r="C45368" s="14" t="s">
        <v>70</v>
      </c>
      <c r="D45368" s="14" t="s">
        <v>176</v>
      </c>
      <c r="E45368" s="15">
        <v>45484</v>
      </c>
      <c r="F45368" s="14" t="s">
        <v>61</v>
      </c>
      <c r="G45368" s="16">
        <v>1.2675080063161903</v>
      </c>
    </row>
    <row r="45369" spans="1:7" x14ac:dyDescent="0.3">
      <c r="A45369" s="13" t="s">
        <v>262</v>
      </c>
      <c r="B45369" s="14" t="s">
        <v>1</v>
      </c>
      <c r="C45369" s="14" t="s">
        <v>70</v>
      </c>
      <c r="D45369" s="14" t="s">
        <v>176</v>
      </c>
      <c r="E45369" s="15">
        <v>45485</v>
      </c>
      <c r="F45369" s="14" t="s">
        <v>61</v>
      </c>
      <c r="G45369" s="16">
        <v>1.2723436760305566</v>
      </c>
    </row>
    <row r="45370" spans="1:7" x14ac:dyDescent="0.3">
      <c r="A45370" s="13" t="s">
        <v>262</v>
      </c>
      <c r="B45370" s="14" t="s">
        <v>1</v>
      </c>
      <c r="C45370" s="14" t="s">
        <v>70</v>
      </c>
      <c r="D45370" s="14" t="s">
        <v>176</v>
      </c>
      <c r="E45370" s="15">
        <v>45486</v>
      </c>
      <c r="F45370" s="14" t="s">
        <v>61</v>
      </c>
      <c r="G45370" s="16">
        <v>1.2723436760305566</v>
      </c>
    </row>
    <row r="45371" spans="1:7" x14ac:dyDescent="0.3">
      <c r="A45371" s="13" t="s">
        <v>262</v>
      </c>
      <c r="B45371" s="14" t="s">
        <v>1</v>
      </c>
      <c r="C45371" s="14" t="s">
        <v>70</v>
      </c>
      <c r="D45371" s="14" t="s">
        <v>176</v>
      </c>
      <c r="E45371" s="15">
        <v>45487</v>
      </c>
      <c r="F45371" s="14" t="s">
        <v>61</v>
      </c>
      <c r="G45371" s="16">
        <v>1.2723436760305566</v>
      </c>
    </row>
    <row r="45372" spans="1:7" x14ac:dyDescent="0.3">
      <c r="A45372" s="13" t="s">
        <v>262</v>
      </c>
      <c r="B45372" s="14" t="s">
        <v>1</v>
      </c>
      <c r="C45372" s="14" t="s">
        <v>70</v>
      </c>
      <c r="D45372" s="14" t="s">
        <v>176</v>
      </c>
      <c r="E45372" s="15">
        <v>45488</v>
      </c>
      <c r="F45372" s="14" t="s">
        <v>61</v>
      </c>
      <c r="G45372" s="16">
        <v>1.2797320764898856</v>
      </c>
    </row>
    <row r="45373" spans="1:7" x14ac:dyDescent="0.3">
      <c r="A45373" s="13" t="s">
        <v>262</v>
      </c>
      <c r="B45373" s="14" t="s">
        <v>1</v>
      </c>
      <c r="C45373" s="14" t="s">
        <v>70</v>
      </c>
      <c r="D45373" s="14" t="s">
        <v>176</v>
      </c>
      <c r="E45373" s="15">
        <v>45489</v>
      </c>
      <c r="F45373" s="14" t="s">
        <v>61</v>
      </c>
      <c r="G45373" s="16">
        <v>1.2965395658268801</v>
      </c>
    </row>
    <row r="45374" spans="1:7" x14ac:dyDescent="0.3">
      <c r="A45374" s="13" t="s">
        <v>262</v>
      </c>
      <c r="B45374" s="14" t="s">
        <v>1</v>
      </c>
      <c r="C45374" s="14" t="s">
        <v>70</v>
      </c>
      <c r="D45374" s="14" t="s">
        <v>176</v>
      </c>
      <c r="E45374" s="15">
        <v>45490</v>
      </c>
      <c r="F45374" s="14" t="s">
        <v>61</v>
      </c>
      <c r="G45374" s="16">
        <v>1.298487778096737</v>
      </c>
    </row>
    <row r="45375" spans="1:7" x14ac:dyDescent="0.3">
      <c r="A45375" s="13" t="s">
        <v>262</v>
      </c>
      <c r="B45375" s="14" t="s">
        <v>1</v>
      </c>
      <c r="C45375" s="14" t="s">
        <v>70</v>
      </c>
      <c r="D45375" s="14" t="s">
        <v>176</v>
      </c>
      <c r="E45375" s="15">
        <v>45491</v>
      </c>
      <c r="F45375" s="14" t="s">
        <v>61</v>
      </c>
      <c r="G45375" s="16">
        <v>1.3224577289776762</v>
      </c>
    </row>
    <row r="45376" spans="1:7" x14ac:dyDescent="0.3">
      <c r="A45376" s="13" t="s">
        <v>262</v>
      </c>
      <c r="B45376" s="14" t="s">
        <v>1</v>
      </c>
      <c r="C45376" s="14" t="s">
        <v>70</v>
      </c>
      <c r="D45376" s="14" t="s">
        <v>176</v>
      </c>
      <c r="E45376" s="15">
        <v>45492</v>
      </c>
      <c r="F45376" s="14" t="s">
        <v>61</v>
      </c>
      <c r="G45376" s="16">
        <v>1.3308355142721329</v>
      </c>
    </row>
    <row r="45377" spans="1:7" x14ac:dyDescent="0.3">
      <c r="A45377" s="13" t="s">
        <v>262</v>
      </c>
      <c r="B45377" s="14" t="s">
        <v>1</v>
      </c>
      <c r="C45377" s="14" t="s">
        <v>70</v>
      </c>
      <c r="D45377" s="14" t="s">
        <v>176</v>
      </c>
      <c r="E45377" s="15">
        <v>45493</v>
      </c>
      <c r="F45377" s="14" t="s">
        <v>61</v>
      </c>
      <c r="G45377" s="16">
        <v>1.3308355142721329</v>
      </c>
    </row>
    <row r="45378" spans="1:7" x14ac:dyDescent="0.3">
      <c r="A45378" s="13" t="s">
        <v>262</v>
      </c>
      <c r="B45378" s="14" t="s">
        <v>1</v>
      </c>
      <c r="C45378" s="14" t="s">
        <v>70</v>
      </c>
      <c r="D45378" s="14" t="s">
        <v>176</v>
      </c>
      <c r="E45378" s="15">
        <v>45494</v>
      </c>
      <c r="F45378" s="14" t="s">
        <v>61</v>
      </c>
      <c r="G45378" s="16">
        <v>1.3308355142721329</v>
      </c>
    </row>
    <row r="45379" spans="1:7" x14ac:dyDescent="0.3">
      <c r="A45379" s="13" t="s">
        <v>262</v>
      </c>
      <c r="B45379" s="14" t="s">
        <v>1</v>
      </c>
      <c r="C45379" s="14" t="s">
        <v>70</v>
      </c>
      <c r="D45379" s="14" t="s">
        <v>176</v>
      </c>
      <c r="E45379" s="15">
        <v>45495</v>
      </c>
      <c r="F45379" s="14" t="s">
        <v>61</v>
      </c>
      <c r="G45379" s="16">
        <v>1.3395549139166889</v>
      </c>
    </row>
    <row r="45380" spans="1:7" x14ac:dyDescent="0.3">
      <c r="A45380" s="13" t="s">
        <v>262</v>
      </c>
      <c r="B45380" s="14" t="s">
        <v>1</v>
      </c>
      <c r="C45380" s="14" t="s">
        <v>70</v>
      </c>
      <c r="D45380" s="14" t="s">
        <v>176</v>
      </c>
      <c r="E45380" s="15">
        <v>45496</v>
      </c>
      <c r="F45380" s="14" t="s">
        <v>61</v>
      </c>
      <c r="G45380" s="16">
        <v>1.3805138540620636</v>
      </c>
    </row>
    <row r="45381" spans="1:7" x14ac:dyDescent="0.3">
      <c r="A45381" s="13" t="s">
        <v>262</v>
      </c>
      <c r="B45381" s="14" t="s">
        <v>1</v>
      </c>
      <c r="C45381" s="14" t="s">
        <v>70</v>
      </c>
      <c r="D45381" s="14" t="s">
        <v>176</v>
      </c>
      <c r="E45381" s="15">
        <v>45497</v>
      </c>
      <c r="F45381" s="14" t="s">
        <v>61</v>
      </c>
      <c r="G45381" s="16">
        <v>1.389757198525829</v>
      </c>
    </row>
    <row r="45382" spans="1:7" x14ac:dyDescent="0.3">
      <c r="A45382" s="13" t="s">
        <v>262</v>
      </c>
      <c r="B45382" s="14" t="s">
        <v>1</v>
      </c>
      <c r="C45382" s="14" t="s">
        <v>70</v>
      </c>
      <c r="D45382" s="14" t="s">
        <v>176</v>
      </c>
      <c r="E45382" s="15">
        <v>45498</v>
      </c>
      <c r="F45382" s="14" t="s">
        <v>61</v>
      </c>
      <c r="G45382" s="16">
        <v>1.3956727421335875</v>
      </c>
    </row>
    <row r="45383" spans="1:7" x14ac:dyDescent="0.3">
      <c r="A45383" s="13" t="s">
        <v>262</v>
      </c>
      <c r="B45383" s="14" t="s">
        <v>1</v>
      </c>
      <c r="C45383" s="14" t="s">
        <v>70</v>
      </c>
      <c r="D45383" s="14" t="s">
        <v>176</v>
      </c>
      <c r="E45383" s="15">
        <v>45499</v>
      </c>
      <c r="F45383" s="14" t="s">
        <v>61</v>
      </c>
      <c r="G45383" s="16">
        <v>1.400820397028617</v>
      </c>
    </row>
    <row r="45384" spans="1:7" x14ac:dyDescent="0.3">
      <c r="A45384" s="13" t="s">
        <v>262</v>
      </c>
      <c r="B45384" s="14" t="s">
        <v>1</v>
      </c>
      <c r="C45384" s="14" t="s">
        <v>70</v>
      </c>
      <c r="D45384" s="14" t="s">
        <v>176</v>
      </c>
      <c r="E45384" s="15">
        <v>45500</v>
      </c>
      <c r="F45384" s="14" t="s">
        <v>61</v>
      </c>
      <c r="G45384" s="16">
        <v>1.400820397028617</v>
      </c>
    </row>
    <row r="45385" spans="1:7" x14ac:dyDescent="0.3">
      <c r="A45385" s="13" t="s">
        <v>262</v>
      </c>
      <c r="B45385" s="14" t="s">
        <v>1</v>
      </c>
      <c r="C45385" s="14" t="s">
        <v>70</v>
      </c>
      <c r="D45385" s="14" t="s">
        <v>176</v>
      </c>
      <c r="E45385" s="15">
        <v>45501</v>
      </c>
      <c r="F45385" s="14" t="s">
        <v>61</v>
      </c>
      <c r="G45385" s="16">
        <v>1.400820397028617</v>
      </c>
    </row>
    <row r="45386" spans="1:7" x14ac:dyDescent="0.3">
      <c r="A45386" s="13" t="s">
        <v>262</v>
      </c>
      <c r="B45386" s="14" t="s">
        <v>1</v>
      </c>
      <c r="C45386" s="14" t="s">
        <v>70</v>
      </c>
      <c r="D45386" s="14" t="s">
        <v>176</v>
      </c>
      <c r="E45386" s="15">
        <v>45502</v>
      </c>
      <c r="F45386" s="14" t="s">
        <v>61</v>
      </c>
      <c r="G45386" s="16">
        <v>1.4132974618601011</v>
      </c>
    </row>
    <row r="45387" spans="1:7" x14ac:dyDescent="0.3">
      <c r="A45387" s="13" t="s">
        <v>262</v>
      </c>
      <c r="B45387" s="14" t="s">
        <v>1</v>
      </c>
      <c r="C45387" s="14" t="s">
        <v>70</v>
      </c>
      <c r="D45387" s="14" t="s">
        <v>176</v>
      </c>
      <c r="E45387" s="15">
        <v>45503</v>
      </c>
      <c r="F45387" s="14" t="s">
        <v>61</v>
      </c>
      <c r="G45387" s="16">
        <v>1.4319996075794283</v>
      </c>
    </row>
    <row r="45388" spans="1:7" x14ac:dyDescent="0.3">
      <c r="A45388" s="13" t="s">
        <v>262</v>
      </c>
      <c r="B45388" s="14" t="s">
        <v>1</v>
      </c>
      <c r="C45388" s="14" t="s">
        <v>70</v>
      </c>
      <c r="D45388" s="14" t="s">
        <v>176</v>
      </c>
      <c r="E45388" s="15">
        <v>45504</v>
      </c>
      <c r="F45388" s="14" t="s">
        <v>61</v>
      </c>
      <c r="G45388" s="16">
        <v>1.4382121167452215</v>
      </c>
    </row>
    <row r="45389" spans="1:7" x14ac:dyDescent="0.3">
      <c r="A45389" s="13" t="s">
        <v>262</v>
      </c>
      <c r="B45389" s="14" t="s">
        <v>1</v>
      </c>
      <c r="C45389" s="14" t="s">
        <v>70</v>
      </c>
      <c r="D45389" s="14" t="s">
        <v>176</v>
      </c>
      <c r="E45389" s="15">
        <v>45505</v>
      </c>
      <c r="F45389" s="14" t="s">
        <v>61</v>
      </c>
      <c r="G45389" s="16">
        <v>1.4382121167452215</v>
      </c>
    </row>
    <row r="45390" spans="1:7" x14ac:dyDescent="0.3">
      <c r="A45390" s="13" t="s">
        <v>262</v>
      </c>
      <c r="B45390" s="14" t="s">
        <v>1</v>
      </c>
      <c r="C45390" s="14" t="s">
        <v>70</v>
      </c>
      <c r="D45390" s="14" t="s">
        <v>176</v>
      </c>
      <c r="E45390" s="15">
        <v>45506</v>
      </c>
      <c r="F45390" s="14" t="s">
        <v>61</v>
      </c>
      <c r="G45390" s="16">
        <v>1.4435562235079309</v>
      </c>
    </row>
    <row r="45391" spans="1:7" x14ac:dyDescent="0.3">
      <c r="A45391" s="13" t="s">
        <v>262</v>
      </c>
      <c r="B45391" s="14" t="s">
        <v>1</v>
      </c>
      <c r="C45391" s="14" t="s">
        <v>70</v>
      </c>
      <c r="D45391" s="14" t="s">
        <v>176</v>
      </c>
      <c r="E45391" s="15">
        <v>45507</v>
      </c>
      <c r="F45391" s="14" t="s">
        <v>61</v>
      </c>
      <c r="G45391" s="16">
        <v>1.4435562235079309</v>
      </c>
    </row>
    <row r="45392" spans="1:7" x14ac:dyDescent="0.3">
      <c r="A45392" s="13" t="s">
        <v>262</v>
      </c>
      <c r="B45392" s="14" t="s">
        <v>1</v>
      </c>
      <c r="C45392" s="14" t="s">
        <v>70</v>
      </c>
      <c r="D45392" s="14" t="s">
        <v>176</v>
      </c>
      <c r="E45392" s="15">
        <v>45508</v>
      </c>
      <c r="F45392" s="14" t="s">
        <v>61</v>
      </c>
      <c r="G45392" s="16">
        <v>1.4435562235079309</v>
      </c>
    </row>
    <row r="45393" spans="1:7" x14ac:dyDescent="0.3">
      <c r="A45393" s="13" t="s">
        <v>262</v>
      </c>
      <c r="B45393" s="14" t="s">
        <v>1</v>
      </c>
      <c r="C45393" s="14" t="s">
        <v>70</v>
      </c>
      <c r="D45393" s="14" t="s">
        <v>176</v>
      </c>
      <c r="E45393" s="15">
        <v>45509</v>
      </c>
      <c r="F45393" s="14" t="s">
        <v>61</v>
      </c>
      <c r="G45393" s="16">
        <v>1.4435562235079309</v>
      </c>
    </row>
    <row r="45394" spans="1:7" x14ac:dyDescent="0.3">
      <c r="A45394" s="13" t="s">
        <v>262</v>
      </c>
      <c r="B45394" s="14" t="s">
        <v>1</v>
      </c>
      <c r="C45394" s="14" t="s">
        <v>70</v>
      </c>
      <c r="D45394" s="14" t="s">
        <v>176</v>
      </c>
      <c r="E45394" s="15">
        <v>45510</v>
      </c>
      <c r="F45394" s="14" t="s">
        <v>61</v>
      </c>
      <c r="G45394" s="16">
        <v>1.450240000232411</v>
      </c>
    </row>
    <row r="45395" spans="1:7" x14ac:dyDescent="0.3">
      <c r="A45395" s="13" t="s">
        <v>262</v>
      </c>
      <c r="B45395" s="14" t="s">
        <v>1</v>
      </c>
      <c r="C45395" s="14" t="s">
        <v>70</v>
      </c>
      <c r="D45395" s="14" t="s">
        <v>176</v>
      </c>
      <c r="E45395" s="15">
        <v>45511</v>
      </c>
      <c r="F45395" s="14" t="s">
        <v>61</v>
      </c>
      <c r="G45395" s="16">
        <v>1.5020757696581386</v>
      </c>
    </row>
    <row r="45396" spans="1:7" x14ac:dyDescent="0.3">
      <c r="A45396" s="13" t="s">
        <v>262</v>
      </c>
      <c r="B45396" s="14" t="s">
        <v>1</v>
      </c>
      <c r="C45396" s="14" t="s">
        <v>70</v>
      </c>
      <c r="D45396" s="14" t="s">
        <v>176</v>
      </c>
      <c r="E45396" s="15">
        <v>45512</v>
      </c>
      <c r="F45396" s="14" t="s">
        <v>61</v>
      </c>
      <c r="G45396" s="16">
        <v>1.5091935391251003</v>
      </c>
    </row>
    <row r="45397" spans="1:7" x14ac:dyDescent="0.3">
      <c r="A45397" s="13" t="s">
        <v>262</v>
      </c>
      <c r="B45397" s="14" t="s">
        <v>1</v>
      </c>
      <c r="C45397" s="14" t="s">
        <v>70</v>
      </c>
      <c r="D45397" s="14" t="s">
        <v>176</v>
      </c>
      <c r="E45397" s="15">
        <v>45513</v>
      </c>
      <c r="F45397" s="14" t="s">
        <v>61</v>
      </c>
      <c r="G45397" s="16">
        <v>1.5289741308495168</v>
      </c>
    </row>
    <row r="45398" spans="1:7" x14ac:dyDescent="0.3">
      <c r="A45398" s="13" t="s">
        <v>262</v>
      </c>
      <c r="B45398" s="14" t="s">
        <v>1</v>
      </c>
      <c r="C45398" s="14" t="s">
        <v>70</v>
      </c>
      <c r="D45398" s="14" t="s">
        <v>176</v>
      </c>
      <c r="E45398" s="15">
        <v>45514</v>
      </c>
      <c r="F45398" s="14" t="s">
        <v>61</v>
      </c>
      <c r="G45398" s="16">
        <v>1.5289741308495168</v>
      </c>
    </row>
    <row r="45399" spans="1:7" x14ac:dyDescent="0.3">
      <c r="A45399" s="13" t="s">
        <v>262</v>
      </c>
      <c r="B45399" s="14" t="s">
        <v>1</v>
      </c>
      <c r="C45399" s="14" t="s">
        <v>70</v>
      </c>
      <c r="D45399" s="14" t="s">
        <v>176</v>
      </c>
      <c r="E45399" s="15">
        <v>45515</v>
      </c>
      <c r="F45399" s="14" t="s">
        <v>61</v>
      </c>
      <c r="G45399" s="16">
        <v>1.5289741308495168</v>
      </c>
    </row>
    <row r="45400" spans="1:7" x14ac:dyDescent="0.3">
      <c r="A45400" s="13" t="s">
        <v>262</v>
      </c>
      <c r="B45400" s="14" t="s">
        <v>1</v>
      </c>
      <c r="C45400" s="14" t="s">
        <v>70</v>
      </c>
      <c r="D45400" s="14" t="s">
        <v>176</v>
      </c>
      <c r="E45400" s="15">
        <v>45516</v>
      </c>
      <c r="F45400" s="14" t="s">
        <v>61</v>
      </c>
      <c r="G45400" s="16">
        <v>1.5453128857857799</v>
      </c>
    </row>
    <row r="45401" spans="1:7" x14ac:dyDescent="0.3">
      <c r="A45401" s="13" t="s">
        <v>262</v>
      </c>
      <c r="B45401" s="14" t="s">
        <v>1</v>
      </c>
      <c r="C45401" s="14" t="s">
        <v>70</v>
      </c>
      <c r="D45401" s="14" t="s">
        <v>176</v>
      </c>
      <c r="E45401" s="15">
        <v>45517</v>
      </c>
      <c r="F45401" s="14" t="s">
        <v>61</v>
      </c>
      <c r="G45401" s="16">
        <v>1.5569215408172972</v>
      </c>
    </row>
    <row r="45402" spans="1:7" x14ac:dyDescent="0.3">
      <c r="A45402" s="13" t="s">
        <v>262</v>
      </c>
      <c r="B45402" s="14" t="s">
        <v>1</v>
      </c>
      <c r="C45402" s="14" t="s">
        <v>70</v>
      </c>
      <c r="D45402" s="14" t="s">
        <v>176</v>
      </c>
      <c r="E45402" s="15">
        <v>45518</v>
      </c>
      <c r="F45402" s="14" t="s">
        <v>61</v>
      </c>
      <c r="G45402" s="16">
        <v>1.5598440163274494</v>
      </c>
    </row>
    <row r="45403" spans="1:7" x14ac:dyDescent="0.3">
      <c r="A45403" s="13" t="s">
        <v>262</v>
      </c>
      <c r="B45403" s="14" t="s">
        <v>1</v>
      </c>
      <c r="C45403" s="14" t="s">
        <v>70</v>
      </c>
      <c r="D45403" s="14" t="s">
        <v>176</v>
      </c>
      <c r="E45403" s="15">
        <v>45519</v>
      </c>
      <c r="F45403" s="14" t="s">
        <v>61</v>
      </c>
      <c r="G45403" s="16">
        <v>1.5721060512984262</v>
      </c>
    </row>
    <row r="45404" spans="1:7" x14ac:dyDescent="0.3">
      <c r="A45404" s="13" t="s">
        <v>262</v>
      </c>
      <c r="B45404" s="14" t="s">
        <v>1</v>
      </c>
      <c r="C45404" s="14" t="s">
        <v>70</v>
      </c>
      <c r="D45404" s="14" t="s">
        <v>176</v>
      </c>
      <c r="E45404" s="15">
        <v>45520</v>
      </c>
      <c r="F45404" s="14" t="s">
        <v>61</v>
      </c>
      <c r="G45404" s="16">
        <v>1.6196919967674719</v>
      </c>
    </row>
    <row r="45405" spans="1:7" x14ac:dyDescent="0.3">
      <c r="A45405" s="13" t="s">
        <v>262</v>
      </c>
      <c r="B45405" s="14" t="s">
        <v>1</v>
      </c>
      <c r="C45405" s="14" t="s">
        <v>70</v>
      </c>
      <c r="D45405" s="14" t="s">
        <v>176</v>
      </c>
      <c r="E45405" s="15">
        <v>45521</v>
      </c>
      <c r="F45405" s="14" t="s">
        <v>61</v>
      </c>
      <c r="G45405" s="16">
        <v>1.6196919967674719</v>
      </c>
    </row>
    <row r="45406" spans="1:7" x14ac:dyDescent="0.3">
      <c r="A45406" s="13" t="s">
        <v>262</v>
      </c>
      <c r="B45406" s="14" t="s">
        <v>1</v>
      </c>
      <c r="C45406" s="14" t="s">
        <v>70</v>
      </c>
      <c r="D45406" s="14" t="s">
        <v>176</v>
      </c>
      <c r="E45406" s="15">
        <v>45522</v>
      </c>
      <c r="F45406" s="14" t="s">
        <v>61</v>
      </c>
      <c r="G45406" s="16">
        <v>1.6196919967674719</v>
      </c>
    </row>
    <row r="45407" spans="1:7" x14ac:dyDescent="0.3">
      <c r="A45407" s="13" t="s">
        <v>262</v>
      </c>
      <c r="B45407" s="14" t="s">
        <v>1</v>
      </c>
      <c r="C45407" s="14" t="s">
        <v>70</v>
      </c>
      <c r="D45407" s="14" t="s">
        <v>176</v>
      </c>
      <c r="E45407" s="15">
        <v>45523</v>
      </c>
      <c r="F45407" s="14" t="s">
        <v>61</v>
      </c>
      <c r="G45407" s="16">
        <v>1.629547823428662</v>
      </c>
    </row>
    <row r="45408" spans="1:7" x14ac:dyDescent="0.3">
      <c r="A45408" s="13" t="s">
        <v>262</v>
      </c>
      <c r="B45408" s="14" t="s">
        <v>1</v>
      </c>
      <c r="C45408" s="14" t="s">
        <v>70</v>
      </c>
      <c r="D45408" s="14" t="s">
        <v>176</v>
      </c>
      <c r="E45408" s="15">
        <v>45524</v>
      </c>
      <c r="F45408" s="14" t="s">
        <v>61</v>
      </c>
      <c r="G45408" s="16">
        <v>1.6511053553751667</v>
      </c>
    </row>
    <row r="45409" spans="1:7" x14ac:dyDescent="0.3">
      <c r="A45409" s="13" t="s">
        <v>262</v>
      </c>
      <c r="B45409" s="14" t="s">
        <v>1</v>
      </c>
      <c r="C45409" s="14" t="s">
        <v>70</v>
      </c>
      <c r="D45409" s="14" t="s">
        <v>176</v>
      </c>
      <c r="E45409" s="15">
        <v>45525</v>
      </c>
      <c r="F45409" s="14" t="s">
        <v>61</v>
      </c>
      <c r="G45409" s="16">
        <v>1.6618273243032091</v>
      </c>
    </row>
    <row r="45410" spans="1:7" x14ac:dyDescent="0.3">
      <c r="A45410" s="13" t="s">
        <v>262</v>
      </c>
      <c r="B45410" s="14" t="s">
        <v>1</v>
      </c>
      <c r="C45410" s="14" t="s">
        <v>70</v>
      </c>
      <c r="D45410" s="14" t="s">
        <v>176</v>
      </c>
      <c r="E45410" s="15">
        <v>45526</v>
      </c>
      <c r="F45410" s="14" t="s">
        <v>61</v>
      </c>
      <c r="G45410" s="16">
        <v>1.674796113820803</v>
      </c>
    </row>
    <row r="45411" spans="1:7" x14ac:dyDescent="0.3">
      <c r="A45411" s="13" t="s">
        <v>262</v>
      </c>
      <c r="B45411" s="14" t="s">
        <v>1</v>
      </c>
      <c r="C45411" s="14" t="s">
        <v>70</v>
      </c>
      <c r="D45411" s="14" t="s">
        <v>176</v>
      </c>
      <c r="E45411" s="15">
        <v>45527</v>
      </c>
      <c r="F45411" s="14" t="s">
        <v>61</v>
      </c>
      <c r="G45411" s="16">
        <v>1.6693473022861278</v>
      </c>
    </row>
    <row r="45412" spans="1:7" x14ac:dyDescent="0.3">
      <c r="A45412" s="13" t="s">
        <v>262</v>
      </c>
      <c r="B45412" s="14" t="s">
        <v>1</v>
      </c>
      <c r="C45412" s="14" t="s">
        <v>70</v>
      </c>
      <c r="D45412" s="14" t="s">
        <v>176</v>
      </c>
      <c r="E45412" s="15">
        <v>45528</v>
      </c>
      <c r="F45412" s="14" t="s">
        <v>61</v>
      </c>
      <c r="G45412" s="16">
        <v>1.6693473022861278</v>
      </c>
    </row>
    <row r="45413" spans="1:7" x14ac:dyDescent="0.3">
      <c r="A45413" s="13" t="s">
        <v>262</v>
      </c>
      <c r="B45413" s="14" t="s">
        <v>1</v>
      </c>
      <c r="C45413" s="14" t="s">
        <v>70</v>
      </c>
      <c r="D45413" s="14" t="s">
        <v>176</v>
      </c>
      <c r="E45413" s="15">
        <v>45529</v>
      </c>
      <c r="F45413" s="14" t="s">
        <v>61</v>
      </c>
      <c r="G45413" s="16">
        <v>1.6693473022861278</v>
      </c>
    </row>
    <row r="45414" spans="1:7" x14ac:dyDescent="0.3">
      <c r="A45414" s="13" t="s">
        <v>262</v>
      </c>
      <c r="B45414" s="14" t="s">
        <v>1</v>
      </c>
      <c r="C45414" s="14" t="s">
        <v>70</v>
      </c>
      <c r="D45414" s="14" t="s">
        <v>176</v>
      </c>
      <c r="E45414" s="15">
        <v>45530</v>
      </c>
      <c r="F45414" s="14" t="s">
        <v>61</v>
      </c>
      <c r="G45414" s="16">
        <v>1.6796043182558646</v>
      </c>
    </row>
    <row r="45415" spans="1:7" x14ac:dyDescent="0.3">
      <c r="A45415" s="13" t="s">
        <v>262</v>
      </c>
      <c r="B45415" s="14" t="s">
        <v>1</v>
      </c>
      <c r="C45415" s="14" t="s">
        <v>70</v>
      </c>
      <c r="D45415" s="14" t="s">
        <v>176</v>
      </c>
      <c r="E45415" s="15">
        <v>45531</v>
      </c>
      <c r="F45415" s="14" t="s">
        <v>61</v>
      </c>
      <c r="G45415" s="16">
        <v>1.6934274977260868</v>
      </c>
    </row>
    <row r="45416" spans="1:7" x14ac:dyDescent="0.3">
      <c r="A45416" s="13" t="s">
        <v>262</v>
      </c>
      <c r="B45416" s="14" t="s">
        <v>1</v>
      </c>
      <c r="C45416" s="14" t="s">
        <v>70</v>
      </c>
      <c r="D45416" s="14" t="s">
        <v>176</v>
      </c>
      <c r="E45416" s="15">
        <v>45532</v>
      </c>
      <c r="F45416" s="14" t="s">
        <v>61</v>
      </c>
      <c r="G45416" s="16">
        <v>1.7176851679538019</v>
      </c>
    </row>
    <row r="45417" spans="1:7" x14ac:dyDescent="0.3">
      <c r="A45417" s="13" t="s">
        <v>262</v>
      </c>
      <c r="B45417" s="14" t="s">
        <v>1</v>
      </c>
      <c r="C45417" s="14" t="s">
        <v>70</v>
      </c>
      <c r="D45417" s="14" t="s">
        <v>176</v>
      </c>
      <c r="E45417" s="15">
        <v>45533</v>
      </c>
      <c r="F45417" s="14" t="s">
        <v>61</v>
      </c>
      <c r="G45417" s="16">
        <v>1.7318044774523447</v>
      </c>
    </row>
    <row r="45418" spans="1:7" x14ac:dyDescent="0.3">
      <c r="A45418" s="13" t="s">
        <v>262</v>
      </c>
      <c r="B45418" s="14" t="s">
        <v>1</v>
      </c>
      <c r="C45418" s="14" t="s">
        <v>70</v>
      </c>
      <c r="D45418" s="14" t="s">
        <v>176</v>
      </c>
      <c r="E45418" s="15">
        <v>45534</v>
      </c>
      <c r="F45418" s="14" t="s">
        <v>61</v>
      </c>
      <c r="G45418" s="16">
        <v>1.7465773528260091</v>
      </c>
    </row>
    <row r="45419" spans="1:7" x14ac:dyDescent="0.3">
      <c r="A45419" s="13" t="s">
        <v>262</v>
      </c>
      <c r="B45419" s="14" t="s">
        <v>1</v>
      </c>
      <c r="C45419" s="14" t="s">
        <v>70</v>
      </c>
      <c r="D45419" s="14" t="s">
        <v>176</v>
      </c>
      <c r="E45419" s="15">
        <v>45535</v>
      </c>
      <c r="F45419" s="14" t="s">
        <v>61</v>
      </c>
      <c r="G45419" s="16">
        <v>1.7465773528260091</v>
      </c>
    </row>
    <row r="45420" spans="1:7" x14ac:dyDescent="0.3">
      <c r="A45420" s="13" t="s">
        <v>262</v>
      </c>
      <c r="B45420" s="14" t="s">
        <v>1</v>
      </c>
      <c r="C45420" s="14" t="s">
        <v>70</v>
      </c>
      <c r="D45420" s="14" t="s">
        <v>176</v>
      </c>
      <c r="E45420" s="15">
        <v>45536</v>
      </c>
      <c r="F45420" s="14" t="s">
        <v>61</v>
      </c>
      <c r="G45420" s="16">
        <v>1.7465773528260091</v>
      </c>
    </row>
    <row r="45421" spans="1:7" x14ac:dyDescent="0.3">
      <c r="A45421" s="13" t="s">
        <v>262</v>
      </c>
      <c r="B45421" s="14" t="s">
        <v>1</v>
      </c>
      <c r="C45421" s="14" t="s">
        <v>70</v>
      </c>
      <c r="D45421" s="14" t="s">
        <v>176</v>
      </c>
      <c r="E45421" s="15">
        <v>45537</v>
      </c>
      <c r="F45421" s="14" t="s">
        <v>61</v>
      </c>
      <c r="G45421" s="16">
        <v>1.7546702134883756</v>
      </c>
    </row>
    <row r="45422" spans="1:7" x14ac:dyDescent="0.3">
      <c r="A45422" s="13" t="s">
        <v>262</v>
      </c>
      <c r="B45422" s="14" t="s">
        <v>1</v>
      </c>
      <c r="C45422" s="14" t="s">
        <v>70</v>
      </c>
      <c r="D45422" s="14" t="s">
        <v>176</v>
      </c>
      <c r="E45422" s="15">
        <v>45538</v>
      </c>
      <c r="F45422" s="14" t="s">
        <v>61</v>
      </c>
      <c r="G45422" s="16">
        <v>1.7722228093946946</v>
      </c>
    </row>
    <row r="45423" spans="1:7" x14ac:dyDescent="0.3">
      <c r="A45423" s="13" t="s">
        <v>262</v>
      </c>
      <c r="B45423" s="14" t="s">
        <v>1</v>
      </c>
      <c r="C45423" s="14" t="s">
        <v>70</v>
      </c>
      <c r="D45423" s="14" t="s">
        <v>176</v>
      </c>
      <c r="E45423" s="15">
        <v>45539</v>
      </c>
      <c r="F45423" s="14" t="s">
        <v>61</v>
      </c>
      <c r="G45423" s="16">
        <v>1.7724877322891994</v>
      </c>
    </row>
    <row r="45424" spans="1:7" x14ac:dyDescent="0.3">
      <c r="A45424" s="13" t="s">
        <v>262</v>
      </c>
      <c r="B45424" s="14" t="s">
        <v>1</v>
      </c>
      <c r="C45424" s="14" t="s">
        <v>70</v>
      </c>
      <c r="D45424" s="14" t="s">
        <v>176</v>
      </c>
      <c r="E45424" s="15">
        <v>45540</v>
      </c>
      <c r="F45424" s="14" t="s">
        <v>61</v>
      </c>
      <c r="G45424" s="16">
        <v>1.7825808338234912</v>
      </c>
    </row>
    <row r="45425" spans="1:7" x14ac:dyDescent="0.3">
      <c r="A45425" s="13" t="s">
        <v>262</v>
      </c>
      <c r="B45425" s="14" t="s">
        <v>1</v>
      </c>
      <c r="C45425" s="14" t="s">
        <v>70</v>
      </c>
      <c r="D45425" s="14" t="s">
        <v>176</v>
      </c>
      <c r="E45425" s="15">
        <v>45541</v>
      </c>
      <c r="F45425" s="14" t="s">
        <v>61</v>
      </c>
      <c r="G45425" s="16">
        <v>1.7930678400373719</v>
      </c>
    </row>
    <row r="45426" spans="1:7" x14ac:dyDescent="0.3">
      <c r="A45426" s="13" t="s">
        <v>262</v>
      </c>
      <c r="B45426" s="14" t="s">
        <v>1</v>
      </c>
      <c r="C45426" s="14" t="s">
        <v>70</v>
      </c>
      <c r="D45426" s="14" t="s">
        <v>176</v>
      </c>
      <c r="E45426" s="15">
        <v>45542</v>
      </c>
      <c r="F45426" s="14" t="s">
        <v>61</v>
      </c>
      <c r="G45426" s="16">
        <v>1.7930678400373719</v>
      </c>
    </row>
    <row r="45427" spans="1:7" x14ac:dyDescent="0.3">
      <c r="A45427" s="13" t="s">
        <v>262</v>
      </c>
      <c r="B45427" s="14" t="s">
        <v>1</v>
      </c>
      <c r="C45427" s="14" t="s">
        <v>70</v>
      </c>
      <c r="D45427" s="14" t="s">
        <v>176</v>
      </c>
      <c r="E45427" s="15">
        <v>45543</v>
      </c>
      <c r="F45427" s="14" t="s">
        <v>61</v>
      </c>
      <c r="G45427" s="16">
        <v>1.7930678400373719</v>
      </c>
    </row>
    <row r="45428" spans="1:7" x14ac:dyDescent="0.3">
      <c r="A45428" s="13" t="s">
        <v>262</v>
      </c>
      <c r="B45428" s="14" t="s">
        <v>1</v>
      </c>
      <c r="C45428" s="14" t="s">
        <v>70</v>
      </c>
      <c r="D45428" s="14" t="s">
        <v>176</v>
      </c>
      <c r="E45428" s="15">
        <v>45544</v>
      </c>
      <c r="F45428" s="14" t="s">
        <v>61</v>
      </c>
      <c r="G45428" s="16">
        <v>1.8079730376969385</v>
      </c>
    </row>
    <row r="45429" spans="1:7" x14ac:dyDescent="0.3">
      <c r="A45429" s="13" t="s">
        <v>262</v>
      </c>
      <c r="B45429" s="14" t="s">
        <v>1</v>
      </c>
      <c r="C45429" s="14" t="s">
        <v>70</v>
      </c>
      <c r="D45429" s="14" t="s">
        <v>176</v>
      </c>
      <c r="E45429" s="15">
        <v>45545</v>
      </c>
      <c r="F45429" s="14" t="s">
        <v>61</v>
      </c>
      <c r="G45429" s="16">
        <v>1.8287281584130695</v>
      </c>
    </row>
    <row r="45430" spans="1:7" x14ac:dyDescent="0.3">
      <c r="A45430" s="13" t="s">
        <v>262</v>
      </c>
      <c r="B45430" s="14" t="s">
        <v>1</v>
      </c>
      <c r="C45430" s="14" t="s">
        <v>70</v>
      </c>
      <c r="D45430" s="14" t="s">
        <v>176</v>
      </c>
      <c r="E45430" s="15">
        <v>45546</v>
      </c>
      <c r="F45430" s="14" t="s">
        <v>61</v>
      </c>
      <c r="G45430" s="16">
        <v>1.8390279334824327</v>
      </c>
    </row>
    <row r="45431" spans="1:7" x14ac:dyDescent="0.3">
      <c r="A45431" s="13" t="s">
        <v>262</v>
      </c>
      <c r="B45431" s="14" t="s">
        <v>1</v>
      </c>
      <c r="C45431" s="14" t="s">
        <v>70</v>
      </c>
      <c r="D45431" s="14" t="s">
        <v>176</v>
      </c>
      <c r="E45431" s="15">
        <v>45547</v>
      </c>
      <c r="F45431" s="14" t="s">
        <v>61</v>
      </c>
      <c r="G45431" s="16">
        <v>1.8343468876942435</v>
      </c>
    </row>
    <row r="45432" spans="1:7" x14ac:dyDescent="0.3">
      <c r="A45432" s="13" t="s">
        <v>262</v>
      </c>
      <c r="B45432" s="14" t="s">
        <v>1</v>
      </c>
      <c r="C45432" s="14" t="s">
        <v>70</v>
      </c>
      <c r="D45432" s="14" t="s">
        <v>176</v>
      </c>
      <c r="E45432" s="15">
        <v>45548</v>
      </c>
      <c r="F45432" s="14" t="s">
        <v>61</v>
      </c>
      <c r="G45432" s="16">
        <v>1.8602023722569831</v>
      </c>
    </row>
    <row r="45433" spans="1:7" x14ac:dyDescent="0.3">
      <c r="A45433" s="13" t="s">
        <v>262</v>
      </c>
      <c r="B45433" s="14" t="s">
        <v>1</v>
      </c>
      <c r="C45433" s="14" t="s">
        <v>70</v>
      </c>
      <c r="D45433" s="14" t="s">
        <v>176</v>
      </c>
      <c r="E45433" s="15">
        <v>45549</v>
      </c>
      <c r="F45433" s="14" t="s">
        <v>61</v>
      </c>
      <c r="G45433" s="16">
        <v>1.8602023722569831</v>
      </c>
    </row>
    <row r="45434" spans="1:7" x14ac:dyDescent="0.3">
      <c r="A45434" s="13" t="s">
        <v>262</v>
      </c>
      <c r="B45434" s="14" t="s">
        <v>1</v>
      </c>
      <c r="C45434" s="14" t="s">
        <v>70</v>
      </c>
      <c r="D45434" s="14" t="s">
        <v>176</v>
      </c>
      <c r="E45434" s="15">
        <v>45550</v>
      </c>
      <c r="F45434" s="14" t="s">
        <v>61</v>
      </c>
      <c r="G45434" s="16">
        <v>1.8602023722569831</v>
      </c>
    </row>
    <row r="45435" spans="1:7" x14ac:dyDescent="0.3">
      <c r="A45435" s="13" t="s">
        <v>262</v>
      </c>
      <c r="B45435" s="14" t="s">
        <v>1</v>
      </c>
      <c r="C45435" s="14" t="s">
        <v>70</v>
      </c>
      <c r="D45435" s="14" t="s">
        <v>176</v>
      </c>
      <c r="E45435" s="15">
        <v>45551</v>
      </c>
      <c r="F45435" s="14" t="s">
        <v>61</v>
      </c>
      <c r="G45435" s="16">
        <v>1.8668280032874771</v>
      </c>
    </row>
    <row r="45436" spans="1:7" x14ac:dyDescent="0.3">
      <c r="A45436" s="13" t="s">
        <v>262</v>
      </c>
      <c r="B45436" s="14" t="s">
        <v>1</v>
      </c>
      <c r="C45436" s="14" t="s">
        <v>70</v>
      </c>
      <c r="D45436" s="14" t="s">
        <v>176</v>
      </c>
      <c r="E45436" s="15">
        <v>45552</v>
      </c>
      <c r="F45436" s="14" t="s">
        <v>61</v>
      </c>
      <c r="G45436" s="16">
        <v>1.8881508607045481</v>
      </c>
    </row>
    <row r="45437" spans="1:7" x14ac:dyDescent="0.3">
      <c r="A45437" s="13" t="s">
        <v>262</v>
      </c>
      <c r="B45437" s="14" t="s">
        <v>1</v>
      </c>
      <c r="C45437" s="14" t="s">
        <v>70</v>
      </c>
      <c r="D45437" s="14" t="s">
        <v>176</v>
      </c>
      <c r="E45437" s="15">
        <v>45553</v>
      </c>
      <c r="F45437" s="14" t="s">
        <v>61</v>
      </c>
      <c r="G45437" s="16">
        <v>1.8937811203954567</v>
      </c>
    </row>
    <row r="45438" spans="1:7" x14ac:dyDescent="0.3">
      <c r="A45438" s="13" t="s">
        <v>262</v>
      </c>
      <c r="B45438" s="14" t="s">
        <v>1</v>
      </c>
      <c r="C45438" s="14" t="s">
        <v>70</v>
      </c>
      <c r="D45438" s="14" t="s">
        <v>176</v>
      </c>
      <c r="E45438" s="15">
        <v>45554</v>
      </c>
      <c r="F45438" s="14" t="s">
        <v>61</v>
      </c>
      <c r="G45438" s="16">
        <v>1.8917790141145725</v>
      </c>
    </row>
    <row r="45439" spans="1:7" x14ac:dyDescent="0.3">
      <c r="A45439" s="13" t="s">
        <v>262</v>
      </c>
      <c r="B45439" s="14" t="s">
        <v>1</v>
      </c>
      <c r="C45439" s="14" t="s">
        <v>70</v>
      </c>
      <c r="D45439" s="14" t="s">
        <v>176</v>
      </c>
      <c r="E45439" s="15">
        <v>45555</v>
      </c>
      <c r="F45439" s="14" t="s">
        <v>61</v>
      </c>
      <c r="G45439" s="16">
        <v>1.8969440494335719</v>
      </c>
    </row>
    <row r="45440" spans="1:7" x14ac:dyDescent="0.3">
      <c r="A45440" s="13" t="s">
        <v>262</v>
      </c>
      <c r="B45440" s="14" t="s">
        <v>1</v>
      </c>
      <c r="C45440" s="14" t="s">
        <v>70</v>
      </c>
      <c r="D45440" s="14" t="s">
        <v>176</v>
      </c>
      <c r="E45440" s="15">
        <v>45556</v>
      </c>
      <c r="F45440" s="14" t="s">
        <v>61</v>
      </c>
      <c r="G45440" s="16">
        <v>1.8969440494335719</v>
      </c>
    </row>
    <row r="45441" spans="1:7" x14ac:dyDescent="0.3">
      <c r="A45441" s="13" t="s">
        <v>262</v>
      </c>
      <c r="B45441" s="14" t="s">
        <v>1</v>
      </c>
      <c r="C45441" s="14" t="s">
        <v>70</v>
      </c>
      <c r="D45441" s="14" t="s">
        <v>176</v>
      </c>
      <c r="E45441" s="15">
        <v>45557</v>
      </c>
      <c r="F45441" s="14" t="s">
        <v>61</v>
      </c>
      <c r="G45441" s="16">
        <v>1.8969440494335719</v>
      </c>
    </row>
    <row r="45442" spans="1:7" x14ac:dyDescent="0.3">
      <c r="A45442" s="13" t="s">
        <v>262</v>
      </c>
      <c r="B45442" s="14" t="s">
        <v>1</v>
      </c>
      <c r="C45442" s="14" t="s">
        <v>70</v>
      </c>
      <c r="D45442" s="14" t="s">
        <v>176</v>
      </c>
      <c r="E45442" s="15">
        <v>45558</v>
      </c>
      <c r="F45442" s="14" t="s">
        <v>61</v>
      </c>
      <c r="G45442" s="16">
        <v>1.9108216347961573</v>
      </c>
    </row>
    <row r="45443" spans="1:7" x14ac:dyDescent="0.3">
      <c r="A45443" s="13" t="s">
        <v>262</v>
      </c>
      <c r="B45443" s="14" t="s">
        <v>1</v>
      </c>
      <c r="C45443" s="14" t="s">
        <v>70</v>
      </c>
      <c r="D45443" s="14" t="s">
        <v>176</v>
      </c>
      <c r="E45443" s="15">
        <v>45559</v>
      </c>
      <c r="F45443" s="14" t="s">
        <v>61</v>
      </c>
      <c r="G45443" s="16">
        <v>1.9162703680682833</v>
      </c>
    </row>
    <row r="45444" spans="1:7" x14ac:dyDescent="0.3">
      <c r="A45444" s="13" t="s">
        <v>262</v>
      </c>
      <c r="B45444" s="14" t="s">
        <v>1</v>
      </c>
      <c r="C45444" s="14" t="s">
        <v>70</v>
      </c>
      <c r="D45444" s="14" t="s">
        <v>176</v>
      </c>
      <c r="E45444" s="15">
        <v>45560</v>
      </c>
      <c r="F45444" s="14" t="s">
        <v>61</v>
      </c>
      <c r="G45444" s="16">
        <v>1.9296249195154154</v>
      </c>
    </row>
    <row r="45445" spans="1:7" x14ac:dyDescent="0.3">
      <c r="A45445" s="13" t="s">
        <v>262</v>
      </c>
      <c r="B45445" s="14" t="s">
        <v>1</v>
      </c>
      <c r="C45445" s="14" t="s">
        <v>70</v>
      </c>
      <c r="D45445" s="14" t="s">
        <v>176</v>
      </c>
      <c r="E45445" s="15">
        <v>45561</v>
      </c>
      <c r="F45445" s="14" t="s">
        <v>61</v>
      </c>
      <c r="G45445" s="16">
        <v>1.93418640212746</v>
      </c>
    </row>
    <row r="45446" spans="1:7" x14ac:dyDescent="0.3">
      <c r="A45446" s="13" t="s">
        <v>262</v>
      </c>
      <c r="B45446" s="14" t="s">
        <v>1</v>
      </c>
      <c r="C45446" s="14" t="s">
        <v>70</v>
      </c>
      <c r="D45446" s="14" t="s">
        <v>176</v>
      </c>
      <c r="E45446" s="15">
        <v>45562</v>
      </c>
      <c r="F45446" s="14" t="s">
        <v>61</v>
      </c>
      <c r="G45446" s="16">
        <v>1.9456523731501596</v>
      </c>
    </row>
    <row r="45447" spans="1:7" x14ac:dyDescent="0.3">
      <c r="A45447" s="13" t="s">
        <v>262</v>
      </c>
      <c r="B45447" s="14" t="s">
        <v>1</v>
      </c>
      <c r="C45447" s="14" t="s">
        <v>70</v>
      </c>
      <c r="D45447" s="14" t="s">
        <v>176</v>
      </c>
      <c r="E45447" s="15">
        <v>45563</v>
      </c>
      <c r="F45447" s="14" t="s">
        <v>61</v>
      </c>
      <c r="G45447" s="16">
        <v>1.9456523731501596</v>
      </c>
    </row>
    <row r="45448" spans="1:7" x14ac:dyDescent="0.3">
      <c r="A45448" s="13" t="s">
        <v>262</v>
      </c>
      <c r="B45448" s="14" t="s">
        <v>1</v>
      </c>
      <c r="C45448" s="14" t="s">
        <v>70</v>
      </c>
      <c r="D45448" s="14" t="s">
        <v>176</v>
      </c>
      <c r="E45448" s="15">
        <v>45564</v>
      </c>
      <c r="F45448" s="14" t="s">
        <v>61</v>
      </c>
      <c r="G45448" s="16">
        <v>1.9456523731501596</v>
      </c>
    </row>
    <row r="45449" spans="1:7" x14ac:dyDescent="0.3">
      <c r="A45449" s="13" t="s">
        <v>262</v>
      </c>
      <c r="B45449" s="14" t="s">
        <v>1</v>
      </c>
      <c r="C45449" s="14" t="s">
        <v>70</v>
      </c>
      <c r="D45449" s="14" t="s">
        <v>176</v>
      </c>
      <c r="E45449" s="15">
        <v>45565</v>
      </c>
      <c r="F45449" s="14" t="s">
        <v>61</v>
      </c>
      <c r="G45449" s="16">
        <v>1.9699389142926795</v>
      </c>
    </row>
    <row r="45450" spans="1:7" x14ac:dyDescent="0.3">
      <c r="A45450" s="13" t="s">
        <v>262</v>
      </c>
      <c r="B45450" s="14" t="s">
        <v>1</v>
      </c>
      <c r="C45450" s="14" t="s">
        <v>70</v>
      </c>
      <c r="D45450" s="14" t="s">
        <v>176</v>
      </c>
      <c r="E45450" s="15">
        <v>45566</v>
      </c>
      <c r="F45450" s="14" t="s">
        <v>61</v>
      </c>
      <c r="G45450" s="16">
        <v>2.0021776453047311</v>
      </c>
    </row>
    <row r="45451" spans="1:7" x14ac:dyDescent="0.3">
      <c r="A45451" s="13" t="s">
        <v>262</v>
      </c>
      <c r="B45451" s="14" t="s">
        <v>1</v>
      </c>
      <c r="C45451" s="14" t="s">
        <v>70</v>
      </c>
      <c r="D45451" s="14" t="s">
        <v>176</v>
      </c>
      <c r="E45451" s="15">
        <v>45567</v>
      </c>
      <c r="F45451" s="14" t="s">
        <v>61</v>
      </c>
      <c r="G45451" s="16">
        <v>2.0131773712831236</v>
      </c>
    </row>
    <row r="45452" spans="1:7" x14ac:dyDescent="0.3">
      <c r="A45452" s="13" t="s">
        <v>262</v>
      </c>
      <c r="B45452" s="14" t="s">
        <v>1</v>
      </c>
      <c r="C45452" s="14" t="s">
        <v>70</v>
      </c>
      <c r="D45452" s="14" t="s">
        <v>176</v>
      </c>
      <c r="E45452" s="15">
        <v>45568</v>
      </c>
      <c r="F45452" s="14" t="s">
        <v>61</v>
      </c>
      <c r="G45452" s="16">
        <v>2.0205723772868653</v>
      </c>
    </row>
    <row r="45453" spans="1:7" x14ac:dyDescent="0.3">
      <c r="A45453" s="13" t="s">
        <v>262</v>
      </c>
      <c r="B45453" s="14" t="s">
        <v>1</v>
      </c>
      <c r="C45453" s="14" t="s">
        <v>70</v>
      </c>
      <c r="D45453" s="14" t="s">
        <v>176</v>
      </c>
      <c r="E45453" s="15">
        <v>45569</v>
      </c>
      <c r="F45453" s="14" t="s">
        <v>61</v>
      </c>
      <c r="G45453" s="16">
        <v>2.0380059752521928</v>
      </c>
    </row>
    <row r="45454" spans="1:7" x14ac:dyDescent="0.3">
      <c r="A45454" s="13" t="s">
        <v>262</v>
      </c>
      <c r="B45454" s="14" t="s">
        <v>1</v>
      </c>
      <c r="C45454" s="14" t="s">
        <v>70</v>
      </c>
      <c r="D45454" s="14" t="s">
        <v>176</v>
      </c>
      <c r="E45454" s="15">
        <v>45570</v>
      </c>
      <c r="F45454" s="14" t="s">
        <v>61</v>
      </c>
      <c r="G45454" s="16">
        <v>2.0380059752521928</v>
      </c>
    </row>
    <row r="45455" spans="1:7" x14ac:dyDescent="0.3">
      <c r="A45455" s="13" t="s">
        <v>262</v>
      </c>
      <c r="B45455" s="14" t="s">
        <v>1</v>
      </c>
      <c r="C45455" s="14" t="s">
        <v>70</v>
      </c>
      <c r="D45455" s="14" t="s">
        <v>176</v>
      </c>
      <c r="E45455" s="15">
        <v>45571</v>
      </c>
      <c r="F45455" s="14" t="s">
        <v>61</v>
      </c>
      <c r="G45455" s="16">
        <v>2.0380059752521928</v>
      </c>
    </row>
    <row r="45456" spans="1:7" x14ac:dyDescent="0.3">
      <c r="A45456" s="13" t="s">
        <v>262</v>
      </c>
      <c r="B45456" s="14" t="s">
        <v>1</v>
      </c>
      <c r="C45456" s="14" t="s">
        <v>70</v>
      </c>
      <c r="D45456" s="14" t="s">
        <v>176</v>
      </c>
      <c r="E45456" s="15">
        <v>45572</v>
      </c>
      <c r="F45456" s="14" t="s">
        <v>61</v>
      </c>
      <c r="G45456" s="16">
        <v>2.0584926189192729</v>
      </c>
    </row>
    <row r="45457" spans="1:7" x14ac:dyDescent="0.3">
      <c r="A45457" s="13" t="s">
        <v>262</v>
      </c>
      <c r="B45457" s="14" t="s">
        <v>1</v>
      </c>
      <c r="C45457" s="14" t="s">
        <v>70</v>
      </c>
      <c r="D45457" s="14" t="s">
        <v>176</v>
      </c>
      <c r="E45457" s="15">
        <v>45573</v>
      </c>
      <c r="F45457" s="14" t="s">
        <v>61</v>
      </c>
      <c r="G45457" s="16">
        <v>2.0733475233569161</v>
      </c>
    </row>
    <row r="45458" spans="1:7" x14ac:dyDescent="0.3">
      <c r="A45458" s="13" t="s">
        <v>262</v>
      </c>
      <c r="B45458" s="14" t="s">
        <v>1</v>
      </c>
      <c r="C45458" s="14" t="s">
        <v>70</v>
      </c>
      <c r="D45458" s="14" t="s">
        <v>176</v>
      </c>
      <c r="E45458" s="15">
        <v>45574</v>
      </c>
      <c r="F45458" s="14" t="s">
        <v>61</v>
      </c>
      <c r="G45458" s="16">
        <v>2.0869744612375434</v>
      </c>
    </row>
    <row r="45459" spans="1:7" x14ac:dyDescent="0.3">
      <c r="A45459" s="13" t="s">
        <v>262</v>
      </c>
      <c r="B45459" s="14" t="s">
        <v>1</v>
      </c>
      <c r="C45459" s="14" t="s">
        <v>70</v>
      </c>
      <c r="D45459" s="14" t="s">
        <v>176</v>
      </c>
      <c r="E45459" s="15">
        <v>45575</v>
      </c>
      <c r="F45459" s="14" t="s">
        <v>61</v>
      </c>
      <c r="G45459" s="16">
        <v>2.093135368199432</v>
      </c>
    </row>
    <row r="45460" spans="1:7" x14ac:dyDescent="0.3">
      <c r="A45460" s="13" t="s">
        <v>262</v>
      </c>
      <c r="B45460" s="14" t="s">
        <v>1</v>
      </c>
      <c r="C45460" s="14" t="s">
        <v>70</v>
      </c>
      <c r="D45460" s="14" t="s">
        <v>176</v>
      </c>
      <c r="E45460" s="15">
        <v>45576</v>
      </c>
      <c r="F45460" s="14" t="s">
        <v>61</v>
      </c>
      <c r="G45460" s="16">
        <v>2.110844555964555</v>
      </c>
    </row>
    <row r="45461" spans="1:7" x14ac:dyDescent="0.3">
      <c r="A45461" s="13" t="s">
        <v>262</v>
      </c>
      <c r="B45461" s="14" t="s">
        <v>1</v>
      </c>
      <c r="C45461" s="14" t="s">
        <v>70</v>
      </c>
      <c r="D45461" s="14" t="s">
        <v>176</v>
      </c>
      <c r="E45461" s="15">
        <v>45577</v>
      </c>
      <c r="F45461" s="14" t="s">
        <v>61</v>
      </c>
      <c r="G45461" s="16">
        <v>2.110844555964555</v>
      </c>
    </row>
    <row r="45462" spans="1:7" x14ac:dyDescent="0.3">
      <c r="A45462" s="13" t="s">
        <v>262</v>
      </c>
      <c r="B45462" s="14" t="s">
        <v>1</v>
      </c>
      <c r="C45462" s="14" t="s">
        <v>70</v>
      </c>
      <c r="D45462" s="14" t="s">
        <v>176</v>
      </c>
      <c r="E45462" s="15">
        <v>45578</v>
      </c>
      <c r="F45462" s="14" t="s">
        <v>61</v>
      </c>
      <c r="G45462" s="16">
        <v>2.110844555964555</v>
      </c>
    </row>
    <row r="45463" spans="1:7" x14ac:dyDescent="0.3">
      <c r="A45463" s="13" t="s">
        <v>262</v>
      </c>
      <c r="B45463" s="14" t="s">
        <v>1</v>
      </c>
      <c r="C45463" s="14" t="s">
        <v>70</v>
      </c>
      <c r="D45463" s="14" t="s">
        <v>176</v>
      </c>
      <c r="E45463" s="15">
        <v>45579</v>
      </c>
      <c r="F45463" s="14" t="s">
        <v>61</v>
      </c>
      <c r="G45463" s="16">
        <v>2.1218561998164227</v>
      </c>
    </row>
    <row r="45464" spans="1:7" x14ac:dyDescent="0.3">
      <c r="A45464" s="13" t="s">
        <v>262</v>
      </c>
      <c r="B45464" s="14" t="s">
        <v>1</v>
      </c>
      <c r="C45464" s="14" t="s">
        <v>70</v>
      </c>
      <c r="D45464" s="14" t="s">
        <v>176</v>
      </c>
      <c r="E45464" s="15">
        <v>45580</v>
      </c>
      <c r="F45464" s="14" t="s">
        <v>61</v>
      </c>
      <c r="G45464" s="16">
        <v>2.1413277839173994</v>
      </c>
    </row>
    <row r="45465" spans="1:7" x14ac:dyDescent="0.3">
      <c r="A45465" s="13" t="s">
        <v>262</v>
      </c>
      <c r="B45465" s="14" t="s">
        <v>1</v>
      </c>
      <c r="C45465" s="14" t="s">
        <v>70</v>
      </c>
      <c r="D45465" s="14" t="s">
        <v>176</v>
      </c>
      <c r="E45465" s="15">
        <v>45581</v>
      </c>
      <c r="F45465" s="14" t="s">
        <v>61</v>
      </c>
      <c r="G45465" s="16">
        <v>2.1560789532970492</v>
      </c>
    </row>
    <row r="45466" spans="1:7" x14ac:dyDescent="0.3">
      <c r="A45466" s="13" t="s">
        <v>262</v>
      </c>
      <c r="B45466" s="14" t="s">
        <v>1</v>
      </c>
      <c r="C45466" s="14" t="s">
        <v>70</v>
      </c>
      <c r="D45466" s="14" t="s">
        <v>176</v>
      </c>
      <c r="E45466" s="15">
        <v>45582</v>
      </c>
      <c r="F45466" s="14" t="s">
        <v>61</v>
      </c>
      <c r="G45466" s="16">
        <v>2.1682649891083048</v>
      </c>
    </row>
    <row r="45467" spans="1:7" x14ac:dyDescent="0.3">
      <c r="A45467" s="13" t="s">
        <v>262</v>
      </c>
      <c r="B45467" s="14" t="s">
        <v>1</v>
      </c>
      <c r="C45467" s="14" t="s">
        <v>70</v>
      </c>
      <c r="D45467" s="14" t="s">
        <v>176</v>
      </c>
      <c r="E45467" s="15">
        <v>45583</v>
      </c>
      <c r="F45467" s="14" t="s">
        <v>61</v>
      </c>
      <c r="G45467" s="16">
        <v>2.1724617557361485</v>
      </c>
    </row>
    <row r="45468" spans="1:7" x14ac:dyDescent="0.3">
      <c r="A45468" s="13" t="s">
        <v>262</v>
      </c>
      <c r="B45468" s="14" t="s">
        <v>1</v>
      </c>
      <c r="C45468" s="14" t="s">
        <v>70</v>
      </c>
      <c r="D45468" s="14" t="s">
        <v>176</v>
      </c>
      <c r="E45468" s="15">
        <v>45584</v>
      </c>
      <c r="F45468" s="14" t="s">
        <v>61</v>
      </c>
      <c r="G45468" s="16">
        <v>2.1724617557361485</v>
      </c>
    </row>
    <row r="45469" spans="1:7" x14ac:dyDescent="0.3">
      <c r="A45469" s="13" t="s">
        <v>262</v>
      </c>
      <c r="B45469" s="14" t="s">
        <v>1</v>
      </c>
      <c r="C45469" s="14" t="s">
        <v>70</v>
      </c>
      <c r="D45469" s="14" t="s">
        <v>176</v>
      </c>
      <c r="E45469" s="15">
        <v>45585</v>
      </c>
      <c r="F45469" s="14" t="s">
        <v>61</v>
      </c>
      <c r="G45469" s="16">
        <v>2.1724617557361485</v>
      </c>
    </row>
    <row r="45470" spans="1:7" x14ac:dyDescent="0.3">
      <c r="A45470" s="13" t="s">
        <v>262</v>
      </c>
      <c r="B45470" s="14" t="s">
        <v>1</v>
      </c>
      <c r="C45470" s="14" t="s">
        <v>70</v>
      </c>
      <c r="D45470" s="14" t="s">
        <v>176</v>
      </c>
      <c r="E45470" s="15">
        <v>45586</v>
      </c>
      <c r="F45470" s="14" t="s">
        <v>61</v>
      </c>
      <c r="G45470" s="16">
        <v>2.1933241114201989</v>
      </c>
    </row>
    <row r="45471" spans="1:7" x14ac:dyDescent="0.3">
      <c r="A45471" s="13" t="s">
        <v>262</v>
      </c>
      <c r="B45471" s="14" t="s">
        <v>1</v>
      </c>
      <c r="C45471" s="14" t="s">
        <v>70</v>
      </c>
      <c r="D45471" s="14" t="s">
        <v>176</v>
      </c>
      <c r="E45471" s="15">
        <v>45587</v>
      </c>
      <c r="F45471" s="14" t="s">
        <v>61</v>
      </c>
      <c r="G45471" s="16">
        <v>2.2122222144937731</v>
      </c>
    </row>
    <row r="45472" spans="1:7" x14ac:dyDescent="0.3">
      <c r="A45472" s="13" t="s">
        <v>262</v>
      </c>
      <c r="B45472" s="14" t="s">
        <v>1</v>
      </c>
      <c r="C45472" s="14" t="s">
        <v>70</v>
      </c>
      <c r="D45472" s="14" t="s">
        <v>176</v>
      </c>
      <c r="E45472" s="15">
        <v>45588</v>
      </c>
      <c r="F45472" s="14" t="s">
        <v>61</v>
      </c>
      <c r="G45472" s="16">
        <v>2.2215202133887471</v>
      </c>
    </row>
    <row r="45473" spans="1:7" x14ac:dyDescent="0.3">
      <c r="A45473" s="13" t="s">
        <v>262</v>
      </c>
      <c r="B45473" s="14" t="s">
        <v>1</v>
      </c>
      <c r="C45473" s="14" t="s">
        <v>70</v>
      </c>
      <c r="D45473" s="14" t="s">
        <v>176</v>
      </c>
      <c r="E45473" s="15">
        <v>45589</v>
      </c>
      <c r="F45473" s="14" t="s">
        <v>61</v>
      </c>
      <c r="G45473" s="16">
        <v>2.2199498615010187</v>
      </c>
    </row>
    <row r="45474" spans="1:7" x14ac:dyDescent="0.3">
      <c r="A45474" s="13" t="s">
        <v>262</v>
      </c>
      <c r="B45474" s="14" t="s">
        <v>1</v>
      </c>
      <c r="C45474" s="14" t="s">
        <v>70</v>
      </c>
      <c r="D45474" s="14" t="s">
        <v>176</v>
      </c>
      <c r="E45474" s="15">
        <v>45590</v>
      </c>
      <c r="F45474" s="14" t="s">
        <v>61</v>
      </c>
      <c r="G45474" s="16">
        <v>2.2319162314453447</v>
      </c>
    </row>
    <row r="45475" spans="1:7" x14ac:dyDescent="0.3">
      <c r="A45475" s="13" t="s">
        <v>262</v>
      </c>
      <c r="B45475" s="14" t="s">
        <v>1</v>
      </c>
      <c r="C45475" s="14" t="s">
        <v>70</v>
      </c>
      <c r="D45475" s="14" t="s">
        <v>176</v>
      </c>
      <c r="E45475" s="15">
        <v>45591</v>
      </c>
      <c r="F45475" s="14" t="s">
        <v>61</v>
      </c>
      <c r="G45475" s="16">
        <v>2.2319162314453447</v>
      </c>
    </row>
    <row r="45476" spans="1:7" x14ac:dyDescent="0.3">
      <c r="A45476" s="13" t="s">
        <v>262</v>
      </c>
      <c r="B45476" s="14" t="s">
        <v>1</v>
      </c>
      <c r="C45476" s="14" t="s">
        <v>70</v>
      </c>
      <c r="D45476" s="14" t="s">
        <v>176</v>
      </c>
      <c r="E45476" s="15">
        <v>45592</v>
      </c>
      <c r="F45476" s="14" t="s">
        <v>61</v>
      </c>
      <c r="G45476" s="16">
        <v>2.2319162314453447</v>
      </c>
    </row>
    <row r="45477" spans="1:7" x14ac:dyDescent="0.3">
      <c r="A45477" s="13" t="s">
        <v>262</v>
      </c>
      <c r="B45477" s="14" t="s">
        <v>1</v>
      </c>
      <c r="C45477" s="14" t="s">
        <v>70</v>
      </c>
      <c r="D45477" s="14" t="s">
        <v>176</v>
      </c>
      <c r="E45477" s="15">
        <v>45593</v>
      </c>
      <c r="F45477" s="14" t="s">
        <v>61</v>
      </c>
      <c r="G45477" s="16">
        <v>2.2319162314453447</v>
      </c>
    </row>
    <row r="45478" spans="1:7" x14ac:dyDescent="0.3">
      <c r="A45478" s="13" t="s">
        <v>262</v>
      </c>
      <c r="B45478" s="14" t="s">
        <v>1</v>
      </c>
      <c r="C45478" s="14" t="s">
        <v>70</v>
      </c>
      <c r="D45478" s="14" t="s">
        <v>176</v>
      </c>
      <c r="E45478" s="15">
        <v>45594</v>
      </c>
      <c r="F45478" s="14" t="s">
        <v>61</v>
      </c>
      <c r="G45478" s="16">
        <v>2.2332156518239406</v>
      </c>
    </row>
    <row r="45479" spans="1:7" x14ac:dyDescent="0.3">
      <c r="A45479" s="13" t="s">
        <v>262</v>
      </c>
      <c r="B45479" s="14" t="s">
        <v>1</v>
      </c>
      <c r="C45479" s="14" t="s">
        <v>70</v>
      </c>
      <c r="D45479" s="14" t="s">
        <v>176</v>
      </c>
      <c r="E45479" s="15">
        <v>45595</v>
      </c>
      <c r="F45479" s="14" t="s">
        <v>61</v>
      </c>
      <c r="G45479" s="16">
        <v>2.2545467403709907</v>
      </c>
    </row>
    <row r="45480" spans="1:7" x14ac:dyDescent="0.3">
      <c r="A45480" s="13" t="s">
        <v>262</v>
      </c>
      <c r="B45480" s="14" t="s">
        <v>1</v>
      </c>
      <c r="C45480" s="14" t="s">
        <v>70</v>
      </c>
      <c r="D45480" s="14" t="s">
        <v>176</v>
      </c>
      <c r="E45480" s="15">
        <v>45596</v>
      </c>
      <c r="F45480" s="14" t="s">
        <v>61</v>
      </c>
      <c r="G45480" s="16">
        <v>2.2543842617418663</v>
      </c>
    </row>
    <row r="45481" spans="1:7" x14ac:dyDescent="0.3">
      <c r="A45481" s="13" t="s">
        <v>262</v>
      </c>
      <c r="B45481" s="14" t="s">
        <v>1</v>
      </c>
      <c r="C45481" s="14" t="s">
        <v>70</v>
      </c>
      <c r="D45481" s="14" t="s">
        <v>176</v>
      </c>
      <c r="E45481" s="15">
        <v>45597</v>
      </c>
      <c r="F45481" s="14" t="s">
        <v>61</v>
      </c>
      <c r="G45481" s="16">
        <v>2.2720080700015606</v>
      </c>
    </row>
    <row r="45482" spans="1:7" x14ac:dyDescent="0.3">
      <c r="A45482" s="13" t="s">
        <v>262</v>
      </c>
      <c r="B45482" s="14" t="s">
        <v>1</v>
      </c>
      <c r="C45482" s="14" t="s">
        <v>70</v>
      </c>
      <c r="D45482" s="14" t="s">
        <v>176</v>
      </c>
      <c r="E45482" s="15">
        <v>45598</v>
      </c>
      <c r="F45482" s="14" t="s">
        <v>61</v>
      </c>
      <c r="G45482" s="16">
        <v>2.2720080700015606</v>
      </c>
    </row>
    <row r="45483" spans="1:7" x14ac:dyDescent="0.3">
      <c r="A45483" s="13" t="s">
        <v>262</v>
      </c>
      <c r="B45483" s="14" t="s">
        <v>1</v>
      </c>
      <c r="C45483" s="14" t="s">
        <v>70</v>
      </c>
      <c r="D45483" s="14" t="s">
        <v>176</v>
      </c>
      <c r="E45483" s="15">
        <v>45599</v>
      </c>
      <c r="F45483" s="14" t="s">
        <v>61</v>
      </c>
      <c r="G45483" s="16">
        <v>2.2720080700015606</v>
      </c>
    </row>
    <row r="45484" spans="1:7" x14ac:dyDescent="0.3">
      <c r="A45484" s="13" t="s">
        <v>262</v>
      </c>
      <c r="B45484" s="14" t="s">
        <v>1</v>
      </c>
      <c r="C45484" s="14" t="s">
        <v>70</v>
      </c>
      <c r="D45484" s="14" t="s">
        <v>176</v>
      </c>
      <c r="E45484" s="15">
        <v>45600</v>
      </c>
      <c r="F45484" s="14" t="s">
        <v>61</v>
      </c>
      <c r="G45484" s="16">
        <v>2.2632535608765205</v>
      </c>
    </row>
    <row r="45485" spans="1:7" x14ac:dyDescent="0.3">
      <c r="A45485" s="13" t="s">
        <v>262</v>
      </c>
      <c r="B45485" s="14" t="s">
        <v>1</v>
      </c>
      <c r="C45485" s="14" t="s">
        <v>70</v>
      </c>
      <c r="D45485" s="14" t="s">
        <v>176</v>
      </c>
      <c r="E45485" s="15">
        <v>45601</v>
      </c>
      <c r="F45485" s="14" t="s">
        <v>61</v>
      </c>
      <c r="G45485" s="16">
        <v>2.2672940037688538</v>
      </c>
    </row>
    <row r="45486" spans="1:7" x14ac:dyDescent="0.3">
      <c r="A45486" s="13" t="s">
        <v>262</v>
      </c>
      <c r="B45486" s="14" t="s">
        <v>1</v>
      </c>
      <c r="C45486" s="14" t="s">
        <v>70</v>
      </c>
      <c r="D45486" s="14" t="s">
        <v>176</v>
      </c>
      <c r="E45486" s="15">
        <v>45602</v>
      </c>
      <c r="F45486" s="14" t="s">
        <v>61</v>
      </c>
      <c r="G45486" s="16">
        <v>2.3173960848995727</v>
      </c>
    </row>
    <row r="45487" spans="1:7" x14ac:dyDescent="0.3">
      <c r="A45487" s="13" t="s">
        <v>262</v>
      </c>
      <c r="B45487" s="14" t="s">
        <v>1</v>
      </c>
      <c r="C45487" s="14" t="s">
        <v>70</v>
      </c>
      <c r="D45487" s="14" t="s">
        <v>176</v>
      </c>
      <c r="E45487" s="15">
        <v>45603</v>
      </c>
      <c r="F45487" s="14" t="s">
        <v>61</v>
      </c>
      <c r="G45487" s="16">
        <v>2.3064587608443414</v>
      </c>
    </row>
    <row r="45488" spans="1:7" x14ac:dyDescent="0.3">
      <c r="A45488" s="13" t="s">
        <v>262</v>
      </c>
      <c r="B45488" s="14" t="s">
        <v>1</v>
      </c>
      <c r="C45488" s="14" t="s">
        <v>70</v>
      </c>
      <c r="D45488" s="14" t="s">
        <v>176</v>
      </c>
      <c r="E45488" s="15">
        <v>45604</v>
      </c>
      <c r="F45488" s="14" t="s">
        <v>61</v>
      </c>
      <c r="G45488" s="16">
        <v>2.3429201469103251</v>
      </c>
    </row>
    <row r="45489" spans="1:7" x14ac:dyDescent="0.3">
      <c r="A45489" s="13" t="s">
        <v>262</v>
      </c>
      <c r="B45489" s="14" t="s">
        <v>1</v>
      </c>
      <c r="C45489" s="14" t="s">
        <v>70</v>
      </c>
      <c r="D45489" s="14" t="s">
        <v>176</v>
      </c>
      <c r="E45489" s="15">
        <v>45605</v>
      </c>
      <c r="F45489" s="14" t="s">
        <v>61</v>
      </c>
      <c r="G45489" s="16">
        <v>2.3429201469103251</v>
      </c>
    </row>
    <row r="45490" spans="1:7" x14ac:dyDescent="0.3">
      <c r="A45490" s="13" t="s">
        <v>262</v>
      </c>
      <c r="B45490" s="14" t="s">
        <v>1</v>
      </c>
      <c r="C45490" s="14" t="s">
        <v>70</v>
      </c>
      <c r="D45490" s="14" t="s">
        <v>176</v>
      </c>
      <c r="E45490" s="15">
        <v>45606</v>
      </c>
      <c r="F45490" s="14" t="s">
        <v>61</v>
      </c>
      <c r="G45490" s="16">
        <v>2.3429201469103251</v>
      </c>
    </row>
    <row r="45491" spans="1:7" x14ac:dyDescent="0.3">
      <c r="A45491" s="13" t="s">
        <v>262</v>
      </c>
      <c r="B45491" s="14" t="s">
        <v>1</v>
      </c>
      <c r="C45491" s="14" t="s">
        <v>70</v>
      </c>
      <c r="D45491" s="14" t="s">
        <v>176</v>
      </c>
      <c r="E45491" s="15">
        <v>45607</v>
      </c>
      <c r="F45491" s="14" t="s">
        <v>61</v>
      </c>
      <c r="G45491" s="16">
        <v>2.3673963636565483</v>
      </c>
    </row>
    <row r="45492" spans="1:7" x14ac:dyDescent="0.3">
      <c r="A45492" s="13" t="s">
        <v>262</v>
      </c>
      <c r="B45492" s="14" t="s">
        <v>1</v>
      </c>
      <c r="C45492" s="14" t="s">
        <v>70</v>
      </c>
      <c r="D45492" s="14" t="s">
        <v>176</v>
      </c>
      <c r="E45492" s="15">
        <v>45608</v>
      </c>
      <c r="F45492" s="14" t="s">
        <v>61</v>
      </c>
      <c r="G45492" s="16">
        <v>2.3908708631031272</v>
      </c>
    </row>
    <row r="45493" spans="1:7" x14ac:dyDescent="0.3">
      <c r="A45493" s="13" t="s">
        <v>262</v>
      </c>
      <c r="B45493" s="14" t="s">
        <v>1</v>
      </c>
      <c r="C45493" s="14" t="s">
        <v>70</v>
      </c>
      <c r="D45493" s="14" t="s">
        <v>176</v>
      </c>
      <c r="E45493" s="15">
        <v>45609</v>
      </c>
      <c r="F45493" s="14" t="s">
        <v>61</v>
      </c>
      <c r="G45493" s="16">
        <v>2.4086843162990781</v>
      </c>
    </row>
    <row r="45494" spans="1:7" x14ac:dyDescent="0.3">
      <c r="A45494" s="13" t="s">
        <v>262</v>
      </c>
      <c r="B45494" s="14" t="s">
        <v>1</v>
      </c>
      <c r="C45494" s="14" t="s">
        <v>70</v>
      </c>
      <c r="D45494" s="14" t="s">
        <v>176</v>
      </c>
      <c r="E45494" s="15">
        <v>45610</v>
      </c>
      <c r="F45494" s="14" t="s">
        <v>61</v>
      </c>
      <c r="G45494" s="16">
        <v>2.4219113500275027</v>
      </c>
    </row>
    <row r="45495" spans="1:7" x14ac:dyDescent="0.3">
      <c r="A45495" s="13" t="s">
        <v>262</v>
      </c>
      <c r="B45495" s="14" t="s">
        <v>1</v>
      </c>
      <c r="C45495" s="14" t="s">
        <v>70</v>
      </c>
      <c r="D45495" s="14" t="s">
        <v>176</v>
      </c>
      <c r="E45495" s="15">
        <v>45611</v>
      </c>
      <c r="F45495" s="14" t="s">
        <v>61</v>
      </c>
      <c r="G45495" s="16">
        <v>2.4563021695117251</v>
      </c>
    </row>
    <row r="45496" spans="1:7" x14ac:dyDescent="0.3">
      <c r="A45496" s="13" t="s">
        <v>262</v>
      </c>
      <c r="B45496" s="14" t="s">
        <v>1</v>
      </c>
      <c r="C45496" s="14" t="s">
        <v>70</v>
      </c>
      <c r="D45496" s="14" t="s">
        <v>176</v>
      </c>
      <c r="E45496" s="15">
        <v>45612</v>
      </c>
      <c r="F45496" s="14" t="s">
        <v>61</v>
      </c>
      <c r="G45496" s="16">
        <v>2.4563021695117251</v>
      </c>
    </row>
    <row r="45497" spans="1:7" x14ac:dyDescent="0.3">
      <c r="A45497" s="13" t="s">
        <v>262</v>
      </c>
      <c r="B45497" s="14" t="s">
        <v>1</v>
      </c>
      <c r="C45497" s="14" t="s">
        <v>70</v>
      </c>
      <c r="D45497" s="14" t="s">
        <v>176</v>
      </c>
      <c r="E45497" s="15">
        <v>45613</v>
      </c>
      <c r="F45497" s="14" t="s">
        <v>61</v>
      </c>
      <c r="G45497" s="16">
        <v>2.4563021695117251</v>
      </c>
    </row>
    <row r="45498" spans="1:7" x14ac:dyDescent="0.3">
      <c r="A45498" s="13" t="s">
        <v>262</v>
      </c>
      <c r="B45498" s="14" t="s">
        <v>1</v>
      </c>
      <c r="C45498" s="14" t="s">
        <v>70</v>
      </c>
      <c r="D45498" s="14" t="s">
        <v>176</v>
      </c>
      <c r="E45498" s="15">
        <v>45614</v>
      </c>
      <c r="F45498" s="14" t="s">
        <v>61</v>
      </c>
      <c r="G45498" s="16">
        <v>2.4533246460426335</v>
      </c>
    </row>
    <row r="45499" spans="1:7" x14ac:dyDescent="0.3">
      <c r="A45499" s="13" t="s">
        <v>262</v>
      </c>
      <c r="B45499" s="14" t="s">
        <v>1</v>
      </c>
      <c r="C45499" s="14" t="s">
        <v>70</v>
      </c>
      <c r="D45499" s="14" t="s">
        <v>176</v>
      </c>
      <c r="E45499" s="15">
        <v>45615</v>
      </c>
      <c r="F45499" s="14" t="s">
        <v>61</v>
      </c>
      <c r="G45499" s="16">
        <v>2.4896790080854005</v>
      </c>
    </row>
    <row r="45500" spans="1:7" x14ac:dyDescent="0.3">
      <c r="A45500" s="13" t="s">
        <v>262</v>
      </c>
      <c r="B45500" s="14" t="s">
        <v>1</v>
      </c>
      <c r="C45500" s="14" t="s">
        <v>70</v>
      </c>
      <c r="D45500" s="14" t="s">
        <v>176</v>
      </c>
      <c r="E45500" s="15">
        <v>45616</v>
      </c>
      <c r="F45500" s="14" t="s">
        <v>61</v>
      </c>
      <c r="G45500" s="16">
        <v>2.5070733591668435</v>
      </c>
    </row>
    <row r="45501" spans="1:7" x14ac:dyDescent="0.3">
      <c r="A45501" s="13" t="s">
        <v>262</v>
      </c>
      <c r="B45501" s="14" t="s">
        <v>1</v>
      </c>
      <c r="C45501" s="14" t="s">
        <v>70</v>
      </c>
      <c r="D45501" s="14" t="s">
        <v>176</v>
      </c>
      <c r="E45501" s="15">
        <v>45617</v>
      </c>
      <c r="F45501" s="14" t="s">
        <v>61</v>
      </c>
      <c r="G45501" s="16">
        <v>2.5317367865706863</v>
      </c>
    </row>
    <row r="45502" spans="1:7" x14ac:dyDescent="0.3">
      <c r="A45502" s="13" t="s">
        <v>262</v>
      </c>
      <c r="B45502" s="14" t="s">
        <v>1</v>
      </c>
      <c r="C45502" s="14" t="s">
        <v>70</v>
      </c>
      <c r="D45502" s="14" t="s">
        <v>176</v>
      </c>
      <c r="E45502" s="15">
        <v>45618</v>
      </c>
      <c r="F45502" s="14" t="s">
        <v>61</v>
      </c>
      <c r="G45502" s="16">
        <v>2.5529981409225297</v>
      </c>
    </row>
    <row r="45503" spans="1:7" x14ac:dyDescent="0.3">
      <c r="A45503" s="13" t="s">
        <v>262</v>
      </c>
      <c r="B45503" s="14" t="s">
        <v>1</v>
      </c>
      <c r="C45503" s="14" t="s">
        <v>70</v>
      </c>
      <c r="D45503" s="14" t="s">
        <v>176</v>
      </c>
      <c r="E45503" s="15">
        <v>45619</v>
      </c>
      <c r="F45503" s="14" t="s">
        <v>61</v>
      </c>
      <c r="G45503" s="16">
        <v>2.5529981409225297</v>
      </c>
    </row>
    <row r="45504" spans="1:7" x14ac:dyDescent="0.3">
      <c r="A45504" s="13" t="s">
        <v>262</v>
      </c>
      <c r="B45504" s="14" t="s">
        <v>1</v>
      </c>
      <c r="C45504" s="14" t="s">
        <v>70</v>
      </c>
      <c r="D45504" s="14" t="s">
        <v>176</v>
      </c>
      <c r="E45504" s="15">
        <v>45620</v>
      </c>
      <c r="F45504" s="14" t="s">
        <v>61</v>
      </c>
      <c r="G45504" s="16">
        <v>2.5529981409225297</v>
      </c>
    </row>
    <row r="45505" spans="1:7" x14ac:dyDescent="0.3">
      <c r="A45505" s="13" t="s">
        <v>262</v>
      </c>
      <c r="B45505" s="14" t="s">
        <v>1</v>
      </c>
      <c r="C45505" s="14" t="s">
        <v>70</v>
      </c>
      <c r="D45505" s="14" t="s">
        <v>176</v>
      </c>
      <c r="E45505" s="15">
        <v>45621</v>
      </c>
      <c r="F45505" s="14" t="s">
        <v>61</v>
      </c>
      <c r="G45505" s="16">
        <v>2.5405231600675897</v>
      </c>
    </row>
    <row r="45506" spans="1:7" x14ac:dyDescent="0.3">
      <c r="A45506" s="13" t="s">
        <v>262</v>
      </c>
      <c r="B45506" s="14" t="s">
        <v>1</v>
      </c>
      <c r="C45506" s="14" t="s">
        <v>70</v>
      </c>
      <c r="D45506" s="14" t="s">
        <v>176</v>
      </c>
      <c r="E45506" s="15">
        <v>45622</v>
      </c>
      <c r="F45506" s="14" t="s">
        <v>61</v>
      </c>
      <c r="G45506" s="16">
        <v>2.5663594050229039</v>
      </c>
    </row>
    <row r="45507" spans="1:7" x14ac:dyDescent="0.3">
      <c r="A45507" s="13" t="s">
        <v>262</v>
      </c>
      <c r="B45507" s="14" t="s">
        <v>1</v>
      </c>
      <c r="C45507" s="14" t="s">
        <v>70</v>
      </c>
      <c r="D45507" s="14" t="s">
        <v>176</v>
      </c>
      <c r="E45507" s="15">
        <v>45623</v>
      </c>
      <c r="F45507" s="14" t="s">
        <v>61</v>
      </c>
      <c r="G45507" s="16">
        <v>2.5581368074594457</v>
      </c>
    </row>
    <row r="45508" spans="1:7" x14ac:dyDescent="0.3">
      <c r="A45508" s="13" t="s">
        <v>262</v>
      </c>
      <c r="B45508" s="14" t="s">
        <v>1</v>
      </c>
      <c r="C45508" s="14" t="s">
        <v>70</v>
      </c>
      <c r="D45508" s="14" t="s">
        <v>176</v>
      </c>
      <c r="E45508" s="15">
        <v>45624</v>
      </c>
      <c r="F45508" s="14" t="s">
        <v>61</v>
      </c>
      <c r="G45508" s="16">
        <v>2.5701381479642871</v>
      </c>
    </row>
    <row r="45509" spans="1:7" x14ac:dyDescent="0.3">
      <c r="A45509" s="13" t="s">
        <v>262</v>
      </c>
      <c r="B45509" s="14" t="s">
        <v>1</v>
      </c>
      <c r="C45509" s="14" t="s">
        <v>70</v>
      </c>
      <c r="D45509" s="14" t="s">
        <v>176</v>
      </c>
      <c r="E45509" s="15">
        <v>45625</v>
      </c>
      <c r="F45509" s="14" t="s">
        <v>61</v>
      </c>
      <c r="G45509" s="16">
        <v>2.5705790846530046</v>
      </c>
    </row>
    <row r="45510" spans="1:7" x14ac:dyDescent="0.3">
      <c r="A45510" s="13" t="s">
        <v>262</v>
      </c>
      <c r="B45510" s="14" t="s">
        <v>1</v>
      </c>
      <c r="C45510" s="14" t="s">
        <v>70</v>
      </c>
      <c r="D45510" s="14" t="s">
        <v>176</v>
      </c>
      <c r="E45510" s="15">
        <v>45626</v>
      </c>
      <c r="F45510" s="14" t="s">
        <v>61</v>
      </c>
      <c r="G45510" s="16">
        <v>2.5705790846530046</v>
      </c>
    </row>
    <row r="45511" spans="1:7" x14ac:dyDescent="0.3">
      <c r="A45511" s="13" t="s">
        <v>262</v>
      </c>
      <c r="B45511" s="14" t="s">
        <v>1</v>
      </c>
      <c r="C45511" s="14" t="s">
        <v>70</v>
      </c>
      <c r="D45511" s="14" t="s">
        <v>176</v>
      </c>
      <c r="E45511" s="15">
        <v>45627</v>
      </c>
      <c r="F45511" s="14" t="s">
        <v>61</v>
      </c>
      <c r="G45511" s="16">
        <v>2.5705790846530046</v>
      </c>
    </row>
    <row r="45512" spans="1:7" x14ac:dyDescent="0.3">
      <c r="A45512" s="13" t="s">
        <v>262</v>
      </c>
      <c r="B45512" s="14" t="s">
        <v>1</v>
      </c>
      <c r="C45512" s="14" t="s">
        <v>70</v>
      </c>
      <c r="D45512" s="14" t="s">
        <v>176</v>
      </c>
      <c r="E45512" s="15">
        <v>45628</v>
      </c>
      <c r="F45512" s="14" t="s">
        <v>61</v>
      </c>
      <c r="G45512" s="16">
        <v>2.6030054373268832</v>
      </c>
    </row>
    <row r="45513" spans="1:7" x14ac:dyDescent="0.3">
      <c r="A45513" s="13" t="s">
        <v>262</v>
      </c>
      <c r="B45513" s="14" t="s">
        <v>1</v>
      </c>
      <c r="C45513" s="14" t="s">
        <v>70</v>
      </c>
      <c r="D45513" s="14" t="s">
        <v>176</v>
      </c>
      <c r="E45513" s="15">
        <v>45629</v>
      </c>
      <c r="F45513" s="14" t="s">
        <v>61</v>
      </c>
      <c r="G45513" s="16">
        <v>2.6219393684500099</v>
      </c>
    </row>
    <row r="45514" spans="1:7" x14ac:dyDescent="0.3">
      <c r="A45514" s="13" t="s">
        <v>262</v>
      </c>
      <c r="B45514" s="14" t="s">
        <v>1</v>
      </c>
      <c r="C45514" s="14" t="s">
        <v>70</v>
      </c>
      <c r="D45514" s="14" t="s">
        <v>176</v>
      </c>
      <c r="E45514" s="15">
        <v>45630</v>
      </c>
      <c r="F45514" s="14" t="s">
        <v>61</v>
      </c>
      <c r="G45514" s="16">
        <v>2.6293550438046447</v>
      </c>
    </row>
    <row r="45515" spans="1:7" x14ac:dyDescent="0.3">
      <c r="A45515" s="13" t="s">
        <v>262</v>
      </c>
      <c r="B45515" s="14" t="s">
        <v>1</v>
      </c>
      <c r="C45515" s="14" t="s">
        <v>70</v>
      </c>
      <c r="D45515" s="14" t="s">
        <v>176</v>
      </c>
      <c r="E45515" s="15">
        <v>45631</v>
      </c>
      <c r="F45515" s="14" t="s">
        <v>61</v>
      </c>
      <c r="G45515" s="16">
        <v>2.6168626902926913</v>
      </c>
    </row>
    <row r="45516" spans="1:7" x14ac:dyDescent="0.3">
      <c r="A45516" s="13" t="s">
        <v>262</v>
      </c>
      <c r="B45516" s="14" t="s">
        <v>1</v>
      </c>
      <c r="C45516" s="14" t="s">
        <v>70</v>
      </c>
      <c r="D45516" s="14" t="s">
        <v>176</v>
      </c>
      <c r="E45516" s="15">
        <v>45632</v>
      </c>
      <c r="F45516" s="14" t="s">
        <v>61</v>
      </c>
      <c r="G45516" s="16">
        <v>2.6303726371990432</v>
      </c>
    </row>
    <row r="45517" spans="1:7" x14ac:dyDescent="0.3">
      <c r="A45517" s="13" t="s">
        <v>262</v>
      </c>
      <c r="B45517" s="14" t="s">
        <v>1</v>
      </c>
      <c r="C45517" s="14" t="s">
        <v>70</v>
      </c>
      <c r="D45517" s="14" t="s">
        <v>176</v>
      </c>
      <c r="E45517" s="15">
        <v>45633</v>
      </c>
      <c r="F45517" s="14" t="s">
        <v>61</v>
      </c>
      <c r="G45517" s="16">
        <v>2.6303726371990432</v>
      </c>
    </row>
    <row r="45518" spans="1:7" x14ac:dyDescent="0.3">
      <c r="A45518" s="13" t="s">
        <v>262</v>
      </c>
      <c r="B45518" s="14" t="s">
        <v>1</v>
      </c>
      <c r="C45518" s="14" t="s">
        <v>70</v>
      </c>
      <c r="D45518" s="14" t="s">
        <v>176</v>
      </c>
      <c r="E45518" s="15">
        <v>45634</v>
      </c>
      <c r="F45518" s="14" t="s">
        <v>61</v>
      </c>
      <c r="G45518" s="16">
        <v>2.6303726371990432</v>
      </c>
    </row>
    <row r="45519" spans="1:7" x14ac:dyDescent="0.3">
      <c r="A45519" s="13" t="s">
        <v>262</v>
      </c>
      <c r="B45519" s="14" t="s">
        <v>1</v>
      </c>
      <c r="C45519" s="14" t="s">
        <v>70</v>
      </c>
      <c r="D45519" s="14" t="s">
        <v>176</v>
      </c>
      <c r="E45519" s="15">
        <v>45635</v>
      </c>
      <c r="F45519" s="14" t="s">
        <v>61</v>
      </c>
      <c r="G45519" s="16">
        <v>2.6395469805679808</v>
      </c>
    </row>
    <row r="45520" spans="1:7" x14ac:dyDescent="0.3">
      <c r="A45520" s="13" t="s">
        <v>262</v>
      </c>
      <c r="B45520" s="14" t="s">
        <v>1</v>
      </c>
      <c r="C45520" s="14" t="s">
        <v>70</v>
      </c>
      <c r="D45520" s="14" t="s">
        <v>176</v>
      </c>
      <c r="E45520" s="15">
        <v>45636</v>
      </c>
      <c r="F45520" s="14" t="s">
        <v>61</v>
      </c>
      <c r="G45520" s="16">
        <v>2.6668091493605663</v>
      </c>
    </row>
    <row r="45521" spans="1:7" x14ac:dyDescent="0.3">
      <c r="A45521" s="13" t="s">
        <v>262</v>
      </c>
      <c r="B45521" s="14" t="s">
        <v>1</v>
      </c>
      <c r="C45521" s="14" t="s">
        <v>70</v>
      </c>
      <c r="D45521" s="14" t="s">
        <v>176</v>
      </c>
      <c r="E45521" s="15">
        <v>45637</v>
      </c>
      <c r="F45521" s="14" t="s">
        <v>61</v>
      </c>
      <c r="G45521" s="16">
        <v>2.6815348076911421</v>
      </c>
    </row>
    <row r="45522" spans="1:7" x14ac:dyDescent="0.3">
      <c r="A45522" s="13" t="s">
        <v>262</v>
      </c>
      <c r="B45522" s="14" t="s">
        <v>1</v>
      </c>
      <c r="C45522" s="14" t="s">
        <v>70</v>
      </c>
      <c r="D45522" s="14" t="s">
        <v>176</v>
      </c>
      <c r="E45522" s="15">
        <v>45638</v>
      </c>
      <c r="F45522" s="14" t="s">
        <v>61</v>
      </c>
      <c r="G45522" s="16">
        <v>2.6952627390153259</v>
      </c>
    </row>
    <row r="45523" spans="1:7" x14ac:dyDescent="0.3">
      <c r="A45523" s="13" t="s">
        <v>262</v>
      </c>
      <c r="B45523" s="14" t="s">
        <v>1</v>
      </c>
      <c r="C45523" s="14" t="s">
        <v>70</v>
      </c>
      <c r="D45523" s="14" t="s">
        <v>176</v>
      </c>
      <c r="E45523" s="15">
        <v>45639</v>
      </c>
      <c r="F45523" s="14" t="s">
        <v>61</v>
      </c>
      <c r="G45523" s="16">
        <v>2.6934661229982249</v>
      </c>
    </row>
    <row r="45524" spans="1:7" x14ac:dyDescent="0.3">
      <c r="A45524" s="13" t="s">
        <v>262</v>
      </c>
      <c r="B45524" s="14" t="s">
        <v>1</v>
      </c>
      <c r="C45524" s="14" t="s">
        <v>70</v>
      </c>
      <c r="D45524" s="14" t="s">
        <v>176</v>
      </c>
      <c r="E45524" s="15">
        <v>45640</v>
      </c>
      <c r="F45524" s="14" t="s">
        <v>61</v>
      </c>
      <c r="G45524" s="16">
        <v>2.6934661229982249</v>
      </c>
    </row>
    <row r="45525" spans="1:7" x14ac:dyDescent="0.3">
      <c r="A45525" s="13" t="s">
        <v>262</v>
      </c>
      <c r="B45525" s="14" t="s">
        <v>1</v>
      </c>
      <c r="C45525" s="14" t="s">
        <v>70</v>
      </c>
      <c r="D45525" s="14" t="s">
        <v>176</v>
      </c>
      <c r="E45525" s="15">
        <v>45641</v>
      </c>
      <c r="F45525" s="14" t="s">
        <v>61</v>
      </c>
      <c r="G45525" s="16">
        <v>2.6934661229982249</v>
      </c>
    </row>
    <row r="45526" spans="1:7" x14ac:dyDescent="0.3">
      <c r="A45526" s="13" t="s">
        <v>262</v>
      </c>
      <c r="B45526" s="14" t="s">
        <v>1</v>
      </c>
      <c r="C45526" s="14" t="s">
        <v>70</v>
      </c>
      <c r="D45526" s="14" t="s">
        <v>176</v>
      </c>
      <c r="E45526" s="15">
        <v>45642</v>
      </c>
      <c r="F45526" s="14" t="s">
        <v>61</v>
      </c>
      <c r="G45526" s="16">
        <v>2.6994891535719456</v>
      </c>
    </row>
    <row r="45527" spans="1:7" x14ac:dyDescent="0.3">
      <c r="A45527" s="13" t="s">
        <v>262</v>
      </c>
      <c r="B45527" s="14" t="s">
        <v>1</v>
      </c>
      <c r="C45527" s="14" t="s">
        <v>70</v>
      </c>
      <c r="D45527" s="14" t="s">
        <v>176</v>
      </c>
      <c r="E45527" s="15">
        <v>45643</v>
      </c>
      <c r="F45527" s="14" t="s">
        <v>61</v>
      </c>
      <c r="G45527" s="16">
        <v>2.724974998972594</v>
      </c>
    </row>
    <row r="45528" spans="1:7" x14ac:dyDescent="0.3">
      <c r="A45528" s="13" t="s">
        <v>262</v>
      </c>
      <c r="B45528" s="14" t="s">
        <v>1</v>
      </c>
      <c r="C45528" s="14" t="s">
        <v>70</v>
      </c>
      <c r="D45528" s="14" t="s">
        <v>176</v>
      </c>
      <c r="E45528" s="15">
        <v>45644</v>
      </c>
      <c r="F45528" s="14" t="s">
        <v>61</v>
      </c>
      <c r="G45528" s="16">
        <v>2.767224863491379</v>
      </c>
    </row>
    <row r="45529" spans="1:7" x14ac:dyDescent="0.3">
      <c r="A45529" s="13" t="s">
        <v>262</v>
      </c>
      <c r="B45529" s="14" t="s">
        <v>1</v>
      </c>
      <c r="C45529" s="14" t="s">
        <v>70</v>
      </c>
      <c r="D45529" s="14" t="s">
        <v>176</v>
      </c>
      <c r="E45529" s="15">
        <v>45645</v>
      </c>
      <c r="F45529" s="14" t="s">
        <v>61</v>
      </c>
      <c r="G45529" s="16">
        <v>2.7699076547097978</v>
      </c>
    </row>
    <row r="45530" spans="1:7" x14ac:dyDescent="0.3">
      <c r="A45530" s="13" t="s">
        <v>262</v>
      </c>
      <c r="B45530" s="14" t="s">
        <v>1</v>
      </c>
      <c r="C45530" s="14" t="s">
        <v>70</v>
      </c>
      <c r="D45530" s="14" t="s">
        <v>176</v>
      </c>
      <c r="E45530" s="15">
        <v>45646</v>
      </c>
      <c r="F45530" s="14" t="s">
        <v>61</v>
      </c>
      <c r="G45530" s="16">
        <v>2.7605191761746419</v>
      </c>
    </row>
    <row r="45531" spans="1:7" x14ac:dyDescent="0.3">
      <c r="A45531" s="13" t="s">
        <v>262</v>
      </c>
      <c r="B45531" s="14" t="s">
        <v>1</v>
      </c>
      <c r="C45531" s="14" t="s">
        <v>70</v>
      </c>
      <c r="D45531" s="14" t="s">
        <v>176</v>
      </c>
      <c r="E45531" s="15">
        <v>45647</v>
      </c>
      <c r="F45531" s="14" t="s">
        <v>61</v>
      </c>
      <c r="G45531" s="16">
        <v>2.7605191761746419</v>
      </c>
    </row>
    <row r="45532" spans="1:7" x14ac:dyDescent="0.3">
      <c r="A45532" s="13" t="s">
        <v>262</v>
      </c>
      <c r="B45532" s="14" t="s">
        <v>1</v>
      </c>
      <c r="C45532" s="14" t="s">
        <v>70</v>
      </c>
      <c r="D45532" s="14" t="s">
        <v>176</v>
      </c>
      <c r="E45532" s="15">
        <v>45648</v>
      </c>
      <c r="F45532" s="14" t="s">
        <v>61</v>
      </c>
      <c r="G45532" s="16">
        <v>2.7605191761746419</v>
      </c>
    </row>
    <row r="45533" spans="1:7" x14ac:dyDescent="0.3">
      <c r="A45533" s="13" t="s">
        <v>262</v>
      </c>
      <c r="B45533" s="14" t="s">
        <v>1</v>
      </c>
      <c r="C45533" s="14" t="s">
        <v>70</v>
      </c>
      <c r="D45533" s="14" t="s">
        <v>176</v>
      </c>
      <c r="E45533" s="15">
        <v>45649</v>
      </c>
      <c r="F45533" s="14" t="s">
        <v>61</v>
      </c>
      <c r="G45533" s="16">
        <v>2.7725053633364407</v>
      </c>
    </row>
    <row r="45534" spans="1:7" x14ac:dyDescent="0.3">
      <c r="A45534" s="13" t="s">
        <v>262</v>
      </c>
      <c r="B45534" s="14" t="s">
        <v>1</v>
      </c>
      <c r="C45534" s="14" t="s">
        <v>70</v>
      </c>
      <c r="D45534" s="14" t="s">
        <v>176</v>
      </c>
      <c r="E45534" s="15">
        <v>45650</v>
      </c>
      <c r="F45534" s="14" t="s">
        <v>61</v>
      </c>
      <c r="G45534" s="16">
        <v>2.7916001893700821</v>
      </c>
    </row>
    <row r="45535" spans="1:7" x14ac:dyDescent="0.3">
      <c r="A45535" s="13" t="s">
        <v>262</v>
      </c>
      <c r="B45535" s="14" t="s">
        <v>1</v>
      </c>
      <c r="C45535" s="14" t="s">
        <v>70</v>
      </c>
      <c r="D45535" s="14" t="s">
        <v>176</v>
      </c>
      <c r="E45535" s="15">
        <v>45651</v>
      </c>
      <c r="F45535" s="14" t="s">
        <v>61</v>
      </c>
      <c r="G45535" s="16">
        <v>2.7916001893700821</v>
      </c>
    </row>
    <row r="45536" spans="1:7" x14ac:dyDescent="0.3">
      <c r="A45536" s="13" t="s">
        <v>262</v>
      </c>
      <c r="B45536" s="14" t="s">
        <v>1</v>
      </c>
      <c r="C45536" s="14" t="s">
        <v>70</v>
      </c>
      <c r="D45536" s="14" t="s">
        <v>176</v>
      </c>
      <c r="E45536" s="15">
        <v>45652</v>
      </c>
      <c r="F45536" s="14" t="s">
        <v>61</v>
      </c>
      <c r="G45536" s="16">
        <v>2.7916001893700821</v>
      </c>
    </row>
    <row r="45537" spans="1:7" x14ac:dyDescent="0.3">
      <c r="A45537" s="13" t="s">
        <v>262</v>
      </c>
      <c r="B45537" s="14" t="s">
        <v>1</v>
      </c>
      <c r="C45537" s="14" t="s">
        <v>70</v>
      </c>
      <c r="D45537" s="14" t="s">
        <v>176</v>
      </c>
      <c r="E45537" s="15">
        <v>45653</v>
      </c>
      <c r="F45537" s="14" t="s">
        <v>61</v>
      </c>
      <c r="G45537" s="16">
        <v>2.7916001893700821</v>
      </c>
    </row>
    <row r="45538" spans="1:7" x14ac:dyDescent="0.3">
      <c r="A45538" s="13" t="s">
        <v>262</v>
      </c>
      <c r="B45538" s="14" t="s">
        <v>1</v>
      </c>
      <c r="C45538" s="14" t="s">
        <v>70</v>
      </c>
      <c r="D45538" s="14" t="s">
        <v>176</v>
      </c>
      <c r="E45538" s="15">
        <v>45654</v>
      </c>
      <c r="F45538" s="14" t="s">
        <v>61</v>
      </c>
      <c r="G45538" s="16">
        <v>2.7916001893700821</v>
      </c>
    </row>
    <row r="45539" spans="1:7" x14ac:dyDescent="0.3">
      <c r="A45539" s="13" t="s">
        <v>262</v>
      </c>
      <c r="B45539" s="14" t="s">
        <v>1</v>
      </c>
      <c r="C45539" s="14" t="s">
        <v>70</v>
      </c>
      <c r="D45539" s="14" t="s">
        <v>176</v>
      </c>
      <c r="E45539" s="15">
        <v>45655</v>
      </c>
      <c r="F45539" s="14" t="s">
        <v>61</v>
      </c>
      <c r="G45539" s="16">
        <v>2.7916001893700821</v>
      </c>
    </row>
    <row r="45540" spans="1:7" x14ac:dyDescent="0.3">
      <c r="A45540" s="13" t="s">
        <v>262</v>
      </c>
      <c r="B45540" s="14" t="s">
        <v>1</v>
      </c>
      <c r="C45540" s="14" t="s">
        <v>70</v>
      </c>
      <c r="D45540" s="14" t="s">
        <v>176</v>
      </c>
      <c r="E45540" s="15">
        <v>45656</v>
      </c>
      <c r="F45540" s="14" t="s">
        <v>61</v>
      </c>
      <c r="G45540" s="16">
        <v>2.7947801587817724</v>
      </c>
    </row>
    <row r="45541" spans="1:7" x14ac:dyDescent="0.3">
      <c r="A45541" s="13" t="s">
        <v>262</v>
      </c>
      <c r="B45541" s="14" t="s">
        <v>1</v>
      </c>
      <c r="C45541" s="14" t="s">
        <v>70</v>
      </c>
      <c r="D45541" s="14" t="s">
        <v>176</v>
      </c>
      <c r="E45541" s="15">
        <v>45657</v>
      </c>
      <c r="F45541" s="14" t="s">
        <v>61</v>
      </c>
      <c r="G45541" s="16">
        <v>2.8418665677306651</v>
      </c>
    </row>
    <row r="45542" spans="1:7" x14ac:dyDescent="0.3">
      <c r="A45542" s="13" t="s">
        <v>262</v>
      </c>
      <c r="B45542" s="14" t="s">
        <v>1</v>
      </c>
      <c r="C45542" s="14" t="s">
        <v>70</v>
      </c>
      <c r="D45542" s="14" t="s">
        <v>176</v>
      </c>
      <c r="E45542" s="15">
        <v>45658</v>
      </c>
      <c r="F45542" s="14" t="s">
        <v>61</v>
      </c>
      <c r="G45542" s="16">
        <v>2.8418665677306651</v>
      </c>
    </row>
    <row r="45543" spans="1:7" x14ac:dyDescent="0.3">
      <c r="A45543" s="13" t="s">
        <v>262</v>
      </c>
      <c r="B45543" s="14" t="s">
        <v>1</v>
      </c>
      <c r="C45543" s="14" t="s">
        <v>70</v>
      </c>
      <c r="D45543" s="14" t="s">
        <v>176</v>
      </c>
      <c r="E45543" s="15">
        <v>45659</v>
      </c>
      <c r="F45543" s="14" t="s">
        <v>61</v>
      </c>
      <c r="G45543" s="16">
        <v>2.8418665677306651</v>
      </c>
    </row>
    <row r="45544" spans="1:7" x14ac:dyDescent="0.3">
      <c r="A45544" s="13" t="s">
        <v>262</v>
      </c>
      <c r="B45544" s="14" t="s">
        <v>1</v>
      </c>
      <c r="C45544" s="14" t="s">
        <v>70</v>
      </c>
      <c r="D45544" s="14" t="s">
        <v>176</v>
      </c>
      <c r="E45544" s="15">
        <v>45660</v>
      </c>
      <c r="F45544" s="14" t="s">
        <v>61</v>
      </c>
      <c r="G45544" s="16">
        <v>2.8663557392552175</v>
      </c>
    </row>
    <row r="45545" spans="1:7" x14ac:dyDescent="0.3">
      <c r="A45545" s="13" t="s">
        <v>262</v>
      </c>
      <c r="B45545" s="14" t="s">
        <v>1</v>
      </c>
      <c r="C45545" s="14" t="s">
        <v>70</v>
      </c>
      <c r="D45545" s="14" t="s">
        <v>176</v>
      </c>
      <c r="E45545" s="15">
        <v>45661</v>
      </c>
      <c r="F45545" s="14" t="s">
        <v>61</v>
      </c>
      <c r="G45545" s="16">
        <v>2.8663557392552175</v>
      </c>
    </row>
    <row r="45546" spans="1:7" x14ac:dyDescent="0.3">
      <c r="A45546" s="13" t="s">
        <v>262</v>
      </c>
      <c r="B45546" s="14" t="s">
        <v>1</v>
      </c>
      <c r="C45546" s="14" t="s">
        <v>70</v>
      </c>
      <c r="D45546" s="14" t="s">
        <v>176</v>
      </c>
      <c r="E45546" s="15">
        <v>45662</v>
      </c>
      <c r="F45546" s="14" t="s">
        <v>61</v>
      </c>
      <c r="G45546" s="16">
        <v>2.8663557392552175</v>
      </c>
    </row>
    <row r="45547" spans="1:7" x14ac:dyDescent="0.3">
      <c r="A45547" s="13" t="s">
        <v>262</v>
      </c>
      <c r="B45547" s="14" t="s">
        <v>1</v>
      </c>
      <c r="C45547" s="14" t="s">
        <v>70</v>
      </c>
      <c r="D45547" s="14" t="s">
        <v>176</v>
      </c>
      <c r="E45547" s="15">
        <v>45663</v>
      </c>
      <c r="F45547" s="14" t="s">
        <v>61</v>
      </c>
      <c r="G45547" s="16">
        <v>2.8747476258414002</v>
      </c>
    </row>
    <row r="45548" spans="1:7" x14ac:dyDescent="0.3">
      <c r="A45548" s="13" t="s">
        <v>262</v>
      </c>
      <c r="B45548" s="14" t="s">
        <v>1</v>
      </c>
      <c r="C45548" s="14" t="s">
        <v>70</v>
      </c>
      <c r="D45548" s="14" t="s">
        <v>176</v>
      </c>
      <c r="E45548" s="15">
        <v>45664</v>
      </c>
      <c r="F45548" s="14" t="s">
        <v>61</v>
      </c>
      <c r="G45548" s="16">
        <v>2.9116092359696588</v>
      </c>
    </row>
    <row r="45549" spans="1:7" x14ac:dyDescent="0.3">
      <c r="A45549" s="13" t="s">
        <v>262</v>
      </c>
      <c r="B45549" s="14" t="s">
        <v>1</v>
      </c>
      <c r="C45549" s="14" t="s">
        <v>70</v>
      </c>
      <c r="D45549" s="14" t="s">
        <v>176</v>
      </c>
      <c r="E45549" s="15">
        <v>45665</v>
      </c>
      <c r="F45549" s="14" t="s">
        <v>61</v>
      </c>
      <c r="G45549" s="16">
        <v>2.9231458184636607</v>
      </c>
    </row>
    <row r="45550" spans="1:7" x14ac:dyDescent="0.3">
      <c r="A45550" s="13" t="s">
        <v>262</v>
      </c>
      <c r="B45550" s="14" t="s">
        <v>1</v>
      </c>
      <c r="C45550" s="14" t="s">
        <v>70</v>
      </c>
      <c r="D45550" s="14" t="s">
        <v>176</v>
      </c>
      <c r="E45550" s="15">
        <v>45666</v>
      </c>
      <c r="F45550" s="14" t="s">
        <v>61</v>
      </c>
      <c r="G45550" s="16">
        <v>2.9425794531373342</v>
      </c>
    </row>
    <row r="45551" spans="1:7" x14ac:dyDescent="0.3">
      <c r="A45551" s="13" t="s">
        <v>262</v>
      </c>
      <c r="B45551" s="14" t="s">
        <v>1</v>
      </c>
      <c r="C45551" s="14" t="s">
        <v>70</v>
      </c>
      <c r="D45551" s="14" t="s">
        <v>176</v>
      </c>
      <c r="E45551" s="15">
        <v>45667</v>
      </c>
      <c r="F45551" s="14" t="s">
        <v>61</v>
      </c>
      <c r="G45551" s="16">
        <v>2.9635580419953085</v>
      </c>
    </row>
    <row r="45552" spans="1:7" x14ac:dyDescent="0.3">
      <c r="A45552" s="13" t="s">
        <v>262</v>
      </c>
      <c r="B45552" s="14" t="s">
        <v>1</v>
      </c>
      <c r="C45552" s="14" t="s">
        <v>70</v>
      </c>
      <c r="D45552" s="14" t="s">
        <v>176</v>
      </c>
      <c r="E45552" s="15">
        <v>45668</v>
      </c>
      <c r="F45552" s="14" t="s">
        <v>61</v>
      </c>
      <c r="G45552" s="16">
        <v>2.9635580419953085</v>
      </c>
    </row>
    <row r="45553" spans="1:7" x14ac:dyDescent="0.3">
      <c r="A45553" s="13" t="s">
        <v>262</v>
      </c>
      <c r="B45553" s="14" t="s">
        <v>1</v>
      </c>
      <c r="C45553" s="14" t="s">
        <v>70</v>
      </c>
      <c r="D45553" s="14" t="s">
        <v>176</v>
      </c>
      <c r="E45553" s="15">
        <v>45669</v>
      </c>
      <c r="F45553" s="14" t="s">
        <v>61</v>
      </c>
      <c r="G45553" s="16">
        <v>2.9635580419953085</v>
      </c>
    </row>
    <row r="45554" spans="1:7" x14ac:dyDescent="0.3">
      <c r="A45554" s="13" t="s">
        <v>262</v>
      </c>
      <c r="B45554" s="14" t="s">
        <v>1</v>
      </c>
      <c r="C45554" s="14" t="s">
        <v>70</v>
      </c>
      <c r="D45554" s="14" t="s">
        <v>176</v>
      </c>
      <c r="E45554" s="15">
        <v>45670</v>
      </c>
      <c r="F45554" s="14" t="s">
        <v>61</v>
      </c>
      <c r="G45554" s="16">
        <v>2.9833985034968795</v>
      </c>
    </row>
    <row r="45555" spans="1:7" x14ac:dyDescent="0.3">
      <c r="A45555" s="13" t="s">
        <v>262</v>
      </c>
      <c r="B45555" s="14" t="s">
        <v>1</v>
      </c>
      <c r="C45555" s="14" t="s">
        <v>70</v>
      </c>
      <c r="D45555" s="14" t="s">
        <v>176</v>
      </c>
      <c r="E45555" s="15">
        <v>45671</v>
      </c>
      <c r="F45555" s="14" t="s">
        <v>61</v>
      </c>
      <c r="G45555" s="16">
        <v>2.9809551776615137</v>
      </c>
    </row>
    <row r="45556" spans="1:7" x14ac:dyDescent="0.3">
      <c r="A45556" s="13" t="s">
        <v>262</v>
      </c>
      <c r="B45556" s="14" t="s">
        <v>1</v>
      </c>
      <c r="C45556" s="14" t="s">
        <v>70</v>
      </c>
      <c r="D45556" s="14" t="s">
        <v>176</v>
      </c>
      <c r="E45556" s="15">
        <v>45672</v>
      </c>
      <c r="F45556" s="14" t="s">
        <v>61</v>
      </c>
      <c r="G45556" s="16">
        <v>2.9923051963680414</v>
      </c>
    </row>
    <row r="45557" spans="1:7" x14ac:dyDescent="0.3">
      <c r="A45557" s="13" t="s">
        <v>262</v>
      </c>
      <c r="B45557" s="14" t="s">
        <v>1</v>
      </c>
      <c r="C45557" s="14" t="s">
        <v>70</v>
      </c>
      <c r="D45557" s="14" t="s">
        <v>176</v>
      </c>
      <c r="E45557" s="15">
        <v>45673</v>
      </c>
      <c r="F45557" s="14" t="s">
        <v>61</v>
      </c>
      <c r="G45557" s="16">
        <v>2.998760189228443</v>
      </c>
    </row>
    <row r="45558" spans="1:7" x14ac:dyDescent="0.3">
      <c r="A45558" s="13" t="s">
        <v>262</v>
      </c>
      <c r="B45558" s="14" t="s">
        <v>1</v>
      </c>
      <c r="C45558" s="14" t="s">
        <v>70</v>
      </c>
      <c r="D45558" s="14" t="s">
        <v>176</v>
      </c>
      <c r="E45558" s="15">
        <v>45674</v>
      </c>
      <c r="F45558" s="14" t="s">
        <v>61</v>
      </c>
      <c r="G45558" s="16">
        <v>3.0119860530322029</v>
      </c>
    </row>
    <row r="45559" spans="1:7" x14ac:dyDescent="0.3">
      <c r="A45559" s="13" t="s">
        <v>262</v>
      </c>
      <c r="B45559" s="14" t="s">
        <v>1</v>
      </c>
      <c r="C45559" s="14" t="s">
        <v>70</v>
      </c>
      <c r="D45559" s="14" t="s">
        <v>176</v>
      </c>
      <c r="E45559" s="15">
        <v>45675</v>
      </c>
      <c r="F45559" s="14" t="s">
        <v>61</v>
      </c>
      <c r="G45559" s="16">
        <v>3.0119860530322029</v>
      </c>
    </row>
    <row r="45560" spans="1:7" x14ac:dyDescent="0.3">
      <c r="A45560" s="13" t="s">
        <v>262</v>
      </c>
      <c r="B45560" s="14" t="s">
        <v>1</v>
      </c>
      <c r="C45560" s="14" t="s">
        <v>70</v>
      </c>
      <c r="D45560" s="14" t="s">
        <v>176</v>
      </c>
      <c r="E45560" s="15">
        <v>45676</v>
      </c>
      <c r="F45560" s="14" t="s">
        <v>61</v>
      </c>
      <c r="G45560" s="16">
        <v>3.0119860530322029</v>
      </c>
    </row>
    <row r="45561" spans="1:7" x14ac:dyDescent="0.3">
      <c r="A45561" s="13" t="s">
        <v>262</v>
      </c>
      <c r="B45561" s="14" t="s">
        <v>1</v>
      </c>
      <c r="C45561" s="14" t="s">
        <v>70</v>
      </c>
      <c r="D45561" s="14" t="s">
        <v>176</v>
      </c>
      <c r="E45561" s="15">
        <v>45677</v>
      </c>
      <c r="F45561" s="14" t="s">
        <v>61</v>
      </c>
      <c r="G45561" s="16">
        <v>2.9800745874164556</v>
      </c>
    </row>
    <row r="45562" spans="1:7" x14ac:dyDescent="0.3">
      <c r="A45562" s="13" t="s">
        <v>262</v>
      </c>
      <c r="B45562" s="14" t="s">
        <v>1</v>
      </c>
      <c r="C45562" s="14" t="s">
        <v>70</v>
      </c>
      <c r="D45562" s="14" t="s">
        <v>176</v>
      </c>
      <c r="E45562" s="15">
        <v>45678</v>
      </c>
      <c r="F45562" s="14" t="s">
        <v>61</v>
      </c>
      <c r="G45562" s="16">
        <v>3.0092156997089532</v>
      </c>
    </row>
    <row r="45563" spans="1:7" x14ac:dyDescent="0.3">
      <c r="A45563" s="13" t="s">
        <v>262</v>
      </c>
      <c r="B45563" s="14" t="s">
        <v>1</v>
      </c>
      <c r="C45563" s="14" t="s">
        <v>70</v>
      </c>
      <c r="D45563" s="14" t="s">
        <v>176</v>
      </c>
      <c r="E45563" s="15">
        <v>45679</v>
      </c>
      <c r="F45563" s="14" t="s">
        <v>61</v>
      </c>
      <c r="G45563" s="16">
        <v>3.0203123063615491</v>
      </c>
    </row>
    <row r="45564" spans="1:7" x14ac:dyDescent="0.3">
      <c r="A45564" s="13" t="s">
        <v>262</v>
      </c>
      <c r="B45564" s="14" t="s">
        <v>1</v>
      </c>
      <c r="C45564" s="14" t="s">
        <v>70</v>
      </c>
      <c r="D45564" s="14" t="s">
        <v>176</v>
      </c>
      <c r="E45564" s="15">
        <v>45680</v>
      </c>
      <c r="F45564" s="14" t="s">
        <v>61</v>
      </c>
      <c r="G45564" s="16">
        <v>3.0238031135252585</v>
      </c>
    </row>
    <row r="45565" spans="1:7" x14ac:dyDescent="0.3">
      <c r="A45565" s="13" t="s">
        <v>262</v>
      </c>
      <c r="B45565" s="14" t="s">
        <v>1</v>
      </c>
      <c r="C45565" s="14" t="s">
        <v>70</v>
      </c>
      <c r="D45565" s="14" t="s">
        <v>176</v>
      </c>
      <c r="E45565" s="15">
        <v>45681</v>
      </c>
      <c r="F45565" s="14" t="s">
        <v>61</v>
      </c>
      <c r="G45565" s="16">
        <v>3.0062562108498025</v>
      </c>
    </row>
    <row r="45566" spans="1:7" x14ac:dyDescent="0.3">
      <c r="A45566" s="13" t="s">
        <v>262</v>
      </c>
      <c r="B45566" s="14" t="s">
        <v>1</v>
      </c>
      <c r="C45566" s="14" t="s">
        <v>70</v>
      </c>
      <c r="D45566" s="14" t="s">
        <v>176</v>
      </c>
      <c r="E45566" s="15">
        <v>45682</v>
      </c>
      <c r="F45566" s="14" t="s">
        <v>61</v>
      </c>
      <c r="G45566" s="16">
        <v>3.0062562108498025</v>
      </c>
    </row>
    <row r="45567" spans="1:7" x14ac:dyDescent="0.3">
      <c r="A45567" s="13" t="s">
        <v>262</v>
      </c>
      <c r="B45567" s="14" t="s">
        <v>1</v>
      </c>
      <c r="C45567" s="14" t="s">
        <v>70</v>
      </c>
      <c r="D45567" s="14" t="s">
        <v>176</v>
      </c>
      <c r="E45567" s="15">
        <v>45683</v>
      </c>
      <c r="F45567" s="14" t="s">
        <v>61</v>
      </c>
      <c r="G45567" s="16">
        <v>3.0062562108498025</v>
      </c>
    </row>
    <row r="45568" spans="1:7" x14ac:dyDescent="0.3">
      <c r="A45568" s="13" t="s">
        <v>262</v>
      </c>
      <c r="B45568" s="14" t="s">
        <v>1</v>
      </c>
      <c r="C45568" s="14" t="s">
        <v>70</v>
      </c>
      <c r="D45568" s="14" t="s">
        <v>176</v>
      </c>
      <c r="E45568" s="15">
        <v>45684</v>
      </c>
      <c r="F45568" s="14" t="s">
        <v>61</v>
      </c>
      <c r="G45568" s="16">
        <v>3.0184920399258242</v>
      </c>
    </row>
    <row r="45569" spans="1:7" x14ac:dyDescent="0.3">
      <c r="A45569" s="13" t="s">
        <v>262</v>
      </c>
      <c r="B45569" s="14" t="s">
        <v>1</v>
      </c>
      <c r="C45569" s="14" t="s">
        <v>70</v>
      </c>
      <c r="D45569" s="14" t="s">
        <v>176</v>
      </c>
      <c r="E45569" s="15">
        <v>45685</v>
      </c>
      <c r="F45569" s="14" t="s">
        <v>61</v>
      </c>
      <c r="G45569" s="16">
        <v>3.0498006851922113</v>
      </c>
    </row>
    <row r="45570" spans="1:7" x14ac:dyDescent="0.3">
      <c r="A45570" s="13" t="s">
        <v>262</v>
      </c>
      <c r="B45570" s="14" t="s">
        <v>1</v>
      </c>
      <c r="C45570" s="14" t="s">
        <v>70</v>
      </c>
      <c r="D45570" s="14" t="s">
        <v>176</v>
      </c>
      <c r="E45570" s="15">
        <v>45686</v>
      </c>
      <c r="F45570" s="14" t="s">
        <v>61</v>
      </c>
      <c r="G45570" s="16">
        <v>3.0586317450434395</v>
      </c>
    </row>
    <row r="45571" spans="1:7" x14ac:dyDescent="0.3">
      <c r="A45571" s="13" t="s">
        <v>262</v>
      </c>
      <c r="B45571" s="14" t="s">
        <v>1</v>
      </c>
      <c r="C45571" s="14" t="s">
        <v>70</v>
      </c>
      <c r="D45571" s="14" t="s">
        <v>176</v>
      </c>
      <c r="E45571" s="15">
        <v>45687</v>
      </c>
      <c r="F45571" s="14" t="s">
        <v>61</v>
      </c>
      <c r="G45571" s="16">
        <v>3.0741043292693604</v>
      </c>
    </row>
    <row r="45572" spans="1:7" x14ac:dyDescent="0.3">
      <c r="A45572" s="13" t="s">
        <v>262</v>
      </c>
      <c r="B45572" s="14" t="s">
        <v>1</v>
      </c>
      <c r="C45572" s="14" t="s">
        <v>70</v>
      </c>
      <c r="D45572" s="14" t="s">
        <v>176</v>
      </c>
      <c r="E45572" s="15">
        <v>45688</v>
      </c>
      <c r="F45572" s="14" t="s">
        <v>61</v>
      </c>
      <c r="G45572" s="16">
        <v>3.0874228132773527</v>
      </c>
    </row>
    <row r="45573" spans="1:7" x14ac:dyDescent="0.3">
      <c r="A45573" s="13" t="s">
        <v>262</v>
      </c>
      <c r="B45573" s="14" t="s">
        <v>1</v>
      </c>
      <c r="C45573" s="14" t="s">
        <v>70</v>
      </c>
      <c r="D45573" s="14" t="s">
        <v>176</v>
      </c>
      <c r="E45573" s="15">
        <v>45689</v>
      </c>
      <c r="F45573" s="14" t="s">
        <v>61</v>
      </c>
      <c r="G45573" s="16">
        <v>3.0874228132773527</v>
      </c>
    </row>
    <row r="45574" spans="1:7" x14ac:dyDescent="0.3">
      <c r="A45574" s="13" t="s">
        <v>262</v>
      </c>
      <c r="B45574" s="14" t="s">
        <v>1</v>
      </c>
      <c r="C45574" s="14" t="s">
        <v>70</v>
      </c>
      <c r="D45574" s="14" t="s">
        <v>176</v>
      </c>
      <c r="E45574" s="15">
        <v>45690</v>
      </c>
      <c r="F45574" s="14" t="s">
        <v>61</v>
      </c>
      <c r="G45574" s="16">
        <v>3.0874228132773527</v>
      </c>
    </row>
    <row r="45575" spans="1:7" x14ac:dyDescent="0.3">
      <c r="A45575" s="13" t="s">
        <v>262</v>
      </c>
      <c r="B45575" s="14" t="s">
        <v>1</v>
      </c>
      <c r="C45575" s="14" t="s">
        <v>70</v>
      </c>
      <c r="D45575" s="14" t="s">
        <v>176</v>
      </c>
      <c r="E45575" s="15">
        <v>45691</v>
      </c>
      <c r="F45575" s="14" t="s">
        <v>61</v>
      </c>
      <c r="G45575" s="16">
        <v>3.0874228132773527</v>
      </c>
    </row>
    <row r="45576" spans="1:7" x14ac:dyDescent="0.3">
      <c r="A45576" s="13" t="s">
        <v>262</v>
      </c>
      <c r="B45576" s="14" t="s">
        <v>1</v>
      </c>
      <c r="C45576" s="14" t="s">
        <v>70</v>
      </c>
      <c r="D45576" s="14" t="s">
        <v>176</v>
      </c>
      <c r="E45576" s="15">
        <v>45692</v>
      </c>
      <c r="F45576" s="14" t="s">
        <v>61</v>
      </c>
      <c r="G45576" s="16">
        <v>3.0900124975625523</v>
      </c>
    </row>
    <row r="45577" spans="1:7" x14ac:dyDescent="0.3">
      <c r="A45577" s="13" t="s">
        <v>262</v>
      </c>
      <c r="B45577" s="14" t="s">
        <v>1</v>
      </c>
      <c r="C45577" s="14" t="s">
        <v>70</v>
      </c>
      <c r="D45577" s="14" t="s">
        <v>176</v>
      </c>
      <c r="E45577" s="15">
        <v>45693</v>
      </c>
      <c r="F45577" s="14" t="s">
        <v>61</v>
      </c>
      <c r="G45577" s="16">
        <v>3.1005746046937319</v>
      </c>
    </row>
    <row r="45578" spans="1:7" x14ac:dyDescent="0.3">
      <c r="A45578" s="13" t="s">
        <v>262</v>
      </c>
      <c r="B45578" s="14" t="s">
        <v>1</v>
      </c>
      <c r="C45578" s="14" t="s">
        <v>70</v>
      </c>
      <c r="D45578" s="14" t="s">
        <v>176</v>
      </c>
      <c r="E45578" s="15">
        <v>45694</v>
      </c>
      <c r="F45578" s="14" t="s">
        <v>61</v>
      </c>
      <c r="G45578" s="16">
        <v>3.1113080047411725</v>
      </c>
    </row>
    <row r="45579" spans="1:7" x14ac:dyDescent="0.3">
      <c r="A45579" s="13" t="s">
        <v>262</v>
      </c>
      <c r="B45579" s="14" t="s">
        <v>1</v>
      </c>
      <c r="C45579" s="14" t="s">
        <v>70</v>
      </c>
      <c r="D45579" s="14" t="s">
        <v>176</v>
      </c>
      <c r="E45579" s="15">
        <v>45695</v>
      </c>
      <c r="F45579" s="14" t="s">
        <v>61</v>
      </c>
      <c r="G45579" s="16">
        <v>3.1361383787282917</v>
      </c>
    </row>
    <row r="45580" spans="1:7" x14ac:dyDescent="0.3">
      <c r="A45580" s="13" t="s">
        <v>262</v>
      </c>
      <c r="B45580" s="14" t="s">
        <v>1</v>
      </c>
      <c r="C45580" s="14" t="s">
        <v>70</v>
      </c>
      <c r="D45580" s="14" t="s">
        <v>176</v>
      </c>
      <c r="E45580" s="15">
        <v>45696</v>
      </c>
      <c r="F45580" s="14" t="s">
        <v>61</v>
      </c>
      <c r="G45580" s="16">
        <v>3.1361383787282917</v>
      </c>
    </row>
    <row r="45581" spans="1:7" x14ac:dyDescent="0.3">
      <c r="A45581" s="13" t="s">
        <v>262</v>
      </c>
      <c r="B45581" s="14" t="s">
        <v>1</v>
      </c>
      <c r="C45581" s="14" t="s">
        <v>70</v>
      </c>
      <c r="D45581" s="14" t="s">
        <v>176</v>
      </c>
      <c r="E45581" s="15">
        <v>45697</v>
      </c>
      <c r="F45581" s="14" t="s">
        <v>61</v>
      </c>
      <c r="G45581" s="16">
        <v>3.1361383787282917</v>
      </c>
    </row>
    <row r="45582" spans="1:7" x14ac:dyDescent="0.3">
      <c r="A45582" s="13" t="s">
        <v>262</v>
      </c>
      <c r="B45582" s="14" t="s">
        <v>1</v>
      </c>
      <c r="C45582" s="14" t="s">
        <v>70</v>
      </c>
      <c r="D45582" s="14" t="s">
        <v>176</v>
      </c>
      <c r="E45582" s="15">
        <v>45698</v>
      </c>
      <c r="F45582" s="14" t="s">
        <v>61</v>
      </c>
      <c r="G45582" s="16">
        <v>3.1475690523894024</v>
      </c>
    </row>
    <row r="45583" spans="1:7" x14ac:dyDescent="0.3">
      <c r="A45583" s="13" t="s">
        <v>262</v>
      </c>
      <c r="B45583" s="14" t="s">
        <v>1</v>
      </c>
      <c r="C45583" s="14" t="s">
        <v>70</v>
      </c>
      <c r="D45583" s="14" t="s">
        <v>176</v>
      </c>
      <c r="E45583" s="15">
        <v>45699</v>
      </c>
      <c r="F45583" s="14" t="s">
        <v>61</v>
      </c>
      <c r="G45583" s="16">
        <v>3.1481364518189747</v>
      </c>
    </row>
    <row r="45584" spans="1:7" x14ac:dyDescent="0.3">
      <c r="A45584" s="13" t="s">
        <v>262</v>
      </c>
      <c r="B45584" s="14" t="s">
        <v>1</v>
      </c>
      <c r="C45584" s="14" t="s">
        <v>70</v>
      </c>
      <c r="D45584" s="14" t="s">
        <v>176</v>
      </c>
      <c r="E45584" s="15">
        <v>45700</v>
      </c>
      <c r="F45584" s="14" t="s">
        <v>61</v>
      </c>
      <c r="G45584" s="16">
        <v>3.1474477644012162</v>
      </c>
    </row>
    <row r="45585" spans="1:7" x14ac:dyDescent="0.3">
      <c r="A45585" s="13" t="s">
        <v>262</v>
      </c>
      <c r="B45585" s="14" t="s">
        <v>1</v>
      </c>
      <c r="C45585" s="14" t="s">
        <v>70</v>
      </c>
      <c r="D45585" s="14" t="s">
        <v>176</v>
      </c>
      <c r="E45585" s="15">
        <v>45701</v>
      </c>
      <c r="F45585" s="14" t="s">
        <v>61</v>
      </c>
      <c r="G45585" s="16">
        <v>3.1348180030964459</v>
      </c>
    </row>
    <row r="45586" spans="1:7" x14ac:dyDescent="0.3">
      <c r="A45586" s="13" t="s">
        <v>262</v>
      </c>
      <c r="B45586" s="14" t="s">
        <v>1</v>
      </c>
      <c r="C45586" s="14" t="s">
        <v>70</v>
      </c>
      <c r="D45586" s="14" t="s">
        <v>176</v>
      </c>
      <c r="E45586" s="15">
        <v>45702</v>
      </c>
      <c r="F45586" s="14" t="s">
        <v>61</v>
      </c>
      <c r="G45586" s="16">
        <v>3.1406084814288637</v>
      </c>
    </row>
    <row r="45587" spans="1:7" x14ac:dyDescent="0.3">
      <c r="A45587" s="13" t="s">
        <v>262</v>
      </c>
      <c r="B45587" s="14" t="s">
        <v>1</v>
      </c>
      <c r="C45587" s="14" t="s">
        <v>70</v>
      </c>
      <c r="D45587" s="14" t="s">
        <v>176</v>
      </c>
      <c r="E45587" s="15">
        <v>45703</v>
      </c>
      <c r="F45587" s="14" t="s">
        <v>61</v>
      </c>
      <c r="G45587" s="16">
        <v>3.1406084814288637</v>
      </c>
    </row>
    <row r="45588" spans="1:7" x14ac:dyDescent="0.3">
      <c r="A45588" s="13" t="s">
        <v>262</v>
      </c>
      <c r="B45588" s="14" t="s">
        <v>1</v>
      </c>
      <c r="C45588" s="14" t="s">
        <v>70</v>
      </c>
      <c r="D45588" s="14" t="s">
        <v>176</v>
      </c>
      <c r="E45588" s="15">
        <v>45704</v>
      </c>
      <c r="F45588" s="14" t="s">
        <v>61</v>
      </c>
      <c r="G45588" s="16">
        <v>3.1406084814288637</v>
      </c>
    </row>
    <row r="45589" spans="1:7" x14ac:dyDescent="0.3">
      <c r="A45589" s="13" t="s">
        <v>262</v>
      </c>
      <c r="B45589" s="14" t="s">
        <v>1</v>
      </c>
      <c r="C45589" s="14" t="s">
        <v>70</v>
      </c>
      <c r="D45589" s="14" t="s">
        <v>176</v>
      </c>
      <c r="E45589" s="15">
        <v>45705</v>
      </c>
      <c r="F45589" s="14" t="s">
        <v>61</v>
      </c>
      <c r="G45589" s="16">
        <v>3.189159246940104</v>
      </c>
    </row>
    <row r="45590" spans="1:7" x14ac:dyDescent="0.3">
      <c r="A45590" s="13" t="s">
        <v>262</v>
      </c>
      <c r="B45590" s="14" t="s">
        <v>1</v>
      </c>
      <c r="C45590" s="14" t="s">
        <v>70</v>
      </c>
      <c r="D45590" s="14" t="s">
        <v>176</v>
      </c>
      <c r="E45590" s="15">
        <v>45706</v>
      </c>
      <c r="F45590" s="14" t="s">
        <v>61</v>
      </c>
      <c r="G45590" s="16">
        <v>3.2166907587699805</v>
      </c>
    </row>
    <row r="45591" spans="1:7" x14ac:dyDescent="0.3">
      <c r="A45591" s="13" t="s">
        <v>262</v>
      </c>
      <c r="B45591" s="14" t="s">
        <v>1</v>
      </c>
      <c r="C45591" s="14" t="s">
        <v>70</v>
      </c>
      <c r="D45591" s="14" t="s">
        <v>176</v>
      </c>
      <c r="E45591" s="15">
        <v>45707</v>
      </c>
      <c r="F45591" s="14" t="s">
        <v>61</v>
      </c>
      <c r="G45591" s="16">
        <v>3.2420194553220543</v>
      </c>
    </row>
    <row r="45592" spans="1:7" x14ac:dyDescent="0.3">
      <c r="A45592" s="13" t="s">
        <v>262</v>
      </c>
      <c r="B45592" s="14" t="s">
        <v>1</v>
      </c>
      <c r="C45592" s="14" t="s">
        <v>70</v>
      </c>
      <c r="D45592" s="14" t="s">
        <v>176</v>
      </c>
      <c r="E45592" s="15">
        <v>45708</v>
      </c>
      <c r="F45592" s="14" t="s">
        <v>61</v>
      </c>
      <c r="G45592" s="16">
        <v>3.2225506942249966</v>
      </c>
    </row>
    <row r="45593" spans="1:7" x14ac:dyDescent="0.3">
      <c r="A45593" s="13" t="s">
        <v>262</v>
      </c>
      <c r="B45593" s="14" t="s">
        <v>1</v>
      </c>
      <c r="C45593" s="14" t="s">
        <v>70</v>
      </c>
      <c r="D45593" s="14" t="s">
        <v>176</v>
      </c>
      <c r="E45593" s="15">
        <v>45709</v>
      </c>
      <c r="F45593" s="14" t="s">
        <v>61</v>
      </c>
      <c r="G45593" s="16">
        <v>3.2416807068255609</v>
      </c>
    </row>
    <row r="45594" spans="1:7" x14ac:dyDescent="0.3">
      <c r="A45594" s="13" t="s">
        <v>262</v>
      </c>
      <c r="B45594" s="14" t="s">
        <v>1</v>
      </c>
      <c r="C45594" s="14" t="s">
        <v>70</v>
      </c>
      <c r="D45594" s="14" t="s">
        <v>176</v>
      </c>
      <c r="E45594" s="15">
        <v>45710</v>
      </c>
      <c r="F45594" s="14" t="s">
        <v>61</v>
      </c>
      <c r="G45594" s="16">
        <v>3.2416807068255609</v>
      </c>
    </row>
    <row r="45595" spans="1:7" x14ac:dyDescent="0.3">
      <c r="A45595" s="13" t="s">
        <v>262</v>
      </c>
      <c r="B45595" s="14" t="s">
        <v>1</v>
      </c>
      <c r="C45595" s="14" t="s">
        <v>70</v>
      </c>
      <c r="D45595" s="14" t="s">
        <v>176</v>
      </c>
      <c r="E45595" s="15">
        <v>45711</v>
      </c>
      <c r="F45595" s="14" t="s">
        <v>61</v>
      </c>
      <c r="G45595" s="16">
        <v>3.2416807068255609</v>
      </c>
    </row>
    <row r="45596" spans="1:7" x14ac:dyDescent="0.3">
      <c r="A45596" s="13" t="s">
        <v>262</v>
      </c>
      <c r="B45596" s="14" t="s">
        <v>1</v>
      </c>
      <c r="C45596" s="14" t="s">
        <v>70</v>
      </c>
      <c r="D45596" s="14" t="s">
        <v>176</v>
      </c>
      <c r="E45596" s="15">
        <v>45712</v>
      </c>
      <c r="F45596" s="14" t="s">
        <v>61</v>
      </c>
      <c r="G45596" s="16">
        <v>3.2444216219865885</v>
      </c>
    </row>
    <row r="45597" spans="1:7" x14ac:dyDescent="0.3">
      <c r="A45597" s="13" t="s">
        <v>262</v>
      </c>
      <c r="B45597" s="14" t="s">
        <v>1</v>
      </c>
      <c r="C45597" s="14" t="s">
        <v>70</v>
      </c>
      <c r="D45597" s="14" t="s">
        <v>176</v>
      </c>
      <c r="E45597" s="15">
        <v>45713</v>
      </c>
      <c r="F45597" s="14" t="s">
        <v>61</v>
      </c>
      <c r="G45597" s="16">
        <v>3.2463054592779388</v>
      </c>
    </row>
    <row r="45598" spans="1:7" x14ac:dyDescent="0.3">
      <c r="A45598" s="13" t="s">
        <v>262</v>
      </c>
      <c r="B45598" s="14" t="s">
        <v>1</v>
      </c>
      <c r="C45598" s="14" t="s">
        <v>70</v>
      </c>
      <c r="D45598" s="14" t="s">
        <v>176</v>
      </c>
      <c r="E45598" s="15">
        <v>45714</v>
      </c>
      <c r="F45598" s="14" t="s">
        <v>61</v>
      </c>
      <c r="G45598" s="16">
        <v>3.2605464549867276</v>
      </c>
    </row>
    <row r="45599" spans="1:7" x14ac:dyDescent="0.3">
      <c r="A45599" s="13" t="s">
        <v>262</v>
      </c>
      <c r="B45599" s="14" t="s">
        <v>1</v>
      </c>
      <c r="C45599" s="14" t="s">
        <v>70</v>
      </c>
      <c r="D45599" s="14" t="s">
        <v>176</v>
      </c>
      <c r="E45599" s="15">
        <v>45715</v>
      </c>
      <c r="F45599" s="14" t="s">
        <v>61</v>
      </c>
      <c r="G45599" s="16">
        <v>3.294208275866422</v>
      </c>
    </row>
    <row r="45600" spans="1:7" x14ac:dyDescent="0.3">
      <c r="A45600" s="13" t="s">
        <v>262</v>
      </c>
      <c r="B45600" s="14" t="s">
        <v>1</v>
      </c>
      <c r="C45600" s="14" t="s">
        <v>70</v>
      </c>
      <c r="D45600" s="14" t="s">
        <v>176</v>
      </c>
      <c r="E45600" s="15">
        <v>45716</v>
      </c>
      <c r="F45600" s="14" t="s">
        <v>61</v>
      </c>
      <c r="G45600" s="16">
        <v>3.3114550888307215</v>
      </c>
    </row>
    <row r="45601" spans="1:7" x14ac:dyDescent="0.3">
      <c r="A45601" s="13" t="s">
        <v>262</v>
      </c>
      <c r="B45601" s="14" t="s">
        <v>1</v>
      </c>
      <c r="C45601" s="14" t="s">
        <v>70</v>
      </c>
      <c r="D45601" s="14" t="s">
        <v>176</v>
      </c>
      <c r="E45601" s="15">
        <v>45717</v>
      </c>
      <c r="F45601" s="14" t="s">
        <v>61</v>
      </c>
      <c r="G45601" s="16">
        <v>3.3114550888307215</v>
      </c>
    </row>
    <row r="45602" spans="1:7" x14ac:dyDescent="0.3">
      <c r="A45602" s="13" t="s">
        <v>262</v>
      </c>
      <c r="B45602" s="14" t="s">
        <v>1</v>
      </c>
      <c r="C45602" s="14" t="s">
        <v>70</v>
      </c>
      <c r="D45602" s="14" t="s">
        <v>176</v>
      </c>
      <c r="E45602" s="15">
        <v>45718</v>
      </c>
      <c r="F45602" s="14" t="s">
        <v>61</v>
      </c>
      <c r="G45602" s="16">
        <v>3.3114550888307215</v>
      </c>
    </row>
    <row r="45603" spans="1:7" x14ac:dyDescent="0.3">
      <c r="A45603" s="13" t="s">
        <v>262</v>
      </c>
      <c r="B45603" s="14" t="s">
        <v>1</v>
      </c>
      <c r="C45603" s="14" t="s">
        <v>70</v>
      </c>
      <c r="D45603" s="14" t="s">
        <v>176</v>
      </c>
      <c r="E45603" s="15">
        <v>45719</v>
      </c>
      <c r="F45603" s="14" t="s">
        <v>61</v>
      </c>
      <c r="G45603" s="16">
        <v>3.3029945702412391</v>
      </c>
    </row>
    <row r="45604" spans="1:7" x14ac:dyDescent="0.3">
      <c r="A45604" s="13" t="s">
        <v>262</v>
      </c>
      <c r="B45604" s="14" t="s">
        <v>1</v>
      </c>
      <c r="C45604" s="14" t="s">
        <v>70</v>
      </c>
      <c r="D45604" s="14" t="s">
        <v>176</v>
      </c>
      <c r="E45604" s="15">
        <v>45720</v>
      </c>
      <c r="F45604" s="14" t="s">
        <v>61</v>
      </c>
      <c r="G45604" s="16">
        <v>3.2767662696176156</v>
      </c>
    </row>
    <row r="45605" spans="1:7" x14ac:dyDescent="0.3">
      <c r="A45605" s="13" t="s">
        <v>262</v>
      </c>
      <c r="B45605" s="14" t="s">
        <v>1</v>
      </c>
      <c r="C45605" s="14" t="s">
        <v>70</v>
      </c>
      <c r="D45605" s="14" t="s">
        <v>176</v>
      </c>
      <c r="E45605" s="15">
        <v>45721</v>
      </c>
      <c r="F45605" s="14" t="s">
        <v>61</v>
      </c>
      <c r="G45605" s="16">
        <v>3.2325731257355899</v>
      </c>
    </row>
    <row r="45606" spans="1:7" x14ac:dyDescent="0.3">
      <c r="A45606" s="13" t="s">
        <v>262</v>
      </c>
      <c r="B45606" s="14" t="s">
        <v>1</v>
      </c>
      <c r="C45606" s="14" t="s">
        <v>70</v>
      </c>
      <c r="D45606" s="14" t="s">
        <v>176</v>
      </c>
      <c r="E45606" s="15">
        <v>45722</v>
      </c>
      <c r="F45606" s="14" t="s">
        <v>61</v>
      </c>
      <c r="G45606" s="16">
        <v>3.2418693944652657</v>
      </c>
    </row>
    <row r="45607" spans="1:7" x14ac:dyDescent="0.3">
      <c r="A45607" s="13" t="s">
        <v>262</v>
      </c>
      <c r="B45607" s="14" t="s">
        <v>1</v>
      </c>
      <c r="C45607" s="14" t="s">
        <v>70</v>
      </c>
      <c r="D45607" s="14" t="s">
        <v>176</v>
      </c>
      <c r="E45607" s="15">
        <v>45723</v>
      </c>
      <c r="F45607" s="14" t="s">
        <v>61</v>
      </c>
      <c r="G45607" s="16">
        <v>3.2708781362403223</v>
      </c>
    </row>
    <row r="45608" spans="1:7" x14ac:dyDescent="0.3">
      <c r="A45608" s="13" t="s">
        <v>262</v>
      </c>
      <c r="B45608" s="14" t="s">
        <v>1</v>
      </c>
      <c r="C45608" s="14" t="s">
        <v>70</v>
      </c>
      <c r="D45608" s="14" t="s">
        <v>176</v>
      </c>
      <c r="E45608" s="15">
        <v>45724</v>
      </c>
      <c r="F45608" s="14" t="s">
        <v>61</v>
      </c>
      <c r="G45608" s="16">
        <v>3.2708781362403223</v>
      </c>
    </row>
    <row r="45609" spans="1:7" x14ac:dyDescent="0.3">
      <c r="A45609" s="13" t="s">
        <v>262</v>
      </c>
      <c r="B45609" s="14" t="s">
        <v>1</v>
      </c>
      <c r="C45609" s="14" t="s">
        <v>70</v>
      </c>
      <c r="D45609" s="14" t="s">
        <v>176</v>
      </c>
      <c r="E45609" s="15">
        <v>45725</v>
      </c>
      <c r="F45609" s="14" t="s">
        <v>61</v>
      </c>
      <c r="G45609" s="16">
        <v>3.2708781362403223</v>
      </c>
    </row>
    <row r="45610" spans="1:7" x14ac:dyDescent="0.3">
      <c r="A45610" s="13" t="s">
        <v>262</v>
      </c>
      <c r="B45610" s="14" t="s">
        <v>1</v>
      </c>
      <c r="C45610" s="14" t="s">
        <v>70</v>
      </c>
      <c r="D45610" s="14" t="s">
        <v>176</v>
      </c>
      <c r="E45610" s="15">
        <v>45726</v>
      </c>
      <c r="F45610" s="14" t="s">
        <v>61</v>
      </c>
      <c r="G45610" s="16">
        <v>3.2799387179827462</v>
      </c>
    </row>
    <row r="45611" spans="1:7" x14ac:dyDescent="0.3">
      <c r="A45611" s="13" t="s">
        <v>262</v>
      </c>
      <c r="B45611" s="14" t="s">
        <v>1</v>
      </c>
      <c r="C45611" s="14" t="s">
        <v>70</v>
      </c>
      <c r="D45611" s="14" t="s">
        <v>176</v>
      </c>
      <c r="E45611" s="15">
        <v>45727</v>
      </c>
      <c r="F45611" s="14" t="s">
        <v>61</v>
      </c>
      <c r="G45611" s="16">
        <v>3.2737514121737989</v>
      </c>
    </row>
    <row r="45612" spans="1:7" x14ac:dyDescent="0.3">
      <c r="A45612" s="13" t="s">
        <v>262</v>
      </c>
      <c r="B45612" s="14" t="s">
        <v>1</v>
      </c>
      <c r="C45612" s="14" t="s">
        <v>70</v>
      </c>
      <c r="D45612" s="14" t="s">
        <v>176</v>
      </c>
      <c r="E45612" s="15">
        <v>45728</v>
      </c>
      <c r="F45612" s="14" t="s">
        <v>61</v>
      </c>
      <c r="G45612" s="16">
        <v>3.298596737344174</v>
      </c>
    </row>
    <row r="45613" spans="1:7" x14ac:dyDescent="0.3">
      <c r="A45613" s="13" t="s">
        <v>262</v>
      </c>
      <c r="B45613" s="14" t="s">
        <v>1</v>
      </c>
      <c r="C45613" s="14" t="s">
        <v>70</v>
      </c>
      <c r="D45613" s="14" t="s">
        <v>176</v>
      </c>
      <c r="E45613" s="15">
        <v>45729</v>
      </c>
      <c r="F45613" s="14" t="s">
        <v>61</v>
      </c>
      <c r="G45613" s="16">
        <v>3.3150135381868719</v>
      </c>
    </row>
    <row r="45614" spans="1:7" x14ac:dyDescent="0.3">
      <c r="A45614" s="13" t="s">
        <v>262</v>
      </c>
      <c r="B45614" s="14" t="s">
        <v>1</v>
      </c>
      <c r="C45614" s="14" t="s">
        <v>70</v>
      </c>
      <c r="D45614" s="14" t="s">
        <v>176</v>
      </c>
      <c r="E45614" s="15">
        <v>45730</v>
      </c>
      <c r="F45614" s="14" t="s">
        <v>61</v>
      </c>
      <c r="G45614" s="16">
        <v>3.3201412774915853</v>
      </c>
    </row>
    <row r="45615" spans="1:7" x14ac:dyDescent="0.3">
      <c r="A45615" s="13" t="s">
        <v>262</v>
      </c>
      <c r="B45615" s="14" t="s">
        <v>1</v>
      </c>
      <c r="C45615" s="14" t="s">
        <v>70</v>
      </c>
      <c r="D45615" s="14" t="s">
        <v>176</v>
      </c>
      <c r="E45615" s="15">
        <v>45731</v>
      </c>
      <c r="F45615" s="14" t="s">
        <v>61</v>
      </c>
      <c r="G45615" s="16">
        <v>3.3201412774915853</v>
      </c>
    </row>
    <row r="45616" spans="1:7" x14ac:dyDescent="0.3">
      <c r="A45616" s="13" t="s">
        <v>262</v>
      </c>
      <c r="B45616" s="14" t="s">
        <v>1</v>
      </c>
      <c r="C45616" s="14" t="s">
        <v>70</v>
      </c>
      <c r="D45616" s="14" t="s">
        <v>176</v>
      </c>
      <c r="E45616" s="15">
        <v>45732</v>
      </c>
      <c r="F45616" s="14" t="s">
        <v>61</v>
      </c>
      <c r="G45616" s="16">
        <v>3.3201412774915853</v>
      </c>
    </row>
    <row r="45617" spans="1:7" x14ac:dyDescent="0.3">
      <c r="A45617" s="13" t="s">
        <v>262</v>
      </c>
      <c r="B45617" s="14" t="s">
        <v>1</v>
      </c>
      <c r="C45617" s="14" t="s">
        <v>70</v>
      </c>
      <c r="D45617" s="14" t="s">
        <v>176</v>
      </c>
      <c r="E45617" s="15">
        <v>45733</v>
      </c>
      <c r="F45617" s="14" t="s">
        <v>61</v>
      </c>
      <c r="G45617" s="16">
        <v>3.3201412774915853</v>
      </c>
    </row>
    <row r="45618" spans="1:7" x14ac:dyDescent="0.3">
      <c r="A45618" s="13" t="s">
        <v>262</v>
      </c>
      <c r="B45618" s="14" t="s">
        <v>1</v>
      </c>
      <c r="C45618" s="14" t="s">
        <v>70</v>
      </c>
      <c r="D45618" s="14" t="s">
        <v>176</v>
      </c>
      <c r="E45618" s="15">
        <v>45734</v>
      </c>
      <c r="F45618" s="14" t="s">
        <v>61</v>
      </c>
      <c r="G45618" s="16">
        <v>3.3118115086920863</v>
      </c>
    </row>
    <row r="45619" spans="1:7" x14ac:dyDescent="0.3">
      <c r="A45619" s="13" t="s">
        <v>262</v>
      </c>
      <c r="B45619" s="14" t="s">
        <v>1</v>
      </c>
      <c r="C45619" s="14" t="s">
        <v>70</v>
      </c>
      <c r="D45619" s="14" t="s">
        <v>176</v>
      </c>
      <c r="E45619" s="15">
        <v>45735</v>
      </c>
      <c r="F45619" s="14" t="s">
        <v>61</v>
      </c>
      <c r="G45619" s="16">
        <v>3.3531977484647912</v>
      </c>
    </row>
    <row r="45620" spans="1:7" x14ac:dyDescent="0.3">
      <c r="A45620" s="13" t="s">
        <v>262</v>
      </c>
      <c r="B45620" s="14" t="s">
        <v>1</v>
      </c>
      <c r="C45620" s="14" t="s">
        <v>70</v>
      </c>
      <c r="D45620" s="14" t="s">
        <v>176</v>
      </c>
      <c r="E45620" s="15">
        <v>45736</v>
      </c>
      <c r="F45620" s="14" t="s">
        <v>61</v>
      </c>
      <c r="G45620" s="16">
        <v>3.3740869256543191</v>
      </c>
    </row>
    <row r="45621" spans="1:7" x14ac:dyDescent="0.3">
      <c r="A45621" s="13" t="s">
        <v>262</v>
      </c>
      <c r="B45621" s="14" t="s">
        <v>1</v>
      </c>
      <c r="C45621" s="14" t="s">
        <v>70</v>
      </c>
      <c r="D45621" s="14" t="s">
        <v>176</v>
      </c>
      <c r="E45621" s="15">
        <v>45737</v>
      </c>
      <c r="F45621" s="14" t="s">
        <v>61</v>
      </c>
      <c r="G45621" s="16">
        <v>3.3914022030085751</v>
      </c>
    </row>
    <row r="45622" spans="1:7" x14ac:dyDescent="0.3">
      <c r="A45622" s="13" t="s">
        <v>262</v>
      </c>
      <c r="B45622" s="14" t="s">
        <v>1</v>
      </c>
      <c r="C45622" s="14" t="s">
        <v>70</v>
      </c>
      <c r="D45622" s="14" t="s">
        <v>176</v>
      </c>
      <c r="E45622" s="15">
        <v>45738</v>
      </c>
      <c r="F45622" s="14" t="s">
        <v>61</v>
      </c>
      <c r="G45622" s="16">
        <v>3.3914022030085751</v>
      </c>
    </row>
    <row r="45623" spans="1:7" x14ac:dyDescent="0.3">
      <c r="A45623" s="13" t="s">
        <v>262</v>
      </c>
      <c r="B45623" s="14" t="s">
        <v>1</v>
      </c>
      <c r="C45623" s="14" t="s">
        <v>70</v>
      </c>
      <c r="D45623" s="14" t="s">
        <v>176</v>
      </c>
      <c r="E45623" s="15">
        <v>45739</v>
      </c>
      <c r="F45623" s="14" t="s">
        <v>61</v>
      </c>
      <c r="G45623" s="16">
        <v>3.3914022030085751</v>
      </c>
    </row>
    <row r="45624" spans="1:7" x14ac:dyDescent="0.3">
      <c r="A45624" s="13" t="s">
        <v>262</v>
      </c>
      <c r="B45624" s="14" t="s">
        <v>1</v>
      </c>
      <c r="C45624" s="14" t="s">
        <v>70</v>
      </c>
      <c r="D45624" s="14" t="s">
        <v>176</v>
      </c>
      <c r="E45624" s="15">
        <v>45740</v>
      </c>
      <c r="F45624" s="14" t="s">
        <v>61</v>
      </c>
      <c r="G45624" s="16">
        <v>3.4013757020666122</v>
      </c>
    </row>
    <row r="45625" spans="1:7" x14ac:dyDescent="0.3">
      <c r="A45625" s="13" t="s">
        <v>262</v>
      </c>
      <c r="B45625" s="14" t="s">
        <v>1</v>
      </c>
      <c r="C45625" s="14" t="s">
        <v>70</v>
      </c>
      <c r="D45625" s="14" t="s">
        <v>176</v>
      </c>
      <c r="E45625" s="15">
        <v>45741</v>
      </c>
      <c r="F45625" s="14" t="s">
        <v>61</v>
      </c>
      <c r="G45625" s="16">
        <v>3.420595096391879</v>
      </c>
    </row>
    <row r="45626" spans="1:7" x14ac:dyDescent="0.3">
      <c r="A45626" s="13" t="s">
        <v>262</v>
      </c>
      <c r="B45626" s="14" t="s">
        <v>1</v>
      </c>
      <c r="C45626" s="14" t="s">
        <v>70</v>
      </c>
      <c r="D45626" s="14" t="s">
        <v>176</v>
      </c>
      <c r="E45626" s="15">
        <v>45742</v>
      </c>
      <c r="F45626" s="14" t="s">
        <v>61</v>
      </c>
      <c r="G45626" s="16">
        <v>3.4379188853898111</v>
      </c>
    </row>
    <row r="45627" spans="1:7" x14ac:dyDescent="0.3">
      <c r="A45627" s="13" t="s">
        <v>262</v>
      </c>
      <c r="B45627" s="14" t="s">
        <v>1</v>
      </c>
      <c r="C45627" s="14" t="s">
        <v>70</v>
      </c>
      <c r="D45627" s="14" t="s">
        <v>176</v>
      </c>
      <c r="E45627" s="15">
        <v>45743</v>
      </c>
      <c r="F45627" s="14" t="s">
        <v>61</v>
      </c>
      <c r="G45627" s="16">
        <v>3.4354493980058889</v>
      </c>
    </row>
    <row r="45628" spans="1:7" x14ac:dyDescent="0.3">
      <c r="A45628" s="13" t="s">
        <v>262</v>
      </c>
      <c r="B45628" s="14" t="s">
        <v>1</v>
      </c>
      <c r="C45628" s="14" t="s">
        <v>70</v>
      </c>
      <c r="D45628" s="14" t="s">
        <v>176</v>
      </c>
      <c r="E45628" s="15">
        <v>45744</v>
      </c>
      <c r="F45628" s="14" t="s">
        <v>61</v>
      </c>
      <c r="G45628" s="16">
        <v>3.5222941774056311</v>
      </c>
    </row>
    <row r="45629" spans="1:7" x14ac:dyDescent="0.3">
      <c r="A45629" s="13" t="s">
        <v>262</v>
      </c>
      <c r="B45629" s="14" t="s">
        <v>1</v>
      </c>
      <c r="C45629" s="14" t="s">
        <v>70</v>
      </c>
      <c r="D45629" s="14" t="s">
        <v>176</v>
      </c>
      <c r="E45629" s="15">
        <v>45745</v>
      </c>
      <c r="F45629" s="14" t="s">
        <v>61</v>
      </c>
      <c r="G45629" s="16">
        <v>3.5222941774056311</v>
      </c>
    </row>
    <row r="45630" spans="1:7" x14ac:dyDescent="0.3">
      <c r="A45630" s="13" t="s">
        <v>262</v>
      </c>
      <c r="B45630" s="14" t="s">
        <v>1</v>
      </c>
      <c r="C45630" s="14" t="s">
        <v>70</v>
      </c>
      <c r="D45630" s="14" t="s">
        <v>176</v>
      </c>
      <c r="E45630" s="15">
        <v>45746</v>
      </c>
      <c r="F45630" s="14" t="s">
        <v>61</v>
      </c>
      <c r="G45630" s="16">
        <v>3.5222941774056311</v>
      </c>
    </row>
    <row r="45631" spans="1:7" x14ac:dyDescent="0.3">
      <c r="A45631" s="13" t="s">
        <v>262</v>
      </c>
      <c r="B45631" s="14" t="s">
        <v>1</v>
      </c>
      <c r="C45631" s="14" t="s">
        <v>70</v>
      </c>
      <c r="D45631" s="14" t="s">
        <v>176</v>
      </c>
      <c r="E45631" s="15">
        <v>45747</v>
      </c>
      <c r="F45631" s="14" t="s">
        <v>61</v>
      </c>
      <c r="G45631" s="16">
        <v>3.5727830090780452</v>
      </c>
    </row>
    <row r="45632" spans="1:7" x14ac:dyDescent="0.3">
      <c r="A45632" s="13" t="s">
        <v>263</v>
      </c>
      <c r="B45632" s="14" t="s">
        <v>1</v>
      </c>
      <c r="C45632" s="14" t="s">
        <v>96</v>
      </c>
      <c r="D45632" s="14" t="s">
        <v>264</v>
      </c>
      <c r="E45632" s="15">
        <v>45383</v>
      </c>
      <c r="F45632" s="14" t="s">
        <v>28</v>
      </c>
      <c r="G45632" s="16">
        <v>0</v>
      </c>
    </row>
    <row r="45633" spans="1:7" x14ac:dyDescent="0.3">
      <c r="A45633" s="13" t="s">
        <v>263</v>
      </c>
      <c r="B45633" s="14" t="s">
        <v>1</v>
      </c>
      <c r="C45633" s="14" t="s">
        <v>96</v>
      </c>
      <c r="D45633" s="14" t="s">
        <v>264</v>
      </c>
      <c r="E45633" s="15">
        <v>45384</v>
      </c>
      <c r="F45633" s="14" t="s">
        <v>28</v>
      </c>
      <c r="G45633" s="16">
        <v>0</v>
      </c>
    </row>
    <row r="45634" spans="1:7" x14ac:dyDescent="0.3">
      <c r="A45634" s="13" t="s">
        <v>263</v>
      </c>
      <c r="B45634" s="14" t="s">
        <v>1</v>
      </c>
      <c r="C45634" s="14" t="s">
        <v>96</v>
      </c>
      <c r="D45634" s="14" t="s">
        <v>264</v>
      </c>
      <c r="E45634" s="15">
        <v>45385</v>
      </c>
      <c r="F45634" s="14" t="s">
        <v>28</v>
      </c>
      <c r="G45634" s="16">
        <v>0</v>
      </c>
    </row>
    <row r="45635" spans="1:7" x14ac:dyDescent="0.3">
      <c r="A45635" s="13" t="s">
        <v>263</v>
      </c>
      <c r="B45635" s="14" t="s">
        <v>1</v>
      </c>
      <c r="C45635" s="14" t="s">
        <v>96</v>
      </c>
      <c r="D45635" s="14" t="s">
        <v>264</v>
      </c>
      <c r="E45635" s="15">
        <v>45386</v>
      </c>
      <c r="F45635" s="14" t="s">
        <v>28</v>
      </c>
      <c r="G45635" s="16">
        <v>0</v>
      </c>
    </row>
    <row r="45636" spans="1:7" x14ac:dyDescent="0.3">
      <c r="A45636" s="13" t="s">
        <v>263</v>
      </c>
      <c r="B45636" s="14" t="s">
        <v>1</v>
      </c>
      <c r="C45636" s="14" t="s">
        <v>96</v>
      </c>
      <c r="D45636" s="14" t="s">
        <v>264</v>
      </c>
      <c r="E45636" s="15">
        <v>45387</v>
      </c>
      <c r="F45636" s="14" t="s">
        <v>28</v>
      </c>
      <c r="G45636" s="16">
        <v>0</v>
      </c>
    </row>
    <row r="45637" spans="1:7" x14ac:dyDescent="0.3">
      <c r="A45637" s="13" t="s">
        <v>263</v>
      </c>
      <c r="B45637" s="14" t="s">
        <v>1</v>
      </c>
      <c r="C45637" s="14" t="s">
        <v>96</v>
      </c>
      <c r="D45637" s="14" t="s">
        <v>264</v>
      </c>
      <c r="E45637" s="15">
        <v>45388</v>
      </c>
      <c r="F45637" s="14" t="s">
        <v>28</v>
      </c>
      <c r="G45637" s="16">
        <v>0</v>
      </c>
    </row>
    <row r="45638" spans="1:7" x14ac:dyDescent="0.3">
      <c r="A45638" s="13" t="s">
        <v>263</v>
      </c>
      <c r="B45638" s="14" t="s">
        <v>1</v>
      </c>
      <c r="C45638" s="14" t="s">
        <v>96</v>
      </c>
      <c r="D45638" s="14" t="s">
        <v>264</v>
      </c>
      <c r="E45638" s="15">
        <v>45389</v>
      </c>
      <c r="F45638" s="14" t="s">
        <v>28</v>
      </c>
      <c r="G45638" s="16">
        <v>0</v>
      </c>
    </row>
    <row r="45639" spans="1:7" x14ac:dyDescent="0.3">
      <c r="A45639" s="13" t="s">
        <v>263</v>
      </c>
      <c r="B45639" s="14" t="s">
        <v>1</v>
      </c>
      <c r="C45639" s="14" t="s">
        <v>96</v>
      </c>
      <c r="D45639" s="14" t="s">
        <v>264</v>
      </c>
      <c r="E45639" s="15">
        <v>45390</v>
      </c>
      <c r="F45639" s="14" t="s">
        <v>28</v>
      </c>
      <c r="G45639" s="16">
        <v>0</v>
      </c>
    </row>
    <row r="45640" spans="1:7" x14ac:dyDescent="0.3">
      <c r="A45640" s="13" t="s">
        <v>263</v>
      </c>
      <c r="B45640" s="14" t="s">
        <v>1</v>
      </c>
      <c r="C45640" s="14" t="s">
        <v>96</v>
      </c>
      <c r="D45640" s="14" t="s">
        <v>264</v>
      </c>
      <c r="E45640" s="15">
        <v>45391</v>
      </c>
      <c r="F45640" s="14" t="s">
        <v>28</v>
      </c>
      <c r="G45640" s="16">
        <v>0</v>
      </c>
    </row>
    <row r="45641" spans="1:7" x14ac:dyDescent="0.3">
      <c r="A45641" s="13" t="s">
        <v>263</v>
      </c>
      <c r="B45641" s="14" t="s">
        <v>1</v>
      </c>
      <c r="C45641" s="14" t="s">
        <v>96</v>
      </c>
      <c r="D45641" s="14" t="s">
        <v>264</v>
      </c>
      <c r="E45641" s="15">
        <v>45392</v>
      </c>
      <c r="F45641" s="14" t="s">
        <v>28</v>
      </c>
      <c r="G45641" s="16">
        <v>0</v>
      </c>
    </row>
    <row r="45642" spans="1:7" x14ac:dyDescent="0.3">
      <c r="A45642" s="13" t="s">
        <v>263</v>
      </c>
      <c r="B45642" s="14" t="s">
        <v>1</v>
      </c>
      <c r="C45642" s="14" t="s">
        <v>96</v>
      </c>
      <c r="D45642" s="14" t="s">
        <v>264</v>
      </c>
      <c r="E45642" s="15">
        <v>45393</v>
      </c>
      <c r="F45642" s="14" t="s">
        <v>28</v>
      </c>
      <c r="G45642" s="16">
        <v>0</v>
      </c>
    </row>
    <row r="45643" spans="1:7" x14ac:dyDescent="0.3">
      <c r="A45643" s="13" t="s">
        <v>263</v>
      </c>
      <c r="B45643" s="14" t="s">
        <v>1</v>
      </c>
      <c r="C45643" s="14" t="s">
        <v>96</v>
      </c>
      <c r="D45643" s="14" t="s">
        <v>264</v>
      </c>
      <c r="E45643" s="15">
        <v>45394</v>
      </c>
      <c r="F45643" s="14" t="s">
        <v>28</v>
      </c>
      <c r="G45643" s="16">
        <v>0</v>
      </c>
    </row>
    <row r="45644" spans="1:7" x14ac:dyDescent="0.3">
      <c r="A45644" s="13" t="s">
        <v>263</v>
      </c>
      <c r="B45644" s="14" t="s">
        <v>1</v>
      </c>
      <c r="C45644" s="14" t="s">
        <v>96</v>
      </c>
      <c r="D45644" s="14" t="s">
        <v>264</v>
      </c>
      <c r="E45644" s="15">
        <v>45395</v>
      </c>
      <c r="F45644" s="14" t="s">
        <v>28</v>
      </c>
      <c r="G45644" s="16">
        <v>0</v>
      </c>
    </row>
    <row r="45645" spans="1:7" x14ac:dyDescent="0.3">
      <c r="A45645" s="13" t="s">
        <v>263</v>
      </c>
      <c r="B45645" s="14" t="s">
        <v>1</v>
      </c>
      <c r="C45645" s="14" t="s">
        <v>96</v>
      </c>
      <c r="D45645" s="14" t="s">
        <v>264</v>
      </c>
      <c r="E45645" s="15">
        <v>45396</v>
      </c>
      <c r="F45645" s="14" t="s">
        <v>28</v>
      </c>
      <c r="G45645" s="16">
        <v>0</v>
      </c>
    </row>
    <row r="45646" spans="1:7" x14ac:dyDescent="0.3">
      <c r="A45646" s="13" t="s">
        <v>263</v>
      </c>
      <c r="B45646" s="14" t="s">
        <v>1</v>
      </c>
      <c r="C45646" s="14" t="s">
        <v>96</v>
      </c>
      <c r="D45646" s="14" t="s">
        <v>264</v>
      </c>
      <c r="E45646" s="15">
        <v>45397</v>
      </c>
      <c r="F45646" s="14" t="s">
        <v>28</v>
      </c>
      <c r="G45646" s="16">
        <v>0</v>
      </c>
    </row>
    <row r="45647" spans="1:7" x14ac:dyDescent="0.3">
      <c r="A45647" s="13" t="s">
        <v>263</v>
      </c>
      <c r="B45647" s="14" t="s">
        <v>1</v>
      </c>
      <c r="C45647" s="14" t="s">
        <v>96</v>
      </c>
      <c r="D45647" s="14" t="s">
        <v>264</v>
      </c>
      <c r="E45647" s="15">
        <v>45398</v>
      </c>
      <c r="F45647" s="14" t="s">
        <v>28</v>
      </c>
      <c r="G45647" s="16">
        <v>0</v>
      </c>
    </row>
    <row r="45648" spans="1:7" x14ac:dyDescent="0.3">
      <c r="A45648" s="13" t="s">
        <v>263</v>
      </c>
      <c r="B45648" s="14" t="s">
        <v>1</v>
      </c>
      <c r="C45648" s="14" t="s">
        <v>96</v>
      </c>
      <c r="D45648" s="14" t="s">
        <v>264</v>
      </c>
      <c r="E45648" s="15">
        <v>45399</v>
      </c>
      <c r="F45648" s="14" t="s">
        <v>28</v>
      </c>
      <c r="G45648" s="16">
        <v>0</v>
      </c>
    </row>
    <row r="45649" spans="1:7" x14ac:dyDescent="0.3">
      <c r="A45649" s="13" t="s">
        <v>263</v>
      </c>
      <c r="B45649" s="14" t="s">
        <v>1</v>
      </c>
      <c r="C45649" s="14" t="s">
        <v>96</v>
      </c>
      <c r="D45649" s="14" t="s">
        <v>264</v>
      </c>
      <c r="E45649" s="15">
        <v>45400</v>
      </c>
      <c r="F45649" s="14" t="s">
        <v>28</v>
      </c>
      <c r="G45649" s="16">
        <v>0</v>
      </c>
    </row>
    <row r="45650" spans="1:7" x14ac:dyDescent="0.3">
      <c r="A45650" s="13" t="s">
        <v>263</v>
      </c>
      <c r="B45650" s="14" t="s">
        <v>1</v>
      </c>
      <c r="C45650" s="14" t="s">
        <v>96</v>
      </c>
      <c r="D45650" s="14" t="s">
        <v>264</v>
      </c>
      <c r="E45650" s="15">
        <v>45401</v>
      </c>
      <c r="F45650" s="14" t="s">
        <v>28</v>
      </c>
      <c r="G45650" s="16">
        <v>0</v>
      </c>
    </row>
    <row r="45651" spans="1:7" x14ac:dyDescent="0.3">
      <c r="A45651" s="13" t="s">
        <v>263</v>
      </c>
      <c r="B45651" s="14" t="s">
        <v>1</v>
      </c>
      <c r="C45651" s="14" t="s">
        <v>96</v>
      </c>
      <c r="D45651" s="14" t="s">
        <v>264</v>
      </c>
      <c r="E45651" s="15">
        <v>45402</v>
      </c>
      <c r="F45651" s="14" t="s">
        <v>28</v>
      </c>
      <c r="G45651" s="16">
        <v>0</v>
      </c>
    </row>
    <row r="45652" spans="1:7" x14ac:dyDescent="0.3">
      <c r="A45652" s="13" t="s">
        <v>263</v>
      </c>
      <c r="B45652" s="14" t="s">
        <v>1</v>
      </c>
      <c r="C45652" s="14" t="s">
        <v>96</v>
      </c>
      <c r="D45652" s="14" t="s">
        <v>264</v>
      </c>
      <c r="E45652" s="15">
        <v>45403</v>
      </c>
      <c r="F45652" s="14" t="s">
        <v>28</v>
      </c>
      <c r="G45652" s="16">
        <v>0</v>
      </c>
    </row>
    <row r="45653" spans="1:7" x14ac:dyDescent="0.3">
      <c r="A45653" s="13" t="s">
        <v>263</v>
      </c>
      <c r="B45653" s="14" t="s">
        <v>1</v>
      </c>
      <c r="C45653" s="14" t="s">
        <v>96</v>
      </c>
      <c r="D45653" s="14" t="s">
        <v>264</v>
      </c>
      <c r="E45653" s="15">
        <v>45404</v>
      </c>
      <c r="F45653" s="14" t="s">
        <v>28</v>
      </c>
      <c r="G45653" s="16">
        <v>0</v>
      </c>
    </row>
    <row r="45654" spans="1:7" x14ac:dyDescent="0.3">
      <c r="A45654" s="13" t="s">
        <v>263</v>
      </c>
      <c r="B45654" s="14" t="s">
        <v>1</v>
      </c>
      <c r="C45654" s="14" t="s">
        <v>96</v>
      </c>
      <c r="D45654" s="14" t="s">
        <v>264</v>
      </c>
      <c r="E45654" s="15">
        <v>45405</v>
      </c>
      <c r="F45654" s="14" t="s">
        <v>28</v>
      </c>
      <c r="G45654" s="16">
        <v>0</v>
      </c>
    </row>
    <row r="45655" spans="1:7" x14ac:dyDescent="0.3">
      <c r="A45655" s="13" t="s">
        <v>263</v>
      </c>
      <c r="B45655" s="14" t="s">
        <v>1</v>
      </c>
      <c r="C45655" s="14" t="s">
        <v>96</v>
      </c>
      <c r="D45655" s="14" t="s">
        <v>264</v>
      </c>
      <c r="E45655" s="15">
        <v>45406</v>
      </c>
      <c r="F45655" s="14" t="s">
        <v>28</v>
      </c>
      <c r="G45655" s="16">
        <v>0</v>
      </c>
    </row>
    <row r="45656" spans="1:7" x14ac:dyDescent="0.3">
      <c r="A45656" s="13" t="s">
        <v>263</v>
      </c>
      <c r="B45656" s="14" t="s">
        <v>1</v>
      </c>
      <c r="C45656" s="14" t="s">
        <v>96</v>
      </c>
      <c r="D45656" s="14" t="s">
        <v>264</v>
      </c>
      <c r="E45656" s="15">
        <v>45407</v>
      </c>
      <c r="F45656" s="14" t="s">
        <v>28</v>
      </c>
      <c r="G45656" s="16">
        <v>0</v>
      </c>
    </row>
    <row r="45657" spans="1:7" x14ac:dyDescent="0.3">
      <c r="A45657" s="13" t="s">
        <v>263</v>
      </c>
      <c r="B45657" s="14" t="s">
        <v>1</v>
      </c>
      <c r="C45657" s="14" t="s">
        <v>96</v>
      </c>
      <c r="D45657" s="14" t="s">
        <v>264</v>
      </c>
      <c r="E45657" s="15">
        <v>45408</v>
      </c>
      <c r="F45657" s="14" t="s">
        <v>28</v>
      </c>
      <c r="G45657" s="16">
        <v>0</v>
      </c>
    </row>
    <row r="45658" spans="1:7" x14ac:dyDescent="0.3">
      <c r="A45658" s="13" t="s">
        <v>263</v>
      </c>
      <c r="B45658" s="14" t="s">
        <v>1</v>
      </c>
      <c r="C45658" s="14" t="s">
        <v>96</v>
      </c>
      <c r="D45658" s="14" t="s">
        <v>264</v>
      </c>
      <c r="E45658" s="15">
        <v>45409</v>
      </c>
      <c r="F45658" s="14" t="s">
        <v>28</v>
      </c>
      <c r="G45658" s="16">
        <v>0</v>
      </c>
    </row>
    <row r="45659" spans="1:7" x14ac:dyDescent="0.3">
      <c r="A45659" s="13" t="s">
        <v>263</v>
      </c>
      <c r="B45659" s="14" t="s">
        <v>1</v>
      </c>
      <c r="C45659" s="14" t="s">
        <v>96</v>
      </c>
      <c r="D45659" s="14" t="s">
        <v>264</v>
      </c>
      <c r="E45659" s="15">
        <v>45410</v>
      </c>
      <c r="F45659" s="14" t="s">
        <v>28</v>
      </c>
      <c r="G45659" s="16">
        <v>0</v>
      </c>
    </row>
    <row r="45660" spans="1:7" x14ac:dyDescent="0.3">
      <c r="A45660" s="13" t="s">
        <v>263</v>
      </c>
      <c r="B45660" s="14" t="s">
        <v>1</v>
      </c>
      <c r="C45660" s="14" t="s">
        <v>96</v>
      </c>
      <c r="D45660" s="14" t="s">
        <v>264</v>
      </c>
      <c r="E45660" s="15">
        <v>45411</v>
      </c>
      <c r="F45660" s="14" t="s">
        <v>28</v>
      </c>
      <c r="G45660" s="16">
        <v>0</v>
      </c>
    </row>
    <row r="45661" spans="1:7" x14ac:dyDescent="0.3">
      <c r="A45661" s="13" t="s">
        <v>263</v>
      </c>
      <c r="B45661" s="14" t="s">
        <v>1</v>
      </c>
      <c r="C45661" s="14" t="s">
        <v>96</v>
      </c>
      <c r="D45661" s="14" t="s">
        <v>264</v>
      </c>
      <c r="E45661" s="15">
        <v>45412</v>
      </c>
      <c r="F45661" s="14" t="s">
        <v>28</v>
      </c>
      <c r="G45661" s="16">
        <v>0</v>
      </c>
    </row>
    <row r="45662" spans="1:7" x14ac:dyDescent="0.3">
      <c r="A45662" s="13" t="s">
        <v>263</v>
      </c>
      <c r="B45662" s="14" t="s">
        <v>1</v>
      </c>
      <c r="C45662" s="14" t="s">
        <v>96</v>
      </c>
      <c r="D45662" s="14" t="s">
        <v>264</v>
      </c>
      <c r="E45662" s="15">
        <v>45413</v>
      </c>
      <c r="F45662" s="14" t="s">
        <v>28</v>
      </c>
      <c r="G45662" s="16">
        <v>0</v>
      </c>
    </row>
    <row r="45663" spans="1:7" x14ac:dyDescent="0.3">
      <c r="A45663" s="13" t="s">
        <v>263</v>
      </c>
      <c r="B45663" s="14" t="s">
        <v>1</v>
      </c>
      <c r="C45663" s="14" t="s">
        <v>96</v>
      </c>
      <c r="D45663" s="14" t="s">
        <v>264</v>
      </c>
      <c r="E45663" s="15">
        <v>45414</v>
      </c>
      <c r="F45663" s="14" t="s">
        <v>28</v>
      </c>
      <c r="G45663" s="16">
        <v>0</v>
      </c>
    </row>
    <row r="45664" spans="1:7" x14ac:dyDescent="0.3">
      <c r="A45664" s="13" t="s">
        <v>263</v>
      </c>
      <c r="B45664" s="14" t="s">
        <v>1</v>
      </c>
      <c r="C45664" s="14" t="s">
        <v>96</v>
      </c>
      <c r="D45664" s="14" t="s">
        <v>264</v>
      </c>
      <c r="E45664" s="15">
        <v>45415</v>
      </c>
      <c r="F45664" s="14" t="s">
        <v>28</v>
      </c>
      <c r="G45664" s="16">
        <v>0</v>
      </c>
    </row>
    <row r="45665" spans="1:7" x14ac:dyDescent="0.3">
      <c r="A45665" s="13" t="s">
        <v>263</v>
      </c>
      <c r="B45665" s="14" t="s">
        <v>1</v>
      </c>
      <c r="C45665" s="14" t="s">
        <v>96</v>
      </c>
      <c r="D45665" s="14" t="s">
        <v>264</v>
      </c>
      <c r="E45665" s="15">
        <v>45416</v>
      </c>
      <c r="F45665" s="14" t="s">
        <v>28</v>
      </c>
      <c r="G45665" s="16">
        <v>0</v>
      </c>
    </row>
    <row r="45666" spans="1:7" x14ac:dyDescent="0.3">
      <c r="A45666" s="13" t="s">
        <v>263</v>
      </c>
      <c r="B45666" s="14" t="s">
        <v>1</v>
      </c>
      <c r="C45666" s="14" t="s">
        <v>96</v>
      </c>
      <c r="D45666" s="14" t="s">
        <v>264</v>
      </c>
      <c r="E45666" s="15">
        <v>45417</v>
      </c>
      <c r="F45666" s="14" t="s">
        <v>28</v>
      </c>
      <c r="G45666" s="16">
        <v>0</v>
      </c>
    </row>
    <row r="45667" spans="1:7" x14ac:dyDescent="0.3">
      <c r="A45667" s="13" t="s">
        <v>263</v>
      </c>
      <c r="B45667" s="14" t="s">
        <v>1</v>
      </c>
      <c r="C45667" s="14" t="s">
        <v>96</v>
      </c>
      <c r="D45667" s="14" t="s">
        <v>264</v>
      </c>
      <c r="E45667" s="15">
        <v>45418</v>
      </c>
      <c r="F45667" s="14" t="s">
        <v>28</v>
      </c>
      <c r="G45667" s="16">
        <v>0</v>
      </c>
    </row>
    <row r="45668" spans="1:7" x14ac:dyDescent="0.3">
      <c r="A45668" s="13" t="s">
        <v>263</v>
      </c>
      <c r="B45668" s="14" t="s">
        <v>1</v>
      </c>
      <c r="C45668" s="14" t="s">
        <v>96</v>
      </c>
      <c r="D45668" s="14" t="s">
        <v>264</v>
      </c>
      <c r="E45668" s="15">
        <v>45419</v>
      </c>
      <c r="F45668" s="14" t="s">
        <v>28</v>
      </c>
      <c r="G45668" s="16">
        <v>0</v>
      </c>
    </row>
    <row r="45669" spans="1:7" x14ac:dyDescent="0.3">
      <c r="A45669" s="13" t="s">
        <v>263</v>
      </c>
      <c r="B45669" s="14" t="s">
        <v>1</v>
      </c>
      <c r="C45669" s="14" t="s">
        <v>96</v>
      </c>
      <c r="D45669" s="14" t="s">
        <v>264</v>
      </c>
      <c r="E45669" s="15">
        <v>45420</v>
      </c>
      <c r="F45669" s="14" t="s">
        <v>28</v>
      </c>
      <c r="G45669" s="16">
        <v>0</v>
      </c>
    </row>
    <row r="45670" spans="1:7" x14ac:dyDescent="0.3">
      <c r="A45670" s="13" t="s">
        <v>263</v>
      </c>
      <c r="B45670" s="14" t="s">
        <v>1</v>
      </c>
      <c r="C45670" s="14" t="s">
        <v>96</v>
      </c>
      <c r="D45670" s="14" t="s">
        <v>264</v>
      </c>
      <c r="E45670" s="15">
        <v>45421</v>
      </c>
      <c r="F45670" s="14" t="s">
        <v>28</v>
      </c>
      <c r="G45670" s="16">
        <v>0</v>
      </c>
    </row>
    <row r="45671" spans="1:7" x14ac:dyDescent="0.3">
      <c r="A45671" s="13" t="s">
        <v>263</v>
      </c>
      <c r="B45671" s="14" t="s">
        <v>1</v>
      </c>
      <c r="C45671" s="14" t="s">
        <v>96</v>
      </c>
      <c r="D45671" s="14" t="s">
        <v>264</v>
      </c>
      <c r="E45671" s="15">
        <v>45422</v>
      </c>
      <c r="F45671" s="14" t="s">
        <v>28</v>
      </c>
      <c r="G45671" s="16">
        <v>0</v>
      </c>
    </row>
    <row r="45672" spans="1:7" x14ac:dyDescent="0.3">
      <c r="A45672" s="13" t="s">
        <v>263</v>
      </c>
      <c r="B45672" s="14" t="s">
        <v>1</v>
      </c>
      <c r="C45672" s="14" t="s">
        <v>96</v>
      </c>
      <c r="D45672" s="14" t="s">
        <v>264</v>
      </c>
      <c r="E45672" s="15">
        <v>45423</v>
      </c>
      <c r="F45672" s="14" t="s">
        <v>28</v>
      </c>
      <c r="G45672" s="16">
        <v>0</v>
      </c>
    </row>
    <row r="45673" spans="1:7" x14ac:dyDescent="0.3">
      <c r="A45673" s="13" t="s">
        <v>263</v>
      </c>
      <c r="B45673" s="14" t="s">
        <v>1</v>
      </c>
      <c r="C45673" s="14" t="s">
        <v>96</v>
      </c>
      <c r="D45673" s="14" t="s">
        <v>264</v>
      </c>
      <c r="E45673" s="15">
        <v>45424</v>
      </c>
      <c r="F45673" s="14" t="s">
        <v>28</v>
      </c>
      <c r="G45673" s="16">
        <v>0</v>
      </c>
    </row>
    <row r="45674" spans="1:7" x14ac:dyDescent="0.3">
      <c r="A45674" s="13" t="s">
        <v>263</v>
      </c>
      <c r="B45674" s="14" t="s">
        <v>1</v>
      </c>
      <c r="C45674" s="14" t="s">
        <v>96</v>
      </c>
      <c r="D45674" s="14" t="s">
        <v>264</v>
      </c>
      <c r="E45674" s="15">
        <v>45425</v>
      </c>
      <c r="F45674" s="14" t="s">
        <v>28</v>
      </c>
      <c r="G45674" s="16">
        <v>0</v>
      </c>
    </row>
    <row r="45675" spans="1:7" x14ac:dyDescent="0.3">
      <c r="A45675" s="13" t="s">
        <v>263</v>
      </c>
      <c r="B45675" s="14" t="s">
        <v>1</v>
      </c>
      <c r="C45675" s="14" t="s">
        <v>96</v>
      </c>
      <c r="D45675" s="14" t="s">
        <v>264</v>
      </c>
      <c r="E45675" s="15">
        <v>45426</v>
      </c>
      <c r="F45675" s="14" t="s">
        <v>28</v>
      </c>
      <c r="G45675" s="16">
        <v>0</v>
      </c>
    </row>
    <row r="45676" spans="1:7" x14ac:dyDescent="0.3">
      <c r="A45676" s="13" t="s">
        <v>263</v>
      </c>
      <c r="B45676" s="14" t="s">
        <v>1</v>
      </c>
      <c r="C45676" s="14" t="s">
        <v>96</v>
      </c>
      <c r="D45676" s="14" t="s">
        <v>264</v>
      </c>
      <c r="E45676" s="15">
        <v>45427</v>
      </c>
      <c r="F45676" s="14" t="s">
        <v>28</v>
      </c>
      <c r="G45676" s="16">
        <v>0</v>
      </c>
    </row>
    <row r="45677" spans="1:7" x14ac:dyDescent="0.3">
      <c r="A45677" s="13" t="s">
        <v>263</v>
      </c>
      <c r="B45677" s="14" t="s">
        <v>1</v>
      </c>
      <c r="C45677" s="14" t="s">
        <v>96</v>
      </c>
      <c r="D45677" s="14" t="s">
        <v>264</v>
      </c>
      <c r="E45677" s="15">
        <v>45428</v>
      </c>
      <c r="F45677" s="14" t="s">
        <v>28</v>
      </c>
      <c r="G45677" s="16">
        <v>0</v>
      </c>
    </row>
    <row r="45678" spans="1:7" x14ac:dyDescent="0.3">
      <c r="A45678" s="13" t="s">
        <v>263</v>
      </c>
      <c r="B45678" s="14" t="s">
        <v>1</v>
      </c>
      <c r="C45678" s="14" t="s">
        <v>96</v>
      </c>
      <c r="D45678" s="14" t="s">
        <v>264</v>
      </c>
      <c r="E45678" s="15">
        <v>45429</v>
      </c>
      <c r="F45678" s="14" t="s">
        <v>28</v>
      </c>
      <c r="G45678" s="16">
        <v>0</v>
      </c>
    </row>
    <row r="45679" spans="1:7" x14ac:dyDescent="0.3">
      <c r="A45679" s="13" t="s">
        <v>263</v>
      </c>
      <c r="B45679" s="14" t="s">
        <v>1</v>
      </c>
      <c r="C45679" s="14" t="s">
        <v>96</v>
      </c>
      <c r="D45679" s="14" t="s">
        <v>264</v>
      </c>
      <c r="E45679" s="15">
        <v>45430</v>
      </c>
      <c r="F45679" s="14" t="s">
        <v>28</v>
      </c>
      <c r="G45679" s="16">
        <v>0</v>
      </c>
    </row>
    <row r="45680" spans="1:7" x14ac:dyDescent="0.3">
      <c r="A45680" s="13" t="s">
        <v>263</v>
      </c>
      <c r="B45680" s="14" t="s">
        <v>1</v>
      </c>
      <c r="C45680" s="14" t="s">
        <v>96</v>
      </c>
      <c r="D45680" s="14" t="s">
        <v>264</v>
      </c>
      <c r="E45680" s="15">
        <v>45431</v>
      </c>
      <c r="F45680" s="14" t="s">
        <v>28</v>
      </c>
      <c r="G45680" s="16">
        <v>0</v>
      </c>
    </row>
    <row r="45681" spans="1:7" x14ac:dyDescent="0.3">
      <c r="A45681" s="13" t="s">
        <v>263</v>
      </c>
      <c r="B45681" s="14" t="s">
        <v>1</v>
      </c>
      <c r="C45681" s="14" t="s">
        <v>96</v>
      </c>
      <c r="D45681" s="14" t="s">
        <v>264</v>
      </c>
      <c r="E45681" s="15">
        <v>45432</v>
      </c>
      <c r="F45681" s="14" t="s">
        <v>28</v>
      </c>
      <c r="G45681" s="16">
        <v>0</v>
      </c>
    </row>
    <row r="45682" spans="1:7" x14ac:dyDescent="0.3">
      <c r="A45682" s="13" t="s">
        <v>263</v>
      </c>
      <c r="B45682" s="14" t="s">
        <v>1</v>
      </c>
      <c r="C45682" s="14" t="s">
        <v>96</v>
      </c>
      <c r="D45682" s="14" t="s">
        <v>264</v>
      </c>
      <c r="E45682" s="15">
        <v>45433</v>
      </c>
      <c r="F45682" s="14" t="s">
        <v>28</v>
      </c>
      <c r="G45682" s="16">
        <v>0</v>
      </c>
    </row>
    <row r="45683" spans="1:7" x14ac:dyDescent="0.3">
      <c r="A45683" s="13" t="s">
        <v>263</v>
      </c>
      <c r="B45683" s="14" t="s">
        <v>1</v>
      </c>
      <c r="C45683" s="14" t="s">
        <v>96</v>
      </c>
      <c r="D45683" s="14" t="s">
        <v>264</v>
      </c>
      <c r="E45683" s="15">
        <v>45434</v>
      </c>
      <c r="F45683" s="14" t="s">
        <v>28</v>
      </c>
      <c r="G45683" s="16">
        <v>0</v>
      </c>
    </row>
    <row r="45684" spans="1:7" x14ac:dyDescent="0.3">
      <c r="A45684" s="13" t="s">
        <v>263</v>
      </c>
      <c r="B45684" s="14" t="s">
        <v>1</v>
      </c>
      <c r="C45684" s="14" t="s">
        <v>96</v>
      </c>
      <c r="D45684" s="14" t="s">
        <v>264</v>
      </c>
      <c r="E45684" s="15">
        <v>45435</v>
      </c>
      <c r="F45684" s="14" t="s">
        <v>28</v>
      </c>
      <c r="G45684" s="16">
        <v>0</v>
      </c>
    </row>
    <row r="45685" spans="1:7" x14ac:dyDescent="0.3">
      <c r="A45685" s="13" t="s">
        <v>263</v>
      </c>
      <c r="B45685" s="14" t="s">
        <v>1</v>
      </c>
      <c r="C45685" s="14" t="s">
        <v>96</v>
      </c>
      <c r="D45685" s="14" t="s">
        <v>264</v>
      </c>
      <c r="E45685" s="15">
        <v>45436</v>
      </c>
      <c r="F45685" s="14" t="s">
        <v>28</v>
      </c>
      <c r="G45685" s="16">
        <v>0</v>
      </c>
    </row>
    <row r="45686" spans="1:7" x14ac:dyDescent="0.3">
      <c r="A45686" s="13" t="s">
        <v>263</v>
      </c>
      <c r="B45686" s="14" t="s">
        <v>1</v>
      </c>
      <c r="C45686" s="14" t="s">
        <v>96</v>
      </c>
      <c r="D45686" s="14" t="s">
        <v>264</v>
      </c>
      <c r="E45686" s="15">
        <v>45437</v>
      </c>
      <c r="F45686" s="14" t="s">
        <v>28</v>
      </c>
      <c r="G45686" s="16">
        <v>0</v>
      </c>
    </row>
    <row r="45687" spans="1:7" x14ac:dyDescent="0.3">
      <c r="A45687" s="13" t="s">
        <v>263</v>
      </c>
      <c r="B45687" s="14" t="s">
        <v>1</v>
      </c>
      <c r="C45687" s="14" t="s">
        <v>96</v>
      </c>
      <c r="D45687" s="14" t="s">
        <v>264</v>
      </c>
      <c r="E45687" s="15">
        <v>45438</v>
      </c>
      <c r="F45687" s="14" t="s">
        <v>28</v>
      </c>
      <c r="G45687" s="16">
        <v>0</v>
      </c>
    </row>
    <row r="45688" spans="1:7" x14ac:dyDescent="0.3">
      <c r="A45688" s="13" t="s">
        <v>263</v>
      </c>
      <c r="B45688" s="14" t="s">
        <v>1</v>
      </c>
      <c r="C45688" s="14" t="s">
        <v>96</v>
      </c>
      <c r="D45688" s="14" t="s">
        <v>264</v>
      </c>
      <c r="E45688" s="15">
        <v>45439</v>
      </c>
      <c r="F45688" s="14" t="s">
        <v>28</v>
      </c>
      <c r="G45688" s="16">
        <v>0</v>
      </c>
    </row>
    <row r="45689" spans="1:7" x14ac:dyDescent="0.3">
      <c r="A45689" s="13" t="s">
        <v>263</v>
      </c>
      <c r="B45689" s="14" t="s">
        <v>1</v>
      </c>
      <c r="C45689" s="14" t="s">
        <v>96</v>
      </c>
      <c r="D45689" s="14" t="s">
        <v>264</v>
      </c>
      <c r="E45689" s="15">
        <v>45440</v>
      </c>
      <c r="F45689" s="14" t="s">
        <v>28</v>
      </c>
      <c r="G45689" s="16">
        <v>0</v>
      </c>
    </row>
    <row r="45690" spans="1:7" x14ac:dyDescent="0.3">
      <c r="A45690" s="13" t="s">
        <v>263</v>
      </c>
      <c r="B45690" s="14" t="s">
        <v>1</v>
      </c>
      <c r="C45690" s="14" t="s">
        <v>96</v>
      </c>
      <c r="D45690" s="14" t="s">
        <v>264</v>
      </c>
      <c r="E45690" s="15">
        <v>45441</v>
      </c>
      <c r="F45690" s="14" t="s">
        <v>28</v>
      </c>
      <c r="G45690" s="16">
        <v>0</v>
      </c>
    </row>
    <row r="45691" spans="1:7" x14ac:dyDescent="0.3">
      <c r="A45691" s="13" t="s">
        <v>263</v>
      </c>
      <c r="B45691" s="14" t="s">
        <v>1</v>
      </c>
      <c r="C45691" s="14" t="s">
        <v>96</v>
      </c>
      <c r="D45691" s="14" t="s">
        <v>264</v>
      </c>
      <c r="E45691" s="15">
        <v>45442</v>
      </c>
      <c r="F45691" s="14" t="s">
        <v>28</v>
      </c>
      <c r="G45691" s="16">
        <v>0</v>
      </c>
    </row>
    <row r="45692" spans="1:7" x14ac:dyDescent="0.3">
      <c r="A45692" s="13" t="s">
        <v>263</v>
      </c>
      <c r="B45692" s="14" t="s">
        <v>1</v>
      </c>
      <c r="C45692" s="14" t="s">
        <v>96</v>
      </c>
      <c r="D45692" s="14" t="s">
        <v>264</v>
      </c>
      <c r="E45692" s="15">
        <v>45443</v>
      </c>
      <c r="F45692" s="14" t="s">
        <v>28</v>
      </c>
      <c r="G45692" s="16">
        <v>0</v>
      </c>
    </row>
    <row r="45693" spans="1:7" x14ac:dyDescent="0.3">
      <c r="A45693" s="13" t="s">
        <v>263</v>
      </c>
      <c r="B45693" s="14" t="s">
        <v>1</v>
      </c>
      <c r="C45693" s="14" t="s">
        <v>96</v>
      </c>
      <c r="D45693" s="14" t="s">
        <v>264</v>
      </c>
      <c r="E45693" s="15">
        <v>45444</v>
      </c>
      <c r="F45693" s="14" t="s">
        <v>28</v>
      </c>
      <c r="G45693" s="16">
        <v>0</v>
      </c>
    </row>
    <row r="45694" spans="1:7" x14ac:dyDescent="0.3">
      <c r="A45694" s="13" t="s">
        <v>263</v>
      </c>
      <c r="B45694" s="14" t="s">
        <v>1</v>
      </c>
      <c r="C45694" s="14" t="s">
        <v>96</v>
      </c>
      <c r="D45694" s="14" t="s">
        <v>264</v>
      </c>
      <c r="E45694" s="15">
        <v>45445</v>
      </c>
      <c r="F45694" s="14" t="s">
        <v>28</v>
      </c>
      <c r="G45694" s="16">
        <v>0</v>
      </c>
    </row>
    <row r="45695" spans="1:7" x14ac:dyDescent="0.3">
      <c r="A45695" s="13" t="s">
        <v>263</v>
      </c>
      <c r="B45695" s="14" t="s">
        <v>1</v>
      </c>
      <c r="C45695" s="14" t="s">
        <v>96</v>
      </c>
      <c r="D45695" s="14" t="s">
        <v>264</v>
      </c>
      <c r="E45695" s="15">
        <v>45446</v>
      </c>
      <c r="F45695" s="14" t="s">
        <v>28</v>
      </c>
      <c r="G45695" s="16">
        <v>0</v>
      </c>
    </row>
    <row r="45696" spans="1:7" x14ac:dyDescent="0.3">
      <c r="A45696" s="13" t="s">
        <v>263</v>
      </c>
      <c r="B45696" s="14" t="s">
        <v>1</v>
      </c>
      <c r="C45696" s="14" t="s">
        <v>96</v>
      </c>
      <c r="D45696" s="14" t="s">
        <v>264</v>
      </c>
      <c r="E45696" s="15">
        <v>45447</v>
      </c>
      <c r="F45696" s="14" t="s">
        <v>28</v>
      </c>
      <c r="G45696" s="16">
        <v>0</v>
      </c>
    </row>
    <row r="45697" spans="1:7" x14ac:dyDescent="0.3">
      <c r="A45697" s="13" t="s">
        <v>263</v>
      </c>
      <c r="B45697" s="14" t="s">
        <v>1</v>
      </c>
      <c r="C45697" s="14" t="s">
        <v>96</v>
      </c>
      <c r="D45697" s="14" t="s">
        <v>264</v>
      </c>
      <c r="E45697" s="15">
        <v>45448</v>
      </c>
      <c r="F45697" s="14" t="s">
        <v>28</v>
      </c>
      <c r="G45697" s="16">
        <v>0</v>
      </c>
    </row>
    <row r="45698" spans="1:7" x14ac:dyDescent="0.3">
      <c r="A45698" s="13" t="s">
        <v>263</v>
      </c>
      <c r="B45698" s="14" t="s">
        <v>1</v>
      </c>
      <c r="C45698" s="14" t="s">
        <v>96</v>
      </c>
      <c r="D45698" s="14" t="s">
        <v>264</v>
      </c>
      <c r="E45698" s="15">
        <v>45449</v>
      </c>
      <c r="F45698" s="14" t="s">
        <v>28</v>
      </c>
      <c r="G45698" s="16">
        <v>0</v>
      </c>
    </row>
    <row r="45699" spans="1:7" x14ac:dyDescent="0.3">
      <c r="A45699" s="13" t="s">
        <v>263</v>
      </c>
      <c r="B45699" s="14" t="s">
        <v>1</v>
      </c>
      <c r="C45699" s="14" t="s">
        <v>96</v>
      </c>
      <c r="D45699" s="14" t="s">
        <v>264</v>
      </c>
      <c r="E45699" s="15">
        <v>45450</v>
      </c>
      <c r="F45699" s="14" t="s">
        <v>28</v>
      </c>
      <c r="G45699" s="16">
        <v>0</v>
      </c>
    </row>
    <row r="45700" spans="1:7" x14ac:dyDescent="0.3">
      <c r="A45700" s="13" t="s">
        <v>263</v>
      </c>
      <c r="B45700" s="14" t="s">
        <v>1</v>
      </c>
      <c r="C45700" s="14" t="s">
        <v>96</v>
      </c>
      <c r="D45700" s="14" t="s">
        <v>264</v>
      </c>
      <c r="E45700" s="15">
        <v>45451</v>
      </c>
      <c r="F45700" s="14" t="s">
        <v>28</v>
      </c>
      <c r="G45700" s="16">
        <v>0</v>
      </c>
    </row>
    <row r="45701" spans="1:7" x14ac:dyDescent="0.3">
      <c r="A45701" s="13" t="s">
        <v>263</v>
      </c>
      <c r="B45701" s="14" t="s">
        <v>1</v>
      </c>
      <c r="C45701" s="14" t="s">
        <v>96</v>
      </c>
      <c r="D45701" s="14" t="s">
        <v>264</v>
      </c>
      <c r="E45701" s="15">
        <v>45452</v>
      </c>
      <c r="F45701" s="14" t="s">
        <v>28</v>
      </c>
      <c r="G45701" s="16">
        <v>0</v>
      </c>
    </row>
    <row r="45702" spans="1:7" x14ac:dyDescent="0.3">
      <c r="A45702" s="13" t="s">
        <v>263</v>
      </c>
      <c r="B45702" s="14" t="s">
        <v>1</v>
      </c>
      <c r="C45702" s="14" t="s">
        <v>96</v>
      </c>
      <c r="D45702" s="14" t="s">
        <v>264</v>
      </c>
      <c r="E45702" s="15">
        <v>45453</v>
      </c>
      <c r="F45702" s="14" t="s">
        <v>28</v>
      </c>
      <c r="G45702" s="16">
        <v>0</v>
      </c>
    </row>
    <row r="45703" spans="1:7" x14ac:dyDescent="0.3">
      <c r="A45703" s="13" t="s">
        <v>263</v>
      </c>
      <c r="B45703" s="14" t="s">
        <v>1</v>
      </c>
      <c r="C45703" s="14" t="s">
        <v>96</v>
      </c>
      <c r="D45703" s="14" t="s">
        <v>264</v>
      </c>
      <c r="E45703" s="15">
        <v>45454</v>
      </c>
      <c r="F45703" s="14" t="s">
        <v>28</v>
      </c>
      <c r="G45703" s="16">
        <v>0</v>
      </c>
    </row>
    <row r="45704" spans="1:7" x14ac:dyDescent="0.3">
      <c r="A45704" s="13" t="s">
        <v>263</v>
      </c>
      <c r="B45704" s="14" t="s">
        <v>1</v>
      </c>
      <c r="C45704" s="14" t="s">
        <v>96</v>
      </c>
      <c r="D45704" s="14" t="s">
        <v>264</v>
      </c>
      <c r="E45704" s="15">
        <v>45455</v>
      </c>
      <c r="F45704" s="14" t="s">
        <v>28</v>
      </c>
      <c r="G45704" s="16">
        <v>0</v>
      </c>
    </row>
    <row r="45705" spans="1:7" x14ac:dyDescent="0.3">
      <c r="A45705" s="13" t="s">
        <v>263</v>
      </c>
      <c r="B45705" s="14" t="s">
        <v>1</v>
      </c>
      <c r="C45705" s="14" t="s">
        <v>96</v>
      </c>
      <c r="D45705" s="14" t="s">
        <v>264</v>
      </c>
      <c r="E45705" s="15">
        <v>45456</v>
      </c>
      <c r="F45705" s="14" t="s">
        <v>28</v>
      </c>
      <c r="G45705" s="16">
        <v>0</v>
      </c>
    </row>
    <row r="45706" spans="1:7" x14ac:dyDescent="0.3">
      <c r="A45706" s="13" t="s">
        <v>263</v>
      </c>
      <c r="B45706" s="14" t="s">
        <v>1</v>
      </c>
      <c r="C45706" s="14" t="s">
        <v>96</v>
      </c>
      <c r="D45706" s="14" t="s">
        <v>264</v>
      </c>
      <c r="E45706" s="15">
        <v>45457</v>
      </c>
      <c r="F45706" s="14" t="s">
        <v>28</v>
      </c>
      <c r="G45706" s="16">
        <v>0</v>
      </c>
    </row>
    <row r="45707" spans="1:7" x14ac:dyDescent="0.3">
      <c r="A45707" s="13" t="s">
        <v>263</v>
      </c>
      <c r="B45707" s="14" t="s">
        <v>1</v>
      </c>
      <c r="C45707" s="14" t="s">
        <v>96</v>
      </c>
      <c r="D45707" s="14" t="s">
        <v>264</v>
      </c>
      <c r="E45707" s="15">
        <v>45458</v>
      </c>
      <c r="F45707" s="14" t="s">
        <v>28</v>
      </c>
      <c r="G45707" s="16">
        <v>0</v>
      </c>
    </row>
    <row r="45708" spans="1:7" x14ac:dyDescent="0.3">
      <c r="A45708" s="13" t="s">
        <v>263</v>
      </c>
      <c r="B45708" s="14" t="s">
        <v>1</v>
      </c>
      <c r="C45708" s="14" t="s">
        <v>96</v>
      </c>
      <c r="D45708" s="14" t="s">
        <v>264</v>
      </c>
      <c r="E45708" s="15">
        <v>45459</v>
      </c>
      <c r="F45708" s="14" t="s">
        <v>28</v>
      </c>
      <c r="G45708" s="16">
        <v>0</v>
      </c>
    </row>
    <row r="45709" spans="1:7" x14ac:dyDescent="0.3">
      <c r="A45709" s="13" t="s">
        <v>263</v>
      </c>
      <c r="B45709" s="14" t="s">
        <v>1</v>
      </c>
      <c r="C45709" s="14" t="s">
        <v>96</v>
      </c>
      <c r="D45709" s="14" t="s">
        <v>264</v>
      </c>
      <c r="E45709" s="15">
        <v>45460</v>
      </c>
      <c r="F45709" s="14" t="s">
        <v>28</v>
      </c>
      <c r="G45709" s="16">
        <v>0</v>
      </c>
    </row>
    <row r="45710" spans="1:7" x14ac:dyDescent="0.3">
      <c r="A45710" s="13" t="s">
        <v>263</v>
      </c>
      <c r="B45710" s="14" t="s">
        <v>1</v>
      </c>
      <c r="C45710" s="14" t="s">
        <v>96</v>
      </c>
      <c r="D45710" s="14" t="s">
        <v>264</v>
      </c>
      <c r="E45710" s="15">
        <v>45461</v>
      </c>
      <c r="F45710" s="14" t="s">
        <v>28</v>
      </c>
      <c r="G45710" s="16">
        <v>0</v>
      </c>
    </row>
    <row r="45711" spans="1:7" x14ac:dyDescent="0.3">
      <c r="A45711" s="13" t="s">
        <v>263</v>
      </c>
      <c r="B45711" s="14" t="s">
        <v>1</v>
      </c>
      <c r="C45711" s="14" t="s">
        <v>96</v>
      </c>
      <c r="D45711" s="14" t="s">
        <v>264</v>
      </c>
      <c r="E45711" s="15">
        <v>45462</v>
      </c>
      <c r="F45711" s="14" t="s">
        <v>28</v>
      </c>
      <c r="G45711" s="16">
        <v>0</v>
      </c>
    </row>
    <row r="45712" spans="1:7" x14ac:dyDescent="0.3">
      <c r="A45712" s="13" t="s">
        <v>263</v>
      </c>
      <c r="B45712" s="14" t="s">
        <v>1</v>
      </c>
      <c r="C45712" s="14" t="s">
        <v>96</v>
      </c>
      <c r="D45712" s="14" t="s">
        <v>264</v>
      </c>
      <c r="E45712" s="15">
        <v>45463</v>
      </c>
      <c r="F45712" s="14" t="s">
        <v>28</v>
      </c>
      <c r="G45712" s="16">
        <v>0</v>
      </c>
    </row>
    <row r="45713" spans="1:7" x14ac:dyDescent="0.3">
      <c r="A45713" s="13" t="s">
        <v>263</v>
      </c>
      <c r="B45713" s="14" t="s">
        <v>1</v>
      </c>
      <c r="C45713" s="14" t="s">
        <v>96</v>
      </c>
      <c r="D45713" s="14" t="s">
        <v>264</v>
      </c>
      <c r="E45713" s="15">
        <v>45464</v>
      </c>
      <c r="F45713" s="14" t="s">
        <v>28</v>
      </c>
      <c r="G45713" s="16">
        <v>0</v>
      </c>
    </row>
    <row r="45714" spans="1:7" x14ac:dyDescent="0.3">
      <c r="A45714" s="13" t="s">
        <v>263</v>
      </c>
      <c r="B45714" s="14" t="s">
        <v>1</v>
      </c>
      <c r="C45714" s="14" t="s">
        <v>96</v>
      </c>
      <c r="D45714" s="14" t="s">
        <v>264</v>
      </c>
      <c r="E45714" s="15">
        <v>45465</v>
      </c>
      <c r="F45714" s="14" t="s">
        <v>28</v>
      </c>
      <c r="G45714" s="16">
        <v>0</v>
      </c>
    </row>
    <row r="45715" spans="1:7" x14ac:dyDescent="0.3">
      <c r="A45715" s="13" t="s">
        <v>263</v>
      </c>
      <c r="B45715" s="14" t="s">
        <v>1</v>
      </c>
      <c r="C45715" s="14" t="s">
        <v>96</v>
      </c>
      <c r="D45715" s="14" t="s">
        <v>264</v>
      </c>
      <c r="E45715" s="15">
        <v>45466</v>
      </c>
      <c r="F45715" s="14" t="s">
        <v>28</v>
      </c>
      <c r="G45715" s="16">
        <v>0</v>
      </c>
    </row>
    <row r="45716" spans="1:7" x14ac:dyDescent="0.3">
      <c r="A45716" s="13" t="s">
        <v>263</v>
      </c>
      <c r="B45716" s="14" t="s">
        <v>1</v>
      </c>
      <c r="C45716" s="14" t="s">
        <v>96</v>
      </c>
      <c r="D45716" s="14" t="s">
        <v>264</v>
      </c>
      <c r="E45716" s="15">
        <v>45467</v>
      </c>
      <c r="F45716" s="14" t="s">
        <v>28</v>
      </c>
      <c r="G45716" s="16">
        <v>0</v>
      </c>
    </row>
    <row r="45717" spans="1:7" x14ac:dyDescent="0.3">
      <c r="A45717" s="13" t="s">
        <v>263</v>
      </c>
      <c r="B45717" s="14" t="s">
        <v>1</v>
      </c>
      <c r="C45717" s="14" t="s">
        <v>96</v>
      </c>
      <c r="D45717" s="14" t="s">
        <v>264</v>
      </c>
      <c r="E45717" s="15">
        <v>45468</v>
      </c>
      <c r="F45717" s="14" t="s">
        <v>28</v>
      </c>
      <c r="G45717" s="16">
        <v>0</v>
      </c>
    </row>
    <row r="45718" spans="1:7" x14ac:dyDescent="0.3">
      <c r="A45718" s="13" t="s">
        <v>263</v>
      </c>
      <c r="B45718" s="14" t="s">
        <v>1</v>
      </c>
      <c r="C45718" s="14" t="s">
        <v>96</v>
      </c>
      <c r="D45718" s="14" t="s">
        <v>264</v>
      </c>
      <c r="E45718" s="15">
        <v>45469</v>
      </c>
      <c r="F45718" s="14" t="s">
        <v>28</v>
      </c>
      <c r="G45718" s="16">
        <v>0</v>
      </c>
    </row>
    <row r="45719" spans="1:7" x14ac:dyDescent="0.3">
      <c r="A45719" s="13" t="s">
        <v>263</v>
      </c>
      <c r="B45719" s="14" t="s">
        <v>1</v>
      </c>
      <c r="C45719" s="14" t="s">
        <v>96</v>
      </c>
      <c r="D45719" s="14" t="s">
        <v>264</v>
      </c>
      <c r="E45719" s="15">
        <v>45470</v>
      </c>
      <c r="F45719" s="14" t="s">
        <v>28</v>
      </c>
      <c r="G45719" s="16">
        <v>0</v>
      </c>
    </row>
    <row r="45720" spans="1:7" x14ac:dyDescent="0.3">
      <c r="A45720" s="13" t="s">
        <v>263</v>
      </c>
      <c r="B45720" s="14" t="s">
        <v>1</v>
      </c>
      <c r="C45720" s="14" t="s">
        <v>96</v>
      </c>
      <c r="D45720" s="14" t="s">
        <v>264</v>
      </c>
      <c r="E45720" s="15">
        <v>45471</v>
      </c>
      <c r="F45720" s="14" t="s">
        <v>28</v>
      </c>
      <c r="G45720" s="16">
        <v>0</v>
      </c>
    </row>
    <row r="45721" spans="1:7" x14ac:dyDescent="0.3">
      <c r="A45721" s="13" t="s">
        <v>263</v>
      </c>
      <c r="B45721" s="14" t="s">
        <v>1</v>
      </c>
      <c r="C45721" s="14" t="s">
        <v>96</v>
      </c>
      <c r="D45721" s="14" t="s">
        <v>264</v>
      </c>
      <c r="E45721" s="15">
        <v>45472</v>
      </c>
      <c r="F45721" s="14" t="s">
        <v>28</v>
      </c>
      <c r="G45721" s="16">
        <v>0</v>
      </c>
    </row>
    <row r="45722" spans="1:7" x14ac:dyDescent="0.3">
      <c r="A45722" s="13" t="s">
        <v>263</v>
      </c>
      <c r="B45722" s="14" t="s">
        <v>1</v>
      </c>
      <c r="C45722" s="14" t="s">
        <v>96</v>
      </c>
      <c r="D45722" s="14" t="s">
        <v>264</v>
      </c>
      <c r="E45722" s="15">
        <v>45473</v>
      </c>
      <c r="F45722" s="14" t="s">
        <v>28</v>
      </c>
      <c r="G45722" s="16">
        <v>0</v>
      </c>
    </row>
    <row r="45723" spans="1:7" x14ac:dyDescent="0.3">
      <c r="A45723" s="13" t="s">
        <v>263</v>
      </c>
      <c r="B45723" s="14" t="s">
        <v>1</v>
      </c>
      <c r="C45723" s="14" t="s">
        <v>96</v>
      </c>
      <c r="D45723" s="14" t="s">
        <v>264</v>
      </c>
      <c r="E45723" s="15">
        <v>45474</v>
      </c>
      <c r="F45723" s="14" t="s">
        <v>28</v>
      </c>
      <c r="G45723" s="16">
        <v>0</v>
      </c>
    </row>
    <row r="45724" spans="1:7" x14ac:dyDescent="0.3">
      <c r="A45724" s="13" t="s">
        <v>263</v>
      </c>
      <c r="B45724" s="14" t="s">
        <v>1</v>
      </c>
      <c r="C45724" s="14" t="s">
        <v>96</v>
      </c>
      <c r="D45724" s="14" t="s">
        <v>264</v>
      </c>
      <c r="E45724" s="15">
        <v>45475</v>
      </c>
      <c r="F45724" s="14" t="s">
        <v>28</v>
      </c>
      <c r="G45724" s="16">
        <v>0</v>
      </c>
    </row>
    <row r="45725" spans="1:7" x14ac:dyDescent="0.3">
      <c r="A45725" s="13" t="s">
        <v>263</v>
      </c>
      <c r="B45725" s="14" t="s">
        <v>1</v>
      </c>
      <c r="C45725" s="14" t="s">
        <v>96</v>
      </c>
      <c r="D45725" s="14" t="s">
        <v>264</v>
      </c>
      <c r="E45725" s="15">
        <v>45476</v>
      </c>
      <c r="F45725" s="14" t="s">
        <v>28</v>
      </c>
      <c r="G45725" s="16">
        <v>0</v>
      </c>
    </row>
    <row r="45726" spans="1:7" x14ac:dyDescent="0.3">
      <c r="A45726" s="13" t="s">
        <v>263</v>
      </c>
      <c r="B45726" s="14" t="s">
        <v>1</v>
      </c>
      <c r="C45726" s="14" t="s">
        <v>96</v>
      </c>
      <c r="D45726" s="14" t="s">
        <v>264</v>
      </c>
      <c r="E45726" s="15">
        <v>45477</v>
      </c>
      <c r="F45726" s="14" t="s">
        <v>28</v>
      </c>
      <c r="G45726" s="16">
        <v>0</v>
      </c>
    </row>
    <row r="45727" spans="1:7" x14ac:dyDescent="0.3">
      <c r="A45727" s="13" t="s">
        <v>263</v>
      </c>
      <c r="B45727" s="14" t="s">
        <v>1</v>
      </c>
      <c r="C45727" s="14" t="s">
        <v>96</v>
      </c>
      <c r="D45727" s="14" t="s">
        <v>264</v>
      </c>
      <c r="E45727" s="15">
        <v>45478</v>
      </c>
      <c r="F45727" s="14" t="s">
        <v>28</v>
      </c>
      <c r="G45727" s="16">
        <v>0</v>
      </c>
    </row>
    <row r="45728" spans="1:7" x14ac:dyDescent="0.3">
      <c r="A45728" s="13" t="s">
        <v>263</v>
      </c>
      <c r="B45728" s="14" t="s">
        <v>1</v>
      </c>
      <c r="C45728" s="14" t="s">
        <v>96</v>
      </c>
      <c r="D45728" s="14" t="s">
        <v>264</v>
      </c>
      <c r="E45728" s="15">
        <v>45479</v>
      </c>
      <c r="F45728" s="14" t="s">
        <v>28</v>
      </c>
      <c r="G45728" s="16">
        <v>0</v>
      </c>
    </row>
    <row r="45729" spans="1:7" x14ac:dyDescent="0.3">
      <c r="A45729" s="13" t="s">
        <v>263</v>
      </c>
      <c r="B45729" s="14" t="s">
        <v>1</v>
      </c>
      <c r="C45729" s="14" t="s">
        <v>96</v>
      </c>
      <c r="D45729" s="14" t="s">
        <v>264</v>
      </c>
      <c r="E45729" s="15">
        <v>45480</v>
      </c>
      <c r="F45729" s="14" t="s">
        <v>28</v>
      </c>
      <c r="G45729" s="16">
        <v>0</v>
      </c>
    </row>
    <row r="45730" spans="1:7" x14ac:dyDescent="0.3">
      <c r="A45730" s="13" t="s">
        <v>263</v>
      </c>
      <c r="B45730" s="14" t="s">
        <v>1</v>
      </c>
      <c r="C45730" s="14" t="s">
        <v>96</v>
      </c>
      <c r="D45730" s="14" t="s">
        <v>264</v>
      </c>
      <c r="E45730" s="15">
        <v>45481</v>
      </c>
      <c r="F45730" s="14" t="s">
        <v>28</v>
      </c>
      <c r="G45730" s="16">
        <v>0</v>
      </c>
    </row>
    <row r="45731" spans="1:7" x14ac:dyDescent="0.3">
      <c r="A45731" s="13" t="s">
        <v>263</v>
      </c>
      <c r="B45731" s="14" t="s">
        <v>1</v>
      </c>
      <c r="C45731" s="14" t="s">
        <v>96</v>
      </c>
      <c r="D45731" s="14" t="s">
        <v>264</v>
      </c>
      <c r="E45731" s="15">
        <v>45482</v>
      </c>
      <c r="F45731" s="14" t="s">
        <v>28</v>
      </c>
      <c r="G45731" s="16">
        <v>0</v>
      </c>
    </row>
    <row r="45732" spans="1:7" x14ac:dyDescent="0.3">
      <c r="A45732" s="13" t="s">
        <v>263</v>
      </c>
      <c r="B45732" s="14" t="s">
        <v>1</v>
      </c>
      <c r="C45732" s="14" t="s">
        <v>96</v>
      </c>
      <c r="D45732" s="14" t="s">
        <v>264</v>
      </c>
      <c r="E45732" s="15">
        <v>45483</v>
      </c>
      <c r="F45732" s="14" t="s">
        <v>28</v>
      </c>
      <c r="G45732" s="16">
        <v>0</v>
      </c>
    </row>
    <row r="45733" spans="1:7" x14ac:dyDescent="0.3">
      <c r="A45733" s="13" t="s">
        <v>263</v>
      </c>
      <c r="B45733" s="14" t="s">
        <v>1</v>
      </c>
      <c r="C45733" s="14" t="s">
        <v>96</v>
      </c>
      <c r="D45733" s="14" t="s">
        <v>264</v>
      </c>
      <c r="E45733" s="15">
        <v>45484</v>
      </c>
      <c r="F45733" s="14" t="s">
        <v>28</v>
      </c>
      <c r="G45733" s="16">
        <v>0</v>
      </c>
    </row>
    <row r="45734" spans="1:7" x14ac:dyDescent="0.3">
      <c r="A45734" s="13" t="s">
        <v>263</v>
      </c>
      <c r="B45734" s="14" t="s">
        <v>1</v>
      </c>
      <c r="C45734" s="14" t="s">
        <v>96</v>
      </c>
      <c r="D45734" s="14" t="s">
        <v>264</v>
      </c>
      <c r="E45734" s="15">
        <v>45485</v>
      </c>
      <c r="F45734" s="14" t="s">
        <v>28</v>
      </c>
      <c r="G45734" s="16">
        <v>0</v>
      </c>
    </row>
    <row r="45735" spans="1:7" x14ac:dyDescent="0.3">
      <c r="A45735" s="13" t="s">
        <v>263</v>
      </c>
      <c r="B45735" s="14" t="s">
        <v>1</v>
      </c>
      <c r="C45735" s="14" t="s">
        <v>96</v>
      </c>
      <c r="D45735" s="14" t="s">
        <v>264</v>
      </c>
      <c r="E45735" s="15">
        <v>45486</v>
      </c>
      <c r="F45735" s="14" t="s">
        <v>28</v>
      </c>
      <c r="G45735" s="16">
        <v>0</v>
      </c>
    </row>
    <row r="45736" spans="1:7" x14ac:dyDescent="0.3">
      <c r="A45736" s="13" t="s">
        <v>263</v>
      </c>
      <c r="B45736" s="14" t="s">
        <v>1</v>
      </c>
      <c r="C45736" s="14" t="s">
        <v>96</v>
      </c>
      <c r="D45736" s="14" t="s">
        <v>264</v>
      </c>
      <c r="E45736" s="15">
        <v>45487</v>
      </c>
      <c r="F45736" s="14" t="s">
        <v>28</v>
      </c>
      <c r="G45736" s="16">
        <v>0</v>
      </c>
    </row>
    <row r="45737" spans="1:7" x14ac:dyDescent="0.3">
      <c r="A45737" s="13" t="s">
        <v>263</v>
      </c>
      <c r="B45737" s="14" t="s">
        <v>1</v>
      </c>
      <c r="C45737" s="14" t="s">
        <v>96</v>
      </c>
      <c r="D45737" s="14" t="s">
        <v>264</v>
      </c>
      <c r="E45737" s="15">
        <v>45488</v>
      </c>
      <c r="F45737" s="14" t="s">
        <v>28</v>
      </c>
      <c r="G45737" s="16">
        <v>0</v>
      </c>
    </row>
    <row r="45738" spans="1:7" x14ac:dyDescent="0.3">
      <c r="A45738" s="13" t="s">
        <v>263</v>
      </c>
      <c r="B45738" s="14" t="s">
        <v>1</v>
      </c>
      <c r="C45738" s="14" t="s">
        <v>96</v>
      </c>
      <c r="D45738" s="14" t="s">
        <v>264</v>
      </c>
      <c r="E45738" s="15">
        <v>45489</v>
      </c>
      <c r="F45738" s="14" t="s">
        <v>28</v>
      </c>
      <c r="G45738" s="16">
        <v>0</v>
      </c>
    </row>
    <row r="45739" spans="1:7" x14ac:dyDescent="0.3">
      <c r="A45739" s="13" t="s">
        <v>263</v>
      </c>
      <c r="B45739" s="14" t="s">
        <v>1</v>
      </c>
      <c r="C45739" s="14" t="s">
        <v>96</v>
      </c>
      <c r="D45739" s="14" t="s">
        <v>264</v>
      </c>
      <c r="E45739" s="15">
        <v>45490</v>
      </c>
      <c r="F45739" s="14" t="s">
        <v>28</v>
      </c>
      <c r="G45739" s="16">
        <v>0</v>
      </c>
    </row>
    <row r="45740" spans="1:7" x14ac:dyDescent="0.3">
      <c r="A45740" s="13" t="s">
        <v>263</v>
      </c>
      <c r="B45740" s="14" t="s">
        <v>1</v>
      </c>
      <c r="C45740" s="14" t="s">
        <v>96</v>
      </c>
      <c r="D45740" s="14" t="s">
        <v>264</v>
      </c>
      <c r="E45740" s="15">
        <v>45491</v>
      </c>
      <c r="F45740" s="14" t="s">
        <v>28</v>
      </c>
      <c r="G45740" s="16">
        <v>0</v>
      </c>
    </row>
    <row r="45741" spans="1:7" x14ac:dyDescent="0.3">
      <c r="A45741" s="13" t="s">
        <v>263</v>
      </c>
      <c r="B45741" s="14" t="s">
        <v>1</v>
      </c>
      <c r="C45741" s="14" t="s">
        <v>96</v>
      </c>
      <c r="D45741" s="14" t="s">
        <v>264</v>
      </c>
      <c r="E45741" s="15">
        <v>45492</v>
      </c>
      <c r="F45741" s="14" t="s">
        <v>28</v>
      </c>
      <c r="G45741" s="16">
        <v>0</v>
      </c>
    </row>
    <row r="45742" spans="1:7" x14ac:dyDescent="0.3">
      <c r="A45742" s="13" t="s">
        <v>263</v>
      </c>
      <c r="B45742" s="14" t="s">
        <v>1</v>
      </c>
      <c r="C45742" s="14" t="s">
        <v>96</v>
      </c>
      <c r="D45742" s="14" t="s">
        <v>264</v>
      </c>
      <c r="E45742" s="15">
        <v>45493</v>
      </c>
      <c r="F45742" s="14" t="s">
        <v>28</v>
      </c>
      <c r="G45742" s="16">
        <v>0</v>
      </c>
    </row>
    <row r="45743" spans="1:7" x14ac:dyDescent="0.3">
      <c r="A45743" s="13" t="s">
        <v>263</v>
      </c>
      <c r="B45743" s="14" t="s">
        <v>1</v>
      </c>
      <c r="C45743" s="14" t="s">
        <v>96</v>
      </c>
      <c r="D45743" s="14" t="s">
        <v>264</v>
      </c>
      <c r="E45743" s="15">
        <v>45494</v>
      </c>
      <c r="F45743" s="14" t="s">
        <v>28</v>
      </c>
      <c r="G45743" s="16">
        <v>0</v>
      </c>
    </row>
    <row r="45744" spans="1:7" x14ac:dyDescent="0.3">
      <c r="A45744" s="13" t="s">
        <v>263</v>
      </c>
      <c r="B45744" s="14" t="s">
        <v>1</v>
      </c>
      <c r="C45744" s="14" t="s">
        <v>96</v>
      </c>
      <c r="D45744" s="14" t="s">
        <v>264</v>
      </c>
      <c r="E45744" s="15">
        <v>45495</v>
      </c>
      <c r="F45744" s="14" t="s">
        <v>28</v>
      </c>
      <c r="G45744" s="16">
        <v>0</v>
      </c>
    </row>
    <row r="45745" spans="1:7" x14ac:dyDescent="0.3">
      <c r="A45745" s="13" t="s">
        <v>263</v>
      </c>
      <c r="B45745" s="14" t="s">
        <v>1</v>
      </c>
      <c r="C45745" s="14" t="s">
        <v>96</v>
      </c>
      <c r="D45745" s="14" t="s">
        <v>264</v>
      </c>
      <c r="E45745" s="15">
        <v>45496</v>
      </c>
      <c r="F45745" s="14" t="s">
        <v>28</v>
      </c>
      <c r="G45745" s="16">
        <v>0</v>
      </c>
    </row>
    <row r="45746" spans="1:7" x14ac:dyDescent="0.3">
      <c r="A45746" s="13" t="s">
        <v>263</v>
      </c>
      <c r="B45746" s="14" t="s">
        <v>1</v>
      </c>
      <c r="C45746" s="14" t="s">
        <v>96</v>
      </c>
      <c r="D45746" s="14" t="s">
        <v>264</v>
      </c>
      <c r="E45746" s="15">
        <v>45497</v>
      </c>
      <c r="F45746" s="14" t="s">
        <v>28</v>
      </c>
      <c r="G45746" s="16">
        <v>0</v>
      </c>
    </row>
    <row r="45747" spans="1:7" x14ac:dyDescent="0.3">
      <c r="A45747" s="13" t="s">
        <v>263</v>
      </c>
      <c r="B45747" s="14" t="s">
        <v>1</v>
      </c>
      <c r="C45747" s="14" t="s">
        <v>96</v>
      </c>
      <c r="D45747" s="14" t="s">
        <v>264</v>
      </c>
      <c r="E45747" s="15">
        <v>45498</v>
      </c>
      <c r="F45747" s="14" t="s">
        <v>28</v>
      </c>
      <c r="G45747" s="16">
        <v>0</v>
      </c>
    </row>
    <row r="45748" spans="1:7" x14ac:dyDescent="0.3">
      <c r="A45748" s="13" t="s">
        <v>263</v>
      </c>
      <c r="B45748" s="14" t="s">
        <v>1</v>
      </c>
      <c r="C45748" s="14" t="s">
        <v>96</v>
      </c>
      <c r="D45748" s="14" t="s">
        <v>264</v>
      </c>
      <c r="E45748" s="15">
        <v>45499</v>
      </c>
      <c r="F45748" s="14" t="s">
        <v>28</v>
      </c>
      <c r="G45748" s="16">
        <v>0</v>
      </c>
    </row>
    <row r="45749" spans="1:7" x14ac:dyDescent="0.3">
      <c r="A45749" s="13" t="s">
        <v>263</v>
      </c>
      <c r="B45749" s="14" t="s">
        <v>1</v>
      </c>
      <c r="C45749" s="14" t="s">
        <v>96</v>
      </c>
      <c r="D45749" s="14" t="s">
        <v>264</v>
      </c>
      <c r="E45749" s="15">
        <v>45500</v>
      </c>
      <c r="F45749" s="14" t="s">
        <v>28</v>
      </c>
      <c r="G45749" s="16">
        <v>0</v>
      </c>
    </row>
    <row r="45750" spans="1:7" x14ac:dyDescent="0.3">
      <c r="A45750" s="13" t="s">
        <v>263</v>
      </c>
      <c r="B45750" s="14" t="s">
        <v>1</v>
      </c>
      <c r="C45750" s="14" t="s">
        <v>96</v>
      </c>
      <c r="D45750" s="14" t="s">
        <v>264</v>
      </c>
      <c r="E45750" s="15">
        <v>45501</v>
      </c>
      <c r="F45750" s="14" t="s">
        <v>28</v>
      </c>
      <c r="G45750" s="16">
        <v>0</v>
      </c>
    </row>
    <row r="45751" spans="1:7" x14ac:dyDescent="0.3">
      <c r="A45751" s="13" t="s">
        <v>263</v>
      </c>
      <c r="B45751" s="14" t="s">
        <v>1</v>
      </c>
      <c r="C45751" s="14" t="s">
        <v>96</v>
      </c>
      <c r="D45751" s="14" t="s">
        <v>264</v>
      </c>
      <c r="E45751" s="15">
        <v>45502</v>
      </c>
      <c r="F45751" s="14" t="s">
        <v>28</v>
      </c>
      <c r="G45751" s="16">
        <v>0</v>
      </c>
    </row>
    <row r="45752" spans="1:7" x14ac:dyDescent="0.3">
      <c r="A45752" s="13" t="s">
        <v>263</v>
      </c>
      <c r="B45752" s="14" t="s">
        <v>1</v>
      </c>
      <c r="C45752" s="14" t="s">
        <v>96</v>
      </c>
      <c r="D45752" s="14" t="s">
        <v>264</v>
      </c>
      <c r="E45752" s="15">
        <v>45503</v>
      </c>
      <c r="F45752" s="14" t="s">
        <v>28</v>
      </c>
      <c r="G45752" s="16">
        <v>0</v>
      </c>
    </row>
    <row r="45753" spans="1:7" x14ac:dyDescent="0.3">
      <c r="A45753" s="13" t="s">
        <v>263</v>
      </c>
      <c r="B45753" s="14" t="s">
        <v>1</v>
      </c>
      <c r="C45753" s="14" t="s">
        <v>96</v>
      </c>
      <c r="D45753" s="14" t="s">
        <v>264</v>
      </c>
      <c r="E45753" s="15">
        <v>45504</v>
      </c>
      <c r="F45753" s="14" t="s">
        <v>28</v>
      </c>
      <c r="G45753" s="16">
        <v>0</v>
      </c>
    </row>
    <row r="45754" spans="1:7" x14ac:dyDescent="0.3">
      <c r="A45754" s="13" t="s">
        <v>263</v>
      </c>
      <c r="B45754" s="14" t="s">
        <v>1</v>
      </c>
      <c r="C45754" s="14" t="s">
        <v>96</v>
      </c>
      <c r="D45754" s="14" t="s">
        <v>264</v>
      </c>
      <c r="E45754" s="15">
        <v>45505</v>
      </c>
      <c r="F45754" s="14" t="s">
        <v>28</v>
      </c>
      <c r="G45754" s="16">
        <v>0</v>
      </c>
    </row>
    <row r="45755" spans="1:7" x14ac:dyDescent="0.3">
      <c r="A45755" s="13" t="s">
        <v>263</v>
      </c>
      <c r="B45755" s="14" t="s">
        <v>1</v>
      </c>
      <c r="C45755" s="14" t="s">
        <v>96</v>
      </c>
      <c r="D45755" s="14" t="s">
        <v>264</v>
      </c>
      <c r="E45755" s="15">
        <v>45506</v>
      </c>
      <c r="F45755" s="14" t="s">
        <v>28</v>
      </c>
      <c r="G45755" s="16">
        <v>0</v>
      </c>
    </row>
    <row r="45756" spans="1:7" x14ac:dyDescent="0.3">
      <c r="A45756" s="13" t="s">
        <v>263</v>
      </c>
      <c r="B45756" s="14" t="s">
        <v>1</v>
      </c>
      <c r="C45756" s="14" t="s">
        <v>96</v>
      </c>
      <c r="D45756" s="14" t="s">
        <v>264</v>
      </c>
      <c r="E45756" s="15">
        <v>45507</v>
      </c>
      <c r="F45756" s="14" t="s">
        <v>28</v>
      </c>
      <c r="G45756" s="16">
        <v>0</v>
      </c>
    </row>
    <row r="45757" spans="1:7" x14ac:dyDescent="0.3">
      <c r="A45757" s="13" t="s">
        <v>263</v>
      </c>
      <c r="B45757" s="14" t="s">
        <v>1</v>
      </c>
      <c r="C45757" s="14" t="s">
        <v>96</v>
      </c>
      <c r="D45757" s="14" t="s">
        <v>264</v>
      </c>
      <c r="E45757" s="15">
        <v>45508</v>
      </c>
      <c r="F45757" s="14" t="s">
        <v>28</v>
      </c>
      <c r="G45757" s="16">
        <v>0</v>
      </c>
    </row>
    <row r="45758" spans="1:7" x14ac:dyDescent="0.3">
      <c r="A45758" s="13" t="s">
        <v>263</v>
      </c>
      <c r="B45758" s="14" t="s">
        <v>1</v>
      </c>
      <c r="C45758" s="14" t="s">
        <v>96</v>
      </c>
      <c r="D45758" s="14" t="s">
        <v>264</v>
      </c>
      <c r="E45758" s="15">
        <v>45509</v>
      </c>
      <c r="F45758" s="14" t="s">
        <v>28</v>
      </c>
      <c r="G45758" s="16">
        <v>0</v>
      </c>
    </row>
    <row r="45759" spans="1:7" x14ac:dyDescent="0.3">
      <c r="A45759" s="13" t="s">
        <v>263</v>
      </c>
      <c r="B45759" s="14" t="s">
        <v>1</v>
      </c>
      <c r="C45759" s="14" t="s">
        <v>96</v>
      </c>
      <c r="D45759" s="14" t="s">
        <v>264</v>
      </c>
      <c r="E45759" s="15">
        <v>45510</v>
      </c>
      <c r="F45759" s="14" t="s">
        <v>28</v>
      </c>
      <c r="G45759" s="16">
        <v>0</v>
      </c>
    </row>
    <row r="45760" spans="1:7" x14ac:dyDescent="0.3">
      <c r="A45760" s="13" t="s">
        <v>263</v>
      </c>
      <c r="B45760" s="14" t="s">
        <v>1</v>
      </c>
      <c r="C45760" s="14" t="s">
        <v>96</v>
      </c>
      <c r="D45760" s="14" t="s">
        <v>264</v>
      </c>
      <c r="E45760" s="15">
        <v>45511</v>
      </c>
      <c r="F45760" s="14" t="s">
        <v>28</v>
      </c>
      <c r="G45760" s="16">
        <v>0</v>
      </c>
    </row>
    <row r="45761" spans="1:7" x14ac:dyDescent="0.3">
      <c r="A45761" s="13" t="s">
        <v>263</v>
      </c>
      <c r="B45761" s="14" t="s">
        <v>1</v>
      </c>
      <c r="C45761" s="14" t="s">
        <v>96</v>
      </c>
      <c r="D45761" s="14" t="s">
        <v>264</v>
      </c>
      <c r="E45761" s="15">
        <v>45512</v>
      </c>
      <c r="F45761" s="14" t="s">
        <v>28</v>
      </c>
      <c r="G45761" s="16">
        <v>0</v>
      </c>
    </row>
    <row r="45762" spans="1:7" x14ac:dyDescent="0.3">
      <c r="A45762" s="13" t="s">
        <v>263</v>
      </c>
      <c r="B45762" s="14" t="s">
        <v>1</v>
      </c>
      <c r="C45762" s="14" t="s">
        <v>96</v>
      </c>
      <c r="D45762" s="14" t="s">
        <v>264</v>
      </c>
      <c r="E45762" s="15">
        <v>45513</v>
      </c>
      <c r="F45762" s="14" t="s">
        <v>28</v>
      </c>
      <c r="G45762" s="16">
        <v>0</v>
      </c>
    </row>
    <row r="45763" spans="1:7" x14ac:dyDescent="0.3">
      <c r="A45763" s="13" t="s">
        <v>263</v>
      </c>
      <c r="B45763" s="14" t="s">
        <v>1</v>
      </c>
      <c r="C45763" s="14" t="s">
        <v>96</v>
      </c>
      <c r="D45763" s="14" t="s">
        <v>264</v>
      </c>
      <c r="E45763" s="15">
        <v>45514</v>
      </c>
      <c r="F45763" s="14" t="s">
        <v>28</v>
      </c>
      <c r="G45763" s="16">
        <v>0</v>
      </c>
    </row>
    <row r="45764" spans="1:7" x14ac:dyDescent="0.3">
      <c r="A45764" s="13" t="s">
        <v>263</v>
      </c>
      <c r="B45764" s="14" t="s">
        <v>1</v>
      </c>
      <c r="C45764" s="14" t="s">
        <v>96</v>
      </c>
      <c r="D45764" s="14" t="s">
        <v>264</v>
      </c>
      <c r="E45764" s="15">
        <v>45515</v>
      </c>
      <c r="F45764" s="14" t="s">
        <v>28</v>
      </c>
      <c r="G45764" s="16">
        <v>0</v>
      </c>
    </row>
    <row r="45765" spans="1:7" x14ac:dyDescent="0.3">
      <c r="A45765" s="13" t="s">
        <v>263</v>
      </c>
      <c r="B45765" s="14" t="s">
        <v>1</v>
      </c>
      <c r="C45765" s="14" t="s">
        <v>96</v>
      </c>
      <c r="D45765" s="14" t="s">
        <v>264</v>
      </c>
      <c r="E45765" s="15">
        <v>45516</v>
      </c>
      <c r="F45765" s="14" t="s">
        <v>28</v>
      </c>
      <c r="G45765" s="16">
        <v>0</v>
      </c>
    </row>
    <row r="45766" spans="1:7" x14ac:dyDescent="0.3">
      <c r="A45766" s="13" t="s">
        <v>263</v>
      </c>
      <c r="B45766" s="14" t="s">
        <v>1</v>
      </c>
      <c r="C45766" s="14" t="s">
        <v>96</v>
      </c>
      <c r="D45766" s="14" t="s">
        <v>264</v>
      </c>
      <c r="E45766" s="15">
        <v>45517</v>
      </c>
      <c r="F45766" s="14" t="s">
        <v>28</v>
      </c>
      <c r="G45766" s="16">
        <v>0</v>
      </c>
    </row>
    <row r="45767" spans="1:7" x14ac:dyDescent="0.3">
      <c r="A45767" s="13" t="s">
        <v>263</v>
      </c>
      <c r="B45767" s="14" t="s">
        <v>1</v>
      </c>
      <c r="C45767" s="14" t="s">
        <v>96</v>
      </c>
      <c r="D45767" s="14" t="s">
        <v>264</v>
      </c>
      <c r="E45767" s="15">
        <v>45518</v>
      </c>
      <c r="F45767" s="14" t="s">
        <v>28</v>
      </c>
      <c r="G45767" s="16">
        <v>0</v>
      </c>
    </row>
    <row r="45768" spans="1:7" x14ac:dyDescent="0.3">
      <c r="A45768" s="13" t="s">
        <v>263</v>
      </c>
      <c r="B45768" s="14" t="s">
        <v>1</v>
      </c>
      <c r="C45768" s="14" t="s">
        <v>96</v>
      </c>
      <c r="D45768" s="14" t="s">
        <v>264</v>
      </c>
      <c r="E45768" s="15">
        <v>45519</v>
      </c>
      <c r="F45768" s="14" t="s">
        <v>28</v>
      </c>
      <c r="G45768" s="16">
        <v>0</v>
      </c>
    </row>
    <row r="45769" spans="1:7" x14ac:dyDescent="0.3">
      <c r="A45769" s="13" t="s">
        <v>263</v>
      </c>
      <c r="B45769" s="14" t="s">
        <v>1</v>
      </c>
      <c r="C45769" s="14" t="s">
        <v>96</v>
      </c>
      <c r="D45769" s="14" t="s">
        <v>264</v>
      </c>
      <c r="E45769" s="15">
        <v>45520</v>
      </c>
      <c r="F45769" s="14" t="s">
        <v>28</v>
      </c>
      <c r="G45769" s="16">
        <v>0</v>
      </c>
    </row>
    <row r="45770" spans="1:7" x14ac:dyDescent="0.3">
      <c r="A45770" s="13" t="s">
        <v>263</v>
      </c>
      <c r="B45770" s="14" t="s">
        <v>1</v>
      </c>
      <c r="C45770" s="14" t="s">
        <v>96</v>
      </c>
      <c r="D45770" s="14" t="s">
        <v>264</v>
      </c>
      <c r="E45770" s="15">
        <v>45521</v>
      </c>
      <c r="F45770" s="14" t="s">
        <v>28</v>
      </c>
      <c r="G45770" s="16">
        <v>0</v>
      </c>
    </row>
    <row r="45771" spans="1:7" x14ac:dyDescent="0.3">
      <c r="A45771" s="13" t="s">
        <v>263</v>
      </c>
      <c r="B45771" s="14" t="s">
        <v>1</v>
      </c>
      <c r="C45771" s="14" t="s">
        <v>96</v>
      </c>
      <c r="D45771" s="14" t="s">
        <v>264</v>
      </c>
      <c r="E45771" s="15">
        <v>45522</v>
      </c>
      <c r="F45771" s="14" t="s">
        <v>28</v>
      </c>
      <c r="G45771" s="16">
        <v>0</v>
      </c>
    </row>
    <row r="45772" spans="1:7" x14ac:dyDescent="0.3">
      <c r="A45772" s="13" t="s">
        <v>263</v>
      </c>
      <c r="B45772" s="14" t="s">
        <v>1</v>
      </c>
      <c r="C45772" s="14" t="s">
        <v>96</v>
      </c>
      <c r="D45772" s="14" t="s">
        <v>264</v>
      </c>
      <c r="E45772" s="15">
        <v>45523</v>
      </c>
      <c r="F45772" s="14" t="s">
        <v>28</v>
      </c>
      <c r="G45772" s="16">
        <v>0</v>
      </c>
    </row>
    <row r="45773" spans="1:7" x14ac:dyDescent="0.3">
      <c r="A45773" s="13" t="s">
        <v>263</v>
      </c>
      <c r="B45773" s="14" t="s">
        <v>1</v>
      </c>
      <c r="C45773" s="14" t="s">
        <v>96</v>
      </c>
      <c r="D45773" s="14" t="s">
        <v>264</v>
      </c>
      <c r="E45773" s="15">
        <v>45524</v>
      </c>
      <c r="F45773" s="14" t="s">
        <v>28</v>
      </c>
      <c r="G45773" s="16">
        <v>0</v>
      </c>
    </row>
    <row r="45774" spans="1:7" x14ac:dyDescent="0.3">
      <c r="A45774" s="13" t="s">
        <v>263</v>
      </c>
      <c r="B45774" s="14" t="s">
        <v>1</v>
      </c>
      <c r="C45774" s="14" t="s">
        <v>96</v>
      </c>
      <c r="D45774" s="14" t="s">
        <v>264</v>
      </c>
      <c r="E45774" s="15">
        <v>45525</v>
      </c>
      <c r="F45774" s="14" t="s">
        <v>28</v>
      </c>
      <c r="G45774" s="16">
        <v>0</v>
      </c>
    </row>
    <row r="45775" spans="1:7" x14ac:dyDescent="0.3">
      <c r="A45775" s="13" t="s">
        <v>263</v>
      </c>
      <c r="B45775" s="14" t="s">
        <v>1</v>
      </c>
      <c r="C45775" s="14" t="s">
        <v>96</v>
      </c>
      <c r="D45775" s="14" t="s">
        <v>264</v>
      </c>
      <c r="E45775" s="15">
        <v>45526</v>
      </c>
      <c r="F45775" s="14" t="s">
        <v>28</v>
      </c>
      <c r="G45775" s="16">
        <v>0</v>
      </c>
    </row>
    <row r="45776" spans="1:7" x14ac:dyDescent="0.3">
      <c r="A45776" s="13" t="s">
        <v>263</v>
      </c>
      <c r="B45776" s="14" t="s">
        <v>1</v>
      </c>
      <c r="C45776" s="14" t="s">
        <v>96</v>
      </c>
      <c r="D45776" s="14" t="s">
        <v>264</v>
      </c>
      <c r="E45776" s="15">
        <v>45527</v>
      </c>
      <c r="F45776" s="14" t="s">
        <v>28</v>
      </c>
      <c r="G45776" s="16">
        <v>0</v>
      </c>
    </row>
    <row r="45777" spans="1:7" x14ac:dyDescent="0.3">
      <c r="A45777" s="13" t="s">
        <v>263</v>
      </c>
      <c r="B45777" s="14" t="s">
        <v>1</v>
      </c>
      <c r="C45777" s="14" t="s">
        <v>96</v>
      </c>
      <c r="D45777" s="14" t="s">
        <v>264</v>
      </c>
      <c r="E45777" s="15">
        <v>45528</v>
      </c>
      <c r="F45777" s="14" t="s">
        <v>28</v>
      </c>
      <c r="G45777" s="16">
        <v>0</v>
      </c>
    </row>
    <row r="45778" spans="1:7" x14ac:dyDescent="0.3">
      <c r="A45778" s="13" t="s">
        <v>263</v>
      </c>
      <c r="B45778" s="14" t="s">
        <v>1</v>
      </c>
      <c r="C45778" s="14" t="s">
        <v>96</v>
      </c>
      <c r="D45778" s="14" t="s">
        <v>264</v>
      </c>
      <c r="E45778" s="15">
        <v>45529</v>
      </c>
      <c r="F45778" s="14" t="s">
        <v>28</v>
      </c>
      <c r="G45778" s="16">
        <v>0</v>
      </c>
    </row>
    <row r="45779" spans="1:7" x14ac:dyDescent="0.3">
      <c r="A45779" s="13" t="s">
        <v>263</v>
      </c>
      <c r="B45779" s="14" t="s">
        <v>1</v>
      </c>
      <c r="C45779" s="14" t="s">
        <v>96</v>
      </c>
      <c r="D45779" s="14" t="s">
        <v>264</v>
      </c>
      <c r="E45779" s="15">
        <v>45530</v>
      </c>
      <c r="F45779" s="14" t="s">
        <v>28</v>
      </c>
      <c r="G45779" s="16">
        <v>0</v>
      </c>
    </row>
    <row r="45780" spans="1:7" x14ac:dyDescent="0.3">
      <c r="A45780" s="13" t="s">
        <v>263</v>
      </c>
      <c r="B45780" s="14" t="s">
        <v>1</v>
      </c>
      <c r="C45780" s="14" t="s">
        <v>96</v>
      </c>
      <c r="D45780" s="14" t="s">
        <v>264</v>
      </c>
      <c r="E45780" s="15">
        <v>45531</v>
      </c>
      <c r="F45780" s="14" t="s">
        <v>28</v>
      </c>
      <c r="G45780" s="16">
        <v>0</v>
      </c>
    </row>
    <row r="45781" spans="1:7" x14ac:dyDescent="0.3">
      <c r="A45781" s="13" t="s">
        <v>263</v>
      </c>
      <c r="B45781" s="14" t="s">
        <v>1</v>
      </c>
      <c r="C45781" s="14" t="s">
        <v>96</v>
      </c>
      <c r="D45781" s="14" t="s">
        <v>264</v>
      </c>
      <c r="E45781" s="15">
        <v>45532</v>
      </c>
      <c r="F45781" s="14" t="s">
        <v>28</v>
      </c>
      <c r="G45781" s="16">
        <v>0</v>
      </c>
    </row>
    <row r="45782" spans="1:7" x14ac:dyDescent="0.3">
      <c r="A45782" s="13" t="s">
        <v>263</v>
      </c>
      <c r="B45782" s="14" t="s">
        <v>1</v>
      </c>
      <c r="C45782" s="14" t="s">
        <v>96</v>
      </c>
      <c r="D45782" s="14" t="s">
        <v>264</v>
      </c>
      <c r="E45782" s="15">
        <v>45533</v>
      </c>
      <c r="F45782" s="14" t="s">
        <v>28</v>
      </c>
      <c r="G45782" s="16">
        <v>0</v>
      </c>
    </row>
    <row r="45783" spans="1:7" x14ac:dyDescent="0.3">
      <c r="A45783" s="13" t="s">
        <v>263</v>
      </c>
      <c r="B45783" s="14" t="s">
        <v>1</v>
      </c>
      <c r="C45783" s="14" t="s">
        <v>96</v>
      </c>
      <c r="D45783" s="14" t="s">
        <v>264</v>
      </c>
      <c r="E45783" s="15">
        <v>45534</v>
      </c>
      <c r="F45783" s="14" t="s">
        <v>28</v>
      </c>
      <c r="G45783" s="16">
        <v>0</v>
      </c>
    </row>
    <row r="45784" spans="1:7" x14ac:dyDescent="0.3">
      <c r="A45784" s="13" t="s">
        <v>263</v>
      </c>
      <c r="B45784" s="14" t="s">
        <v>1</v>
      </c>
      <c r="C45784" s="14" t="s">
        <v>96</v>
      </c>
      <c r="D45784" s="14" t="s">
        <v>264</v>
      </c>
      <c r="E45784" s="15">
        <v>45535</v>
      </c>
      <c r="F45784" s="14" t="s">
        <v>28</v>
      </c>
      <c r="G45784" s="16">
        <v>0</v>
      </c>
    </row>
    <row r="45785" spans="1:7" x14ac:dyDescent="0.3">
      <c r="A45785" s="13" t="s">
        <v>263</v>
      </c>
      <c r="B45785" s="14" t="s">
        <v>1</v>
      </c>
      <c r="C45785" s="14" t="s">
        <v>96</v>
      </c>
      <c r="D45785" s="14" t="s">
        <v>264</v>
      </c>
      <c r="E45785" s="15">
        <v>45536</v>
      </c>
      <c r="F45785" s="14" t="s">
        <v>28</v>
      </c>
      <c r="G45785" s="16">
        <v>0</v>
      </c>
    </row>
    <row r="45786" spans="1:7" x14ac:dyDescent="0.3">
      <c r="A45786" s="13" t="s">
        <v>263</v>
      </c>
      <c r="B45786" s="14" t="s">
        <v>1</v>
      </c>
      <c r="C45786" s="14" t="s">
        <v>96</v>
      </c>
      <c r="D45786" s="14" t="s">
        <v>264</v>
      </c>
      <c r="E45786" s="15">
        <v>45537</v>
      </c>
      <c r="F45786" s="14" t="s">
        <v>28</v>
      </c>
      <c r="G45786" s="16">
        <v>0</v>
      </c>
    </row>
    <row r="45787" spans="1:7" x14ac:dyDescent="0.3">
      <c r="A45787" s="13" t="s">
        <v>263</v>
      </c>
      <c r="B45787" s="14" t="s">
        <v>1</v>
      </c>
      <c r="C45787" s="14" t="s">
        <v>96</v>
      </c>
      <c r="D45787" s="14" t="s">
        <v>264</v>
      </c>
      <c r="E45787" s="15">
        <v>45538</v>
      </c>
      <c r="F45787" s="14" t="s">
        <v>28</v>
      </c>
      <c r="G45787" s="16">
        <v>0</v>
      </c>
    </row>
    <row r="45788" spans="1:7" x14ac:dyDescent="0.3">
      <c r="A45788" s="13" t="s">
        <v>263</v>
      </c>
      <c r="B45788" s="14" t="s">
        <v>1</v>
      </c>
      <c r="C45788" s="14" t="s">
        <v>96</v>
      </c>
      <c r="D45788" s="14" t="s">
        <v>264</v>
      </c>
      <c r="E45788" s="15">
        <v>45539</v>
      </c>
      <c r="F45788" s="14" t="s">
        <v>28</v>
      </c>
      <c r="G45788" s="16">
        <v>0</v>
      </c>
    </row>
    <row r="45789" spans="1:7" x14ac:dyDescent="0.3">
      <c r="A45789" s="13" t="s">
        <v>263</v>
      </c>
      <c r="B45789" s="14" t="s">
        <v>1</v>
      </c>
      <c r="C45789" s="14" t="s">
        <v>96</v>
      </c>
      <c r="D45789" s="14" t="s">
        <v>264</v>
      </c>
      <c r="E45789" s="15">
        <v>45540</v>
      </c>
      <c r="F45789" s="14" t="s">
        <v>28</v>
      </c>
      <c r="G45789" s="16">
        <v>0</v>
      </c>
    </row>
    <row r="45790" spans="1:7" x14ac:dyDescent="0.3">
      <c r="A45790" s="13" t="s">
        <v>263</v>
      </c>
      <c r="B45790" s="14" t="s">
        <v>1</v>
      </c>
      <c r="C45790" s="14" t="s">
        <v>96</v>
      </c>
      <c r="D45790" s="14" t="s">
        <v>264</v>
      </c>
      <c r="E45790" s="15">
        <v>45541</v>
      </c>
      <c r="F45790" s="14" t="s">
        <v>28</v>
      </c>
      <c r="G45790" s="16">
        <v>0</v>
      </c>
    </row>
    <row r="45791" spans="1:7" x14ac:dyDescent="0.3">
      <c r="A45791" s="13" t="s">
        <v>263</v>
      </c>
      <c r="B45791" s="14" t="s">
        <v>1</v>
      </c>
      <c r="C45791" s="14" t="s">
        <v>96</v>
      </c>
      <c r="D45791" s="14" t="s">
        <v>264</v>
      </c>
      <c r="E45791" s="15">
        <v>45542</v>
      </c>
      <c r="F45791" s="14" t="s">
        <v>28</v>
      </c>
      <c r="G45791" s="16">
        <v>0</v>
      </c>
    </row>
    <row r="45792" spans="1:7" x14ac:dyDescent="0.3">
      <c r="A45792" s="13" t="s">
        <v>263</v>
      </c>
      <c r="B45792" s="14" t="s">
        <v>1</v>
      </c>
      <c r="C45792" s="14" t="s">
        <v>96</v>
      </c>
      <c r="D45792" s="14" t="s">
        <v>264</v>
      </c>
      <c r="E45792" s="15">
        <v>45543</v>
      </c>
      <c r="F45792" s="14" t="s">
        <v>28</v>
      </c>
      <c r="G45792" s="16">
        <v>0</v>
      </c>
    </row>
    <row r="45793" spans="1:7" x14ac:dyDescent="0.3">
      <c r="A45793" s="13" t="s">
        <v>263</v>
      </c>
      <c r="B45793" s="14" t="s">
        <v>1</v>
      </c>
      <c r="C45793" s="14" t="s">
        <v>96</v>
      </c>
      <c r="D45793" s="14" t="s">
        <v>264</v>
      </c>
      <c r="E45793" s="15">
        <v>45544</v>
      </c>
      <c r="F45793" s="14" t="s">
        <v>28</v>
      </c>
      <c r="G45793" s="16">
        <v>0</v>
      </c>
    </row>
    <row r="45794" spans="1:7" x14ac:dyDescent="0.3">
      <c r="A45794" s="13" t="s">
        <v>263</v>
      </c>
      <c r="B45794" s="14" t="s">
        <v>1</v>
      </c>
      <c r="C45794" s="14" t="s">
        <v>96</v>
      </c>
      <c r="D45794" s="14" t="s">
        <v>264</v>
      </c>
      <c r="E45794" s="15">
        <v>45545</v>
      </c>
      <c r="F45794" s="14" t="s">
        <v>28</v>
      </c>
      <c r="G45794" s="16">
        <v>0</v>
      </c>
    </row>
    <row r="45795" spans="1:7" x14ac:dyDescent="0.3">
      <c r="A45795" s="13" t="s">
        <v>263</v>
      </c>
      <c r="B45795" s="14" t="s">
        <v>1</v>
      </c>
      <c r="C45795" s="14" t="s">
        <v>96</v>
      </c>
      <c r="D45795" s="14" t="s">
        <v>264</v>
      </c>
      <c r="E45795" s="15">
        <v>45546</v>
      </c>
      <c r="F45795" s="14" t="s">
        <v>28</v>
      </c>
      <c r="G45795" s="16">
        <v>0</v>
      </c>
    </row>
    <row r="45796" spans="1:7" x14ac:dyDescent="0.3">
      <c r="A45796" s="13" t="s">
        <v>263</v>
      </c>
      <c r="B45796" s="14" t="s">
        <v>1</v>
      </c>
      <c r="C45796" s="14" t="s">
        <v>96</v>
      </c>
      <c r="D45796" s="14" t="s">
        <v>264</v>
      </c>
      <c r="E45796" s="15">
        <v>45547</v>
      </c>
      <c r="F45796" s="14" t="s">
        <v>28</v>
      </c>
      <c r="G45796" s="16">
        <v>0</v>
      </c>
    </row>
    <row r="45797" spans="1:7" x14ac:dyDescent="0.3">
      <c r="A45797" s="13" t="s">
        <v>263</v>
      </c>
      <c r="B45797" s="14" t="s">
        <v>1</v>
      </c>
      <c r="C45797" s="14" t="s">
        <v>96</v>
      </c>
      <c r="D45797" s="14" t="s">
        <v>264</v>
      </c>
      <c r="E45797" s="15">
        <v>45548</v>
      </c>
      <c r="F45797" s="14" t="s">
        <v>28</v>
      </c>
      <c r="G45797" s="16">
        <v>0</v>
      </c>
    </row>
    <row r="45798" spans="1:7" x14ac:dyDescent="0.3">
      <c r="A45798" s="13" t="s">
        <v>263</v>
      </c>
      <c r="B45798" s="14" t="s">
        <v>1</v>
      </c>
      <c r="C45798" s="14" t="s">
        <v>96</v>
      </c>
      <c r="D45798" s="14" t="s">
        <v>264</v>
      </c>
      <c r="E45798" s="15">
        <v>45549</v>
      </c>
      <c r="F45798" s="14" t="s">
        <v>28</v>
      </c>
      <c r="G45798" s="16">
        <v>0</v>
      </c>
    </row>
    <row r="45799" spans="1:7" x14ac:dyDescent="0.3">
      <c r="A45799" s="13" t="s">
        <v>263</v>
      </c>
      <c r="B45799" s="14" t="s">
        <v>1</v>
      </c>
      <c r="C45799" s="14" t="s">
        <v>96</v>
      </c>
      <c r="D45799" s="14" t="s">
        <v>264</v>
      </c>
      <c r="E45799" s="15">
        <v>45550</v>
      </c>
      <c r="F45799" s="14" t="s">
        <v>28</v>
      </c>
      <c r="G45799" s="16">
        <v>0</v>
      </c>
    </row>
    <row r="45800" spans="1:7" x14ac:dyDescent="0.3">
      <c r="A45800" s="13" t="s">
        <v>263</v>
      </c>
      <c r="B45800" s="14" t="s">
        <v>1</v>
      </c>
      <c r="C45800" s="14" t="s">
        <v>96</v>
      </c>
      <c r="D45800" s="14" t="s">
        <v>264</v>
      </c>
      <c r="E45800" s="15">
        <v>45551</v>
      </c>
      <c r="F45800" s="14" t="s">
        <v>28</v>
      </c>
      <c r="G45800" s="16">
        <v>0</v>
      </c>
    </row>
    <row r="45801" spans="1:7" x14ac:dyDescent="0.3">
      <c r="A45801" s="13" t="s">
        <v>263</v>
      </c>
      <c r="B45801" s="14" t="s">
        <v>1</v>
      </c>
      <c r="C45801" s="14" t="s">
        <v>96</v>
      </c>
      <c r="D45801" s="14" t="s">
        <v>264</v>
      </c>
      <c r="E45801" s="15">
        <v>45552</v>
      </c>
      <c r="F45801" s="14" t="s">
        <v>28</v>
      </c>
      <c r="G45801" s="16">
        <v>0</v>
      </c>
    </row>
    <row r="45802" spans="1:7" x14ac:dyDescent="0.3">
      <c r="A45802" s="13" t="s">
        <v>263</v>
      </c>
      <c r="B45802" s="14" t="s">
        <v>1</v>
      </c>
      <c r="C45802" s="14" t="s">
        <v>96</v>
      </c>
      <c r="D45802" s="14" t="s">
        <v>264</v>
      </c>
      <c r="E45802" s="15">
        <v>45553</v>
      </c>
      <c r="F45802" s="14" t="s">
        <v>28</v>
      </c>
      <c r="G45802" s="16">
        <v>0</v>
      </c>
    </row>
    <row r="45803" spans="1:7" x14ac:dyDescent="0.3">
      <c r="A45803" s="13" t="s">
        <v>263</v>
      </c>
      <c r="B45803" s="14" t="s">
        <v>1</v>
      </c>
      <c r="C45803" s="14" t="s">
        <v>96</v>
      </c>
      <c r="D45803" s="14" t="s">
        <v>264</v>
      </c>
      <c r="E45803" s="15">
        <v>45554</v>
      </c>
      <c r="F45803" s="14" t="s">
        <v>28</v>
      </c>
      <c r="G45803" s="16">
        <v>0</v>
      </c>
    </row>
    <row r="45804" spans="1:7" x14ac:dyDescent="0.3">
      <c r="A45804" s="13" t="s">
        <v>263</v>
      </c>
      <c r="B45804" s="14" t="s">
        <v>1</v>
      </c>
      <c r="C45804" s="14" t="s">
        <v>96</v>
      </c>
      <c r="D45804" s="14" t="s">
        <v>264</v>
      </c>
      <c r="E45804" s="15">
        <v>45555</v>
      </c>
      <c r="F45804" s="14" t="s">
        <v>28</v>
      </c>
      <c r="G45804" s="16">
        <v>0</v>
      </c>
    </row>
    <row r="45805" spans="1:7" x14ac:dyDescent="0.3">
      <c r="A45805" s="13" t="s">
        <v>263</v>
      </c>
      <c r="B45805" s="14" t="s">
        <v>1</v>
      </c>
      <c r="C45805" s="14" t="s">
        <v>96</v>
      </c>
      <c r="D45805" s="14" t="s">
        <v>264</v>
      </c>
      <c r="E45805" s="15">
        <v>45556</v>
      </c>
      <c r="F45805" s="14" t="s">
        <v>28</v>
      </c>
      <c r="G45805" s="16">
        <v>0</v>
      </c>
    </row>
    <row r="45806" spans="1:7" x14ac:dyDescent="0.3">
      <c r="A45806" s="13" t="s">
        <v>263</v>
      </c>
      <c r="B45806" s="14" t="s">
        <v>1</v>
      </c>
      <c r="C45806" s="14" t="s">
        <v>96</v>
      </c>
      <c r="D45806" s="14" t="s">
        <v>264</v>
      </c>
      <c r="E45806" s="15">
        <v>45557</v>
      </c>
      <c r="F45806" s="14" t="s">
        <v>28</v>
      </c>
      <c r="G45806" s="16">
        <v>0</v>
      </c>
    </row>
    <row r="45807" spans="1:7" x14ac:dyDescent="0.3">
      <c r="A45807" s="13" t="s">
        <v>263</v>
      </c>
      <c r="B45807" s="14" t="s">
        <v>1</v>
      </c>
      <c r="C45807" s="14" t="s">
        <v>96</v>
      </c>
      <c r="D45807" s="14" t="s">
        <v>264</v>
      </c>
      <c r="E45807" s="15">
        <v>45558</v>
      </c>
      <c r="F45807" s="14" t="s">
        <v>28</v>
      </c>
      <c r="G45807" s="16">
        <v>0</v>
      </c>
    </row>
    <row r="45808" spans="1:7" x14ac:dyDescent="0.3">
      <c r="A45808" s="13" t="s">
        <v>263</v>
      </c>
      <c r="B45808" s="14" t="s">
        <v>1</v>
      </c>
      <c r="C45808" s="14" t="s">
        <v>96</v>
      </c>
      <c r="D45808" s="14" t="s">
        <v>264</v>
      </c>
      <c r="E45808" s="15">
        <v>45559</v>
      </c>
      <c r="F45808" s="14" t="s">
        <v>28</v>
      </c>
      <c r="G45808" s="16">
        <v>0</v>
      </c>
    </row>
    <row r="45809" spans="1:7" x14ac:dyDescent="0.3">
      <c r="A45809" s="13" t="s">
        <v>263</v>
      </c>
      <c r="B45809" s="14" t="s">
        <v>1</v>
      </c>
      <c r="C45809" s="14" t="s">
        <v>96</v>
      </c>
      <c r="D45809" s="14" t="s">
        <v>264</v>
      </c>
      <c r="E45809" s="15">
        <v>45560</v>
      </c>
      <c r="F45809" s="14" t="s">
        <v>28</v>
      </c>
      <c r="G45809" s="16">
        <v>0</v>
      </c>
    </row>
    <row r="45810" spans="1:7" x14ac:dyDescent="0.3">
      <c r="A45810" s="13" t="s">
        <v>263</v>
      </c>
      <c r="B45810" s="14" t="s">
        <v>1</v>
      </c>
      <c r="C45810" s="14" t="s">
        <v>96</v>
      </c>
      <c r="D45810" s="14" t="s">
        <v>264</v>
      </c>
      <c r="E45810" s="15">
        <v>45561</v>
      </c>
      <c r="F45810" s="14" t="s">
        <v>28</v>
      </c>
      <c r="G45810" s="16">
        <v>0</v>
      </c>
    </row>
    <row r="45811" spans="1:7" x14ac:dyDescent="0.3">
      <c r="A45811" s="13" t="s">
        <v>263</v>
      </c>
      <c r="B45811" s="14" t="s">
        <v>1</v>
      </c>
      <c r="C45811" s="14" t="s">
        <v>96</v>
      </c>
      <c r="D45811" s="14" t="s">
        <v>264</v>
      </c>
      <c r="E45811" s="15">
        <v>45562</v>
      </c>
      <c r="F45811" s="14" t="s">
        <v>28</v>
      </c>
      <c r="G45811" s="16">
        <v>0</v>
      </c>
    </row>
    <row r="45812" spans="1:7" x14ac:dyDescent="0.3">
      <c r="A45812" s="13" t="s">
        <v>263</v>
      </c>
      <c r="B45812" s="14" t="s">
        <v>1</v>
      </c>
      <c r="C45812" s="14" t="s">
        <v>96</v>
      </c>
      <c r="D45812" s="14" t="s">
        <v>264</v>
      </c>
      <c r="E45812" s="15">
        <v>45563</v>
      </c>
      <c r="F45812" s="14" t="s">
        <v>28</v>
      </c>
      <c r="G45812" s="16">
        <v>0</v>
      </c>
    </row>
    <row r="45813" spans="1:7" x14ac:dyDescent="0.3">
      <c r="A45813" s="13" t="s">
        <v>263</v>
      </c>
      <c r="B45813" s="14" t="s">
        <v>1</v>
      </c>
      <c r="C45813" s="14" t="s">
        <v>96</v>
      </c>
      <c r="D45813" s="14" t="s">
        <v>264</v>
      </c>
      <c r="E45813" s="15">
        <v>45564</v>
      </c>
      <c r="F45813" s="14" t="s">
        <v>28</v>
      </c>
      <c r="G45813" s="16">
        <v>0</v>
      </c>
    </row>
    <row r="45814" spans="1:7" x14ac:dyDescent="0.3">
      <c r="A45814" s="13" t="s">
        <v>263</v>
      </c>
      <c r="B45814" s="14" t="s">
        <v>1</v>
      </c>
      <c r="C45814" s="14" t="s">
        <v>96</v>
      </c>
      <c r="D45814" s="14" t="s">
        <v>264</v>
      </c>
      <c r="E45814" s="15">
        <v>45565</v>
      </c>
      <c r="F45814" s="14" t="s">
        <v>28</v>
      </c>
      <c r="G45814" s="16">
        <v>0</v>
      </c>
    </row>
    <row r="45815" spans="1:7" x14ac:dyDescent="0.3">
      <c r="A45815" s="13" t="s">
        <v>263</v>
      </c>
      <c r="B45815" s="14" t="s">
        <v>1</v>
      </c>
      <c r="C45815" s="14" t="s">
        <v>96</v>
      </c>
      <c r="D45815" s="14" t="s">
        <v>264</v>
      </c>
      <c r="E45815" s="15">
        <v>45566</v>
      </c>
      <c r="F45815" s="14" t="s">
        <v>28</v>
      </c>
      <c r="G45815" s="16">
        <v>0</v>
      </c>
    </row>
    <row r="45816" spans="1:7" x14ac:dyDescent="0.3">
      <c r="A45816" s="13" t="s">
        <v>263</v>
      </c>
      <c r="B45816" s="14" t="s">
        <v>1</v>
      </c>
      <c r="C45816" s="14" t="s">
        <v>96</v>
      </c>
      <c r="D45816" s="14" t="s">
        <v>264</v>
      </c>
      <c r="E45816" s="15">
        <v>45567</v>
      </c>
      <c r="F45816" s="14" t="s">
        <v>28</v>
      </c>
      <c r="G45816" s="16">
        <v>0</v>
      </c>
    </row>
    <row r="45817" spans="1:7" x14ac:dyDescent="0.3">
      <c r="A45817" s="13" t="s">
        <v>263</v>
      </c>
      <c r="B45817" s="14" t="s">
        <v>1</v>
      </c>
      <c r="C45817" s="14" t="s">
        <v>96</v>
      </c>
      <c r="D45817" s="14" t="s">
        <v>264</v>
      </c>
      <c r="E45817" s="15">
        <v>45568</v>
      </c>
      <c r="F45817" s="14" t="s">
        <v>28</v>
      </c>
      <c r="G45817" s="16">
        <v>0</v>
      </c>
    </row>
    <row r="45818" spans="1:7" x14ac:dyDescent="0.3">
      <c r="A45818" s="13" t="s">
        <v>263</v>
      </c>
      <c r="B45818" s="14" t="s">
        <v>1</v>
      </c>
      <c r="C45818" s="14" t="s">
        <v>96</v>
      </c>
      <c r="D45818" s="14" t="s">
        <v>264</v>
      </c>
      <c r="E45818" s="15">
        <v>45569</v>
      </c>
      <c r="F45818" s="14" t="s">
        <v>28</v>
      </c>
      <c r="G45818" s="16">
        <v>0</v>
      </c>
    </row>
    <row r="45819" spans="1:7" x14ac:dyDescent="0.3">
      <c r="A45819" s="13" t="s">
        <v>263</v>
      </c>
      <c r="B45819" s="14" t="s">
        <v>1</v>
      </c>
      <c r="C45819" s="14" t="s">
        <v>96</v>
      </c>
      <c r="D45819" s="14" t="s">
        <v>264</v>
      </c>
      <c r="E45819" s="15">
        <v>45570</v>
      </c>
      <c r="F45819" s="14" t="s">
        <v>28</v>
      </c>
      <c r="G45819" s="16">
        <v>0</v>
      </c>
    </row>
    <row r="45820" spans="1:7" x14ac:dyDescent="0.3">
      <c r="A45820" s="13" t="s">
        <v>263</v>
      </c>
      <c r="B45820" s="14" t="s">
        <v>1</v>
      </c>
      <c r="C45820" s="14" t="s">
        <v>96</v>
      </c>
      <c r="D45820" s="14" t="s">
        <v>264</v>
      </c>
      <c r="E45820" s="15">
        <v>45571</v>
      </c>
      <c r="F45820" s="14" t="s">
        <v>28</v>
      </c>
      <c r="G45820" s="16">
        <v>0</v>
      </c>
    </row>
    <row r="45821" spans="1:7" x14ac:dyDescent="0.3">
      <c r="A45821" s="13" t="s">
        <v>263</v>
      </c>
      <c r="B45821" s="14" t="s">
        <v>1</v>
      </c>
      <c r="C45821" s="14" t="s">
        <v>96</v>
      </c>
      <c r="D45821" s="14" t="s">
        <v>264</v>
      </c>
      <c r="E45821" s="15">
        <v>45572</v>
      </c>
      <c r="F45821" s="14" t="s">
        <v>28</v>
      </c>
      <c r="G45821" s="16">
        <v>0</v>
      </c>
    </row>
    <row r="45822" spans="1:7" x14ac:dyDescent="0.3">
      <c r="A45822" s="13" t="s">
        <v>263</v>
      </c>
      <c r="B45822" s="14" t="s">
        <v>1</v>
      </c>
      <c r="C45822" s="14" t="s">
        <v>96</v>
      </c>
      <c r="D45822" s="14" t="s">
        <v>264</v>
      </c>
      <c r="E45822" s="15">
        <v>45573</v>
      </c>
      <c r="F45822" s="14" t="s">
        <v>28</v>
      </c>
      <c r="G45822" s="16">
        <v>0</v>
      </c>
    </row>
    <row r="45823" spans="1:7" x14ac:dyDescent="0.3">
      <c r="A45823" s="13" t="s">
        <v>263</v>
      </c>
      <c r="B45823" s="14" t="s">
        <v>1</v>
      </c>
      <c r="C45823" s="14" t="s">
        <v>96</v>
      </c>
      <c r="D45823" s="14" t="s">
        <v>264</v>
      </c>
      <c r="E45823" s="15">
        <v>45574</v>
      </c>
      <c r="F45823" s="14" t="s">
        <v>28</v>
      </c>
      <c r="G45823" s="16">
        <v>0</v>
      </c>
    </row>
    <row r="45824" spans="1:7" x14ac:dyDescent="0.3">
      <c r="A45824" s="13" t="s">
        <v>263</v>
      </c>
      <c r="B45824" s="14" t="s">
        <v>1</v>
      </c>
      <c r="C45824" s="14" t="s">
        <v>96</v>
      </c>
      <c r="D45824" s="14" t="s">
        <v>264</v>
      </c>
      <c r="E45824" s="15">
        <v>45575</v>
      </c>
      <c r="F45824" s="14" t="s">
        <v>28</v>
      </c>
      <c r="G45824" s="16">
        <v>0</v>
      </c>
    </row>
    <row r="45825" spans="1:7" x14ac:dyDescent="0.3">
      <c r="A45825" s="13" t="s">
        <v>263</v>
      </c>
      <c r="B45825" s="14" t="s">
        <v>1</v>
      </c>
      <c r="C45825" s="14" t="s">
        <v>96</v>
      </c>
      <c r="D45825" s="14" t="s">
        <v>264</v>
      </c>
      <c r="E45825" s="15">
        <v>45576</v>
      </c>
      <c r="F45825" s="14" t="s">
        <v>28</v>
      </c>
      <c r="G45825" s="16">
        <v>0</v>
      </c>
    </row>
    <row r="45826" spans="1:7" x14ac:dyDescent="0.3">
      <c r="A45826" s="13" t="s">
        <v>263</v>
      </c>
      <c r="B45826" s="14" t="s">
        <v>1</v>
      </c>
      <c r="C45826" s="14" t="s">
        <v>96</v>
      </c>
      <c r="D45826" s="14" t="s">
        <v>264</v>
      </c>
      <c r="E45826" s="15">
        <v>45577</v>
      </c>
      <c r="F45826" s="14" t="s">
        <v>28</v>
      </c>
      <c r="G45826" s="16">
        <v>0</v>
      </c>
    </row>
    <row r="45827" spans="1:7" x14ac:dyDescent="0.3">
      <c r="A45827" s="13" t="s">
        <v>263</v>
      </c>
      <c r="B45827" s="14" t="s">
        <v>1</v>
      </c>
      <c r="C45827" s="14" t="s">
        <v>96</v>
      </c>
      <c r="D45827" s="14" t="s">
        <v>264</v>
      </c>
      <c r="E45827" s="15">
        <v>45578</v>
      </c>
      <c r="F45827" s="14" t="s">
        <v>28</v>
      </c>
      <c r="G45827" s="16">
        <v>0</v>
      </c>
    </row>
    <row r="45828" spans="1:7" x14ac:dyDescent="0.3">
      <c r="A45828" s="13" t="s">
        <v>263</v>
      </c>
      <c r="B45828" s="14" t="s">
        <v>1</v>
      </c>
      <c r="C45828" s="14" t="s">
        <v>96</v>
      </c>
      <c r="D45828" s="14" t="s">
        <v>264</v>
      </c>
      <c r="E45828" s="15">
        <v>45579</v>
      </c>
      <c r="F45828" s="14" t="s">
        <v>28</v>
      </c>
      <c r="G45828" s="16">
        <v>0</v>
      </c>
    </row>
    <row r="45829" spans="1:7" x14ac:dyDescent="0.3">
      <c r="A45829" s="13" t="s">
        <v>263</v>
      </c>
      <c r="B45829" s="14" t="s">
        <v>1</v>
      </c>
      <c r="C45829" s="14" t="s">
        <v>96</v>
      </c>
      <c r="D45829" s="14" t="s">
        <v>264</v>
      </c>
      <c r="E45829" s="15">
        <v>45580</v>
      </c>
      <c r="F45829" s="14" t="s">
        <v>28</v>
      </c>
      <c r="G45829" s="16">
        <v>0</v>
      </c>
    </row>
    <row r="45830" spans="1:7" x14ac:dyDescent="0.3">
      <c r="A45830" s="13" t="s">
        <v>263</v>
      </c>
      <c r="B45830" s="14" t="s">
        <v>1</v>
      </c>
      <c r="C45830" s="14" t="s">
        <v>96</v>
      </c>
      <c r="D45830" s="14" t="s">
        <v>264</v>
      </c>
      <c r="E45830" s="15">
        <v>45581</v>
      </c>
      <c r="F45830" s="14" t="s">
        <v>28</v>
      </c>
      <c r="G45830" s="16">
        <v>0</v>
      </c>
    </row>
    <row r="45831" spans="1:7" x14ac:dyDescent="0.3">
      <c r="A45831" s="13" t="s">
        <v>263</v>
      </c>
      <c r="B45831" s="14" t="s">
        <v>1</v>
      </c>
      <c r="C45831" s="14" t="s">
        <v>96</v>
      </c>
      <c r="D45831" s="14" t="s">
        <v>264</v>
      </c>
      <c r="E45831" s="15">
        <v>45582</v>
      </c>
      <c r="F45831" s="14" t="s">
        <v>28</v>
      </c>
      <c r="G45831" s="16">
        <v>0</v>
      </c>
    </row>
    <row r="45832" spans="1:7" x14ac:dyDescent="0.3">
      <c r="A45832" s="13" t="s">
        <v>263</v>
      </c>
      <c r="B45832" s="14" t="s">
        <v>1</v>
      </c>
      <c r="C45832" s="14" t="s">
        <v>96</v>
      </c>
      <c r="D45832" s="14" t="s">
        <v>264</v>
      </c>
      <c r="E45832" s="15">
        <v>45583</v>
      </c>
      <c r="F45832" s="14" t="s">
        <v>28</v>
      </c>
      <c r="G45832" s="16">
        <v>0</v>
      </c>
    </row>
    <row r="45833" spans="1:7" x14ac:dyDescent="0.3">
      <c r="A45833" s="13" t="s">
        <v>263</v>
      </c>
      <c r="B45833" s="14" t="s">
        <v>1</v>
      </c>
      <c r="C45833" s="14" t="s">
        <v>96</v>
      </c>
      <c r="D45833" s="14" t="s">
        <v>264</v>
      </c>
      <c r="E45833" s="15">
        <v>45584</v>
      </c>
      <c r="F45833" s="14" t="s">
        <v>28</v>
      </c>
      <c r="G45833" s="16">
        <v>0</v>
      </c>
    </row>
    <row r="45834" spans="1:7" x14ac:dyDescent="0.3">
      <c r="A45834" s="13" t="s">
        <v>263</v>
      </c>
      <c r="B45834" s="14" t="s">
        <v>1</v>
      </c>
      <c r="C45834" s="14" t="s">
        <v>96</v>
      </c>
      <c r="D45834" s="14" t="s">
        <v>264</v>
      </c>
      <c r="E45834" s="15">
        <v>45585</v>
      </c>
      <c r="F45834" s="14" t="s">
        <v>28</v>
      </c>
      <c r="G45834" s="16">
        <v>0</v>
      </c>
    </row>
    <row r="45835" spans="1:7" x14ac:dyDescent="0.3">
      <c r="A45835" s="13" t="s">
        <v>263</v>
      </c>
      <c r="B45835" s="14" t="s">
        <v>1</v>
      </c>
      <c r="C45835" s="14" t="s">
        <v>96</v>
      </c>
      <c r="D45835" s="14" t="s">
        <v>264</v>
      </c>
      <c r="E45835" s="15">
        <v>45586</v>
      </c>
      <c r="F45835" s="14" t="s">
        <v>28</v>
      </c>
      <c r="G45835" s="16">
        <v>0</v>
      </c>
    </row>
    <row r="45836" spans="1:7" x14ac:dyDescent="0.3">
      <c r="A45836" s="13" t="s">
        <v>263</v>
      </c>
      <c r="B45836" s="14" t="s">
        <v>1</v>
      </c>
      <c r="C45836" s="14" t="s">
        <v>96</v>
      </c>
      <c r="D45836" s="14" t="s">
        <v>264</v>
      </c>
      <c r="E45836" s="15">
        <v>45587</v>
      </c>
      <c r="F45836" s="14" t="s">
        <v>28</v>
      </c>
      <c r="G45836" s="16">
        <v>0</v>
      </c>
    </row>
    <row r="45837" spans="1:7" x14ac:dyDescent="0.3">
      <c r="A45837" s="13" t="s">
        <v>263</v>
      </c>
      <c r="B45837" s="14" t="s">
        <v>1</v>
      </c>
      <c r="C45837" s="14" t="s">
        <v>96</v>
      </c>
      <c r="D45837" s="14" t="s">
        <v>264</v>
      </c>
      <c r="E45837" s="15">
        <v>45588</v>
      </c>
      <c r="F45837" s="14" t="s">
        <v>28</v>
      </c>
      <c r="G45837" s="16">
        <v>0</v>
      </c>
    </row>
    <row r="45838" spans="1:7" x14ac:dyDescent="0.3">
      <c r="A45838" s="13" t="s">
        <v>263</v>
      </c>
      <c r="B45838" s="14" t="s">
        <v>1</v>
      </c>
      <c r="C45838" s="14" t="s">
        <v>96</v>
      </c>
      <c r="D45838" s="14" t="s">
        <v>264</v>
      </c>
      <c r="E45838" s="15">
        <v>45589</v>
      </c>
      <c r="F45838" s="14" t="s">
        <v>28</v>
      </c>
      <c r="G45838" s="16">
        <v>0</v>
      </c>
    </row>
    <row r="45839" spans="1:7" x14ac:dyDescent="0.3">
      <c r="A45839" s="13" t="s">
        <v>263</v>
      </c>
      <c r="B45839" s="14" t="s">
        <v>1</v>
      </c>
      <c r="C45839" s="14" t="s">
        <v>96</v>
      </c>
      <c r="D45839" s="14" t="s">
        <v>264</v>
      </c>
      <c r="E45839" s="15">
        <v>45590</v>
      </c>
      <c r="F45839" s="14" t="s">
        <v>28</v>
      </c>
      <c r="G45839" s="16">
        <v>0</v>
      </c>
    </row>
    <row r="45840" spans="1:7" x14ac:dyDescent="0.3">
      <c r="A45840" s="13" t="s">
        <v>263</v>
      </c>
      <c r="B45840" s="14" t="s">
        <v>1</v>
      </c>
      <c r="C45840" s="14" t="s">
        <v>96</v>
      </c>
      <c r="D45840" s="14" t="s">
        <v>264</v>
      </c>
      <c r="E45840" s="15">
        <v>45591</v>
      </c>
      <c r="F45840" s="14" t="s">
        <v>28</v>
      </c>
      <c r="G45840" s="16">
        <v>0</v>
      </c>
    </row>
    <row r="45841" spans="1:7" x14ac:dyDescent="0.3">
      <c r="A45841" s="13" t="s">
        <v>263</v>
      </c>
      <c r="B45841" s="14" t="s">
        <v>1</v>
      </c>
      <c r="C45841" s="14" t="s">
        <v>96</v>
      </c>
      <c r="D45841" s="14" t="s">
        <v>264</v>
      </c>
      <c r="E45841" s="15">
        <v>45592</v>
      </c>
      <c r="F45841" s="14" t="s">
        <v>28</v>
      </c>
      <c r="G45841" s="16">
        <v>0</v>
      </c>
    </row>
    <row r="45842" spans="1:7" x14ac:dyDescent="0.3">
      <c r="A45842" s="13" t="s">
        <v>263</v>
      </c>
      <c r="B45842" s="14" t="s">
        <v>1</v>
      </c>
      <c r="C45842" s="14" t="s">
        <v>96</v>
      </c>
      <c r="D45842" s="14" t="s">
        <v>264</v>
      </c>
      <c r="E45842" s="15">
        <v>45593</v>
      </c>
      <c r="F45842" s="14" t="s">
        <v>28</v>
      </c>
      <c r="G45842" s="16">
        <v>0</v>
      </c>
    </row>
    <row r="45843" spans="1:7" x14ac:dyDescent="0.3">
      <c r="A45843" s="13" t="s">
        <v>263</v>
      </c>
      <c r="B45843" s="14" t="s">
        <v>1</v>
      </c>
      <c r="C45843" s="14" t="s">
        <v>96</v>
      </c>
      <c r="D45843" s="14" t="s">
        <v>264</v>
      </c>
      <c r="E45843" s="15">
        <v>45594</v>
      </c>
      <c r="F45843" s="14" t="s">
        <v>28</v>
      </c>
      <c r="G45843" s="16">
        <v>0</v>
      </c>
    </row>
    <row r="45844" spans="1:7" x14ac:dyDescent="0.3">
      <c r="A45844" s="13" t="s">
        <v>263</v>
      </c>
      <c r="B45844" s="14" t="s">
        <v>1</v>
      </c>
      <c r="C45844" s="14" t="s">
        <v>96</v>
      </c>
      <c r="D45844" s="14" t="s">
        <v>264</v>
      </c>
      <c r="E45844" s="15">
        <v>45595</v>
      </c>
      <c r="F45844" s="14" t="s">
        <v>28</v>
      </c>
      <c r="G45844" s="16">
        <v>0</v>
      </c>
    </row>
    <row r="45845" spans="1:7" x14ac:dyDescent="0.3">
      <c r="A45845" s="13" t="s">
        <v>263</v>
      </c>
      <c r="B45845" s="14" t="s">
        <v>1</v>
      </c>
      <c r="C45845" s="14" t="s">
        <v>96</v>
      </c>
      <c r="D45845" s="14" t="s">
        <v>264</v>
      </c>
      <c r="E45845" s="15">
        <v>45596</v>
      </c>
      <c r="F45845" s="14" t="s">
        <v>28</v>
      </c>
      <c r="G45845" s="16">
        <v>0</v>
      </c>
    </row>
    <row r="45846" spans="1:7" x14ac:dyDescent="0.3">
      <c r="A45846" s="13" t="s">
        <v>263</v>
      </c>
      <c r="B45846" s="14" t="s">
        <v>1</v>
      </c>
      <c r="C45846" s="14" t="s">
        <v>96</v>
      </c>
      <c r="D45846" s="14" t="s">
        <v>264</v>
      </c>
      <c r="E45846" s="15">
        <v>45597</v>
      </c>
      <c r="F45846" s="14" t="s">
        <v>28</v>
      </c>
      <c r="G45846" s="16">
        <v>0</v>
      </c>
    </row>
    <row r="45847" spans="1:7" x14ac:dyDescent="0.3">
      <c r="A45847" s="13" t="s">
        <v>263</v>
      </c>
      <c r="B45847" s="14" t="s">
        <v>1</v>
      </c>
      <c r="C45847" s="14" t="s">
        <v>96</v>
      </c>
      <c r="D45847" s="14" t="s">
        <v>264</v>
      </c>
      <c r="E45847" s="15">
        <v>45598</v>
      </c>
      <c r="F45847" s="14" t="s">
        <v>28</v>
      </c>
      <c r="G45847" s="16">
        <v>0</v>
      </c>
    </row>
    <row r="45848" spans="1:7" x14ac:dyDescent="0.3">
      <c r="A45848" s="13" t="s">
        <v>263</v>
      </c>
      <c r="B45848" s="14" t="s">
        <v>1</v>
      </c>
      <c r="C45848" s="14" t="s">
        <v>96</v>
      </c>
      <c r="D45848" s="14" t="s">
        <v>264</v>
      </c>
      <c r="E45848" s="15">
        <v>45599</v>
      </c>
      <c r="F45848" s="14" t="s">
        <v>28</v>
      </c>
      <c r="G45848" s="16">
        <v>0</v>
      </c>
    </row>
    <row r="45849" spans="1:7" x14ac:dyDescent="0.3">
      <c r="A45849" s="13" t="s">
        <v>263</v>
      </c>
      <c r="B45849" s="14" t="s">
        <v>1</v>
      </c>
      <c r="C45849" s="14" t="s">
        <v>96</v>
      </c>
      <c r="D45849" s="14" t="s">
        <v>264</v>
      </c>
      <c r="E45849" s="15">
        <v>45600</v>
      </c>
      <c r="F45849" s="14" t="s">
        <v>28</v>
      </c>
      <c r="G45849" s="16">
        <v>0</v>
      </c>
    </row>
    <row r="45850" spans="1:7" x14ac:dyDescent="0.3">
      <c r="A45850" s="13" t="s">
        <v>263</v>
      </c>
      <c r="B45850" s="14" t="s">
        <v>1</v>
      </c>
      <c r="C45850" s="14" t="s">
        <v>96</v>
      </c>
      <c r="D45850" s="14" t="s">
        <v>264</v>
      </c>
      <c r="E45850" s="15">
        <v>45601</v>
      </c>
      <c r="F45850" s="14" t="s">
        <v>28</v>
      </c>
      <c r="G45850" s="16">
        <v>0</v>
      </c>
    </row>
    <row r="45851" spans="1:7" x14ac:dyDescent="0.3">
      <c r="A45851" s="13" t="s">
        <v>263</v>
      </c>
      <c r="B45851" s="14" t="s">
        <v>1</v>
      </c>
      <c r="C45851" s="14" t="s">
        <v>96</v>
      </c>
      <c r="D45851" s="14" t="s">
        <v>264</v>
      </c>
      <c r="E45851" s="15">
        <v>45602</v>
      </c>
      <c r="F45851" s="14" t="s">
        <v>28</v>
      </c>
      <c r="G45851" s="16">
        <v>0</v>
      </c>
    </row>
    <row r="45852" spans="1:7" x14ac:dyDescent="0.3">
      <c r="A45852" s="13" t="s">
        <v>263</v>
      </c>
      <c r="B45852" s="14" t="s">
        <v>1</v>
      </c>
      <c r="C45852" s="14" t="s">
        <v>96</v>
      </c>
      <c r="D45852" s="14" t="s">
        <v>264</v>
      </c>
      <c r="E45852" s="15">
        <v>45603</v>
      </c>
      <c r="F45852" s="14" t="s">
        <v>28</v>
      </c>
      <c r="G45852" s="16">
        <v>0</v>
      </c>
    </row>
    <row r="45853" spans="1:7" x14ac:dyDescent="0.3">
      <c r="A45853" s="13" t="s">
        <v>263</v>
      </c>
      <c r="B45853" s="14" t="s">
        <v>1</v>
      </c>
      <c r="C45853" s="14" t="s">
        <v>96</v>
      </c>
      <c r="D45853" s="14" t="s">
        <v>264</v>
      </c>
      <c r="E45853" s="15">
        <v>45604</v>
      </c>
      <c r="F45853" s="14" t="s">
        <v>28</v>
      </c>
      <c r="G45853" s="16">
        <v>0</v>
      </c>
    </row>
    <row r="45854" spans="1:7" x14ac:dyDescent="0.3">
      <c r="A45854" s="13" t="s">
        <v>263</v>
      </c>
      <c r="B45854" s="14" t="s">
        <v>1</v>
      </c>
      <c r="C45854" s="14" t="s">
        <v>96</v>
      </c>
      <c r="D45854" s="14" t="s">
        <v>264</v>
      </c>
      <c r="E45854" s="15">
        <v>45605</v>
      </c>
      <c r="F45854" s="14" t="s">
        <v>28</v>
      </c>
      <c r="G45854" s="16">
        <v>0</v>
      </c>
    </row>
    <row r="45855" spans="1:7" x14ac:dyDescent="0.3">
      <c r="A45855" s="13" t="s">
        <v>263</v>
      </c>
      <c r="B45855" s="14" t="s">
        <v>1</v>
      </c>
      <c r="C45855" s="14" t="s">
        <v>96</v>
      </c>
      <c r="D45855" s="14" t="s">
        <v>264</v>
      </c>
      <c r="E45855" s="15">
        <v>45606</v>
      </c>
      <c r="F45855" s="14" t="s">
        <v>28</v>
      </c>
      <c r="G45855" s="16">
        <v>0</v>
      </c>
    </row>
    <row r="45856" spans="1:7" x14ac:dyDescent="0.3">
      <c r="A45856" s="13" t="s">
        <v>263</v>
      </c>
      <c r="B45856" s="14" t="s">
        <v>1</v>
      </c>
      <c r="C45856" s="14" t="s">
        <v>96</v>
      </c>
      <c r="D45856" s="14" t="s">
        <v>264</v>
      </c>
      <c r="E45856" s="15">
        <v>45607</v>
      </c>
      <c r="F45856" s="14" t="s">
        <v>28</v>
      </c>
      <c r="G45856" s="16">
        <v>0</v>
      </c>
    </row>
    <row r="45857" spans="1:7" x14ac:dyDescent="0.3">
      <c r="A45857" s="13" t="s">
        <v>263</v>
      </c>
      <c r="B45857" s="14" t="s">
        <v>1</v>
      </c>
      <c r="C45857" s="14" t="s">
        <v>96</v>
      </c>
      <c r="D45857" s="14" t="s">
        <v>264</v>
      </c>
      <c r="E45857" s="15">
        <v>45608</v>
      </c>
      <c r="F45857" s="14" t="s">
        <v>28</v>
      </c>
      <c r="G45857" s="16">
        <v>0</v>
      </c>
    </row>
    <row r="45858" spans="1:7" x14ac:dyDescent="0.3">
      <c r="A45858" s="13" t="s">
        <v>263</v>
      </c>
      <c r="B45858" s="14" t="s">
        <v>1</v>
      </c>
      <c r="C45858" s="14" t="s">
        <v>96</v>
      </c>
      <c r="D45858" s="14" t="s">
        <v>264</v>
      </c>
      <c r="E45858" s="15">
        <v>45609</v>
      </c>
      <c r="F45858" s="14" t="s">
        <v>28</v>
      </c>
      <c r="G45858" s="16">
        <v>0</v>
      </c>
    </row>
    <row r="45859" spans="1:7" x14ac:dyDescent="0.3">
      <c r="A45859" s="13" t="s">
        <v>263</v>
      </c>
      <c r="B45859" s="14" t="s">
        <v>1</v>
      </c>
      <c r="C45859" s="14" t="s">
        <v>96</v>
      </c>
      <c r="D45859" s="14" t="s">
        <v>264</v>
      </c>
      <c r="E45859" s="15">
        <v>45610</v>
      </c>
      <c r="F45859" s="14" t="s">
        <v>28</v>
      </c>
      <c r="G45859" s="16">
        <v>0</v>
      </c>
    </row>
    <row r="45860" spans="1:7" x14ac:dyDescent="0.3">
      <c r="A45860" s="13" t="s">
        <v>263</v>
      </c>
      <c r="B45860" s="14" t="s">
        <v>1</v>
      </c>
      <c r="C45860" s="14" t="s">
        <v>96</v>
      </c>
      <c r="D45860" s="14" t="s">
        <v>264</v>
      </c>
      <c r="E45860" s="15">
        <v>45611</v>
      </c>
      <c r="F45860" s="14" t="s">
        <v>28</v>
      </c>
      <c r="G45860" s="16">
        <v>0</v>
      </c>
    </row>
    <row r="45861" spans="1:7" x14ac:dyDescent="0.3">
      <c r="A45861" s="13" t="s">
        <v>263</v>
      </c>
      <c r="B45861" s="14" t="s">
        <v>1</v>
      </c>
      <c r="C45861" s="14" t="s">
        <v>96</v>
      </c>
      <c r="D45861" s="14" t="s">
        <v>264</v>
      </c>
      <c r="E45861" s="15">
        <v>45612</v>
      </c>
      <c r="F45861" s="14" t="s">
        <v>28</v>
      </c>
      <c r="G45861" s="16">
        <v>0</v>
      </c>
    </row>
    <row r="45862" spans="1:7" x14ac:dyDescent="0.3">
      <c r="A45862" s="13" t="s">
        <v>263</v>
      </c>
      <c r="B45862" s="14" t="s">
        <v>1</v>
      </c>
      <c r="C45862" s="14" t="s">
        <v>96</v>
      </c>
      <c r="D45862" s="14" t="s">
        <v>264</v>
      </c>
      <c r="E45862" s="15">
        <v>45613</v>
      </c>
      <c r="F45862" s="14" t="s">
        <v>28</v>
      </c>
      <c r="G45862" s="16">
        <v>0</v>
      </c>
    </row>
    <row r="45863" spans="1:7" x14ac:dyDescent="0.3">
      <c r="A45863" s="13" t="s">
        <v>263</v>
      </c>
      <c r="B45863" s="14" t="s">
        <v>1</v>
      </c>
      <c r="C45863" s="14" t="s">
        <v>96</v>
      </c>
      <c r="D45863" s="14" t="s">
        <v>264</v>
      </c>
      <c r="E45863" s="15">
        <v>45614</v>
      </c>
      <c r="F45863" s="14" t="s">
        <v>28</v>
      </c>
      <c r="G45863" s="16">
        <v>0</v>
      </c>
    </row>
    <row r="45864" spans="1:7" x14ac:dyDescent="0.3">
      <c r="A45864" s="13" t="s">
        <v>263</v>
      </c>
      <c r="B45864" s="14" t="s">
        <v>1</v>
      </c>
      <c r="C45864" s="14" t="s">
        <v>96</v>
      </c>
      <c r="D45864" s="14" t="s">
        <v>264</v>
      </c>
      <c r="E45864" s="15">
        <v>45615</v>
      </c>
      <c r="F45864" s="14" t="s">
        <v>28</v>
      </c>
      <c r="G45864" s="16">
        <v>0</v>
      </c>
    </row>
    <row r="45865" spans="1:7" x14ac:dyDescent="0.3">
      <c r="A45865" s="13" t="s">
        <v>263</v>
      </c>
      <c r="B45865" s="14" t="s">
        <v>1</v>
      </c>
      <c r="C45865" s="14" t="s">
        <v>96</v>
      </c>
      <c r="D45865" s="14" t="s">
        <v>264</v>
      </c>
      <c r="E45865" s="15">
        <v>45616</v>
      </c>
      <c r="F45865" s="14" t="s">
        <v>28</v>
      </c>
      <c r="G45865" s="16">
        <v>0</v>
      </c>
    </row>
    <row r="45866" spans="1:7" x14ac:dyDescent="0.3">
      <c r="A45866" s="13" t="s">
        <v>263</v>
      </c>
      <c r="B45866" s="14" t="s">
        <v>1</v>
      </c>
      <c r="C45866" s="14" t="s">
        <v>96</v>
      </c>
      <c r="D45866" s="14" t="s">
        <v>264</v>
      </c>
      <c r="E45866" s="15">
        <v>45617</v>
      </c>
      <c r="F45866" s="14" t="s">
        <v>28</v>
      </c>
      <c r="G45866" s="16">
        <v>0</v>
      </c>
    </row>
    <row r="45867" spans="1:7" x14ac:dyDescent="0.3">
      <c r="A45867" s="13" t="s">
        <v>263</v>
      </c>
      <c r="B45867" s="14" t="s">
        <v>1</v>
      </c>
      <c r="C45867" s="14" t="s">
        <v>96</v>
      </c>
      <c r="D45867" s="14" t="s">
        <v>264</v>
      </c>
      <c r="E45867" s="15">
        <v>45618</v>
      </c>
      <c r="F45867" s="14" t="s">
        <v>28</v>
      </c>
      <c r="G45867" s="16">
        <v>0</v>
      </c>
    </row>
    <row r="45868" spans="1:7" x14ac:dyDescent="0.3">
      <c r="A45868" s="13" t="s">
        <v>263</v>
      </c>
      <c r="B45868" s="14" t="s">
        <v>1</v>
      </c>
      <c r="C45868" s="14" t="s">
        <v>96</v>
      </c>
      <c r="D45868" s="14" t="s">
        <v>264</v>
      </c>
      <c r="E45868" s="15">
        <v>45619</v>
      </c>
      <c r="F45868" s="14" t="s">
        <v>28</v>
      </c>
      <c r="G45868" s="16">
        <v>0</v>
      </c>
    </row>
    <row r="45869" spans="1:7" x14ac:dyDescent="0.3">
      <c r="A45869" s="13" t="s">
        <v>263</v>
      </c>
      <c r="B45869" s="14" t="s">
        <v>1</v>
      </c>
      <c r="C45869" s="14" t="s">
        <v>96</v>
      </c>
      <c r="D45869" s="14" t="s">
        <v>264</v>
      </c>
      <c r="E45869" s="15">
        <v>45620</v>
      </c>
      <c r="F45869" s="14" t="s">
        <v>28</v>
      </c>
      <c r="G45869" s="16">
        <v>0</v>
      </c>
    </row>
    <row r="45870" spans="1:7" x14ac:dyDescent="0.3">
      <c r="A45870" s="13" t="s">
        <v>263</v>
      </c>
      <c r="B45870" s="14" t="s">
        <v>1</v>
      </c>
      <c r="C45870" s="14" t="s">
        <v>96</v>
      </c>
      <c r="D45870" s="14" t="s">
        <v>264</v>
      </c>
      <c r="E45870" s="15">
        <v>45621</v>
      </c>
      <c r="F45870" s="14" t="s">
        <v>28</v>
      </c>
      <c r="G45870" s="16">
        <v>0</v>
      </c>
    </row>
    <row r="45871" spans="1:7" x14ac:dyDescent="0.3">
      <c r="A45871" s="13" t="s">
        <v>263</v>
      </c>
      <c r="B45871" s="14" t="s">
        <v>1</v>
      </c>
      <c r="C45871" s="14" t="s">
        <v>96</v>
      </c>
      <c r="D45871" s="14" t="s">
        <v>264</v>
      </c>
      <c r="E45871" s="15">
        <v>45622</v>
      </c>
      <c r="F45871" s="14" t="s">
        <v>28</v>
      </c>
      <c r="G45871" s="16">
        <v>0</v>
      </c>
    </row>
    <row r="45872" spans="1:7" x14ac:dyDescent="0.3">
      <c r="A45872" s="13" t="s">
        <v>263</v>
      </c>
      <c r="B45872" s="14" t="s">
        <v>1</v>
      </c>
      <c r="C45872" s="14" t="s">
        <v>96</v>
      </c>
      <c r="D45872" s="14" t="s">
        <v>264</v>
      </c>
      <c r="E45872" s="15">
        <v>45623</v>
      </c>
      <c r="F45872" s="14" t="s">
        <v>28</v>
      </c>
      <c r="G45872" s="16">
        <v>0</v>
      </c>
    </row>
    <row r="45873" spans="1:7" x14ac:dyDescent="0.3">
      <c r="A45873" s="13" t="s">
        <v>263</v>
      </c>
      <c r="B45873" s="14" t="s">
        <v>1</v>
      </c>
      <c r="C45873" s="14" t="s">
        <v>96</v>
      </c>
      <c r="D45873" s="14" t="s">
        <v>264</v>
      </c>
      <c r="E45873" s="15">
        <v>45624</v>
      </c>
      <c r="F45873" s="14" t="s">
        <v>28</v>
      </c>
      <c r="G45873" s="16">
        <v>0</v>
      </c>
    </row>
    <row r="45874" spans="1:7" x14ac:dyDescent="0.3">
      <c r="A45874" s="13" t="s">
        <v>263</v>
      </c>
      <c r="B45874" s="14" t="s">
        <v>1</v>
      </c>
      <c r="C45874" s="14" t="s">
        <v>96</v>
      </c>
      <c r="D45874" s="14" t="s">
        <v>264</v>
      </c>
      <c r="E45874" s="15">
        <v>45625</v>
      </c>
      <c r="F45874" s="14" t="s">
        <v>28</v>
      </c>
      <c r="G45874" s="16">
        <v>0</v>
      </c>
    </row>
    <row r="45875" spans="1:7" x14ac:dyDescent="0.3">
      <c r="A45875" s="13" t="s">
        <v>263</v>
      </c>
      <c r="B45875" s="14" t="s">
        <v>1</v>
      </c>
      <c r="C45875" s="14" t="s">
        <v>96</v>
      </c>
      <c r="D45875" s="14" t="s">
        <v>264</v>
      </c>
      <c r="E45875" s="15">
        <v>45626</v>
      </c>
      <c r="F45875" s="14" t="s">
        <v>28</v>
      </c>
      <c r="G45875" s="16">
        <v>0</v>
      </c>
    </row>
    <row r="45876" spans="1:7" x14ac:dyDescent="0.3">
      <c r="A45876" s="13" t="s">
        <v>263</v>
      </c>
      <c r="B45876" s="14" t="s">
        <v>1</v>
      </c>
      <c r="C45876" s="14" t="s">
        <v>96</v>
      </c>
      <c r="D45876" s="14" t="s">
        <v>264</v>
      </c>
      <c r="E45876" s="15">
        <v>45627</v>
      </c>
      <c r="F45876" s="14" t="s">
        <v>28</v>
      </c>
      <c r="G45876" s="16">
        <v>0</v>
      </c>
    </row>
    <row r="45877" spans="1:7" x14ac:dyDescent="0.3">
      <c r="A45877" s="13" t="s">
        <v>263</v>
      </c>
      <c r="B45877" s="14" t="s">
        <v>1</v>
      </c>
      <c r="C45877" s="14" t="s">
        <v>96</v>
      </c>
      <c r="D45877" s="14" t="s">
        <v>264</v>
      </c>
      <c r="E45877" s="15">
        <v>45628</v>
      </c>
      <c r="F45877" s="14" t="s">
        <v>28</v>
      </c>
      <c r="G45877" s="16">
        <v>0</v>
      </c>
    </row>
    <row r="45878" spans="1:7" x14ac:dyDescent="0.3">
      <c r="A45878" s="13" t="s">
        <v>263</v>
      </c>
      <c r="B45878" s="14" t="s">
        <v>1</v>
      </c>
      <c r="C45878" s="14" t="s">
        <v>96</v>
      </c>
      <c r="D45878" s="14" t="s">
        <v>264</v>
      </c>
      <c r="E45878" s="15">
        <v>45629</v>
      </c>
      <c r="F45878" s="14" t="s">
        <v>28</v>
      </c>
      <c r="G45878" s="16">
        <v>0</v>
      </c>
    </row>
    <row r="45879" spans="1:7" x14ac:dyDescent="0.3">
      <c r="A45879" s="13" t="s">
        <v>263</v>
      </c>
      <c r="B45879" s="14" t="s">
        <v>1</v>
      </c>
      <c r="C45879" s="14" t="s">
        <v>96</v>
      </c>
      <c r="D45879" s="14" t="s">
        <v>264</v>
      </c>
      <c r="E45879" s="15">
        <v>45630</v>
      </c>
      <c r="F45879" s="14" t="s">
        <v>28</v>
      </c>
      <c r="G45879" s="16">
        <v>0</v>
      </c>
    </row>
    <row r="45880" spans="1:7" x14ac:dyDescent="0.3">
      <c r="A45880" s="13" t="s">
        <v>263</v>
      </c>
      <c r="B45880" s="14" t="s">
        <v>1</v>
      </c>
      <c r="C45880" s="14" t="s">
        <v>96</v>
      </c>
      <c r="D45880" s="14" t="s">
        <v>264</v>
      </c>
      <c r="E45880" s="15">
        <v>45631</v>
      </c>
      <c r="F45880" s="14" t="s">
        <v>28</v>
      </c>
      <c r="G45880" s="16">
        <v>0</v>
      </c>
    </row>
    <row r="45881" spans="1:7" x14ac:dyDescent="0.3">
      <c r="A45881" s="13" t="s">
        <v>263</v>
      </c>
      <c r="B45881" s="14" t="s">
        <v>1</v>
      </c>
      <c r="C45881" s="14" t="s">
        <v>96</v>
      </c>
      <c r="D45881" s="14" t="s">
        <v>264</v>
      </c>
      <c r="E45881" s="15">
        <v>45632</v>
      </c>
      <c r="F45881" s="14" t="s">
        <v>28</v>
      </c>
      <c r="G45881" s="16">
        <v>0</v>
      </c>
    </row>
    <row r="45882" spans="1:7" x14ac:dyDescent="0.3">
      <c r="A45882" s="13" t="s">
        <v>263</v>
      </c>
      <c r="B45882" s="14" t="s">
        <v>1</v>
      </c>
      <c r="C45882" s="14" t="s">
        <v>96</v>
      </c>
      <c r="D45882" s="14" t="s">
        <v>264</v>
      </c>
      <c r="E45882" s="15">
        <v>45633</v>
      </c>
      <c r="F45882" s="14" t="s">
        <v>28</v>
      </c>
      <c r="G45882" s="16">
        <v>0</v>
      </c>
    </row>
    <row r="45883" spans="1:7" x14ac:dyDescent="0.3">
      <c r="A45883" s="13" t="s">
        <v>263</v>
      </c>
      <c r="B45883" s="14" t="s">
        <v>1</v>
      </c>
      <c r="C45883" s="14" t="s">
        <v>96</v>
      </c>
      <c r="D45883" s="14" t="s">
        <v>264</v>
      </c>
      <c r="E45883" s="15">
        <v>45634</v>
      </c>
      <c r="F45883" s="14" t="s">
        <v>28</v>
      </c>
      <c r="G45883" s="16">
        <v>0</v>
      </c>
    </row>
    <row r="45884" spans="1:7" x14ac:dyDescent="0.3">
      <c r="A45884" s="13" t="s">
        <v>263</v>
      </c>
      <c r="B45884" s="14" t="s">
        <v>1</v>
      </c>
      <c r="C45884" s="14" t="s">
        <v>96</v>
      </c>
      <c r="D45884" s="14" t="s">
        <v>264</v>
      </c>
      <c r="E45884" s="15">
        <v>45635</v>
      </c>
      <c r="F45884" s="14" t="s">
        <v>28</v>
      </c>
      <c r="G45884" s="16">
        <v>0</v>
      </c>
    </row>
    <row r="45885" spans="1:7" x14ac:dyDescent="0.3">
      <c r="A45885" s="13" t="s">
        <v>263</v>
      </c>
      <c r="B45885" s="14" t="s">
        <v>1</v>
      </c>
      <c r="C45885" s="14" t="s">
        <v>96</v>
      </c>
      <c r="D45885" s="14" t="s">
        <v>264</v>
      </c>
      <c r="E45885" s="15">
        <v>45636</v>
      </c>
      <c r="F45885" s="14" t="s">
        <v>28</v>
      </c>
      <c r="G45885" s="16">
        <v>0</v>
      </c>
    </row>
    <row r="45886" spans="1:7" x14ac:dyDescent="0.3">
      <c r="A45886" s="13" t="s">
        <v>263</v>
      </c>
      <c r="B45886" s="14" t="s">
        <v>1</v>
      </c>
      <c r="C45886" s="14" t="s">
        <v>96</v>
      </c>
      <c r="D45886" s="14" t="s">
        <v>264</v>
      </c>
      <c r="E45886" s="15">
        <v>45637</v>
      </c>
      <c r="F45886" s="14" t="s">
        <v>28</v>
      </c>
      <c r="G45886" s="16">
        <v>0</v>
      </c>
    </row>
    <row r="45887" spans="1:7" x14ac:dyDescent="0.3">
      <c r="A45887" s="13" t="s">
        <v>263</v>
      </c>
      <c r="B45887" s="14" t="s">
        <v>1</v>
      </c>
      <c r="C45887" s="14" t="s">
        <v>96</v>
      </c>
      <c r="D45887" s="14" t="s">
        <v>264</v>
      </c>
      <c r="E45887" s="15">
        <v>45638</v>
      </c>
      <c r="F45887" s="14" t="s">
        <v>28</v>
      </c>
      <c r="G45887" s="16">
        <v>0</v>
      </c>
    </row>
    <row r="45888" spans="1:7" x14ac:dyDescent="0.3">
      <c r="A45888" s="13" t="s">
        <v>263</v>
      </c>
      <c r="B45888" s="14" t="s">
        <v>1</v>
      </c>
      <c r="C45888" s="14" t="s">
        <v>96</v>
      </c>
      <c r="D45888" s="14" t="s">
        <v>264</v>
      </c>
      <c r="E45888" s="15">
        <v>45639</v>
      </c>
      <c r="F45888" s="14" t="s">
        <v>28</v>
      </c>
      <c r="G45888" s="16">
        <v>0</v>
      </c>
    </row>
    <row r="45889" spans="1:7" x14ac:dyDescent="0.3">
      <c r="A45889" s="13" t="s">
        <v>263</v>
      </c>
      <c r="B45889" s="14" t="s">
        <v>1</v>
      </c>
      <c r="C45889" s="14" t="s">
        <v>96</v>
      </c>
      <c r="D45889" s="14" t="s">
        <v>264</v>
      </c>
      <c r="E45889" s="15">
        <v>45640</v>
      </c>
      <c r="F45889" s="14" t="s">
        <v>28</v>
      </c>
      <c r="G45889" s="16">
        <v>0</v>
      </c>
    </row>
    <row r="45890" spans="1:7" x14ac:dyDescent="0.3">
      <c r="A45890" s="13" t="s">
        <v>263</v>
      </c>
      <c r="B45890" s="14" t="s">
        <v>1</v>
      </c>
      <c r="C45890" s="14" t="s">
        <v>96</v>
      </c>
      <c r="D45890" s="14" t="s">
        <v>264</v>
      </c>
      <c r="E45890" s="15">
        <v>45641</v>
      </c>
      <c r="F45890" s="14" t="s">
        <v>28</v>
      </c>
      <c r="G45890" s="16">
        <v>0</v>
      </c>
    </row>
    <row r="45891" spans="1:7" x14ac:dyDescent="0.3">
      <c r="A45891" s="13" t="s">
        <v>263</v>
      </c>
      <c r="B45891" s="14" t="s">
        <v>1</v>
      </c>
      <c r="C45891" s="14" t="s">
        <v>96</v>
      </c>
      <c r="D45891" s="14" t="s">
        <v>264</v>
      </c>
      <c r="E45891" s="15">
        <v>45642</v>
      </c>
      <c r="F45891" s="14" t="s">
        <v>28</v>
      </c>
      <c r="G45891" s="16">
        <v>0</v>
      </c>
    </row>
    <row r="45892" spans="1:7" x14ac:dyDescent="0.3">
      <c r="A45892" s="13" t="s">
        <v>263</v>
      </c>
      <c r="B45892" s="14" t="s">
        <v>1</v>
      </c>
      <c r="C45892" s="14" t="s">
        <v>96</v>
      </c>
      <c r="D45892" s="14" t="s">
        <v>264</v>
      </c>
      <c r="E45892" s="15">
        <v>45643</v>
      </c>
      <c r="F45892" s="14" t="s">
        <v>28</v>
      </c>
      <c r="G45892" s="16">
        <v>0</v>
      </c>
    </row>
    <row r="45893" spans="1:7" x14ac:dyDescent="0.3">
      <c r="A45893" s="13" t="s">
        <v>263</v>
      </c>
      <c r="B45893" s="14" t="s">
        <v>1</v>
      </c>
      <c r="C45893" s="14" t="s">
        <v>96</v>
      </c>
      <c r="D45893" s="14" t="s">
        <v>264</v>
      </c>
      <c r="E45893" s="15">
        <v>45644</v>
      </c>
      <c r="F45893" s="14" t="s">
        <v>28</v>
      </c>
      <c r="G45893" s="16">
        <v>0</v>
      </c>
    </row>
    <row r="45894" spans="1:7" x14ac:dyDescent="0.3">
      <c r="A45894" s="13" t="s">
        <v>263</v>
      </c>
      <c r="B45894" s="14" t="s">
        <v>1</v>
      </c>
      <c r="C45894" s="14" t="s">
        <v>96</v>
      </c>
      <c r="D45894" s="14" t="s">
        <v>264</v>
      </c>
      <c r="E45894" s="15">
        <v>45645</v>
      </c>
      <c r="F45894" s="14" t="s">
        <v>28</v>
      </c>
      <c r="G45894" s="16">
        <v>0</v>
      </c>
    </row>
    <row r="45895" spans="1:7" x14ac:dyDescent="0.3">
      <c r="A45895" s="13" t="s">
        <v>263</v>
      </c>
      <c r="B45895" s="14" t="s">
        <v>1</v>
      </c>
      <c r="C45895" s="14" t="s">
        <v>96</v>
      </c>
      <c r="D45895" s="14" t="s">
        <v>264</v>
      </c>
      <c r="E45895" s="15">
        <v>45646</v>
      </c>
      <c r="F45895" s="14" t="s">
        <v>28</v>
      </c>
      <c r="G45895" s="16">
        <v>0</v>
      </c>
    </row>
    <row r="45896" spans="1:7" x14ac:dyDescent="0.3">
      <c r="A45896" s="13" t="s">
        <v>263</v>
      </c>
      <c r="B45896" s="14" t="s">
        <v>1</v>
      </c>
      <c r="C45896" s="14" t="s">
        <v>96</v>
      </c>
      <c r="D45896" s="14" t="s">
        <v>264</v>
      </c>
      <c r="E45896" s="15">
        <v>45647</v>
      </c>
      <c r="F45896" s="14" t="s">
        <v>28</v>
      </c>
      <c r="G45896" s="16">
        <v>0</v>
      </c>
    </row>
    <row r="45897" spans="1:7" x14ac:dyDescent="0.3">
      <c r="A45897" s="13" t="s">
        <v>263</v>
      </c>
      <c r="B45897" s="14" t="s">
        <v>1</v>
      </c>
      <c r="C45897" s="14" t="s">
        <v>96</v>
      </c>
      <c r="D45897" s="14" t="s">
        <v>264</v>
      </c>
      <c r="E45897" s="15">
        <v>45648</v>
      </c>
      <c r="F45897" s="14" t="s">
        <v>28</v>
      </c>
      <c r="G45897" s="16">
        <v>0</v>
      </c>
    </row>
    <row r="45898" spans="1:7" x14ac:dyDescent="0.3">
      <c r="A45898" s="13" t="s">
        <v>263</v>
      </c>
      <c r="B45898" s="14" t="s">
        <v>1</v>
      </c>
      <c r="C45898" s="14" t="s">
        <v>96</v>
      </c>
      <c r="D45898" s="14" t="s">
        <v>264</v>
      </c>
      <c r="E45898" s="15">
        <v>45649</v>
      </c>
      <c r="F45898" s="14" t="s">
        <v>28</v>
      </c>
      <c r="G45898" s="16">
        <v>0</v>
      </c>
    </row>
    <row r="45899" spans="1:7" x14ac:dyDescent="0.3">
      <c r="A45899" s="13" t="s">
        <v>263</v>
      </c>
      <c r="B45899" s="14" t="s">
        <v>1</v>
      </c>
      <c r="C45899" s="14" t="s">
        <v>96</v>
      </c>
      <c r="D45899" s="14" t="s">
        <v>264</v>
      </c>
      <c r="E45899" s="15">
        <v>45650</v>
      </c>
      <c r="F45899" s="14" t="s">
        <v>28</v>
      </c>
      <c r="G45899" s="16">
        <v>0</v>
      </c>
    </row>
    <row r="45900" spans="1:7" x14ac:dyDescent="0.3">
      <c r="A45900" s="13" t="s">
        <v>263</v>
      </c>
      <c r="B45900" s="14" t="s">
        <v>1</v>
      </c>
      <c r="C45900" s="14" t="s">
        <v>96</v>
      </c>
      <c r="D45900" s="14" t="s">
        <v>264</v>
      </c>
      <c r="E45900" s="15">
        <v>45651</v>
      </c>
      <c r="F45900" s="14" t="s">
        <v>28</v>
      </c>
      <c r="G45900" s="16">
        <v>0</v>
      </c>
    </row>
    <row r="45901" spans="1:7" x14ac:dyDescent="0.3">
      <c r="A45901" s="13" t="s">
        <v>263</v>
      </c>
      <c r="B45901" s="14" t="s">
        <v>1</v>
      </c>
      <c r="C45901" s="14" t="s">
        <v>96</v>
      </c>
      <c r="D45901" s="14" t="s">
        <v>264</v>
      </c>
      <c r="E45901" s="15">
        <v>45652</v>
      </c>
      <c r="F45901" s="14" t="s">
        <v>28</v>
      </c>
      <c r="G45901" s="16">
        <v>0</v>
      </c>
    </row>
    <row r="45902" spans="1:7" x14ac:dyDescent="0.3">
      <c r="A45902" s="13" t="s">
        <v>263</v>
      </c>
      <c r="B45902" s="14" t="s">
        <v>1</v>
      </c>
      <c r="C45902" s="14" t="s">
        <v>96</v>
      </c>
      <c r="D45902" s="14" t="s">
        <v>264</v>
      </c>
      <c r="E45902" s="15">
        <v>45653</v>
      </c>
      <c r="F45902" s="14" t="s">
        <v>28</v>
      </c>
      <c r="G45902" s="16">
        <v>0</v>
      </c>
    </row>
    <row r="45903" spans="1:7" x14ac:dyDescent="0.3">
      <c r="A45903" s="13" t="s">
        <v>263</v>
      </c>
      <c r="B45903" s="14" t="s">
        <v>1</v>
      </c>
      <c r="C45903" s="14" t="s">
        <v>96</v>
      </c>
      <c r="D45903" s="14" t="s">
        <v>264</v>
      </c>
      <c r="E45903" s="15">
        <v>45654</v>
      </c>
      <c r="F45903" s="14" t="s">
        <v>28</v>
      </c>
      <c r="G45903" s="16">
        <v>0</v>
      </c>
    </row>
    <row r="45904" spans="1:7" x14ac:dyDescent="0.3">
      <c r="A45904" s="13" t="s">
        <v>263</v>
      </c>
      <c r="B45904" s="14" t="s">
        <v>1</v>
      </c>
      <c r="C45904" s="14" t="s">
        <v>96</v>
      </c>
      <c r="D45904" s="14" t="s">
        <v>264</v>
      </c>
      <c r="E45904" s="15">
        <v>45655</v>
      </c>
      <c r="F45904" s="14" t="s">
        <v>28</v>
      </c>
      <c r="G45904" s="16">
        <v>0</v>
      </c>
    </row>
    <row r="45905" spans="1:7" x14ac:dyDescent="0.3">
      <c r="A45905" s="13" t="s">
        <v>263</v>
      </c>
      <c r="B45905" s="14" t="s">
        <v>1</v>
      </c>
      <c r="C45905" s="14" t="s">
        <v>96</v>
      </c>
      <c r="D45905" s="14" t="s">
        <v>264</v>
      </c>
      <c r="E45905" s="15">
        <v>45656</v>
      </c>
      <c r="F45905" s="14" t="s">
        <v>28</v>
      </c>
      <c r="G45905" s="16">
        <v>0</v>
      </c>
    </row>
    <row r="45906" spans="1:7" x14ac:dyDescent="0.3">
      <c r="A45906" s="13" t="s">
        <v>263</v>
      </c>
      <c r="B45906" s="14" t="s">
        <v>1</v>
      </c>
      <c r="C45906" s="14" t="s">
        <v>96</v>
      </c>
      <c r="D45906" s="14" t="s">
        <v>264</v>
      </c>
      <c r="E45906" s="15">
        <v>45657</v>
      </c>
      <c r="F45906" s="14" t="s">
        <v>28</v>
      </c>
      <c r="G45906" s="16">
        <v>0</v>
      </c>
    </row>
    <row r="45907" spans="1:7" x14ac:dyDescent="0.3">
      <c r="A45907" s="13" t="s">
        <v>263</v>
      </c>
      <c r="B45907" s="14" t="s">
        <v>1</v>
      </c>
      <c r="C45907" s="14" t="s">
        <v>96</v>
      </c>
      <c r="D45907" s="14" t="s">
        <v>264</v>
      </c>
      <c r="E45907" s="15">
        <v>45658</v>
      </c>
      <c r="F45907" s="14" t="s">
        <v>28</v>
      </c>
      <c r="G45907" s="16">
        <v>0</v>
      </c>
    </row>
    <row r="45908" spans="1:7" x14ac:dyDescent="0.3">
      <c r="A45908" s="13" t="s">
        <v>263</v>
      </c>
      <c r="B45908" s="14" t="s">
        <v>1</v>
      </c>
      <c r="C45908" s="14" t="s">
        <v>96</v>
      </c>
      <c r="D45908" s="14" t="s">
        <v>264</v>
      </c>
      <c r="E45908" s="15">
        <v>45659</v>
      </c>
      <c r="F45908" s="14" t="s">
        <v>28</v>
      </c>
      <c r="G45908" s="16">
        <v>0</v>
      </c>
    </row>
    <row r="45909" spans="1:7" x14ac:dyDescent="0.3">
      <c r="A45909" s="13" t="s">
        <v>263</v>
      </c>
      <c r="B45909" s="14" t="s">
        <v>1</v>
      </c>
      <c r="C45909" s="14" t="s">
        <v>96</v>
      </c>
      <c r="D45909" s="14" t="s">
        <v>264</v>
      </c>
      <c r="E45909" s="15">
        <v>45660</v>
      </c>
      <c r="F45909" s="14" t="s">
        <v>28</v>
      </c>
      <c r="G45909" s="16">
        <v>0</v>
      </c>
    </row>
    <row r="45910" spans="1:7" x14ac:dyDescent="0.3">
      <c r="A45910" s="13" t="s">
        <v>263</v>
      </c>
      <c r="B45910" s="14" t="s">
        <v>1</v>
      </c>
      <c r="C45910" s="14" t="s">
        <v>96</v>
      </c>
      <c r="D45910" s="14" t="s">
        <v>264</v>
      </c>
      <c r="E45910" s="15">
        <v>45661</v>
      </c>
      <c r="F45910" s="14" t="s">
        <v>28</v>
      </c>
      <c r="G45910" s="16">
        <v>0</v>
      </c>
    </row>
    <row r="45911" spans="1:7" x14ac:dyDescent="0.3">
      <c r="A45911" s="13" t="s">
        <v>263</v>
      </c>
      <c r="B45911" s="14" t="s">
        <v>1</v>
      </c>
      <c r="C45911" s="14" t="s">
        <v>96</v>
      </c>
      <c r="D45911" s="14" t="s">
        <v>264</v>
      </c>
      <c r="E45911" s="15">
        <v>45662</v>
      </c>
      <c r="F45911" s="14" t="s">
        <v>28</v>
      </c>
      <c r="G45911" s="16">
        <v>0</v>
      </c>
    </row>
    <row r="45912" spans="1:7" x14ac:dyDescent="0.3">
      <c r="A45912" s="13" t="s">
        <v>263</v>
      </c>
      <c r="B45912" s="14" t="s">
        <v>1</v>
      </c>
      <c r="C45912" s="14" t="s">
        <v>96</v>
      </c>
      <c r="D45912" s="14" t="s">
        <v>264</v>
      </c>
      <c r="E45912" s="15">
        <v>45663</v>
      </c>
      <c r="F45912" s="14" t="s">
        <v>28</v>
      </c>
      <c r="G45912" s="16">
        <v>0</v>
      </c>
    </row>
    <row r="45913" spans="1:7" x14ac:dyDescent="0.3">
      <c r="A45913" s="13" t="s">
        <v>263</v>
      </c>
      <c r="B45913" s="14" t="s">
        <v>1</v>
      </c>
      <c r="C45913" s="14" t="s">
        <v>96</v>
      </c>
      <c r="D45913" s="14" t="s">
        <v>264</v>
      </c>
      <c r="E45913" s="15">
        <v>45664</v>
      </c>
      <c r="F45913" s="14" t="s">
        <v>28</v>
      </c>
      <c r="G45913" s="16">
        <v>0</v>
      </c>
    </row>
    <row r="45914" spans="1:7" x14ac:dyDescent="0.3">
      <c r="A45914" s="13" t="s">
        <v>263</v>
      </c>
      <c r="B45914" s="14" t="s">
        <v>1</v>
      </c>
      <c r="C45914" s="14" t="s">
        <v>96</v>
      </c>
      <c r="D45914" s="14" t="s">
        <v>264</v>
      </c>
      <c r="E45914" s="15">
        <v>45665</v>
      </c>
      <c r="F45914" s="14" t="s">
        <v>28</v>
      </c>
      <c r="G45914" s="16">
        <v>0</v>
      </c>
    </row>
    <row r="45915" spans="1:7" x14ac:dyDescent="0.3">
      <c r="A45915" s="13" t="s">
        <v>263</v>
      </c>
      <c r="B45915" s="14" t="s">
        <v>1</v>
      </c>
      <c r="C45915" s="14" t="s">
        <v>96</v>
      </c>
      <c r="D45915" s="14" t="s">
        <v>264</v>
      </c>
      <c r="E45915" s="15">
        <v>45666</v>
      </c>
      <c r="F45915" s="14" t="s">
        <v>28</v>
      </c>
      <c r="G45915" s="16">
        <v>0</v>
      </c>
    </row>
    <row r="45916" spans="1:7" x14ac:dyDescent="0.3">
      <c r="A45916" s="13" t="s">
        <v>263</v>
      </c>
      <c r="B45916" s="14" t="s">
        <v>1</v>
      </c>
      <c r="C45916" s="14" t="s">
        <v>96</v>
      </c>
      <c r="D45916" s="14" t="s">
        <v>264</v>
      </c>
      <c r="E45916" s="15">
        <v>45667</v>
      </c>
      <c r="F45916" s="14" t="s">
        <v>28</v>
      </c>
      <c r="G45916" s="16">
        <v>0</v>
      </c>
    </row>
    <row r="45917" spans="1:7" x14ac:dyDescent="0.3">
      <c r="A45917" s="13" t="s">
        <v>263</v>
      </c>
      <c r="B45917" s="14" t="s">
        <v>1</v>
      </c>
      <c r="C45917" s="14" t="s">
        <v>96</v>
      </c>
      <c r="D45917" s="14" t="s">
        <v>264</v>
      </c>
      <c r="E45917" s="15">
        <v>45668</v>
      </c>
      <c r="F45917" s="14" t="s">
        <v>28</v>
      </c>
      <c r="G45917" s="16">
        <v>0</v>
      </c>
    </row>
    <row r="45918" spans="1:7" x14ac:dyDescent="0.3">
      <c r="A45918" s="13" t="s">
        <v>263</v>
      </c>
      <c r="B45918" s="14" t="s">
        <v>1</v>
      </c>
      <c r="C45918" s="14" t="s">
        <v>96</v>
      </c>
      <c r="D45918" s="14" t="s">
        <v>264</v>
      </c>
      <c r="E45918" s="15">
        <v>45669</v>
      </c>
      <c r="F45918" s="14" t="s">
        <v>28</v>
      </c>
      <c r="G45918" s="16">
        <v>0</v>
      </c>
    </row>
    <row r="45919" spans="1:7" x14ac:dyDescent="0.3">
      <c r="A45919" s="13" t="s">
        <v>263</v>
      </c>
      <c r="B45919" s="14" t="s">
        <v>1</v>
      </c>
      <c r="C45919" s="14" t="s">
        <v>96</v>
      </c>
      <c r="D45919" s="14" t="s">
        <v>264</v>
      </c>
      <c r="E45919" s="15">
        <v>45670</v>
      </c>
      <c r="F45919" s="14" t="s">
        <v>28</v>
      </c>
      <c r="G45919" s="16">
        <v>0</v>
      </c>
    </row>
    <row r="45920" spans="1:7" x14ac:dyDescent="0.3">
      <c r="A45920" s="13" t="s">
        <v>263</v>
      </c>
      <c r="B45920" s="14" t="s">
        <v>1</v>
      </c>
      <c r="C45920" s="14" t="s">
        <v>96</v>
      </c>
      <c r="D45920" s="14" t="s">
        <v>264</v>
      </c>
      <c r="E45920" s="15">
        <v>45671</v>
      </c>
      <c r="F45920" s="14" t="s">
        <v>28</v>
      </c>
      <c r="G45920" s="16">
        <v>0</v>
      </c>
    </row>
    <row r="45921" spans="1:7" x14ac:dyDescent="0.3">
      <c r="A45921" s="13" t="s">
        <v>263</v>
      </c>
      <c r="B45921" s="14" t="s">
        <v>1</v>
      </c>
      <c r="C45921" s="14" t="s">
        <v>96</v>
      </c>
      <c r="D45921" s="14" t="s">
        <v>264</v>
      </c>
      <c r="E45921" s="15">
        <v>45672</v>
      </c>
      <c r="F45921" s="14" t="s">
        <v>28</v>
      </c>
      <c r="G45921" s="16">
        <v>0</v>
      </c>
    </row>
    <row r="45922" spans="1:7" x14ac:dyDescent="0.3">
      <c r="A45922" s="13" t="s">
        <v>263</v>
      </c>
      <c r="B45922" s="14" t="s">
        <v>1</v>
      </c>
      <c r="C45922" s="14" t="s">
        <v>96</v>
      </c>
      <c r="D45922" s="14" t="s">
        <v>264</v>
      </c>
      <c r="E45922" s="15">
        <v>45673</v>
      </c>
      <c r="F45922" s="14" t="s">
        <v>28</v>
      </c>
      <c r="G45922" s="16">
        <v>0</v>
      </c>
    </row>
    <row r="45923" spans="1:7" x14ac:dyDescent="0.3">
      <c r="A45923" s="13" t="s">
        <v>263</v>
      </c>
      <c r="B45923" s="14" t="s">
        <v>1</v>
      </c>
      <c r="C45923" s="14" t="s">
        <v>96</v>
      </c>
      <c r="D45923" s="14" t="s">
        <v>264</v>
      </c>
      <c r="E45923" s="15">
        <v>45674</v>
      </c>
      <c r="F45923" s="14" t="s">
        <v>28</v>
      </c>
      <c r="G45923" s="16">
        <v>0</v>
      </c>
    </row>
    <row r="45924" spans="1:7" x14ac:dyDescent="0.3">
      <c r="A45924" s="13" t="s">
        <v>263</v>
      </c>
      <c r="B45924" s="14" t="s">
        <v>1</v>
      </c>
      <c r="C45924" s="14" t="s">
        <v>96</v>
      </c>
      <c r="D45924" s="14" t="s">
        <v>264</v>
      </c>
      <c r="E45924" s="15">
        <v>45675</v>
      </c>
      <c r="F45924" s="14" t="s">
        <v>28</v>
      </c>
      <c r="G45924" s="16">
        <v>0</v>
      </c>
    </row>
    <row r="45925" spans="1:7" x14ac:dyDescent="0.3">
      <c r="A45925" s="13" t="s">
        <v>263</v>
      </c>
      <c r="B45925" s="14" t="s">
        <v>1</v>
      </c>
      <c r="C45925" s="14" t="s">
        <v>96</v>
      </c>
      <c r="D45925" s="14" t="s">
        <v>264</v>
      </c>
      <c r="E45925" s="15">
        <v>45676</v>
      </c>
      <c r="F45925" s="14" t="s">
        <v>28</v>
      </c>
      <c r="G45925" s="16">
        <v>0</v>
      </c>
    </row>
    <row r="45926" spans="1:7" x14ac:dyDescent="0.3">
      <c r="A45926" s="13" t="s">
        <v>263</v>
      </c>
      <c r="B45926" s="14" t="s">
        <v>1</v>
      </c>
      <c r="C45926" s="14" t="s">
        <v>96</v>
      </c>
      <c r="D45926" s="14" t="s">
        <v>264</v>
      </c>
      <c r="E45926" s="15">
        <v>45677</v>
      </c>
      <c r="F45926" s="14" t="s">
        <v>28</v>
      </c>
      <c r="G45926" s="16">
        <v>0</v>
      </c>
    </row>
    <row r="45927" spans="1:7" x14ac:dyDescent="0.3">
      <c r="A45927" s="13" t="s">
        <v>263</v>
      </c>
      <c r="B45927" s="14" t="s">
        <v>1</v>
      </c>
      <c r="C45927" s="14" t="s">
        <v>96</v>
      </c>
      <c r="D45927" s="14" t="s">
        <v>264</v>
      </c>
      <c r="E45927" s="15">
        <v>45678</v>
      </c>
      <c r="F45927" s="14" t="s">
        <v>28</v>
      </c>
      <c r="G45927" s="16">
        <v>0</v>
      </c>
    </row>
    <row r="45928" spans="1:7" x14ac:dyDescent="0.3">
      <c r="A45928" s="13" t="s">
        <v>263</v>
      </c>
      <c r="B45928" s="14" t="s">
        <v>1</v>
      </c>
      <c r="C45928" s="14" t="s">
        <v>96</v>
      </c>
      <c r="D45928" s="14" t="s">
        <v>264</v>
      </c>
      <c r="E45928" s="15">
        <v>45679</v>
      </c>
      <c r="F45928" s="14" t="s">
        <v>28</v>
      </c>
      <c r="G45928" s="16">
        <v>0</v>
      </c>
    </row>
    <row r="45929" spans="1:7" x14ac:dyDescent="0.3">
      <c r="A45929" s="13" t="s">
        <v>263</v>
      </c>
      <c r="B45929" s="14" t="s">
        <v>1</v>
      </c>
      <c r="C45929" s="14" t="s">
        <v>96</v>
      </c>
      <c r="D45929" s="14" t="s">
        <v>264</v>
      </c>
      <c r="E45929" s="15">
        <v>45680</v>
      </c>
      <c r="F45929" s="14" t="s">
        <v>28</v>
      </c>
      <c r="G45929" s="16">
        <v>0</v>
      </c>
    </row>
    <row r="45930" spans="1:7" x14ac:dyDescent="0.3">
      <c r="A45930" s="13" t="s">
        <v>263</v>
      </c>
      <c r="B45930" s="14" t="s">
        <v>1</v>
      </c>
      <c r="C45930" s="14" t="s">
        <v>96</v>
      </c>
      <c r="D45930" s="14" t="s">
        <v>264</v>
      </c>
      <c r="E45930" s="15">
        <v>45681</v>
      </c>
      <c r="F45930" s="14" t="s">
        <v>28</v>
      </c>
      <c r="G45930" s="16">
        <v>0</v>
      </c>
    </row>
    <row r="45931" spans="1:7" x14ac:dyDescent="0.3">
      <c r="A45931" s="13" t="s">
        <v>263</v>
      </c>
      <c r="B45931" s="14" t="s">
        <v>1</v>
      </c>
      <c r="C45931" s="14" t="s">
        <v>96</v>
      </c>
      <c r="D45931" s="14" t="s">
        <v>264</v>
      </c>
      <c r="E45931" s="15">
        <v>45682</v>
      </c>
      <c r="F45931" s="14" t="s">
        <v>28</v>
      </c>
      <c r="G45931" s="16">
        <v>0</v>
      </c>
    </row>
    <row r="45932" spans="1:7" x14ac:dyDescent="0.3">
      <c r="A45932" s="13" t="s">
        <v>263</v>
      </c>
      <c r="B45932" s="14" t="s">
        <v>1</v>
      </c>
      <c r="C45932" s="14" t="s">
        <v>96</v>
      </c>
      <c r="D45932" s="14" t="s">
        <v>264</v>
      </c>
      <c r="E45932" s="15">
        <v>45683</v>
      </c>
      <c r="F45932" s="14" t="s">
        <v>28</v>
      </c>
      <c r="G45932" s="16">
        <v>0</v>
      </c>
    </row>
    <row r="45933" spans="1:7" x14ac:dyDescent="0.3">
      <c r="A45933" s="13" t="s">
        <v>263</v>
      </c>
      <c r="B45933" s="14" t="s">
        <v>1</v>
      </c>
      <c r="C45933" s="14" t="s">
        <v>96</v>
      </c>
      <c r="D45933" s="14" t="s">
        <v>264</v>
      </c>
      <c r="E45933" s="15">
        <v>45684</v>
      </c>
      <c r="F45933" s="14" t="s">
        <v>28</v>
      </c>
      <c r="G45933" s="16">
        <v>0</v>
      </c>
    </row>
    <row r="45934" spans="1:7" x14ac:dyDescent="0.3">
      <c r="A45934" s="13" t="s">
        <v>263</v>
      </c>
      <c r="B45934" s="14" t="s">
        <v>1</v>
      </c>
      <c r="C45934" s="14" t="s">
        <v>96</v>
      </c>
      <c r="D45934" s="14" t="s">
        <v>264</v>
      </c>
      <c r="E45934" s="15">
        <v>45685</v>
      </c>
      <c r="F45934" s="14" t="s">
        <v>28</v>
      </c>
      <c r="G45934" s="16">
        <v>0</v>
      </c>
    </row>
    <row r="45935" spans="1:7" x14ac:dyDescent="0.3">
      <c r="A45935" s="13" t="s">
        <v>263</v>
      </c>
      <c r="B45935" s="14" t="s">
        <v>1</v>
      </c>
      <c r="C45935" s="14" t="s">
        <v>96</v>
      </c>
      <c r="D45935" s="14" t="s">
        <v>264</v>
      </c>
      <c r="E45935" s="15">
        <v>45686</v>
      </c>
      <c r="F45935" s="14" t="s">
        <v>28</v>
      </c>
      <c r="G45935" s="16">
        <v>0</v>
      </c>
    </row>
    <row r="45936" spans="1:7" x14ac:dyDescent="0.3">
      <c r="A45936" s="13" t="s">
        <v>263</v>
      </c>
      <c r="B45936" s="14" t="s">
        <v>1</v>
      </c>
      <c r="C45936" s="14" t="s">
        <v>96</v>
      </c>
      <c r="D45936" s="14" t="s">
        <v>264</v>
      </c>
      <c r="E45936" s="15">
        <v>45687</v>
      </c>
      <c r="F45936" s="14" t="s">
        <v>28</v>
      </c>
      <c r="G45936" s="16">
        <v>0</v>
      </c>
    </row>
    <row r="45937" spans="1:7" x14ac:dyDescent="0.3">
      <c r="A45937" s="13" t="s">
        <v>263</v>
      </c>
      <c r="B45937" s="14" t="s">
        <v>1</v>
      </c>
      <c r="C45937" s="14" t="s">
        <v>96</v>
      </c>
      <c r="D45937" s="14" t="s">
        <v>264</v>
      </c>
      <c r="E45937" s="15">
        <v>45688</v>
      </c>
      <c r="F45937" s="14" t="s">
        <v>28</v>
      </c>
      <c r="G45937" s="16">
        <v>0</v>
      </c>
    </row>
    <row r="45938" spans="1:7" x14ac:dyDescent="0.3">
      <c r="A45938" s="13" t="s">
        <v>263</v>
      </c>
      <c r="B45938" s="14" t="s">
        <v>1</v>
      </c>
      <c r="C45938" s="14" t="s">
        <v>96</v>
      </c>
      <c r="D45938" s="14" t="s">
        <v>264</v>
      </c>
      <c r="E45938" s="15">
        <v>45689</v>
      </c>
      <c r="F45938" s="14" t="s">
        <v>28</v>
      </c>
      <c r="G45938" s="16">
        <v>0</v>
      </c>
    </row>
    <row r="45939" spans="1:7" x14ac:dyDescent="0.3">
      <c r="A45939" s="13" t="s">
        <v>263</v>
      </c>
      <c r="B45939" s="14" t="s">
        <v>1</v>
      </c>
      <c r="C45939" s="14" t="s">
        <v>96</v>
      </c>
      <c r="D45939" s="14" t="s">
        <v>264</v>
      </c>
      <c r="E45939" s="15">
        <v>45690</v>
      </c>
      <c r="F45939" s="14" t="s">
        <v>28</v>
      </c>
      <c r="G45939" s="16">
        <v>0</v>
      </c>
    </row>
    <row r="45940" spans="1:7" x14ac:dyDescent="0.3">
      <c r="A45940" s="13" t="s">
        <v>263</v>
      </c>
      <c r="B45940" s="14" t="s">
        <v>1</v>
      </c>
      <c r="C45940" s="14" t="s">
        <v>96</v>
      </c>
      <c r="D45940" s="14" t="s">
        <v>264</v>
      </c>
      <c r="E45940" s="15">
        <v>45691</v>
      </c>
      <c r="F45940" s="14" t="s">
        <v>28</v>
      </c>
      <c r="G45940" s="16">
        <v>0</v>
      </c>
    </row>
    <row r="45941" spans="1:7" x14ac:dyDescent="0.3">
      <c r="A45941" s="13" t="s">
        <v>263</v>
      </c>
      <c r="B45941" s="14" t="s">
        <v>1</v>
      </c>
      <c r="C45941" s="14" t="s">
        <v>96</v>
      </c>
      <c r="D45941" s="14" t="s">
        <v>264</v>
      </c>
      <c r="E45941" s="15">
        <v>45692</v>
      </c>
      <c r="F45941" s="14" t="s">
        <v>28</v>
      </c>
      <c r="G45941" s="16">
        <v>0</v>
      </c>
    </row>
    <row r="45942" spans="1:7" x14ac:dyDescent="0.3">
      <c r="A45942" s="13" t="s">
        <v>263</v>
      </c>
      <c r="B45942" s="14" t="s">
        <v>1</v>
      </c>
      <c r="C45942" s="14" t="s">
        <v>96</v>
      </c>
      <c r="D45942" s="14" t="s">
        <v>264</v>
      </c>
      <c r="E45942" s="15">
        <v>45693</v>
      </c>
      <c r="F45942" s="14" t="s">
        <v>28</v>
      </c>
      <c r="G45942" s="16">
        <v>0</v>
      </c>
    </row>
    <row r="45943" spans="1:7" x14ac:dyDescent="0.3">
      <c r="A45943" s="13" t="s">
        <v>263</v>
      </c>
      <c r="B45943" s="14" t="s">
        <v>1</v>
      </c>
      <c r="C45943" s="14" t="s">
        <v>96</v>
      </c>
      <c r="D45943" s="14" t="s">
        <v>264</v>
      </c>
      <c r="E45943" s="15">
        <v>45694</v>
      </c>
      <c r="F45943" s="14" t="s">
        <v>28</v>
      </c>
      <c r="G45943" s="16">
        <v>0</v>
      </c>
    </row>
    <row r="45944" spans="1:7" x14ac:dyDescent="0.3">
      <c r="A45944" s="13" t="s">
        <v>263</v>
      </c>
      <c r="B45944" s="14" t="s">
        <v>1</v>
      </c>
      <c r="C45944" s="14" t="s">
        <v>96</v>
      </c>
      <c r="D45944" s="14" t="s">
        <v>264</v>
      </c>
      <c r="E45944" s="15">
        <v>45695</v>
      </c>
      <c r="F45944" s="14" t="s">
        <v>28</v>
      </c>
      <c r="G45944" s="16">
        <v>0</v>
      </c>
    </row>
    <row r="45945" spans="1:7" x14ac:dyDescent="0.3">
      <c r="A45945" s="13" t="s">
        <v>263</v>
      </c>
      <c r="B45945" s="14" t="s">
        <v>1</v>
      </c>
      <c r="C45945" s="14" t="s">
        <v>96</v>
      </c>
      <c r="D45945" s="14" t="s">
        <v>264</v>
      </c>
      <c r="E45945" s="15">
        <v>45696</v>
      </c>
      <c r="F45945" s="14" t="s">
        <v>28</v>
      </c>
      <c r="G45945" s="16">
        <v>0</v>
      </c>
    </row>
    <row r="45946" spans="1:7" x14ac:dyDescent="0.3">
      <c r="A45946" s="13" t="s">
        <v>263</v>
      </c>
      <c r="B45946" s="14" t="s">
        <v>1</v>
      </c>
      <c r="C45946" s="14" t="s">
        <v>96</v>
      </c>
      <c r="D45946" s="14" t="s">
        <v>264</v>
      </c>
      <c r="E45946" s="15">
        <v>45697</v>
      </c>
      <c r="F45946" s="14" t="s">
        <v>28</v>
      </c>
      <c r="G45946" s="16">
        <v>0</v>
      </c>
    </row>
    <row r="45947" spans="1:7" x14ac:dyDescent="0.3">
      <c r="A45947" s="13" t="s">
        <v>263</v>
      </c>
      <c r="B45947" s="14" t="s">
        <v>1</v>
      </c>
      <c r="C45947" s="14" t="s">
        <v>96</v>
      </c>
      <c r="D45947" s="14" t="s">
        <v>264</v>
      </c>
      <c r="E45947" s="15">
        <v>45698</v>
      </c>
      <c r="F45947" s="14" t="s">
        <v>28</v>
      </c>
      <c r="G45947" s="16">
        <v>0</v>
      </c>
    </row>
    <row r="45948" spans="1:7" x14ac:dyDescent="0.3">
      <c r="A45948" s="13" t="s">
        <v>263</v>
      </c>
      <c r="B45948" s="14" t="s">
        <v>1</v>
      </c>
      <c r="C45948" s="14" t="s">
        <v>96</v>
      </c>
      <c r="D45948" s="14" t="s">
        <v>264</v>
      </c>
      <c r="E45948" s="15">
        <v>45699</v>
      </c>
      <c r="F45948" s="14" t="s">
        <v>28</v>
      </c>
      <c r="G45948" s="16">
        <v>0</v>
      </c>
    </row>
    <row r="45949" spans="1:7" x14ac:dyDescent="0.3">
      <c r="A45949" s="13" t="s">
        <v>263</v>
      </c>
      <c r="B45949" s="14" t="s">
        <v>1</v>
      </c>
      <c r="C45949" s="14" t="s">
        <v>96</v>
      </c>
      <c r="D45949" s="14" t="s">
        <v>264</v>
      </c>
      <c r="E45949" s="15">
        <v>45700</v>
      </c>
      <c r="F45949" s="14" t="s">
        <v>28</v>
      </c>
      <c r="G45949" s="16">
        <v>0</v>
      </c>
    </row>
    <row r="45950" spans="1:7" x14ac:dyDescent="0.3">
      <c r="A45950" s="13" t="s">
        <v>263</v>
      </c>
      <c r="B45950" s="14" t="s">
        <v>1</v>
      </c>
      <c r="C45950" s="14" t="s">
        <v>96</v>
      </c>
      <c r="D45950" s="14" t="s">
        <v>264</v>
      </c>
      <c r="E45950" s="15">
        <v>45701</v>
      </c>
      <c r="F45950" s="14" t="s">
        <v>28</v>
      </c>
      <c r="G45950" s="16">
        <v>0</v>
      </c>
    </row>
    <row r="45951" spans="1:7" x14ac:dyDescent="0.3">
      <c r="A45951" s="13" t="s">
        <v>263</v>
      </c>
      <c r="B45951" s="14" t="s">
        <v>1</v>
      </c>
      <c r="C45951" s="14" t="s">
        <v>96</v>
      </c>
      <c r="D45951" s="14" t="s">
        <v>264</v>
      </c>
      <c r="E45951" s="15">
        <v>45702</v>
      </c>
      <c r="F45951" s="14" t="s">
        <v>28</v>
      </c>
      <c r="G45951" s="16">
        <v>0</v>
      </c>
    </row>
    <row r="45952" spans="1:7" x14ac:dyDescent="0.3">
      <c r="A45952" s="13" t="s">
        <v>263</v>
      </c>
      <c r="B45952" s="14" t="s">
        <v>1</v>
      </c>
      <c r="C45952" s="14" t="s">
        <v>96</v>
      </c>
      <c r="D45952" s="14" t="s">
        <v>264</v>
      </c>
      <c r="E45952" s="15">
        <v>45703</v>
      </c>
      <c r="F45952" s="14" t="s">
        <v>28</v>
      </c>
      <c r="G45952" s="16">
        <v>0</v>
      </c>
    </row>
    <row r="45953" spans="1:7" x14ac:dyDescent="0.3">
      <c r="A45953" s="13" t="s">
        <v>263</v>
      </c>
      <c r="B45953" s="14" t="s">
        <v>1</v>
      </c>
      <c r="C45953" s="14" t="s">
        <v>96</v>
      </c>
      <c r="D45953" s="14" t="s">
        <v>264</v>
      </c>
      <c r="E45953" s="15">
        <v>45704</v>
      </c>
      <c r="F45953" s="14" t="s">
        <v>28</v>
      </c>
      <c r="G45953" s="16">
        <v>0</v>
      </c>
    </row>
    <row r="45954" spans="1:7" x14ac:dyDescent="0.3">
      <c r="A45954" s="13" t="s">
        <v>263</v>
      </c>
      <c r="B45954" s="14" t="s">
        <v>1</v>
      </c>
      <c r="C45954" s="14" t="s">
        <v>96</v>
      </c>
      <c r="D45954" s="14" t="s">
        <v>264</v>
      </c>
      <c r="E45954" s="15">
        <v>45705</v>
      </c>
      <c r="F45954" s="14" t="s">
        <v>28</v>
      </c>
      <c r="G45954" s="16">
        <v>0</v>
      </c>
    </row>
    <row r="45955" spans="1:7" x14ac:dyDescent="0.3">
      <c r="A45955" s="13" t="s">
        <v>263</v>
      </c>
      <c r="B45955" s="14" t="s">
        <v>1</v>
      </c>
      <c r="C45955" s="14" t="s">
        <v>96</v>
      </c>
      <c r="D45955" s="14" t="s">
        <v>264</v>
      </c>
      <c r="E45955" s="15">
        <v>45706</v>
      </c>
      <c r="F45955" s="14" t="s">
        <v>28</v>
      </c>
      <c r="G45955" s="16">
        <v>0</v>
      </c>
    </row>
    <row r="45956" spans="1:7" x14ac:dyDescent="0.3">
      <c r="A45956" s="13" t="s">
        <v>263</v>
      </c>
      <c r="B45956" s="14" t="s">
        <v>1</v>
      </c>
      <c r="C45956" s="14" t="s">
        <v>96</v>
      </c>
      <c r="D45956" s="14" t="s">
        <v>264</v>
      </c>
      <c r="E45956" s="15">
        <v>45707</v>
      </c>
      <c r="F45956" s="14" t="s">
        <v>28</v>
      </c>
      <c r="G45956" s="16">
        <v>0</v>
      </c>
    </row>
    <row r="45957" spans="1:7" x14ac:dyDescent="0.3">
      <c r="A45957" s="13" t="s">
        <v>263</v>
      </c>
      <c r="B45957" s="14" t="s">
        <v>1</v>
      </c>
      <c r="C45957" s="14" t="s">
        <v>96</v>
      </c>
      <c r="D45957" s="14" t="s">
        <v>264</v>
      </c>
      <c r="E45957" s="15">
        <v>45708</v>
      </c>
      <c r="F45957" s="14" t="s">
        <v>28</v>
      </c>
      <c r="G45957" s="16">
        <v>0</v>
      </c>
    </row>
    <row r="45958" spans="1:7" x14ac:dyDescent="0.3">
      <c r="A45958" s="13" t="s">
        <v>263</v>
      </c>
      <c r="B45958" s="14" t="s">
        <v>1</v>
      </c>
      <c r="C45958" s="14" t="s">
        <v>96</v>
      </c>
      <c r="D45958" s="14" t="s">
        <v>264</v>
      </c>
      <c r="E45958" s="15">
        <v>45709</v>
      </c>
      <c r="F45958" s="14" t="s">
        <v>28</v>
      </c>
      <c r="G45958" s="16">
        <v>0</v>
      </c>
    </row>
    <row r="45959" spans="1:7" x14ac:dyDescent="0.3">
      <c r="A45959" s="13" t="s">
        <v>263</v>
      </c>
      <c r="B45959" s="14" t="s">
        <v>1</v>
      </c>
      <c r="C45959" s="14" t="s">
        <v>96</v>
      </c>
      <c r="D45959" s="14" t="s">
        <v>264</v>
      </c>
      <c r="E45959" s="15">
        <v>45710</v>
      </c>
      <c r="F45959" s="14" t="s">
        <v>28</v>
      </c>
      <c r="G45959" s="16">
        <v>0</v>
      </c>
    </row>
    <row r="45960" spans="1:7" x14ac:dyDescent="0.3">
      <c r="A45960" s="13" t="s">
        <v>263</v>
      </c>
      <c r="B45960" s="14" t="s">
        <v>1</v>
      </c>
      <c r="C45960" s="14" t="s">
        <v>96</v>
      </c>
      <c r="D45960" s="14" t="s">
        <v>264</v>
      </c>
      <c r="E45960" s="15">
        <v>45711</v>
      </c>
      <c r="F45960" s="14" t="s">
        <v>28</v>
      </c>
      <c r="G45960" s="16">
        <v>0</v>
      </c>
    </row>
    <row r="45961" spans="1:7" x14ac:dyDescent="0.3">
      <c r="A45961" s="13" t="s">
        <v>263</v>
      </c>
      <c r="B45961" s="14" t="s">
        <v>1</v>
      </c>
      <c r="C45961" s="14" t="s">
        <v>96</v>
      </c>
      <c r="D45961" s="14" t="s">
        <v>264</v>
      </c>
      <c r="E45961" s="15">
        <v>45712</v>
      </c>
      <c r="F45961" s="14" t="s">
        <v>28</v>
      </c>
      <c r="G45961" s="16">
        <v>0</v>
      </c>
    </row>
    <row r="45962" spans="1:7" x14ac:dyDescent="0.3">
      <c r="A45962" s="13" t="s">
        <v>263</v>
      </c>
      <c r="B45962" s="14" t="s">
        <v>1</v>
      </c>
      <c r="C45962" s="14" t="s">
        <v>96</v>
      </c>
      <c r="D45962" s="14" t="s">
        <v>264</v>
      </c>
      <c r="E45962" s="15">
        <v>45713</v>
      </c>
      <c r="F45962" s="14" t="s">
        <v>28</v>
      </c>
      <c r="G45962" s="16">
        <v>0</v>
      </c>
    </row>
    <row r="45963" spans="1:7" x14ac:dyDescent="0.3">
      <c r="A45963" s="13" t="s">
        <v>263</v>
      </c>
      <c r="B45963" s="14" t="s">
        <v>1</v>
      </c>
      <c r="C45963" s="14" t="s">
        <v>96</v>
      </c>
      <c r="D45963" s="14" t="s">
        <v>264</v>
      </c>
      <c r="E45963" s="15">
        <v>45714</v>
      </c>
      <c r="F45963" s="14" t="s">
        <v>28</v>
      </c>
      <c r="G45963" s="16">
        <v>0</v>
      </c>
    </row>
    <row r="45964" spans="1:7" x14ac:dyDescent="0.3">
      <c r="A45964" s="13" t="s">
        <v>263</v>
      </c>
      <c r="B45964" s="14" t="s">
        <v>1</v>
      </c>
      <c r="C45964" s="14" t="s">
        <v>96</v>
      </c>
      <c r="D45964" s="14" t="s">
        <v>264</v>
      </c>
      <c r="E45964" s="15">
        <v>45715</v>
      </c>
      <c r="F45964" s="14" t="s">
        <v>28</v>
      </c>
      <c r="G45964" s="16">
        <v>0</v>
      </c>
    </row>
    <row r="45965" spans="1:7" x14ac:dyDescent="0.3">
      <c r="A45965" s="13" t="s">
        <v>263</v>
      </c>
      <c r="B45965" s="14" t="s">
        <v>1</v>
      </c>
      <c r="C45965" s="14" t="s">
        <v>96</v>
      </c>
      <c r="D45965" s="14" t="s">
        <v>264</v>
      </c>
      <c r="E45965" s="15">
        <v>45716</v>
      </c>
      <c r="F45965" s="14" t="s">
        <v>28</v>
      </c>
      <c r="G45965" s="16">
        <v>0</v>
      </c>
    </row>
    <row r="45966" spans="1:7" x14ac:dyDescent="0.3">
      <c r="A45966" s="13" t="s">
        <v>263</v>
      </c>
      <c r="B45966" s="14" t="s">
        <v>1</v>
      </c>
      <c r="C45966" s="14" t="s">
        <v>96</v>
      </c>
      <c r="D45966" s="14" t="s">
        <v>264</v>
      </c>
      <c r="E45966" s="15">
        <v>45717</v>
      </c>
      <c r="F45966" s="14" t="s">
        <v>28</v>
      </c>
      <c r="G45966" s="16">
        <v>0</v>
      </c>
    </row>
    <row r="45967" spans="1:7" x14ac:dyDescent="0.3">
      <c r="A45967" s="13" t="s">
        <v>263</v>
      </c>
      <c r="B45967" s="14" t="s">
        <v>1</v>
      </c>
      <c r="C45967" s="14" t="s">
        <v>96</v>
      </c>
      <c r="D45967" s="14" t="s">
        <v>264</v>
      </c>
      <c r="E45967" s="15">
        <v>45718</v>
      </c>
      <c r="F45967" s="14" t="s">
        <v>28</v>
      </c>
      <c r="G45967" s="16">
        <v>0</v>
      </c>
    </row>
    <row r="45968" spans="1:7" x14ac:dyDescent="0.3">
      <c r="A45968" s="13" t="s">
        <v>263</v>
      </c>
      <c r="B45968" s="14" t="s">
        <v>1</v>
      </c>
      <c r="C45968" s="14" t="s">
        <v>96</v>
      </c>
      <c r="D45968" s="14" t="s">
        <v>264</v>
      </c>
      <c r="E45968" s="15">
        <v>45719</v>
      </c>
      <c r="F45968" s="14" t="s">
        <v>28</v>
      </c>
      <c r="G45968" s="16">
        <v>0</v>
      </c>
    </row>
    <row r="45969" spans="1:7" x14ac:dyDescent="0.3">
      <c r="A45969" s="13" t="s">
        <v>263</v>
      </c>
      <c r="B45969" s="14" t="s">
        <v>1</v>
      </c>
      <c r="C45969" s="14" t="s">
        <v>96</v>
      </c>
      <c r="D45969" s="14" t="s">
        <v>264</v>
      </c>
      <c r="E45969" s="15">
        <v>45720</v>
      </c>
      <c r="F45969" s="14" t="s">
        <v>28</v>
      </c>
      <c r="G45969" s="16">
        <v>0</v>
      </c>
    </row>
    <row r="45970" spans="1:7" x14ac:dyDescent="0.3">
      <c r="A45970" s="13" t="s">
        <v>263</v>
      </c>
      <c r="B45970" s="14" t="s">
        <v>1</v>
      </c>
      <c r="C45970" s="14" t="s">
        <v>96</v>
      </c>
      <c r="D45970" s="14" t="s">
        <v>264</v>
      </c>
      <c r="E45970" s="15">
        <v>45721</v>
      </c>
      <c r="F45970" s="14" t="s">
        <v>28</v>
      </c>
      <c r="G45970" s="16">
        <v>0</v>
      </c>
    </row>
    <row r="45971" spans="1:7" x14ac:dyDescent="0.3">
      <c r="A45971" s="13" t="s">
        <v>263</v>
      </c>
      <c r="B45971" s="14" t="s">
        <v>1</v>
      </c>
      <c r="C45971" s="14" t="s">
        <v>96</v>
      </c>
      <c r="D45971" s="14" t="s">
        <v>264</v>
      </c>
      <c r="E45971" s="15">
        <v>45722</v>
      </c>
      <c r="F45971" s="14" t="s">
        <v>28</v>
      </c>
      <c r="G45971" s="16">
        <v>0</v>
      </c>
    </row>
    <row r="45972" spans="1:7" x14ac:dyDescent="0.3">
      <c r="A45972" s="13" t="s">
        <v>263</v>
      </c>
      <c r="B45972" s="14" t="s">
        <v>1</v>
      </c>
      <c r="C45972" s="14" t="s">
        <v>96</v>
      </c>
      <c r="D45972" s="14" t="s">
        <v>264</v>
      </c>
      <c r="E45972" s="15">
        <v>45723</v>
      </c>
      <c r="F45972" s="14" t="s">
        <v>28</v>
      </c>
      <c r="G45972" s="16">
        <v>0</v>
      </c>
    </row>
    <row r="45973" spans="1:7" x14ac:dyDescent="0.3">
      <c r="A45973" s="13" t="s">
        <v>263</v>
      </c>
      <c r="B45973" s="14" t="s">
        <v>1</v>
      </c>
      <c r="C45973" s="14" t="s">
        <v>96</v>
      </c>
      <c r="D45973" s="14" t="s">
        <v>264</v>
      </c>
      <c r="E45973" s="15">
        <v>45724</v>
      </c>
      <c r="F45973" s="14" t="s">
        <v>28</v>
      </c>
      <c r="G45973" s="16">
        <v>0</v>
      </c>
    </row>
    <row r="45974" spans="1:7" x14ac:dyDescent="0.3">
      <c r="A45974" s="13" t="s">
        <v>263</v>
      </c>
      <c r="B45974" s="14" t="s">
        <v>1</v>
      </c>
      <c r="C45974" s="14" t="s">
        <v>96</v>
      </c>
      <c r="D45974" s="14" t="s">
        <v>264</v>
      </c>
      <c r="E45974" s="15">
        <v>45725</v>
      </c>
      <c r="F45974" s="14" t="s">
        <v>28</v>
      </c>
      <c r="G45974" s="16">
        <v>0</v>
      </c>
    </row>
    <row r="45975" spans="1:7" x14ac:dyDescent="0.3">
      <c r="A45975" s="13" t="s">
        <v>263</v>
      </c>
      <c r="B45975" s="14" t="s">
        <v>1</v>
      </c>
      <c r="C45975" s="14" t="s">
        <v>96</v>
      </c>
      <c r="D45975" s="14" t="s">
        <v>264</v>
      </c>
      <c r="E45975" s="15">
        <v>45726</v>
      </c>
      <c r="F45975" s="14" t="s">
        <v>28</v>
      </c>
      <c r="G45975" s="16">
        <v>0</v>
      </c>
    </row>
    <row r="45976" spans="1:7" x14ac:dyDescent="0.3">
      <c r="A45976" s="13" t="s">
        <v>263</v>
      </c>
      <c r="B45976" s="14" t="s">
        <v>1</v>
      </c>
      <c r="C45976" s="14" t="s">
        <v>96</v>
      </c>
      <c r="D45976" s="14" t="s">
        <v>264</v>
      </c>
      <c r="E45976" s="15">
        <v>45727</v>
      </c>
      <c r="F45976" s="14" t="s">
        <v>28</v>
      </c>
      <c r="G45976" s="16">
        <v>0</v>
      </c>
    </row>
    <row r="45977" spans="1:7" x14ac:dyDescent="0.3">
      <c r="A45977" s="13" t="s">
        <v>263</v>
      </c>
      <c r="B45977" s="14" t="s">
        <v>1</v>
      </c>
      <c r="C45977" s="14" t="s">
        <v>96</v>
      </c>
      <c r="D45977" s="14" t="s">
        <v>264</v>
      </c>
      <c r="E45977" s="15">
        <v>45728</v>
      </c>
      <c r="F45977" s="14" t="s">
        <v>28</v>
      </c>
      <c r="G45977" s="16">
        <v>0</v>
      </c>
    </row>
    <row r="45978" spans="1:7" x14ac:dyDescent="0.3">
      <c r="A45978" s="13" t="s">
        <v>263</v>
      </c>
      <c r="B45978" s="14" t="s">
        <v>1</v>
      </c>
      <c r="C45978" s="14" t="s">
        <v>96</v>
      </c>
      <c r="D45978" s="14" t="s">
        <v>264</v>
      </c>
      <c r="E45978" s="15">
        <v>45729</v>
      </c>
      <c r="F45978" s="14" t="s">
        <v>28</v>
      </c>
      <c r="G45978" s="16">
        <v>0</v>
      </c>
    </row>
    <row r="45979" spans="1:7" x14ac:dyDescent="0.3">
      <c r="A45979" s="13" t="s">
        <v>263</v>
      </c>
      <c r="B45979" s="14" t="s">
        <v>1</v>
      </c>
      <c r="C45979" s="14" t="s">
        <v>96</v>
      </c>
      <c r="D45979" s="14" t="s">
        <v>264</v>
      </c>
      <c r="E45979" s="15">
        <v>45730</v>
      </c>
      <c r="F45979" s="14" t="s">
        <v>28</v>
      </c>
      <c r="G45979" s="16">
        <v>0</v>
      </c>
    </row>
    <row r="45980" spans="1:7" x14ac:dyDescent="0.3">
      <c r="A45980" s="13" t="s">
        <v>263</v>
      </c>
      <c r="B45980" s="14" t="s">
        <v>1</v>
      </c>
      <c r="C45980" s="14" t="s">
        <v>96</v>
      </c>
      <c r="D45980" s="14" t="s">
        <v>264</v>
      </c>
      <c r="E45980" s="15">
        <v>45731</v>
      </c>
      <c r="F45980" s="14" t="s">
        <v>28</v>
      </c>
      <c r="G45980" s="16">
        <v>0</v>
      </c>
    </row>
    <row r="45981" spans="1:7" x14ac:dyDescent="0.3">
      <c r="A45981" s="13" t="s">
        <v>263</v>
      </c>
      <c r="B45981" s="14" t="s">
        <v>1</v>
      </c>
      <c r="C45981" s="14" t="s">
        <v>96</v>
      </c>
      <c r="D45981" s="14" t="s">
        <v>264</v>
      </c>
      <c r="E45981" s="15">
        <v>45732</v>
      </c>
      <c r="F45981" s="14" t="s">
        <v>28</v>
      </c>
      <c r="G45981" s="16">
        <v>0</v>
      </c>
    </row>
    <row r="45982" spans="1:7" x14ac:dyDescent="0.3">
      <c r="A45982" s="13" t="s">
        <v>263</v>
      </c>
      <c r="B45982" s="14" t="s">
        <v>1</v>
      </c>
      <c r="C45982" s="14" t="s">
        <v>96</v>
      </c>
      <c r="D45982" s="14" t="s">
        <v>264</v>
      </c>
      <c r="E45982" s="15">
        <v>45733</v>
      </c>
      <c r="F45982" s="14" t="s">
        <v>28</v>
      </c>
      <c r="G45982" s="16">
        <v>0</v>
      </c>
    </row>
    <row r="45983" spans="1:7" x14ac:dyDescent="0.3">
      <c r="A45983" s="13" t="s">
        <v>263</v>
      </c>
      <c r="B45983" s="14" t="s">
        <v>1</v>
      </c>
      <c r="C45983" s="14" t="s">
        <v>96</v>
      </c>
      <c r="D45983" s="14" t="s">
        <v>264</v>
      </c>
      <c r="E45983" s="15">
        <v>45734</v>
      </c>
      <c r="F45983" s="14" t="s">
        <v>28</v>
      </c>
      <c r="G45983" s="16">
        <v>0</v>
      </c>
    </row>
    <row r="45984" spans="1:7" x14ac:dyDescent="0.3">
      <c r="A45984" s="13" t="s">
        <v>263</v>
      </c>
      <c r="B45984" s="14" t="s">
        <v>1</v>
      </c>
      <c r="C45984" s="14" t="s">
        <v>96</v>
      </c>
      <c r="D45984" s="14" t="s">
        <v>264</v>
      </c>
      <c r="E45984" s="15">
        <v>45735</v>
      </c>
      <c r="F45984" s="14" t="s">
        <v>28</v>
      </c>
      <c r="G45984" s="16">
        <v>0</v>
      </c>
    </row>
    <row r="45985" spans="1:7" x14ac:dyDescent="0.3">
      <c r="A45985" s="13" t="s">
        <v>263</v>
      </c>
      <c r="B45985" s="14" t="s">
        <v>1</v>
      </c>
      <c r="C45985" s="14" t="s">
        <v>96</v>
      </c>
      <c r="D45985" s="14" t="s">
        <v>264</v>
      </c>
      <c r="E45985" s="15">
        <v>45736</v>
      </c>
      <c r="F45985" s="14" t="s">
        <v>28</v>
      </c>
      <c r="G45985" s="16">
        <v>0</v>
      </c>
    </row>
    <row r="45986" spans="1:7" x14ac:dyDescent="0.3">
      <c r="A45986" s="13" t="s">
        <v>263</v>
      </c>
      <c r="B45986" s="14" t="s">
        <v>1</v>
      </c>
      <c r="C45986" s="14" t="s">
        <v>96</v>
      </c>
      <c r="D45986" s="14" t="s">
        <v>264</v>
      </c>
      <c r="E45986" s="15">
        <v>45737</v>
      </c>
      <c r="F45986" s="14" t="s">
        <v>28</v>
      </c>
      <c r="G45986" s="16">
        <v>0</v>
      </c>
    </row>
    <row r="45987" spans="1:7" x14ac:dyDescent="0.3">
      <c r="A45987" s="13" t="s">
        <v>263</v>
      </c>
      <c r="B45987" s="14" t="s">
        <v>1</v>
      </c>
      <c r="C45987" s="14" t="s">
        <v>96</v>
      </c>
      <c r="D45987" s="14" t="s">
        <v>264</v>
      </c>
      <c r="E45987" s="15">
        <v>45738</v>
      </c>
      <c r="F45987" s="14" t="s">
        <v>28</v>
      </c>
      <c r="G45987" s="16">
        <v>0</v>
      </c>
    </row>
    <row r="45988" spans="1:7" x14ac:dyDescent="0.3">
      <c r="A45988" s="13" t="s">
        <v>263</v>
      </c>
      <c r="B45988" s="14" t="s">
        <v>1</v>
      </c>
      <c r="C45988" s="14" t="s">
        <v>96</v>
      </c>
      <c r="D45988" s="14" t="s">
        <v>264</v>
      </c>
      <c r="E45988" s="15">
        <v>45739</v>
      </c>
      <c r="F45988" s="14" t="s">
        <v>28</v>
      </c>
      <c r="G45988" s="16">
        <v>0</v>
      </c>
    </row>
    <row r="45989" spans="1:7" x14ac:dyDescent="0.3">
      <c r="A45989" s="13" t="s">
        <v>263</v>
      </c>
      <c r="B45989" s="14" t="s">
        <v>1</v>
      </c>
      <c r="C45989" s="14" t="s">
        <v>96</v>
      </c>
      <c r="D45989" s="14" t="s">
        <v>264</v>
      </c>
      <c r="E45989" s="15">
        <v>45740</v>
      </c>
      <c r="F45989" s="14" t="s">
        <v>28</v>
      </c>
      <c r="G45989" s="16">
        <v>0</v>
      </c>
    </row>
    <row r="45990" spans="1:7" x14ac:dyDescent="0.3">
      <c r="A45990" s="13" t="s">
        <v>263</v>
      </c>
      <c r="B45990" s="14" t="s">
        <v>1</v>
      </c>
      <c r="C45990" s="14" t="s">
        <v>96</v>
      </c>
      <c r="D45990" s="14" t="s">
        <v>264</v>
      </c>
      <c r="E45990" s="15">
        <v>45741</v>
      </c>
      <c r="F45990" s="14" t="s">
        <v>28</v>
      </c>
      <c r="G45990" s="16">
        <v>0</v>
      </c>
    </row>
    <row r="45991" spans="1:7" x14ac:dyDescent="0.3">
      <c r="A45991" s="13" t="s">
        <v>263</v>
      </c>
      <c r="B45991" s="14" t="s">
        <v>1</v>
      </c>
      <c r="C45991" s="14" t="s">
        <v>96</v>
      </c>
      <c r="D45991" s="14" t="s">
        <v>264</v>
      </c>
      <c r="E45991" s="15">
        <v>45742</v>
      </c>
      <c r="F45991" s="14" t="s">
        <v>28</v>
      </c>
      <c r="G45991" s="16">
        <v>1.1013775786622279E-2</v>
      </c>
    </row>
    <row r="45992" spans="1:7" x14ac:dyDescent="0.3">
      <c r="A45992" s="13" t="s">
        <v>263</v>
      </c>
      <c r="B45992" s="14" t="s">
        <v>1</v>
      </c>
      <c r="C45992" s="14" t="s">
        <v>96</v>
      </c>
      <c r="D45992" s="14" t="s">
        <v>264</v>
      </c>
      <c r="E45992" s="15">
        <v>45743</v>
      </c>
      <c r="F45992" s="14" t="s">
        <v>28</v>
      </c>
      <c r="G45992" s="16">
        <v>1.8751874473848847E-2</v>
      </c>
    </row>
    <row r="45993" spans="1:7" x14ac:dyDescent="0.3">
      <c r="A45993" s="13" t="s">
        <v>263</v>
      </c>
      <c r="B45993" s="14" t="s">
        <v>1</v>
      </c>
      <c r="C45993" s="14" t="s">
        <v>96</v>
      </c>
      <c r="D45993" s="14" t="s">
        <v>264</v>
      </c>
      <c r="E45993" s="15">
        <v>45744</v>
      </c>
      <c r="F45993" s="14" t="s">
        <v>28</v>
      </c>
      <c r="G45993" s="16">
        <v>7.6093576161702326E-3</v>
      </c>
    </row>
    <row r="45994" spans="1:7" x14ac:dyDescent="0.3">
      <c r="A45994" s="13" t="s">
        <v>263</v>
      </c>
      <c r="B45994" s="14" t="s">
        <v>1</v>
      </c>
      <c r="C45994" s="14" t="s">
        <v>96</v>
      </c>
      <c r="D45994" s="14" t="s">
        <v>264</v>
      </c>
      <c r="E45994" s="15">
        <v>45745</v>
      </c>
      <c r="F45994" s="14" t="s">
        <v>28</v>
      </c>
      <c r="G45994" s="16">
        <v>7.6093576161702326E-3</v>
      </c>
    </row>
    <row r="45995" spans="1:7" x14ac:dyDescent="0.3">
      <c r="A45995" s="13" t="s">
        <v>263</v>
      </c>
      <c r="B45995" s="14" t="s">
        <v>1</v>
      </c>
      <c r="C45995" s="14" t="s">
        <v>96</v>
      </c>
      <c r="D45995" s="14" t="s">
        <v>264</v>
      </c>
      <c r="E45995" s="15">
        <v>45746</v>
      </c>
      <c r="F45995" s="14" t="s">
        <v>28</v>
      </c>
      <c r="G45995" s="16">
        <v>7.6093576161702326E-3</v>
      </c>
    </row>
    <row r="45996" spans="1:7" x14ac:dyDescent="0.3">
      <c r="A45996" s="13" t="s">
        <v>263</v>
      </c>
      <c r="B45996" s="14" t="s">
        <v>1</v>
      </c>
      <c r="C45996" s="14" t="s">
        <v>96</v>
      </c>
      <c r="D45996" s="14" t="s">
        <v>264</v>
      </c>
      <c r="E45996" s="15">
        <v>45747</v>
      </c>
      <c r="F45996" s="14" t="s">
        <v>28</v>
      </c>
      <c r="G45996" s="16">
        <v>7.6093576161702326E-3</v>
      </c>
    </row>
    <row r="45997" spans="1:7" x14ac:dyDescent="0.3">
      <c r="A45997" s="13" t="s">
        <v>265</v>
      </c>
      <c r="B45997" s="14" t="s">
        <v>1</v>
      </c>
      <c r="C45997" s="14" t="s">
        <v>59</v>
      </c>
      <c r="D45997" s="14" t="s">
        <v>266</v>
      </c>
      <c r="E45997" s="15">
        <v>45383</v>
      </c>
      <c r="F45997" s="14" t="s">
        <v>61</v>
      </c>
      <c r="G45997" s="16">
        <v>0</v>
      </c>
    </row>
    <row r="45998" spans="1:7" x14ac:dyDescent="0.3">
      <c r="A45998" s="13" t="s">
        <v>265</v>
      </c>
      <c r="B45998" s="14" t="s">
        <v>1</v>
      </c>
      <c r="C45998" s="14" t="s">
        <v>59</v>
      </c>
      <c r="D45998" s="14" t="s">
        <v>266</v>
      </c>
      <c r="E45998" s="15">
        <v>45384</v>
      </c>
      <c r="F45998" s="14" t="s">
        <v>61</v>
      </c>
      <c r="G45998" s="16">
        <v>0</v>
      </c>
    </row>
    <row r="45999" spans="1:7" x14ac:dyDescent="0.3">
      <c r="A45999" s="13" t="s">
        <v>265</v>
      </c>
      <c r="B45999" s="14" t="s">
        <v>1</v>
      </c>
      <c r="C45999" s="14" t="s">
        <v>59</v>
      </c>
      <c r="D45999" s="14" t="s">
        <v>266</v>
      </c>
      <c r="E45999" s="15">
        <v>45385</v>
      </c>
      <c r="F45999" s="14" t="s">
        <v>61</v>
      </c>
      <c r="G45999" s="16">
        <v>0</v>
      </c>
    </row>
    <row r="46000" spans="1:7" x14ac:dyDescent="0.3">
      <c r="A46000" s="13" t="s">
        <v>265</v>
      </c>
      <c r="B46000" s="14" t="s">
        <v>1</v>
      </c>
      <c r="C46000" s="14" t="s">
        <v>59</v>
      </c>
      <c r="D46000" s="14" t="s">
        <v>266</v>
      </c>
      <c r="E46000" s="15">
        <v>45386</v>
      </c>
      <c r="F46000" s="14" t="s">
        <v>61</v>
      </c>
      <c r="G46000" s="16">
        <v>0</v>
      </c>
    </row>
    <row r="46001" spans="1:7" x14ac:dyDescent="0.3">
      <c r="A46001" s="13" t="s">
        <v>265</v>
      </c>
      <c r="B46001" s="14" t="s">
        <v>1</v>
      </c>
      <c r="C46001" s="14" t="s">
        <v>59</v>
      </c>
      <c r="D46001" s="14" t="s">
        <v>266</v>
      </c>
      <c r="E46001" s="15">
        <v>45387</v>
      </c>
      <c r="F46001" s="14" t="s">
        <v>61</v>
      </c>
      <c r="G46001" s="16">
        <v>0</v>
      </c>
    </row>
    <row r="46002" spans="1:7" x14ac:dyDescent="0.3">
      <c r="A46002" s="13" t="s">
        <v>265</v>
      </c>
      <c r="B46002" s="14" t="s">
        <v>1</v>
      </c>
      <c r="C46002" s="14" t="s">
        <v>59</v>
      </c>
      <c r="D46002" s="14" t="s">
        <v>266</v>
      </c>
      <c r="E46002" s="15">
        <v>45388</v>
      </c>
      <c r="F46002" s="14" t="s">
        <v>61</v>
      </c>
      <c r="G46002" s="16">
        <v>0</v>
      </c>
    </row>
    <row r="46003" spans="1:7" x14ac:dyDescent="0.3">
      <c r="A46003" s="13" t="s">
        <v>265</v>
      </c>
      <c r="B46003" s="14" t="s">
        <v>1</v>
      </c>
      <c r="C46003" s="14" t="s">
        <v>59</v>
      </c>
      <c r="D46003" s="14" t="s">
        <v>266</v>
      </c>
      <c r="E46003" s="15">
        <v>45389</v>
      </c>
      <c r="F46003" s="14" t="s">
        <v>61</v>
      </c>
      <c r="G46003" s="16">
        <v>0</v>
      </c>
    </row>
    <row r="46004" spans="1:7" x14ac:dyDescent="0.3">
      <c r="A46004" s="13" t="s">
        <v>265</v>
      </c>
      <c r="B46004" s="14" t="s">
        <v>1</v>
      </c>
      <c r="C46004" s="14" t="s">
        <v>59</v>
      </c>
      <c r="D46004" s="14" t="s">
        <v>266</v>
      </c>
      <c r="E46004" s="15">
        <v>45390</v>
      </c>
      <c r="F46004" s="14" t="s">
        <v>61</v>
      </c>
      <c r="G46004" s="16">
        <v>0</v>
      </c>
    </row>
    <row r="46005" spans="1:7" x14ac:dyDescent="0.3">
      <c r="A46005" s="13" t="s">
        <v>265</v>
      </c>
      <c r="B46005" s="14" t="s">
        <v>1</v>
      </c>
      <c r="C46005" s="14" t="s">
        <v>59</v>
      </c>
      <c r="D46005" s="14" t="s">
        <v>266</v>
      </c>
      <c r="E46005" s="15">
        <v>45391</v>
      </c>
      <c r="F46005" s="14" t="s">
        <v>61</v>
      </c>
      <c r="G46005" s="16">
        <v>0</v>
      </c>
    </row>
    <row r="46006" spans="1:7" x14ac:dyDescent="0.3">
      <c r="A46006" s="13" t="s">
        <v>265</v>
      </c>
      <c r="B46006" s="14" t="s">
        <v>1</v>
      </c>
      <c r="C46006" s="14" t="s">
        <v>59</v>
      </c>
      <c r="D46006" s="14" t="s">
        <v>266</v>
      </c>
      <c r="E46006" s="15">
        <v>45392</v>
      </c>
      <c r="F46006" s="14" t="s">
        <v>61</v>
      </c>
      <c r="G46006" s="16">
        <v>0</v>
      </c>
    </row>
    <row r="46007" spans="1:7" x14ac:dyDescent="0.3">
      <c r="A46007" s="13" t="s">
        <v>265</v>
      </c>
      <c r="B46007" s="14" t="s">
        <v>1</v>
      </c>
      <c r="C46007" s="14" t="s">
        <v>59</v>
      </c>
      <c r="D46007" s="14" t="s">
        <v>266</v>
      </c>
      <c r="E46007" s="15">
        <v>45393</v>
      </c>
      <c r="F46007" s="14" t="s">
        <v>61</v>
      </c>
      <c r="G46007" s="16">
        <v>0</v>
      </c>
    </row>
    <row r="46008" spans="1:7" x14ac:dyDescent="0.3">
      <c r="A46008" s="13" t="s">
        <v>265</v>
      </c>
      <c r="B46008" s="14" t="s">
        <v>1</v>
      </c>
      <c r="C46008" s="14" t="s">
        <v>59</v>
      </c>
      <c r="D46008" s="14" t="s">
        <v>266</v>
      </c>
      <c r="E46008" s="15">
        <v>45394</v>
      </c>
      <c r="F46008" s="14" t="s">
        <v>61</v>
      </c>
      <c r="G46008" s="16">
        <v>0</v>
      </c>
    </row>
    <row r="46009" spans="1:7" x14ac:dyDescent="0.3">
      <c r="A46009" s="13" t="s">
        <v>265</v>
      </c>
      <c r="B46009" s="14" t="s">
        <v>1</v>
      </c>
      <c r="C46009" s="14" t="s">
        <v>59</v>
      </c>
      <c r="D46009" s="14" t="s">
        <v>266</v>
      </c>
      <c r="E46009" s="15">
        <v>45395</v>
      </c>
      <c r="F46009" s="14" t="s">
        <v>61</v>
      </c>
      <c r="G46009" s="16">
        <v>0</v>
      </c>
    </row>
    <row r="46010" spans="1:7" x14ac:dyDescent="0.3">
      <c r="A46010" s="13" t="s">
        <v>265</v>
      </c>
      <c r="B46010" s="14" t="s">
        <v>1</v>
      </c>
      <c r="C46010" s="14" t="s">
        <v>59</v>
      </c>
      <c r="D46010" s="14" t="s">
        <v>266</v>
      </c>
      <c r="E46010" s="15">
        <v>45396</v>
      </c>
      <c r="F46010" s="14" t="s">
        <v>61</v>
      </c>
      <c r="G46010" s="16">
        <v>0</v>
      </c>
    </row>
    <row r="46011" spans="1:7" x14ac:dyDescent="0.3">
      <c r="A46011" s="13" t="s">
        <v>265</v>
      </c>
      <c r="B46011" s="14" t="s">
        <v>1</v>
      </c>
      <c r="C46011" s="14" t="s">
        <v>59</v>
      </c>
      <c r="D46011" s="14" t="s">
        <v>266</v>
      </c>
      <c r="E46011" s="15">
        <v>45397</v>
      </c>
      <c r="F46011" s="14" t="s">
        <v>61</v>
      </c>
      <c r="G46011" s="16">
        <v>0</v>
      </c>
    </row>
    <row r="46012" spans="1:7" x14ac:dyDescent="0.3">
      <c r="A46012" s="13" t="s">
        <v>265</v>
      </c>
      <c r="B46012" s="14" t="s">
        <v>1</v>
      </c>
      <c r="C46012" s="14" t="s">
        <v>59</v>
      </c>
      <c r="D46012" s="14" t="s">
        <v>266</v>
      </c>
      <c r="E46012" s="15">
        <v>45398</v>
      </c>
      <c r="F46012" s="14" t="s">
        <v>61</v>
      </c>
      <c r="G46012" s="16">
        <v>0</v>
      </c>
    </row>
    <row r="46013" spans="1:7" x14ac:dyDescent="0.3">
      <c r="A46013" s="13" t="s">
        <v>265</v>
      </c>
      <c r="B46013" s="14" t="s">
        <v>1</v>
      </c>
      <c r="C46013" s="14" t="s">
        <v>59</v>
      </c>
      <c r="D46013" s="14" t="s">
        <v>266</v>
      </c>
      <c r="E46013" s="15">
        <v>45399</v>
      </c>
      <c r="F46013" s="14" t="s">
        <v>61</v>
      </c>
      <c r="G46013" s="16">
        <v>0</v>
      </c>
    </row>
    <row r="46014" spans="1:7" x14ac:dyDescent="0.3">
      <c r="A46014" s="13" t="s">
        <v>265</v>
      </c>
      <c r="B46014" s="14" t="s">
        <v>1</v>
      </c>
      <c r="C46014" s="14" t="s">
        <v>59</v>
      </c>
      <c r="D46014" s="14" t="s">
        <v>266</v>
      </c>
      <c r="E46014" s="15">
        <v>45400</v>
      </c>
      <c r="F46014" s="14" t="s">
        <v>61</v>
      </c>
      <c r="G46014" s="16">
        <v>0</v>
      </c>
    </row>
    <row r="46015" spans="1:7" x14ac:dyDescent="0.3">
      <c r="A46015" s="13" t="s">
        <v>265</v>
      </c>
      <c r="B46015" s="14" t="s">
        <v>1</v>
      </c>
      <c r="C46015" s="14" t="s">
        <v>59</v>
      </c>
      <c r="D46015" s="14" t="s">
        <v>266</v>
      </c>
      <c r="E46015" s="15">
        <v>45401</v>
      </c>
      <c r="F46015" s="14" t="s">
        <v>61</v>
      </c>
      <c r="G46015" s="16">
        <v>0</v>
      </c>
    </row>
    <row r="46016" spans="1:7" x14ac:dyDescent="0.3">
      <c r="A46016" s="13" t="s">
        <v>265</v>
      </c>
      <c r="B46016" s="14" t="s">
        <v>1</v>
      </c>
      <c r="C46016" s="14" t="s">
        <v>59</v>
      </c>
      <c r="D46016" s="14" t="s">
        <v>266</v>
      </c>
      <c r="E46016" s="15">
        <v>45402</v>
      </c>
      <c r="F46016" s="14" t="s">
        <v>61</v>
      </c>
      <c r="G46016" s="16">
        <v>0</v>
      </c>
    </row>
    <row r="46017" spans="1:7" x14ac:dyDescent="0.3">
      <c r="A46017" s="13" t="s">
        <v>265</v>
      </c>
      <c r="B46017" s="14" t="s">
        <v>1</v>
      </c>
      <c r="C46017" s="14" t="s">
        <v>59</v>
      </c>
      <c r="D46017" s="14" t="s">
        <v>266</v>
      </c>
      <c r="E46017" s="15">
        <v>45403</v>
      </c>
      <c r="F46017" s="14" t="s">
        <v>61</v>
      </c>
      <c r="G46017" s="16">
        <v>0</v>
      </c>
    </row>
    <row r="46018" spans="1:7" x14ac:dyDescent="0.3">
      <c r="A46018" s="13" t="s">
        <v>265</v>
      </c>
      <c r="B46018" s="14" t="s">
        <v>1</v>
      </c>
      <c r="C46018" s="14" t="s">
        <v>59</v>
      </c>
      <c r="D46018" s="14" t="s">
        <v>266</v>
      </c>
      <c r="E46018" s="15">
        <v>45404</v>
      </c>
      <c r="F46018" s="14" t="s">
        <v>61</v>
      </c>
      <c r="G46018" s="16">
        <v>0</v>
      </c>
    </row>
    <row r="46019" spans="1:7" x14ac:dyDescent="0.3">
      <c r="A46019" s="13" t="s">
        <v>265</v>
      </c>
      <c r="B46019" s="14" t="s">
        <v>1</v>
      </c>
      <c r="C46019" s="14" t="s">
        <v>59</v>
      </c>
      <c r="D46019" s="14" t="s">
        <v>266</v>
      </c>
      <c r="E46019" s="15">
        <v>45405</v>
      </c>
      <c r="F46019" s="14" t="s">
        <v>61</v>
      </c>
      <c r="G46019" s="16">
        <v>0</v>
      </c>
    </row>
    <row r="46020" spans="1:7" x14ac:dyDescent="0.3">
      <c r="A46020" s="13" t="s">
        <v>265</v>
      </c>
      <c r="B46020" s="14" t="s">
        <v>1</v>
      </c>
      <c r="C46020" s="14" t="s">
        <v>59</v>
      </c>
      <c r="D46020" s="14" t="s">
        <v>266</v>
      </c>
      <c r="E46020" s="15">
        <v>45406</v>
      </c>
      <c r="F46020" s="14" t="s">
        <v>61</v>
      </c>
      <c r="G46020" s="16">
        <v>0</v>
      </c>
    </row>
    <row r="46021" spans="1:7" x14ac:dyDescent="0.3">
      <c r="A46021" s="13" t="s">
        <v>265</v>
      </c>
      <c r="B46021" s="14" t="s">
        <v>1</v>
      </c>
      <c r="C46021" s="14" t="s">
        <v>59</v>
      </c>
      <c r="D46021" s="14" t="s">
        <v>266</v>
      </c>
      <c r="E46021" s="15">
        <v>45407</v>
      </c>
      <c r="F46021" s="14" t="s">
        <v>61</v>
      </c>
      <c r="G46021" s="16">
        <v>0</v>
      </c>
    </row>
    <row r="46022" spans="1:7" x14ac:dyDescent="0.3">
      <c r="A46022" s="13" t="s">
        <v>265</v>
      </c>
      <c r="B46022" s="14" t="s">
        <v>1</v>
      </c>
      <c r="C46022" s="14" t="s">
        <v>59</v>
      </c>
      <c r="D46022" s="14" t="s">
        <v>266</v>
      </c>
      <c r="E46022" s="15">
        <v>45408</v>
      </c>
      <c r="F46022" s="14" t="s">
        <v>61</v>
      </c>
      <c r="G46022" s="16">
        <v>0</v>
      </c>
    </row>
    <row r="46023" spans="1:7" x14ac:dyDescent="0.3">
      <c r="A46023" s="13" t="s">
        <v>265</v>
      </c>
      <c r="B46023" s="14" t="s">
        <v>1</v>
      </c>
      <c r="C46023" s="14" t="s">
        <v>59</v>
      </c>
      <c r="D46023" s="14" t="s">
        <v>266</v>
      </c>
      <c r="E46023" s="15">
        <v>45409</v>
      </c>
      <c r="F46023" s="14" t="s">
        <v>61</v>
      </c>
      <c r="G46023" s="16">
        <v>0</v>
      </c>
    </row>
    <row r="46024" spans="1:7" x14ac:dyDescent="0.3">
      <c r="A46024" s="13" t="s">
        <v>265</v>
      </c>
      <c r="B46024" s="14" t="s">
        <v>1</v>
      </c>
      <c r="C46024" s="14" t="s">
        <v>59</v>
      </c>
      <c r="D46024" s="14" t="s">
        <v>266</v>
      </c>
      <c r="E46024" s="15">
        <v>45410</v>
      </c>
      <c r="F46024" s="14" t="s">
        <v>61</v>
      </c>
      <c r="G46024" s="16">
        <v>0</v>
      </c>
    </row>
    <row r="46025" spans="1:7" x14ac:dyDescent="0.3">
      <c r="A46025" s="13" t="s">
        <v>265</v>
      </c>
      <c r="B46025" s="14" t="s">
        <v>1</v>
      </c>
      <c r="C46025" s="14" t="s">
        <v>59</v>
      </c>
      <c r="D46025" s="14" t="s">
        <v>266</v>
      </c>
      <c r="E46025" s="15">
        <v>45411</v>
      </c>
      <c r="F46025" s="14" t="s">
        <v>61</v>
      </c>
      <c r="G46025" s="16">
        <v>0</v>
      </c>
    </row>
    <row r="46026" spans="1:7" x14ac:dyDescent="0.3">
      <c r="A46026" s="13" t="s">
        <v>265</v>
      </c>
      <c r="B46026" s="14" t="s">
        <v>1</v>
      </c>
      <c r="C46026" s="14" t="s">
        <v>59</v>
      </c>
      <c r="D46026" s="14" t="s">
        <v>266</v>
      </c>
      <c r="E46026" s="15">
        <v>45412</v>
      </c>
      <c r="F46026" s="14" t="s">
        <v>61</v>
      </c>
      <c r="G46026" s="16">
        <v>0</v>
      </c>
    </row>
    <row r="46027" spans="1:7" x14ac:dyDescent="0.3">
      <c r="A46027" s="13" t="s">
        <v>265</v>
      </c>
      <c r="B46027" s="14" t="s">
        <v>1</v>
      </c>
      <c r="C46027" s="14" t="s">
        <v>59</v>
      </c>
      <c r="D46027" s="14" t="s">
        <v>266</v>
      </c>
      <c r="E46027" s="15">
        <v>45413</v>
      </c>
      <c r="F46027" s="14" t="s">
        <v>61</v>
      </c>
      <c r="G46027" s="16">
        <v>0</v>
      </c>
    </row>
    <row r="46028" spans="1:7" x14ac:dyDescent="0.3">
      <c r="A46028" s="13" t="s">
        <v>265</v>
      </c>
      <c r="B46028" s="14" t="s">
        <v>1</v>
      </c>
      <c r="C46028" s="14" t="s">
        <v>59</v>
      </c>
      <c r="D46028" s="14" t="s">
        <v>266</v>
      </c>
      <c r="E46028" s="15">
        <v>45414</v>
      </c>
      <c r="F46028" s="14" t="s">
        <v>61</v>
      </c>
      <c r="G46028" s="16">
        <v>0</v>
      </c>
    </row>
    <row r="46029" spans="1:7" x14ac:dyDescent="0.3">
      <c r="A46029" s="13" t="s">
        <v>265</v>
      </c>
      <c r="B46029" s="14" t="s">
        <v>1</v>
      </c>
      <c r="C46029" s="14" t="s">
        <v>59</v>
      </c>
      <c r="D46029" s="14" t="s">
        <v>266</v>
      </c>
      <c r="E46029" s="15">
        <v>45415</v>
      </c>
      <c r="F46029" s="14" t="s">
        <v>61</v>
      </c>
      <c r="G46029" s="16">
        <v>0</v>
      </c>
    </row>
    <row r="46030" spans="1:7" x14ac:dyDescent="0.3">
      <c r="A46030" s="13" t="s">
        <v>265</v>
      </c>
      <c r="B46030" s="14" t="s">
        <v>1</v>
      </c>
      <c r="C46030" s="14" t="s">
        <v>59</v>
      </c>
      <c r="D46030" s="14" t="s">
        <v>266</v>
      </c>
      <c r="E46030" s="15">
        <v>45416</v>
      </c>
      <c r="F46030" s="14" t="s">
        <v>61</v>
      </c>
      <c r="G46030" s="16">
        <v>0</v>
      </c>
    </row>
    <row r="46031" spans="1:7" x14ac:dyDescent="0.3">
      <c r="A46031" s="13" t="s">
        <v>265</v>
      </c>
      <c r="B46031" s="14" t="s">
        <v>1</v>
      </c>
      <c r="C46031" s="14" t="s">
        <v>59</v>
      </c>
      <c r="D46031" s="14" t="s">
        <v>266</v>
      </c>
      <c r="E46031" s="15">
        <v>45417</v>
      </c>
      <c r="F46031" s="14" t="s">
        <v>61</v>
      </c>
      <c r="G46031" s="16">
        <v>0</v>
      </c>
    </row>
    <row r="46032" spans="1:7" x14ac:dyDescent="0.3">
      <c r="A46032" s="13" t="s">
        <v>265</v>
      </c>
      <c r="B46032" s="14" t="s">
        <v>1</v>
      </c>
      <c r="C46032" s="14" t="s">
        <v>59</v>
      </c>
      <c r="D46032" s="14" t="s">
        <v>266</v>
      </c>
      <c r="E46032" s="15">
        <v>45418</v>
      </c>
      <c r="F46032" s="14" t="s">
        <v>61</v>
      </c>
      <c r="G46032" s="16">
        <v>0</v>
      </c>
    </row>
    <row r="46033" spans="1:7" x14ac:dyDescent="0.3">
      <c r="A46033" s="13" t="s">
        <v>265</v>
      </c>
      <c r="B46033" s="14" t="s">
        <v>1</v>
      </c>
      <c r="C46033" s="14" t="s">
        <v>59</v>
      </c>
      <c r="D46033" s="14" t="s">
        <v>266</v>
      </c>
      <c r="E46033" s="15">
        <v>45419</v>
      </c>
      <c r="F46033" s="14" t="s">
        <v>61</v>
      </c>
      <c r="G46033" s="16">
        <v>0</v>
      </c>
    </row>
    <row r="46034" spans="1:7" x14ac:dyDescent="0.3">
      <c r="A46034" s="13" t="s">
        <v>265</v>
      </c>
      <c r="B46034" s="14" t="s">
        <v>1</v>
      </c>
      <c r="C46034" s="14" t="s">
        <v>59</v>
      </c>
      <c r="D46034" s="14" t="s">
        <v>266</v>
      </c>
      <c r="E46034" s="15">
        <v>45420</v>
      </c>
      <c r="F46034" s="14" t="s">
        <v>61</v>
      </c>
      <c r="G46034" s="16">
        <v>0</v>
      </c>
    </row>
    <row r="46035" spans="1:7" x14ac:dyDescent="0.3">
      <c r="A46035" s="13" t="s">
        <v>265</v>
      </c>
      <c r="B46035" s="14" t="s">
        <v>1</v>
      </c>
      <c r="C46035" s="14" t="s">
        <v>59</v>
      </c>
      <c r="D46035" s="14" t="s">
        <v>266</v>
      </c>
      <c r="E46035" s="15">
        <v>45421</v>
      </c>
      <c r="F46035" s="14" t="s">
        <v>61</v>
      </c>
      <c r="G46035" s="16">
        <v>0</v>
      </c>
    </row>
    <row r="46036" spans="1:7" x14ac:dyDescent="0.3">
      <c r="A46036" s="13" t="s">
        <v>265</v>
      </c>
      <c r="B46036" s="14" t="s">
        <v>1</v>
      </c>
      <c r="C46036" s="14" t="s">
        <v>59</v>
      </c>
      <c r="D46036" s="14" t="s">
        <v>266</v>
      </c>
      <c r="E46036" s="15">
        <v>45422</v>
      </c>
      <c r="F46036" s="14" t="s">
        <v>61</v>
      </c>
      <c r="G46036" s="16">
        <v>0</v>
      </c>
    </row>
    <row r="46037" spans="1:7" x14ac:dyDescent="0.3">
      <c r="A46037" s="13" t="s">
        <v>265</v>
      </c>
      <c r="B46037" s="14" t="s">
        <v>1</v>
      </c>
      <c r="C46037" s="14" t="s">
        <v>59</v>
      </c>
      <c r="D46037" s="14" t="s">
        <v>266</v>
      </c>
      <c r="E46037" s="15">
        <v>45423</v>
      </c>
      <c r="F46037" s="14" t="s">
        <v>61</v>
      </c>
      <c r="G46037" s="16">
        <v>0</v>
      </c>
    </row>
    <row r="46038" spans="1:7" x14ac:dyDescent="0.3">
      <c r="A46038" s="13" t="s">
        <v>265</v>
      </c>
      <c r="B46038" s="14" t="s">
        <v>1</v>
      </c>
      <c r="C46038" s="14" t="s">
        <v>59</v>
      </c>
      <c r="D46038" s="14" t="s">
        <v>266</v>
      </c>
      <c r="E46038" s="15">
        <v>45424</v>
      </c>
      <c r="F46038" s="14" t="s">
        <v>61</v>
      </c>
      <c r="G46038" s="16">
        <v>0</v>
      </c>
    </row>
    <row r="46039" spans="1:7" x14ac:dyDescent="0.3">
      <c r="A46039" s="13" t="s">
        <v>265</v>
      </c>
      <c r="B46039" s="14" t="s">
        <v>1</v>
      </c>
      <c r="C46039" s="14" t="s">
        <v>59</v>
      </c>
      <c r="D46039" s="14" t="s">
        <v>266</v>
      </c>
      <c r="E46039" s="15">
        <v>45425</v>
      </c>
      <c r="F46039" s="14" t="s">
        <v>61</v>
      </c>
      <c r="G46039" s="16">
        <v>0</v>
      </c>
    </row>
    <row r="46040" spans="1:7" x14ac:dyDescent="0.3">
      <c r="A46040" s="13" t="s">
        <v>265</v>
      </c>
      <c r="B46040" s="14" t="s">
        <v>1</v>
      </c>
      <c r="C46040" s="14" t="s">
        <v>59</v>
      </c>
      <c r="D46040" s="14" t="s">
        <v>266</v>
      </c>
      <c r="E46040" s="15">
        <v>45426</v>
      </c>
      <c r="F46040" s="14" t="s">
        <v>61</v>
      </c>
      <c r="G46040" s="16">
        <v>0</v>
      </c>
    </row>
    <row r="46041" spans="1:7" x14ac:dyDescent="0.3">
      <c r="A46041" s="13" t="s">
        <v>265</v>
      </c>
      <c r="B46041" s="14" t="s">
        <v>1</v>
      </c>
      <c r="C46041" s="14" t="s">
        <v>59</v>
      </c>
      <c r="D46041" s="14" t="s">
        <v>266</v>
      </c>
      <c r="E46041" s="15">
        <v>45427</v>
      </c>
      <c r="F46041" s="14" t="s">
        <v>61</v>
      </c>
      <c r="G46041" s="16">
        <v>0</v>
      </c>
    </row>
    <row r="46042" spans="1:7" x14ac:dyDescent="0.3">
      <c r="A46042" s="13" t="s">
        <v>265</v>
      </c>
      <c r="B46042" s="14" t="s">
        <v>1</v>
      </c>
      <c r="C46042" s="14" t="s">
        <v>59</v>
      </c>
      <c r="D46042" s="14" t="s">
        <v>266</v>
      </c>
      <c r="E46042" s="15">
        <v>45428</v>
      </c>
      <c r="F46042" s="14" t="s">
        <v>61</v>
      </c>
      <c r="G46042" s="16">
        <v>0</v>
      </c>
    </row>
    <row r="46043" spans="1:7" x14ac:dyDescent="0.3">
      <c r="A46043" s="13" t="s">
        <v>265</v>
      </c>
      <c r="B46043" s="14" t="s">
        <v>1</v>
      </c>
      <c r="C46043" s="14" t="s">
        <v>59</v>
      </c>
      <c r="D46043" s="14" t="s">
        <v>266</v>
      </c>
      <c r="E46043" s="15">
        <v>45429</v>
      </c>
      <c r="F46043" s="14" t="s">
        <v>61</v>
      </c>
      <c r="G46043" s="16">
        <v>0</v>
      </c>
    </row>
    <row r="46044" spans="1:7" x14ac:dyDescent="0.3">
      <c r="A46044" s="13" t="s">
        <v>265</v>
      </c>
      <c r="B46044" s="14" t="s">
        <v>1</v>
      </c>
      <c r="C46044" s="14" t="s">
        <v>59</v>
      </c>
      <c r="D46044" s="14" t="s">
        <v>266</v>
      </c>
      <c r="E46044" s="15">
        <v>45430</v>
      </c>
      <c r="F46044" s="14" t="s">
        <v>61</v>
      </c>
      <c r="G46044" s="16">
        <v>0</v>
      </c>
    </row>
    <row r="46045" spans="1:7" x14ac:dyDescent="0.3">
      <c r="A46045" s="13" t="s">
        <v>265</v>
      </c>
      <c r="B46045" s="14" t="s">
        <v>1</v>
      </c>
      <c r="C46045" s="14" t="s">
        <v>59</v>
      </c>
      <c r="D46045" s="14" t="s">
        <v>266</v>
      </c>
      <c r="E46045" s="15">
        <v>45431</v>
      </c>
      <c r="F46045" s="14" t="s">
        <v>61</v>
      </c>
      <c r="G46045" s="16">
        <v>0</v>
      </c>
    </row>
    <row r="46046" spans="1:7" x14ac:dyDescent="0.3">
      <c r="A46046" s="13" t="s">
        <v>265</v>
      </c>
      <c r="B46046" s="14" t="s">
        <v>1</v>
      </c>
      <c r="C46046" s="14" t="s">
        <v>59</v>
      </c>
      <c r="D46046" s="14" t="s">
        <v>266</v>
      </c>
      <c r="E46046" s="15">
        <v>45432</v>
      </c>
      <c r="F46046" s="14" t="s">
        <v>61</v>
      </c>
      <c r="G46046" s="16">
        <v>0</v>
      </c>
    </row>
    <row r="46047" spans="1:7" x14ac:dyDescent="0.3">
      <c r="A46047" s="13" t="s">
        <v>265</v>
      </c>
      <c r="B46047" s="14" t="s">
        <v>1</v>
      </c>
      <c r="C46047" s="14" t="s">
        <v>59</v>
      </c>
      <c r="D46047" s="14" t="s">
        <v>266</v>
      </c>
      <c r="E46047" s="15">
        <v>45433</v>
      </c>
      <c r="F46047" s="14" t="s">
        <v>61</v>
      </c>
      <c r="G46047" s="16">
        <v>0</v>
      </c>
    </row>
    <row r="46048" spans="1:7" x14ac:dyDescent="0.3">
      <c r="A46048" s="13" t="s">
        <v>265</v>
      </c>
      <c r="B46048" s="14" t="s">
        <v>1</v>
      </c>
      <c r="C46048" s="14" t="s">
        <v>59</v>
      </c>
      <c r="D46048" s="14" t="s">
        <v>266</v>
      </c>
      <c r="E46048" s="15">
        <v>45434</v>
      </c>
      <c r="F46048" s="14" t="s">
        <v>61</v>
      </c>
      <c r="G46048" s="16">
        <v>0</v>
      </c>
    </row>
    <row r="46049" spans="1:7" x14ac:dyDescent="0.3">
      <c r="A46049" s="13" t="s">
        <v>265</v>
      </c>
      <c r="B46049" s="14" t="s">
        <v>1</v>
      </c>
      <c r="C46049" s="14" t="s">
        <v>59</v>
      </c>
      <c r="D46049" s="14" t="s">
        <v>266</v>
      </c>
      <c r="E46049" s="15">
        <v>45435</v>
      </c>
      <c r="F46049" s="14" t="s">
        <v>61</v>
      </c>
      <c r="G46049" s="16">
        <v>0</v>
      </c>
    </row>
    <row r="46050" spans="1:7" x14ac:dyDescent="0.3">
      <c r="A46050" s="13" t="s">
        <v>265</v>
      </c>
      <c r="B46050" s="14" t="s">
        <v>1</v>
      </c>
      <c r="C46050" s="14" t="s">
        <v>59</v>
      </c>
      <c r="D46050" s="14" t="s">
        <v>266</v>
      </c>
      <c r="E46050" s="15">
        <v>45436</v>
      </c>
      <c r="F46050" s="14" t="s">
        <v>61</v>
      </c>
      <c r="G46050" s="16">
        <v>0</v>
      </c>
    </row>
    <row r="46051" spans="1:7" x14ac:dyDescent="0.3">
      <c r="A46051" s="13" t="s">
        <v>265</v>
      </c>
      <c r="B46051" s="14" t="s">
        <v>1</v>
      </c>
      <c r="C46051" s="14" t="s">
        <v>59</v>
      </c>
      <c r="D46051" s="14" t="s">
        <v>266</v>
      </c>
      <c r="E46051" s="15">
        <v>45437</v>
      </c>
      <c r="F46051" s="14" t="s">
        <v>61</v>
      </c>
      <c r="G46051" s="16">
        <v>0</v>
      </c>
    </row>
    <row r="46052" spans="1:7" x14ac:dyDescent="0.3">
      <c r="A46052" s="13" t="s">
        <v>265</v>
      </c>
      <c r="B46052" s="14" t="s">
        <v>1</v>
      </c>
      <c r="C46052" s="14" t="s">
        <v>59</v>
      </c>
      <c r="D46052" s="14" t="s">
        <v>266</v>
      </c>
      <c r="E46052" s="15">
        <v>45438</v>
      </c>
      <c r="F46052" s="14" t="s">
        <v>61</v>
      </c>
      <c r="G46052" s="16">
        <v>0</v>
      </c>
    </row>
    <row r="46053" spans="1:7" x14ac:dyDescent="0.3">
      <c r="A46053" s="13" t="s">
        <v>265</v>
      </c>
      <c r="B46053" s="14" t="s">
        <v>1</v>
      </c>
      <c r="C46053" s="14" t="s">
        <v>59</v>
      </c>
      <c r="D46053" s="14" t="s">
        <v>266</v>
      </c>
      <c r="E46053" s="15">
        <v>45439</v>
      </c>
      <c r="F46053" s="14" t="s">
        <v>61</v>
      </c>
      <c r="G46053" s="16">
        <v>0</v>
      </c>
    </row>
    <row r="46054" spans="1:7" x14ac:dyDescent="0.3">
      <c r="A46054" s="13" t="s">
        <v>265</v>
      </c>
      <c r="B46054" s="14" t="s">
        <v>1</v>
      </c>
      <c r="C46054" s="14" t="s">
        <v>59</v>
      </c>
      <c r="D46054" s="14" t="s">
        <v>266</v>
      </c>
      <c r="E46054" s="15">
        <v>45440</v>
      </c>
      <c r="F46054" s="14" t="s">
        <v>61</v>
      </c>
      <c r="G46054" s="16">
        <v>0</v>
      </c>
    </row>
    <row r="46055" spans="1:7" x14ac:dyDescent="0.3">
      <c r="A46055" s="13" t="s">
        <v>265</v>
      </c>
      <c r="B46055" s="14" t="s">
        <v>1</v>
      </c>
      <c r="C46055" s="14" t="s">
        <v>59</v>
      </c>
      <c r="D46055" s="14" t="s">
        <v>266</v>
      </c>
      <c r="E46055" s="15">
        <v>45441</v>
      </c>
      <c r="F46055" s="14" t="s">
        <v>61</v>
      </c>
      <c r="G46055" s="16">
        <v>0</v>
      </c>
    </row>
    <row r="46056" spans="1:7" x14ac:dyDescent="0.3">
      <c r="A46056" s="13" t="s">
        <v>265</v>
      </c>
      <c r="B46056" s="14" t="s">
        <v>1</v>
      </c>
      <c r="C46056" s="14" t="s">
        <v>59</v>
      </c>
      <c r="D46056" s="14" t="s">
        <v>266</v>
      </c>
      <c r="E46056" s="15">
        <v>45442</v>
      </c>
      <c r="F46056" s="14" t="s">
        <v>61</v>
      </c>
      <c r="G46056" s="16">
        <v>0</v>
      </c>
    </row>
    <row r="46057" spans="1:7" x14ac:dyDescent="0.3">
      <c r="A46057" s="13" t="s">
        <v>265</v>
      </c>
      <c r="B46057" s="14" t="s">
        <v>1</v>
      </c>
      <c r="C46057" s="14" t="s">
        <v>59</v>
      </c>
      <c r="D46057" s="14" t="s">
        <v>266</v>
      </c>
      <c r="E46057" s="15">
        <v>45443</v>
      </c>
      <c r="F46057" s="14" t="s">
        <v>61</v>
      </c>
      <c r="G46057" s="16">
        <v>0</v>
      </c>
    </row>
    <row r="46058" spans="1:7" x14ac:dyDescent="0.3">
      <c r="A46058" s="13" t="s">
        <v>265</v>
      </c>
      <c r="B46058" s="14" t="s">
        <v>1</v>
      </c>
      <c r="C46058" s="14" t="s">
        <v>59</v>
      </c>
      <c r="D46058" s="14" t="s">
        <v>266</v>
      </c>
      <c r="E46058" s="15">
        <v>45444</v>
      </c>
      <c r="F46058" s="14" t="s">
        <v>61</v>
      </c>
      <c r="G46058" s="16">
        <v>0</v>
      </c>
    </row>
    <row r="46059" spans="1:7" x14ac:dyDescent="0.3">
      <c r="A46059" s="13" t="s">
        <v>265</v>
      </c>
      <c r="B46059" s="14" t="s">
        <v>1</v>
      </c>
      <c r="C46059" s="14" t="s">
        <v>59</v>
      </c>
      <c r="D46059" s="14" t="s">
        <v>266</v>
      </c>
      <c r="E46059" s="15">
        <v>45445</v>
      </c>
      <c r="F46059" s="14" t="s">
        <v>61</v>
      </c>
      <c r="G46059" s="16">
        <v>0</v>
      </c>
    </row>
    <row r="46060" spans="1:7" x14ac:dyDescent="0.3">
      <c r="A46060" s="13" t="s">
        <v>265</v>
      </c>
      <c r="B46060" s="14" t="s">
        <v>1</v>
      </c>
      <c r="C46060" s="14" t="s">
        <v>59</v>
      </c>
      <c r="D46060" s="14" t="s">
        <v>266</v>
      </c>
      <c r="E46060" s="15">
        <v>45446</v>
      </c>
      <c r="F46060" s="14" t="s">
        <v>61</v>
      </c>
      <c r="G46060" s="16">
        <v>0</v>
      </c>
    </row>
    <row r="46061" spans="1:7" x14ac:dyDescent="0.3">
      <c r="A46061" s="13" t="s">
        <v>265</v>
      </c>
      <c r="B46061" s="14" t="s">
        <v>1</v>
      </c>
      <c r="C46061" s="14" t="s">
        <v>59</v>
      </c>
      <c r="D46061" s="14" t="s">
        <v>266</v>
      </c>
      <c r="E46061" s="15">
        <v>45447</v>
      </c>
      <c r="F46061" s="14" t="s">
        <v>61</v>
      </c>
      <c r="G46061" s="16">
        <v>0</v>
      </c>
    </row>
    <row r="46062" spans="1:7" x14ac:dyDescent="0.3">
      <c r="A46062" s="13" t="s">
        <v>265</v>
      </c>
      <c r="B46062" s="14" t="s">
        <v>1</v>
      </c>
      <c r="C46062" s="14" t="s">
        <v>59</v>
      </c>
      <c r="D46062" s="14" t="s">
        <v>266</v>
      </c>
      <c r="E46062" s="15">
        <v>45448</v>
      </c>
      <c r="F46062" s="14" t="s">
        <v>61</v>
      </c>
      <c r="G46062" s="16">
        <v>0</v>
      </c>
    </row>
    <row r="46063" spans="1:7" x14ac:dyDescent="0.3">
      <c r="A46063" s="13" t="s">
        <v>265</v>
      </c>
      <c r="B46063" s="14" t="s">
        <v>1</v>
      </c>
      <c r="C46063" s="14" t="s">
        <v>59</v>
      </c>
      <c r="D46063" s="14" t="s">
        <v>266</v>
      </c>
      <c r="E46063" s="15">
        <v>45449</v>
      </c>
      <c r="F46063" s="14" t="s">
        <v>61</v>
      </c>
      <c r="G46063" s="16">
        <v>0</v>
      </c>
    </row>
    <row r="46064" spans="1:7" x14ac:dyDescent="0.3">
      <c r="A46064" s="13" t="s">
        <v>265</v>
      </c>
      <c r="B46064" s="14" t="s">
        <v>1</v>
      </c>
      <c r="C46064" s="14" t="s">
        <v>59</v>
      </c>
      <c r="D46064" s="14" t="s">
        <v>266</v>
      </c>
      <c r="E46064" s="15">
        <v>45450</v>
      </c>
      <c r="F46064" s="14" t="s">
        <v>61</v>
      </c>
      <c r="G46064" s="16">
        <v>0</v>
      </c>
    </row>
    <row r="46065" spans="1:7" x14ac:dyDescent="0.3">
      <c r="A46065" s="13" t="s">
        <v>265</v>
      </c>
      <c r="B46065" s="14" t="s">
        <v>1</v>
      </c>
      <c r="C46065" s="14" t="s">
        <v>59</v>
      </c>
      <c r="D46065" s="14" t="s">
        <v>266</v>
      </c>
      <c r="E46065" s="15">
        <v>45451</v>
      </c>
      <c r="F46065" s="14" t="s">
        <v>61</v>
      </c>
      <c r="G46065" s="16">
        <v>0</v>
      </c>
    </row>
    <row r="46066" spans="1:7" x14ac:dyDescent="0.3">
      <c r="A46066" s="13" t="s">
        <v>265</v>
      </c>
      <c r="B46066" s="14" t="s">
        <v>1</v>
      </c>
      <c r="C46066" s="14" t="s">
        <v>59</v>
      </c>
      <c r="D46066" s="14" t="s">
        <v>266</v>
      </c>
      <c r="E46066" s="15">
        <v>45452</v>
      </c>
      <c r="F46066" s="14" t="s">
        <v>61</v>
      </c>
      <c r="G46066" s="16">
        <v>0</v>
      </c>
    </row>
    <row r="46067" spans="1:7" x14ac:dyDescent="0.3">
      <c r="A46067" s="13" t="s">
        <v>265</v>
      </c>
      <c r="B46067" s="14" t="s">
        <v>1</v>
      </c>
      <c r="C46067" s="14" t="s">
        <v>59</v>
      </c>
      <c r="D46067" s="14" t="s">
        <v>266</v>
      </c>
      <c r="E46067" s="15">
        <v>45453</v>
      </c>
      <c r="F46067" s="14" t="s">
        <v>61</v>
      </c>
      <c r="G46067" s="16">
        <v>0</v>
      </c>
    </row>
    <row r="46068" spans="1:7" x14ac:dyDescent="0.3">
      <c r="A46068" s="13" t="s">
        <v>265</v>
      </c>
      <c r="B46068" s="14" t="s">
        <v>1</v>
      </c>
      <c r="C46068" s="14" t="s">
        <v>59</v>
      </c>
      <c r="D46068" s="14" t="s">
        <v>266</v>
      </c>
      <c r="E46068" s="15">
        <v>45454</v>
      </c>
      <c r="F46068" s="14" t="s">
        <v>61</v>
      </c>
      <c r="G46068" s="16">
        <v>0</v>
      </c>
    </row>
    <row r="46069" spans="1:7" x14ac:dyDescent="0.3">
      <c r="A46069" s="13" t="s">
        <v>265</v>
      </c>
      <c r="B46069" s="14" t="s">
        <v>1</v>
      </c>
      <c r="C46069" s="14" t="s">
        <v>59</v>
      </c>
      <c r="D46069" s="14" t="s">
        <v>266</v>
      </c>
      <c r="E46069" s="15">
        <v>45455</v>
      </c>
      <c r="F46069" s="14" t="s">
        <v>61</v>
      </c>
      <c r="G46069" s="16">
        <v>0</v>
      </c>
    </row>
    <row r="46070" spans="1:7" x14ac:dyDescent="0.3">
      <c r="A46070" s="13" t="s">
        <v>265</v>
      </c>
      <c r="B46070" s="14" t="s">
        <v>1</v>
      </c>
      <c r="C46070" s="14" t="s">
        <v>59</v>
      </c>
      <c r="D46070" s="14" t="s">
        <v>266</v>
      </c>
      <c r="E46070" s="15">
        <v>45456</v>
      </c>
      <c r="F46070" s="14" t="s">
        <v>61</v>
      </c>
      <c r="G46070" s="16">
        <v>0</v>
      </c>
    </row>
    <row r="46071" spans="1:7" x14ac:dyDescent="0.3">
      <c r="A46071" s="13" t="s">
        <v>265</v>
      </c>
      <c r="B46071" s="14" t="s">
        <v>1</v>
      </c>
      <c r="C46071" s="14" t="s">
        <v>59</v>
      </c>
      <c r="D46071" s="14" t="s">
        <v>266</v>
      </c>
      <c r="E46071" s="15">
        <v>45457</v>
      </c>
      <c r="F46071" s="14" t="s">
        <v>61</v>
      </c>
      <c r="G46071" s="16">
        <v>0</v>
      </c>
    </row>
    <row r="46072" spans="1:7" x14ac:dyDescent="0.3">
      <c r="A46072" s="13" t="s">
        <v>265</v>
      </c>
      <c r="B46072" s="14" t="s">
        <v>1</v>
      </c>
      <c r="C46072" s="14" t="s">
        <v>59</v>
      </c>
      <c r="D46072" s="14" t="s">
        <v>266</v>
      </c>
      <c r="E46072" s="15">
        <v>45458</v>
      </c>
      <c r="F46072" s="14" t="s">
        <v>61</v>
      </c>
      <c r="G46072" s="16">
        <v>0</v>
      </c>
    </row>
    <row r="46073" spans="1:7" x14ac:dyDescent="0.3">
      <c r="A46073" s="13" t="s">
        <v>265</v>
      </c>
      <c r="B46073" s="14" t="s">
        <v>1</v>
      </c>
      <c r="C46073" s="14" t="s">
        <v>59</v>
      </c>
      <c r="D46073" s="14" t="s">
        <v>266</v>
      </c>
      <c r="E46073" s="15">
        <v>45459</v>
      </c>
      <c r="F46073" s="14" t="s">
        <v>61</v>
      </c>
      <c r="G46073" s="16">
        <v>0</v>
      </c>
    </row>
    <row r="46074" spans="1:7" x14ac:dyDescent="0.3">
      <c r="A46074" s="13" t="s">
        <v>265</v>
      </c>
      <c r="B46074" s="14" t="s">
        <v>1</v>
      </c>
      <c r="C46074" s="14" t="s">
        <v>59</v>
      </c>
      <c r="D46074" s="14" t="s">
        <v>266</v>
      </c>
      <c r="E46074" s="15">
        <v>45460</v>
      </c>
      <c r="F46074" s="14" t="s">
        <v>61</v>
      </c>
      <c r="G46074" s="16">
        <v>0</v>
      </c>
    </row>
    <row r="46075" spans="1:7" x14ac:dyDescent="0.3">
      <c r="A46075" s="13" t="s">
        <v>265</v>
      </c>
      <c r="B46075" s="14" t="s">
        <v>1</v>
      </c>
      <c r="C46075" s="14" t="s">
        <v>59</v>
      </c>
      <c r="D46075" s="14" t="s">
        <v>266</v>
      </c>
      <c r="E46075" s="15">
        <v>45461</v>
      </c>
      <c r="F46075" s="14" t="s">
        <v>61</v>
      </c>
      <c r="G46075" s="16">
        <v>0</v>
      </c>
    </row>
    <row r="46076" spans="1:7" x14ac:dyDescent="0.3">
      <c r="A46076" s="13" t="s">
        <v>265</v>
      </c>
      <c r="B46076" s="14" t="s">
        <v>1</v>
      </c>
      <c r="C46076" s="14" t="s">
        <v>59</v>
      </c>
      <c r="D46076" s="14" t="s">
        <v>266</v>
      </c>
      <c r="E46076" s="15">
        <v>45462</v>
      </c>
      <c r="F46076" s="14" t="s">
        <v>61</v>
      </c>
      <c r="G46076" s="16">
        <v>0</v>
      </c>
    </row>
    <row r="46077" spans="1:7" x14ac:dyDescent="0.3">
      <c r="A46077" s="13" t="s">
        <v>265</v>
      </c>
      <c r="B46077" s="14" t="s">
        <v>1</v>
      </c>
      <c r="C46077" s="14" t="s">
        <v>59</v>
      </c>
      <c r="D46077" s="14" t="s">
        <v>266</v>
      </c>
      <c r="E46077" s="15">
        <v>45463</v>
      </c>
      <c r="F46077" s="14" t="s">
        <v>61</v>
      </c>
      <c r="G46077" s="16">
        <v>0</v>
      </c>
    </row>
    <row r="46078" spans="1:7" x14ac:dyDescent="0.3">
      <c r="A46078" s="13" t="s">
        <v>265</v>
      </c>
      <c r="B46078" s="14" t="s">
        <v>1</v>
      </c>
      <c r="C46078" s="14" t="s">
        <v>59</v>
      </c>
      <c r="D46078" s="14" t="s">
        <v>266</v>
      </c>
      <c r="E46078" s="15">
        <v>45464</v>
      </c>
      <c r="F46078" s="14" t="s">
        <v>61</v>
      </c>
      <c r="G46078" s="16">
        <v>0</v>
      </c>
    </row>
    <row r="46079" spans="1:7" x14ac:dyDescent="0.3">
      <c r="A46079" s="13" t="s">
        <v>265</v>
      </c>
      <c r="B46079" s="14" t="s">
        <v>1</v>
      </c>
      <c r="C46079" s="14" t="s">
        <v>59</v>
      </c>
      <c r="D46079" s="14" t="s">
        <v>266</v>
      </c>
      <c r="E46079" s="15">
        <v>45465</v>
      </c>
      <c r="F46079" s="14" t="s">
        <v>61</v>
      </c>
      <c r="G46079" s="16">
        <v>0</v>
      </c>
    </row>
    <row r="46080" spans="1:7" x14ac:dyDescent="0.3">
      <c r="A46080" s="13" t="s">
        <v>265</v>
      </c>
      <c r="B46080" s="14" t="s">
        <v>1</v>
      </c>
      <c r="C46080" s="14" t="s">
        <v>59</v>
      </c>
      <c r="D46080" s="14" t="s">
        <v>266</v>
      </c>
      <c r="E46080" s="15">
        <v>45466</v>
      </c>
      <c r="F46080" s="14" t="s">
        <v>61</v>
      </c>
      <c r="G46080" s="16">
        <v>0</v>
      </c>
    </row>
    <row r="46081" spans="1:7" x14ac:dyDescent="0.3">
      <c r="A46081" s="13" t="s">
        <v>265</v>
      </c>
      <c r="B46081" s="14" t="s">
        <v>1</v>
      </c>
      <c r="C46081" s="14" t="s">
        <v>59</v>
      </c>
      <c r="D46081" s="14" t="s">
        <v>266</v>
      </c>
      <c r="E46081" s="15">
        <v>45467</v>
      </c>
      <c r="F46081" s="14" t="s">
        <v>61</v>
      </c>
      <c r="G46081" s="16">
        <v>0</v>
      </c>
    </row>
    <row r="46082" spans="1:7" x14ac:dyDescent="0.3">
      <c r="A46082" s="13" t="s">
        <v>265</v>
      </c>
      <c r="B46082" s="14" t="s">
        <v>1</v>
      </c>
      <c r="C46082" s="14" t="s">
        <v>59</v>
      </c>
      <c r="D46082" s="14" t="s">
        <v>266</v>
      </c>
      <c r="E46082" s="15">
        <v>45468</v>
      </c>
      <c r="F46082" s="14" t="s">
        <v>61</v>
      </c>
      <c r="G46082" s="16">
        <v>0</v>
      </c>
    </row>
    <row r="46083" spans="1:7" x14ac:dyDescent="0.3">
      <c r="A46083" s="13" t="s">
        <v>265</v>
      </c>
      <c r="B46083" s="14" t="s">
        <v>1</v>
      </c>
      <c r="C46083" s="14" t="s">
        <v>59</v>
      </c>
      <c r="D46083" s="14" t="s">
        <v>266</v>
      </c>
      <c r="E46083" s="15">
        <v>45469</v>
      </c>
      <c r="F46083" s="14" t="s">
        <v>61</v>
      </c>
      <c r="G46083" s="16">
        <v>0</v>
      </c>
    </row>
    <row r="46084" spans="1:7" x14ac:dyDescent="0.3">
      <c r="A46084" s="13" t="s">
        <v>265</v>
      </c>
      <c r="B46084" s="14" t="s">
        <v>1</v>
      </c>
      <c r="C46084" s="14" t="s">
        <v>59</v>
      </c>
      <c r="D46084" s="14" t="s">
        <v>266</v>
      </c>
      <c r="E46084" s="15">
        <v>45470</v>
      </c>
      <c r="F46084" s="14" t="s">
        <v>61</v>
      </c>
      <c r="G46084" s="16">
        <v>0</v>
      </c>
    </row>
    <row r="46085" spans="1:7" x14ac:dyDescent="0.3">
      <c r="A46085" s="13" t="s">
        <v>265</v>
      </c>
      <c r="B46085" s="14" t="s">
        <v>1</v>
      </c>
      <c r="C46085" s="14" t="s">
        <v>59</v>
      </c>
      <c r="D46085" s="14" t="s">
        <v>266</v>
      </c>
      <c r="E46085" s="15">
        <v>45471</v>
      </c>
      <c r="F46085" s="14" t="s">
        <v>61</v>
      </c>
      <c r="G46085" s="16">
        <v>0</v>
      </c>
    </row>
    <row r="46086" spans="1:7" x14ac:dyDescent="0.3">
      <c r="A46086" s="13" t="s">
        <v>265</v>
      </c>
      <c r="B46086" s="14" t="s">
        <v>1</v>
      </c>
      <c r="C46086" s="14" t="s">
        <v>59</v>
      </c>
      <c r="D46086" s="14" t="s">
        <v>266</v>
      </c>
      <c r="E46086" s="15">
        <v>45472</v>
      </c>
      <c r="F46086" s="14" t="s">
        <v>61</v>
      </c>
      <c r="G46086" s="16">
        <v>0</v>
      </c>
    </row>
    <row r="46087" spans="1:7" x14ac:dyDescent="0.3">
      <c r="A46087" s="13" t="s">
        <v>265</v>
      </c>
      <c r="B46087" s="14" t="s">
        <v>1</v>
      </c>
      <c r="C46087" s="14" t="s">
        <v>59</v>
      </c>
      <c r="D46087" s="14" t="s">
        <v>266</v>
      </c>
      <c r="E46087" s="15">
        <v>45473</v>
      </c>
      <c r="F46087" s="14" t="s">
        <v>61</v>
      </c>
      <c r="G46087" s="16">
        <v>0</v>
      </c>
    </row>
    <row r="46088" spans="1:7" x14ac:dyDescent="0.3">
      <c r="A46088" s="13" t="s">
        <v>265</v>
      </c>
      <c r="B46088" s="14" t="s">
        <v>1</v>
      </c>
      <c r="C46088" s="14" t="s">
        <v>59</v>
      </c>
      <c r="D46088" s="14" t="s">
        <v>266</v>
      </c>
      <c r="E46088" s="15">
        <v>45474</v>
      </c>
      <c r="F46088" s="14" t="s">
        <v>61</v>
      </c>
      <c r="G46088" s="16">
        <v>0</v>
      </c>
    </row>
    <row r="46089" spans="1:7" x14ac:dyDescent="0.3">
      <c r="A46089" s="13" t="s">
        <v>265</v>
      </c>
      <c r="B46089" s="14" t="s">
        <v>1</v>
      </c>
      <c r="C46089" s="14" t="s">
        <v>59</v>
      </c>
      <c r="D46089" s="14" t="s">
        <v>266</v>
      </c>
      <c r="E46089" s="15">
        <v>45475</v>
      </c>
      <c r="F46089" s="14" t="s">
        <v>61</v>
      </c>
      <c r="G46089" s="16">
        <v>0</v>
      </c>
    </row>
    <row r="46090" spans="1:7" x14ac:dyDescent="0.3">
      <c r="A46090" s="13" t="s">
        <v>265</v>
      </c>
      <c r="B46090" s="14" t="s">
        <v>1</v>
      </c>
      <c r="C46090" s="14" t="s">
        <v>59</v>
      </c>
      <c r="D46090" s="14" t="s">
        <v>266</v>
      </c>
      <c r="E46090" s="15">
        <v>45476</v>
      </c>
      <c r="F46090" s="14" t="s">
        <v>61</v>
      </c>
      <c r="G46090" s="16">
        <v>0</v>
      </c>
    </row>
    <row r="46091" spans="1:7" x14ac:dyDescent="0.3">
      <c r="A46091" s="13" t="s">
        <v>265</v>
      </c>
      <c r="B46091" s="14" t="s">
        <v>1</v>
      </c>
      <c r="C46091" s="14" t="s">
        <v>59</v>
      </c>
      <c r="D46091" s="14" t="s">
        <v>266</v>
      </c>
      <c r="E46091" s="15">
        <v>45477</v>
      </c>
      <c r="F46091" s="14" t="s">
        <v>61</v>
      </c>
      <c r="G46091" s="16">
        <v>0</v>
      </c>
    </row>
    <row r="46092" spans="1:7" x14ac:dyDescent="0.3">
      <c r="A46092" s="13" t="s">
        <v>265</v>
      </c>
      <c r="B46092" s="14" t="s">
        <v>1</v>
      </c>
      <c r="C46092" s="14" t="s">
        <v>59</v>
      </c>
      <c r="D46092" s="14" t="s">
        <v>266</v>
      </c>
      <c r="E46092" s="15">
        <v>45478</v>
      </c>
      <c r="F46092" s="14" t="s">
        <v>61</v>
      </c>
      <c r="G46092" s="16">
        <v>0</v>
      </c>
    </row>
    <row r="46093" spans="1:7" x14ac:dyDescent="0.3">
      <c r="A46093" s="13" t="s">
        <v>265</v>
      </c>
      <c r="B46093" s="14" t="s">
        <v>1</v>
      </c>
      <c r="C46093" s="14" t="s">
        <v>59</v>
      </c>
      <c r="D46093" s="14" t="s">
        <v>266</v>
      </c>
      <c r="E46093" s="15">
        <v>45479</v>
      </c>
      <c r="F46093" s="14" t="s">
        <v>61</v>
      </c>
      <c r="G46093" s="16">
        <v>0</v>
      </c>
    </row>
    <row r="46094" spans="1:7" x14ac:dyDescent="0.3">
      <c r="A46094" s="13" t="s">
        <v>265</v>
      </c>
      <c r="B46094" s="14" t="s">
        <v>1</v>
      </c>
      <c r="C46094" s="14" t="s">
        <v>59</v>
      </c>
      <c r="D46094" s="14" t="s">
        <v>266</v>
      </c>
      <c r="E46094" s="15">
        <v>45480</v>
      </c>
      <c r="F46094" s="14" t="s">
        <v>61</v>
      </c>
      <c r="G46094" s="16">
        <v>0</v>
      </c>
    </row>
    <row r="46095" spans="1:7" x14ac:dyDescent="0.3">
      <c r="A46095" s="13" t="s">
        <v>265</v>
      </c>
      <c r="B46095" s="14" t="s">
        <v>1</v>
      </c>
      <c r="C46095" s="14" t="s">
        <v>59</v>
      </c>
      <c r="D46095" s="14" t="s">
        <v>266</v>
      </c>
      <c r="E46095" s="15">
        <v>45481</v>
      </c>
      <c r="F46095" s="14" t="s">
        <v>61</v>
      </c>
      <c r="G46095" s="16">
        <v>0</v>
      </c>
    </row>
    <row r="46096" spans="1:7" x14ac:dyDescent="0.3">
      <c r="A46096" s="13" t="s">
        <v>265</v>
      </c>
      <c r="B46096" s="14" t="s">
        <v>1</v>
      </c>
      <c r="C46096" s="14" t="s">
        <v>59</v>
      </c>
      <c r="D46096" s="14" t="s">
        <v>266</v>
      </c>
      <c r="E46096" s="15">
        <v>45482</v>
      </c>
      <c r="F46096" s="14" t="s">
        <v>61</v>
      </c>
      <c r="G46096" s="16">
        <v>0</v>
      </c>
    </row>
    <row r="46097" spans="1:7" x14ac:dyDescent="0.3">
      <c r="A46097" s="13" t="s">
        <v>265</v>
      </c>
      <c r="B46097" s="14" t="s">
        <v>1</v>
      </c>
      <c r="C46097" s="14" t="s">
        <v>59</v>
      </c>
      <c r="D46097" s="14" t="s">
        <v>266</v>
      </c>
      <c r="E46097" s="15">
        <v>45483</v>
      </c>
      <c r="F46097" s="14" t="s">
        <v>61</v>
      </c>
      <c r="G46097" s="16">
        <v>0</v>
      </c>
    </row>
    <row r="46098" spans="1:7" x14ac:dyDescent="0.3">
      <c r="A46098" s="13" t="s">
        <v>265</v>
      </c>
      <c r="B46098" s="14" t="s">
        <v>1</v>
      </c>
      <c r="C46098" s="14" t="s">
        <v>59</v>
      </c>
      <c r="D46098" s="14" t="s">
        <v>266</v>
      </c>
      <c r="E46098" s="15">
        <v>45484</v>
      </c>
      <c r="F46098" s="14" t="s">
        <v>61</v>
      </c>
      <c r="G46098" s="16">
        <v>0</v>
      </c>
    </row>
    <row r="46099" spans="1:7" x14ac:dyDescent="0.3">
      <c r="A46099" s="13" t="s">
        <v>265</v>
      </c>
      <c r="B46099" s="14" t="s">
        <v>1</v>
      </c>
      <c r="C46099" s="14" t="s">
        <v>59</v>
      </c>
      <c r="D46099" s="14" t="s">
        <v>266</v>
      </c>
      <c r="E46099" s="15">
        <v>45485</v>
      </c>
      <c r="F46099" s="14" t="s">
        <v>61</v>
      </c>
      <c r="G46099" s="16">
        <v>0</v>
      </c>
    </row>
    <row r="46100" spans="1:7" x14ac:dyDescent="0.3">
      <c r="A46100" s="13" t="s">
        <v>265</v>
      </c>
      <c r="B46100" s="14" t="s">
        <v>1</v>
      </c>
      <c r="C46100" s="14" t="s">
        <v>59</v>
      </c>
      <c r="D46100" s="14" t="s">
        <v>266</v>
      </c>
      <c r="E46100" s="15">
        <v>45486</v>
      </c>
      <c r="F46100" s="14" t="s">
        <v>61</v>
      </c>
      <c r="G46100" s="16">
        <v>0</v>
      </c>
    </row>
    <row r="46101" spans="1:7" x14ac:dyDescent="0.3">
      <c r="A46101" s="13" t="s">
        <v>265</v>
      </c>
      <c r="B46101" s="14" t="s">
        <v>1</v>
      </c>
      <c r="C46101" s="14" t="s">
        <v>59</v>
      </c>
      <c r="D46101" s="14" t="s">
        <v>266</v>
      </c>
      <c r="E46101" s="15">
        <v>45487</v>
      </c>
      <c r="F46101" s="14" t="s">
        <v>61</v>
      </c>
      <c r="G46101" s="16">
        <v>0</v>
      </c>
    </row>
    <row r="46102" spans="1:7" x14ac:dyDescent="0.3">
      <c r="A46102" s="13" t="s">
        <v>265</v>
      </c>
      <c r="B46102" s="14" t="s">
        <v>1</v>
      </c>
      <c r="C46102" s="14" t="s">
        <v>59</v>
      </c>
      <c r="D46102" s="14" t="s">
        <v>266</v>
      </c>
      <c r="E46102" s="15">
        <v>45488</v>
      </c>
      <c r="F46102" s="14" t="s">
        <v>61</v>
      </c>
      <c r="G46102" s="16">
        <v>0</v>
      </c>
    </row>
    <row r="46103" spans="1:7" x14ac:dyDescent="0.3">
      <c r="A46103" s="13" t="s">
        <v>265</v>
      </c>
      <c r="B46103" s="14" t="s">
        <v>1</v>
      </c>
      <c r="C46103" s="14" t="s">
        <v>59</v>
      </c>
      <c r="D46103" s="14" t="s">
        <v>266</v>
      </c>
      <c r="E46103" s="15">
        <v>45489</v>
      </c>
      <c r="F46103" s="14" t="s">
        <v>61</v>
      </c>
      <c r="G46103" s="16">
        <v>0</v>
      </c>
    </row>
    <row r="46104" spans="1:7" x14ac:dyDescent="0.3">
      <c r="A46104" s="13" t="s">
        <v>265</v>
      </c>
      <c r="B46104" s="14" t="s">
        <v>1</v>
      </c>
      <c r="C46104" s="14" t="s">
        <v>59</v>
      </c>
      <c r="D46104" s="14" t="s">
        <v>266</v>
      </c>
      <c r="E46104" s="15">
        <v>45490</v>
      </c>
      <c r="F46104" s="14" t="s">
        <v>61</v>
      </c>
      <c r="G46104" s="16">
        <v>0</v>
      </c>
    </row>
    <row r="46105" spans="1:7" x14ac:dyDescent="0.3">
      <c r="A46105" s="13" t="s">
        <v>265</v>
      </c>
      <c r="B46105" s="14" t="s">
        <v>1</v>
      </c>
      <c r="C46105" s="14" t="s">
        <v>59</v>
      </c>
      <c r="D46105" s="14" t="s">
        <v>266</v>
      </c>
      <c r="E46105" s="15">
        <v>45491</v>
      </c>
      <c r="F46105" s="14" t="s">
        <v>61</v>
      </c>
      <c r="G46105" s="16">
        <v>0</v>
      </c>
    </row>
    <row r="46106" spans="1:7" x14ac:dyDescent="0.3">
      <c r="A46106" s="13" t="s">
        <v>265</v>
      </c>
      <c r="B46106" s="14" t="s">
        <v>1</v>
      </c>
      <c r="C46106" s="14" t="s">
        <v>59</v>
      </c>
      <c r="D46106" s="14" t="s">
        <v>266</v>
      </c>
      <c r="E46106" s="15">
        <v>45492</v>
      </c>
      <c r="F46106" s="14" t="s">
        <v>61</v>
      </c>
      <c r="G46106" s="16">
        <v>0</v>
      </c>
    </row>
    <row r="46107" spans="1:7" x14ac:dyDescent="0.3">
      <c r="A46107" s="13" t="s">
        <v>265</v>
      </c>
      <c r="B46107" s="14" t="s">
        <v>1</v>
      </c>
      <c r="C46107" s="14" t="s">
        <v>59</v>
      </c>
      <c r="D46107" s="14" t="s">
        <v>266</v>
      </c>
      <c r="E46107" s="15">
        <v>45493</v>
      </c>
      <c r="F46107" s="14" t="s">
        <v>61</v>
      </c>
      <c r="G46107" s="16">
        <v>0</v>
      </c>
    </row>
    <row r="46108" spans="1:7" x14ac:dyDescent="0.3">
      <c r="A46108" s="13" t="s">
        <v>265</v>
      </c>
      <c r="B46108" s="14" t="s">
        <v>1</v>
      </c>
      <c r="C46108" s="14" t="s">
        <v>59</v>
      </c>
      <c r="D46108" s="14" t="s">
        <v>266</v>
      </c>
      <c r="E46108" s="15">
        <v>45494</v>
      </c>
      <c r="F46108" s="14" t="s">
        <v>61</v>
      </c>
      <c r="G46108" s="16">
        <v>0</v>
      </c>
    </row>
    <row r="46109" spans="1:7" x14ac:dyDescent="0.3">
      <c r="A46109" s="13" t="s">
        <v>265</v>
      </c>
      <c r="B46109" s="14" t="s">
        <v>1</v>
      </c>
      <c r="C46109" s="14" t="s">
        <v>59</v>
      </c>
      <c r="D46109" s="14" t="s">
        <v>266</v>
      </c>
      <c r="E46109" s="15">
        <v>45495</v>
      </c>
      <c r="F46109" s="14" t="s">
        <v>61</v>
      </c>
      <c r="G46109" s="16">
        <v>0</v>
      </c>
    </row>
    <row r="46110" spans="1:7" x14ac:dyDescent="0.3">
      <c r="A46110" s="13" t="s">
        <v>265</v>
      </c>
      <c r="B46110" s="14" t="s">
        <v>1</v>
      </c>
      <c r="C46110" s="14" t="s">
        <v>59</v>
      </c>
      <c r="D46110" s="14" t="s">
        <v>266</v>
      </c>
      <c r="E46110" s="15">
        <v>45496</v>
      </c>
      <c r="F46110" s="14" t="s">
        <v>61</v>
      </c>
      <c r="G46110" s="16">
        <v>0</v>
      </c>
    </row>
    <row r="46111" spans="1:7" x14ac:dyDescent="0.3">
      <c r="A46111" s="13" t="s">
        <v>265</v>
      </c>
      <c r="B46111" s="14" t="s">
        <v>1</v>
      </c>
      <c r="C46111" s="14" t="s">
        <v>59</v>
      </c>
      <c r="D46111" s="14" t="s">
        <v>266</v>
      </c>
      <c r="E46111" s="15">
        <v>45497</v>
      </c>
      <c r="F46111" s="14" t="s">
        <v>61</v>
      </c>
      <c r="G46111" s="16">
        <v>0</v>
      </c>
    </row>
    <row r="46112" spans="1:7" x14ac:dyDescent="0.3">
      <c r="A46112" s="13" t="s">
        <v>265</v>
      </c>
      <c r="B46112" s="14" t="s">
        <v>1</v>
      </c>
      <c r="C46112" s="14" t="s">
        <v>59</v>
      </c>
      <c r="D46112" s="14" t="s">
        <v>266</v>
      </c>
      <c r="E46112" s="15">
        <v>45498</v>
      </c>
      <c r="F46112" s="14" t="s">
        <v>61</v>
      </c>
      <c r="G46112" s="16">
        <v>0</v>
      </c>
    </row>
    <row r="46113" spans="1:7" x14ac:dyDescent="0.3">
      <c r="A46113" s="13" t="s">
        <v>265</v>
      </c>
      <c r="B46113" s="14" t="s">
        <v>1</v>
      </c>
      <c r="C46113" s="14" t="s">
        <v>59</v>
      </c>
      <c r="D46113" s="14" t="s">
        <v>266</v>
      </c>
      <c r="E46113" s="15">
        <v>45499</v>
      </c>
      <c r="F46113" s="14" t="s">
        <v>61</v>
      </c>
      <c r="G46113" s="16">
        <v>0</v>
      </c>
    </row>
    <row r="46114" spans="1:7" x14ac:dyDescent="0.3">
      <c r="A46114" s="13" t="s">
        <v>265</v>
      </c>
      <c r="B46114" s="14" t="s">
        <v>1</v>
      </c>
      <c r="C46114" s="14" t="s">
        <v>59</v>
      </c>
      <c r="D46114" s="14" t="s">
        <v>266</v>
      </c>
      <c r="E46114" s="15">
        <v>45500</v>
      </c>
      <c r="F46114" s="14" t="s">
        <v>61</v>
      </c>
      <c r="G46114" s="16">
        <v>0</v>
      </c>
    </row>
    <row r="46115" spans="1:7" x14ac:dyDescent="0.3">
      <c r="A46115" s="13" t="s">
        <v>265</v>
      </c>
      <c r="B46115" s="14" t="s">
        <v>1</v>
      </c>
      <c r="C46115" s="14" t="s">
        <v>59</v>
      </c>
      <c r="D46115" s="14" t="s">
        <v>266</v>
      </c>
      <c r="E46115" s="15">
        <v>45501</v>
      </c>
      <c r="F46115" s="14" t="s">
        <v>61</v>
      </c>
      <c r="G46115" s="16">
        <v>0</v>
      </c>
    </row>
    <row r="46116" spans="1:7" x14ac:dyDescent="0.3">
      <c r="A46116" s="13" t="s">
        <v>265</v>
      </c>
      <c r="B46116" s="14" t="s">
        <v>1</v>
      </c>
      <c r="C46116" s="14" t="s">
        <v>59</v>
      </c>
      <c r="D46116" s="14" t="s">
        <v>266</v>
      </c>
      <c r="E46116" s="15">
        <v>45502</v>
      </c>
      <c r="F46116" s="14" t="s">
        <v>61</v>
      </c>
      <c r="G46116" s="16">
        <v>0</v>
      </c>
    </row>
    <row r="46117" spans="1:7" x14ac:dyDescent="0.3">
      <c r="A46117" s="13" t="s">
        <v>265</v>
      </c>
      <c r="B46117" s="14" t="s">
        <v>1</v>
      </c>
      <c r="C46117" s="14" t="s">
        <v>59</v>
      </c>
      <c r="D46117" s="14" t="s">
        <v>266</v>
      </c>
      <c r="E46117" s="15">
        <v>45503</v>
      </c>
      <c r="F46117" s="14" t="s">
        <v>61</v>
      </c>
      <c r="G46117" s="16">
        <v>0</v>
      </c>
    </row>
    <row r="46118" spans="1:7" x14ac:dyDescent="0.3">
      <c r="A46118" s="13" t="s">
        <v>265</v>
      </c>
      <c r="B46118" s="14" t="s">
        <v>1</v>
      </c>
      <c r="C46118" s="14" t="s">
        <v>59</v>
      </c>
      <c r="D46118" s="14" t="s">
        <v>266</v>
      </c>
      <c r="E46118" s="15">
        <v>45504</v>
      </c>
      <c r="F46118" s="14" t="s">
        <v>61</v>
      </c>
      <c r="G46118" s="16">
        <v>0</v>
      </c>
    </row>
    <row r="46119" spans="1:7" x14ac:dyDescent="0.3">
      <c r="A46119" s="13" t="s">
        <v>265</v>
      </c>
      <c r="B46119" s="14" t="s">
        <v>1</v>
      </c>
      <c r="C46119" s="14" t="s">
        <v>59</v>
      </c>
      <c r="D46119" s="14" t="s">
        <v>266</v>
      </c>
      <c r="E46119" s="15">
        <v>45505</v>
      </c>
      <c r="F46119" s="14" t="s">
        <v>61</v>
      </c>
      <c r="G46119" s="16">
        <v>0</v>
      </c>
    </row>
    <row r="46120" spans="1:7" x14ac:dyDescent="0.3">
      <c r="A46120" s="13" t="s">
        <v>265</v>
      </c>
      <c r="B46120" s="14" t="s">
        <v>1</v>
      </c>
      <c r="C46120" s="14" t="s">
        <v>59</v>
      </c>
      <c r="D46120" s="14" t="s">
        <v>266</v>
      </c>
      <c r="E46120" s="15">
        <v>45506</v>
      </c>
      <c r="F46120" s="14" t="s">
        <v>61</v>
      </c>
      <c r="G46120" s="16">
        <v>0</v>
      </c>
    </row>
    <row r="46121" spans="1:7" x14ac:dyDescent="0.3">
      <c r="A46121" s="13" t="s">
        <v>265</v>
      </c>
      <c r="B46121" s="14" t="s">
        <v>1</v>
      </c>
      <c r="C46121" s="14" t="s">
        <v>59</v>
      </c>
      <c r="D46121" s="14" t="s">
        <v>266</v>
      </c>
      <c r="E46121" s="15">
        <v>45507</v>
      </c>
      <c r="F46121" s="14" t="s">
        <v>61</v>
      </c>
      <c r="G46121" s="16">
        <v>0</v>
      </c>
    </row>
    <row r="46122" spans="1:7" x14ac:dyDescent="0.3">
      <c r="A46122" s="13" t="s">
        <v>265</v>
      </c>
      <c r="B46122" s="14" t="s">
        <v>1</v>
      </c>
      <c r="C46122" s="14" t="s">
        <v>59</v>
      </c>
      <c r="D46122" s="14" t="s">
        <v>266</v>
      </c>
      <c r="E46122" s="15">
        <v>45508</v>
      </c>
      <c r="F46122" s="14" t="s">
        <v>61</v>
      </c>
      <c r="G46122" s="16">
        <v>0</v>
      </c>
    </row>
    <row r="46123" spans="1:7" x14ac:dyDescent="0.3">
      <c r="A46123" s="13" t="s">
        <v>265</v>
      </c>
      <c r="B46123" s="14" t="s">
        <v>1</v>
      </c>
      <c r="C46123" s="14" t="s">
        <v>59</v>
      </c>
      <c r="D46123" s="14" t="s">
        <v>266</v>
      </c>
      <c r="E46123" s="15">
        <v>45509</v>
      </c>
      <c r="F46123" s="14" t="s">
        <v>61</v>
      </c>
      <c r="G46123" s="16">
        <v>0</v>
      </c>
    </row>
    <row r="46124" spans="1:7" x14ac:dyDescent="0.3">
      <c r="A46124" s="13" t="s">
        <v>265</v>
      </c>
      <c r="B46124" s="14" t="s">
        <v>1</v>
      </c>
      <c r="C46124" s="14" t="s">
        <v>59</v>
      </c>
      <c r="D46124" s="14" t="s">
        <v>266</v>
      </c>
      <c r="E46124" s="15">
        <v>45510</v>
      </c>
      <c r="F46124" s="14" t="s">
        <v>61</v>
      </c>
      <c r="G46124" s="16">
        <v>0</v>
      </c>
    </row>
    <row r="46125" spans="1:7" x14ac:dyDescent="0.3">
      <c r="A46125" s="13" t="s">
        <v>265</v>
      </c>
      <c r="B46125" s="14" t="s">
        <v>1</v>
      </c>
      <c r="C46125" s="14" t="s">
        <v>59</v>
      </c>
      <c r="D46125" s="14" t="s">
        <v>266</v>
      </c>
      <c r="E46125" s="15">
        <v>45511</v>
      </c>
      <c r="F46125" s="14" t="s">
        <v>61</v>
      </c>
      <c r="G46125" s="16">
        <v>0</v>
      </c>
    </row>
    <row r="46126" spans="1:7" x14ac:dyDescent="0.3">
      <c r="A46126" s="13" t="s">
        <v>265</v>
      </c>
      <c r="B46126" s="14" t="s">
        <v>1</v>
      </c>
      <c r="C46126" s="14" t="s">
        <v>59</v>
      </c>
      <c r="D46126" s="14" t="s">
        <v>266</v>
      </c>
      <c r="E46126" s="15">
        <v>45512</v>
      </c>
      <c r="F46126" s="14" t="s">
        <v>61</v>
      </c>
      <c r="G46126" s="16">
        <v>0</v>
      </c>
    </row>
    <row r="46127" spans="1:7" x14ac:dyDescent="0.3">
      <c r="A46127" s="13" t="s">
        <v>265</v>
      </c>
      <c r="B46127" s="14" t="s">
        <v>1</v>
      </c>
      <c r="C46127" s="14" t="s">
        <v>59</v>
      </c>
      <c r="D46127" s="14" t="s">
        <v>266</v>
      </c>
      <c r="E46127" s="15">
        <v>45513</v>
      </c>
      <c r="F46127" s="14" t="s">
        <v>61</v>
      </c>
      <c r="G46127" s="16">
        <v>0</v>
      </c>
    </row>
    <row r="46128" spans="1:7" x14ac:dyDescent="0.3">
      <c r="A46128" s="13" t="s">
        <v>265</v>
      </c>
      <c r="B46128" s="14" t="s">
        <v>1</v>
      </c>
      <c r="C46128" s="14" t="s">
        <v>59</v>
      </c>
      <c r="D46128" s="14" t="s">
        <v>266</v>
      </c>
      <c r="E46128" s="15">
        <v>45514</v>
      </c>
      <c r="F46128" s="14" t="s">
        <v>61</v>
      </c>
      <c r="G46128" s="16">
        <v>0</v>
      </c>
    </row>
    <row r="46129" spans="1:7" x14ac:dyDescent="0.3">
      <c r="A46129" s="13" t="s">
        <v>265</v>
      </c>
      <c r="B46129" s="14" t="s">
        <v>1</v>
      </c>
      <c r="C46129" s="14" t="s">
        <v>59</v>
      </c>
      <c r="D46129" s="14" t="s">
        <v>266</v>
      </c>
      <c r="E46129" s="15">
        <v>45515</v>
      </c>
      <c r="F46129" s="14" t="s">
        <v>61</v>
      </c>
      <c r="G46129" s="16">
        <v>0</v>
      </c>
    </row>
    <row r="46130" spans="1:7" x14ac:dyDescent="0.3">
      <c r="A46130" s="13" t="s">
        <v>265</v>
      </c>
      <c r="B46130" s="14" t="s">
        <v>1</v>
      </c>
      <c r="C46130" s="14" t="s">
        <v>59</v>
      </c>
      <c r="D46130" s="14" t="s">
        <v>266</v>
      </c>
      <c r="E46130" s="15">
        <v>45516</v>
      </c>
      <c r="F46130" s="14" t="s">
        <v>61</v>
      </c>
      <c r="G46130" s="16">
        <v>0</v>
      </c>
    </row>
    <row r="46131" spans="1:7" x14ac:dyDescent="0.3">
      <c r="A46131" s="13" t="s">
        <v>265</v>
      </c>
      <c r="B46131" s="14" t="s">
        <v>1</v>
      </c>
      <c r="C46131" s="14" t="s">
        <v>59</v>
      </c>
      <c r="D46131" s="14" t="s">
        <v>266</v>
      </c>
      <c r="E46131" s="15">
        <v>45517</v>
      </c>
      <c r="F46131" s="14" t="s">
        <v>61</v>
      </c>
      <c r="G46131" s="16">
        <v>0</v>
      </c>
    </row>
    <row r="46132" spans="1:7" x14ac:dyDescent="0.3">
      <c r="A46132" s="13" t="s">
        <v>265</v>
      </c>
      <c r="B46132" s="14" t="s">
        <v>1</v>
      </c>
      <c r="C46132" s="14" t="s">
        <v>59</v>
      </c>
      <c r="D46132" s="14" t="s">
        <v>266</v>
      </c>
      <c r="E46132" s="15">
        <v>45518</v>
      </c>
      <c r="F46132" s="14" t="s">
        <v>61</v>
      </c>
      <c r="G46132" s="16">
        <v>0</v>
      </c>
    </row>
    <row r="46133" spans="1:7" x14ac:dyDescent="0.3">
      <c r="A46133" s="13" t="s">
        <v>265</v>
      </c>
      <c r="B46133" s="14" t="s">
        <v>1</v>
      </c>
      <c r="C46133" s="14" t="s">
        <v>59</v>
      </c>
      <c r="D46133" s="14" t="s">
        <v>266</v>
      </c>
      <c r="E46133" s="15">
        <v>45519</v>
      </c>
      <c r="F46133" s="14" t="s">
        <v>61</v>
      </c>
      <c r="G46133" s="16">
        <v>0</v>
      </c>
    </row>
    <row r="46134" spans="1:7" x14ac:dyDescent="0.3">
      <c r="A46134" s="13" t="s">
        <v>265</v>
      </c>
      <c r="B46134" s="14" t="s">
        <v>1</v>
      </c>
      <c r="C46134" s="14" t="s">
        <v>59</v>
      </c>
      <c r="D46134" s="14" t="s">
        <v>266</v>
      </c>
      <c r="E46134" s="15">
        <v>45520</v>
      </c>
      <c r="F46134" s="14" t="s">
        <v>61</v>
      </c>
      <c r="G46134" s="16">
        <v>0</v>
      </c>
    </row>
    <row r="46135" spans="1:7" x14ac:dyDescent="0.3">
      <c r="A46135" s="13" t="s">
        <v>265</v>
      </c>
      <c r="B46135" s="14" t="s">
        <v>1</v>
      </c>
      <c r="C46135" s="14" t="s">
        <v>59</v>
      </c>
      <c r="D46135" s="14" t="s">
        <v>266</v>
      </c>
      <c r="E46135" s="15">
        <v>45521</v>
      </c>
      <c r="F46135" s="14" t="s">
        <v>61</v>
      </c>
      <c r="G46135" s="16">
        <v>0</v>
      </c>
    </row>
    <row r="46136" spans="1:7" x14ac:dyDescent="0.3">
      <c r="A46136" s="13" t="s">
        <v>265</v>
      </c>
      <c r="B46136" s="14" t="s">
        <v>1</v>
      </c>
      <c r="C46136" s="14" t="s">
        <v>59</v>
      </c>
      <c r="D46136" s="14" t="s">
        <v>266</v>
      </c>
      <c r="E46136" s="15">
        <v>45522</v>
      </c>
      <c r="F46136" s="14" t="s">
        <v>61</v>
      </c>
      <c r="G46136" s="16">
        <v>0</v>
      </c>
    </row>
    <row r="46137" spans="1:7" x14ac:dyDescent="0.3">
      <c r="A46137" s="13" t="s">
        <v>265</v>
      </c>
      <c r="B46137" s="14" t="s">
        <v>1</v>
      </c>
      <c r="C46137" s="14" t="s">
        <v>59</v>
      </c>
      <c r="D46137" s="14" t="s">
        <v>266</v>
      </c>
      <c r="E46137" s="15">
        <v>45523</v>
      </c>
      <c r="F46137" s="14" t="s">
        <v>61</v>
      </c>
      <c r="G46137" s="16">
        <v>0</v>
      </c>
    </row>
    <row r="46138" spans="1:7" x14ac:dyDescent="0.3">
      <c r="A46138" s="13" t="s">
        <v>265</v>
      </c>
      <c r="B46138" s="14" t="s">
        <v>1</v>
      </c>
      <c r="C46138" s="14" t="s">
        <v>59</v>
      </c>
      <c r="D46138" s="14" t="s">
        <v>266</v>
      </c>
      <c r="E46138" s="15">
        <v>45524</v>
      </c>
      <c r="F46138" s="14" t="s">
        <v>61</v>
      </c>
      <c r="G46138" s="16">
        <v>0</v>
      </c>
    </row>
    <row r="46139" spans="1:7" x14ac:dyDescent="0.3">
      <c r="A46139" s="13" t="s">
        <v>265</v>
      </c>
      <c r="B46139" s="14" t="s">
        <v>1</v>
      </c>
      <c r="C46139" s="14" t="s">
        <v>59</v>
      </c>
      <c r="D46139" s="14" t="s">
        <v>266</v>
      </c>
      <c r="E46139" s="15">
        <v>45525</v>
      </c>
      <c r="F46139" s="14" t="s">
        <v>61</v>
      </c>
      <c r="G46139" s="16">
        <v>0</v>
      </c>
    </row>
    <row r="46140" spans="1:7" x14ac:dyDescent="0.3">
      <c r="A46140" s="13" t="s">
        <v>265</v>
      </c>
      <c r="B46140" s="14" t="s">
        <v>1</v>
      </c>
      <c r="C46140" s="14" t="s">
        <v>59</v>
      </c>
      <c r="D46140" s="14" t="s">
        <v>266</v>
      </c>
      <c r="E46140" s="15">
        <v>45526</v>
      </c>
      <c r="F46140" s="14" t="s">
        <v>61</v>
      </c>
      <c r="G46140" s="16">
        <v>0</v>
      </c>
    </row>
    <row r="46141" spans="1:7" x14ac:dyDescent="0.3">
      <c r="A46141" s="13" t="s">
        <v>265</v>
      </c>
      <c r="B46141" s="14" t="s">
        <v>1</v>
      </c>
      <c r="C46141" s="14" t="s">
        <v>59</v>
      </c>
      <c r="D46141" s="14" t="s">
        <v>266</v>
      </c>
      <c r="E46141" s="15">
        <v>45527</v>
      </c>
      <c r="F46141" s="14" t="s">
        <v>61</v>
      </c>
      <c r="G46141" s="16">
        <v>0</v>
      </c>
    </row>
    <row r="46142" spans="1:7" x14ac:dyDescent="0.3">
      <c r="A46142" s="13" t="s">
        <v>265</v>
      </c>
      <c r="B46142" s="14" t="s">
        <v>1</v>
      </c>
      <c r="C46142" s="14" t="s">
        <v>59</v>
      </c>
      <c r="D46142" s="14" t="s">
        <v>266</v>
      </c>
      <c r="E46142" s="15">
        <v>45528</v>
      </c>
      <c r="F46142" s="14" t="s">
        <v>61</v>
      </c>
      <c r="G46142" s="16">
        <v>0</v>
      </c>
    </row>
    <row r="46143" spans="1:7" x14ac:dyDescent="0.3">
      <c r="A46143" s="13" t="s">
        <v>265</v>
      </c>
      <c r="B46143" s="14" t="s">
        <v>1</v>
      </c>
      <c r="C46143" s="14" t="s">
        <v>59</v>
      </c>
      <c r="D46143" s="14" t="s">
        <v>266</v>
      </c>
      <c r="E46143" s="15">
        <v>45529</v>
      </c>
      <c r="F46143" s="14" t="s">
        <v>61</v>
      </c>
      <c r="G46143" s="16">
        <v>0</v>
      </c>
    </row>
    <row r="46144" spans="1:7" x14ac:dyDescent="0.3">
      <c r="A46144" s="13" t="s">
        <v>265</v>
      </c>
      <c r="B46144" s="14" t="s">
        <v>1</v>
      </c>
      <c r="C46144" s="14" t="s">
        <v>59</v>
      </c>
      <c r="D46144" s="14" t="s">
        <v>266</v>
      </c>
      <c r="E46144" s="15">
        <v>45530</v>
      </c>
      <c r="F46144" s="14" t="s">
        <v>61</v>
      </c>
      <c r="G46144" s="16">
        <v>0</v>
      </c>
    </row>
    <row r="46145" spans="1:7" x14ac:dyDescent="0.3">
      <c r="A46145" s="13" t="s">
        <v>265</v>
      </c>
      <c r="B46145" s="14" t="s">
        <v>1</v>
      </c>
      <c r="C46145" s="14" t="s">
        <v>59</v>
      </c>
      <c r="D46145" s="14" t="s">
        <v>266</v>
      </c>
      <c r="E46145" s="15">
        <v>45531</v>
      </c>
      <c r="F46145" s="14" t="s">
        <v>61</v>
      </c>
      <c r="G46145" s="16">
        <v>0</v>
      </c>
    </row>
    <row r="46146" spans="1:7" x14ac:dyDescent="0.3">
      <c r="A46146" s="13" t="s">
        <v>265</v>
      </c>
      <c r="B46146" s="14" t="s">
        <v>1</v>
      </c>
      <c r="C46146" s="14" t="s">
        <v>59</v>
      </c>
      <c r="D46146" s="14" t="s">
        <v>266</v>
      </c>
      <c r="E46146" s="15">
        <v>45532</v>
      </c>
      <c r="F46146" s="14" t="s">
        <v>61</v>
      </c>
      <c r="G46146" s="16">
        <v>0</v>
      </c>
    </row>
    <row r="46147" spans="1:7" x14ac:dyDescent="0.3">
      <c r="A46147" s="13" t="s">
        <v>265</v>
      </c>
      <c r="B46147" s="14" t="s">
        <v>1</v>
      </c>
      <c r="C46147" s="14" t="s">
        <v>59</v>
      </c>
      <c r="D46147" s="14" t="s">
        <v>266</v>
      </c>
      <c r="E46147" s="15">
        <v>45533</v>
      </c>
      <c r="F46147" s="14" t="s">
        <v>61</v>
      </c>
      <c r="G46147" s="16">
        <v>0</v>
      </c>
    </row>
    <row r="46148" spans="1:7" x14ac:dyDescent="0.3">
      <c r="A46148" s="13" t="s">
        <v>265</v>
      </c>
      <c r="B46148" s="14" t="s">
        <v>1</v>
      </c>
      <c r="C46148" s="14" t="s">
        <v>59</v>
      </c>
      <c r="D46148" s="14" t="s">
        <v>266</v>
      </c>
      <c r="E46148" s="15">
        <v>45534</v>
      </c>
      <c r="F46148" s="14" t="s">
        <v>61</v>
      </c>
      <c r="G46148" s="16">
        <v>0</v>
      </c>
    </row>
    <row r="46149" spans="1:7" x14ac:dyDescent="0.3">
      <c r="A46149" s="13" t="s">
        <v>265</v>
      </c>
      <c r="B46149" s="14" t="s">
        <v>1</v>
      </c>
      <c r="C46149" s="14" t="s">
        <v>59</v>
      </c>
      <c r="D46149" s="14" t="s">
        <v>266</v>
      </c>
      <c r="E46149" s="15">
        <v>45535</v>
      </c>
      <c r="F46149" s="14" t="s">
        <v>61</v>
      </c>
      <c r="G46149" s="16">
        <v>0</v>
      </c>
    </row>
    <row r="46150" spans="1:7" x14ac:dyDescent="0.3">
      <c r="A46150" s="13" t="s">
        <v>265</v>
      </c>
      <c r="B46150" s="14" t="s">
        <v>1</v>
      </c>
      <c r="C46150" s="14" t="s">
        <v>59</v>
      </c>
      <c r="D46150" s="14" t="s">
        <v>266</v>
      </c>
      <c r="E46150" s="15">
        <v>45536</v>
      </c>
      <c r="F46150" s="14" t="s">
        <v>61</v>
      </c>
      <c r="G46150" s="16">
        <v>0</v>
      </c>
    </row>
    <row r="46151" spans="1:7" x14ac:dyDescent="0.3">
      <c r="A46151" s="13" t="s">
        <v>265</v>
      </c>
      <c r="B46151" s="14" t="s">
        <v>1</v>
      </c>
      <c r="C46151" s="14" t="s">
        <v>59</v>
      </c>
      <c r="D46151" s="14" t="s">
        <v>266</v>
      </c>
      <c r="E46151" s="15">
        <v>45537</v>
      </c>
      <c r="F46151" s="14" t="s">
        <v>61</v>
      </c>
      <c r="G46151" s="16">
        <v>0</v>
      </c>
    </row>
    <row r="46152" spans="1:7" x14ac:dyDescent="0.3">
      <c r="A46152" s="13" t="s">
        <v>265</v>
      </c>
      <c r="B46152" s="14" t="s">
        <v>1</v>
      </c>
      <c r="C46152" s="14" t="s">
        <v>59</v>
      </c>
      <c r="D46152" s="14" t="s">
        <v>266</v>
      </c>
      <c r="E46152" s="15">
        <v>45538</v>
      </c>
      <c r="F46152" s="14" t="s">
        <v>61</v>
      </c>
      <c r="G46152" s="16">
        <v>0</v>
      </c>
    </row>
    <row r="46153" spans="1:7" x14ac:dyDescent="0.3">
      <c r="A46153" s="13" t="s">
        <v>265</v>
      </c>
      <c r="B46153" s="14" t="s">
        <v>1</v>
      </c>
      <c r="C46153" s="14" t="s">
        <v>59</v>
      </c>
      <c r="D46153" s="14" t="s">
        <v>266</v>
      </c>
      <c r="E46153" s="15">
        <v>45539</v>
      </c>
      <c r="F46153" s="14" t="s">
        <v>61</v>
      </c>
      <c r="G46153" s="16">
        <v>0</v>
      </c>
    </row>
    <row r="46154" spans="1:7" x14ac:dyDescent="0.3">
      <c r="A46154" s="13" t="s">
        <v>265</v>
      </c>
      <c r="B46154" s="14" t="s">
        <v>1</v>
      </c>
      <c r="C46154" s="14" t="s">
        <v>59</v>
      </c>
      <c r="D46154" s="14" t="s">
        <v>266</v>
      </c>
      <c r="E46154" s="15">
        <v>45540</v>
      </c>
      <c r="F46154" s="14" t="s">
        <v>61</v>
      </c>
      <c r="G46154" s="16">
        <v>0</v>
      </c>
    </row>
    <row r="46155" spans="1:7" x14ac:dyDescent="0.3">
      <c r="A46155" s="13" t="s">
        <v>265</v>
      </c>
      <c r="B46155" s="14" t="s">
        <v>1</v>
      </c>
      <c r="C46155" s="14" t="s">
        <v>59</v>
      </c>
      <c r="D46155" s="14" t="s">
        <v>266</v>
      </c>
      <c r="E46155" s="15">
        <v>45541</v>
      </c>
      <c r="F46155" s="14" t="s">
        <v>61</v>
      </c>
      <c r="G46155" s="16">
        <v>0</v>
      </c>
    </row>
    <row r="46156" spans="1:7" x14ac:dyDescent="0.3">
      <c r="A46156" s="13" t="s">
        <v>265</v>
      </c>
      <c r="B46156" s="14" t="s">
        <v>1</v>
      </c>
      <c r="C46156" s="14" t="s">
        <v>59</v>
      </c>
      <c r="D46156" s="14" t="s">
        <v>266</v>
      </c>
      <c r="E46156" s="15">
        <v>45542</v>
      </c>
      <c r="F46156" s="14" t="s">
        <v>61</v>
      </c>
      <c r="G46156" s="16">
        <v>0</v>
      </c>
    </row>
    <row r="46157" spans="1:7" x14ac:dyDescent="0.3">
      <c r="A46157" s="13" t="s">
        <v>265</v>
      </c>
      <c r="B46157" s="14" t="s">
        <v>1</v>
      </c>
      <c r="C46157" s="14" t="s">
        <v>59</v>
      </c>
      <c r="D46157" s="14" t="s">
        <v>266</v>
      </c>
      <c r="E46157" s="15">
        <v>45543</v>
      </c>
      <c r="F46157" s="14" t="s">
        <v>61</v>
      </c>
      <c r="G46157" s="16">
        <v>0</v>
      </c>
    </row>
    <row r="46158" spans="1:7" x14ac:dyDescent="0.3">
      <c r="A46158" s="13" t="s">
        <v>265</v>
      </c>
      <c r="B46158" s="14" t="s">
        <v>1</v>
      </c>
      <c r="C46158" s="14" t="s">
        <v>59</v>
      </c>
      <c r="D46158" s="14" t="s">
        <v>266</v>
      </c>
      <c r="E46158" s="15">
        <v>45544</v>
      </c>
      <c r="F46158" s="14" t="s">
        <v>61</v>
      </c>
      <c r="G46158" s="16">
        <v>0</v>
      </c>
    </row>
    <row r="46159" spans="1:7" x14ac:dyDescent="0.3">
      <c r="A46159" s="13" t="s">
        <v>265</v>
      </c>
      <c r="B46159" s="14" t="s">
        <v>1</v>
      </c>
      <c r="C46159" s="14" t="s">
        <v>59</v>
      </c>
      <c r="D46159" s="14" t="s">
        <v>266</v>
      </c>
      <c r="E46159" s="15">
        <v>45545</v>
      </c>
      <c r="F46159" s="14" t="s">
        <v>61</v>
      </c>
      <c r="G46159" s="16">
        <v>0</v>
      </c>
    </row>
    <row r="46160" spans="1:7" x14ac:dyDescent="0.3">
      <c r="A46160" s="13" t="s">
        <v>265</v>
      </c>
      <c r="B46160" s="14" t="s">
        <v>1</v>
      </c>
      <c r="C46160" s="14" t="s">
        <v>59</v>
      </c>
      <c r="D46160" s="14" t="s">
        <v>266</v>
      </c>
      <c r="E46160" s="15">
        <v>45546</v>
      </c>
      <c r="F46160" s="14" t="s">
        <v>61</v>
      </c>
      <c r="G46160" s="16">
        <v>0</v>
      </c>
    </row>
    <row r="46161" spans="1:7" x14ac:dyDescent="0.3">
      <c r="A46161" s="13" t="s">
        <v>265</v>
      </c>
      <c r="B46161" s="14" t="s">
        <v>1</v>
      </c>
      <c r="C46161" s="14" t="s">
        <v>59</v>
      </c>
      <c r="D46161" s="14" t="s">
        <v>266</v>
      </c>
      <c r="E46161" s="15">
        <v>45547</v>
      </c>
      <c r="F46161" s="14" t="s">
        <v>61</v>
      </c>
      <c r="G46161" s="16">
        <v>0</v>
      </c>
    </row>
    <row r="46162" spans="1:7" x14ac:dyDescent="0.3">
      <c r="A46162" s="13" t="s">
        <v>265</v>
      </c>
      <c r="B46162" s="14" t="s">
        <v>1</v>
      </c>
      <c r="C46162" s="14" t="s">
        <v>59</v>
      </c>
      <c r="D46162" s="14" t="s">
        <v>266</v>
      </c>
      <c r="E46162" s="15">
        <v>45548</v>
      </c>
      <c r="F46162" s="14" t="s">
        <v>61</v>
      </c>
      <c r="G46162" s="16">
        <v>0</v>
      </c>
    </row>
    <row r="46163" spans="1:7" x14ac:dyDescent="0.3">
      <c r="A46163" s="13" t="s">
        <v>265</v>
      </c>
      <c r="B46163" s="14" t="s">
        <v>1</v>
      </c>
      <c r="C46163" s="14" t="s">
        <v>59</v>
      </c>
      <c r="D46163" s="14" t="s">
        <v>266</v>
      </c>
      <c r="E46163" s="15">
        <v>45549</v>
      </c>
      <c r="F46163" s="14" t="s">
        <v>61</v>
      </c>
      <c r="G46163" s="16">
        <v>0</v>
      </c>
    </row>
    <row r="46164" spans="1:7" x14ac:dyDescent="0.3">
      <c r="A46164" s="13" t="s">
        <v>265</v>
      </c>
      <c r="B46164" s="14" t="s">
        <v>1</v>
      </c>
      <c r="C46164" s="14" t="s">
        <v>59</v>
      </c>
      <c r="D46164" s="14" t="s">
        <v>266</v>
      </c>
      <c r="E46164" s="15">
        <v>45550</v>
      </c>
      <c r="F46164" s="14" t="s">
        <v>61</v>
      </c>
      <c r="G46164" s="16">
        <v>0</v>
      </c>
    </row>
    <row r="46165" spans="1:7" x14ac:dyDescent="0.3">
      <c r="A46165" s="13" t="s">
        <v>265</v>
      </c>
      <c r="B46165" s="14" t="s">
        <v>1</v>
      </c>
      <c r="C46165" s="14" t="s">
        <v>59</v>
      </c>
      <c r="D46165" s="14" t="s">
        <v>266</v>
      </c>
      <c r="E46165" s="15">
        <v>45551</v>
      </c>
      <c r="F46165" s="14" t="s">
        <v>61</v>
      </c>
      <c r="G46165" s="16">
        <v>0</v>
      </c>
    </row>
    <row r="46166" spans="1:7" x14ac:dyDescent="0.3">
      <c r="A46166" s="13" t="s">
        <v>265</v>
      </c>
      <c r="B46166" s="14" t="s">
        <v>1</v>
      </c>
      <c r="C46166" s="14" t="s">
        <v>59</v>
      </c>
      <c r="D46166" s="14" t="s">
        <v>266</v>
      </c>
      <c r="E46166" s="15">
        <v>45552</v>
      </c>
      <c r="F46166" s="14" t="s">
        <v>61</v>
      </c>
      <c r="G46166" s="16">
        <v>0</v>
      </c>
    </row>
    <row r="46167" spans="1:7" x14ac:dyDescent="0.3">
      <c r="A46167" s="13" t="s">
        <v>265</v>
      </c>
      <c r="B46167" s="14" t="s">
        <v>1</v>
      </c>
      <c r="C46167" s="14" t="s">
        <v>59</v>
      </c>
      <c r="D46167" s="14" t="s">
        <v>266</v>
      </c>
      <c r="E46167" s="15">
        <v>45553</v>
      </c>
      <c r="F46167" s="14" t="s">
        <v>61</v>
      </c>
      <c r="G46167" s="16">
        <v>0</v>
      </c>
    </row>
    <row r="46168" spans="1:7" x14ac:dyDescent="0.3">
      <c r="A46168" s="13" t="s">
        <v>265</v>
      </c>
      <c r="B46168" s="14" t="s">
        <v>1</v>
      </c>
      <c r="C46168" s="14" t="s">
        <v>59</v>
      </c>
      <c r="D46168" s="14" t="s">
        <v>266</v>
      </c>
      <c r="E46168" s="15">
        <v>45554</v>
      </c>
      <c r="F46168" s="14" t="s">
        <v>61</v>
      </c>
      <c r="G46168" s="16">
        <v>0</v>
      </c>
    </row>
    <row r="46169" spans="1:7" x14ac:dyDescent="0.3">
      <c r="A46169" s="13" t="s">
        <v>265</v>
      </c>
      <c r="B46169" s="14" t="s">
        <v>1</v>
      </c>
      <c r="C46169" s="14" t="s">
        <v>59</v>
      </c>
      <c r="D46169" s="14" t="s">
        <v>266</v>
      </c>
      <c r="E46169" s="15">
        <v>45555</v>
      </c>
      <c r="F46169" s="14" t="s">
        <v>61</v>
      </c>
      <c r="G46169" s="16">
        <v>0</v>
      </c>
    </row>
    <row r="46170" spans="1:7" x14ac:dyDescent="0.3">
      <c r="A46170" s="13" t="s">
        <v>265</v>
      </c>
      <c r="B46170" s="14" t="s">
        <v>1</v>
      </c>
      <c r="C46170" s="14" t="s">
        <v>59</v>
      </c>
      <c r="D46170" s="14" t="s">
        <v>266</v>
      </c>
      <c r="E46170" s="15">
        <v>45556</v>
      </c>
      <c r="F46170" s="14" t="s">
        <v>61</v>
      </c>
      <c r="G46170" s="16">
        <v>0</v>
      </c>
    </row>
    <row r="46171" spans="1:7" x14ac:dyDescent="0.3">
      <c r="A46171" s="13" t="s">
        <v>265</v>
      </c>
      <c r="B46171" s="14" t="s">
        <v>1</v>
      </c>
      <c r="C46171" s="14" t="s">
        <v>59</v>
      </c>
      <c r="D46171" s="14" t="s">
        <v>266</v>
      </c>
      <c r="E46171" s="15">
        <v>45557</v>
      </c>
      <c r="F46171" s="14" t="s">
        <v>61</v>
      </c>
      <c r="G46171" s="16">
        <v>0</v>
      </c>
    </row>
    <row r="46172" spans="1:7" x14ac:dyDescent="0.3">
      <c r="A46172" s="13" t="s">
        <v>265</v>
      </c>
      <c r="B46172" s="14" t="s">
        <v>1</v>
      </c>
      <c r="C46172" s="14" t="s">
        <v>59</v>
      </c>
      <c r="D46172" s="14" t="s">
        <v>266</v>
      </c>
      <c r="E46172" s="15">
        <v>45558</v>
      </c>
      <c r="F46172" s="14" t="s">
        <v>61</v>
      </c>
      <c r="G46172" s="16">
        <v>0</v>
      </c>
    </row>
    <row r="46173" spans="1:7" x14ac:dyDescent="0.3">
      <c r="A46173" s="13" t="s">
        <v>265</v>
      </c>
      <c r="B46173" s="14" t="s">
        <v>1</v>
      </c>
      <c r="C46173" s="14" t="s">
        <v>59</v>
      </c>
      <c r="D46173" s="14" t="s">
        <v>266</v>
      </c>
      <c r="E46173" s="15">
        <v>45559</v>
      </c>
      <c r="F46173" s="14" t="s">
        <v>61</v>
      </c>
      <c r="G46173" s="16">
        <v>0</v>
      </c>
    </row>
    <row r="46174" spans="1:7" x14ac:dyDescent="0.3">
      <c r="A46174" s="13" t="s">
        <v>265</v>
      </c>
      <c r="B46174" s="14" t="s">
        <v>1</v>
      </c>
      <c r="C46174" s="14" t="s">
        <v>59</v>
      </c>
      <c r="D46174" s="14" t="s">
        <v>266</v>
      </c>
      <c r="E46174" s="15">
        <v>45560</v>
      </c>
      <c r="F46174" s="14" t="s">
        <v>61</v>
      </c>
      <c r="G46174" s="16">
        <v>0</v>
      </c>
    </row>
    <row r="46175" spans="1:7" x14ac:dyDescent="0.3">
      <c r="A46175" s="13" t="s">
        <v>265</v>
      </c>
      <c r="B46175" s="14" t="s">
        <v>1</v>
      </c>
      <c r="C46175" s="14" t="s">
        <v>59</v>
      </c>
      <c r="D46175" s="14" t="s">
        <v>266</v>
      </c>
      <c r="E46175" s="15">
        <v>45561</v>
      </c>
      <c r="F46175" s="14" t="s">
        <v>61</v>
      </c>
      <c r="G46175" s="16">
        <v>0</v>
      </c>
    </row>
    <row r="46176" spans="1:7" x14ac:dyDescent="0.3">
      <c r="A46176" s="13" t="s">
        <v>265</v>
      </c>
      <c r="B46176" s="14" t="s">
        <v>1</v>
      </c>
      <c r="C46176" s="14" t="s">
        <v>59</v>
      </c>
      <c r="D46176" s="14" t="s">
        <v>266</v>
      </c>
      <c r="E46176" s="15">
        <v>45562</v>
      </c>
      <c r="F46176" s="14" t="s">
        <v>61</v>
      </c>
      <c r="G46176" s="16">
        <v>0</v>
      </c>
    </row>
    <row r="46177" spans="1:7" x14ac:dyDescent="0.3">
      <c r="A46177" s="13" t="s">
        <v>265</v>
      </c>
      <c r="B46177" s="14" t="s">
        <v>1</v>
      </c>
      <c r="C46177" s="14" t="s">
        <v>59</v>
      </c>
      <c r="D46177" s="14" t="s">
        <v>266</v>
      </c>
      <c r="E46177" s="15">
        <v>45563</v>
      </c>
      <c r="F46177" s="14" t="s">
        <v>61</v>
      </c>
      <c r="G46177" s="16">
        <v>0</v>
      </c>
    </row>
    <row r="46178" spans="1:7" x14ac:dyDescent="0.3">
      <c r="A46178" s="13" t="s">
        <v>265</v>
      </c>
      <c r="B46178" s="14" t="s">
        <v>1</v>
      </c>
      <c r="C46178" s="14" t="s">
        <v>59</v>
      </c>
      <c r="D46178" s="14" t="s">
        <v>266</v>
      </c>
      <c r="E46178" s="15">
        <v>45564</v>
      </c>
      <c r="F46178" s="14" t="s">
        <v>61</v>
      </c>
      <c r="G46178" s="16">
        <v>0</v>
      </c>
    </row>
    <row r="46179" spans="1:7" x14ac:dyDescent="0.3">
      <c r="A46179" s="13" t="s">
        <v>265</v>
      </c>
      <c r="B46179" s="14" t="s">
        <v>1</v>
      </c>
      <c r="C46179" s="14" t="s">
        <v>59</v>
      </c>
      <c r="D46179" s="14" t="s">
        <v>266</v>
      </c>
      <c r="E46179" s="15">
        <v>45565</v>
      </c>
      <c r="F46179" s="14" t="s">
        <v>61</v>
      </c>
      <c r="G46179" s="16">
        <v>0</v>
      </c>
    </row>
    <row r="46180" spans="1:7" x14ac:dyDescent="0.3">
      <c r="A46180" s="13" t="s">
        <v>265</v>
      </c>
      <c r="B46180" s="14" t="s">
        <v>1</v>
      </c>
      <c r="C46180" s="14" t="s">
        <v>59</v>
      </c>
      <c r="D46180" s="14" t="s">
        <v>266</v>
      </c>
      <c r="E46180" s="15">
        <v>45566</v>
      </c>
      <c r="F46180" s="14" t="s">
        <v>61</v>
      </c>
      <c r="G46180" s="16">
        <v>0</v>
      </c>
    </row>
    <row r="46181" spans="1:7" x14ac:dyDescent="0.3">
      <c r="A46181" s="13" t="s">
        <v>265</v>
      </c>
      <c r="B46181" s="14" t="s">
        <v>1</v>
      </c>
      <c r="C46181" s="14" t="s">
        <v>59</v>
      </c>
      <c r="D46181" s="14" t="s">
        <v>266</v>
      </c>
      <c r="E46181" s="15">
        <v>45567</v>
      </c>
      <c r="F46181" s="14" t="s">
        <v>61</v>
      </c>
      <c r="G46181" s="16">
        <v>0</v>
      </c>
    </row>
    <row r="46182" spans="1:7" x14ac:dyDescent="0.3">
      <c r="A46182" s="13" t="s">
        <v>265</v>
      </c>
      <c r="B46182" s="14" t="s">
        <v>1</v>
      </c>
      <c r="C46182" s="14" t="s">
        <v>59</v>
      </c>
      <c r="D46182" s="14" t="s">
        <v>266</v>
      </c>
      <c r="E46182" s="15">
        <v>45568</v>
      </c>
      <c r="F46182" s="14" t="s">
        <v>61</v>
      </c>
      <c r="G46182" s="16">
        <v>0</v>
      </c>
    </row>
    <row r="46183" spans="1:7" x14ac:dyDescent="0.3">
      <c r="A46183" s="13" t="s">
        <v>265</v>
      </c>
      <c r="B46183" s="14" t="s">
        <v>1</v>
      </c>
      <c r="C46183" s="14" t="s">
        <v>59</v>
      </c>
      <c r="D46183" s="14" t="s">
        <v>266</v>
      </c>
      <c r="E46183" s="15">
        <v>45569</v>
      </c>
      <c r="F46183" s="14" t="s">
        <v>61</v>
      </c>
      <c r="G46183" s="16">
        <v>0</v>
      </c>
    </row>
    <row r="46184" spans="1:7" x14ac:dyDescent="0.3">
      <c r="A46184" s="13" t="s">
        <v>265</v>
      </c>
      <c r="B46184" s="14" t="s">
        <v>1</v>
      </c>
      <c r="C46184" s="14" t="s">
        <v>59</v>
      </c>
      <c r="D46184" s="14" t="s">
        <v>266</v>
      </c>
      <c r="E46184" s="15">
        <v>45570</v>
      </c>
      <c r="F46184" s="14" t="s">
        <v>61</v>
      </c>
      <c r="G46184" s="16">
        <v>0</v>
      </c>
    </row>
    <row r="46185" spans="1:7" x14ac:dyDescent="0.3">
      <c r="A46185" s="13" t="s">
        <v>265</v>
      </c>
      <c r="B46185" s="14" t="s">
        <v>1</v>
      </c>
      <c r="C46185" s="14" t="s">
        <v>59</v>
      </c>
      <c r="D46185" s="14" t="s">
        <v>266</v>
      </c>
      <c r="E46185" s="15">
        <v>45571</v>
      </c>
      <c r="F46185" s="14" t="s">
        <v>61</v>
      </c>
      <c r="G46185" s="16">
        <v>0</v>
      </c>
    </row>
    <row r="46186" spans="1:7" x14ac:dyDescent="0.3">
      <c r="A46186" s="13" t="s">
        <v>265</v>
      </c>
      <c r="B46186" s="14" t="s">
        <v>1</v>
      </c>
      <c r="C46186" s="14" t="s">
        <v>59</v>
      </c>
      <c r="D46186" s="14" t="s">
        <v>266</v>
      </c>
      <c r="E46186" s="15">
        <v>45572</v>
      </c>
      <c r="F46186" s="14" t="s">
        <v>61</v>
      </c>
      <c r="G46186" s="16">
        <v>0</v>
      </c>
    </row>
    <row r="46187" spans="1:7" x14ac:dyDescent="0.3">
      <c r="A46187" s="13" t="s">
        <v>265</v>
      </c>
      <c r="B46187" s="14" t="s">
        <v>1</v>
      </c>
      <c r="C46187" s="14" t="s">
        <v>59</v>
      </c>
      <c r="D46187" s="14" t="s">
        <v>266</v>
      </c>
      <c r="E46187" s="15">
        <v>45573</v>
      </c>
      <c r="F46187" s="14" t="s">
        <v>61</v>
      </c>
      <c r="G46187" s="16">
        <v>0</v>
      </c>
    </row>
    <row r="46188" spans="1:7" x14ac:dyDescent="0.3">
      <c r="A46188" s="13" t="s">
        <v>265</v>
      </c>
      <c r="B46188" s="14" t="s">
        <v>1</v>
      </c>
      <c r="C46188" s="14" t="s">
        <v>59</v>
      </c>
      <c r="D46188" s="14" t="s">
        <v>266</v>
      </c>
      <c r="E46188" s="15">
        <v>45574</v>
      </c>
      <c r="F46188" s="14" t="s">
        <v>61</v>
      </c>
      <c r="G46188" s="16">
        <v>0</v>
      </c>
    </row>
    <row r="46189" spans="1:7" x14ac:dyDescent="0.3">
      <c r="A46189" s="13" t="s">
        <v>265</v>
      </c>
      <c r="B46189" s="14" t="s">
        <v>1</v>
      </c>
      <c r="C46189" s="14" t="s">
        <v>59</v>
      </c>
      <c r="D46189" s="14" t="s">
        <v>266</v>
      </c>
      <c r="E46189" s="15">
        <v>45575</v>
      </c>
      <c r="F46189" s="14" t="s">
        <v>61</v>
      </c>
      <c r="G46189" s="16">
        <v>0</v>
      </c>
    </row>
    <row r="46190" spans="1:7" x14ac:dyDescent="0.3">
      <c r="A46190" s="13" t="s">
        <v>265</v>
      </c>
      <c r="B46190" s="14" t="s">
        <v>1</v>
      </c>
      <c r="C46190" s="14" t="s">
        <v>59</v>
      </c>
      <c r="D46190" s="14" t="s">
        <v>266</v>
      </c>
      <c r="E46190" s="15">
        <v>45576</v>
      </c>
      <c r="F46190" s="14" t="s">
        <v>61</v>
      </c>
      <c r="G46190" s="16">
        <v>0</v>
      </c>
    </row>
    <row r="46191" spans="1:7" x14ac:dyDescent="0.3">
      <c r="A46191" s="13" t="s">
        <v>265</v>
      </c>
      <c r="B46191" s="14" t="s">
        <v>1</v>
      </c>
      <c r="C46191" s="14" t="s">
        <v>59</v>
      </c>
      <c r="D46191" s="14" t="s">
        <v>266</v>
      </c>
      <c r="E46191" s="15">
        <v>45577</v>
      </c>
      <c r="F46191" s="14" t="s">
        <v>61</v>
      </c>
      <c r="G46191" s="16">
        <v>0</v>
      </c>
    </row>
    <row r="46192" spans="1:7" x14ac:dyDescent="0.3">
      <c r="A46192" s="13" t="s">
        <v>265</v>
      </c>
      <c r="B46192" s="14" t="s">
        <v>1</v>
      </c>
      <c r="C46192" s="14" t="s">
        <v>59</v>
      </c>
      <c r="D46192" s="14" t="s">
        <v>266</v>
      </c>
      <c r="E46192" s="15">
        <v>45578</v>
      </c>
      <c r="F46192" s="14" t="s">
        <v>61</v>
      </c>
      <c r="G46192" s="16">
        <v>0</v>
      </c>
    </row>
    <row r="46193" spans="1:7" x14ac:dyDescent="0.3">
      <c r="A46193" s="13" t="s">
        <v>265</v>
      </c>
      <c r="B46193" s="14" t="s">
        <v>1</v>
      </c>
      <c r="C46193" s="14" t="s">
        <v>59</v>
      </c>
      <c r="D46193" s="14" t="s">
        <v>266</v>
      </c>
      <c r="E46193" s="15">
        <v>45579</v>
      </c>
      <c r="F46193" s="14" t="s">
        <v>61</v>
      </c>
      <c r="G46193" s="16">
        <v>0</v>
      </c>
    </row>
    <row r="46194" spans="1:7" x14ac:dyDescent="0.3">
      <c r="A46194" s="13" t="s">
        <v>265</v>
      </c>
      <c r="B46194" s="14" t="s">
        <v>1</v>
      </c>
      <c r="C46194" s="14" t="s">
        <v>59</v>
      </c>
      <c r="D46194" s="14" t="s">
        <v>266</v>
      </c>
      <c r="E46194" s="15">
        <v>45580</v>
      </c>
      <c r="F46194" s="14" t="s">
        <v>61</v>
      </c>
      <c r="G46194" s="16">
        <v>0</v>
      </c>
    </row>
    <row r="46195" spans="1:7" x14ac:dyDescent="0.3">
      <c r="A46195" s="13" t="s">
        <v>265</v>
      </c>
      <c r="B46195" s="14" t="s">
        <v>1</v>
      </c>
      <c r="C46195" s="14" t="s">
        <v>59</v>
      </c>
      <c r="D46195" s="14" t="s">
        <v>266</v>
      </c>
      <c r="E46195" s="15">
        <v>45581</v>
      </c>
      <c r="F46195" s="14" t="s">
        <v>61</v>
      </c>
      <c r="G46195" s="16">
        <v>0</v>
      </c>
    </row>
    <row r="46196" spans="1:7" x14ac:dyDescent="0.3">
      <c r="A46196" s="13" t="s">
        <v>265</v>
      </c>
      <c r="B46196" s="14" t="s">
        <v>1</v>
      </c>
      <c r="C46196" s="14" t="s">
        <v>59</v>
      </c>
      <c r="D46196" s="14" t="s">
        <v>266</v>
      </c>
      <c r="E46196" s="15">
        <v>45582</v>
      </c>
      <c r="F46196" s="14" t="s">
        <v>61</v>
      </c>
      <c r="G46196" s="16">
        <v>0</v>
      </c>
    </row>
    <row r="46197" spans="1:7" x14ac:dyDescent="0.3">
      <c r="A46197" s="13" t="s">
        <v>265</v>
      </c>
      <c r="B46197" s="14" t="s">
        <v>1</v>
      </c>
      <c r="C46197" s="14" t="s">
        <v>59</v>
      </c>
      <c r="D46197" s="14" t="s">
        <v>266</v>
      </c>
      <c r="E46197" s="15">
        <v>45583</v>
      </c>
      <c r="F46197" s="14" t="s">
        <v>61</v>
      </c>
      <c r="G46197" s="16">
        <v>0</v>
      </c>
    </row>
    <row r="46198" spans="1:7" x14ac:dyDescent="0.3">
      <c r="A46198" s="13" t="s">
        <v>265</v>
      </c>
      <c r="B46198" s="14" t="s">
        <v>1</v>
      </c>
      <c r="C46198" s="14" t="s">
        <v>59</v>
      </c>
      <c r="D46198" s="14" t="s">
        <v>266</v>
      </c>
      <c r="E46198" s="15">
        <v>45584</v>
      </c>
      <c r="F46198" s="14" t="s">
        <v>61</v>
      </c>
      <c r="G46198" s="16">
        <v>0</v>
      </c>
    </row>
    <row r="46199" spans="1:7" x14ac:dyDescent="0.3">
      <c r="A46199" s="13" t="s">
        <v>265</v>
      </c>
      <c r="B46199" s="14" t="s">
        <v>1</v>
      </c>
      <c r="C46199" s="14" t="s">
        <v>59</v>
      </c>
      <c r="D46199" s="14" t="s">
        <v>266</v>
      </c>
      <c r="E46199" s="15">
        <v>45585</v>
      </c>
      <c r="F46199" s="14" t="s">
        <v>61</v>
      </c>
      <c r="G46199" s="16">
        <v>0</v>
      </c>
    </row>
    <row r="46200" spans="1:7" x14ac:dyDescent="0.3">
      <c r="A46200" s="13" t="s">
        <v>265</v>
      </c>
      <c r="B46200" s="14" t="s">
        <v>1</v>
      </c>
      <c r="C46200" s="14" t="s">
        <v>59</v>
      </c>
      <c r="D46200" s="14" t="s">
        <v>266</v>
      </c>
      <c r="E46200" s="15">
        <v>45586</v>
      </c>
      <c r="F46200" s="14" t="s">
        <v>61</v>
      </c>
      <c r="G46200" s="16">
        <v>0</v>
      </c>
    </row>
    <row r="46201" spans="1:7" x14ac:dyDescent="0.3">
      <c r="A46201" s="13" t="s">
        <v>265</v>
      </c>
      <c r="B46201" s="14" t="s">
        <v>1</v>
      </c>
      <c r="C46201" s="14" t="s">
        <v>59</v>
      </c>
      <c r="D46201" s="14" t="s">
        <v>266</v>
      </c>
      <c r="E46201" s="15">
        <v>45587</v>
      </c>
      <c r="F46201" s="14" t="s">
        <v>61</v>
      </c>
      <c r="G46201" s="16">
        <v>0</v>
      </c>
    </row>
    <row r="46202" spans="1:7" x14ac:dyDescent="0.3">
      <c r="A46202" s="13" t="s">
        <v>265</v>
      </c>
      <c r="B46202" s="14" t="s">
        <v>1</v>
      </c>
      <c r="C46202" s="14" t="s">
        <v>59</v>
      </c>
      <c r="D46202" s="14" t="s">
        <v>266</v>
      </c>
      <c r="E46202" s="15">
        <v>45588</v>
      </c>
      <c r="F46202" s="14" t="s">
        <v>61</v>
      </c>
      <c r="G46202" s="16">
        <v>0</v>
      </c>
    </row>
    <row r="46203" spans="1:7" x14ac:dyDescent="0.3">
      <c r="A46203" s="13" t="s">
        <v>265</v>
      </c>
      <c r="B46203" s="14" t="s">
        <v>1</v>
      </c>
      <c r="C46203" s="14" t="s">
        <v>59</v>
      </c>
      <c r="D46203" s="14" t="s">
        <v>266</v>
      </c>
      <c r="E46203" s="15">
        <v>45589</v>
      </c>
      <c r="F46203" s="14" t="s">
        <v>61</v>
      </c>
      <c r="G46203" s="16">
        <v>0</v>
      </c>
    </row>
    <row r="46204" spans="1:7" x14ac:dyDescent="0.3">
      <c r="A46204" s="13" t="s">
        <v>265</v>
      </c>
      <c r="B46204" s="14" t="s">
        <v>1</v>
      </c>
      <c r="C46204" s="14" t="s">
        <v>59</v>
      </c>
      <c r="D46204" s="14" t="s">
        <v>266</v>
      </c>
      <c r="E46204" s="15">
        <v>45590</v>
      </c>
      <c r="F46204" s="14" t="s">
        <v>61</v>
      </c>
      <c r="G46204" s="16">
        <v>0</v>
      </c>
    </row>
    <row r="46205" spans="1:7" x14ac:dyDescent="0.3">
      <c r="A46205" s="13" t="s">
        <v>265</v>
      </c>
      <c r="B46205" s="14" t="s">
        <v>1</v>
      </c>
      <c r="C46205" s="14" t="s">
        <v>59</v>
      </c>
      <c r="D46205" s="14" t="s">
        <v>266</v>
      </c>
      <c r="E46205" s="15">
        <v>45591</v>
      </c>
      <c r="F46205" s="14" t="s">
        <v>61</v>
      </c>
      <c r="G46205" s="16">
        <v>0</v>
      </c>
    </row>
    <row r="46206" spans="1:7" x14ac:dyDescent="0.3">
      <c r="A46206" s="13" t="s">
        <v>265</v>
      </c>
      <c r="B46206" s="14" t="s">
        <v>1</v>
      </c>
      <c r="C46206" s="14" t="s">
        <v>59</v>
      </c>
      <c r="D46206" s="14" t="s">
        <v>266</v>
      </c>
      <c r="E46206" s="15">
        <v>45592</v>
      </c>
      <c r="F46206" s="14" t="s">
        <v>61</v>
      </c>
      <c r="G46206" s="16">
        <v>0</v>
      </c>
    </row>
    <row r="46207" spans="1:7" x14ac:dyDescent="0.3">
      <c r="A46207" s="13" t="s">
        <v>265</v>
      </c>
      <c r="B46207" s="14" t="s">
        <v>1</v>
      </c>
      <c r="C46207" s="14" t="s">
        <v>59</v>
      </c>
      <c r="D46207" s="14" t="s">
        <v>266</v>
      </c>
      <c r="E46207" s="15">
        <v>45593</v>
      </c>
      <c r="F46207" s="14" t="s">
        <v>61</v>
      </c>
      <c r="G46207" s="16">
        <v>0</v>
      </c>
    </row>
    <row r="46208" spans="1:7" x14ac:dyDescent="0.3">
      <c r="A46208" s="13" t="s">
        <v>265</v>
      </c>
      <c r="B46208" s="14" t="s">
        <v>1</v>
      </c>
      <c r="C46208" s="14" t="s">
        <v>59</v>
      </c>
      <c r="D46208" s="14" t="s">
        <v>266</v>
      </c>
      <c r="E46208" s="15">
        <v>45594</v>
      </c>
      <c r="F46208" s="14" t="s">
        <v>61</v>
      </c>
      <c r="G46208" s="16">
        <v>0</v>
      </c>
    </row>
    <row r="46209" spans="1:7" x14ac:dyDescent="0.3">
      <c r="A46209" s="13" t="s">
        <v>265</v>
      </c>
      <c r="B46209" s="14" t="s">
        <v>1</v>
      </c>
      <c r="C46209" s="14" t="s">
        <v>59</v>
      </c>
      <c r="D46209" s="14" t="s">
        <v>266</v>
      </c>
      <c r="E46209" s="15">
        <v>45595</v>
      </c>
      <c r="F46209" s="14" t="s">
        <v>61</v>
      </c>
      <c r="G46209" s="16">
        <v>0</v>
      </c>
    </row>
    <row r="46210" spans="1:7" x14ac:dyDescent="0.3">
      <c r="A46210" s="13" t="s">
        <v>265</v>
      </c>
      <c r="B46210" s="14" t="s">
        <v>1</v>
      </c>
      <c r="C46210" s="14" t="s">
        <v>59</v>
      </c>
      <c r="D46210" s="14" t="s">
        <v>266</v>
      </c>
      <c r="E46210" s="15">
        <v>45596</v>
      </c>
      <c r="F46210" s="14" t="s">
        <v>61</v>
      </c>
      <c r="G46210" s="16">
        <v>0</v>
      </c>
    </row>
    <row r="46211" spans="1:7" x14ac:dyDescent="0.3">
      <c r="A46211" s="13" t="s">
        <v>265</v>
      </c>
      <c r="B46211" s="14" t="s">
        <v>1</v>
      </c>
      <c r="C46211" s="14" t="s">
        <v>59</v>
      </c>
      <c r="D46211" s="14" t="s">
        <v>266</v>
      </c>
      <c r="E46211" s="15">
        <v>45597</v>
      </c>
      <c r="F46211" s="14" t="s">
        <v>61</v>
      </c>
      <c r="G46211" s="16">
        <v>0</v>
      </c>
    </row>
    <row r="46212" spans="1:7" x14ac:dyDescent="0.3">
      <c r="A46212" s="13" t="s">
        <v>265</v>
      </c>
      <c r="B46212" s="14" t="s">
        <v>1</v>
      </c>
      <c r="C46212" s="14" t="s">
        <v>59</v>
      </c>
      <c r="D46212" s="14" t="s">
        <v>266</v>
      </c>
      <c r="E46212" s="15">
        <v>45598</v>
      </c>
      <c r="F46212" s="14" t="s">
        <v>61</v>
      </c>
      <c r="G46212" s="16">
        <v>0</v>
      </c>
    </row>
    <row r="46213" spans="1:7" x14ac:dyDescent="0.3">
      <c r="A46213" s="13" t="s">
        <v>265</v>
      </c>
      <c r="B46213" s="14" t="s">
        <v>1</v>
      </c>
      <c r="C46213" s="14" t="s">
        <v>59</v>
      </c>
      <c r="D46213" s="14" t="s">
        <v>266</v>
      </c>
      <c r="E46213" s="15">
        <v>45599</v>
      </c>
      <c r="F46213" s="14" t="s">
        <v>61</v>
      </c>
      <c r="G46213" s="16">
        <v>0</v>
      </c>
    </row>
    <row r="46214" spans="1:7" x14ac:dyDescent="0.3">
      <c r="A46214" s="13" t="s">
        <v>265</v>
      </c>
      <c r="B46214" s="14" t="s">
        <v>1</v>
      </c>
      <c r="C46214" s="14" t="s">
        <v>59</v>
      </c>
      <c r="D46214" s="14" t="s">
        <v>266</v>
      </c>
      <c r="E46214" s="15">
        <v>45600</v>
      </c>
      <c r="F46214" s="14" t="s">
        <v>61</v>
      </c>
      <c r="G46214" s="16">
        <v>0</v>
      </c>
    </row>
    <row r="46215" spans="1:7" x14ac:dyDescent="0.3">
      <c r="A46215" s="13" t="s">
        <v>265</v>
      </c>
      <c r="B46215" s="14" t="s">
        <v>1</v>
      </c>
      <c r="C46215" s="14" t="s">
        <v>59</v>
      </c>
      <c r="D46215" s="14" t="s">
        <v>266</v>
      </c>
      <c r="E46215" s="15">
        <v>45601</v>
      </c>
      <c r="F46215" s="14" t="s">
        <v>61</v>
      </c>
      <c r="G46215" s="16">
        <v>0</v>
      </c>
    </row>
    <row r="46216" spans="1:7" x14ac:dyDescent="0.3">
      <c r="A46216" s="13" t="s">
        <v>265</v>
      </c>
      <c r="B46216" s="14" t="s">
        <v>1</v>
      </c>
      <c r="C46216" s="14" t="s">
        <v>59</v>
      </c>
      <c r="D46216" s="14" t="s">
        <v>266</v>
      </c>
      <c r="E46216" s="15">
        <v>45602</v>
      </c>
      <c r="F46216" s="14" t="s">
        <v>61</v>
      </c>
      <c r="G46216" s="16">
        <v>0</v>
      </c>
    </row>
    <row r="46217" spans="1:7" x14ac:dyDescent="0.3">
      <c r="A46217" s="13" t="s">
        <v>265</v>
      </c>
      <c r="B46217" s="14" t="s">
        <v>1</v>
      </c>
      <c r="C46217" s="14" t="s">
        <v>59</v>
      </c>
      <c r="D46217" s="14" t="s">
        <v>266</v>
      </c>
      <c r="E46217" s="15">
        <v>45603</v>
      </c>
      <c r="F46217" s="14" t="s">
        <v>61</v>
      </c>
      <c r="G46217" s="16">
        <v>0</v>
      </c>
    </row>
    <row r="46218" spans="1:7" x14ac:dyDescent="0.3">
      <c r="A46218" s="13" t="s">
        <v>265</v>
      </c>
      <c r="B46218" s="14" t="s">
        <v>1</v>
      </c>
      <c r="C46218" s="14" t="s">
        <v>59</v>
      </c>
      <c r="D46218" s="14" t="s">
        <v>266</v>
      </c>
      <c r="E46218" s="15">
        <v>45604</v>
      </c>
      <c r="F46218" s="14" t="s">
        <v>61</v>
      </c>
      <c r="G46218" s="16">
        <v>0</v>
      </c>
    </row>
    <row r="46219" spans="1:7" x14ac:dyDescent="0.3">
      <c r="A46219" s="13" t="s">
        <v>265</v>
      </c>
      <c r="B46219" s="14" t="s">
        <v>1</v>
      </c>
      <c r="C46219" s="14" t="s">
        <v>59</v>
      </c>
      <c r="D46219" s="14" t="s">
        <v>266</v>
      </c>
      <c r="E46219" s="15">
        <v>45605</v>
      </c>
      <c r="F46219" s="14" t="s">
        <v>61</v>
      </c>
      <c r="G46219" s="16">
        <v>0</v>
      </c>
    </row>
    <row r="46220" spans="1:7" x14ac:dyDescent="0.3">
      <c r="A46220" s="13" t="s">
        <v>265</v>
      </c>
      <c r="B46220" s="14" t="s">
        <v>1</v>
      </c>
      <c r="C46220" s="14" t="s">
        <v>59</v>
      </c>
      <c r="D46220" s="14" t="s">
        <v>266</v>
      </c>
      <c r="E46220" s="15">
        <v>45606</v>
      </c>
      <c r="F46220" s="14" t="s">
        <v>61</v>
      </c>
      <c r="G46220" s="16">
        <v>0</v>
      </c>
    </row>
    <row r="46221" spans="1:7" x14ac:dyDescent="0.3">
      <c r="A46221" s="13" t="s">
        <v>265</v>
      </c>
      <c r="B46221" s="14" t="s">
        <v>1</v>
      </c>
      <c r="C46221" s="14" t="s">
        <v>59</v>
      </c>
      <c r="D46221" s="14" t="s">
        <v>266</v>
      </c>
      <c r="E46221" s="15">
        <v>45607</v>
      </c>
      <c r="F46221" s="14" t="s">
        <v>61</v>
      </c>
      <c r="G46221" s="16">
        <v>0</v>
      </c>
    </row>
    <row r="46222" spans="1:7" x14ac:dyDescent="0.3">
      <c r="A46222" s="13" t="s">
        <v>265</v>
      </c>
      <c r="B46222" s="14" t="s">
        <v>1</v>
      </c>
      <c r="C46222" s="14" t="s">
        <v>59</v>
      </c>
      <c r="D46222" s="14" t="s">
        <v>266</v>
      </c>
      <c r="E46222" s="15">
        <v>45608</v>
      </c>
      <c r="F46222" s="14" t="s">
        <v>61</v>
      </c>
      <c r="G46222" s="16">
        <v>0</v>
      </c>
    </row>
    <row r="46223" spans="1:7" x14ac:dyDescent="0.3">
      <c r="A46223" s="13" t="s">
        <v>265</v>
      </c>
      <c r="B46223" s="14" t="s">
        <v>1</v>
      </c>
      <c r="C46223" s="14" t="s">
        <v>59</v>
      </c>
      <c r="D46223" s="14" t="s">
        <v>266</v>
      </c>
      <c r="E46223" s="15">
        <v>45609</v>
      </c>
      <c r="F46223" s="14" t="s">
        <v>61</v>
      </c>
      <c r="G46223" s="16">
        <v>0</v>
      </c>
    </row>
    <row r="46224" spans="1:7" x14ac:dyDescent="0.3">
      <c r="A46224" s="13" t="s">
        <v>265</v>
      </c>
      <c r="B46224" s="14" t="s">
        <v>1</v>
      </c>
      <c r="C46224" s="14" t="s">
        <v>59</v>
      </c>
      <c r="D46224" s="14" t="s">
        <v>266</v>
      </c>
      <c r="E46224" s="15">
        <v>45610</v>
      </c>
      <c r="F46224" s="14" t="s">
        <v>61</v>
      </c>
      <c r="G46224" s="16">
        <v>0</v>
      </c>
    </row>
    <row r="46225" spans="1:7" x14ac:dyDescent="0.3">
      <c r="A46225" s="13" t="s">
        <v>265</v>
      </c>
      <c r="B46225" s="14" t="s">
        <v>1</v>
      </c>
      <c r="C46225" s="14" t="s">
        <v>59</v>
      </c>
      <c r="D46225" s="14" t="s">
        <v>266</v>
      </c>
      <c r="E46225" s="15">
        <v>45611</v>
      </c>
      <c r="F46225" s="14" t="s">
        <v>61</v>
      </c>
      <c r="G46225" s="16">
        <v>0</v>
      </c>
    </row>
    <row r="46226" spans="1:7" x14ac:dyDescent="0.3">
      <c r="A46226" s="13" t="s">
        <v>265</v>
      </c>
      <c r="B46226" s="14" t="s">
        <v>1</v>
      </c>
      <c r="C46226" s="14" t="s">
        <v>59</v>
      </c>
      <c r="D46226" s="14" t="s">
        <v>266</v>
      </c>
      <c r="E46226" s="15">
        <v>45612</v>
      </c>
      <c r="F46226" s="14" t="s">
        <v>61</v>
      </c>
      <c r="G46226" s="16">
        <v>0</v>
      </c>
    </row>
    <row r="46227" spans="1:7" x14ac:dyDescent="0.3">
      <c r="A46227" s="13" t="s">
        <v>265</v>
      </c>
      <c r="B46227" s="14" t="s">
        <v>1</v>
      </c>
      <c r="C46227" s="14" t="s">
        <v>59</v>
      </c>
      <c r="D46227" s="14" t="s">
        <v>266</v>
      </c>
      <c r="E46227" s="15">
        <v>45613</v>
      </c>
      <c r="F46227" s="14" t="s">
        <v>61</v>
      </c>
      <c r="G46227" s="16">
        <v>0</v>
      </c>
    </row>
    <row r="46228" spans="1:7" x14ac:dyDescent="0.3">
      <c r="A46228" s="13" t="s">
        <v>265</v>
      </c>
      <c r="B46228" s="14" t="s">
        <v>1</v>
      </c>
      <c r="C46228" s="14" t="s">
        <v>59</v>
      </c>
      <c r="D46228" s="14" t="s">
        <v>266</v>
      </c>
      <c r="E46228" s="15">
        <v>45614</v>
      </c>
      <c r="F46228" s="14" t="s">
        <v>61</v>
      </c>
      <c r="G46228" s="16">
        <v>0</v>
      </c>
    </row>
    <row r="46229" spans="1:7" x14ac:dyDescent="0.3">
      <c r="A46229" s="13" t="s">
        <v>265</v>
      </c>
      <c r="B46229" s="14" t="s">
        <v>1</v>
      </c>
      <c r="C46229" s="14" t="s">
        <v>59</v>
      </c>
      <c r="D46229" s="14" t="s">
        <v>266</v>
      </c>
      <c r="E46229" s="15">
        <v>45615</v>
      </c>
      <c r="F46229" s="14" t="s">
        <v>61</v>
      </c>
      <c r="G46229" s="16">
        <v>0</v>
      </c>
    </row>
    <row r="46230" spans="1:7" x14ac:dyDescent="0.3">
      <c r="A46230" s="13" t="s">
        <v>265</v>
      </c>
      <c r="B46230" s="14" t="s">
        <v>1</v>
      </c>
      <c r="C46230" s="14" t="s">
        <v>59</v>
      </c>
      <c r="D46230" s="14" t="s">
        <v>266</v>
      </c>
      <c r="E46230" s="15">
        <v>45616</v>
      </c>
      <c r="F46230" s="14" t="s">
        <v>61</v>
      </c>
      <c r="G46230" s="16">
        <v>0</v>
      </c>
    </row>
    <row r="46231" spans="1:7" x14ac:dyDescent="0.3">
      <c r="A46231" s="13" t="s">
        <v>265</v>
      </c>
      <c r="B46231" s="14" t="s">
        <v>1</v>
      </c>
      <c r="C46231" s="14" t="s">
        <v>59</v>
      </c>
      <c r="D46231" s="14" t="s">
        <v>266</v>
      </c>
      <c r="E46231" s="15">
        <v>45617</v>
      </c>
      <c r="F46231" s="14" t="s">
        <v>61</v>
      </c>
      <c r="G46231" s="16">
        <v>0</v>
      </c>
    </row>
    <row r="46232" spans="1:7" x14ac:dyDescent="0.3">
      <c r="A46232" s="13" t="s">
        <v>265</v>
      </c>
      <c r="B46232" s="14" t="s">
        <v>1</v>
      </c>
      <c r="C46232" s="14" t="s">
        <v>59</v>
      </c>
      <c r="D46232" s="14" t="s">
        <v>266</v>
      </c>
      <c r="E46232" s="15">
        <v>45618</v>
      </c>
      <c r="F46232" s="14" t="s">
        <v>61</v>
      </c>
      <c r="G46232" s="16">
        <v>0</v>
      </c>
    </row>
    <row r="46233" spans="1:7" x14ac:dyDescent="0.3">
      <c r="A46233" s="13" t="s">
        <v>265</v>
      </c>
      <c r="B46233" s="14" t="s">
        <v>1</v>
      </c>
      <c r="C46233" s="14" t="s">
        <v>59</v>
      </c>
      <c r="D46233" s="14" t="s">
        <v>266</v>
      </c>
      <c r="E46233" s="15">
        <v>45619</v>
      </c>
      <c r="F46233" s="14" t="s">
        <v>61</v>
      </c>
      <c r="G46233" s="16">
        <v>0</v>
      </c>
    </row>
    <row r="46234" spans="1:7" x14ac:dyDescent="0.3">
      <c r="A46234" s="13" t="s">
        <v>265</v>
      </c>
      <c r="B46234" s="14" t="s">
        <v>1</v>
      </c>
      <c r="C46234" s="14" t="s">
        <v>59</v>
      </c>
      <c r="D46234" s="14" t="s">
        <v>266</v>
      </c>
      <c r="E46234" s="15">
        <v>45620</v>
      </c>
      <c r="F46234" s="14" t="s">
        <v>61</v>
      </c>
      <c r="G46234" s="16">
        <v>0</v>
      </c>
    </row>
    <row r="46235" spans="1:7" x14ac:dyDescent="0.3">
      <c r="A46235" s="13" t="s">
        <v>265</v>
      </c>
      <c r="B46235" s="14" t="s">
        <v>1</v>
      </c>
      <c r="C46235" s="14" t="s">
        <v>59</v>
      </c>
      <c r="D46235" s="14" t="s">
        <v>266</v>
      </c>
      <c r="E46235" s="15">
        <v>45621</v>
      </c>
      <c r="F46235" s="14" t="s">
        <v>61</v>
      </c>
      <c r="G46235" s="16">
        <v>0</v>
      </c>
    </row>
    <row r="46236" spans="1:7" x14ac:dyDescent="0.3">
      <c r="A46236" s="13" t="s">
        <v>265</v>
      </c>
      <c r="B46236" s="14" t="s">
        <v>1</v>
      </c>
      <c r="C46236" s="14" t="s">
        <v>59</v>
      </c>
      <c r="D46236" s="14" t="s">
        <v>266</v>
      </c>
      <c r="E46236" s="15">
        <v>45622</v>
      </c>
      <c r="F46236" s="14" t="s">
        <v>61</v>
      </c>
      <c r="G46236" s="16">
        <v>0</v>
      </c>
    </row>
    <row r="46237" spans="1:7" x14ac:dyDescent="0.3">
      <c r="A46237" s="13" t="s">
        <v>265</v>
      </c>
      <c r="B46237" s="14" t="s">
        <v>1</v>
      </c>
      <c r="C46237" s="14" t="s">
        <v>59</v>
      </c>
      <c r="D46237" s="14" t="s">
        <v>266</v>
      </c>
      <c r="E46237" s="15">
        <v>45623</v>
      </c>
      <c r="F46237" s="14" t="s">
        <v>61</v>
      </c>
      <c r="G46237" s="16">
        <v>0</v>
      </c>
    </row>
    <row r="46238" spans="1:7" x14ac:dyDescent="0.3">
      <c r="A46238" s="13" t="s">
        <v>265</v>
      </c>
      <c r="B46238" s="14" t="s">
        <v>1</v>
      </c>
      <c r="C46238" s="14" t="s">
        <v>59</v>
      </c>
      <c r="D46238" s="14" t="s">
        <v>266</v>
      </c>
      <c r="E46238" s="15">
        <v>45624</v>
      </c>
      <c r="F46238" s="14" t="s">
        <v>61</v>
      </c>
      <c r="G46238" s="16">
        <v>0</v>
      </c>
    </row>
    <row r="46239" spans="1:7" x14ac:dyDescent="0.3">
      <c r="A46239" s="13" t="s">
        <v>265</v>
      </c>
      <c r="B46239" s="14" t="s">
        <v>1</v>
      </c>
      <c r="C46239" s="14" t="s">
        <v>59</v>
      </c>
      <c r="D46239" s="14" t="s">
        <v>266</v>
      </c>
      <c r="E46239" s="15">
        <v>45625</v>
      </c>
      <c r="F46239" s="14" t="s">
        <v>61</v>
      </c>
      <c r="G46239" s="16">
        <v>0</v>
      </c>
    </row>
    <row r="46240" spans="1:7" x14ac:dyDescent="0.3">
      <c r="A46240" s="13" t="s">
        <v>265</v>
      </c>
      <c r="B46240" s="14" t="s">
        <v>1</v>
      </c>
      <c r="C46240" s="14" t="s">
        <v>59</v>
      </c>
      <c r="D46240" s="14" t="s">
        <v>266</v>
      </c>
      <c r="E46240" s="15">
        <v>45626</v>
      </c>
      <c r="F46240" s="14" t="s">
        <v>61</v>
      </c>
      <c r="G46240" s="16">
        <v>0</v>
      </c>
    </row>
    <row r="46241" spans="1:7" x14ac:dyDescent="0.3">
      <c r="A46241" s="13" t="s">
        <v>265</v>
      </c>
      <c r="B46241" s="14" t="s">
        <v>1</v>
      </c>
      <c r="C46241" s="14" t="s">
        <v>59</v>
      </c>
      <c r="D46241" s="14" t="s">
        <v>266</v>
      </c>
      <c r="E46241" s="15">
        <v>45627</v>
      </c>
      <c r="F46241" s="14" t="s">
        <v>61</v>
      </c>
      <c r="G46241" s="16">
        <v>0</v>
      </c>
    </row>
    <row r="46242" spans="1:7" x14ac:dyDescent="0.3">
      <c r="A46242" s="13" t="s">
        <v>265</v>
      </c>
      <c r="B46242" s="14" t="s">
        <v>1</v>
      </c>
      <c r="C46242" s="14" t="s">
        <v>59</v>
      </c>
      <c r="D46242" s="14" t="s">
        <v>266</v>
      </c>
      <c r="E46242" s="15">
        <v>45628</v>
      </c>
      <c r="F46242" s="14" t="s">
        <v>61</v>
      </c>
      <c r="G46242" s="16">
        <v>0</v>
      </c>
    </row>
    <row r="46243" spans="1:7" x14ac:dyDescent="0.3">
      <c r="A46243" s="13" t="s">
        <v>265</v>
      </c>
      <c r="B46243" s="14" t="s">
        <v>1</v>
      </c>
      <c r="C46243" s="14" t="s">
        <v>59</v>
      </c>
      <c r="D46243" s="14" t="s">
        <v>266</v>
      </c>
      <c r="E46243" s="15">
        <v>45629</v>
      </c>
      <c r="F46243" s="14" t="s">
        <v>61</v>
      </c>
      <c r="G46243" s="16">
        <v>0</v>
      </c>
    </row>
    <row r="46244" spans="1:7" x14ac:dyDescent="0.3">
      <c r="A46244" s="13" t="s">
        <v>265</v>
      </c>
      <c r="B46244" s="14" t="s">
        <v>1</v>
      </c>
      <c r="C46244" s="14" t="s">
        <v>59</v>
      </c>
      <c r="D46244" s="14" t="s">
        <v>266</v>
      </c>
      <c r="E46244" s="15">
        <v>45630</v>
      </c>
      <c r="F46244" s="14" t="s">
        <v>61</v>
      </c>
      <c r="G46244" s="16">
        <v>0</v>
      </c>
    </row>
    <row r="46245" spans="1:7" x14ac:dyDescent="0.3">
      <c r="A46245" s="13" t="s">
        <v>265</v>
      </c>
      <c r="B46245" s="14" t="s">
        <v>1</v>
      </c>
      <c r="C46245" s="14" t="s">
        <v>59</v>
      </c>
      <c r="D46245" s="14" t="s">
        <v>266</v>
      </c>
      <c r="E46245" s="15">
        <v>45631</v>
      </c>
      <c r="F46245" s="14" t="s">
        <v>61</v>
      </c>
      <c r="G46245" s="16">
        <v>0</v>
      </c>
    </row>
    <row r="46246" spans="1:7" x14ac:dyDescent="0.3">
      <c r="A46246" s="13" t="s">
        <v>265</v>
      </c>
      <c r="B46246" s="14" t="s">
        <v>1</v>
      </c>
      <c r="C46246" s="14" t="s">
        <v>59</v>
      </c>
      <c r="D46246" s="14" t="s">
        <v>266</v>
      </c>
      <c r="E46246" s="15">
        <v>45632</v>
      </c>
      <c r="F46246" s="14" t="s">
        <v>61</v>
      </c>
      <c r="G46246" s="16">
        <v>0</v>
      </c>
    </row>
    <row r="46247" spans="1:7" x14ac:dyDescent="0.3">
      <c r="A46247" s="13" t="s">
        <v>265</v>
      </c>
      <c r="B46247" s="14" t="s">
        <v>1</v>
      </c>
      <c r="C46247" s="14" t="s">
        <v>59</v>
      </c>
      <c r="D46247" s="14" t="s">
        <v>266</v>
      </c>
      <c r="E46247" s="15">
        <v>45633</v>
      </c>
      <c r="F46247" s="14" t="s">
        <v>61</v>
      </c>
      <c r="G46247" s="16">
        <v>0</v>
      </c>
    </row>
    <row r="46248" spans="1:7" x14ac:dyDescent="0.3">
      <c r="A46248" s="13" t="s">
        <v>265</v>
      </c>
      <c r="B46248" s="14" t="s">
        <v>1</v>
      </c>
      <c r="C46248" s="14" t="s">
        <v>59</v>
      </c>
      <c r="D46248" s="14" t="s">
        <v>266</v>
      </c>
      <c r="E46248" s="15">
        <v>45634</v>
      </c>
      <c r="F46248" s="14" t="s">
        <v>61</v>
      </c>
      <c r="G46248" s="16">
        <v>0</v>
      </c>
    </row>
    <row r="46249" spans="1:7" x14ac:dyDescent="0.3">
      <c r="A46249" s="13" t="s">
        <v>265</v>
      </c>
      <c r="B46249" s="14" t="s">
        <v>1</v>
      </c>
      <c r="C46249" s="14" t="s">
        <v>59</v>
      </c>
      <c r="D46249" s="14" t="s">
        <v>266</v>
      </c>
      <c r="E46249" s="15">
        <v>45635</v>
      </c>
      <c r="F46249" s="14" t="s">
        <v>61</v>
      </c>
      <c r="G46249" s="16">
        <v>0</v>
      </c>
    </row>
    <row r="46250" spans="1:7" x14ac:dyDescent="0.3">
      <c r="A46250" s="13" t="s">
        <v>265</v>
      </c>
      <c r="B46250" s="14" t="s">
        <v>1</v>
      </c>
      <c r="C46250" s="14" t="s">
        <v>59</v>
      </c>
      <c r="D46250" s="14" t="s">
        <v>266</v>
      </c>
      <c r="E46250" s="15">
        <v>45636</v>
      </c>
      <c r="F46250" s="14" t="s">
        <v>61</v>
      </c>
      <c r="G46250" s="16">
        <v>0</v>
      </c>
    </row>
    <row r="46251" spans="1:7" x14ac:dyDescent="0.3">
      <c r="A46251" s="13" t="s">
        <v>265</v>
      </c>
      <c r="B46251" s="14" t="s">
        <v>1</v>
      </c>
      <c r="C46251" s="14" t="s">
        <v>59</v>
      </c>
      <c r="D46251" s="14" t="s">
        <v>266</v>
      </c>
      <c r="E46251" s="15">
        <v>45637</v>
      </c>
      <c r="F46251" s="14" t="s">
        <v>61</v>
      </c>
      <c r="G46251" s="16">
        <v>0</v>
      </c>
    </row>
    <row r="46252" spans="1:7" x14ac:dyDescent="0.3">
      <c r="A46252" s="13" t="s">
        <v>265</v>
      </c>
      <c r="B46252" s="14" t="s">
        <v>1</v>
      </c>
      <c r="C46252" s="14" t="s">
        <v>59</v>
      </c>
      <c r="D46252" s="14" t="s">
        <v>266</v>
      </c>
      <c r="E46252" s="15">
        <v>45638</v>
      </c>
      <c r="F46252" s="14" t="s">
        <v>61</v>
      </c>
      <c r="G46252" s="16">
        <v>0</v>
      </c>
    </row>
    <row r="46253" spans="1:7" x14ac:dyDescent="0.3">
      <c r="A46253" s="13" t="s">
        <v>265</v>
      </c>
      <c r="B46253" s="14" t="s">
        <v>1</v>
      </c>
      <c r="C46253" s="14" t="s">
        <v>59</v>
      </c>
      <c r="D46253" s="14" t="s">
        <v>266</v>
      </c>
      <c r="E46253" s="15">
        <v>45639</v>
      </c>
      <c r="F46253" s="14" t="s">
        <v>61</v>
      </c>
      <c r="G46253" s="16">
        <v>0</v>
      </c>
    </row>
    <row r="46254" spans="1:7" x14ac:dyDescent="0.3">
      <c r="A46254" s="13" t="s">
        <v>265</v>
      </c>
      <c r="B46254" s="14" t="s">
        <v>1</v>
      </c>
      <c r="C46254" s="14" t="s">
        <v>59</v>
      </c>
      <c r="D46254" s="14" t="s">
        <v>266</v>
      </c>
      <c r="E46254" s="15">
        <v>45640</v>
      </c>
      <c r="F46254" s="14" t="s">
        <v>61</v>
      </c>
      <c r="G46254" s="16">
        <v>0</v>
      </c>
    </row>
    <row r="46255" spans="1:7" x14ac:dyDescent="0.3">
      <c r="A46255" s="13" t="s">
        <v>265</v>
      </c>
      <c r="B46255" s="14" t="s">
        <v>1</v>
      </c>
      <c r="C46255" s="14" t="s">
        <v>59</v>
      </c>
      <c r="D46255" s="14" t="s">
        <v>266</v>
      </c>
      <c r="E46255" s="15">
        <v>45641</v>
      </c>
      <c r="F46255" s="14" t="s">
        <v>61</v>
      </c>
      <c r="G46255" s="16">
        <v>0</v>
      </c>
    </row>
    <row r="46256" spans="1:7" x14ac:dyDescent="0.3">
      <c r="A46256" s="13" t="s">
        <v>265</v>
      </c>
      <c r="B46256" s="14" t="s">
        <v>1</v>
      </c>
      <c r="C46256" s="14" t="s">
        <v>59</v>
      </c>
      <c r="D46256" s="14" t="s">
        <v>266</v>
      </c>
      <c r="E46256" s="15">
        <v>45642</v>
      </c>
      <c r="F46256" s="14" t="s">
        <v>61</v>
      </c>
      <c r="G46256" s="16">
        <v>0</v>
      </c>
    </row>
    <row r="46257" spans="1:7" x14ac:dyDescent="0.3">
      <c r="A46257" s="13" t="s">
        <v>265</v>
      </c>
      <c r="B46257" s="14" t="s">
        <v>1</v>
      </c>
      <c r="C46257" s="14" t="s">
        <v>59</v>
      </c>
      <c r="D46257" s="14" t="s">
        <v>266</v>
      </c>
      <c r="E46257" s="15">
        <v>45643</v>
      </c>
      <c r="F46257" s="14" t="s">
        <v>61</v>
      </c>
      <c r="G46257" s="16">
        <v>0</v>
      </c>
    </row>
    <row r="46258" spans="1:7" x14ac:dyDescent="0.3">
      <c r="A46258" s="13" t="s">
        <v>265</v>
      </c>
      <c r="B46258" s="14" t="s">
        <v>1</v>
      </c>
      <c r="C46258" s="14" t="s">
        <v>59</v>
      </c>
      <c r="D46258" s="14" t="s">
        <v>266</v>
      </c>
      <c r="E46258" s="15">
        <v>45644</v>
      </c>
      <c r="F46258" s="14" t="s">
        <v>61</v>
      </c>
      <c r="G46258" s="16">
        <v>0</v>
      </c>
    </row>
    <row r="46259" spans="1:7" x14ac:dyDescent="0.3">
      <c r="A46259" s="13" t="s">
        <v>265</v>
      </c>
      <c r="B46259" s="14" t="s">
        <v>1</v>
      </c>
      <c r="C46259" s="14" t="s">
        <v>59</v>
      </c>
      <c r="D46259" s="14" t="s">
        <v>266</v>
      </c>
      <c r="E46259" s="15">
        <v>45645</v>
      </c>
      <c r="F46259" s="14" t="s">
        <v>61</v>
      </c>
      <c r="G46259" s="16">
        <v>0</v>
      </c>
    </row>
    <row r="46260" spans="1:7" x14ac:dyDescent="0.3">
      <c r="A46260" s="13" t="s">
        <v>265</v>
      </c>
      <c r="B46260" s="14" t="s">
        <v>1</v>
      </c>
      <c r="C46260" s="14" t="s">
        <v>59</v>
      </c>
      <c r="D46260" s="14" t="s">
        <v>266</v>
      </c>
      <c r="E46260" s="15">
        <v>45646</v>
      </c>
      <c r="F46260" s="14" t="s">
        <v>61</v>
      </c>
      <c r="G46260" s="16">
        <v>0</v>
      </c>
    </row>
    <row r="46261" spans="1:7" x14ac:dyDescent="0.3">
      <c r="A46261" s="13" t="s">
        <v>265</v>
      </c>
      <c r="B46261" s="14" t="s">
        <v>1</v>
      </c>
      <c r="C46261" s="14" t="s">
        <v>59</v>
      </c>
      <c r="D46261" s="14" t="s">
        <v>266</v>
      </c>
      <c r="E46261" s="15">
        <v>45647</v>
      </c>
      <c r="F46261" s="14" t="s">
        <v>61</v>
      </c>
      <c r="G46261" s="16">
        <v>0</v>
      </c>
    </row>
    <row r="46262" spans="1:7" x14ac:dyDescent="0.3">
      <c r="A46262" s="13" t="s">
        <v>265</v>
      </c>
      <c r="B46262" s="14" t="s">
        <v>1</v>
      </c>
      <c r="C46262" s="14" t="s">
        <v>59</v>
      </c>
      <c r="D46262" s="14" t="s">
        <v>266</v>
      </c>
      <c r="E46262" s="15">
        <v>45648</v>
      </c>
      <c r="F46262" s="14" t="s">
        <v>61</v>
      </c>
      <c r="G46262" s="16">
        <v>0</v>
      </c>
    </row>
    <row r="46263" spans="1:7" x14ac:dyDescent="0.3">
      <c r="A46263" s="13" t="s">
        <v>265</v>
      </c>
      <c r="B46263" s="14" t="s">
        <v>1</v>
      </c>
      <c r="C46263" s="14" t="s">
        <v>59</v>
      </c>
      <c r="D46263" s="14" t="s">
        <v>266</v>
      </c>
      <c r="E46263" s="15">
        <v>45649</v>
      </c>
      <c r="F46263" s="14" t="s">
        <v>61</v>
      </c>
      <c r="G46263" s="16">
        <v>0</v>
      </c>
    </row>
    <row r="46264" spans="1:7" x14ac:dyDescent="0.3">
      <c r="A46264" s="13" t="s">
        <v>265</v>
      </c>
      <c r="B46264" s="14" t="s">
        <v>1</v>
      </c>
      <c r="C46264" s="14" t="s">
        <v>59</v>
      </c>
      <c r="D46264" s="14" t="s">
        <v>266</v>
      </c>
      <c r="E46264" s="15">
        <v>45650</v>
      </c>
      <c r="F46264" s="14" t="s">
        <v>61</v>
      </c>
      <c r="G46264" s="16">
        <v>0</v>
      </c>
    </row>
    <row r="46265" spans="1:7" x14ac:dyDescent="0.3">
      <c r="A46265" s="13" t="s">
        <v>265</v>
      </c>
      <c r="B46265" s="14" t="s">
        <v>1</v>
      </c>
      <c r="C46265" s="14" t="s">
        <v>59</v>
      </c>
      <c r="D46265" s="14" t="s">
        <v>266</v>
      </c>
      <c r="E46265" s="15">
        <v>45651</v>
      </c>
      <c r="F46265" s="14" t="s">
        <v>61</v>
      </c>
      <c r="G46265" s="16">
        <v>0</v>
      </c>
    </row>
    <row r="46266" spans="1:7" x14ac:dyDescent="0.3">
      <c r="A46266" s="13" t="s">
        <v>265</v>
      </c>
      <c r="B46266" s="14" t="s">
        <v>1</v>
      </c>
      <c r="C46266" s="14" t="s">
        <v>59</v>
      </c>
      <c r="D46266" s="14" t="s">
        <v>266</v>
      </c>
      <c r="E46266" s="15">
        <v>45652</v>
      </c>
      <c r="F46266" s="14" t="s">
        <v>61</v>
      </c>
      <c r="G46266" s="16">
        <v>0</v>
      </c>
    </row>
    <row r="46267" spans="1:7" x14ac:dyDescent="0.3">
      <c r="A46267" s="13" t="s">
        <v>265</v>
      </c>
      <c r="B46267" s="14" t="s">
        <v>1</v>
      </c>
      <c r="C46267" s="14" t="s">
        <v>59</v>
      </c>
      <c r="D46267" s="14" t="s">
        <v>266</v>
      </c>
      <c r="E46267" s="15">
        <v>45653</v>
      </c>
      <c r="F46267" s="14" t="s">
        <v>61</v>
      </c>
      <c r="G46267" s="16">
        <v>0</v>
      </c>
    </row>
    <row r="46268" spans="1:7" x14ac:dyDescent="0.3">
      <c r="A46268" s="13" t="s">
        <v>265</v>
      </c>
      <c r="B46268" s="14" t="s">
        <v>1</v>
      </c>
      <c r="C46268" s="14" t="s">
        <v>59</v>
      </c>
      <c r="D46268" s="14" t="s">
        <v>266</v>
      </c>
      <c r="E46268" s="15">
        <v>45654</v>
      </c>
      <c r="F46268" s="14" t="s">
        <v>61</v>
      </c>
      <c r="G46268" s="16">
        <v>0</v>
      </c>
    </row>
    <row r="46269" spans="1:7" x14ac:dyDescent="0.3">
      <c r="A46269" s="13" t="s">
        <v>265</v>
      </c>
      <c r="B46269" s="14" t="s">
        <v>1</v>
      </c>
      <c r="C46269" s="14" t="s">
        <v>59</v>
      </c>
      <c r="D46269" s="14" t="s">
        <v>266</v>
      </c>
      <c r="E46269" s="15">
        <v>45655</v>
      </c>
      <c r="F46269" s="14" t="s">
        <v>61</v>
      </c>
      <c r="G46269" s="16">
        <v>0</v>
      </c>
    </row>
    <row r="46270" spans="1:7" x14ac:dyDescent="0.3">
      <c r="A46270" s="13" t="s">
        <v>265</v>
      </c>
      <c r="B46270" s="14" t="s">
        <v>1</v>
      </c>
      <c r="C46270" s="14" t="s">
        <v>59</v>
      </c>
      <c r="D46270" s="14" t="s">
        <v>266</v>
      </c>
      <c r="E46270" s="15">
        <v>45656</v>
      </c>
      <c r="F46270" s="14" t="s">
        <v>61</v>
      </c>
      <c r="G46270" s="16">
        <v>0</v>
      </c>
    </row>
    <row r="46271" spans="1:7" x14ac:dyDescent="0.3">
      <c r="A46271" s="13" t="s">
        <v>265</v>
      </c>
      <c r="B46271" s="14" t="s">
        <v>1</v>
      </c>
      <c r="C46271" s="14" t="s">
        <v>59</v>
      </c>
      <c r="D46271" s="14" t="s">
        <v>266</v>
      </c>
      <c r="E46271" s="15">
        <v>45657</v>
      </c>
      <c r="F46271" s="14" t="s">
        <v>61</v>
      </c>
      <c r="G46271" s="16">
        <v>0</v>
      </c>
    </row>
    <row r="46272" spans="1:7" x14ac:dyDescent="0.3">
      <c r="A46272" s="13" t="s">
        <v>265</v>
      </c>
      <c r="B46272" s="14" t="s">
        <v>1</v>
      </c>
      <c r="C46272" s="14" t="s">
        <v>59</v>
      </c>
      <c r="D46272" s="14" t="s">
        <v>266</v>
      </c>
      <c r="E46272" s="15">
        <v>45658</v>
      </c>
      <c r="F46272" s="14" t="s">
        <v>61</v>
      </c>
      <c r="G46272" s="16">
        <v>0</v>
      </c>
    </row>
    <row r="46273" spans="1:7" x14ac:dyDescent="0.3">
      <c r="A46273" s="13" t="s">
        <v>265</v>
      </c>
      <c r="B46273" s="14" t="s">
        <v>1</v>
      </c>
      <c r="C46273" s="14" t="s">
        <v>59</v>
      </c>
      <c r="D46273" s="14" t="s">
        <v>266</v>
      </c>
      <c r="E46273" s="15">
        <v>45659</v>
      </c>
      <c r="F46273" s="14" t="s">
        <v>61</v>
      </c>
      <c r="G46273" s="16">
        <v>0</v>
      </c>
    </row>
    <row r="46274" spans="1:7" x14ac:dyDescent="0.3">
      <c r="A46274" s="13" t="s">
        <v>265</v>
      </c>
      <c r="B46274" s="14" t="s">
        <v>1</v>
      </c>
      <c r="C46274" s="14" t="s">
        <v>59</v>
      </c>
      <c r="D46274" s="14" t="s">
        <v>266</v>
      </c>
      <c r="E46274" s="15">
        <v>45660</v>
      </c>
      <c r="F46274" s="14" t="s">
        <v>61</v>
      </c>
      <c r="G46274" s="16">
        <v>0</v>
      </c>
    </row>
    <row r="46275" spans="1:7" x14ac:dyDescent="0.3">
      <c r="A46275" s="13" t="s">
        <v>265</v>
      </c>
      <c r="B46275" s="14" t="s">
        <v>1</v>
      </c>
      <c r="C46275" s="14" t="s">
        <v>59</v>
      </c>
      <c r="D46275" s="14" t="s">
        <v>266</v>
      </c>
      <c r="E46275" s="15">
        <v>45661</v>
      </c>
      <c r="F46275" s="14" t="s">
        <v>61</v>
      </c>
      <c r="G46275" s="16">
        <v>0</v>
      </c>
    </row>
    <row r="46276" spans="1:7" x14ac:dyDescent="0.3">
      <c r="A46276" s="13" t="s">
        <v>265</v>
      </c>
      <c r="B46276" s="14" t="s">
        <v>1</v>
      </c>
      <c r="C46276" s="14" t="s">
        <v>59</v>
      </c>
      <c r="D46276" s="14" t="s">
        <v>266</v>
      </c>
      <c r="E46276" s="15">
        <v>45662</v>
      </c>
      <c r="F46276" s="14" t="s">
        <v>61</v>
      </c>
      <c r="G46276" s="16">
        <v>0</v>
      </c>
    </row>
    <row r="46277" spans="1:7" x14ac:dyDescent="0.3">
      <c r="A46277" s="13" t="s">
        <v>265</v>
      </c>
      <c r="B46277" s="14" t="s">
        <v>1</v>
      </c>
      <c r="C46277" s="14" t="s">
        <v>59</v>
      </c>
      <c r="D46277" s="14" t="s">
        <v>266</v>
      </c>
      <c r="E46277" s="15">
        <v>45663</v>
      </c>
      <c r="F46277" s="14" t="s">
        <v>61</v>
      </c>
      <c r="G46277" s="16">
        <v>0</v>
      </c>
    </row>
    <row r="46278" spans="1:7" x14ac:dyDescent="0.3">
      <c r="A46278" s="13" t="s">
        <v>265</v>
      </c>
      <c r="B46278" s="14" t="s">
        <v>1</v>
      </c>
      <c r="C46278" s="14" t="s">
        <v>59</v>
      </c>
      <c r="D46278" s="14" t="s">
        <v>266</v>
      </c>
      <c r="E46278" s="15">
        <v>45664</v>
      </c>
      <c r="F46278" s="14" t="s">
        <v>61</v>
      </c>
      <c r="G46278" s="16">
        <v>0</v>
      </c>
    </row>
    <row r="46279" spans="1:7" x14ac:dyDescent="0.3">
      <c r="A46279" s="13" t="s">
        <v>265</v>
      </c>
      <c r="B46279" s="14" t="s">
        <v>1</v>
      </c>
      <c r="C46279" s="14" t="s">
        <v>59</v>
      </c>
      <c r="D46279" s="14" t="s">
        <v>266</v>
      </c>
      <c r="E46279" s="15">
        <v>45665</v>
      </c>
      <c r="F46279" s="14" t="s">
        <v>61</v>
      </c>
      <c r="G46279" s="16">
        <v>0</v>
      </c>
    </row>
    <row r="46280" spans="1:7" x14ac:dyDescent="0.3">
      <c r="A46280" s="13" t="s">
        <v>265</v>
      </c>
      <c r="B46280" s="14" t="s">
        <v>1</v>
      </c>
      <c r="C46280" s="14" t="s">
        <v>59</v>
      </c>
      <c r="D46280" s="14" t="s">
        <v>266</v>
      </c>
      <c r="E46280" s="15">
        <v>45666</v>
      </c>
      <c r="F46280" s="14" t="s">
        <v>61</v>
      </c>
      <c r="G46280" s="16">
        <v>0</v>
      </c>
    </row>
    <row r="46281" spans="1:7" x14ac:dyDescent="0.3">
      <c r="A46281" s="13" t="s">
        <v>265</v>
      </c>
      <c r="B46281" s="14" t="s">
        <v>1</v>
      </c>
      <c r="C46281" s="14" t="s">
        <v>59</v>
      </c>
      <c r="D46281" s="14" t="s">
        <v>266</v>
      </c>
      <c r="E46281" s="15">
        <v>45667</v>
      </c>
      <c r="F46281" s="14" t="s">
        <v>61</v>
      </c>
      <c r="G46281" s="16">
        <v>0</v>
      </c>
    </row>
    <row r="46282" spans="1:7" x14ac:dyDescent="0.3">
      <c r="A46282" s="13" t="s">
        <v>265</v>
      </c>
      <c r="B46282" s="14" t="s">
        <v>1</v>
      </c>
      <c r="C46282" s="14" t="s">
        <v>59</v>
      </c>
      <c r="D46282" s="14" t="s">
        <v>266</v>
      </c>
      <c r="E46282" s="15">
        <v>45668</v>
      </c>
      <c r="F46282" s="14" t="s">
        <v>61</v>
      </c>
      <c r="G46282" s="16">
        <v>0</v>
      </c>
    </row>
    <row r="46283" spans="1:7" x14ac:dyDescent="0.3">
      <c r="A46283" s="13" t="s">
        <v>265</v>
      </c>
      <c r="B46283" s="14" t="s">
        <v>1</v>
      </c>
      <c r="C46283" s="14" t="s">
        <v>59</v>
      </c>
      <c r="D46283" s="14" t="s">
        <v>266</v>
      </c>
      <c r="E46283" s="15">
        <v>45669</v>
      </c>
      <c r="F46283" s="14" t="s">
        <v>61</v>
      </c>
      <c r="G46283" s="16">
        <v>0</v>
      </c>
    </row>
    <row r="46284" spans="1:7" x14ac:dyDescent="0.3">
      <c r="A46284" s="13" t="s">
        <v>265</v>
      </c>
      <c r="B46284" s="14" t="s">
        <v>1</v>
      </c>
      <c r="C46284" s="14" t="s">
        <v>59</v>
      </c>
      <c r="D46284" s="14" t="s">
        <v>266</v>
      </c>
      <c r="E46284" s="15">
        <v>45670</v>
      </c>
      <c r="F46284" s="14" t="s">
        <v>61</v>
      </c>
      <c r="G46284" s="16">
        <v>0</v>
      </c>
    </row>
    <row r="46285" spans="1:7" x14ac:dyDescent="0.3">
      <c r="A46285" s="13" t="s">
        <v>265</v>
      </c>
      <c r="B46285" s="14" t="s">
        <v>1</v>
      </c>
      <c r="C46285" s="14" t="s">
        <v>59</v>
      </c>
      <c r="D46285" s="14" t="s">
        <v>266</v>
      </c>
      <c r="E46285" s="15">
        <v>45671</v>
      </c>
      <c r="F46285" s="14" t="s">
        <v>61</v>
      </c>
      <c r="G46285" s="16">
        <v>0</v>
      </c>
    </row>
    <row r="46286" spans="1:7" x14ac:dyDescent="0.3">
      <c r="A46286" s="13" t="s">
        <v>265</v>
      </c>
      <c r="B46286" s="14" t="s">
        <v>1</v>
      </c>
      <c r="C46286" s="14" t="s">
        <v>59</v>
      </c>
      <c r="D46286" s="14" t="s">
        <v>266</v>
      </c>
      <c r="E46286" s="15">
        <v>45672</v>
      </c>
      <c r="F46286" s="14" t="s">
        <v>61</v>
      </c>
      <c r="G46286" s="16">
        <v>0</v>
      </c>
    </row>
    <row r="46287" spans="1:7" x14ac:dyDescent="0.3">
      <c r="A46287" s="13" t="s">
        <v>265</v>
      </c>
      <c r="B46287" s="14" t="s">
        <v>1</v>
      </c>
      <c r="C46287" s="14" t="s">
        <v>59</v>
      </c>
      <c r="D46287" s="14" t="s">
        <v>266</v>
      </c>
      <c r="E46287" s="15">
        <v>45673</v>
      </c>
      <c r="F46287" s="14" t="s">
        <v>61</v>
      </c>
      <c r="G46287" s="16">
        <v>0</v>
      </c>
    </row>
    <row r="46288" spans="1:7" x14ac:dyDescent="0.3">
      <c r="A46288" s="13" t="s">
        <v>265</v>
      </c>
      <c r="B46288" s="14" t="s">
        <v>1</v>
      </c>
      <c r="C46288" s="14" t="s">
        <v>59</v>
      </c>
      <c r="D46288" s="14" t="s">
        <v>266</v>
      </c>
      <c r="E46288" s="15">
        <v>45674</v>
      </c>
      <c r="F46288" s="14" t="s">
        <v>61</v>
      </c>
      <c r="G46288" s="16">
        <v>0</v>
      </c>
    </row>
    <row r="46289" spans="1:7" x14ac:dyDescent="0.3">
      <c r="A46289" s="13" t="s">
        <v>265</v>
      </c>
      <c r="B46289" s="14" t="s">
        <v>1</v>
      </c>
      <c r="C46289" s="14" t="s">
        <v>59</v>
      </c>
      <c r="D46289" s="14" t="s">
        <v>266</v>
      </c>
      <c r="E46289" s="15">
        <v>45675</v>
      </c>
      <c r="F46289" s="14" t="s">
        <v>61</v>
      </c>
      <c r="G46289" s="16">
        <v>0</v>
      </c>
    </row>
    <row r="46290" spans="1:7" x14ac:dyDescent="0.3">
      <c r="A46290" s="13" t="s">
        <v>265</v>
      </c>
      <c r="B46290" s="14" t="s">
        <v>1</v>
      </c>
      <c r="C46290" s="14" t="s">
        <v>59</v>
      </c>
      <c r="D46290" s="14" t="s">
        <v>266</v>
      </c>
      <c r="E46290" s="15">
        <v>45676</v>
      </c>
      <c r="F46290" s="14" t="s">
        <v>61</v>
      </c>
      <c r="G46290" s="16">
        <v>0</v>
      </c>
    </row>
    <row r="46291" spans="1:7" x14ac:dyDescent="0.3">
      <c r="A46291" s="13" t="s">
        <v>265</v>
      </c>
      <c r="B46291" s="14" t="s">
        <v>1</v>
      </c>
      <c r="C46291" s="14" t="s">
        <v>59</v>
      </c>
      <c r="D46291" s="14" t="s">
        <v>266</v>
      </c>
      <c r="E46291" s="15">
        <v>45677</v>
      </c>
      <c r="F46291" s="14" t="s">
        <v>61</v>
      </c>
      <c r="G46291" s="16">
        <v>0</v>
      </c>
    </row>
    <row r="46292" spans="1:7" x14ac:dyDescent="0.3">
      <c r="A46292" s="13" t="s">
        <v>265</v>
      </c>
      <c r="B46292" s="14" t="s">
        <v>1</v>
      </c>
      <c r="C46292" s="14" t="s">
        <v>59</v>
      </c>
      <c r="D46292" s="14" t="s">
        <v>266</v>
      </c>
      <c r="E46292" s="15">
        <v>45678</v>
      </c>
      <c r="F46292" s="14" t="s">
        <v>61</v>
      </c>
      <c r="G46292" s="16">
        <v>0</v>
      </c>
    </row>
    <row r="46293" spans="1:7" x14ac:dyDescent="0.3">
      <c r="A46293" s="13" t="s">
        <v>265</v>
      </c>
      <c r="B46293" s="14" t="s">
        <v>1</v>
      </c>
      <c r="C46293" s="14" t="s">
        <v>59</v>
      </c>
      <c r="D46293" s="14" t="s">
        <v>266</v>
      </c>
      <c r="E46293" s="15">
        <v>45679</v>
      </c>
      <c r="F46293" s="14" t="s">
        <v>61</v>
      </c>
      <c r="G46293" s="16">
        <v>0</v>
      </c>
    </row>
    <row r="46294" spans="1:7" x14ac:dyDescent="0.3">
      <c r="A46294" s="13" t="s">
        <v>265</v>
      </c>
      <c r="B46294" s="14" t="s">
        <v>1</v>
      </c>
      <c r="C46294" s="14" t="s">
        <v>59</v>
      </c>
      <c r="D46294" s="14" t="s">
        <v>266</v>
      </c>
      <c r="E46294" s="15">
        <v>45680</v>
      </c>
      <c r="F46294" s="14" t="s">
        <v>61</v>
      </c>
      <c r="G46294" s="16">
        <v>0</v>
      </c>
    </row>
    <row r="46295" spans="1:7" x14ac:dyDescent="0.3">
      <c r="A46295" s="13" t="s">
        <v>265</v>
      </c>
      <c r="B46295" s="14" t="s">
        <v>1</v>
      </c>
      <c r="C46295" s="14" t="s">
        <v>59</v>
      </c>
      <c r="D46295" s="14" t="s">
        <v>266</v>
      </c>
      <c r="E46295" s="15">
        <v>45681</v>
      </c>
      <c r="F46295" s="14" t="s">
        <v>61</v>
      </c>
      <c r="G46295" s="16">
        <v>0</v>
      </c>
    </row>
    <row r="46296" spans="1:7" x14ac:dyDescent="0.3">
      <c r="A46296" s="13" t="s">
        <v>265</v>
      </c>
      <c r="B46296" s="14" t="s">
        <v>1</v>
      </c>
      <c r="C46296" s="14" t="s">
        <v>59</v>
      </c>
      <c r="D46296" s="14" t="s">
        <v>266</v>
      </c>
      <c r="E46296" s="15">
        <v>45682</v>
      </c>
      <c r="F46296" s="14" t="s">
        <v>61</v>
      </c>
      <c r="G46296" s="16">
        <v>0</v>
      </c>
    </row>
    <row r="46297" spans="1:7" x14ac:dyDescent="0.3">
      <c r="A46297" s="13" t="s">
        <v>265</v>
      </c>
      <c r="B46297" s="14" t="s">
        <v>1</v>
      </c>
      <c r="C46297" s="14" t="s">
        <v>59</v>
      </c>
      <c r="D46297" s="14" t="s">
        <v>266</v>
      </c>
      <c r="E46297" s="15">
        <v>45683</v>
      </c>
      <c r="F46297" s="14" t="s">
        <v>61</v>
      </c>
      <c r="G46297" s="16">
        <v>0</v>
      </c>
    </row>
    <row r="46298" spans="1:7" x14ac:dyDescent="0.3">
      <c r="A46298" s="13" t="s">
        <v>265</v>
      </c>
      <c r="B46298" s="14" t="s">
        <v>1</v>
      </c>
      <c r="C46298" s="14" t="s">
        <v>59</v>
      </c>
      <c r="D46298" s="14" t="s">
        <v>266</v>
      </c>
      <c r="E46298" s="15">
        <v>45684</v>
      </c>
      <c r="F46298" s="14" t="s">
        <v>61</v>
      </c>
      <c r="G46298" s="16">
        <v>0</v>
      </c>
    </row>
    <row r="46299" spans="1:7" x14ac:dyDescent="0.3">
      <c r="A46299" s="13" t="s">
        <v>265</v>
      </c>
      <c r="B46299" s="14" t="s">
        <v>1</v>
      </c>
      <c r="C46299" s="14" t="s">
        <v>59</v>
      </c>
      <c r="D46299" s="14" t="s">
        <v>266</v>
      </c>
      <c r="E46299" s="15">
        <v>45685</v>
      </c>
      <c r="F46299" s="14" t="s">
        <v>61</v>
      </c>
      <c r="G46299" s="16">
        <v>0</v>
      </c>
    </row>
    <row r="46300" spans="1:7" x14ac:dyDescent="0.3">
      <c r="A46300" s="13" t="s">
        <v>265</v>
      </c>
      <c r="B46300" s="14" t="s">
        <v>1</v>
      </c>
      <c r="C46300" s="14" t="s">
        <v>59</v>
      </c>
      <c r="D46300" s="14" t="s">
        <v>266</v>
      </c>
      <c r="E46300" s="15">
        <v>45686</v>
      </c>
      <c r="F46300" s="14" t="s">
        <v>61</v>
      </c>
      <c r="G46300" s="16">
        <v>0</v>
      </c>
    </row>
    <row r="46301" spans="1:7" x14ac:dyDescent="0.3">
      <c r="A46301" s="13" t="s">
        <v>265</v>
      </c>
      <c r="B46301" s="14" t="s">
        <v>1</v>
      </c>
      <c r="C46301" s="14" t="s">
        <v>59</v>
      </c>
      <c r="D46301" s="14" t="s">
        <v>266</v>
      </c>
      <c r="E46301" s="15">
        <v>45687</v>
      </c>
      <c r="F46301" s="14" t="s">
        <v>61</v>
      </c>
      <c r="G46301" s="16">
        <v>0</v>
      </c>
    </row>
    <row r="46302" spans="1:7" x14ac:dyDescent="0.3">
      <c r="A46302" s="13" t="s">
        <v>265</v>
      </c>
      <c r="B46302" s="14" t="s">
        <v>1</v>
      </c>
      <c r="C46302" s="14" t="s">
        <v>59</v>
      </c>
      <c r="D46302" s="14" t="s">
        <v>266</v>
      </c>
      <c r="E46302" s="15">
        <v>45688</v>
      </c>
      <c r="F46302" s="14" t="s">
        <v>61</v>
      </c>
      <c r="G46302" s="16">
        <v>0</v>
      </c>
    </row>
    <row r="46303" spans="1:7" x14ac:dyDescent="0.3">
      <c r="A46303" s="13" t="s">
        <v>265</v>
      </c>
      <c r="B46303" s="14" t="s">
        <v>1</v>
      </c>
      <c r="C46303" s="14" t="s">
        <v>59</v>
      </c>
      <c r="D46303" s="14" t="s">
        <v>266</v>
      </c>
      <c r="E46303" s="15">
        <v>45689</v>
      </c>
      <c r="F46303" s="14" t="s">
        <v>61</v>
      </c>
      <c r="G46303" s="16">
        <v>0</v>
      </c>
    </row>
    <row r="46304" spans="1:7" x14ac:dyDescent="0.3">
      <c r="A46304" s="13" t="s">
        <v>265</v>
      </c>
      <c r="B46304" s="14" t="s">
        <v>1</v>
      </c>
      <c r="C46304" s="14" t="s">
        <v>59</v>
      </c>
      <c r="D46304" s="14" t="s">
        <v>266</v>
      </c>
      <c r="E46304" s="15">
        <v>45690</v>
      </c>
      <c r="F46304" s="14" t="s">
        <v>61</v>
      </c>
      <c r="G46304" s="16">
        <v>0</v>
      </c>
    </row>
    <row r="46305" spans="1:7" x14ac:dyDescent="0.3">
      <c r="A46305" s="13" t="s">
        <v>265</v>
      </c>
      <c r="B46305" s="14" t="s">
        <v>1</v>
      </c>
      <c r="C46305" s="14" t="s">
        <v>59</v>
      </c>
      <c r="D46305" s="14" t="s">
        <v>266</v>
      </c>
      <c r="E46305" s="15">
        <v>45691</v>
      </c>
      <c r="F46305" s="14" t="s">
        <v>61</v>
      </c>
      <c r="G46305" s="16">
        <v>0</v>
      </c>
    </row>
    <row r="46306" spans="1:7" x14ac:dyDescent="0.3">
      <c r="A46306" s="13" t="s">
        <v>265</v>
      </c>
      <c r="B46306" s="14" t="s">
        <v>1</v>
      </c>
      <c r="C46306" s="14" t="s">
        <v>59</v>
      </c>
      <c r="D46306" s="14" t="s">
        <v>266</v>
      </c>
      <c r="E46306" s="15">
        <v>45692</v>
      </c>
      <c r="F46306" s="14" t="s">
        <v>61</v>
      </c>
      <c r="G46306" s="16">
        <v>0</v>
      </c>
    </row>
    <row r="46307" spans="1:7" x14ac:dyDescent="0.3">
      <c r="A46307" s="13" t="s">
        <v>265</v>
      </c>
      <c r="B46307" s="14" t="s">
        <v>1</v>
      </c>
      <c r="C46307" s="14" t="s">
        <v>59</v>
      </c>
      <c r="D46307" s="14" t="s">
        <v>266</v>
      </c>
      <c r="E46307" s="15">
        <v>45693</v>
      </c>
      <c r="F46307" s="14" t="s">
        <v>61</v>
      </c>
      <c r="G46307" s="16">
        <v>0</v>
      </c>
    </row>
    <row r="46308" spans="1:7" x14ac:dyDescent="0.3">
      <c r="A46308" s="13" t="s">
        <v>265</v>
      </c>
      <c r="B46308" s="14" t="s">
        <v>1</v>
      </c>
      <c r="C46308" s="14" t="s">
        <v>59</v>
      </c>
      <c r="D46308" s="14" t="s">
        <v>266</v>
      </c>
      <c r="E46308" s="15">
        <v>45694</v>
      </c>
      <c r="F46308" s="14" t="s">
        <v>61</v>
      </c>
      <c r="G46308" s="16">
        <v>0</v>
      </c>
    </row>
    <row r="46309" spans="1:7" x14ac:dyDescent="0.3">
      <c r="A46309" s="13" t="s">
        <v>265</v>
      </c>
      <c r="B46309" s="14" t="s">
        <v>1</v>
      </c>
      <c r="C46309" s="14" t="s">
        <v>59</v>
      </c>
      <c r="D46309" s="14" t="s">
        <v>266</v>
      </c>
      <c r="E46309" s="15">
        <v>45695</v>
      </c>
      <c r="F46309" s="14" t="s">
        <v>61</v>
      </c>
      <c r="G46309" s="16">
        <v>0</v>
      </c>
    </row>
    <row r="46310" spans="1:7" x14ac:dyDescent="0.3">
      <c r="A46310" s="13" t="s">
        <v>265</v>
      </c>
      <c r="B46310" s="14" t="s">
        <v>1</v>
      </c>
      <c r="C46310" s="14" t="s">
        <v>59</v>
      </c>
      <c r="D46310" s="14" t="s">
        <v>266</v>
      </c>
      <c r="E46310" s="15">
        <v>45696</v>
      </c>
      <c r="F46310" s="14" t="s">
        <v>61</v>
      </c>
      <c r="G46310" s="16">
        <v>0</v>
      </c>
    </row>
    <row r="46311" spans="1:7" x14ac:dyDescent="0.3">
      <c r="A46311" s="13" t="s">
        <v>265</v>
      </c>
      <c r="B46311" s="14" t="s">
        <v>1</v>
      </c>
      <c r="C46311" s="14" t="s">
        <v>59</v>
      </c>
      <c r="D46311" s="14" t="s">
        <v>266</v>
      </c>
      <c r="E46311" s="15">
        <v>45697</v>
      </c>
      <c r="F46311" s="14" t="s">
        <v>61</v>
      </c>
      <c r="G46311" s="16">
        <v>0</v>
      </c>
    </row>
    <row r="46312" spans="1:7" x14ac:dyDescent="0.3">
      <c r="A46312" s="13" t="s">
        <v>265</v>
      </c>
      <c r="B46312" s="14" t="s">
        <v>1</v>
      </c>
      <c r="C46312" s="14" t="s">
        <v>59</v>
      </c>
      <c r="D46312" s="14" t="s">
        <v>266</v>
      </c>
      <c r="E46312" s="15">
        <v>45698</v>
      </c>
      <c r="F46312" s="14" t="s">
        <v>61</v>
      </c>
      <c r="G46312" s="16">
        <v>0</v>
      </c>
    </row>
    <row r="46313" spans="1:7" x14ac:dyDescent="0.3">
      <c r="A46313" s="13" t="s">
        <v>265</v>
      </c>
      <c r="B46313" s="14" t="s">
        <v>1</v>
      </c>
      <c r="C46313" s="14" t="s">
        <v>59</v>
      </c>
      <c r="D46313" s="14" t="s">
        <v>266</v>
      </c>
      <c r="E46313" s="15">
        <v>45699</v>
      </c>
      <c r="F46313" s="14" t="s">
        <v>61</v>
      </c>
      <c r="G46313" s="16">
        <v>0</v>
      </c>
    </row>
    <row r="46314" spans="1:7" x14ac:dyDescent="0.3">
      <c r="A46314" s="13" t="s">
        <v>265</v>
      </c>
      <c r="B46314" s="14" t="s">
        <v>1</v>
      </c>
      <c r="C46314" s="14" t="s">
        <v>59</v>
      </c>
      <c r="D46314" s="14" t="s">
        <v>266</v>
      </c>
      <c r="E46314" s="15">
        <v>45700</v>
      </c>
      <c r="F46314" s="14" t="s">
        <v>61</v>
      </c>
      <c r="G46314" s="16">
        <v>0</v>
      </c>
    </row>
    <row r="46315" spans="1:7" x14ac:dyDescent="0.3">
      <c r="A46315" s="13" t="s">
        <v>265</v>
      </c>
      <c r="B46315" s="14" t="s">
        <v>1</v>
      </c>
      <c r="C46315" s="14" t="s">
        <v>59</v>
      </c>
      <c r="D46315" s="14" t="s">
        <v>266</v>
      </c>
      <c r="E46315" s="15">
        <v>45701</v>
      </c>
      <c r="F46315" s="14" t="s">
        <v>61</v>
      </c>
      <c r="G46315" s="16">
        <v>0</v>
      </c>
    </row>
    <row r="46316" spans="1:7" x14ac:dyDescent="0.3">
      <c r="A46316" s="13" t="s">
        <v>265</v>
      </c>
      <c r="B46316" s="14" t="s">
        <v>1</v>
      </c>
      <c r="C46316" s="14" t="s">
        <v>59</v>
      </c>
      <c r="D46316" s="14" t="s">
        <v>266</v>
      </c>
      <c r="E46316" s="15">
        <v>45702</v>
      </c>
      <c r="F46316" s="14" t="s">
        <v>61</v>
      </c>
      <c r="G46316" s="16">
        <v>0</v>
      </c>
    </row>
    <row r="46317" spans="1:7" x14ac:dyDescent="0.3">
      <c r="A46317" s="13" t="s">
        <v>265</v>
      </c>
      <c r="B46317" s="14" t="s">
        <v>1</v>
      </c>
      <c r="C46317" s="14" t="s">
        <v>59</v>
      </c>
      <c r="D46317" s="14" t="s">
        <v>266</v>
      </c>
      <c r="E46317" s="15">
        <v>45703</v>
      </c>
      <c r="F46317" s="14" t="s">
        <v>61</v>
      </c>
      <c r="G46317" s="16">
        <v>0</v>
      </c>
    </row>
    <row r="46318" spans="1:7" x14ac:dyDescent="0.3">
      <c r="A46318" s="13" t="s">
        <v>265</v>
      </c>
      <c r="B46318" s="14" t="s">
        <v>1</v>
      </c>
      <c r="C46318" s="14" t="s">
        <v>59</v>
      </c>
      <c r="D46318" s="14" t="s">
        <v>266</v>
      </c>
      <c r="E46318" s="15">
        <v>45704</v>
      </c>
      <c r="F46318" s="14" t="s">
        <v>61</v>
      </c>
      <c r="G46318" s="16">
        <v>0</v>
      </c>
    </row>
    <row r="46319" spans="1:7" x14ac:dyDescent="0.3">
      <c r="A46319" s="13" t="s">
        <v>265</v>
      </c>
      <c r="B46319" s="14" t="s">
        <v>1</v>
      </c>
      <c r="C46319" s="14" t="s">
        <v>59</v>
      </c>
      <c r="D46319" s="14" t="s">
        <v>266</v>
      </c>
      <c r="E46319" s="15">
        <v>45705</v>
      </c>
      <c r="F46319" s="14" t="s">
        <v>61</v>
      </c>
      <c r="G46319" s="16">
        <v>0</v>
      </c>
    </row>
    <row r="46320" spans="1:7" x14ac:dyDescent="0.3">
      <c r="A46320" s="13" t="s">
        <v>265</v>
      </c>
      <c r="B46320" s="14" t="s">
        <v>1</v>
      </c>
      <c r="C46320" s="14" t="s">
        <v>59</v>
      </c>
      <c r="D46320" s="14" t="s">
        <v>266</v>
      </c>
      <c r="E46320" s="15">
        <v>45706</v>
      </c>
      <c r="F46320" s="14" t="s">
        <v>61</v>
      </c>
      <c r="G46320" s="16">
        <v>0</v>
      </c>
    </row>
    <row r="46321" spans="1:7" x14ac:dyDescent="0.3">
      <c r="A46321" s="13" t="s">
        <v>265</v>
      </c>
      <c r="B46321" s="14" t="s">
        <v>1</v>
      </c>
      <c r="C46321" s="14" t="s">
        <v>59</v>
      </c>
      <c r="D46321" s="14" t="s">
        <v>266</v>
      </c>
      <c r="E46321" s="15">
        <v>45707</v>
      </c>
      <c r="F46321" s="14" t="s">
        <v>61</v>
      </c>
      <c r="G46321" s="16">
        <v>0</v>
      </c>
    </row>
    <row r="46322" spans="1:7" x14ac:dyDescent="0.3">
      <c r="A46322" s="13" t="s">
        <v>265</v>
      </c>
      <c r="B46322" s="14" t="s">
        <v>1</v>
      </c>
      <c r="C46322" s="14" t="s">
        <v>59</v>
      </c>
      <c r="D46322" s="14" t="s">
        <v>266</v>
      </c>
      <c r="E46322" s="15">
        <v>45708</v>
      </c>
      <c r="F46322" s="14" t="s">
        <v>61</v>
      </c>
      <c r="G46322" s="16">
        <v>0</v>
      </c>
    </row>
    <row r="46323" spans="1:7" x14ac:dyDescent="0.3">
      <c r="A46323" s="13" t="s">
        <v>265</v>
      </c>
      <c r="B46323" s="14" t="s">
        <v>1</v>
      </c>
      <c r="C46323" s="14" t="s">
        <v>59</v>
      </c>
      <c r="D46323" s="14" t="s">
        <v>266</v>
      </c>
      <c r="E46323" s="15">
        <v>45709</v>
      </c>
      <c r="F46323" s="14" t="s">
        <v>61</v>
      </c>
      <c r="G46323" s="16">
        <v>0</v>
      </c>
    </row>
    <row r="46324" spans="1:7" x14ac:dyDescent="0.3">
      <c r="A46324" s="13" t="s">
        <v>265</v>
      </c>
      <c r="B46324" s="14" t="s">
        <v>1</v>
      </c>
      <c r="C46324" s="14" t="s">
        <v>59</v>
      </c>
      <c r="D46324" s="14" t="s">
        <v>266</v>
      </c>
      <c r="E46324" s="15">
        <v>45710</v>
      </c>
      <c r="F46324" s="14" t="s">
        <v>61</v>
      </c>
      <c r="G46324" s="16">
        <v>0</v>
      </c>
    </row>
    <row r="46325" spans="1:7" x14ac:dyDescent="0.3">
      <c r="A46325" s="13" t="s">
        <v>265</v>
      </c>
      <c r="B46325" s="14" t="s">
        <v>1</v>
      </c>
      <c r="C46325" s="14" t="s">
        <v>59</v>
      </c>
      <c r="D46325" s="14" t="s">
        <v>266</v>
      </c>
      <c r="E46325" s="15">
        <v>45711</v>
      </c>
      <c r="F46325" s="14" t="s">
        <v>61</v>
      </c>
      <c r="G46325" s="16">
        <v>0</v>
      </c>
    </row>
    <row r="46326" spans="1:7" x14ac:dyDescent="0.3">
      <c r="A46326" s="13" t="s">
        <v>265</v>
      </c>
      <c r="B46326" s="14" t="s">
        <v>1</v>
      </c>
      <c r="C46326" s="14" t="s">
        <v>59</v>
      </c>
      <c r="D46326" s="14" t="s">
        <v>266</v>
      </c>
      <c r="E46326" s="15">
        <v>45712</v>
      </c>
      <c r="F46326" s="14" t="s">
        <v>61</v>
      </c>
      <c r="G46326" s="16">
        <v>0</v>
      </c>
    </row>
    <row r="46327" spans="1:7" x14ac:dyDescent="0.3">
      <c r="A46327" s="13" t="s">
        <v>265</v>
      </c>
      <c r="B46327" s="14" t="s">
        <v>1</v>
      </c>
      <c r="C46327" s="14" t="s">
        <v>59</v>
      </c>
      <c r="D46327" s="14" t="s">
        <v>266</v>
      </c>
      <c r="E46327" s="15">
        <v>45713</v>
      </c>
      <c r="F46327" s="14" t="s">
        <v>61</v>
      </c>
      <c r="G46327" s="16">
        <v>0</v>
      </c>
    </row>
    <row r="46328" spans="1:7" x14ac:dyDescent="0.3">
      <c r="A46328" s="13" t="s">
        <v>265</v>
      </c>
      <c r="B46328" s="14" t="s">
        <v>1</v>
      </c>
      <c r="C46328" s="14" t="s">
        <v>59</v>
      </c>
      <c r="D46328" s="14" t="s">
        <v>266</v>
      </c>
      <c r="E46328" s="15">
        <v>45714</v>
      </c>
      <c r="F46328" s="14" t="s">
        <v>61</v>
      </c>
      <c r="G46328" s="16">
        <v>0</v>
      </c>
    </row>
    <row r="46329" spans="1:7" x14ac:dyDescent="0.3">
      <c r="A46329" s="13" t="s">
        <v>265</v>
      </c>
      <c r="B46329" s="14" t="s">
        <v>1</v>
      </c>
      <c r="C46329" s="14" t="s">
        <v>59</v>
      </c>
      <c r="D46329" s="14" t="s">
        <v>266</v>
      </c>
      <c r="E46329" s="15">
        <v>45715</v>
      </c>
      <c r="F46329" s="14" t="s">
        <v>61</v>
      </c>
      <c r="G46329" s="16">
        <v>0</v>
      </c>
    </row>
    <row r="46330" spans="1:7" x14ac:dyDescent="0.3">
      <c r="A46330" s="13" t="s">
        <v>265</v>
      </c>
      <c r="B46330" s="14" t="s">
        <v>1</v>
      </c>
      <c r="C46330" s="14" t="s">
        <v>59</v>
      </c>
      <c r="D46330" s="14" t="s">
        <v>266</v>
      </c>
      <c r="E46330" s="15">
        <v>45716</v>
      </c>
      <c r="F46330" s="14" t="s">
        <v>61</v>
      </c>
      <c r="G46330" s="16">
        <v>0</v>
      </c>
    </row>
    <row r="46331" spans="1:7" x14ac:dyDescent="0.3">
      <c r="A46331" s="13" t="s">
        <v>265</v>
      </c>
      <c r="B46331" s="14" t="s">
        <v>1</v>
      </c>
      <c r="C46331" s="14" t="s">
        <v>59</v>
      </c>
      <c r="D46331" s="14" t="s">
        <v>266</v>
      </c>
      <c r="E46331" s="15">
        <v>45717</v>
      </c>
      <c r="F46331" s="14" t="s">
        <v>61</v>
      </c>
      <c r="G46331" s="16">
        <v>0</v>
      </c>
    </row>
    <row r="46332" spans="1:7" x14ac:dyDescent="0.3">
      <c r="A46332" s="13" t="s">
        <v>265</v>
      </c>
      <c r="B46332" s="14" t="s">
        <v>1</v>
      </c>
      <c r="C46332" s="14" t="s">
        <v>59</v>
      </c>
      <c r="D46332" s="14" t="s">
        <v>266</v>
      </c>
      <c r="E46332" s="15">
        <v>45718</v>
      </c>
      <c r="F46332" s="14" t="s">
        <v>61</v>
      </c>
      <c r="G46332" s="16">
        <v>0</v>
      </c>
    </row>
    <row r="46333" spans="1:7" x14ac:dyDescent="0.3">
      <c r="A46333" s="13" t="s">
        <v>265</v>
      </c>
      <c r="B46333" s="14" t="s">
        <v>1</v>
      </c>
      <c r="C46333" s="14" t="s">
        <v>59</v>
      </c>
      <c r="D46333" s="14" t="s">
        <v>266</v>
      </c>
      <c r="E46333" s="15">
        <v>45719</v>
      </c>
      <c r="F46333" s="14" t="s">
        <v>61</v>
      </c>
      <c r="G46333" s="16">
        <v>0</v>
      </c>
    </row>
    <row r="46334" spans="1:7" x14ac:dyDescent="0.3">
      <c r="A46334" s="13" t="s">
        <v>265</v>
      </c>
      <c r="B46334" s="14" t="s">
        <v>1</v>
      </c>
      <c r="C46334" s="14" t="s">
        <v>59</v>
      </c>
      <c r="D46334" s="14" t="s">
        <v>266</v>
      </c>
      <c r="E46334" s="15">
        <v>45720</v>
      </c>
      <c r="F46334" s="14" t="s">
        <v>61</v>
      </c>
      <c r="G46334" s="16">
        <v>0</v>
      </c>
    </row>
    <row r="46335" spans="1:7" x14ac:dyDescent="0.3">
      <c r="A46335" s="13" t="s">
        <v>265</v>
      </c>
      <c r="B46335" s="14" t="s">
        <v>1</v>
      </c>
      <c r="C46335" s="14" t="s">
        <v>59</v>
      </c>
      <c r="D46335" s="14" t="s">
        <v>266</v>
      </c>
      <c r="E46335" s="15">
        <v>45721</v>
      </c>
      <c r="F46335" s="14" t="s">
        <v>61</v>
      </c>
      <c r="G46335" s="16">
        <v>0</v>
      </c>
    </row>
    <row r="46336" spans="1:7" x14ac:dyDescent="0.3">
      <c r="A46336" s="13" t="s">
        <v>265</v>
      </c>
      <c r="B46336" s="14" t="s">
        <v>1</v>
      </c>
      <c r="C46336" s="14" t="s">
        <v>59</v>
      </c>
      <c r="D46336" s="14" t="s">
        <v>266</v>
      </c>
      <c r="E46336" s="15">
        <v>45722</v>
      </c>
      <c r="F46336" s="14" t="s">
        <v>61</v>
      </c>
      <c r="G46336" s="16">
        <v>0</v>
      </c>
    </row>
    <row r="46337" spans="1:7" x14ac:dyDescent="0.3">
      <c r="A46337" s="13" t="s">
        <v>265</v>
      </c>
      <c r="B46337" s="14" t="s">
        <v>1</v>
      </c>
      <c r="C46337" s="14" t="s">
        <v>59</v>
      </c>
      <c r="D46337" s="14" t="s">
        <v>266</v>
      </c>
      <c r="E46337" s="15">
        <v>45723</v>
      </c>
      <c r="F46337" s="14" t="s">
        <v>61</v>
      </c>
      <c r="G46337" s="16">
        <v>0</v>
      </c>
    </row>
    <row r="46338" spans="1:7" x14ac:dyDescent="0.3">
      <c r="A46338" s="13" t="s">
        <v>265</v>
      </c>
      <c r="B46338" s="14" t="s">
        <v>1</v>
      </c>
      <c r="C46338" s="14" t="s">
        <v>59</v>
      </c>
      <c r="D46338" s="14" t="s">
        <v>266</v>
      </c>
      <c r="E46338" s="15">
        <v>45724</v>
      </c>
      <c r="F46338" s="14" t="s">
        <v>61</v>
      </c>
      <c r="G46338" s="16">
        <v>0</v>
      </c>
    </row>
    <row r="46339" spans="1:7" x14ac:dyDescent="0.3">
      <c r="A46339" s="13" t="s">
        <v>265</v>
      </c>
      <c r="B46339" s="14" t="s">
        <v>1</v>
      </c>
      <c r="C46339" s="14" t="s">
        <v>59</v>
      </c>
      <c r="D46339" s="14" t="s">
        <v>266</v>
      </c>
      <c r="E46339" s="15">
        <v>45725</v>
      </c>
      <c r="F46339" s="14" t="s">
        <v>61</v>
      </c>
      <c r="G46339" s="16">
        <v>0</v>
      </c>
    </row>
    <row r="46340" spans="1:7" x14ac:dyDescent="0.3">
      <c r="A46340" s="13" t="s">
        <v>265</v>
      </c>
      <c r="B46340" s="14" t="s">
        <v>1</v>
      </c>
      <c r="C46340" s="14" t="s">
        <v>59</v>
      </c>
      <c r="D46340" s="14" t="s">
        <v>266</v>
      </c>
      <c r="E46340" s="15">
        <v>45726</v>
      </c>
      <c r="F46340" s="14" t="s">
        <v>61</v>
      </c>
      <c r="G46340" s="16">
        <v>0</v>
      </c>
    </row>
    <row r="46341" spans="1:7" x14ac:dyDescent="0.3">
      <c r="A46341" s="13" t="s">
        <v>265</v>
      </c>
      <c r="B46341" s="14" t="s">
        <v>1</v>
      </c>
      <c r="C46341" s="14" t="s">
        <v>59</v>
      </c>
      <c r="D46341" s="14" t="s">
        <v>266</v>
      </c>
      <c r="E46341" s="15">
        <v>45727</v>
      </c>
      <c r="F46341" s="14" t="s">
        <v>61</v>
      </c>
      <c r="G46341" s="16">
        <v>0</v>
      </c>
    </row>
    <row r="46342" spans="1:7" x14ac:dyDescent="0.3">
      <c r="A46342" s="13" t="s">
        <v>265</v>
      </c>
      <c r="B46342" s="14" t="s">
        <v>1</v>
      </c>
      <c r="C46342" s="14" t="s">
        <v>59</v>
      </c>
      <c r="D46342" s="14" t="s">
        <v>266</v>
      </c>
      <c r="E46342" s="15">
        <v>45728</v>
      </c>
      <c r="F46342" s="14" t="s">
        <v>61</v>
      </c>
      <c r="G46342" s="16">
        <v>0</v>
      </c>
    </row>
    <row r="46343" spans="1:7" x14ac:dyDescent="0.3">
      <c r="A46343" s="13" t="s">
        <v>265</v>
      </c>
      <c r="B46343" s="14" t="s">
        <v>1</v>
      </c>
      <c r="C46343" s="14" t="s">
        <v>59</v>
      </c>
      <c r="D46343" s="14" t="s">
        <v>266</v>
      </c>
      <c r="E46343" s="15">
        <v>45729</v>
      </c>
      <c r="F46343" s="14" t="s">
        <v>61</v>
      </c>
      <c r="G46343" s="16">
        <v>0</v>
      </c>
    </row>
    <row r="46344" spans="1:7" x14ac:dyDescent="0.3">
      <c r="A46344" s="13" t="s">
        <v>265</v>
      </c>
      <c r="B46344" s="14" t="s">
        <v>1</v>
      </c>
      <c r="C46344" s="14" t="s">
        <v>59</v>
      </c>
      <c r="D46344" s="14" t="s">
        <v>266</v>
      </c>
      <c r="E46344" s="15">
        <v>45730</v>
      </c>
      <c r="F46344" s="14" t="s">
        <v>61</v>
      </c>
      <c r="G46344" s="16">
        <v>0</v>
      </c>
    </row>
    <row r="46345" spans="1:7" x14ac:dyDescent="0.3">
      <c r="A46345" s="13" t="s">
        <v>265</v>
      </c>
      <c r="B46345" s="14" t="s">
        <v>1</v>
      </c>
      <c r="C46345" s="14" t="s">
        <v>59</v>
      </c>
      <c r="D46345" s="14" t="s">
        <v>266</v>
      </c>
      <c r="E46345" s="15">
        <v>45731</v>
      </c>
      <c r="F46345" s="14" t="s">
        <v>61</v>
      </c>
      <c r="G46345" s="16">
        <v>0</v>
      </c>
    </row>
    <row r="46346" spans="1:7" x14ac:dyDescent="0.3">
      <c r="A46346" s="13" t="s">
        <v>265</v>
      </c>
      <c r="B46346" s="14" t="s">
        <v>1</v>
      </c>
      <c r="C46346" s="14" t="s">
        <v>59</v>
      </c>
      <c r="D46346" s="14" t="s">
        <v>266</v>
      </c>
      <c r="E46346" s="15">
        <v>45732</v>
      </c>
      <c r="F46346" s="14" t="s">
        <v>61</v>
      </c>
      <c r="G46346" s="16">
        <v>0</v>
      </c>
    </row>
    <row r="46347" spans="1:7" x14ac:dyDescent="0.3">
      <c r="A46347" s="13" t="s">
        <v>265</v>
      </c>
      <c r="B46347" s="14" t="s">
        <v>1</v>
      </c>
      <c r="C46347" s="14" t="s">
        <v>59</v>
      </c>
      <c r="D46347" s="14" t="s">
        <v>266</v>
      </c>
      <c r="E46347" s="15">
        <v>45733</v>
      </c>
      <c r="F46347" s="14" t="s">
        <v>61</v>
      </c>
      <c r="G46347" s="16">
        <v>0</v>
      </c>
    </row>
    <row r="46348" spans="1:7" x14ac:dyDescent="0.3">
      <c r="A46348" s="13" t="s">
        <v>265</v>
      </c>
      <c r="B46348" s="14" t="s">
        <v>1</v>
      </c>
      <c r="C46348" s="14" t="s">
        <v>59</v>
      </c>
      <c r="D46348" s="14" t="s">
        <v>266</v>
      </c>
      <c r="E46348" s="15">
        <v>45734</v>
      </c>
      <c r="F46348" s="14" t="s">
        <v>61</v>
      </c>
      <c r="G46348" s="16">
        <v>0</v>
      </c>
    </row>
    <row r="46349" spans="1:7" x14ac:dyDescent="0.3">
      <c r="A46349" s="13" t="s">
        <v>265</v>
      </c>
      <c r="B46349" s="14" t="s">
        <v>1</v>
      </c>
      <c r="C46349" s="14" t="s">
        <v>59</v>
      </c>
      <c r="D46349" s="14" t="s">
        <v>266</v>
      </c>
      <c r="E46349" s="15">
        <v>45735</v>
      </c>
      <c r="F46349" s="14" t="s">
        <v>61</v>
      </c>
      <c r="G46349" s="16">
        <v>0</v>
      </c>
    </row>
    <row r="46350" spans="1:7" x14ac:dyDescent="0.3">
      <c r="A46350" s="13" t="s">
        <v>265</v>
      </c>
      <c r="B46350" s="14" t="s">
        <v>1</v>
      </c>
      <c r="C46350" s="14" t="s">
        <v>59</v>
      </c>
      <c r="D46350" s="14" t="s">
        <v>266</v>
      </c>
      <c r="E46350" s="15">
        <v>45736</v>
      </c>
      <c r="F46350" s="14" t="s">
        <v>61</v>
      </c>
      <c r="G46350" s="16">
        <v>0</v>
      </c>
    </row>
    <row r="46351" spans="1:7" x14ac:dyDescent="0.3">
      <c r="A46351" s="13" t="s">
        <v>265</v>
      </c>
      <c r="B46351" s="14" t="s">
        <v>1</v>
      </c>
      <c r="C46351" s="14" t="s">
        <v>59</v>
      </c>
      <c r="D46351" s="14" t="s">
        <v>266</v>
      </c>
      <c r="E46351" s="15">
        <v>45737</v>
      </c>
      <c r="F46351" s="14" t="s">
        <v>61</v>
      </c>
      <c r="G46351" s="16">
        <v>0</v>
      </c>
    </row>
    <row r="46352" spans="1:7" x14ac:dyDescent="0.3">
      <c r="A46352" s="13" t="s">
        <v>265</v>
      </c>
      <c r="B46352" s="14" t="s">
        <v>1</v>
      </c>
      <c r="C46352" s="14" t="s">
        <v>59</v>
      </c>
      <c r="D46352" s="14" t="s">
        <v>266</v>
      </c>
      <c r="E46352" s="15">
        <v>45738</v>
      </c>
      <c r="F46352" s="14" t="s">
        <v>61</v>
      </c>
      <c r="G46352" s="16">
        <v>0</v>
      </c>
    </row>
    <row r="46353" spans="1:7" x14ac:dyDescent="0.3">
      <c r="A46353" s="13" t="s">
        <v>265</v>
      </c>
      <c r="B46353" s="14" t="s">
        <v>1</v>
      </c>
      <c r="C46353" s="14" t="s">
        <v>59</v>
      </c>
      <c r="D46353" s="14" t="s">
        <v>266</v>
      </c>
      <c r="E46353" s="15">
        <v>45739</v>
      </c>
      <c r="F46353" s="14" t="s">
        <v>61</v>
      </c>
      <c r="G46353" s="16">
        <v>0</v>
      </c>
    </row>
    <row r="46354" spans="1:7" x14ac:dyDescent="0.3">
      <c r="A46354" s="13" t="s">
        <v>265</v>
      </c>
      <c r="B46354" s="14" t="s">
        <v>1</v>
      </c>
      <c r="C46354" s="14" t="s">
        <v>59</v>
      </c>
      <c r="D46354" s="14" t="s">
        <v>266</v>
      </c>
      <c r="E46354" s="15">
        <v>45740</v>
      </c>
      <c r="F46354" s="14" t="s">
        <v>61</v>
      </c>
      <c r="G46354" s="16">
        <v>0</v>
      </c>
    </row>
    <row r="46355" spans="1:7" x14ac:dyDescent="0.3">
      <c r="A46355" s="13" t="s">
        <v>265</v>
      </c>
      <c r="B46355" s="14" t="s">
        <v>1</v>
      </c>
      <c r="C46355" s="14" t="s">
        <v>59</v>
      </c>
      <c r="D46355" s="14" t="s">
        <v>266</v>
      </c>
      <c r="E46355" s="15">
        <v>45741</v>
      </c>
      <c r="F46355" s="14" t="s">
        <v>61</v>
      </c>
      <c r="G46355" s="16">
        <v>0</v>
      </c>
    </row>
    <row r="46356" spans="1:7" x14ac:dyDescent="0.3">
      <c r="A46356" s="13" t="s">
        <v>265</v>
      </c>
      <c r="B46356" s="14" t="s">
        <v>1</v>
      </c>
      <c r="C46356" s="14" t="s">
        <v>59</v>
      </c>
      <c r="D46356" s="14" t="s">
        <v>266</v>
      </c>
      <c r="E46356" s="15">
        <v>45742</v>
      </c>
      <c r="F46356" s="14" t="s">
        <v>61</v>
      </c>
      <c r="G46356" s="16">
        <v>0</v>
      </c>
    </row>
    <row r="46357" spans="1:7" x14ac:dyDescent="0.3">
      <c r="A46357" s="13" t="s">
        <v>265</v>
      </c>
      <c r="B46357" s="14" t="s">
        <v>1</v>
      </c>
      <c r="C46357" s="14" t="s">
        <v>59</v>
      </c>
      <c r="D46357" s="14" t="s">
        <v>266</v>
      </c>
      <c r="E46357" s="15">
        <v>45743</v>
      </c>
      <c r="F46357" s="14" t="s">
        <v>61</v>
      </c>
      <c r="G46357" s="16">
        <v>0</v>
      </c>
    </row>
    <row r="46358" spans="1:7" x14ac:dyDescent="0.3">
      <c r="A46358" s="13" t="s">
        <v>265</v>
      </c>
      <c r="B46358" s="14" t="s">
        <v>1</v>
      </c>
      <c r="C46358" s="14" t="s">
        <v>59</v>
      </c>
      <c r="D46358" s="14" t="s">
        <v>266</v>
      </c>
      <c r="E46358" s="15">
        <v>45744</v>
      </c>
      <c r="F46358" s="14" t="s">
        <v>61</v>
      </c>
      <c r="G46358" s="16">
        <v>0</v>
      </c>
    </row>
    <row r="46359" spans="1:7" x14ac:dyDescent="0.3">
      <c r="A46359" s="13" t="s">
        <v>265</v>
      </c>
      <c r="B46359" s="14" t="s">
        <v>1</v>
      </c>
      <c r="C46359" s="14" t="s">
        <v>59</v>
      </c>
      <c r="D46359" s="14" t="s">
        <v>266</v>
      </c>
      <c r="E46359" s="15">
        <v>45745</v>
      </c>
      <c r="F46359" s="14" t="s">
        <v>61</v>
      </c>
      <c r="G46359" s="16">
        <v>0</v>
      </c>
    </row>
    <row r="46360" spans="1:7" x14ac:dyDescent="0.3">
      <c r="A46360" s="13" t="s">
        <v>265</v>
      </c>
      <c r="B46360" s="14" t="s">
        <v>1</v>
      </c>
      <c r="C46360" s="14" t="s">
        <v>59</v>
      </c>
      <c r="D46360" s="14" t="s">
        <v>266</v>
      </c>
      <c r="E46360" s="15">
        <v>45746</v>
      </c>
      <c r="F46360" s="14" t="s">
        <v>61</v>
      </c>
      <c r="G46360" s="16">
        <v>0</v>
      </c>
    </row>
    <row r="46361" spans="1:7" x14ac:dyDescent="0.3">
      <c r="A46361" s="13" t="s">
        <v>265</v>
      </c>
      <c r="B46361" s="14" t="s">
        <v>1</v>
      </c>
      <c r="C46361" s="14" t="s">
        <v>59</v>
      </c>
      <c r="D46361" s="14" t="s">
        <v>266</v>
      </c>
      <c r="E46361" s="15">
        <v>45747</v>
      </c>
      <c r="F46361" s="14" t="s">
        <v>61</v>
      </c>
      <c r="G46361" s="16">
        <v>0</v>
      </c>
    </row>
    <row r="46362" spans="1:7" x14ac:dyDescent="0.3">
      <c r="A46362" s="13" t="s">
        <v>267</v>
      </c>
      <c r="B46362" s="14" t="s">
        <v>1</v>
      </c>
      <c r="C46362" s="14" t="s">
        <v>20</v>
      </c>
      <c r="D46362" s="14" t="s">
        <v>122</v>
      </c>
      <c r="E46362" s="15">
        <v>45383</v>
      </c>
      <c r="F46362" s="14" t="s">
        <v>15</v>
      </c>
      <c r="G46362" s="16">
        <v>0</v>
      </c>
    </row>
    <row r="46363" spans="1:7" x14ac:dyDescent="0.3">
      <c r="A46363" s="13" t="s">
        <v>267</v>
      </c>
      <c r="B46363" s="14" t="s">
        <v>1</v>
      </c>
      <c r="C46363" s="14" t="s">
        <v>20</v>
      </c>
      <c r="D46363" s="14" t="s">
        <v>122</v>
      </c>
      <c r="E46363" s="15">
        <v>45384</v>
      </c>
      <c r="F46363" s="14" t="s">
        <v>15</v>
      </c>
      <c r="G46363" s="16">
        <v>0</v>
      </c>
    </row>
    <row r="46364" spans="1:7" x14ac:dyDescent="0.3">
      <c r="A46364" s="13" t="s">
        <v>267</v>
      </c>
      <c r="B46364" s="14" t="s">
        <v>1</v>
      </c>
      <c r="C46364" s="14" t="s">
        <v>20</v>
      </c>
      <c r="D46364" s="14" t="s">
        <v>122</v>
      </c>
      <c r="E46364" s="15">
        <v>45385</v>
      </c>
      <c r="F46364" s="14" t="s">
        <v>15</v>
      </c>
      <c r="G46364" s="16">
        <v>1.9210397131578755E-2</v>
      </c>
    </row>
    <row r="46365" spans="1:7" x14ac:dyDescent="0.3">
      <c r="A46365" s="13" t="s">
        <v>267</v>
      </c>
      <c r="B46365" s="14" t="s">
        <v>1</v>
      </c>
      <c r="C46365" s="14" t="s">
        <v>20</v>
      </c>
      <c r="D46365" s="14" t="s">
        <v>122</v>
      </c>
      <c r="E46365" s="15">
        <v>45386</v>
      </c>
      <c r="F46365" s="14" t="s">
        <v>15</v>
      </c>
      <c r="G46365" s="16">
        <v>3.2152037692384318E-2</v>
      </c>
    </row>
    <row r="46366" spans="1:7" x14ac:dyDescent="0.3">
      <c r="A46366" s="13" t="s">
        <v>267</v>
      </c>
      <c r="B46366" s="14" t="s">
        <v>1</v>
      </c>
      <c r="C46366" s="14" t="s">
        <v>20</v>
      </c>
      <c r="D46366" s="14" t="s">
        <v>122</v>
      </c>
      <c r="E46366" s="15">
        <v>45387</v>
      </c>
      <c r="F46366" s="14" t="s">
        <v>15</v>
      </c>
      <c r="G46366" s="16">
        <v>3.8897080719021856E-2</v>
      </c>
    </row>
    <row r="46367" spans="1:7" x14ac:dyDescent="0.3">
      <c r="A46367" s="13" t="s">
        <v>267</v>
      </c>
      <c r="B46367" s="14" t="s">
        <v>1</v>
      </c>
      <c r="C46367" s="14" t="s">
        <v>20</v>
      </c>
      <c r="D46367" s="14" t="s">
        <v>122</v>
      </c>
      <c r="E46367" s="15">
        <v>45388</v>
      </c>
      <c r="F46367" s="14" t="s">
        <v>15</v>
      </c>
      <c r="G46367" s="16">
        <v>3.8897080719021856E-2</v>
      </c>
    </row>
    <row r="46368" spans="1:7" x14ac:dyDescent="0.3">
      <c r="A46368" s="13" t="s">
        <v>267</v>
      </c>
      <c r="B46368" s="14" t="s">
        <v>1</v>
      </c>
      <c r="C46368" s="14" t="s">
        <v>20</v>
      </c>
      <c r="D46368" s="14" t="s">
        <v>122</v>
      </c>
      <c r="E46368" s="15">
        <v>45389</v>
      </c>
      <c r="F46368" s="14" t="s">
        <v>15</v>
      </c>
      <c r="G46368" s="16">
        <v>3.8897080719021856E-2</v>
      </c>
    </row>
    <row r="46369" spans="1:7" x14ac:dyDescent="0.3">
      <c r="A46369" s="13" t="s">
        <v>267</v>
      </c>
      <c r="B46369" s="14" t="s">
        <v>1</v>
      </c>
      <c r="C46369" s="14" t="s">
        <v>20</v>
      </c>
      <c r="D46369" s="14" t="s">
        <v>122</v>
      </c>
      <c r="E46369" s="15">
        <v>45390</v>
      </c>
      <c r="F46369" s="14" t="s">
        <v>15</v>
      </c>
      <c r="G46369" s="16">
        <v>5.3483565014893847E-2</v>
      </c>
    </row>
    <row r="46370" spans="1:7" x14ac:dyDescent="0.3">
      <c r="A46370" s="13" t="s">
        <v>267</v>
      </c>
      <c r="B46370" s="14" t="s">
        <v>1</v>
      </c>
      <c r="C46370" s="14" t="s">
        <v>20</v>
      </c>
      <c r="D46370" s="14" t="s">
        <v>122</v>
      </c>
      <c r="E46370" s="15">
        <v>45391</v>
      </c>
      <c r="F46370" s="14" t="s">
        <v>15</v>
      </c>
      <c r="G46370" s="16">
        <v>6.9513707917284034E-2</v>
      </c>
    </row>
    <row r="46371" spans="1:7" x14ac:dyDescent="0.3">
      <c r="A46371" s="13" t="s">
        <v>267</v>
      </c>
      <c r="B46371" s="14" t="s">
        <v>1</v>
      </c>
      <c r="C46371" s="14" t="s">
        <v>20</v>
      </c>
      <c r="D46371" s="14" t="s">
        <v>122</v>
      </c>
      <c r="E46371" s="15">
        <v>45392</v>
      </c>
      <c r="F46371" s="14" t="s">
        <v>15</v>
      </c>
      <c r="G46371" s="16">
        <v>7.4239731542220341E-2</v>
      </c>
    </row>
    <row r="46372" spans="1:7" x14ac:dyDescent="0.3">
      <c r="A46372" s="13" t="s">
        <v>267</v>
      </c>
      <c r="B46372" s="14" t="s">
        <v>1</v>
      </c>
      <c r="C46372" s="14" t="s">
        <v>20</v>
      </c>
      <c r="D46372" s="14" t="s">
        <v>122</v>
      </c>
      <c r="E46372" s="15">
        <v>45393</v>
      </c>
      <c r="F46372" s="14" t="s">
        <v>15</v>
      </c>
      <c r="G46372" s="16">
        <v>7.8538535440500823E-2</v>
      </c>
    </row>
    <row r="46373" spans="1:7" x14ac:dyDescent="0.3">
      <c r="A46373" s="13" t="s">
        <v>267</v>
      </c>
      <c r="B46373" s="14" t="s">
        <v>1</v>
      </c>
      <c r="C46373" s="14" t="s">
        <v>20</v>
      </c>
      <c r="D46373" s="14" t="s">
        <v>122</v>
      </c>
      <c r="E46373" s="15">
        <v>45394</v>
      </c>
      <c r="F46373" s="14" t="s">
        <v>15</v>
      </c>
      <c r="G46373" s="16">
        <v>8.273580769829629E-2</v>
      </c>
    </row>
    <row r="46374" spans="1:7" x14ac:dyDescent="0.3">
      <c r="A46374" s="13" t="s">
        <v>267</v>
      </c>
      <c r="B46374" s="14" t="s">
        <v>1</v>
      </c>
      <c r="C46374" s="14" t="s">
        <v>20</v>
      </c>
      <c r="D46374" s="14" t="s">
        <v>122</v>
      </c>
      <c r="E46374" s="15">
        <v>45395</v>
      </c>
      <c r="F46374" s="14" t="s">
        <v>15</v>
      </c>
      <c r="G46374" s="16">
        <v>8.273580769829629E-2</v>
      </c>
    </row>
    <row r="46375" spans="1:7" x14ac:dyDescent="0.3">
      <c r="A46375" s="13" t="s">
        <v>267</v>
      </c>
      <c r="B46375" s="14" t="s">
        <v>1</v>
      </c>
      <c r="C46375" s="14" t="s">
        <v>20</v>
      </c>
      <c r="D46375" s="14" t="s">
        <v>122</v>
      </c>
      <c r="E46375" s="15">
        <v>45396</v>
      </c>
      <c r="F46375" s="14" t="s">
        <v>15</v>
      </c>
      <c r="G46375" s="16">
        <v>8.273580769829629E-2</v>
      </c>
    </row>
    <row r="46376" spans="1:7" x14ac:dyDescent="0.3">
      <c r="A46376" s="13" t="s">
        <v>267</v>
      </c>
      <c r="B46376" s="14" t="s">
        <v>1</v>
      </c>
      <c r="C46376" s="14" t="s">
        <v>20</v>
      </c>
      <c r="D46376" s="14" t="s">
        <v>122</v>
      </c>
      <c r="E46376" s="15">
        <v>45397</v>
      </c>
      <c r="F46376" s="14" t="s">
        <v>15</v>
      </c>
      <c r="G46376" s="16">
        <v>8.7715617980009097E-2</v>
      </c>
    </row>
    <row r="46377" spans="1:7" x14ac:dyDescent="0.3">
      <c r="A46377" s="13" t="s">
        <v>267</v>
      </c>
      <c r="B46377" s="14" t="s">
        <v>1</v>
      </c>
      <c r="C46377" s="14" t="s">
        <v>20</v>
      </c>
      <c r="D46377" s="14" t="s">
        <v>122</v>
      </c>
      <c r="E46377" s="15">
        <v>45398</v>
      </c>
      <c r="F46377" s="14" t="s">
        <v>15</v>
      </c>
      <c r="G46377" s="16">
        <v>0.10058060183655065</v>
      </c>
    </row>
    <row r="46378" spans="1:7" x14ac:dyDescent="0.3">
      <c r="A46378" s="13" t="s">
        <v>267</v>
      </c>
      <c r="B46378" s="14" t="s">
        <v>1</v>
      </c>
      <c r="C46378" s="14" t="s">
        <v>20</v>
      </c>
      <c r="D46378" s="14" t="s">
        <v>122</v>
      </c>
      <c r="E46378" s="15">
        <v>45399</v>
      </c>
      <c r="F46378" s="14" t="s">
        <v>15</v>
      </c>
      <c r="G46378" s="16">
        <v>0.10486204917852122</v>
      </c>
    </row>
    <row r="46379" spans="1:7" x14ac:dyDescent="0.3">
      <c r="A46379" s="13" t="s">
        <v>267</v>
      </c>
      <c r="B46379" s="14" t="s">
        <v>1</v>
      </c>
      <c r="C46379" s="14" t="s">
        <v>20</v>
      </c>
      <c r="D46379" s="14" t="s">
        <v>122</v>
      </c>
      <c r="E46379" s="15">
        <v>45400</v>
      </c>
      <c r="F46379" s="14" t="s">
        <v>15</v>
      </c>
      <c r="G46379" s="16">
        <v>0.10758712823998556</v>
      </c>
    </row>
    <row r="46380" spans="1:7" x14ac:dyDescent="0.3">
      <c r="A46380" s="13" t="s">
        <v>267</v>
      </c>
      <c r="B46380" s="14" t="s">
        <v>1</v>
      </c>
      <c r="C46380" s="14" t="s">
        <v>20</v>
      </c>
      <c r="D46380" s="14" t="s">
        <v>122</v>
      </c>
      <c r="E46380" s="15">
        <v>45401</v>
      </c>
      <c r="F46380" s="14" t="s">
        <v>15</v>
      </c>
      <c r="G46380" s="16">
        <v>0.1134754489129674</v>
      </c>
    </row>
    <row r="46381" spans="1:7" x14ac:dyDescent="0.3">
      <c r="A46381" s="13" t="s">
        <v>267</v>
      </c>
      <c r="B46381" s="14" t="s">
        <v>1</v>
      </c>
      <c r="C46381" s="14" t="s">
        <v>20</v>
      </c>
      <c r="D46381" s="14" t="s">
        <v>122</v>
      </c>
      <c r="E46381" s="15">
        <v>45402</v>
      </c>
      <c r="F46381" s="14" t="s">
        <v>15</v>
      </c>
      <c r="G46381" s="16">
        <v>0.1134754489129674</v>
      </c>
    </row>
    <row r="46382" spans="1:7" x14ac:dyDescent="0.3">
      <c r="A46382" s="13" t="s">
        <v>267</v>
      </c>
      <c r="B46382" s="14" t="s">
        <v>1</v>
      </c>
      <c r="C46382" s="14" t="s">
        <v>20</v>
      </c>
      <c r="D46382" s="14" t="s">
        <v>122</v>
      </c>
      <c r="E46382" s="15">
        <v>45403</v>
      </c>
      <c r="F46382" s="14" t="s">
        <v>15</v>
      </c>
      <c r="G46382" s="16">
        <v>0.1134754489129674</v>
      </c>
    </row>
    <row r="46383" spans="1:7" x14ac:dyDescent="0.3">
      <c r="A46383" s="13" t="s">
        <v>267</v>
      </c>
      <c r="B46383" s="14" t="s">
        <v>1</v>
      </c>
      <c r="C46383" s="14" t="s">
        <v>20</v>
      </c>
      <c r="D46383" s="14" t="s">
        <v>122</v>
      </c>
      <c r="E46383" s="15">
        <v>45404</v>
      </c>
      <c r="F46383" s="14" t="s">
        <v>15</v>
      </c>
      <c r="G46383" s="16">
        <v>0.11809940176985727</v>
      </c>
    </row>
    <row r="46384" spans="1:7" x14ac:dyDescent="0.3">
      <c r="A46384" s="13" t="s">
        <v>267</v>
      </c>
      <c r="B46384" s="14" t="s">
        <v>1</v>
      </c>
      <c r="C46384" s="14" t="s">
        <v>20</v>
      </c>
      <c r="D46384" s="14" t="s">
        <v>122</v>
      </c>
      <c r="E46384" s="15">
        <v>45405</v>
      </c>
      <c r="F46384" s="14" t="s">
        <v>15</v>
      </c>
      <c r="G46384" s="16">
        <v>0.14011682960642902</v>
      </c>
    </row>
    <row r="46385" spans="1:7" x14ac:dyDescent="0.3">
      <c r="A46385" s="13" t="s">
        <v>267</v>
      </c>
      <c r="B46385" s="14" t="s">
        <v>1</v>
      </c>
      <c r="C46385" s="14" t="s">
        <v>20</v>
      </c>
      <c r="D46385" s="14" t="s">
        <v>122</v>
      </c>
      <c r="E46385" s="15">
        <v>45406</v>
      </c>
      <c r="F46385" s="14" t="s">
        <v>15</v>
      </c>
      <c r="G46385" s="16">
        <v>0.1461740809655829</v>
      </c>
    </row>
    <row r="46386" spans="1:7" x14ac:dyDescent="0.3">
      <c r="A46386" s="13" t="s">
        <v>267</v>
      </c>
      <c r="B46386" s="14" t="s">
        <v>1</v>
      </c>
      <c r="C46386" s="14" t="s">
        <v>20</v>
      </c>
      <c r="D46386" s="14" t="s">
        <v>122</v>
      </c>
      <c r="E46386" s="15">
        <v>45407</v>
      </c>
      <c r="F46386" s="14" t="s">
        <v>15</v>
      </c>
      <c r="G46386" s="16">
        <v>0.15089091667397631</v>
      </c>
    </row>
    <row r="46387" spans="1:7" x14ac:dyDescent="0.3">
      <c r="A46387" s="13" t="s">
        <v>267</v>
      </c>
      <c r="B46387" s="14" t="s">
        <v>1</v>
      </c>
      <c r="C46387" s="14" t="s">
        <v>20</v>
      </c>
      <c r="D46387" s="14" t="s">
        <v>122</v>
      </c>
      <c r="E46387" s="15">
        <v>45408</v>
      </c>
      <c r="F46387" s="14" t="s">
        <v>15</v>
      </c>
      <c r="G46387" s="16">
        <v>0.15594851634382331</v>
      </c>
    </row>
    <row r="46388" spans="1:7" x14ac:dyDescent="0.3">
      <c r="A46388" s="13" t="s">
        <v>267</v>
      </c>
      <c r="B46388" s="14" t="s">
        <v>1</v>
      </c>
      <c r="C46388" s="14" t="s">
        <v>20</v>
      </c>
      <c r="D46388" s="14" t="s">
        <v>122</v>
      </c>
      <c r="E46388" s="15">
        <v>45409</v>
      </c>
      <c r="F46388" s="14" t="s">
        <v>15</v>
      </c>
      <c r="G46388" s="16">
        <v>0.15594851634382331</v>
      </c>
    </row>
    <row r="46389" spans="1:7" x14ac:dyDescent="0.3">
      <c r="A46389" s="13" t="s">
        <v>267</v>
      </c>
      <c r="B46389" s="14" t="s">
        <v>1</v>
      </c>
      <c r="C46389" s="14" t="s">
        <v>20</v>
      </c>
      <c r="D46389" s="14" t="s">
        <v>122</v>
      </c>
      <c r="E46389" s="15">
        <v>45410</v>
      </c>
      <c r="F46389" s="14" t="s">
        <v>15</v>
      </c>
      <c r="G46389" s="16">
        <v>0.15594851634382331</v>
      </c>
    </row>
    <row r="46390" spans="1:7" x14ac:dyDescent="0.3">
      <c r="A46390" s="13" t="s">
        <v>267</v>
      </c>
      <c r="B46390" s="14" t="s">
        <v>1</v>
      </c>
      <c r="C46390" s="14" t="s">
        <v>20</v>
      </c>
      <c r="D46390" s="14" t="s">
        <v>122</v>
      </c>
      <c r="E46390" s="15">
        <v>45411</v>
      </c>
      <c r="F46390" s="14" t="s">
        <v>15</v>
      </c>
      <c r="G46390" s="16">
        <v>0.1605927873244796</v>
      </c>
    </row>
    <row r="46391" spans="1:7" x14ac:dyDescent="0.3">
      <c r="A46391" s="13" t="s">
        <v>267</v>
      </c>
      <c r="B46391" s="14" t="s">
        <v>1</v>
      </c>
      <c r="C46391" s="14" t="s">
        <v>20</v>
      </c>
      <c r="D46391" s="14" t="s">
        <v>122</v>
      </c>
      <c r="E46391" s="15">
        <v>45412</v>
      </c>
      <c r="F46391" s="14" t="s">
        <v>15</v>
      </c>
      <c r="G46391" s="16">
        <v>0.17594180694091896</v>
      </c>
    </row>
    <row r="46392" spans="1:7" x14ac:dyDescent="0.3">
      <c r="A46392" s="13" t="s">
        <v>267</v>
      </c>
      <c r="B46392" s="14" t="s">
        <v>1</v>
      </c>
      <c r="C46392" s="14" t="s">
        <v>20</v>
      </c>
      <c r="D46392" s="14" t="s">
        <v>122</v>
      </c>
      <c r="E46392" s="15">
        <v>45413</v>
      </c>
      <c r="F46392" s="14" t="s">
        <v>15</v>
      </c>
      <c r="G46392" s="16">
        <v>0.17594180694091896</v>
      </c>
    </row>
    <row r="46393" spans="1:7" x14ac:dyDescent="0.3">
      <c r="A46393" s="13" t="s">
        <v>267</v>
      </c>
      <c r="B46393" s="14" t="s">
        <v>1</v>
      </c>
      <c r="C46393" s="14" t="s">
        <v>20</v>
      </c>
      <c r="D46393" s="14" t="s">
        <v>122</v>
      </c>
      <c r="E46393" s="15">
        <v>45414</v>
      </c>
      <c r="F46393" s="14" t="s">
        <v>15</v>
      </c>
      <c r="G46393" s="16">
        <v>0.18140460805045019</v>
      </c>
    </row>
    <row r="46394" spans="1:7" x14ac:dyDescent="0.3">
      <c r="A46394" s="13" t="s">
        <v>267</v>
      </c>
      <c r="B46394" s="14" t="s">
        <v>1</v>
      </c>
      <c r="C46394" s="14" t="s">
        <v>20</v>
      </c>
      <c r="D46394" s="14" t="s">
        <v>122</v>
      </c>
      <c r="E46394" s="15">
        <v>45415</v>
      </c>
      <c r="F46394" s="14" t="s">
        <v>15</v>
      </c>
      <c r="G46394" s="16">
        <v>0.20391431499999069</v>
      </c>
    </row>
    <row r="46395" spans="1:7" x14ac:dyDescent="0.3">
      <c r="A46395" s="13" t="s">
        <v>267</v>
      </c>
      <c r="B46395" s="14" t="s">
        <v>1</v>
      </c>
      <c r="C46395" s="14" t="s">
        <v>20</v>
      </c>
      <c r="D46395" s="14" t="s">
        <v>122</v>
      </c>
      <c r="E46395" s="15">
        <v>45416</v>
      </c>
      <c r="F46395" s="14" t="s">
        <v>15</v>
      </c>
      <c r="G46395" s="16">
        <v>0.20391431499999069</v>
      </c>
    </row>
    <row r="46396" spans="1:7" x14ac:dyDescent="0.3">
      <c r="A46396" s="13" t="s">
        <v>267</v>
      </c>
      <c r="B46396" s="14" t="s">
        <v>1</v>
      </c>
      <c r="C46396" s="14" t="s">
        <v>20</v>
      </c>
      <c r="D46396" s="14" t="s">
        <v>122</v>
      </c>
      <c r="E46396" s="15">
        <v>45417</v>
      </c>
      <c r="F46396" s="14" t="s">
        <v>15</v>
      </c>
      <c r="G46396" s="16">
        <v>0.20391431499999069</v>
      </c>
    </row>
    <row r="46397" spans="1:7" x14ac:dyDescent="0.3">
      <c r="A46397" s="13" t="s">
        <v>267</v>
      </c>
      <c r="B46397" s="14" t="s">
        <v>1</v>
      </c>
      <c r="C46397" s="14" t="s">
        <v>20</v>
      </c>
      <c r="D46397" s="14" t="s">
        <v>122</v>
      </c>
      <c r="E46397" s="15">
        <v>45418</v>
      </c>
      <c r="F46397" s="14" t="s">
        <v>15</v>
      </c>
      <c r="G46397" s="16">
        <v>0.20391431499999069</v>
      </c>
    </row>
    <row r="46398" spans="1:7" x14ac:dyDescent="0.3">
      <c r="A46398" s="13" t="s">
        <v>267</v>
      </c>
      <c r="B46398" s="14" t="s">
        <v>1</v>
      </c>
      <c r="C46398" s="14" t="s">
        <v>20</v>
      </c>
      <c r="D46398" s="14" t="s">
        <v>122</v>
      </c>
      <c r="E46398" s="15">
        <v>45419</v>
      </c>
      <c r="F46398" s="14" t="s">
        <v>15</v>
      </c>
      <c r="G46398" s="16">
        <v>0.20865437142125998</v>
      </c>
    </row>
    <row r="46399" spans="1:7" x14ac:dyDescent="0.3">
      <c r="A46399" s="13" t="s">
        <v>267</v>
      </c>
      <c r="B46399" s="14" t="s">
        <v>1</v>
      </c>
      <c r="C46399" s="14" t="s">
        <v>20</v>
      </c>
      <c r="D46399" s="14" t="s">
        <v>122</v>
      </c>
      <c r="E46399" s="15">
        <v>45420</v>
      </c>
      <c r="F46399" s="14" t="s">
        <v>15</v>
      </c>
      <c r="G46399" s="16">
        <v>0.22734311006707356</v>
      </c>
    </row>
    <row r="46400" spans="1:7" x14ac:dyDescent="0.3">
      <c r="A46400" s="13" t="s">
        <v>267</v>
      </c>
      <c r="B46400" s="14" t="s">
        <v>1</v>
      </c>
      <c r="C46400" s="14" t="s">
        <v>20</v>
      </c>
      <c r="D46400" s="14" t="s">
        <v>122</v>
      </c>
      <c r="E46400" s="15">
        <v>45421</v>
      </c>
      <c r="F46400" s="14" t="s">
        <v>15</v>
      </c>
      <c r="G46400" s="16">
        <v>0.22734311006707356</v>
      </c>
    </row>
    <row r="46401" spans="1:7" x14ac:dyDescent="0.3">
      <c r="A46401" s="13" t="s">
        <v>267</v>
      </c>
      <c r="B46401" s="14" t="s">
        <v>1</v>
      </c>
      <c r="C46401" s="14" t="s">
        <v>20</v>
      </c>
      <c r="D46401" s="14" t="s">
        <v>122</v>
      </c>
      <c r="E46401" s="15">
        <v>45422</v>
      </c>
      <c r="F46401" s="14" t="s">
        <v>15</v>
      </c>
      <c r="G46401" s="16">
        <v>0.23195138894277217</v>
      </c>
    </row>
    <row r="46402" spans="1:7" x14ac:dyDescent="0.3">
      <c r="A46402" s="13" t="s">
        <v>267</v>
      </c>
      <c r="B46402" s="14" t="s">
        <v>1</v>
      </c>
      <c r="C46402" s="14" t="s">
        <v>20</v>
      </c>
      <c r="D46402" s="14" t="s">
        <v>122</v>
      </c>
      <c r="E46402" s="15">
        <v>45423</v>
      </c>
      <c r="F46402" s="14" t="s">
        <v>15</v>
      </c>
      <c r="G46402" s="16">
        <v>0.23195138894277217</v>
      </c>
    </row>
    <row r="46403" spans="1:7" x14ac:dyDescent="0.3">
      <c r="A46403" s="13" t="s">
        <v>267</v>
      </c>
      <c r="B46403" s="14" t="s">
        <v>1</v>
      </c>
      <c r="C46403" s="14" t="s">
        <v>20</v>
      </c>
      <c r="D46403" s="14" t="s">
        <v>122</v>
      </c>
      <c r="E46403" s="15">
        <v>45424</v>
      </c>
      <c r="F46403" s="14" t="s">
        <v>15</v>
      </c>
      <c r="G46403" s="16">
        <v>0.23195138894277217</v>
      </c>
    </row>
    <row r="46404" spans="1:7" x14ac:dyDescent="0.3">
      <c r="A46404" s="13" t="s">
        <v>267</v>
      </c>
      <c r="B46404" s="14" t="s">
        <v>1</v>
      </c>
      <c r="C46404" s="14" t="s">
        <v>20</v>
      </c>
      <c r="D46404" s="14" t="s">
        <v>122</v>
      </c>
      <c r="E46404" s="15">
        <v>45425</v>
      </c>
      <c r="F46404" s="14" t="s">
        <v>15</v>
      </c>
      <c r="G46404" s="16">
        <v>0.24222319968889924</v>
      </c>
    </row>
    <row r="46405" spans="1:7" x14ac:dyDescent="0.3">
      <c r="A46405" s="13" t="s">
        <v>267</v>
      </c>
      <c r="B46405" s="14" t="s">
        <v>1</v>
      </c>
      <c r="C46405" s="14" t="s">
        <v>20</v>
      </c>
      <c r="D46405" s="14" t="s">
        <v>122</v>
      </c>
      <c r="E46405" s="15">
        <v>45426</v>
      </c>
      <c r="F46405" s="14" t="s">
        <v>15</v>
      </c>
      <c r="G46405" s="16">
        <v>0.26615111167733446</v>
      </c>
    </row>
    <row r="46406" spans="1:7" x14ac:dyDescent="0.3">
      <c r="A46406" s="13" t="s">
        <v>267</v>
      </c>
      <c r="B46406" s="14" t="s">
        <v>1</v>
      </c>
      <c r="C46406" s="14" t="s">
        <v>20</v>
      </c>
      <c r="D46406" s="14" t="s">
        <v>122</v>
      </c>
      <c r="E46406" s="15">
        <v>45427</v>
      </c>
      <c r="F46406" s="14" t="s">
        <v>15</v>
      </c>
      <c r="G46406" s="16">
        <v>0.27075416589263601</v>
      </c>
    </row>
    <row r="46407" spans="1:7" x14ac:dyDescent="0.3">
      <c r="A46407" s="13" t="s">
        <v>267</v>
      </c>
      <c r="B46407" s="14" t="s">
        <v>1</v>
      </c>
      <c r="C46407" s="14" t="s">
        <v>20</v>
      </c>
      <c r="D46407" s="14" t="s">
        <v>122</v>
      </c>
      <c r="E46407" s="15">
        <v>45428</v>
      </c>
      <c r="F46407" s="14" t="s">
        <v>15</v>
      </c>
      <c r="G46407" s="16">
        <v>0.2754442977812222</v>
      </c>
    </row>
    <row r="46408" spans="1:7" x14ac:dyDescent="0.3">
      <c r="A46408" s="13" t="s">
        <v>267</v>
      </c>
      <c r="B46408" s="14" t="s">
        <v>1</v>
      </c>
      <c r="C46408" s="14" t="s">
        <v>20</v>
      </c>
      <c r="D46408" s="14" t="s">
        <v>122</v>
      </c>
      <c r="E46408" s="15">
        <v>45429</v>
      </c>
      <c r="F46408" s="14" t="s">
        <v>15</v>
      </c>
      <c r="G46408" s="16">
        <v>0.34681386772855677</v>
      </c>
    </row>
    <row r="46409" spans="1:7" x14ac:dyDescent="0.3">
      <c r="A46409" s="13" t="s">
        <v>267</v>
      </c>
      <c r="B46409" s="14" t="s">
        <v>1</v>
      </c>
      <c r="C46409" s="14" t="s">
        <v>20</v>
      </c>
      <c r="D46409" s="14" t="s">
        <v>122</v>
      </c>
      <c r="E46409" s="15">
        <v>45430</v>
      </c>
      <c r="F46409" s="14" t="s">
        <v>15</v>
      </c>
      <c r="G46409" s="16">
        <v>0.34681386772855677</v>
      </c>
    </row>
    <row r="46410" spans="1:7" x14ac:dyDescent="0.3">
      <c r="A46410" s="13" t="s">
        <v>267</v>
      </c>
      <c r="B46410" s="14" t="s">
        <v>1</v>
      </c>
      <c r="C46410" s="14" t="s">
        <v>20</v>
      </c>
      <c r="D46410" s="14" t="s">
        <v>122</v>
      </c>
      <c r="E46410" s="15">
        <v>45431</v>
      </c>
      <c r="F46410" s="14" t="s">
        <v>15</v>
      </c>
      <c r="G46410" s="16">
        <v>0.34681386772855677</v>
      </c>
    </row>
    <row r="46411" spans="1:7" x14ac:dyDescent="0.3">
      <c r="A46411" s="13" t="s">
        <v>267</v>
      </c>
      <c r="B46411" s="14" t="s">
        <v>1</v>
      </c>
      <c r="C46411" s="14" t="s">
        <v>20</v>
      </c>
      <c r="D46411" s="14" t="s">
        <v>122</v>
      </c>
      <c r="E46411" s="15">
        <v>45432</v>
      </c>
      <c r="F46411" s="14" t="s">
        <v>15</v>
      </c>
      <c r="G46411" s="16">
        <v>0.34681386772855677</v>
      </c>
    </row>
    <row r="46412" spans="1:7" x14ac:dyDescent="0.3">
      <c r="A46412" s="13" t="s">
        <v>267</v>
      </c>
      <c r="B46412" s="14" t="s">
        <v>1</v>
      </c>
      <c r="C46412" s="14" t="s">
        <v>20</v>
      </c>
      <c r="D46412" s="14" t="s">
        <v>122</v>
      </c>
      <c r="E46412" s="15">
        <v>45433</v>
      </c>
      <c r="F46412" s="14" t="s">
        <v>15</v>
      </c>
      <c r="G46412" s="16">
        <v>0.35130662355769787</v>
      </c>
    </row>
    <row r="46413" spans="1:7" x14ac:dyDescent="0.3">
      <c r="A46413" s="13" t="s">
        <v>267</v>
      </c>
      <c r="B46413" s="14" t="s">
        <v>1</v>
      </c>
      <c r="C46413" s="14" t="s">
        <v>20</v>
      </c>
      <c r="D46413" s="14" t="s">
        <v>122</v>
      </c>
      <c r="E46413" s="15">
        <v>45434</v>
      </c>
      <c r="F46413" s="14" t="s">
        <v>15</v>
      </c>
      <c r="G46413" s="16">
        <v>0.36940033143606688</v>
      </c>
    </row>
    <row r="46414" spans="1:7" x14ac:dyDescent="0.3">
      <c r="A46414" s="13" t="s">
        <v>267</v>
      </c>
      <c r="B46414" s="14" t="s">
        <v>1</v>
      </c>
      <c r="C46414" s="14" t="s">
        <v>20</v>
      </c>
      <c r="D46414" s="14" t="s">
        <v>122</v>
      </c>
      <c r="E46414" s="15">
        <v>45435</v>
      </c>
      <c r="F46414" s="14" t="s">
        <v>15</v>
      </c>
      <c r="G46414" s="16">
        <v>0.38703659127078094</v>
      </c>
    </row>
    <row r="46415" spans="1:7" x14ac:dyDescent="0.3">
      <c r="A46415" s="13" t="s">
        <v>267</v>
      </c>
      <c r="B46415" s="14" t="s">
        <v>1</v>
      </c>
      <c r="C46415" s="14" t="s">
        <v>20</v>
      </c>
      <c r="D46415" s="14" t="s">
        <v>122</v>
      </c>
      <c r="E46415" s="15">
        <v>45436</v>
      </c>
      <c r="F46415" s="14" t="s">
        <v>15</v>
      </c>
      <c r="G46415" s="16">
        <v>0.39151251208308702</v>
      </c>
    </row>
    <row r="46416" spans="1:7" x14ac:dyDescent="0.3">
      <c r="A46416" s="13" t="s">
        <v>267</v>
      </c>
      <c r="B46416" s="14" t="s">
        <v>1</v>
      </c>
      <c r="C46416" s="14" t="s">
        <v>20</v>
      </c>
      <c r="D46416" s="14" t="s">
        <v>122</v>
      </c>
      <c r="E46416" s="15">
        <v>45437</v>
      </c>
      <c r="F46416" s="14" t="s">
        <v>15</v>
      </c>
      <c r="G46416" s="16">
        <v>0.39151251208308702</v>
      </c>
    </row>
    <row r="46417" spans="1:7" x14ac:dyDescent="0.3">
      <c r="A46417" s="13" t="s">
        <v>267</v>
      </c>
      <c r="B46417" s="14" t="s">
        <v>1</v>
      </c>
      <c r="C46417" s="14" t="s">
        <v>20</v>
      </c>
      <c r="D46417" s="14" t="s">
        <v>122</v>
      </c>
      <c r="E46417" s="15">
        <v>45438</v>
      </c>
      <c r="F46417" s="14" t="s">
        <v>15</v>
      </c>
      <c r="G46417" s="16">
        <v>0.39151251208308702</v>
      </c>
    </row>
    <row r="46418" spans="1:7" x14ac:dyDescent="0.3">
      <c r="A46418" s="13" t="s">
        <v>267</v>
      </c>
      <c r="B46418" s="14" t="s">
        <v>1</v>
      </c>
      <c r="C46418" s="14" t="s">
        <v>20</v>
      </c>
      <c r="D46418" s="14" t="s">
        <v>122</v>
      </c>
      <c r="E46418" s="15">
        <v>45439</v>
      </c>
      <c r="F46418" s="14" t="s">
        <v>15</v>
      </c>
      <c r="G46418" s="16">
        <v>0.3960128146439128</v>
      </c>
    </row>
    <row r="46419" spans="1:7" x14ac:dyDescent="0.3">
      <c r="A46419" s="13" t="s">
        <v>267</v>
      </c>
      <c r="B46419" s="14" t="s">
        <v>1</v>
      </c>
      <c r="C46419" s="14" t="s">
        <v>20</v>
      </c>
      <c r="D46419" s="14" t="s">
        <v>122</v>
      </c>
      <c r="E46419" s="15">
        <v>45440</v>
      </c>
      <c r="F46419" s="14" t="s">
        <v>15</v>
      </c>
      <c r="G46419" s="16">
        <v>0.40950533826592517</v>
      </c>
    </row>
    <row r="46420" spans="1:7" x14ac:dyDescent="0.3">
      <c r="A46420" s="13" t="s">
        <v>267</v>
      </c>
      <c r="B46420" s="14" t="s">
        <v>1</v>
      </c>
      <c r="C46420" s="14" t="s">
        <v>20</v>
      </c>
      <c r="D46420" s="14" t="s">
        <v>122</v>
      </c>
      <c r="E46420" s="15">
        <v>45441</v>
      </c>
      <c r="F46420" s="14" t="s">
        <v>15</v>
      </c>
      <c r="G46420" s="16">
        <v>0.41451649651002043</v>
      </c>
    </row>
    <row r="46421" spans="1:7" x14ac:dyDescent="0.3">
      <c r="A46421" s="13" t="s">
        <v>267</v>
      </c>
      <c r="B46421" s="14" t="s">
        <v>1</v>
      </c>
      <c r="C46421" s="14" t="s">
        <v>20</v>
      </c>
      <c r="D46421" s="14" t="s">
        <v>122</v>
      </c>
      <c r="E46421" s="15">
        <v>45442</v>
      </c>
      <c r="F46421" s="14" t="s">
        <v>15</v>
      </c>
      <c r="G46421" s="16">
        <v>0.41899125628668277</v>
      </c>
    </row>
    <row r="46422" spans="1:7" x14ac:dyDescent="0.3">
      <c r="A46422" s="13" t="s">
        <v>267</v>
      </c>
      <c r="B46422" s="14" t="s">
        <v>1</v>
      </c>
      <c r="C46422" s="14" t="s">
        <v>20</v>
      </c>
      <c r="D46422" s="14" t="s">
        <v>122</v>
      </c>
      <c r="E46422" s="15">
        <v>45443</v>
      </c>
      <c r="F46422" s="14" t="s">
        <v>15</v>
      </c>
      <c r="G46422" s="16">
        <v>0.4235049107574122</v>
      </c>
    </row>
    <row r="46423" spans="1:7" x14ac:dyDescent="0.3">
      <c r="A46423" s="13" t="s">
        <v>267</v>
      </c>
      <c r="B46423" s="14" t="s">
        <v>1</v>
      </c>
      <c r="C46423" s="14" t="s">
        <v>20</v>
      </c>
      <c r="D46423" s="14" t="s">
        <v>122</v>
      </c>
      <c r="E46423" s="15">
        <v>45444</v>
      </c>
      <c r="F46423" s="14" t="s">
        <v>15</v>
      </c>
      <c r="G46423" s="16">
        <v>0.4235049107574122</v>
      </c>
    </row>
    <row r="46424" spans="1:7" x14ac:dyDescent="0.3">
      <c r="A46424" s="13" t="s">
        <v>267</v>
      </c>
      <c r="B46424" s="14" t="s">
        <v>1</v>
      </c>
      <c r="C46424" s="14" t="s">
        <v>20</v>
      </c>
      <c r="D46424" s="14" t="s">
        <v>122</v>
      </c>
      <c r="E46424" s="15">
        <v>45445</v>
      </c>
      <c r="F46424" s="14" t="s">
        <v>15</v>
      </c>
      <c r="G46424" s="16">
        <v>0.4235049107574122</v>
      </c>
    </row>
    <row r="46425" spans="1:7" x14ac:dyDescent="0.3">
      <c r="A46425" s="13" t="s">
        <v>267</v>
      </c>
      <c r="B46425" s="14" t="s">
        <v>1</v>
      </c>
      <c r="C46425" s="14" t="s">
        <v>20</v>
      </c>
      <c r="D46425" s="14" t="s">
        <v>122</v>
      </c>
      <c r="E46425" s="15">
        <v>45446</v>
      </c>
      <c r="F46425" s="14" t="s">
        <v>15</v>
      </c>
      <c r="G46425" s="16">
        <v>0.4235049107574122</v>
      </c>
    </row>
    <row r="46426" spans="1:7" x14ac:dyDescent="0.3">
      <c r="A46426" s="13" t="s">
        <v>267</v>
      </c>
      <c r="B46426" s="14" t="s">
        <v>1</v>
      </c>
      <c r="C46426" s="14" t="s">
        <v>20</v>
      </c>
      <c r="D46426" s="14" t="s">
        <v>122</v>
      </c>
      <c r="E46426" s="15">
        <v>45447</v>
      </c>
      <c r="F46426" s="14" t="s">
        <v>15</v>
      </c>
      <c r="G46426" s="16">
        <v>0.42806965079646853</v>
      </c>
    </row>
    <row r="46427" spans="1:7" x14ac:dyDescent="0.3">
      <c r="A46427" s="13" t="s">
        <v>267</v>
      </c>
      <c r="B46427" s="14" t="s">
        <v>1</v>
      </c>
      <c r="C46427" s="14" t="s">
        <v>20</v>
      </c>
      <c r="D46427" s="14" t="s">
        <v>122</v>
      </c>
      <c r="E46427" s="15">
        <v>45448</v>
      </c>
      <c r="F46427" s="14" t="s">
        <v>15</v>
      </c>
      <c r="G46427" s="16">
        <v>0.47272959575831608</v>
      </c>
    </row>
    <row r="46428" spans="1:7" x14ac:dyDescent="0.3">
      <c r="A46428" s="13" t="s">
        <v>267</v>
      </c>
      <c r="B46428" s="14" t="s">
        <v>1</v>
      </c>
      <c r="C46428" s="14" t="s">
        <v>20</v>
      </c>
      <c r="D46428" s="14" t="s">
        <v>122</v>
      </c>
      <c r="E46428" s="15">
        <v>45449</v>
      </c>
      <c r="F46428" s="14" t="s">
        <v>15</v>
      </c>
      <c r="G46428" s="16">
        <v>0.47720087242804698</v>
      </c>
    </row>
    <row r="46429" spans="1:7" x14ac:dyDescent="0.3">
      <c r="A46429" s="13" t="s">
        <v>267</v>
      </c>
      <c r="B46429" s="14" t="s">
        <v>1</v>
      </c>
      <c r="C46429" s="14" t="s">
        <v>20</v>
      </c>
      <c r="D46429" s="14" t="s">
        <v>122</v>
      </c>
      <c r="E46429" s="15">
        <v>45450</v>
      </c>
      <c r="F46429" s="14" t="s">
        <v>15</v>
      </c>
      <c r="G46429" s="16">
        <v>0.48158449090667144</v>
      </c>
    </row>
    <row r="46430" spans="1:7" x14ac:dyDescent="0.3">
      <c r="A46430" s="13" t="s">
        <v>267</v>
      </c>
      <c r="B46430" s="14" t="s">
        <v>1</v>
      </c>
      <c r="C46430" s="14" t="s">
        <v>20</v>
      </c>
      <c r="D46430" s="14" t="s">
        <v>122</v>
      </c>
      <c r="E46430" s="15">
        <v>45451</v>
      </c>
      <c r="F46430" s="14" t="s">
        <v>15</v>
      </c>
      <c r="G46430" s="16">
        <v>0.48158449090667144</v>
      </c>
    </row>
    <row r="46431" spans="1:7" x14ac:dyDescent="0.3">
      <c r="A46431" s="13" t="s">
        <v>267</v>
      </c>
      <c r="B46431" s="14" t="s">
        <v>1</v>
      </c>
      <c r="C46431" s="14" t="s">
        <v>20</v>
      </c>
      <c r="D46431" s="14" t="s">
        <v>122</v>
      </c>
      <c r="E46431" s="15">
        <v>45452</v>
      </c>
      <c r="F46431" s="14" t="s">
        <v>15</v>
      </c>
      <c r="G46431" s="16">
        <v>0.48158449090667144</v>
      </c>
    </row>
    <row r="46432" spans="1:7" x14ac:dyDescent="0.3">
      <c r="A46432" s="13" t="s">
        <v>267</v>
      </c>
      <c r="B46432" s="14" t="s">
        <v>1</v>
      </c>
      <c r="C46432" s="14" t="s">
        <v>20</v>
      </c>
      <c r="D46432" s="14" t="s">
        <v>122</v>
      </c>
      <c r="E46432" s="15">
        <v>45453</v>
      </c>
      <c r="F46432" s="14" t="s">
        <v>15</v>
      </c>
      <c r="G46432" s="16">
        <v>0.48629726299031156</v>
      </c>
    </row>
    <row r="46433" spans="1:7" x14ac:dyDescent="0.3">
      <c r="A46433" s="13" t="s">
        <v>267</v>
      </c>
      <c r="B46433" s="14" t="s">
        <v>1</v>
      </c>
      <c r="C46433" s="14" t="s">
        <v>20</v>
      </c>
      <c r="D46433" s="14" t="s">
        <v>122</v>
      </c>
      <c r="E46433" s="15">
        <v>45454</v>
      </c>
      <c r="F46433" s="14" t="s">
        <v>15</v>
      </c>
      <c r="G46433" s="16">
        <v>0.50139143528293806</v>
      </c>
    </row>
    <row r="46434" spans="1:7" x14ac:dyDescent="0.3">
      <c r="A46434" s="13" t="s">
        <v>267</v>
      </c>
      <c r="B46434" s="14" t="s">
        <v>1</v>
      </c>
      <c r="C46434" s="14" t="s">
        <v>20</v>
      </c>
      <c r="D46434" s="14" t="s">
        <v>122</v>
      </c>
      <c r="E46434" s="15">
        <v>45455</v>
      </c>
      <c r="F46434" s="14" t="s">
        <v>15</v>
      </c>
      <c r="G46434" s="16">
        <v>0.50581743156256098</v>
      </c>
    </row>
    <row r="46435" spans="1:7" x14ac:dyDescent="0.3">
      <c r="A46435" s="13" t="s">
        <v>267</v>
      </c>
      <c r="B46435" s="14" t="s">
        <v>1</v>
      </c>
      <c r="C46435" s="14" t="s">
        <v>20</v>
      </c>
      <c r="D46435" s="14" t="s">
        <v>122</v>
      </c>
      <c r="E46435" s="15">
        <v>45456</v>
      </c>
      <c r="F46435" s="14" t="s">
        <v>15</v>
      </c>
      <c r="G46435" s="16">
        <v>0.51024749146693726</v>
      </c>
    </row>
    <row r="46436" spans="1:7" x14ac:dyDescent="0.3">
      <c r="A46436" s="13" t="s">
        <v>267</v>
      </c>
      <c r="B46436" s="14" t="s">
        <v>1</v>
      </c>
      <c r="C46436" s="14" t="s">
        <v>20</v>
      </c>
      <c r="D46436" s="14" t="s">
        <v>122</v>
      </c>
      <c r="E46436" s="15">
        <v>45457</v>
      </c>
      <c r="F46436" s="14" t="s">
        <v>15</v>
      </c>
      <c r="G46436" s="16">
        <v>0.53187655288065971</v>
      </c>
    </row>
    <row r="46437" spans="1:7" x14ac:dyDescent="0.3">
      <c r="A46437" s="13" t="s">
        <v>267</v>
      </c>
      <c r="B46437" s="14" t="s">
        <v>1</v>
      </c>
      <c r="C46437" s="14" t="s">
        <v>20</v>
      </c>
      <c r="D46437" s="14" t="s">
        <v>122</v>
      </c>
      <c r="E46437" s="15">
        <v>45458</v>
      </c>
      <c r="F46437" s="14" t="s">
        <v>15</v>
      </c>
      <c r="G46437" s="16">
        <v>0.53187655288065971</v>
      </c>
    </row>
    <row r="46438" spans="1:7" x14ac:dyDescent="0.3">
      <c r="A46438" s="13" t="s">
        <v>267</v>
      </c>
      <c r="B46438" s="14" t="s">
        <v>1</v>
      </c>
      <c r="C46438" s="14" t="s">
        <v>20</v>
      </c>
      <c r="D46438" s="14" t="s">
        <v>122</v>
      </c>
      <c r="E46438" s="15">
        <v>45459</v>
      </c>
      <c r="F46438" s="14" t="s">
        <v>15</v>
      </c>
      <c r="G46438" s="16">
        <v>0.53187655288065971</v>
      </c>
    </row>
    <row r="46439" spans="1:7" x14ac:dyDescent="0.3">
      <c r="A46439" s="13" t="s">
        <v>267</v>
      </c>
      <c r="B46439" s="14" t="s">
        <v>1</v>
      </c>
      <c r="C46439" s="14" t="s">
        <v>20</v>
      </c>
      <c r="D46439" s="14" t="s">
        <v>122</v>
      </c>
      <c r="E46439" s="15">
        <v>45460</v>
      </c>
      <c r="F46439" s="14" t="s">
        <v>15</v>
      </c>
      <c r="G46439" s="16">
        <v>0.53707637941687159</v>
      </c>
    </row>
    <row r="46440" spans="1:7" x14ac:dyDescent="0.3">
      <c r="A46440" s="13" t="s">
        <v>267</v>
      </c>
      <c r="B46440" s="14" t="s">
        <v>1</v>
      </c>
      <c r="C46440" s="14" t="s">
        <v>20</v>
      </c>
      <c r="D46440" s="14" t="s">
        <v>122</v>
      </c>
      <c r="E46440" s="15">
        <v>45461</v>
      </c>
      <c r="F46440" s="14" t="s">
        <v>15</v>
      </c>
      <c r="G46440" s="16">
        <v>0.55048821106164025</v>
      </c>
    </row>
    <row r="46441" spans="1:7" x14ac:dyDescent="0.3">
      <c r="A46441" s="13" t="s">
        <v>267</v>
      </c>
      <c r="B46441" s="14" t="s">
        <v>1</v>
      </c>
      <c r="C46441" s="14" t="s">
        <v>20</v>
      </c>
      <c r="D46441" s="14" t="s">
        <v>122</v>
      </c>
      <c r="E46441" s="15">
        <v>45462</v>
      </c>
      <c r="F46441" s="14" t="s">
        <v>15</v>
      </c>
      <c r="G46441" s="16">
        <v>0.55544480063047719</v>
      </c>
    </row>
    <row r="46442" spans="1:7" x14ac:dyDescent="0.3">
      <c r="A46442" s="13" t="s">
        <v>267</v>
      </c>
      <c r="B46442" s="14" t="s">
        <v>1</v>
      </c>
      <c r="C46442" s="14" t="s">
        <v>20</v>
      </c>
      <c r="D46442" s="14" t="s">
        <v>122</v>
      </c>
      <c r="E46442" s="15">
        <v>45463</v>
      </c>
      <c r="F46442" s="14" t="s">
        <v>15</v>
      </c>
      <c r="G46442" s="16">
        <v>0.55982087237741696</v>
      </c>
    </row>
    <row r="46443" spans="1:7" x14ac:dyDescent="0.3">
      <c r="A46443" s="13" t="s">
        <v>267</v>
      </c>
      <c r="B46443" s="14" t="s">
        <v>1</v>
      </c>
      <c r="C46443" s="14" t="s">
        <v>20</v>
      </c>
      <c r="D46443" s="14" t="s">
        <v>122</v>
      </c>
      <c r="E46443" s="15">
        <v>45464</v>
      </c>
      <c r="F46443" s="14" t="s">
        <v>15</v>
      </c>
      <c r="G46443" s="16">
        <v>0.56529818643249563</v>
      </c>
    </row>
    <row r="46444" spans="1:7" x14ac:dyDescent="0.3">
      <c r="A46444" s="13" t="s">
        <v>267</v>
      </c>
      <c r="B46444" s="14" t="s">
        <v>1</v>
      </c>
      <c r="C46444" s="14" t="s">
        <v>20</v>
      </c>
      <c r="D46444" s="14" t="s">
        <v>122</v>
      </c>
      <c r="E46444" s="15">
        <v>45465</v>
      </c>
      <c r="F46444" s="14" t="s">
        <v>15</v>
      </c>
      <c r="G46444" s="16">
        <v>0.56529818643249563</v>
      </c>
    </row>
    <row r="46445" spans="1:7" x14ac:dyDescent="0.3">
      <c r="A46445" s="13" t="s">
        <v>267</v>
      </c>
      <c r="B46445" s="14" t="s">
        <v>1</v>
      </c>
      <c r="C46445" s="14" t="s">
        <v>20</v>
      </c>
      <c r="D46445" s="14" t="s">
        <v>122</v>
      </c>
      <c r="E46445" s="15">
        <v>45466</v>
      </c>
      <c r="F46445" s="14" t="s">
        <v>15</v>
      </c>
      <c r="G46445" s="16">
        <v>0.56529818643249563</v>
      </c>
    </row>
    <row r="46446" spans="1:7" x14ac:dyDescent="0.3">
      <c r="A46446" s="13" t="s">
        <v>267</v>
      </c>
      <c r="B46446" s="14" t="s">
        <v>1</v>
      </c>
      <c r="C46446" s="14" t="s">
        <v>20</v>
      </c>
      <c r="D46446" s="14" t="s">
        <v>122</v>
      </c>
      <c r="E46446" s="15">
        <v>45467</v>
      </c>
      <c r="F46446" s="14" t="s">
        <v>15</v>
      </c>
      <c r="G46446" s="16">
        <v>0.57347490835939596</v>
      </c>
    </row>
    <row r="46447" spans="1:7" x14ac:dyDescent="0.3">
      <c r="A46447" s="13" t="s">
        <v>267</v>
      </c>
      <c r="B46447" s="14" t="s">
        <v>1</v>
      </c>
      <c r="C46447" s="14" t="s">
        <v>20</v>
      </c>
      <c r="D46447" s="14" t="s">
        <v>122</v>
      </c>
      <c r="E46447" s="15">
        <v>45468</v>
      </c>
      <c r="F46447" s="14" t="s">
        <v>15</v>
      </c>
      <c r="G46447" s="16">
        <v>0.58509061786321481</v>
      </c>
    </row>
    <row r="46448" spans="1:7" x14ac:dyDescent="0.3">
      <c r="A46448" s="13" t="s">
        <v>267</v>
      </c>
      <c r="B46448" s="14" t="s">
        <v>1</v>
      </c>
      <c r="C46448" s="14" t="s">
        <v>20</v>
      </c>
      <c r="D46448" s="14" t="s">
        <v>122</v>
      </c>
      <c r="E46448" s="15">
        <v>45469</v>
      </c>
      <c r="F46448" s="14" t="s">
        <v>15</v>
      </c>
      <c r="G46448" s="16">
        <v>0.58890300680509244</v>
      </c>
    </row>
    <row r="46449" spans="1:7" x14ac:dyDescent="0.3">
      <c r="A46449" s="13" t="s">
        <v>267</v>
      </c>
      <c r="B46449" s="14" t="s">
        <v>1</v>
      </c>
      <c r="C46449" s="14" t="s">
        <v>20</v>
      </c>
      <c r="D46449" s="14" t="s">
        <v>122</v>
      </c>
      <c r="E46449" s="15">
        <v>45470</v>
      </c>
      <c r="F46449" s="14" t="s">
        <v>15</v>
      </c>
      <c r="G46449" s="16">
        <v>0.59270901005092935</v>
      </c>
    </row>
    <row r="46450" spans="1:7" x14ac:dyDescent="0.3">
      <c r="A46450" s="13" t="s">
        <v>267</v>
      </c>
      <c r="B46450" s="14" t="s">
        <v>1</v>
      </c>
      <c r="C46450" s="14" t="s">
        <v>20</v>
      </c>
      <c r="D46450" s="14" t="s">
        <v>122</v>
      </c>
      <c r="E46450" s="15">
        <v>45471</v>
      </c>
      <c r="F46450" s="14" t="s">
        <v>15</v>
      </c>
      <c r="G46450" s="16">
        <v>0.59447217108151018</v>
      </c>
    </row>
    <row r="46451" spans="1:7" x14ac:dyDescent="0.3">
      <c r="A46451" s="13" t="s">
        <v>267</v>
      </c>
      <c r="B46451" s="14" t="s">
        <v>1</v>
      </c>
      <c r="C46451" s="14" t="s">
        <v>20</v>
      </c>
      <c r="D46451" s="14" t="s">
        <v>122</v>
      </c>
      <c r="E46451" s="15">
        <v>45472</v>
      </c>
      <c r="F46451" s="14" t="s">
        <v>15</v>
      </c>
      <c r="G46451" s="16">
        <v>0.59447217108151018</v>
      </c>
    </row>
    <row r="46452" spans="1:7" x14ac:dyDescent="0.3">
      <c r="A46452" s="13" t="s">
        <v>267</v>
      </c>
      <c r="B46452" s="14" t="s">
        <v>1</v>
      </c>
      <c r="C46452" s="14" t="s">
        <v>20</v>
      </c>
      <c r="D46452" s="14" t="s">
        <v>122</v>
      </c>
      <c r="E46452" s="15">
        <v>45473</v>
      </c>
      <c r="F46452" s="14" t="s">
        <v>15</v>
      </c>
      <c r="G46452" s="16">
        <v>0.59447217108151018</v>
      </c>
    </row>
    <row r="46453" spans="1:7" x14ac:dyDescent="0.3">
      <c r="A46453" s="13" t="s">
        <v>267</v>
      </c>
      <c r="B46453" s="14" t="s">
        <v>1</v>
      </c>
      <c r="C46453" s="14" t="s">
        <v>20</v>
      </c>
      <c r="D46453" s="14" t="s">
        <v>122</v>
      </c>
      <c r="E46453" s="15">
        <v>45474</v>
      </c>
      <c r="F46453" s="14" t="s">
        <v>15</v>
      </c>
      <c r="G46453" s="16">
        <v>0.59843026999668403</v>
      </c>
    </row>
    <row r="46454" spans="1:7" x14ac:dyDescent="0.3">
      <c r="A46454" s="13" t="s">
        <v>267</v>
      </c>
      <c r="B46454" s="14" t="s">
        <v>1</v>
      </c>
      <c r="C46454" s="14" t="s">
        <v>20</v>
      </c>
      <c r="D46454" s="14" t="s">
        <v>122</v>
      </c>
      <c r="E46454" s="15">
        <v>45475</v>
      </c>
      <c r="F46454" s="14" t="s">
        <v>15</v>
      </c>
      <c r="G46454" s="16">
        <v>0.62144270537998736</v>
      </c>
    </row>
    <row r="46455" spans="1:7" x14ac:dyDescent="0.3">
      <c r="A46455" s="13" t="s">
        <v>267</v>
      </c>
      <c r="B46455" s="14" t="s">
        <v>1</v>
      </c>
      <c r="C46455" s="14" t="s">
        <v>20</v>
      </c>
      <c r="D46455" s="14" t="s">
        <v>122</v>
      </c>
      <c r="E46455" s="15">
        <v>45476</v>
      </c>
      <c r="F46455" s="14" t="s">
        <v>15</v>
      </c>
      <c r="G46455" s="16">
        <v>0.62440289415932004</v>
      </c>
    </row>
    <row r="46456" spans="1:7" x14ac:dyDescent="0.3">
      <c r="A46456" s="13" t="s">
        <v>267</v>
      </c>
      <c r="B46456" s="14" t="s">
        <v>1</v>
      </c>
      <c r="C46456" s="14" t="s">
        <v>20</v>
      </c>
      <c r="D46456" s="14" t="s">
        <v>122</v>
      </c>
      <c r="E46456" s="15">
        <v>45477</v>
      </c>
      <c r="F46456" s="14" t="s">
        <v>15</v>
      </c>
      <c r="G46456" s="16">
        <v>0.62852295754680321</v>
      </c>
    </row>
    <row r="46457" spans="1:7" x14ac:dyDescent="0.3">
      <c r="A46457" s="13" t="s">
        <v>267</v>
      </c>
      <c r="B46457" s="14" t="s">
        <v>1</v>
      </c>
      <c r="C46457" s="14" t="s">
        <v>20</v>
      </c>
      <c r="D46457" s="14" t="s">
        <v>122</v>
      </c>
      <c r="E46457" s="15">
        <v>45478</v>
      </c>
      <c r="F46457" s="14" t="s">
        <v>15</v>
      </c>
      <c r="G46457" s="16">
        <v>0.63286071511749786</v>
      </c>
    </row>
    <row r="46458" spans="1:7" x14ac:dyDescent="0.3">
      <c r="A46458" s="13" t="s">
        <v>267</v>
      </c>
      <c r="B46458" s="14" t="s">
        <v>1</v>
      </c>
      <c r="C46458" s="14" t="s">
        <v>20</v>
      </c>
      <c r="D46458" s="14" t="s">
        <v>122</v>
      </c>
      <c r="E46458" s="15">
        <v>45479</v>
      </c>
      <c r="F46458" s="14" t="s">
        <v>15</v>
      </c>
      <c r="G46458" s="16">
        <v>0.63286071511749786</v>
      </c>
    </row>
    <row r="46459" spans="1:7" x14ac:dyDescent="0.3">
      <c r="A46459" s="13" t="s">
        <v>267</v>
      </c>
      <c r="B46459" s="14" t="s">
        <v>1</v>
      </c>
      <c r="C46459" s="14" t="s">
        <v>20</v>
      </c>
      <c r="D46459" s="14" t="s">
        <v>122</v>
      </c>
      <c r="E46459" s="15">
        <v>45480</v>
      </c>
      <c r="F46459" s="14" t="s">
        <v>15</v>
      </c>
      <c r="G46459" s="16">
        <v>0.63286071511749786</v>
      </c>
    </row>
    <row r="46460" spans="1:7" x14ac:dyDescent="0.3">
      <c r="A46460" s="13" t="s">
        <v>267</v>
      </c>
      <c r="B46460" s="14" t="s">
        <v>1</v>
      </c>
      <c r="C46460" s="14" t="s">
        <v>20</v>
      </c>
      <c r="D46460" s="14" t="s">
        <v>122</v>
      </c>
      <c r="E46460" s="15">
        <v>45481</v>
      </c>
      <c r="F46460" s="14" t="s">
        <v>15</v>
      </c>
      <c r="G46460" s="16">
        <v>0.63718802336739833</v>
      </c>
    </row>
    <row r="46461" spans="1:7" x14ac:dyDescent="0.3">
      <c r="A46461" s="13" t="s">
        <v>267</v>
      </c>
      <c r="B46461" s="14" t="s">
        <v>1</v>
      </c>
      <c r="C46461" s="14" t="s">
        <v>20</v>
      </c>
      <c r="D46461" s="14" t="s">
        <v>122</v>
      </c>
      <c r="E46461" s="15">
        <v>45482</v>
      </c>
      <c r="F46461" s="14" t="s">
        <v>15</v>
      </c>
      <c r="G46461" s="16">
        <v>0.65018594580515421</v>
      </c>
    </row>
    <row r="46462" spans="1:7" x14ac:dyDescent="0.3">
      <c r="A46462" s="13" t="s">
        <v>267</v>
      </c>
      <c r="B46462" s="14" t="s">
        <v>1</v>
      </c>
      <c r="C46462" s="14" t="s">
        <v>20</v>
      </c>
      <c r="D46462" s="14" t="s">
        <v>122</v>
      </c>
      <c r="E46462" s="15">
        <v>45483</v>
      </c>
      <c r="F46462" s="14" t="s">
        <v>15</v>
      </c>
      <c r="G46462" s="16">
        <v>0.66474197807688207</v>
      </c>
    </row>
    <row r="46463" spans="1:7" x14ac:dyDescent="0.3">
      <c r="A46463" s="13" t="s">
        <v>267</v>
      </c>
      <c r="B46463" s="14" t="s">
        <v>1</v>
      </c>
      <c r="C46463" s="14" t="s">
        <v>20</v>
      </c>
      <c r="D46463" s="14" t="s">
        <v>122</v>
      </c>
      <c r="E46463" s="15">
        <v>45484</v>
      </c>
      <c r="F46463" s="14" t="s">
        <v>15</v>
      </c>
      <c r="G46463" s="16">
        <v>0.66941121132387993</v>
      </c>
    </row>
    <row r="46464" spans="1:7" x14ac:dyDescent="0.3">
      <c r="A46464" s="13" t="s">
        <v>267</v>
      </c>
      <c r="B46464" s="14" t="s">
        <v>1</v>
      </c>
      <c r="C46464" s="14" t="s">
        <v>20</v>
      </c>
      <c r="D46464" s="14" t="s">
        <v>122</v>
      </c>
      <c r="E46464" s="15">
        <v>45485</v>
      </c>
      <c r="F46464" s="14" t="s">
        <v>15</v>
      </c>
      <c r="G46464" s="16">
        <v>0.67592628984036829</v>
      </c>
    </row>
    <row r="46465" spans="1:7" x14ac:dyDescent="0.3">
      <c r="A46465" s="13" t="s">
        <v>267</v>
      </c>
      <c r="B46465" s="14" t="s">
        <v>1</v>
      </c>
      <c r="C46465" s="14" t="s">
        <v>20</v>
      </c>
      <c r="D46465" s="14" t="s">
        <v>122</v>
      </c>
      <c r="E46465" s="15">
        <v>45486</v>
      </c>
      <c r="F46465" s="14" t="s">
        <v>15</v>
      </c>
      <c r="G46465" s="16">
        <v>0.67592628984036829</v>
      </c>
    </row>
    <row r="46466" spans="1:7" x14ac:dyDescent="0.3">
      <c r="A46466" s="13" t="s">
        <v>267</v>
      </c>
      <c r="B46466" s="14" t="s">
        <v>1</v>
      </c>
      <c r="C46466" s="14" t="s">
        <v>20</v>
      </c>
      <c r="D46466" s="14" t="s">
        <v>122</v>
      </c>
      <c r="E46466" s="15">
        <v>45487</v>
      </c>
      <c r="F46466" s="14" t="s">
        <v>15</v>
      </c>
      <c r="G46466" s="16">
        <v>0.67592628984036829</v>
      </c>
    </row>
    <row r="46467" spans="1:7" x14ac:dyDescent="0.3">
      <c r="A46467" s="13" t="s">
        <v>267</v>
      </c>
      <c r="B46467" s="14" t="s">
        <v>1</v>
      </c>
      <c r="C46467" s="14" t="s">
        <v>20</v>
      </c>
      <c r="D46467" s="14" t="s">
        <v>122</v>
      </c>
      <c r="E46467" s="15">
        <v>45488</v>
      </c>
      <c r="F46467" s="14" t="s">
        <v>15</v>
      </c>
      <c r="G46467" s="16">
        <v>0.68016856179833585</v>
      </c>
    </row>
    <row r="46468" spans="1:7" x14ac:dyDescent="0.3">
      <c r="A46468" s="13" t="s">
        <v>267</v>
      </c>
      <c r="B46468" s="14" t="s">
        <v>1</v>
      </c>
      <c r="C46468" s="14" t="s">
        <v>20</v>
      </c>
      <c r="D46468" s="14" t="s">
        <v>122</v>
      </c>
      <c r="E46468" s="15">
        <v>45489</v>
      </c>
      <c r="F46468" s="14" t="s">
        <v>15</v>
      </c>
      <c r="G46468" s="16">
        <v>0.69288748937581623</v>
      </c>
    </row>
    <row r="46469" spans="1:7" x14ac:dyDescent="0.3">
      <c r="A46469" s="13" t="s">
        <v>267</v>
      </c>
      <c r="B46469" s="14" t="s">
        <v>1</v>
      </c>
      <c r="C46469" s="14" t="s">
        <v>20</v>
      </c>
      <c r="D46469" s="14" t="s">
        <v>122</v>
      </c>
      <c r="E46469" s="15">
        <v>45490</v>
      </c>
      <c r="F46469" s="14" t="s">
        <v>15</v>
      </c>
      <c r="G46469" s="16">
        <v>0.69711231845919808</v>
      </c>
    </row>
    <row r="46470" spans="1:7" x14ac:dyDescent="0.3">
      <c r="A46470" s="13" t="s">
        <v>267</v>
      </c>
      <c r="B46470" s="14" t="s">
        <v>1</v>
      </c>
      <c r="C46470" s="14" t="s">
        <v>20</v>
      </c>
      <c r="D46470" s="14" t="s">
        <v>122</v>
      </c>
      <c r="E46470" s="15">
        <v>45491</v>
      </c>
      <c r="F46470" s="14" t="s">
        <v>15</v>
      </c>
      <c r="G46470" s="16">
        <v>0.7013173789513828</v>
      </c>
    </row>
    <row r="46471" spans="1:7" x14ac:dyDescent="0.3">
      <c r="A46471" s="13" t="s">
        <v>267</v>
      </c>
      <c r="B46471" s="14" t="s">
        <v>1</v>
      </c>
      <c r="C46471" s="14" t="s">
        <v>20</v>
      </c>
      <c r="D46471" s="14" t="s">
        <v>122</v>
      </c>
      <c r="E46471" s="15">
        <v>45492</v>
      </c>
      <c r="F46471" s="14" t="s">
        <v>15</v>
      </c>
      <c r="G46471" s="16">
        <v>0.70555732519273895</v>
      </c>
    </row>
    <row r="46472" spans="1:7" x14ac:dyDescent="0.3">
      <c r="A46472" s="13" t="s">
        <v>267</v>
      </c>
      <c r="B46472" s="14" t="s">
        <v>1</v>
      </c>
      <c r="C46472" s="14" t="s">
        <v>20</v>
      </c>
      <c r="D46472" s="14" t="s">
        <v>122</v>
      </c>
      <c r="E46472" s="15">
        <v>45493</v>
      </c>
      <c r="F46472" s="14" t="s">
        <v>15</v>
      </c>
      <c r="G46472" s="16">
        <v>0.70555732519273895</v>
      </c>
    </row>
    <row r="46473" spans="1:7" x14ac:dyDescent="0.3">
      <c r="A46473" s="13" t="s">
        <v>267</v>
      </c>
      <c r="B46473" s="14" t="s">
        <v>1</v>
      </c>
      <c r="C46473" s="14" t="s">
        <v>20</v>
      </c>
      <c r="D46473" s="14" t="s">
        <v>122</v>
      </c>
      <c r="E46473" s="15">
        <v>45494</v>
      </c>
      <c r="F46473" s="14" t="s">
        <v>15</v>
      </c>
      <c r="G46473" s="16">
        <v>0.70555732519273895</v>
      </c>
    </row>
    <row r="46474" spans="1:7" x14ac:dyDescent="0.3">
      <c r="A46474" s="13" t="s">
        <v>267</v>
      </c>
      <c r="B46474" s="14" t="s">
        <v>1</v>
      </c>
      <c r="C46474" s="14" t="s">
        <v>20</v>
      </c>
      <c r="D46474" s="14" t="s">
        <v>122</v>
      </c>
      <c r="E46474" s="15">
        <v>45495</v>
      </c>
      <c r="F46474" s="14" t="s">
        <v>15</v>
      </c>
      <c r="G46474" s="16">
        <v>0.70856406020088381</v>
      </c>
    </row>
    <row r="46475" spans="1:7" x14ac:dyDescent="0.3">
      <c r="A46475" s="13" t="s">
        <v>267</v>
      </c>
      <c r="B46475" s="14" t="s">
        <v>1</v>
      </c>
      <c r="C46475" s="14" t="s">
        <v>20</v>
      </c>
      <c r="D46475" s="14" t="s">
        <v>122</v>
      </c>
      <c r="E46475" s="15">
        <v>45496</v>
      </c>
      <c r="F46475" s="14" t="s">
        <v>15</v>
      </c>
      <c r="G46475" s="16">
        <v>0.72152951373917584</v>
      </c>
    </row>
    <row r="46476" spans="1:7" x14ac:dyDescent="0.3">
      <c r="A46476" s="13" t="s">
        <v>267</v>
      </c>
      <c r="B46476" s="14" t="s">
        <v>1</v>
      </c>
      <c r="C46476" s="14" t="s">
        <v>20</v>
      </c>
      <c r="D46476" s="14" t="s">
        <v>122</v>
      </c>
      <c r="E46476" s="15">
        <v>45497</v>
      </c>
      <c r="F46476" s="14" t="s">
        <v>15</v>
      </c>
      <c r="G46476" s="16">
        <v>0.72578864714257629</v>
      </c>
    </row>
    <row r="46477" spans="1:7" x14ac:dyDescent="0.3">
      <c r="A46477" s="13" t="s">
        <v>267</v>
      </c>
      <c r="B46477" s="14" t="s">
        <v>1</v>
      </c>
      <c r="C46477" s="14" t="s">
        <v>20</v>
      </c>
      <c r="D46477" s="14" t="s">
        <v>122</v>
      </c>
      <c r="E46477" s="15">
        <v>45498</v>
      </c>
      <c r="F46477" s="14" t="s">
        <v>15</v>
      </c>
      <c r="G46477" s="16">
        <v>0.73005068769174097</v>
      </c>
    </row>
    <row r="46478" spans="1:7" x14ac:dyDescent="0.3">
      <c r="A46478" s="13" t="s">
        <v>267</v>
      </c>
      <c r="B46478" s="14" t="s">
        <v>1</v>
      </c>
      <c r="C46478" s="14" t="s">
        <v>20</v>
      </c>
      <c r="D46478" s="14" t="s">
        <v>122</v>
      </c>
      <c r="E46478" s="15">
        <v>45499</v>
      </c>
      <c r="F46478" s="14" t="s">
        <v>15</v>
      </c>
      <c r="G46478" s="16">
        <v>0.73437377830195583</v>
      </c>
    </row>
    <row r="46479" spans="1:7" x14ac:dyDescent="0.3">
      <c r="A46479" s="13" t="s">
        <v>267</v>
      </c>
      <c r="B46479" s="14" t="s">
        <v>1</v>
      </c>
      <c r="C46479" s="14" t="s">
        <v>20</v>
      </c>
      <c r="D46479" s="14" t="s">
        <v>122</v>
      </c>
      <c r="E46479" s="15">
        <v>45500</v>
      </c>
      <c r="F46479" s="14" t="s">
        <v>15</v>
      </c>
      <c r="G46479" s="16">
        <v>0.73437377830195583</v>
      </c>
    </row>
    <row r="46480" spans="1:7" x14ac:dyDescent="0.3">
      <c r="A46480" s="13" t="s">
        <v>267</v>
      </c>
      <c r="B46480" s="14" t="s">
        <v>1</v>
      </c>
      <c r="C46480" s="14" t="s">
        <v>20</v>
      </c>
      <c r="D46480" s="14" t="s">
        <v>122</v>
      </c>
      <c r="E46480" s="15">
        <v>45501</v>
      </c>
      <c r="F46480" s="14" t="s">
        <v>15</v>
      </c>
      <c r="G46480" s="16">
        <v>0.73437377830195583</v>
      </c>
    </row>
    <row r="46481" spans="1:7" x14ac:dyDescent="0.3">
      <c r="A46481" s="13" t="s">
        <v>267</v>
      </c>
      <c r="B46481" s="14" t="s">
        <v>1</v>
      </c>
      <c r="C46481" s="14" t="s">
        <v>20</v>
      </c>
      <c r="D46481" s="14" t="s">
        <v>122</v>
      </c>
      <c r="E46481" s="15">
        <v>45502</v>
      </c>
      <c r="F46481" s="14" t="s">
        <v>15</v>
      </c>
      <c r="G46481" s="16">
        <v>0.73873117323218929</v>
      </c>
    </row>
    <row r="46482" spans="1:7" x14ac:dyDescent="0.3">
      <c r="A46482" s="13" t="s">
        <v>267</v>
      </c>
      <c r="B46482" s="14" t="s">
        <v>1</v>
      </c>
      <c r="C46482" s="14" t="s">
        <v>20</v>
      </c>
      <c r="D46482" s="14" t="s">
        <v>122</v>
      </c>
      <c r="E46482" s="15">
        <v>45503</v>
      </c>
      <c r="F46482" s="14" t="s">
        <v>15</v>
      </c>
      <c r="G46482" s="16">
        <v>0.75164604243418276</v>
      </c>
    </row>
    <row r="46483" spans="1:7" x14ac:dyDescent="0.3">
      <c r="A46483" s="13" t="s">
        <v>267</v>
      </c>
      <c r="B46483" s="14" t="s">
        <v>1</v>
      </c>
      <c r="C46483" s="14" t="s">
        <v>20</v>
      </c>
      <c r="D46483" s="14" t="s">
        <v>122</v>
      </c>
      <c r="E46483" s="15">
        <v>45504</v>
      </c>
      <c r="F46483" s="14" t="s">
        <v>15</v>
      </c>
      <c r="G46483" s="16">
        <v>0.75907105757489357</v>
      </c>
    </row>
    <row r="46484" spans="1:7" x14ac:dyDescent="0.3">
      <c r="A46484" s="13" t="s">
        <v>267</v>
      </c>
      <c r="B46484" s="14" t="s">
        <v>1</v>
      </c>
      <c r="C46484" s="14" t="s">
        <v>20</v>
      </c>
      <c r="D46484" s="14" t="s">
        <v>122</v>
      </c>
      <c r="E46484" s="15">
        <v>45505</v>
      </c>
      <c r="F46484" s="14" t="s">
        <v>15</v>
      </c>
      <c r="G46484" s="16">
        <v>0.75907105757489357</v>
      </c>
    </row>
    <row r="46485" spans="1:7" x14ac:dyDescent="0.3">
      <c r="A46485" s="13" t="s">
        <v>267</v>
      </c>
      <c r="B46485" s="14" t="s">
        <v>1</v>
      </c>
      <c r="C46485" s="14" t="s">
        <v>20</v>
      </c>
      <c r="D46485" s="14" t="s">
        <v>122</v>
      </c>
      <c r="E46485" s="15">
        <v>45506</v>
      </c>
      <c r="F46485" s="14" t="s">
        <v>15</v>
      </c>
      <c r="G46485" s="16">
        <v>0.76337476662452763</v>
      </c>
    </row>
    <row r="46486" spans="1:7" x14ac:dyDescent="0.3">
      <c r="A46486" s="13" t="s">
        <v>267</v>
      </c>
      <c r="B46486" s="14" t="s">
        <v>1</v>
      </c>
      <c r="C46486" s="14" t="s">
        <v>20</v>
      </c>
      <c r="D46486" s="14" t="s">
        <v>122</v>
      </c>
      <c r="E46486" s="15">
        <v>45507</v>
      </c>
      <c r="F46486" s="14" t="s">
        <v>15</v>
      </c>
      <c r="G46486" s="16">
        <v>0.76337476662452763</v>
      </c>
    </row>
    <row r="46487" spans="1:7" x14ac:dyDescent="0.3">
      <c r="A46487" s="13" t="s">
        <v>267</v>
      </c>
      <c r="B46487" s="14" t="s">
        <v>1</v>
      </c>
      <c r="C46487" s="14" t="s">
        <v>20</v>
      </c>
      <c r="D46487" s="14" t="s">
        <v>122</v>
      </c>
      <c r="E46487" s="15">
        <v>45508</v>
      </c>
      <c r="F46487" s="14" t="s">
        <v>15</v>
      </c>
      <c r="G46487" s="16">
        <v>0.76337476662452763</v>
      </c>
    </row>
    <row r="46488" spans="1:7" x14ac:dyDescent="0.3">
      <c r="A46488" s="13" t="s">
        <v>267</v>
      </c>
      <c r="B46488" s="14" t="s">
        <v>1</v>
      </c>
      <c r="C46488" s="14" t="s">
        <v>20</v>
      </c>
      <c r="D46488" s="14" t="s">
        <v>122</v>
      </c>
      <c r="E46488" s="15">
        <v>45509</v>
      </c>
      <c r="F46488" s="14" t="s">
        <v>15</v>
      </c>
      <c r="G46488" s="16">
        <v>0.76337476662452763</v>
      </c>
    </row>
    <row r="46489" spans="1:7" x14ac:dyDescent="0.3">
      <c r="A46489" s="13" t="s">
        <v>267</v>
      </c>
      <c r="B46489" s="14" t="s">
        <v>1</v>
      </c>
      <c r="C46489" s="14" t="s">
        <v>20</v>
      </c>
      <c r="D46489" s="14" t="s">
        <v>122</v>
      </c>
      <c r="E46489" s="15">
        <v>45510</v>
      </c>
      <c r="F46489" s="14" t="s">
        <v>15</v>
      </c>
      <c r="G46489" s="16">
        <v>0.79646575604278791</v>
      </c>
    </row>
    <row r="46490" spans="1:7" x14ac:dyDescent="0.3">
      <c r="A46490" s="13" t="s">
        <v>267</v>
      </c>
      <c r="B46490" s="14" t="s">
        <v>1</v>
      </c>
      <c r="C46490" s="14" t="s">
        <v>20</v>
      </c>
      <c r="D46490" s="14" t="s">
        <v>122</v>
      </c>
      <c r="E46490" s="15">
        <v>45511</v>
      </c>
      <c r="F46490" s="14" t="s">
        <v>15</v>
      </c>
      <c r="G46490" s="16">
        <v>0.82469725890476686</v>
      </c>
    </row>
    <row r="46491" spans="1:7" x14ac:dyDescent="0.3">
      <c r="A46491" s="13" t="s">
        <v>267</v>
      </c>
      <c r="B46491" s="14" t="s">
        <v>1</v>
      </c>
      <c r="C46491" s="14" t="s">
        <v>20</v>
      </c>
      <c r="D46491" s="14" t="s">
        <v>122</v>
      </c>
      <c r="E46491" s="15">
        <v>45512</v>
      </c>
      <c r="F46491" s="14" t="s">
        <v>15</v>
      </c>
      <c r="G46491" s="16">
        <v>0.82912553122342725</v>
      </c>
    </row>
    <row r="46492" spans="1:7" x14ac:dyDescent="0.3">
      <c r="A46492" s="13" t="s">
        <v>267</v>
      </c>
      <c r="B46492" s="14" t="s">
        <v>1</v>
      </c>
      <c r="C46492" s="14" t="s">
        <v>20</v>
      </c>
      <c r="D46492" s="14" t="s">
        <v>122</v>
      </c>
      <c r="E46492" s="15">
        <v>45513</v>
      </c>
      <c r="F46492" s="14" t="s">
        <v>15</v>
      </c>
      <c r="G46492" s="16">
        <v>0.833546883360475</v>
      </c>
    </row>
    <row r="46493" spans="1:7" x14ac:dyDescent="0.3">
      <c r="A46493" s="13" t="s">
        <v>267</v>
      </c>
      <c r="B46493" s="14" t="s">
        <v>1</v>
      </c>
      <c r="C46493" s="14" t="s">
        <v>20</v>
      </c>
      <c r="D46493" s="14" t="s">
        <v>122</v>
      </c>
      <c r="E46493" s="15">
        <v>45514</v>
      </c>
      <c r="F46493" s="14" t="s">
        <v>15</v>
      </c>
      <c r="G46493" s="16">
        <v>0.833546883360475</v>
      </c>
    </row>
    <row r="46494" spans="1:7" x14ac:dyDescent="0.3">
      <c r="A46494" s="13" t="s">
        <v>267</v>
      </c>
      <c r="B46494" s="14" t="s">
        <v>1</v>
      </c>
      <c r="C46494" s="14" t="s">
        <v>20</v>
      </c>
      <c r="D46494" s="14" t="s">
        <v>122</v>
      </c>
      <c r="E46494" s="15">
        <v>45515</v>
      </c>
      <c r="F46494" s="14" t="s">
        <v>15</v>
      </c>
      <c r="G46494" s="16">
        <v>0.833546883360475</v>
      </c>
    </row>
    <row r="46495" spans="1:7" x14ac:dyDescent="0.3">
      <c r="A46495" s="13" t="s">
        <v>267</v>
      </c>
      <c r="B46495" s="14" t="s">
        <v>1</v>
      </c>
      <c r="C46495" s="14" t="s">
        <v>20</v>
      </c>
      <c r="D46495" s="14" t="s">
        <v>122</v>
      </c>
      <c r="E46495" s="15">
        <v>45516</v>
      </c>
      <c r="F46495" s="14" t="s">
        <v>15</v>
      </c>
      <c r="G46495" s="16">
        <v>0.83862669048535732</v>
      </c>
    </row>
    <row r="46496" spans="1:7" x14ac:dyDescent="0.3">
      <c r="A46496" s="13" t="s">
        <v>267</v>
      </c>
      <c r="B46496" s="14" t="s">
        <v>1</v>
      </c>
      <c r="C46496" s="14" t="s">
        <v>20</v>
      </c>
      <c r="D46496" s="14" t="s">
        <v>122</v>
      </c>
      <c r="E46496" s="15">
        <v>45517</v>
      </c>
      <c r="F46496" s="14" t="s">
        <v>15</v>
      </c>
      <c r="G46496" s="16">
        <v>0.85169565008388126</v>
      </c>
    </row>
    <row r="46497" spans="1:7" x14ac:dyDescent="0.3">
      <c r="A46497" s="13" t="s">
        <v>267</v>
      </c>
      <c r="B46497" s="14" t="s">
        <v>1</v>
      </c>
      <c r="C46497" s="14" t="s">
        <v>20</v>
      </c>
      <c r="D46497" s="14" t="s">
        <v>122</v>
      </c>
      <c r="E46497" s="15">
        <v>45518</v>
      </c>
      <c r="F46497" s="14" t="s">
        <v>15</v>
      </c>
      <c r="G46497" s="16">
        <v>0.8560181579386904</v>
      </c>
    </row>
    <row r="46498" spans="1:7" x14ac:dyDescent="0.3">
      <c r="A46498" s="13" t="s">
        <v>267</v>
      </c>
      <c r="B46498" s="14" t="s">
        <v>1</v>
      </c>
      <c r="C46498" s="14" t="s">
        <v>20</v>
      </c>
      <c r="D46498" s="14" t="s">
        <v>122</v>
      </c>
      <c r="E46498" s="15">
        <v>45519</v>
      </c>
      <c r="F46498" s="14" t="s">
        <v>15</v>
      </c>
      <c r="G46498" s="16">
        <v>0.86085617674240478</v>
      </c>
    </row>
    <row r="46499" spans="1:7" x14ac:dyDescent="0.3">
      <c r="A46499" s="13" t="s">
        <v>267</v>
      </c>
      <c r="B46499" s="14" t="s">
        <v>1</v>
      </c>
      <c r="C46499" s="14" t="s">
        <v>20</v>
      </c>
      <c r="D46499" s="14" t="s">
        <v>122</v>
      </c>
      <c r="E46499" s="15">
        <v>45520</v>
      </c>
      <c r="F46499" s="14" t="s">
        <v>15</v>
      </c>
      <c r="G46499" s="16">
        <v>0.86550715175049886</v>
      </c>
    </row>
    <row r="46500" spans="1:7" x14ac:dyDescent="0.3">
      <c r="A46500" s="13" t="s">
        <v>267</v>
      </c>
      <c r="B46500" s="14" t="s">
        <v>1</v>
      </c>
      <c r="C46500" s="14" t="s">
        <v>20</v>
      </c>
      <c r="D46500" s="14" t="s">
        <v>122</v>
      </c>
      <c r="E46500" s="15">
        <v>45521</v>
      </c>
      <c r="F46500" s="14" t="s">
        <v>15</v>
      </c>
      <c r="G46500" s="16">
        <v>0.86550715175049886</v>
      </c>
    </row>
    <row r="46501" spans="1:7" x14ac:dyDescent="0.3">
      <c r="A46501" s="13" t="s">
        <v>267</v>
      </c>
      <c r="B46501" s="14" t="s">
        <v>1</v>
      </c>
      <c r="C46501" s="14" t="s">
        <v>20</v>
      </c>
      <c r="D46501" s="14" t="s">
        <v>122</v>
      </c>
      <c r="E46501" s="15">
        <v>45522</v>
      </c>
      <c r="F46501" s="14" t="s">
        <v>15</v>
      </c>
      <c r="G46501" s="16">
        <v>0.86550715175049886</v>
      </c>
    </row>
    <row r="46502" spans="1:7" x14ac:dyDescent="0.3">
      <c r="A46502" s="13" t="s">
        <v>267</v>
      </c>
      <c r="B46502" s="14" t="s">
        <v>1</v>
      </c>
      <c r="C46502" s="14" t="s">
        <v>20</v>
      </c>
      <c r="D46502" s="14" t="s">
        <v>122</v>
      </c>
      <c r="E46502" s="15">
        <v>45523</v>
      </c>
      <c r="F46502" s="14" t="s">
        <v>15</v>
      </c>
      <c r="G46502" s="16">
        <v>0.87552866609354829</v>
      </c>
    </row>
    <row r="46503" spans="1:7" x14ac:dyDescent="0.3">
      <c r="A46503" s="13" t="s">
        <v>267</v>
      </c>
      <c r="B46503" s="14" t="s">
        <v>1</v>
      </c>
      <c r="C46503" s="14" t="s">
        <v>20</v>
      </c>
      <c r="D46503" s="14" t="s">
        <v>122</v>
      </c>
      <c r="E46503" s="15">
        <v>45524</v>
      </c>
      <c r="F46503" s="14" t="s">
        <v>15</v>
      </c>
      <c r="G46503" s="16">
        <v>0.88818146591916047</v>
      </c>
    </row>
    <row r="46504" spans="1:7" x14ac:dyDescent="0.3">
      <c r="A46504" s="13" t="s">
        <v>267</v>
      </c>
      <c r="B46504" s="14" t="s">
        <v>1</v>
      </c>
      <c r="C46504" s="14" t="s">
        <v>20</v>
      </c>
      <c r="D46504" s="14" t="s">
        <v>122</v>
      </c>
      <c r="E46504" s="15">
        <v>45525</v>
      </c>
      <c r="F46504" s="14" t="s">
        <v>15</v>
      </c>
      <c r="G46504" s="16">
        <v>0.89085099323868999</v>
      </c>
    </row>
    <row r="46505" spans="1:7" x14ac:dyDescent="0.3">
      <c r="A46505" s="13" t="s">
        <v>267</v>
      </c>
      <c r="B46505" s="14" t="s">
        <v>1</v>
      </c>
      <c r="C46505" s="14" t="s">
        <v>20</v>
      </c>
      <c r="D46505" s="14" t="s">
        <v>122</v>
      </c>
      <c r="E46505" s="15">
        <v>45526</v>
      </c>
      <c r="F46505" s="14" t="s">
        <v>15</v>
      </c>
      <c r="G46505" s="16">
        <v>0.90892400798725448</v>
      </c>
    </row>
    <row r="46506" spans="1:7" x14ac:dyDescent="0.3">
      <c r="A46506" s="13" t="s">
        <v>267</v>
      </c>
      <c r="B46506" s="14" t="s">
        <v>1</v>
      </c>
      <c r="C46506" s="14" t="s">
        <v>20</v>
      </c>
      <c r="D46506" s="14" t="s">
        <v>122</v>
      </c>
      <c r="E46506" s="15">
        <v>45527</v>
      </c>
      <c r="F46506" s="14" t="s">
        <v>15</v>
      </c>
      <c r="G46506" s="16">
        <v>0.91747502354684884</v>
      </c>
    </row>
    <row r="46507" spans="1:7" x14ac:dyDescent="0.3">
      <c r="A46507" s="13" t="s">
        <v>267</v>
      </c>
      <c r="B46507" s="14" t="s">
        <v>1</v>
      </c>
      <c r="C46507" s="14" t="s">
        <v>20</v>
      </c>
      <c r="D46507" s="14" t="s">
        <v>122</v>
      </c>
      <c r="E46507" s="15">
        <v>45528</v>
      </c>
      <c r="F46507" s="14" t="s">
        <v>15</v>
      </c>
      <c r="G46507" s="16">
        <v>0.91747502354684884</v>
      </c>
    </row>
    <row r="46508" spans="1:7" x14ac:dyDescent="0.3">
      <c r="A46508" s="13" t="s">
        <v>267</v>
      </c>
      <c r="B46508" s="14" t="s">
        <v>1</v>
      </c>
      <c r="C46508" s="14" t="s">
        <v>20</v>
      </c>
      <c r="D46508" s="14" t="s">
        <v>122</v>
      </c>
      <c r="E46508" s="15">
        <v>45529</v>
      </c>
      <c r="F46508" s="14" t="s">
        <v>15</v>
      </c>
      <c r="G46508" s="16">
        <v>0.91747502354684884</v>
      </c>
    </row>
    <row r="46509" spans="1:7" x14ac:dyDescent="0.3">
      <c r="A46509" s="13" t="s">
        <v>267</v>
      </c>
      <c r="B46509" s="14" t="s">
        <v>1</v>
      </c>
      <c r="C46509" s="14" t="s">
        <v>20</v>
      </c>
      <c r="D46509" s="14" t="s">
        <v>122</v>
      </c>
      <c r="E46509" s="15">
        <v>45530</v>
      </c>
      <c r="F46509" s="14" t="s">
        <v>15</v>
      </c>
      <c r="G46509" s="16">
        <v>0.92164242191260715</v>
      </c>
    </row>
    <row r="46510" spans="1:7" x14ac:dyDescent="0.3">
      <c r="A46510" s="13" t="s">
        <v>267</v>
      </c>
      <c r="B46510" s="14" t="s">
        <v>1</v>
      </c>
      <c r="C46510" s="14" t="s">
        <v>20</v>
      </c>
      <c r="D46510" s="14" t="s">
        <v>122</v>
      </c>
      <c r="E46510" s="15">
        <v>45531</v>
      </c>
      <c r="F46510" s="14" t="s">
        <v>15</v>
      </c>
      <c r="G46510" s="16">
        <v>0.93406002303586733</v>
      </c>
    </row>
    <row r="46511" spans="1:7" x14ac:dyDescent="0.3">
      <c r="A46511" s="13" t="s">
        <v>267</v>
      </c>
      <c r="B46511" s="14" t="s">
        <v>1</v>
      </c>
      <c r="C46511" s="14" t="s">
        <v>20</v>
      </c>
      <c r="D46511" s="14" t="s">
        <v>122</v>
      </c>
      <c r="E46511" s="15">
        <v>45532</v>
      </c>
      <c r="F46511" s="14" t="s">
        <v>15</v>
      </c>
      <c r="G46511" s="16">
        <v>0.94275043437810557</v>
      </c>
    </row>
    <row r="46512" spans="1:7" x14ac:dyDescent="0.3">
      <c r="A46512" s="13" t="s">
        <v>267</v>
      </c>
      <c r="B46512" s="14" t="s">
        <v>1</v>
      </c>
      <c r="C46512" s="14" t="s">
        <v>20</v>
      </c>
      <c r="D46512" s="14" t="s">
        <v>122</v>
      </c>
      <c r="E46512" s="15">
        <v>45533</v>
      </c>
      <c r="F46512" s="14" t="s">
        <v>15</v>
      </c>
      <c r="G46512" s="16">
        <v>0.94687221230590757</v>
      </c>
    </row>
    <row r="46513" spans="1:7" x14ac:dyDescent="0.3">
      <c r="A46513" s="13" t="s">
        <v>267</v>
      </c>
      <c r="B46513" s="14" t="s">
        <v>1</v>
      </c>
      <c r="C46513" s="14" t="s">
        <v>20</v>
      </c>
      <c r="D46513" s="14" t="s">
        <v>122</v>
      </c>
      <c r="E46513" s="15">
        <v>45534</v>
      </c>
      <c r="F46513" s="14" t="s">
        <v>15</v>
      </c>
      <c r="G46513" s="16">
        <v>0.95098689372113854</v>
      </c>
    </row>
    <row r="46514" spans="1:7" x14ac:dyDescent="0.3">
      <c r="A46514" s="13" t="s">
        <v>267</v>
      </c>
      <c r="B46514" s="14" t="s">
        <v>1</v>
      </c>
      <c r="C46514" s="14" t="s">
        <v>20</v>
      </c>
      <c r="D46514" s="14" t="s">
        <v>122</v>
      </c>
      <c r="E46514" s="15">
        <v>45535</v>
      </c>
      <c r="F46514" s="14" t="s">
        <v>15</v>
      </c>
      <c r="G46514" s="16">
        <v>0.95098689372113854</v>
      </c>
    </row>
    <row r="46515" spans="1:7" x14ac:dyDescent="0.3">
      <c r="A46515" s="13" t="s">
        <v>267</v>
      </c>
      <c r="B46515" s="14" t="s">
        <v>1</v>
      </c>
      <c r="C46515" s="14" t="s">
        <v>20</v>
      </c>
      <c r="D46515" s="14" t="s">
        <v>122</v>
      </c>
      <c r="E46515" s="15">
        <v>45536</v>
      </c>
      <c r="F46515" s="14" t="s">
        <v>15</v>
      </c>
      <c r="G46515" s="16">
        <v>0.95098689372113854</v>
      </c>
    </row>
    <row r="46516" spans="1:7" x14ac:dyDescent="0.3">
      <c r="A46516" s="13" t="s">
        <v>267</v>
      </c>
      <c r="B46516" s="14" t="s">
        <v>1</v>
      </c>
      <c r="C46516" s="14" t="s">
        <v>20</v>
      </c>
      <c r="D46516" s="14" t="s">
        <v>122</v>
      </c>
      <c r="E46516" s="15">
        <v>45537</v>
      </c>
      <c r="F46516" s="14" t="s">
        <v>15</v>
      </c>
      <c r="G46516" s="16">
        <v>0.95508890279249292</v>
      </c>
    </row>
    <row r="46517" spans="1:7" x14ac:dyDescent="0.3">
      <c r="A46517" s="13" t="s">
        <v>267</v>
      </c>
      <c r="B46517" s="14" t="s">
        <v>1</v>
      </c>
      <c r="C46517" s="14" t="s">
        <v>20</v>
      </c>
      <c r="D46517" s="14" t="s">
        <v>122</v>
      </c>
      <c r="E46517" s="15">
        <v>45538</v>
      </c>
      <c r="F46517" s="14" t="s">
        <v>15</v>
      </c>
      <c r="G46517" s="16">
        <v>0.97655709191250906</v>
      </c>
    </row>
    <row r="46518" spans="1:7" x14ac:dyDescent="0.3">
      <c r="A46518" s="13" t="s">
        <v>267</v>
      </c>
      <c r="B46518" s="14" t="s">
        <v>1</v>
      </c>
      <c r="C46518" s="14" t="s">
        <v>20</v>
      </c>
      <c r="D46518" s="14" t="s">
        <v>122</v>
      </c>
      <c r="E46518" s="15">
        <v>45539</v>
      </c>
      <c r="F46518" s="14" t="s">
        <v>15</v>
      </c>
      <c r="G46518" s="16">
        <v>0.9802404067421765</v>
      </c>
    </row>
    <row r="46519" spans="1:7" x14ac:dyDescent="0.3">
      <c r="A46519" s="13" t="s">
        <v>267</v>
      </c>
      <c r="B46519" s="14" t="s">
        <v>1</v>
      </c>
      <c r="C46519" s="14" t="s">
        <v>20</v>
      </c>
      <c r="D46519" s="14" t="s">
        <v>122</v>
      </c>
      <c r="E46519" s="15">
        <v>45540</v>
      </c>
      <c r="F46519" s="14" t="s">
        <v>15</v>
      </c>
      <c r="G46519" s="16">
        <v>0.99616723333177915</v>
      </c>
    </row>
    <row r="46520" spans="1:7" x14ac:dyDescent="0.3">
      <c r="A46520" s="13" t="s">
        <v>267</v>
      </c>
      <c r="B46520" s="14" t="s">
        <v>1</v>
      </c>
      <c r="C46520" s="14" t="s">
        <v>20</v>
      </c>
      <c r="D46520" s="14" t="s">
        <v>122</v>
      </c>
      <c r="E46520" s="15">
        <v>45541</v>
      </c>
      <c r="F46520" s="14" t="s">
        <v>15</v>
      </c>
      <c r="G46520" s="16">
        <v>1.0002312253715033</v>
      </c>
    </row>
    <row r="46521" spans="1:7" x14ac:dyDescent="0.3">
      <c r="A46521" s="13" t="s">
        <v>267</v>
      </c>
      <c r="B46521" s="14" t="s">
        <v>1</v>
      </c>
      <c r="C46521" s="14" t="s">
        <v>20</v>
      </c>
      <c r="D46521" s="14" t="s">
        <v>122</v>
      </c>
      <c r="E46521" s="15">
        <v>45542</v>
      </c>
      <c r="F46521" s="14" t="s">
        <v>15</v>
      </c>
      <c r="G46521" s="16">
        <v>1.0002312253715033</v>
      </c>
    </row>
    <row r="46522" spans="1:7" x14ac:dyDescent="0.3">
      <c r="A46522" s="13" t="s">
        <v>267</v>
      </c>
      <c r="B46522" s="14" t="s">
        <v>1</v>
      </c>
      <c r="C46522" s="14" t="s">
        <v>20</v>
      </c>
      <c r="D46522" s="14" t="s">
        <v>122</v>
      </c>
      <c r="E46522" s="15">
        <v>45543</v>
      </c>
      <c r="F46522" s="14" t="s">
        <v>15</v>
      </c>
      <c r="G46522" s="16">
        <v>1.0002312253715033</v>
      </c>
    </row>
    <row r="46523" spans="1:7" x14ac:dyDescent="0.3">
      <c r="A46523" s="13" t="s">
        <v>267</v>
      </c>
      <c r="B46523" s="14" t="s">
        <v>1</v>
      </c>
      <c r="C46523" s="14" t="s">
        <v>20</v>
      </c>
      <c r="D46523" s="14" t="s">
        <v>122</v>
      </c>
      <c r="E46523" s="15">
        <v>45544</v>
      </c>
      <c r="F46523" s="14" t="s">
        <v>15</v>
      </c>
      <c r="G46523" s="16">
        <v>1.0044011582060368</v>
      </c>
    </row>
    <row r="46524" spans="1:7" x14ac:dyDescent="0.3">
      <c r="A46524" s="13" t="s">
        <v>267</v>
      </c>
      <c r="B46524" s="14" t="s">
        <v>1</v>
      </c>
      <c r="C46524" s="14" t="s">
        <v>20</v>
      </c>
      <c r="D46524" s="14" t="s">
        <v>122</v>
      </c>
      <c r="E46524" s="15">
        <v>45545</v>
      </c>
      <c r="F46524" s="14" t="s">
        <v>15</v>
      </c>
      <c r="G46524" s="16">
        <v>1.0168745176423546</v>
      </c>
    </row>
    <row r="46525" spans="1:7" x14ac:dyDescent="0.3">
      <c r="A46525" s="13" t="s">
        <v>267</v>
      </c>
      <c r="B46525" s="14" t="s">
        <v>1</v>
      </c>
      <c r="C46525" s="14" t="s">
        <v>20</v>
      </c>
      <c r="D46525" s="14" t="s">
        <v>122</v>
      </c>
      <c r="E46525" s="15">
        <v>45546</v>
      </c>
      <c r="F46525" s="14" t="s">
        <v>15</v>
      </c>
      <c r="G46525" s="16">
        <v>1.0255826702660205</v>
      </c>
    </row>
    <row r="46526" spans="1:7" x14ac:dyDescent="0.3">
      <c r="A46526" s="13" t="s">
        <v>267</v>
      </c>
      <c r="B46526" s="14" t="s">
        <v>1</v>
      </c>
      <c r="C46526" s="14" t="s">
        <v>20</v>
      </c>
      <c r="D46526" s="14" t="s">
        <v>122</v>
      </c>
      <c r="E46526" s="15">
        <v>45547</v>
      </c>
      <c r="F46526" s="14" t="s">
        <v>15</v>
      </c>
      <c r="G46526" s="16">
        <v>1.0296750483560286</v>
      </c>
    </row>
    <row r="46527" spans="1:7" x14ac:dyDescent="0.3">
      <c r="A46527" s="13" t="s">
        <v>267</v>
      </c>
      <c r="B46527" s="14" t="s">
        <v>1</v>
      </c>
      <c r="C46527" s="14" t="s">
        <v>20</v>
      </c>
      <c r="D46527" s="14" t="s">
        <v>122</v>
      </c>
      <c r="E46527" s="15">
        <v>45548</v>
      </c>
      <c r="F46527" s="14" t="s">
        <v>15</v>
      </c>
      <c r="G46527" s="16">
        <v>1.0414646081167582</v>
      </c>
    </row>
    <row r="46528" spans="1:7" x14ac:dyDescent="0.3">
      <c r="A46528" s="13" t="s">
        <v>267</v>
      </c>
      <c r="B46528" s="14" t="s">
        <v>1</v>
      </c>
      <c r="C46528" s="14" t="s">
        <v>20</v>
      </c>
      <c r="D46528" s="14" t="s">
        <v>122</v>
      </c>
      <c r="E46528" s="15">
        <v>45549</v>
      </c>
      <c r="F46528" s="14" t="s">
        <v>15</v>
      </c>
      <c r="G46528" s="16">
        <v>1.0414646081167582</v>
      </c>
    </row>
    <row r="46529" spans="1:7" x14ac:dyDescent="0.3">
      <c r="A46529" s="13" t="s">
        <v>267</v>
      </c>
      <c r="B46529" s="14" t="s">
        <v>1</v>
      </c>
      <c r="C46529" s="14" t="s">
        <v>20</v>
      </c>
      <c r="D46529" s="14" t="s">
        <v>122</v>
      </c>
      <c r="E46529" s="15">
        <v>45550</v>
      </c>
      <c r="F46529" s="14" t="s">
        <v>15</v>
      </c>
      <c r="G46529" s="16">
        <v>1.0414646081167582</v>
      </c>
    </row>
    <row r="46530" spans="1:7" x14ac:dyDescent="0.3">
      <c r="A46530" s="13" t="s">
        <v>267</v>
      </c>
      <c r="B46530" s="14" t="s">
        <v>1</v>
      </c>
      <c r="C46530" s="14" t="s">
        <v>20</v>
      </c>
      <c r="D46530" s="14" t="s">
        <v>122</v>
      </c>
      <c r="E46530" s="15">
        <v>45551</v>
      </c>
      <c r="F46530" s="14" t="s">
        <v>15</v>
      </c>
      <c r="G46530" s="16">
        <v>1.0454758832059552</v>
      </c>
    </row>
    <row r="46531" spans="1:7" x14ac:dyDescent="0.3">
      <c r="A46531" s="13" t="s">
        <v>267</v>
      </c>
      <c r="B46531" s="14" t="s">
        <v>1</v>
      </c>
      <c r="C46531" s="14" t="s">
        <v>20</v>
      </c>
      <c r="D46531" s="14" t="s">
        <v>122</v>
      </c>
      <c r="E46531" s="15">
        <v>45552</v>
      </c>
      <c r="F46531" s="14" t="s">
        <v>15</v>
      </c>
      <c r="G46531" s="16">
        <v>1.0584505605660361</v>
      </c>
    </row>
    <row r="46532" spans="1:7" x14ac:dyDescent="0.3">
      <c r="A46532" s="13" t="s">
        <v>267</v>
      </c>
      <c r="B46532" s="14" t="s">
        <v>1</v>
      </c>
      <c r="C46532" s="14" t="s">
        <v>20</v>
      </c>
      <c r="D46532" s="14" t="s">
        <v>122</v>
      </c>
      <c r="E46532" s="15">
        <v>45553</v>
      </c>
      <c r="F46532" s="14" t="s">
        <v>15</v>
      </c>
      <c r="G46532" s="16">
        <v>1.0624222979423379</v>
      </c>
    </row>
    <row r="46533" spans="1:7" x14ac:dyDescent="0.3">
      <c r="A46533" s="13" t="s">
        <v>267</v>
      </c>
      <c r="B46533" s="14" t="s">
        <v>1</v>
      </c>
      <c r="C46533" s="14" t="s">
        <v>20</v>
      </c>
      <c r="D46533" s="14" t="s">
        <v>122</v>
      </c>
      <c r="E46533" s="15">
        <v>45554</v>
      </c>
      <c r="F46533" s="14" t="s">
        <v>15</v>
      </c>
      <c r="G46533" s="16">
        <v>1.0618370604605698</v>
      </c>
    </row>
    <row r="46534" spans="1:7" x14ac:dyDescent="0.3">
      <c r="A46534" s="13" t="s">
        <v>267</v>
      </c>
      <c r="B46534" s="14" t="s">
        <v>1</v>
      </c>
      <c r="C46534" s="14" t="s">
        <v>20</v>
      </c>
      <c r="D46534" s="14" t="s">
        <v>122</v>
      </c>
      <c r="E46534" s="15">
        <v>45555</v>
      </c>
      <c r="F46534" s="14" t="s">
        <v>15</v>
      </c>
      <c r="G46534" s="16">
        <v>1.0674470784532542</v>
      </c>
    </row>
    <row r="46535" spans="1:7" x14ac:dyDescent="0.3">
      <c r="A46535" s="13" t="s">
        <v>267</v>
      </c>
      <c r="B46535" s="14" t="s">
        <v>1</v>
      </c>
      <c r="C46535" s="14" t="s">
        <v>20</v>
      </c>
      <c r="D46535" s="14" t="s">
        <v>122</v>
      </c>
      <c r="E46535" s="15">
        <v>45556</v>
      </c>
      <c r="F46535" s="14" t="s">
        <v>15</v>
      </c>
      <c r="G46535" s="16">
        <v>1.0674470784532542</v>
      </c>
    </row>
    <row r="46536" spans="1:7" x14ac:dyDescent="0.3">
      <c r="A46536" s="13" t="s">
        <v>267</v>
      </c>
      <c r="B46536" s="14" t="s">
        <v>1</v>
      </c>
      <c r="C46536" s="14" t="s">
        <v>20</v>
      </c>
      <c r="D46536" s="14" t="s">
        <v>122</v>
      </c>
      <c r="E46536" s="15">
        <v>45557</v>
      </c>
      <c r="F46536" s="14" t="s">
        <v>15</v>
      </c>
      <c r="G46536" s="16">
        <v>1.0674470784532542</v>
      </c>
    </row>
    <row r="46537" spans="1:7" x14ac:dyDescent="0.3">
      <c r="A46537" s="13" t="s">
        <v>267</v>
      </c>
      <c r="B46537" s="14" t="s">
        <v>1</v>
      </c>
      <c r="C46537" s="14" t="s">
        <v>20</v>
      </c>
      <c r="D46537" s="14" t="s">
        <v>122</v>
      </c>
      <c r="E46537" s="15">
        <v>45558</v>
      </c>
      <c r="F46537" s="14" t="s">
        <v>15</v>
      </c>
      <c r="G46537" s="16">
        <v>1.0685421937695396</v>
      </c>
    </row>
    <row r="46538" spans="1:7" x14ac:dyDescent="0.3">
      <c r="A46538" s="13" t="s">
        <v>267</v>
      </c>
      <c r="B46538" s="14" t="s">
        <v>1</v>
      </c>
      <c r="C46538" s="14" t="s">
        <v>20</v>
      </c>
      <c r="D46538" s="14" t="s">
        <v>122</v>
      </c>
      <c r="E46538" s="15">
        <v>45559</v>
      </c>
      <c r="F46538" s="14" t="s">
        <v>15</v>
      </c>
      <c r="G46538" s="16">
        <v>1.0799110317135621</v>
      </c>
    </row>
    <row r="46539" spans="1:7" x14ac:dyDescent="0.3">
      <c r="A46539" s="13" t="s">
        <v>267</v>
      </c>
      <c r="B46539" s="14" t="s">
        <v>1</v>
      </c>
      <c r="C46539" s="14" t="s">
        <v>20</v>
      </c>
      <c r="D46539" s="14" t="s">
        <v>122</v>
      </c>
      <c r="E46539" s="15">
        <v>45560</v>
      </c>
      <c r="F46539" s="14" t="s">
        <v>15</v>
      </c>
      <c r="G46539" s="16">
        <v>1.0836546669000828</v>
      </c>
    </row>
    <row r="46540" spans="1:7" x14ac:dyDescent="0.3">
      <c r="A46540" s="13" t="s">
        <v>267</v>
      </c>
      <c r="B46540" s="14" t="s">
        <v>1</v>
      </c>
      <c r="C46540" s="14" t="s">
        <v>20</v>
      </c>
      <c r="D46540" s="14" t="s">
        <v>122</v>
      </c>
      <c r="E46540" s="15">
        <v>45561</v>
      </c>
      <c r="F46540" s="14" t="s">
        <v>15</v>
      </c>
      <c r="G46540" s="16">
        <v>1.0873810676989308</v>
      </c>
    </row>
    <row r="46541" spans="1:7" x14ac:dyDescent="0.3">
      <c r="A46541" s="13" t="s">
        <v>267</v>
      </c>
      <c r="B46541" s="14" t="s">
        <v>1</v>
      </c>
      <c r="C46541" s="14" t="s">
        <v>20</v>
      </c>
      <c r="D46541" s="14" t="s">
        <v>122</v>
      </c>
      <c r="E46541" s="15">
        <v>45562</v>
      </c>
      <c r="F46541" s="14" t="s">
        <v>15</v>
      </c>
      <c r="G46541" s="16">
        <v>1.1037377401928319</v>
      </c>
    </row>
    <row r="46542" spans="1:7" x14ac:dyDescent="0.3">
      <c r="A46542" s="13" t="s">
        <v>267</v>
      </c>
      <c r="B46542" s="14" t="s">
        <v>1</v>
      </c>
      <c r="C46542" s="14" t="s">
        <v>20</v>
      </c>
      <c r="D46542" s="14" t="s">
        <v>122</v>
      </c>
      <c r="E46542" s="15">
        <v>45563</v>
      </c>
      <c r="F46542" s="14" t="s">
        <v>15</v>
      </c>
      <c r="G46542" s="16">
        <v>1.1037377401928319</v>
      </c>
    </row>
    <row r="46543" spans="1:7" x14ac:dyDescent="0.3">
      <c r="A46543" s="13" t="s">
        <v>267</v>
      </c>
      <c r="B46543" s="14" t="s">
        <v>1</v>
      </c>
      <c r="C46543" s="14" t="s">
        <v>20</v>
      </c>
      <c r="D46543" s="14" t="s">
        <v>122</v>
      </c>
      <c r="E46543" s="15">
        <v>45564</v>
      </c>
      <c r="F46543" s="14" t="s">
        <v>15</v>
      </c>
      <c r="G46543" s="16">
        <v>1.1037377401928319</v>
      </c>
    </row>
    <row r="46544" spans="1:7" x14ac:dyDescent="0.3">
      <c r="A46544" s="13" t="s">
        <v>267</v>
      </c>
      <c r="B46544" s="14" t="s">
        <v>1</v>
      </c>
      <c r="C46544" s="14" t="s">
        <v>20</v>
      </c>
      <c r="D46544" s="14" t="s">
        <v>122</v>
      </c>
      <c r="E46544" s="15">
        <v>45565</v>
      </c>
      <c r="F46544" s="14" t="s">
        <v>15</v>
      </c>
      <c r="G46544" s="16">
        <v>1.1084029082260678</v>
      </c>
    </row>
    <row r="46545" spans="1:7" x14ac:dyDescent="0.3">
      <c r="A46545" s="13" t="s">
        <v>267</v>
      </c>
      <c r="B46545" s="14" t="s">
        <v>1</v>
      </c>
      <c r="C46545" s="14" t="s">
        <v>20</v>
      </c>
      <c r="D46545" s="14" t="s">
        <v>122</v>
      </c>
      <c r="E46545" s="15">
        <v>45566</v>
      </c>
      <c r="F46545" s="14" t="s">
        <v>15</v>
      </c>
      <c r="G46545" s="16">
        <v>1.1217506593898796</v>
      </c>
    </row>
    <row r="46546" spans="1:7" x14ac:dyDescent="0.3">
      <c r="A46546" s="13" t="s">
        <v>267</v>
      </c>
      <c r="B46546" s="14" t="s">
        <v>1</v>
      </c>
      <c r="C46546" s="14" t="s">
        <v>20</v>
      </c>
      <c r="D46546" s="14" t="s">
        <v>122</v>
      </c>
      <c r="E46546" s="15">
        <v>45567</v>
      </c>
      <c r="F46546" s="14" t="s">
        <v>15</v>
      </c>
      <c r="G46546" s="16">
        <v>1.1358744648927019</v>
      </c>
    </row>
    <row r="46547" spans="1:7" x14ac:dyDescent="0.3">
      <c r="A46547" s="13" t="s">
        <v>267</v>
      </c>
      <c r="B46547" s="14" t="s">
        <v>1</v>
      </c>
      <c r="C46547" s="14" t="s">
        <v>20</v>
      </c>
      <c r="D46547" s="14" t="s">
        <v>122</v>
      </c>
      <c r="E46547" s="15">
        <v>45568</v>
      </c>
      <c r="F46547" s="14" t="s">
        <v>15</v>
      </c>
      <c r="G46547" s="16">
        <v>1.1396181000792225</v>
      </c>
    </row>
    <row r="46548" spans="1:7" x14ac:dyDescent="0.3">
      <c r="A46548" s="13" t="s">
        <v>267</v>
      </c>
      <c r="B46548" s="14" t="s">
        <v>1</v>
      </c>
      <c r="C46548" s="14" t="s">
        <v>20</v>
      </c>
      <c r="D46548" s="14" t="s">
        <v>122</v>
      </c>
      <c r="E46548" s="15">
        <v>45569</v>
      </c>
      <c r="F46548" s="14" t="s">
        <v>15</v>
      </c>
      <c r="G46548" s="16">
        <v>1.1545336099322911</v>
      </c>
    </row>
    <row r="46549" spans="1:7" x14ac:dyDescent="0.3">
      <c r="A46549" s="13" t="s">
        <v>267</v>
      </c>
      <c r="B46549" s="14" t="s">
        <v>1</v>
      </c>
      <c r="C46549" s="14" t="s">
        <v>20</v>
      </c>
      <c r="D46549" s="14" t="s">
        <v>122</v>
      </c>
      <c r="E46549" s="15">
        <v>45570</v>
      </c>
      <c r="F46549" s="14" t="s">
        <v>15</v>
      </c>
      <c r="G46549" s="16">
        <v>1.1545336099322911</v>
      </c>
    </row>
    <row r="46550" spans="1:7" x14ac:dyDescent="0.3">
      <c r="A46550" s="13" t="s">
        <v>267</v>
      </c>
      <c r="B46550" s="14" t="s">
        <v>1</v>
      </c>
      <c r="C46550" s="14" t="s">
        <v>20</v>
      </c>
      <c r="D46550" s="14" t="s">
        <v>122</v>
      </c>
      <c r="E46550" s="15">
        <v>45571</v>
      </c>
      <c r="F46550" s="14" t="s">
        <v>15</v>
      </c>
      <c r="G46550" s="16">
        <v>1.1545336099322911</v>
      </c>
    </row>
    <row r="46551" spans="1:7" x14ac:dyDescent="0.3">
      <c r="A46551" s="13" t="s">
        <v>267</v>
      </c>
      <c r="B46551" s="14" t="s">
        <v>1</v>
      </c>
      <c r="C46551" s="14" t="s">
        <v>20</v>
      </c>
      <c r="D46551" s="14" t="s">
        <v>122</v>
      </c>
      <c r="E46551" s="15">
        <v>45572</v>
      </c>
      <c r="F46551" s="14" t="s">
        <v>15</v>
      </c>
      <c r="G46551" s="16">
        <v>1.1582604022154215</v>
      </c>
    </row>
    <row r="46552" spans="1:7" x14ac:dyDescent="0.3">
      <c r="A46552" s="13" t="s">
        <v>267</v>
      </c>
      <c r="B46552" s="14" t="s">
        <v>1</v>
      </c>
      <c r="C46552" s="14" t="s">
        <v>20</v>
      </c>
      <c r="D46552" s="14" t="s">
        <v>122</v>
      </c>
      <c r="E46552" s="15">
        <v>45573</v>
      </c>
      <c r="F46552" s="14" t="s">
        <v>15</v>
      </c>
      <c r="G46552" s="16">
        <v>1.1696882938158648</v>
      </c>
    </row>
    <row r="46553" spans="1:7" x14ac:dyDescent="0.3">
      <c r="A46553" s="13" t="s">
        <v>267</v>
      </c>
      <c r="B46553" s="14" t="s">
        <v>1</v>
      </c>
      <c r="C46553" s="14" t="s">
        <v>20</v>
      </c>
      <c r="D46553" s="14" t="s">
        <v>122</v>
      </c>
      <c r="E46553" s="15">
        <v>45574</v>
      </c>
      <c r="F46553" s="14" t="s">
        <v>15</v>
      </c>
      <c r="G46553" s="16">
        <v>1.175564166051926</v>
      </c>
    </row>
    <row r="46554" spans="1:7" x14ac:dyDescent="0.3">
      <c r="A46554" s="13" t="s">
        <v>267</v>
      </c>
      <c r="B46554" s="14" t="s">
        <v>1</v>
      </c>
      <c r="C46554" s="14" t="s">
        <v>20</v>
      </c>
      <c r="D46554" s="14" t="s">
        <v>122</v>
      </c>
      <c r="E46554" s="15">
        <v>45575</v>
      </c>
      <c r="F46554" s="14" t="s">
        <v>15</v>
      </c>
      <c r="G46554" s="16">
        <v>1.1792180650933124</v>
      </c>
    </row>
    <row r="46555" spans="1:7" x14ac:dyDescent="0.3">
      <c r="A46555" s="13" t="s">
        <v>267</v>
      </c>
      <c r="B46555" s="14" t="s">
        <v>1</v>
      </c>
      <c r="C46555" s="14" t="s">
        <v>20</v>
      </c>
      <c r="D46555" s="14" t="s">
        <v>122</v>
      </c>
      <c r="E46555" s="15">
        <v>45576</v>
      </c>
      <c r="F46555" s="14" t="s">
        <v>15</v>
      </c>
      <c r="G46555" s="16">
        <v>1.1832023240791159</v>
      </c>
    </row>
    <row r="46556" spans="1:7" x14ac:dyDescent="0.3">
      <c r="A46556" s="13" t="s">
        <v>267</v>
      </c>
      <c r="B46556" s="14" t="s">
        <v>1</v>
      </c>
      <c r="C46556" s="14" t="s">
        <v>20</v>
      </c>
      <c r="D46556" s="14" t="s">
        <v>122</v>
      </c>
      <c r="E46556" s="15">
        <v>45577</v>
      </c>
      <c r="F46556" s="14" t="s">
        <v>15</v>
      </c>
      <c r="G46556" s="16">
        <v>1.1832023240791159</v>
      </c>
    </row>
    <row r="46557" spans="1:7" x14ac:dyDescent="0.3">
      <c r="A46557" s="13" t="s">
        <v>267</v>
      </c>
      <c r="B46557" s="14" t="s">
        <v>1</v>
      </c>
      <c r="C46557" s="14" t="s">
        <v>20</v>
      </c>
      <c r="D46557" s="14" t="s">
        <v>122</v>
      </c>
      <c r="E46557" s="15">
        <v>45578</v>
      </c>
      <c r="F46557" s="14" t="s">
        <v>15</v>
      </c>
      <c r="G46557" s="16">
        <v>1.1832023240791159</v>
      </c>
    </row>
    <row r="46558" spans="1:7" x14ac:dyDescent="0.3">
      <c r="A46558" s="13" t="s">
        <v>267</v>
      </c>
      <c r="B46558" s="14" t="s">
        <v>1</v>
      </c>
      <c r="C46558" s="14" t="s">
        <v>20</v>
      </c>
      <c r="D46558" s="14" t="s">
        <v>122</v>
      </c>
      <c r="E46558" s="15">
        <v>45579</v>
      </c>
      <c r="F46558" s="14" t="s">
        <v>15</v>
      </c>
      <c r="G46558" s="16">
        <v>1.1868445686312825</v>
      </c>
    </row>
    <row r="46559" spans="1:7" x14ac:dyDescent="0.3">
      <c r="A46559" s="13" t="s">
        <v>267</v>
      </c>
      <c r="B46559" s="14" t="s">
        <v>1</v>
      </c>
      <c r="C46559" s="14" t="s">
        <v>20</v>
      </c>
      <c r="D46559" s="14" t="s">
        <v>122</v>
      </c>
      <c r="E46559" s="15">
        <v>45580</v>
      </c>
      <c r="F46559" s="14" t="s">
        <v>15</v>
      </c>
      <c r="G46559" s="16">
        <v>1.1976189123362575</v>
      </c>
    </row>
    <row r="46560" spans="1:7" x14ac:dyDescent="0.3">
      <c r="A46560" s="13" t="s">
        <v>267</v>
      </c>
      <c r="B46560" s="14" t="s">
        <v>1</v>
      </c>
      <c r="C46560" s="14" t="s">
        <v>20</v>
      </c>
      <c r="D46560" s="14" t="s">
        <v>122</v>
      </c>
      <c r="E46560" s="15">
        <v>45581</v>
      </c>
      <c r="F46560" s="14" t="s">
        <v>15</v>
      </c>
      <c r="G46560" s="16">
        <v>1.2015825518411338</v>
      </c>
    </row>
    <row r="46561" spans="1:7" x14ac:dyDescent="0.3">
      <c r="A46561" s="13" t="s">
        <v>267</v>
      </c>
      <c r="B46561" s="14" t="s">
        <v>1</v>
      </c>
      <c r="C46561" s="14" t="s">
        <v>20</v>
      </c>
      <c r="D46561" s="14" t="s">
        <v>122</v>
      </c>
      <c r="E46561" s="15">
        <v>45582</v>
      </c>
      <c r="F46561" s="14" t="s">
        <v>15</v>
      </c>
      <c r="G46561" s="16">
        <v>1.2051602484530075</v>
      </c>
    </row>
    <row r="46562" spans="1:7" x14ac:dyDescent="0.3">
      <c r="A46562" s="13" t="s">
        <v>267</v>
      </c>
      <c r="B46562" s="14" t="s">
        <v>1</v>
      </c>
      <c r="C46562" s="14" t="s">
        <v>20</v>
      </c>
      <c r="D46562" s="14" t="s">
        <v>122</v>
      </c>
      <c r="E46562" s="15">
        <v>45583</v>
      </c>
      <c r="F46562" s="14" t="s">
        <v>15</v>
      </c>
      <c r="G46562" s="16">
        <v>1.2087236010781495</v>
      </c>
    </row>
    <row r="46563" spans="1:7" x14ac:dyDescent="0.3">
      <c r="A46563" s="13" t="s">
        <v>267</v>
      </c>
      <c r="B46563" s="14" t="s">
        <v>1</v>
      </c>
      <c r="C46563" s="14" t="s">
        <v>20</v>
      </c>
      <c r="D46563" s="14" t="s">
        <v>122</v>
      </c>
      <c r="E46563" s="15">
        <v>45584</v>
      </c>
      <c r="F46563" s="14" t="s">
        <v>15</v>
      </c>
      <c r="G46563" s="16">
        <v>1.2087236010781495</v>
      </c>
    </row>
    <row r="46564" spans="1:7" x14ac:dyDescent="0.3">
      <c r="A46564" s="13" t="s">
        <v>267</v>
      </c>
      <c r="B46564" s="14" t="s">
        <v>1</v>
      </c>
      <c r="C46564" s="14" t="s">
        <v>20</v>
      </c>
      <c r="D46564" s="14" t="s">
        <v>122</v>
      </c>
      <c r="E46564" s="15">
        <v>45585</v>
      </c>
      <c r="F46564" s="14" t="s">
        <v>15</v>
      </c>
      <c r="G46564" s="16">
        <v>1.2087236010781495</v>
      </c>
    </row>
    <row r="46565" spans="1:7" x14ac:dyDescent="0.3">
      <c r="A46565" s="13" t="s">
        <v>267</v>
      </c>
      <c r="B46565" s="14" t="s">
        <v>1</v>
      </c>
      <c r="C46565" s="14" t="s">
        <v>20</v>
      </c>
      <c r="D46565" s="14" t="s">
        <v>122</v>
      </c>
      <c r="E46565" s="15">
        <v>45586</v>
      </c>
      <c r="F46565" s="14" t="s">
        <v>15</v>
      </c>
      <c r="G46565" s="16">
        <v>1.209934539879274</v>
      </c>
    </row>
    <row r="46566" spans="1:7" x14ac:dyDescent="0.3">
      <c r="A46566" s="13" t="s">
        <v>267</v>
      </c>
      <c r="B46566" s="14" t="s">
        <v>1</v>
      </c>
      <c r="C46566" s="14" t="s">
        <v>20</v>
      </c>
      <c r="D46566" s="14" t="s">
        <v>122</v>
      </c>
      <c r="E46566" s="15">
        <v>45587</v>
      </c>
      <c r="F46566" s="14" t="s">
        <v>15</v>
      </c>
      <c r="G46566" s="16">
        <v>1.220739364556054</v>
      </c>
    </row>
    <row r="46567" spans="1:7" x14ac:dyDescent="0.3">
      <c r="A46567" s="13" t="s">
        <v>267</v>
      </c>
      <c r="B46567" s="14" t="s">
        <v>1</v>
      </c>
      <c r="C46567" s="14" t="s">
        <v>20</v>
      </c>
      <c r="D46567" s="14" t="s">
        <v>122</v>
      </c>
      <c r="E46567" s="15">
        <v>45588</v>
      </c>
      <c r="F46567" s="14" t="s">
        <v>15</v>
      </c>
      <c r="G46567" s="16">
        <v>1.2244977057508315</v>
      </c>
    </row>
    <row r="46568" spans="1:7" x14ac:dyDescent="0.3">
      <c r="A46568" s="13" t="s">
        <v>267</v>
      </c>
      <c r="B46568" s="14" t="s">
        <v>1</v>
      </c>
      <c r="C46568" s="14" t="s">
        <v>20</v>
      </c>
      <c r="D46568" s="14" t="s">
        <v>122</v>
      </c>
      <c r="E46568" s="15">
        <v>45589</v>
      </c>
      <c r="F46568" s="14" t="s">
        <v>15</v>
      </c>
      <c r="G46568" s="16">
        <v>1.2281126070782906</v>
      </c>
    </row>
    <row r="46569" spans="1:7" x14ac:dyDescent="0.3">
      <c r="A46569" s="13" t="s">
        <v>267</v>
      </c>
      <c r="B46569" s="14" t="s">
        <v>1</v>
      </c>
      <c r="C46569" s="14" t="s">
        <v>20</v>
      </c>
      <c r="D46569" s="14" t="s">
        <v>122</v>
      </c>
      <c r="E46569" s="15">
        <v>45590</v>
      </c>
      <c r="F46569" s="14" t="s">
        <v>15</v>
      </c>
      <c r="G46569" s="16">
        <v>1.2317463348883353</v>
      </c>
    </row>
    <row r="46570" spans="1:7" x14ac:dyDescent="0.3">
      <c r="A46570" s="13" t="s">
        <v>267</v>
      </c>
      <c r="B46570" s="14" t="s">
        <v>1</v>
      </c>
      <c r="C46570" s="14" t="s">
        <v>20</v>
      </c>
      <c r="D46570" s="14" t="s">
        <v>122</v>
      </c>
      <c r="E46570" s="15">
        <v>45591</v>
      </c>
      <c r="F46570" s="14" t="s">
        <v>15</v>
      </c>
      <c r="G46570" s="16">
        <v>1.2317463348883353</v>
      </c>
    </row>
    <row r="46571" spans="1:7" x14ac:dyDescent="0.3">
      <c r="A46571" s="13" t="s">
        <v>267</v>
      </c>
      <c r="B46571" s="14" t="s">
        <v>1</v>
      </c>
      <c r="C46571" s="14" t="s">
        <v>20</v>
      </c>
      <c r="D46571" s="14" t="s">
        <v>122</v>
      </c>
      <c r="E46571" s="15">
        <v>45592</v>
      </c>
      <c r="F46571" s="14" t="s">
        <v>15</v>
      </c>
      <c r="G46571" s="16">
        <v>1.2317463348883353</v>
      </c>
    </row>
    <row r="46572" spans="1:7" x14ac:dyDescent="0.3">
      <c r="A46572" s="13" t="s">
        <v>267</v>
      </c>
      <c r="B46572" s="14" t="s">
        <v>1</v>
      </c>
      <c r="C46572" s="14" t="s">
        <v>20</v>
      </c>
      <c r="D46572" s="14" t="s">
        <v>122</v>
      </c>
      <c r="E46572" s="15">
        <v>45593</v>
      </c>
      <c r="F46572" s="14" t="s">
        <v>15</v>
      </c>
      <c r="G46572" s="16">
        <v>1.2317463348883353</v>
      </c>
    </row>
    <row r="46573" spans="1:7" x14ac:dyDescent="0.3">
      <c r="A46573" s="13" t="s">
        <v>267</v>
      </c>
      <c r="B46573" s="14" t="s">
        <v>1</v>
      </c>
      <c r="C46573" s="14" t="s">
        <v>20</v>
      </c>
      <c r="D46573" s="14" t="s">
        <v>122</v>
      </c>
      <c r="E46573" s="15">
        <v>45594</v>
      </c>
      <c r="F46573" s="14" t="s">
        <v>15</v>
      </c>
      <c r="G46573" s="16">
        <v>1.2414112608695218</v>
      </c>
    </row>
    <row r="46574" spans="1:7" x14ac:dyDescent="0.3">
      <c r="A46574" s="13" t="s">
        <v>267</v>
      </c>
      <c r="B46574" s="14" t="s">
        <v>1</v>
      </c>
      <c r="C46574" s="14" t="s">
        <v>20</v>
      </c>
      <c r="D46574" s="14" t="s">
        <v>122</v>
      </c>
      <c r="E46574" s="15">
        <v>45595</v>
      </c>
      <c r="F46574" s="14" t="s">
        <v>15</v>
      </c>
      <c r="G46574" s="16">
        <v>1.2561315456745012</v>
      </c>
    </row>
    <row r="46575" spans="1:7" x14ac:dyDescent="0.3">
      <c r="A46575" s="13" t="s">
        <v>267</v>
      </c>
      <c r="B46575" s="14" t="s">
        <v>1</v>
      </c>
      <c r="C46575" s="14" t="s">
        <v>20</v>
      </c>
      <c r="D46575" s="14" t="s">
        <v>122</v>
      </c>
      <c r="E46575" s="15">
        <v>45596</v>
      </c>
      <c r="F46575" s="14" t="s">
        <v>15</v>
      </c>
      <c r="G46575" s="16">
        <v>1.2597556627462327</v>
      </c>
    </row>
    <row r="46576" spans="1:7" x14ac:dyDescent="0.3">
      <c r="A46576" s="13" t="s">
        <v>267</v>
      </c>
      <c r="B46576" s="14" t="s">
        <v>1</v>
      </c>
      <c r="C46576" s="14" t="s">
        <v>20</v>
      </c>
      <c r="D46576" s="14" t="s">
        <v>122</v>
      </c>
      <c r="E46576" s="15">
        <v>45597</v>
      </c>
      <c r="F46576" s="14" t="s">
        <v>15</v>
      </c>
      <c r="G46576" s="16">
        <v>1.2633550109936575</v>
      </c>
    </row>
    <row r="46577" spans="1:7" x14ac:dyDescent="0.3">
      <c r="A46577" s="13" t="s">
        <v>267</v>
      </c>
      <c r="B46577" s="14" t="s">
        <v>1</v>
      </c>
      <c r="C46577" s="14" t="s">
        <v>20</v>
      </c>
      <c r="D46577" s="14" t="s">
        <v>122</v>
      </c>
      <c r="E46577" s="15">
        <v>45598</v>
      </c>
      <c r="F46577" s="14" t="s">
        <v>15</v>
      </c>
      <c r="G46577" s="16">
        <v>1.2633550109936575</v>
      </c>
    </row>
    <row r="46578" spans="1:7" x14ac:dyDescent="0.3">
      <c r="A46578" s="13" t="s">
        <v>267</v>
      </c>
      <c r="B46578" s="14" t="s">
        <v>1</v>
      </c>
      <c r="C46578" s="14" t="s">
        <v>20</v>
      </c>
      <c r="D46578" s="14" t="s">
        <v>122</v>
      </c>
      <c r="E46578" s="15">
        <v>45599</v>
      </c>
      <c r="F46578" s="14" t="s">
        <v>15</v>
      </c>
      <c r="G46578" s="16">
        <v>1.2633550109936575</v>
      </c>
    </row>
    <row r="46579" spans="1:7" x14ac:dyDescent="0.3">
      <c r="A46579" s="13" t="s">
        <v>267</v>
      </c>
      <c r="B46579" s="14" t="s">
        <v>1</v>
      </c>
      <c r="C46579" s="14" t="s">
        <v>20</v>
      </c>
      <c r="D46579" s="14" t="s">
        <v>122</v>
      </c>
      <c r="E46579" s="15">
        <v>45600</v>
      </c>
      <c r="F46579" s="14" t="s">
        <v>15</v>
      </c>
      <c r="G46579" s="16">
        <v>1.2751821498619544</v>
      </c>
    </row>
    <row r="46580" spans="1:7" x14ac:dyDescent="0.3">
      <c r="A46580" s="13" t="s">
        <v>267</v>
      </c>
      <c r="B46580" s="14" t="s">
        <v>1</v>
      </c>
      <c r="C46580" s="14" t="s">
        <v>20</v>
      </c>
      <c r="D46580" s="14" t="s">
        <v>122</v>
      </c>
      <c r="E46580" s="15">
        <v>45601</v>
      </c>
      <c r="F46580" s="14" t="s">
        <v>15</v>
      </c>
      <c r="G46580" s="16">
        <v>1.2853035423630121</v>
      </c>
    </row>
    <row r="46581" spans="1:7" x14ac:dyDescent="0.3">
      <c r="A46581" s="13" t="s">
        <v>267</v>
      </c>
      <c r="B46581" s="14" t="s">
        <v>1</v>
      </c>
      <c r="C46581" s="14" t="s">
        <v>20</v>
      </c>
      <c r="D46581" s="14" t="s">
        <v>122</v>
      </c>
      <c r="E46581" s="15">
        <v>45602</v>
      </c>
      <c r="F46581" s="14" t="s">
        <v>15</v>
      </c>
      <c r="G46581" s="16">
        <v>1.2996620550754305</v>
      </c>
    </row>
    <row r="46582" spans="1:7" x14ac:dyDescent="0.3">
      <c r="A46582" s="13" t="s">
        <v>267</v>
      </c>
      <c r="B46582" s="14" t="s">
        <v>1</v>
      </c>
      <c r="C46582" s="14" t="s">
        <v>20</v>
      </c>
      <c r="D46582" s="14" t="s">
        <v>122</v>
      </c>
      <c r="E46582" s="15">
        <v>45603</v>
      </c>
      <c r="F46582" s="14" t="s">
        <v>15</v>
      </c>
      <c r="G46582" s="16">
        <v>1.302978213098285</v>
      </c>
    </row>
    <row r="46583" spans="1:7" x14ac:dyDescent="0.3">
      <c r="A46583" s="13" t="s">
        <v>267</v>
      </c>
      <c r="B46583" s="14" t="s">
        <v>1</v>
      </c>
      <c r="C46583" s="14" t="s">
        <v>20</v>
      </c>
      <c r="D46583" s="14" t="s">
        <v>122</v>
      </c>
      <c r="E46583" s="15">
        <v>45604</v>
      </c>
      <c r="F46583" s="14" t="s">
        <v>15</v>
      </c>
      <c r="G46583" s="16">
        <v>1.3065259596284047</v>
      </c>
    </row>
    <row r="46584" spans="1:7" x14ac:dyDescent="0.3">
      <c r="A46584" s="13" t="s">
        <v>267</v>
      </c>
      <c r="B46584" s="14" t="s">
        <v>1</v>
      </c>
      <c r="C46584" s="14" t="s">
        <v>20</v>
      </c>
      <c r="D46584" s="14" t="s">
        <v>122</v>
      </c>
      <c r="E46584" s="15">
        <v>45605</v>
      </c>
      <c r="F46584" s="14" t="s">
        <v>15</v>
      </c>
      <c r="G46584" s="16">
        <v>1.3065259596284047</v>
      </c>
    </row>
    <row r="46585" spans="1:7" x14ac:dyDescent="0.3">
      <c r="A46585" s="13" t="s">
        <v>267</v>
      </c>
      <c r="B46585" s="14" t="s">
        <v>1</v>
      </c>
      <c r="C46585" s="14" t="s">
        <v>20</v>
      </c>
      <c r="D46585" s="14" t="s">
        <v>122</v>
      </c>
      <c r="E46585" s="15">
        <v>45606</v>
      </c>
      <c r="F46585" s="14" t="s">
        <v>15</v>
      </c>
      <c r="G46585" s="16">
        <v>1.3065259596284047</v>
      </c>
    </row>
    <row r="46586" spans="1:7" x14ac:dyDescent="0.3">
      <c r="A46586" s="13" t="s">
        <v>267</v>
      </c>
      <c r="B46586" s="14" t="s">
        <v>1</v>
      </c>
      <c r="C46586" s="14" t="s">
        <v>20</v>
      </c>
      <c r="D46586" s="14" t="s">
        <v>122</v>
      </c>
      <c r="E46586" s="15">
        <v>45607</v>
      </c>
      <c r="F46586" s="14" t="s">
        <v>15</v>
      </c>
      <c r="G46586" s="16">
        <v>1.3098417048375206</v>
      </c>
    </row>
    <row r="46587" spans="1:7" x14ac:dyDescent="0.3">
      <c r="A46587" s="13" t="s">
        <v>267</v>
      </c>
      <c r="B46587" s="14" t="s">
        <v>1</v>
      </c>
      <c r="C46587" s="14" t="s">
        <v>20</v>
      </c>
      <c r="D46587" s="14" t="s">
        <v>122</v>
      </c>
      <c r="E46587" s="15">
        <v>45608</v>
      </c>
      <c r="F46587" s="14" t="s">
        <v>15</v>
      </c>
      <c r="G46587" s="16">
        <v>1.3196713198696504</v>
      </c>
    </row>
    <row r="46588" spans="1:7" x14ac:dyDescent="0.3">
      <c r="A46588" s="13" t="s">
        <v>267</v>
      </c>
      <c r="B46588" s="14" t="s">
        <v>1</v>
      </c>
      <c r="C46588" s="14" t="s">
        <v>20</v>
      </c>
      <c r="D46588" s="14" t="s">
        <v>122</v>
      </c>
      <c r="E46588" s="15">
        <v>45609</v>
      </c>
      <c r="F46588" s="14" t="s">
        <v>15</v>
      </c>
      <c r="G46588" s="16">
        <v>1.3229309290435489</v>
      </c>
    </row>
    <row r="46589" spans="1:7" x14ac:dyDescent="0.3">
      <c r="A46589" s="13" t="s">
        <v>267</v>
      </c>
      <c r="B46589" s="14" t="s">
        <v>1</v>
      </c>
      <c r="C46589" s="14" t="s">
        <v>20</v>
      </c>
      <c r="D46589" s="14" t="s">
        <v>122</v>
      </c>
      <c r="E46589" s="15">
        <v>45610</v>
      </c>
      <c r="F46589" s="14" t="s">
        <v>15</v>
      </c>
      <c r="G46589" s="16">
        <v>1.3396937602443957</v>
      </c>
    </row>
    <row r="46590" spans="1:7" x14ac:dyDescent="0.3">
      <c r="A46590" s="13" t="s">
        <v>267</v>
      </c>
      <c r="B46590" s="14" t="s">
        <v>1</v>
      </c>
      <c r="C46590" s="14" t="s">
        <v>20</v>
      </c>
      <c r="D46590" s="14" t="s">
        <v>122</v>
      </c>
      <c r="E46590" s="15">
        <v>45611</v>
      </c>
      <c r="F46590" s="14" t="s">
        <v>15</v>
      </c>
      <c r="G46590" s="16">
        <v>1.4067126798208387</v>
      </c>
    </row>
    <row r="46591" spans="1:7" x14ac:dyDescent="0.3">
      <c r="A46591" s="13" t="s">
        <v>267</v>
      </c>
      <c r="B46591" s="14" t="s">
        <v>1</v>
      </c>
      <c r="C46591" s="14" t="s">
        <v>20</v>
      </c>
      <c r="D46591" s="14" t="s">
        <v>122</v>
      </c>
      <c r="E46591" s="15">
        <v>45612</v>
      </c>
      <c r="F46591" s="14" t="s">
        <v>15</v>
      </c>
      <c r="G46591" s="16">
        <v>1.4067126798208387</v>
      </c>
    </row>
    <row r="46592" spans="1:7" x14ac:dyDescent="0.3">
      <c r="A46592" s="13" t="s">
        <v>267</v>
      </c>
      <c r="B46592" s="14" t="s">
        <v>1</v>
      </c>
      <c r="C46592" s="14" t="s">
        <v>20</v>
      </c>
      <c r="D46592" s="14" t="s">
        <v>122</v>
      </c>
      <c r="E46592" s="15">
        <v>45613</v>
      </c>
      <c r="F46592" s="14" t="s">
        <v>15</v>
      </c>
      <c r="G46592" s="16">
        <v>1.4067126798208387</v>
      </c>
    </row>
    <row r="46593" spans="1:7" x14ac:dyDescent="0.3">
      <c r="A46593" s="13" t="s">
        <v>267</v>
      </c>
      <c r="B46593" s="14" t="s">
        <v>1</v>
      </c>
      <c r="C46593" s="14" t="s">
        <v>20</v>
      </c>
      <c r="D46593" s="14" t="s">
        <v>122</v>
      </c>
      <c r="E46593" s="15">
        <v>45614</v>
      </c>
      <c r="F46593" s="14" t="s">
        <v>15</v>
      </c>
      <c r="G46593" s="16">
        <v>1.4098881815380464</v>
      </c>
    </row>
    <row r="46594" spans="1:7" x14ac:dyDescent="0.3">
      <c r="A46594" s="13" t="s">
        <v>267</v>
      </c>
      <c r="B46594" s="14" t="s">
        <v>1</v>
      </c>
      <c r="C46594" s="14" t="s">
        <v>20</v>
      </c>
      <c r="D46594" s="14" t="s">
        <v>122</v>
      </c>
      <c r="E46594" s="15">
        <v>45615</v>
      </c>
      <c r="F46594" s="14" t="s">
        <v>15</v>
      </c>
      <c r="G46594" s="16">
        <v>1.4266757009973248</v>
      </c>
    </row>
    <row r="46595" spans="1:7" x14ac:dyDescent="0.3">
      <c r="A46595" s="13" t="s">
        <v>267</v>
      </c>
      <c r="B46595" s="14" t="s">
        <v>1</v>
      </c>
      <c r="C46595" s="14" t="s">
        <v>20</v>
      </c>
      <c r="D46595" s="14" t="s">
        <v>122</v>
      </c>
      <c r="E46595" s="15">
        <v>45616</v>
      </c>
      <c r="F46595" s="14" t="s">
        <v>15</v>
      </c>
      <c r="G46595" s="16">
        <v>1.4298482735991258</v>
      </c>
    </row>
    <row r="46596" spans="1:7" x14ac:dyDescent="0.3">
      <c r="A46596" s="13" t="s">
        <v>267</v>
      </c>
      <c r="B46596" s="14" t="s">
        <v>1</v>
      </c>
      <c r="C46596" s="14" t="s">
        <v>20</v>
      </c>
      <c r="D46596" s="14" t="s">
        <v>122</v>
      </c>
      <c r="E46596" s="15">
        <v>45617</v>
      </c>
      <c r="F46596" s="14" t="s">
        <v>15</v>
      </c>
      <c r="G46596" s="16">
        <v>1.4330137326349377</v>
      </c>
    </row>
    <row r="46597" spans="1:7" x14ac:dyDescent="0.3">
      <c r="A46597" s="13" t="s">
        <v>267</v>
      </c>
      <c r="B46597" s="14" t="s">
        <v>1</v>
      </c>
      <c r="C46597" s="14" t="s">
        <v>20</v>
      </c>
      <c r="D46597" s="14" t="s">
        <v>122</v>
      </c>
      <c r="E46597" s="15">
        <v>45618</v>
      </c>
      <c r="F46597" s="14" t="s">
        <v>15</v>
      </c>
      <c r="G46597" s="16">
        <v>1.4362432137646486</v>
      </c>
    </row>
    <row r="46598" spans="1:7" x14ac:dyDescent="0.3">
      <c r="A46598" s="13" t="s">
        <v>267</v>
      </c>
      <c r="B46598" s="14" t="s">
        <v>1</v>
      </c>
      <c r="C46598" s="14" t="s">
        <v>20</v>
      </c>
      <c r="D46598" s="14" t="s">
        <v>122</v>
      </c>
      <c r="E46598" s="15">
        <v>45619</v>
      </c>
      <c r="F46598" s="14" t="s">
        <v>15</v>
      </c>
      <c r="G46598" s="16">
        <v>1.4362432137646486</v>
      </c>
    </row>
    <row r="46599" spans="1:7" x14ac:dyDescent="0.3">
      <c r="A46599" s="13" t="s">
        <v>267</v>
      </c>
      <c r="B46599" s="14" t="s">
        <v>1</v>
      </c>
      <c r="C46599" s="14" t="s">
        <v>20</v>
      </c>
      <c r="D46599" s="14" t="s">
        <v>122</v>
      </c>
      <c r="E46599" s="15">
        <v>45620</v>
      </c>
      <c r="F46599" s="14" t="s">
        <v>15</v>
      </c>
      <c r="G46599" s="16">
        <v>1.4362432137646486</v>
      </c>
    </row>
    <row r="46600" spans="1:7" x14ac:dyDescent="0.3">
      <c r="A46600" s="13" t="s">
        <v>267</v>
      </c>
      <c r="B46600" s="14" t="s">
        <v>1</v>
      </c>
      <c r="C46600" s="14" t="s">
        <v>20</v>
      </c>
      <c r="D46600" s="14" t="s">
        <v>122</v>
      </c>
      <c r="E46600" s="15">
        <v>45621</v>
      </c>
      <c r="F46600" s="14" t="s">
        <v>15</v>
      </c>
      <c r="G46600" s="16">
        <v>1.439343395371387</v>
      </c>
    </row>
    <row r="46601" spans="1:7" x14ac:dyDescent="0.3">
      <c r="A46601" s="13" t="s">
        <v>267</v>
      </c>
      <c r="B46601" s="14" t="s">
        <v>1</v>
      </c>
      <c r="C46601" s="14" t="s">
        <v>20</v>
      </c>
      <c r="D46601" s="14" t="s">
        <v>122</v>
      </c>
      <c r="E46601" s="15">
        <v>45622</v>
      </c>
      <c r="F46601" s="14" t="s">
        <v>15</v>
      </c>
      <c r="G46601" s="16">
        <v>1.4486478618555212</v>
      </c>
    </row>
    <row r="46602" spans="1:7" x14ac:dyDescent="0.3">
      <c r="A46602" s="13" t="s">
        <v>267</v>
      </c>
      <c r="B46602" s="14" t="s">
        <v>1</v>
      </c>
      <c r="C46602" s="14" t="s">
        <v>20</v>
      </c>
      <c r="D46602" s="14" t="s">
        <v>122</v>
      </c>
      <c r="E46602" s="15">
        <v>45623</v>
      </c>
      <c r="F46602" s="14" t="s">
        <v>15</v>
      </c>
      <c r="G46602" s="16">
        <v>1.4519911600410527</v>
      </c>
    </row>
    <row r="46603" spans="1:7" x14ac:dyDescent="0.3">
      <c r="A46603" s="13" t="s">
        <v>267</v>
      </c>
      <c r="B46603" s="14" t="s">
        <v>1</v>
      </c>
      <c r="C46603" s="14" t="s">
        <v>20</v>
      </c>
      <c r="D46603" s="14" t="s">
        <v>122</v>
      </c>
      <c r="E46603" s="15">
        <v>45624</v>
      </c>
      <c r="F46603" s="14" t="s">
        <v>15</v>
      </c>
      <c r="G46603" s="16">
        <v>1.4576718923214875</v>
      </c>
    </row>
    <row r="46604" spans="1:7" x14ac:dyDescent="0.3">
      <c r="A46604" s="13" t="s">
        <v>267</v>
      </c>
      <c r="B46604" s="14" t="s">
        <v>1</v>
      </c>
      <c r="C46604" s="14" t="s">
        <v>20</v>
      </c>
      <c r="D46604" s="14" t="s">
        <v>122</v>
      </c>
      <c r="E46604" s="15">
        <v>45625</v>
      </c>
      <c r="F46604" s="14" t="s">
        <v>15</v>
      </c>
      <c r="G46604" s="16">
        <v>1.4617365897872936</v>
      </c>
    </row>
    <row r="46605" spans="1:7" x14ac:dyDescent="0.3">
      <c r="A46605" s="13" t="s">
        <v>267</v>
      </c>
      <c r="B46605" s="14" t="s">
        <v>1</v>
      </c>
      <c r="C46605" s="14" t="s">
        <v>20</v>
      </c>
      <c r="D46605" s="14" t="s">
        <v>122</v>
      </c>
      <c r="E46605" s="15">
        <v>45626</v>
      </c>
      <c r="F46605" s="14" t="s">
        <v>15</v>
      </c>
      <c r="G46605" s="16">
        <v>1.4617365897872936</v>
      </c>
    </row>
    <row r="46606" spans="1:7" x14ac:dyDescent="0.3">
      <c r="A46606" s="13" t="s">
        <v>267</v>
      </c>
      <c r="B46606" s="14" t="s">
        <v>1</v>
      </c>
      <c r="C46606" s="14" t="s">
        <v>20</v>
      </c>
      <c r="D46606" s="14" t="s">
        <v>122</v>
      </c>
      <c r="E46606" s="15">
        <v>45627</v>
      </c>
      <c r="F46606" s="14" t="s">
        <v>15</v>
      </c>
      <c r="G46606" s="16">
        <v>1.4617365897872936</v>
      </c>
    </row>
    <row r="46607" spans="1:7" x14ac:dyDescent="0.3">
      <c r="A46607" s="13" t="s">
        <v>267</v>
      </c>
      <c r="B46607" s="14" t="s">
        <v>1</v>
      </c>
      <c r="C46607" s="14" t="s">
        <v>20</v>
      </c>
      <c r="D46607" s="14" t="s">
        <v>122</v>
      </c>
      <c r="E46607" s="15">
        <v>45628</v>
      </c>
      <c r="F46607" s="14" t="s">
        <v>15</v>
      </c>
      <c r="G46607" s="16">
        <v>1.4845212638201764</v>
      </c>
    </row>
    <row r="46608" spans="1:7" x14ac:dyDescent="0.3">
      <c r="A46608" s="13" t="s">
        <v>267</v>
      </c>
      <c r="B46608" s="14" t="s">
        <v>1</v>
      </c>
      <c r="C46608" s="14" t="s">
        <v>20</v>
      </c>
      <c r="D46608" s="14" t="s">
        <v>122</v>
      </c>
      <c r="E46608" s="15">
        <v>45629</v>
      </c>
      <c r="F46608" s="14" t="s">
        <v>15</v>
      </c>
      <c r="G46608" s="16">
        <v>1.4908895013311745</v>
      </c>
    </row>
    <row r="46609" spans="1:7" x14ac:dyDescent="0.3">
      <c r="A46609" s="13" t="s">
        <v>267</v>
      </c>
      <c r="B46609" s="14" t="s">
        <v>1</v>
      </c>
      <c r="C46609" s="14" t="s">
        <v>20</v>
      </c>
      <c r="D46609" s="14" t="s">
        <v>122</v>
      </c>
      <c r="E46609" s="15">
        <v>45630</v>
      </c>
      <c r="F46609" s="14" t="s">
        <v>15</v>
      </c>
      <c r="G46609" s="16">
        <v>1.5001849010060364</v>
      </c>
    </row>
    <row r="46610" spans="1:7" x14ac:dyDescent="0.3">
      <c r="A46610" s="13" t="s">
        <v>267</v>
      </c>
      <c r="B46610" s="14" t="s">
        <v>1</v>
      </c>
      <c r="C46610" s="14" t="s">
        <v>20</v>
      </c>
      <c r="D46610" s="14" t="s">
        <v>122</v>
      </c>
      <c r="E46610" s="15">
        <v>45631</v>
      </c>
      <c r="F46610" s="14" t="s">
        <v>15</v>
      </c>
      <c r="G46610" s="16">
        <v>1.5136337466037912</v>
      </c>
    </row>
    <row r="46611" spans="1:7" x14ac:dyDescent="0.3">
      <c r="A46611" s="13" t="s">
        <v>267</v>
      </c>
      <c r="B46611" s="14" t="s">
        <v>1</v>
      </c>
      <c r="C46611" s="14" t="s">
        <v>20</v>
      </c>
      <c r="D46611" s="14" t="s">
        <v>122</v>
      </c>
      <c r="E46611" s="15">
        <v>45632</v>
      </c>
      <c r="F46611" s="14" t="s">
        <v>15</v>
      </c>
      <c r="G46611" s="16">
        <v>1.5210193885167973</v>
      </c>
    </row>
    <row r="46612" spans="1:7" x14ac:dyDescent="0.3">
      <c r="A46612" s="13" t="s">
        <v>267</v>
      </c>
      <c r="B46612" s="14" t="s">
        <v>1</v>
      </c>
      <c r="C46612" s="14" t="s">
        <v>20</v>
      </c>
      <c r="D46612" s="14" t="s">
        <v>122</v>
      </c>
      <c r="E46612" s="15">
        <v>45633</v>
      </c>
      <c r="F46612" s="14" t="s">
        <v>15</v>
      </c>
      <c r="G46612" s="16">
        <v>1.5210193885167973</v>
      </c>
    </row>
    <row r="46613" spans="1:7" x14ac:dyDescent="0.3">
      <c r="A46613" s="13" t="s">
        <v>267</v>
      </c>
      <c r="B46613" s="14" t="s">
        <v>1</v>
      </c>
      <c r="C46613" s="14" t="s">
        <v>20</v>
      </c>
      <c r="D46613" s="14" t="s">
        <v>122</v>
      </c>
      <c r="E46613" s="15">
        <v>45634</v>
      </c>
      <c r="F46613" s="14" t="s">
        <v>15</v>
      </c>
      <c r="G46613" s="16">
        <v>1.5210193885167973</v>
      </c>
    </row>
    <row r="46614" spans="1:7" x14ac:dyDescent="0.3">
      <c r="A46614" s="13" t="s">
        <v>267</v>
      </c>
      <c r="B46614" s="14" t="s">
        <v>1</v>
      </c>
      <c r="C46614" s="14" t="s">
        <v>20</v>
      </c>
      <c r="D46614" s="14" t="s">
        <v>122</v>
      </c>
      <c r="E46614" s="15">
        <v>45635</v>
      </c>
      <c r="F46614" s="14" t="s">
        <v>15</v>
      </c>
      <c r="G46614" s="16">
        <v>1.5240435783244268</v>
      </c>
    </row>
    <row r="46615" spans="1:7" x14ac:dyDescent="0.3">
      <c r="A46615" s="13" t="s">
        <v>267</v>
      </c>
      <c r="B46615" s="14" t="s">
        <v>1</v>
      </c>
      <c r="C46615" s="14" t="s">
        <v>20</v>
      </c>
      <c r="D46615" s="14" t="s">
        <v>122</v>
      </c>
      <c r="E46615" s="15">
        <v>45636</v>
      </c>
      <c r="F46615" s="14" t="s">
        <v>15</v>
      </c>
      <c r="G46615" s="16">
        <v>1.533072453316356</v>
      </c>
    </row>
    <row r="46616" spans="1:7" x14ac:dyDescent="0.3">
      <c r="A46616" s="13" t="s">
        <v>267</v>
      </c>
      <c r="B46616" s="14" t="s">
        <v>1</v>
      </c>
      <c r="C46616" s="14" t="s">
        <v>20</v>
      </c>
      <c r="D46616" s="14" t="s">
        <v>122</v>
      </c>
      <c r="E46616" s="15">
        <v>45637</v>
      </c>
      <c r="F46616" s="14" t="s">
        <v>15</v>
      </c>
      <c r="G46616" s="16">
        <v>1.5360034175180188</v>
      </c>
    </row>
    <row r="46617" spans="1:7" x14ac:dyDescent="0.3">
      <c r="A46617" s="13" t="s">
        <v>267</v>
      </c>
      <c r="B46617" s="14" t="s">
        <v>1</v>
      </c>
      <c r="C46617" s="14" t="s">
        <v>20</v>
      </c>
      <c r="D46617" s="14" t="s">
        <v>122</v>
      </c>
      <c r="E46617" s="15">
        <v>45638</v>
      </c>
      <c r="F46617" s="14" t="s">
        <v>15</v>
      </c>
      <c r="G46617" s="16">
        <v>1.5389563734010892</v>
      </c>
    </row>
    <row r="46618" spans="1:7" x14ac:dyDescent="0.3">
      <c r="A46618" s="13" t="s">
        <v>267</v>
      </c>
      <c r="B46618" s="14" t="s">
        <v>1</v>
      </c>
      <c r="C46618" s="14" t="s">
        <v>20</v>
      </c>
      <c r="D46618" s="14" t="s">
        <v>122</v>
      </c>
      <c r="E46618" s="15">
        <v>45639</v>
      </c>
      <c r="F46618" s="14" t="s">
        <v>15</v>
      </c>
      <c r="G46618" s="16">
        <v>1.552984053192942</v>
      </c>
    </row>
    <row r="46619" spans="1:7" x14ac:dyDescent="0.3">
      <c r="A46619" s="13" t="s">
        <v>267</v>
      </c>
      <c r="B46619" s="14" t="s">
        <v>1</v>
      </c>
      <c r="C46619" s="14" t="s">
        <v>20</v>
      </c>
      <c r="D46619" s="14" t="s">
        <v>122</v>
      </c>
      <c r="E46619" s="15">
        <v>45640</v>
      </c>
      <c r="F46619" s="14" t="s">
        <v>15</v>
      </c>
      <c r="G46619" s="16">
        <v>1.552984053192942</v>
      </c>
    </row>
    <row r="46620" spans="1:7" x14ac:dyDescent="0.3">
      <c r="A46620" s="13" t="s">
        <v>267</v>
      </c>
      <c r="B46620" s="14" t="s">
        <v>1</v>
      </c>
      <c r="C46620" s="14" t="s">
        <v>20</v>
      </c>
      <c r="D46620" s="14" t="s">
        <v>122</v>
      </c>
      <c r="E46620" s="15">
        <v>45641</v>
      </c>
      <c r="F46620" s="14" t="s">
        <v>15</v>
      </c>
      <c r="G46620" s="16">
        <v>1.552984053192942</v>
      </c>
    </row>
    <row r="46621" spans="1:7" x14ac:dyDescent="0.3">
      <c r="A46621" s="13" t="s">
        <v>267</v>
      </c>
      <c r="B46621" s="14" t="s">
        <v>1</v>
      </c>
      <c r="C46621" s="14" t="s">
        <v>20</v>
      </c>
      <c r="D46621" s="14" t="s">
        <v>122</v>
      </c>
      <c r="E46621" s="15">
        <v>45642</v>
      </c>
      <c r="F46621" s="14" t="s">
        <v>15</v>
      </c>
      <c r="G46621" s="16">
        <v>1.555682192419704</v>
      </c>
    </row>
    <row r="46622" spans="1:7" x14ac:dyDescent="0.3">
      <c r="A46622" s="13" t="s">
        <v>267</v>
      </c>
      <c r="B46622" s="14" t="s">
        <v>1</v>
      </c>
      <c r="C46622" s="14" t="s">
        <v>20</v>
      </c>
      <c r="D46622" s="14" t="s">
        <v>122</v>
      </c>
      <c r="E46622" s="15">
        <v>45643</v>
      </c>
      <c r="F46622" s="14" t="s">
        <v>15</v>
      </c>
      <c r="G46622" s="16">
        <v>1.5638710807978742</v>
      </c>
    </row>
    <row r="46623" spans="1:7" x14ac:dyDescent="0.3">
      <c r="A46623" s="13" t="s">
        <v>267</v>
      </c>
      <c r="B46623" s="14" t="s">
        <v>1</v>
      </c>
      <c r="C46623" s="14" t="s">
        <v>20</v>
      </c>
      <c r="D46623" s="14" t="s">
        <v>122</v>
      </c>
      <c r="E46623" s="15">
        <v>45644</v>
      </c>
      <c r="F46623" s="14" t="s">
        <v>15</v>
      </c>
      <c r="G46623" s="16">
        <v>1.5658721793400256</v>
      </c>
    </row>
    <row r="46624" spans="1:7" x14ac:dyDescent="0.3">
      <c r="A46624" s="13" t="s">
        <v>267</v>
      </c>
      <c r="B46624" s="14" t="s">
        <v>1</v>
      </c>
      <c r="C46624" s="14" t="s">
        <v>20</v>
      </c>
      <c r="D46624" s="14" t="s">
        <v>122</v>
      </c>
      <c r="E46624" s="15">
        <v>45645</v>
      </c>
      <c r="F46624" s="14" t="s">
        <v>15</v>
      </c>
      <c r="G46624" s="16">
        <v>1.5684182891170577</v>
      </c>
    </row>
    <row r="46625" spans="1:7" x14ac:dyDescent="0.3">
      <c r="A46625" s="13" t="s">
        <v>267</v>
      </c>
      <c r="B46625" s="14" t="s">
        <v>1</v>
      </c>
      <c r="C46625" s="14" t="s">
        <v>20</v>
      </c>
      <c r="D46625" s="14" t="s">
        <v>122</v>
      </c>
      <c r="E46625" s="15">
        <v>45646</v>
      </c>
      <c r="F46625" s="14" t="s">
        <v>15</v>
      </c>
      <c r="G46625" s="16">
        <v>1.5710604929802399</v>
      </c>
    </row>
    <row r="46626" spans="1:7" x14ac:dyDescent="0.3">
      <c r="A46626" s="13" t="s">
        <v>267</v>
      </c>
      <c r="B46626" s="14" t="s">
        <v>1</v>
      </c>
      <c r="C46626" s="14" t="s">
        <v>20</v>
      </c>
      <c r="D46626" s="14" t="s">
        <v>122</v>
      </c>
      <c r="E46626" s="15">
        <v>45647</v>
      </c>
      <c r="F46626" s="14" t="s">
        <v>15</v>
      </c>
      <c r="G46626" s="16">
        <v>1.5710604929802399</v>
      </c>
    </row>
    <row r="46627" spans="1:7" x14ac:dyDescent="0.3">
      <c r="A46627" s="13" t="s">
        <v>267</v>
      </c>
      <c r="B46627" s="14" t="s">
        <v>1</v>
      </c>
      <c r="C46627" s="14" t="s">
        <v>20</v>
      </c>
      <c r="D46627" s="14" t="s">
        <v>122</v>
      </c>
      <c r="E46627" s="15">
        <v>45648</v>
      </c>
      <c r="F46627" s="14" t="s">
        <v>15</v>
      </c>
      <c r="G46627" s="16">
        <v>1.5710604929802399</v>
      </c>
    </row>
    <row r="46628" spans="1:7" x14ac:dyDescent="0.3">
      <c r="A46628" s="13" t="s">
        <v>267</v>
      </c>
      <c r="B46628" s="14" t="s">
        <v>1</v>
      </c>
      <c r="C46628" s="14" t="s">
        <v>20</v>
      </c>
      <c r="D46628" s="14" t="s">
        <v>122</v>
      </c>
      <c r="E46628" s="15">
        <v>45649</v>
      </c>
      <c r="F46628" s="14" t="s">
        <v>15</v>
      </c>
      <c r="G46628" s="16">
        <v>1.5737476363662986</v>
      </c>
    </row>
    <row r="46629" spans="1:7" x14ac:dyDescent="0.3">
      <c r="A46629" s="13" t="s">
        <v>267</v>
      </c>
      <c r="B46629" s="14" t="s">
        <v>1</v>
      </c>
      <c r="C46629" s="14" t="s">
        <v>20</v>
      </c>
      <c r="D46629" s="14" t="s">
        <v>122</v>
      </c>
      <c r="E46629" s="15">
        <v>45650</v>
      </c>
      <c r="F46629" s="14" t="s">
        <v>15</v>
      </c>
      <c r="G46629" s="16">
        <v>1.5817682405736981</v>
      </c>
    </row>
    <row r="46630" spans="1:7" x14ac:dyDescent="0.3">
      <c r="A46630" s="13" t="s">
        <v>267</v>
      </c>
      <c r="B46630" s="14" t="s">
        <v>1</v>
      </c>
      <c r="C46630" s="14" t="s">
        <v>20</v>
      </c>
      <c r="D46630" s="14" t="s">
        <v>122</v>
      </c>
      <c r="E46630" s="15">
        <v>45651</v>
      </c>
      <c r="F46630" s="14" t="s">
        <v>15</v>
      </c>
      <c r="G46630" s="16">
        <v>1.5817682405736981</v>
      </c>
    </row>
    <row r="46631" spans="1:7" x14ac:dyDescent="0.3">
      <c r="A46631" s="13" t="s">
        <v>267</v>
      </c>
      <c r="B46631" s="14" t="s">
        <v>1</v>
      </c>
      <c r="C46631" s="14" t="s">
        <v>20</v>
      </c>
      <c r="D46631" s="14" t="s">
        <v>122</v>
      </c>
      <c r="E46631" s="15">
        <v>45652</v>
      </c>
      <c r="F46631" s="14" t="s">
        <v>15</v>
      </c>
      <c r="G46631" s="16">
        <v>1.5817682405736981</v>
      </c>
    </row>
    <row r="46632" spans="1:7" x14ac:dyDescent="0.3">
      <c r="A46632" s="13" t="s">
        <v>267</v>
      </c>
      <c r="B46632" s="14" t="s">
        <v>1</v>
      </c>
      <c r="C46632" s="14" t="s">
        <v>20</v>
      </c>
      <c r="D46632" s="14" t="s">
        <v>122</v>
      </c>
      <c r="E46632" s="15">
        <v>45653</v>
      </c>
      <c r="F46632" s="14" t="s">
        <v>15</v>
      </c>
      <c r="G46632" s="16">
        <v>1.5817682405736981</v>
      </c>
    </row>
    <row r="46633" spans="1:7" x14ac:dyDescent="0.3">
      <c r="A46633" s="13" t="s">
        <v>267</v>
      </c>
      <c r="B46633" s="14" t="s">
        <v>1</v>
      </c>
      <c r="C46633" s="14" t="s">
        <v>20</v>
      </c>
      <c r="D46633" s="14" t="s">
        <v>122</v>
      </c>
      <c r="E46633" s="15">
        <v>45654</v>
      </c>
      <c r="F46633" s="14" t="s">
        <v>15</v>
      </c>
      <c r="G46633" s="16">
        <v>1.5817682405736981</v>
      </c>
    </row>
    <row r="46634" spans="1:7" x14ac:dyDescent="0.3">
      <c r="A46634" s="13" t="s">
        <v>267</v>
      </c>
      <c r="B46634" s="14" t="s">
        <v>1</v>
      </c>
      <c r="C46634" s="14" t="s">
        <v>20</v>
      </c>
      <c r="D46634" s="14" t="s">
        <v>122</v>
      </c>
      <c r="E46634" s="15">
        <v>45655</v>
      </c>
      <c r="F46634" s="14" t="s">
        <v>15</v>
      </c>
      <c r="G46634" s="16">
        <v>1.5817682405736981</v>
      </c>
    </row>
    <row r="46635" spans="1:7" x14ac:dyDescent="0.3">
      <c r="A46635" s="13" t="s">
        <v>267</v>
      </c>
      <c r="B46635" s="14" t="s">
        <v>1</v>
      </c>
      <c r="C46635" s="14" t="s">
        <v>20</v>
      </c>
      <c r="D46635" s="14" t="s">
        <v>122</v>
      </c>
      <c r="E46635" s="15">
        <v>45656</v>
      </c>
      <c r="F46635" s="14" t="s">
        <v>15</v>
      </c>
      <c r="G46635" s="16">
        <v>1.5844090101967887</v>
      </c>
    </row>
    <row r="46636" spans="1:7" x14ac:dyDescent="0.3">
      <c r="A46636" s="13" t="s">
        <v>267</v>
      </c>
      <c r="B46636" s="14" t="s">
        <v>1</v>
      </c>
      <c r="C46636" s="14" t="s">
        <v>20</v>
      </c>
      <c r="D46636" s="14" t="s">
        <v>122</v>
      </c>
      <c r="E46636" s="15">
        <v>45657</v>
      </c>
      <c r="F46636" s="14" t="s">
        <v>15</v>
      </c>
      <c r="G46636" s="16">
        <v>1.6003184129890715</v>
      </c>
    </row>
    <row r="46637" spans="1:7" x14ac:dyDescent="0.3">
      <c r="A46637" s="13" t="s">
        <v>267</v>
      </c>
      <c r="B46637" s="14" t="s">
        <v>1</v>
      </c>
      <c r="C46637" s="14" t="s">
        <v>20</v>
      </c>
      <c r="D46637" s="14" t="s">
        <v>122</v>
      </c>
      <c r="E46637" s="15">
        <v>45658</v>
      </c>
      <c r="F46637" s="14" t="s">
        <v>15</v>
      </c>
      <c r="G46637" s="16">
        <v>1.6003184129890715</v>
      </c>
    </row>
    <row r="46638" spans="1:7" x14ac:dyDescent="0.3">
      <c r="A46638" s="13" t="s">
        <v>267</v>
      </c>
      <c r="B46638" s="14" t="s">
        <v>1</v>
      </c>
      <c r="C46638" s="14" t="s">
        <v>20</v>
      </c>
      <c r="D46638" s="14" t="s">
        <v>122</v>
      </c>
      <c r="E46638" s="15">
        <v>45659</v>
      </c>
      <c r="F46638" s="14" t="s">
        <v>15</v>
      </c>
      <c r="G46638" s="16">
        <v>1.6003184129890715</v>
      </c>
    </row>
    <row r="46639" spans="1:7" x14ac:dyDescent="0.3">
      <c r="A46639" s="13" t="s">
        <v>267</v>
      </c>
      <c r="B46639" s="14" t="s">
        <v>1</v>
      </c>
      <c r="C46639" s="14" t="s">
        <v>20</v>
      </c>
      <c r="D46639" s="14" t="s">
        <v>122</v>
      </c>
      <c r="E46639" s="15">
        <v>45660</v>
      </c>
      <c r="F46639" s="14" t="s">
        <v>15</v>
      </c>
      <c r="G46639" s="16">
        <v>1.6031155147821674</v>
      </c>
    </row>
    <row r="46640" spans="1:7" x14ac:dyDescent="0.3">
      <c r="A46640" s="13" t="s">
        <v>267</v>
      </c>
      <c r="B46640" s="14" t="s">
        <v>1</v>
      </c>
      <c r="C46640" s="14" t="s">
        <v>20</v>
      </c>
      <c r="D46640" s="14" t="s">
        <v>122</v>
      </c>
      <c r="E46640" s="15">
        <v>45661</v>
      </c>
      <c r="F46640" s="14" t="s">
        <v>15</v>
      </c>
      <c r="G46640" s="16">
        <v>1.6031155147821674</v>
      </c>
    </row>
    <row r="46641" spans="1:7" x14ac:dyDescent="0.3">
      <c r="A46641" s="13" t="s">
        <v>267</v>
      </c>
      <c r="B46641" s="14" t="s">
        <v>1</v>
      </c>
      <c r="C46641" s="14" t="s">
        <v>20</v>
      </c>
      <c r="D46641" s="14" t="s">
        <v>122</v>
      </c>
      <c r="E46641" s="15">
        <v>45662</v>
      </c>
      <c r="F46641" s="14" t="s">
        <v>15</v>
      </c>
      <c r="G46641" s="16">
        <v>1.6031155147821674</v>
      </c>
    </row>
    <row r="46642" spans="1:7" x14ac:dyDescent="0.3">
      <c r="A46642" s="13" t="s">
        <v>267</v>
      </c>
      <c r="B46642" s="14" t="s">
        <v>1</v>
      </c>
      <c r="C46642" s="14" t="s">
        <v>20</v>
      </c>
      <c r="D46642" s="14" t="s">
        <v>122</v>
      </c>
      <c r="E46642" s="15">
        <v>45663</v>
      </c>
      <c r="F46642" s="14" t="s">
        <v>15</v>
      </c>
      <c r="G46642" s="16">
        <v>1.6146753454560778</v>
      </c>
    </row>
    <row r="46643" spans="1:7" x14ac:dyDescent="0.3">
      <c r="A46643" s="13" t="s">
        <v>267</v>
      </c>
      <c r="B46643" s="14" t="s">
        <v>1</v>
      </c>
      <c r="C46643" s="14" t="s">
        <v>20</v>
      </c>
      <c r="D46643" s="14" t="s">
        <v>122</v>
      </c>
      <c r="E46643" s="15">
        <v>45664</v>
      </c>
      <c r="F46643" s="14" t="s">
        <v>15</v>
      </c>
      <c r="G46643" s="16">
        <v>1.6417149294406925</v>
      </c>
    </row>
    <row r="46644" spans="1:7" x14ac:dyDescent="0.3">
      <c r="A46644" s="13" t="s">
        <v>267</v>
      </c>
      <c r="B46644" s="14" t="s">
        <v>1</v>
      </c>
      <c r="C46644" s="14" t="s">
        <v>20</v>
      </c>
      <c r="D46644" s="14" t="s">
        <v>122</v>
      </c>
      <c r="E46644" s="15">
        <v>45665</v>
      </c>
      <c r="F46644" s="14" t="s">
        <v>15</v>
      </c>
      <c r="G46644" s="16">
        <v>1.6442720350584286</v>
      </c>
    </row>
    <row r="46645" spans="1:7" x14ac:dyDescent="0.3">
      <c r="A46645" s="13" t="s">
        <v>267</v>
      </c>
      <c r="B46645" s="14" t="s">
        <v>1</v>
      </c>
      <c r="C46645" s="14" t="s">
        <v>20</v>
      </c>
      <c r="D46645" s="14" t="s">
        <v>122</v>
      </c>
      <c r="E46645" s="15">
        <v>45666</v>
      </c>
      <c r="F46645" s="14" t="s">
        <v>15</v>
      </c>
      <c r="G46645" s="16">
        <v>1.6468583035580309</v>
      </c>
    </row>
    <row r="46646" spans="1:7" x14ac:dyDescent="0.3">
      <c r="A46646" s="13" t="s">
        <v>267</v>
      </c>
      <c r="B46646" s="14" t="s">
        <v>1</v>
      </c>
      <c r="C46646" s="14" t="s">
        <v>20</v>
      </c>
      <c r="D46646" s="14" t="s">
        <v>122</v>
      </c>
      <c r="E46646" s="15">
        <v>45667</v>
      </c>
      <c r="F46646" s="14" t="s">
        <v>15</v>
      </c>
      <c r="G46646" s="16">
        <v>1.6494211461361339</v>
      </c>
    </row>
    <row r="46647" spans="1:7" x14ac:dyDescent="0.3">
      <c r="A46647" s="13" t="s">
        <v>267</v>
      </c>
      <c r="B46647" s="14" t="s">
        <v>1</v>
      </c>
      <c r="C46647" s="14" t="s">
        <v>20</v>
      </c>
      <c r="D46647" s="14" t="s">
        <v>122</v>
      </c>
      <c r="E46647" s="15">
        <v>45668</v>
      </c>
      <c r="F46647" s="14" t="s">
        <v>15</v>
      </c>
      <c r="G46647" s="16">
        <v>1.6494211461361339</v>
      </c>
    </row>
    <row r="46648" spans="1:7" x14ac:dyDescent="0.3">
      <c r="A46648" s="13" t="s">
        <v>267</v>
      </c>
      <c r="B46648" s="14" t="s">
        <v>1</v>
      </c>
      <c r="C46648" s="14" t="s">
        <v>20</v>
      </c>
      <c r="D46648" s="14" t="s">
        <v>122</v>
      </c>
      <c r="E46648" s="15">
        <v>45669</v>
      </c>
      <c r="F46648" s="14" t="s">
        <v>15</v>
      </c>
      <c r="G46648" s="16">
        <v>1.6494211461361339</v>
      </c>
    </row>
    <row r="46649" spans="1:7" x14ac:dyDescent="0.3">
      <c r="A46649" s="13" t="s">
        <v>267</v>
      </c>
      <c r="B46649" s="14" t="s">
        <v>1</v>
      </c>
      <c r="C46649" s="14" t="s">
        <v>20</v>
      </c>
      <c r="D46649" s="14" t="s">
        <v>122</v>
      </c>
      <c r="E46649" s="15">
        <v>45670</v>
      </c>
      <c r="F46649" s="14" t="s">
        <v>15</v>
      </c>
      <c r="G46649" s="16">
        <v>1.652278486013085</v>
      </c>
    </row>
    <row r="46650" spans="1:7" x14ac:dyDescent="0.3">
      <c r="A46650" s="13" t="s">
        <v>267</v>
      </c>
      <c r="B46650" s="14" t="s">
        <v>1</v>
      </c>
      <c r="C46650" s="14" t="s">
        <v>20</v>
      </c>
      <c r="D46650" s="14" t="s">
        <v>122</v>
      </c>
      <c r="E46650" s="15">
        <v>45671</v>
      </c>
      <c r="F46650" s="14" t="s">
        <v>15</v>
      </c>
      <c r="G46650" s="16">
        <v>1.6600547913248498</v>
      </c>
    </row>
    <row r="46651" spans="1:7" x14ac:dyDescent="0.3">
      <c r="A46651" s="13" t="s">
        <v>267</v>
      </c>
      <c r="B46651" s="14" t="s">
        <v>1</v>
      </c>
      <c r="C46651" s="14" t="s">
        <v>20</v>
      </c>
      <c r="D46651" s="14" t="s">
        <v>122</v>
      </c>
      <c r="E46651" s="15">
        <v>45672</v>
      </c>
      <c r="F46651" s="14" t="s">
        <v>15</v>
      </c>
      <c r="G46651" s="16">
        <v>1.6626415379044828</v>
      </c>
    </row>
    <row r="46652" spans="1:7" x14ac:dyDescent="0.3">
      <c r="A46652" s="13" t="s">
        <v>267</v>
      </c>
      <c r="B46652" s="14" t="s">
        <v>1</v>
      </c>
      <c r="C46652" s="14" t="s">
        <v>20</v>
      </c>
      <c r="D46652" s="14" t="s">
        <v>122</v>
      </c>
      <c r="E46652" s="15">
        <v>45673</v>
      </c>
      <c r="F46652" s="14" t="s">
        <v>15</v>
      </c>
      <c r="G46652" s="16">
        <v>1.6651627875199242</v>
      </c>
    </row>
    <row r="46653" spans="1:7" x14ac:dyDescent="0.3">
      <c r="A46653" s="13" t="s">
        <v>267</v>
      </c>
      <c r="B46653" s="14" t="s">
        <v>1</v>
      </c>
      <c r="C46653" s="14" t="s">
        <v>20</v>
      </c>
      <c r="D46653" s="14" t="s">
        <v>122</v>
      </c>
      <c r="E46653" s="15">
        <v>45674</v>
      </c>
      <c r="F46653" s="14" t="s">
        <v>15</v>
      </c>
      <c r="G46653" s="16">
        <v>1.6662196780016463</v>
      </c>
    </row>
    <row r="46654" spans="1:7" x14ac:dyDescent="0.3">
      <c r="A46654" s="13" t="s">
        <v>267</v>
      </c>
      <c r="B46654" s="14" t="s">
        <v>1</v>
      </c>
      <c r="C46654" s="14" t="s">
        <v>20</v>
      </c>
      <c r="D46654" s="14" t="s">
        <v>122</v>
      </c>
      <c r="E46654" s="15">
        <v>45675</v>
      </c>
      <c r="F46654" s="14" t="s">
        <v>15</v>
      </c>
      <c r="G46654" s="16">
        <v>1.6662196780016463</v>
      </c>
    </row>
    <row r="46655" spans="1:7" x14ac:dyDescent="0.3">
      <c r="A46655" s="13" t="s">
        <v>267</v>
      </c>
      <c r="B46655" s="14" t="s">
        <v>1</v>
      </c>
      <c r="C46655" s="14" t="s">
        <v>20</v>
      </c>
      <c r="D46655" s="14" t="s">
        <v>122</v>
      </c>
      <c r="E46655" s="15">
        <v>45676</v>
      </c>
      <c r="F46655" s="14" t="s">
        <v>15</v>
      </c>
      <c r="G46655" s="16">
        <v>1.6662196780016463</v>
      </c>
    </row>
    <row r="46656" spans="1:7" x14ac:dyDescent="0.3">
      <c r="A46656" s="13" t="s">
        <v>267</v>
      </c>
      <c r="B46656" s="14" t="s">
        <v>1</v>
      </c>
      <c r="C46656" s="14" t="s">
        <v>20</v>
      </c>
      <c r="D46656" s="14" t="s">
        <v>122</v>
      </c>
      <c r="E46656" s="15">
        <v>45677</v>
      </c>
      <c r="F46656" s="14" t="s">
        <v>15</v>
      </c>
      <c r="G46656" s="16">
        <v>1.6684698562397389</v>
      </c>
    </row>
    <row r="46657" spans="1:7" x14ac:dyDescent="0.3">
      <c r="A46657" s="13" t="s">
        <v>267</v>
      </c>
      <c r="B46657" s="14" t="s">
        <v>1</v>
      </c>
      <c r="C46657" s="14" t="s">
        <v>20</v>
      </c>
      <c r="D46657" s="14" t="s">
        <v>122</v>
      </c>
      <c r="E46657" s="15">
        <v>45678</v>
      </c>
      <c r="F46657" s="14" t="s">
        <v>15</v>
      </c>
      <c r="G46657" s="16">
        <v>1.6747349505747862</v>
      </c>
    </row>
    <row r="46658" spans="1:7" x14ac:dyDescent="0.3">
      <c r="A46658" s="13" t="s">
        <v>267</v>
      </c>
      <c r="B46658" s="14" t="s">
        <v>1</v>
      </c>
      <c r="C46658" s="14" t="s">
        <v>20</v>
      </c>
      <c r="D46658" s="14" t="s">
        <v>122</v>
      </c>
      <c r="E46658" s="15">
        <v>45679</v>
      </c>
      <c r="F46658" s="14" t="s">
        <v>15</v>
      </c>
      <c r="G46658" s="16">
        <v>1.6768598718448624</v>
      </c>
    </row>
    <row r="46659" spans="1:7" x14ac:dyDescent="0.3">
      <c r="A46659" s="13" t="s">
        <v>267</v>
      </c>
      <c r="B46659" s="14" t="s">
        <v>1</v>
      </c>
      <c r="C46659" s="14" t="s">
        <v>20</v>
      </c>
      <c r="D46659" s="14" t="s">
        <v>122</v>
      </c>
      <c r="E46659" s="15">
        <v>45680</v>
      </c>
      <c r="F46659" s="14" t="s">
        <v>15</v>
      </c>
      <c r="G46659" s="16">
        <v>1.6788738785478403</v>
      </c>
    </row>
    <row r="46660" spans="1:7" x14ac:dyDescent="0.3">
      <c r="A46660" s="13" t="s">
        <v>267</v>
      </c>
      <c r="B46660" s="14" t="s">
        <v>1</v>
      </c>
      <c r="C46660" s="14" t="s">
        <v>20</v>
      </c>
      <c r="D46660" s="14" t="s">
        <v>122</v>
      </c>
      <c r="E46660" s="15">
        <v>45681</v>
      </c>
      <c r="F46660" s="14" t="s">
        <v>15</v>
      </c>
      <c r="G46660" s="16">
        <v>1.6808367306875442</v>
      </c>
    </row>
    <row r="46661" spans="1:7" x14ac:dyDescent="0.3">
      <c r="A46661" s="13" t="s">
        <v>267</v>
      </c>
      <c r="B46661" s="14" t="s">
        <v>1</v>
      </c>
      <c r="C46661" s="14" t="s">
        <v>20</v>
      </c>
      <c r="D46661" s="14" t="s">
        <v>122</v>
      </c>
      <c r="E46661" s="15">
        <v>45682</v>
      </c>
      <c r="F46661" s="14" t="s">
        <v>15</v>
      </c>
      <c r="G46661" s="16">
        <v>1.6808367306875442</v>
      </c>
    </row>
    <row r="46662" spans="1:7" x14ac:dyDescent="0.3">
      <c r="A46662" s="13" t="s">
        <v>267</v>
      </c>
      <c r="B46662" s="14" t="s">
        <v>1</v>
      </c>
      <c r="C46662" s="14" t="s">
        <v>20</v>
      </c>
      <c r="D46662" s="14" t="s">
        <v>122</v>
      </c>
      <c r="E46662" s="15">
        <v>45683</v>
      </c>
      <c r="F46662" s="14" t="s">
        <v>15</v>
      </c>
      <c r="G46662" s="16">
        <v>1.6808367306875442</v>
      </c>
    </row>
    <row r="46663" spans="1:7" x14ac:dyDescent="0.3">
      <c r="A46663" s="13" t="s">
        <v>267</v>
      </c>
      <c r="B46663" s="14" t="s">
        <v>1</v>
      </c>
      <c r="C46663" s="14" t="s">
        <v>20</v>
      </c>
      <c r="D46663" s="14" t="s">
        <v>122</v>
      </c>
      <c r="E46663" s="15">
        <v>45684</v>
      </c>
      <c r="F46663" s="14" t="s">
        <v>15</v>
      </c>
      <c r="G46663" s="16">
        <v>1.6877999269726294</v>
      </c>
    </row>
    <row r="46664" spans="1:7" x14ac:dyDescent="0.3">
      <c r="A46664" s="13" t="s">
        <v>267</v>
      </c>
      <c r="B46664" s="14" t="s">
        <v>1</v>
      </c>
      <c r="C46664" s="14" t="s">
        <v>20</v>
      </c>
      <c r="D46664" s="14" t="s">
        <v>122</v>
      </c>
      <c r="E46664" s="15">
        <v>45685</v>
      </c>
      <c r="F46664" s="14" t="s">
        <v>15</v>
      </c>
      <c r="G46664" s="16">
        <v>1.6937049197319245</v>
      </c>
    </row>
    <row r="46665" spans="1:7" x14ac:dyDescent="0.3">
      <c r="A46665" s="13" t="s">
        <v>267</v>
      </c>
      <c r="B46665" s="14" t="s">
        <v>1</v>
      </c>
      <c r="C46665" s="14" t="s">
        <v>20</v>
      </c>
      <c r="D46665" s="14" t="s">
        <v>122</v>
      </c>
      <c r="E46665" s="15">
        <v>45686</v>
      </c>
      <c r="F46665" s="14" t="s">
        <v>15</v>
      </c>
      <c r="G46665" s="16">
        <v>1.6956531920360378</v>
      </c>
    </row>
    <row r="46666" spans="1:7" x14ac:dyDescent="0.3">
      <c r="A46666" s="13" t="s">
        <v>267</v>
      </c>
      <c r="B46666" s="14" t="s">
        <v>1</v>
      </c>
      <c r="C46666" s="14" t="s">
        <v>20</v>
      </c>
      <c r="D46666" s="14" t="s">
        <v>122</v>
      </c>
      <c r="E46666" s="15">
        <v>45687</v>
      </c>
      <c r="F46666" s="14" t="s">
        <v>15</v>
      </c>
      <c r="G46666" s="16">
        <v>1.6975912041032331</v>
      </c>
    </row>
    <row r="46667" spans="1:7" x14ac:dyDescent="0.3">
      <c r="A46667" s="13" t="s">
        <v>267</v>
      </c>
      <c r="B46667" s="14" t="s">
        <v>1</v>
      </c>
      <c r="C46667" s="14" t="s">
        <v>20</v>
      </c>
      <c r="D46667" s="14" t="s">
        <v>122</v>
      </c>
      <c r="E46667" s="15">
        <v>45688</v>
      </c>
      <c r="F46667" s="14" t="s">
        <v>15</v>
      </c>
      <c r="G46667" s="16">
        <v>1.6995082293221864</v>
      </c>
    </row>
    <row r="46668" spans="1:7" x14ac:dyDescent="0.3">
      <c r="A46668" s="13" t="s">
        <v>267</v>
      </c>
      <c r="B46668" s="14" t="s">
        <v>1</v>
      </c>
      <c r="C46668" s="14" t="s">
        <v>20</v>
      </c>
      <c r="D46668" s="14" t="s">
        <v>122</v>
      </c>
      <c r="E46668" s="15">
        <v>45689</v>
      </c>
      <c r="F46668" s="14" t="s">
        <v>15</v>
      </c>
      <c r="G46668" s="16">
        <v>1.6995082293221864</v>
      </c>
    </row>
    <row r="46669" spans="1:7" x14ac:dyDescent="0.3">
      <c r="A46669" s="13" t="s">
        <v>267</v>
      </c>
      <c r="B46669" s="14" t="s">
        <v>1</v>
      </c>
      <c r="C46669" s="14" t="s">
        <v>20</v>
      </c>
      <c r="D46669" s="14" t="s">
        <v>122</v>
      </c>
      <c r="E46669" s="15">
        <v>45690</v>
      </c>
      <c r="F46669" s="14" t="s">
        <v>15</v>
      </c>
      <c r="G46669" s="16">
        <v>1.6995082293221864</v>
      </c>
    </row>
    <row r="46670" spans="1:7" x14ac:dyDescent="0.3">
      <c r="A46670" s="13" t="s">
        <v>267</v>
      </c>
      <c r="B46670" s="14" t="s">
        <v>1</v>
      </c>
      <c r="C46670" s="14" t="s">
        <v>20</v>
      </c>
      <c r="D46670" s="14" t="s">
        <v>122</v>
      </c>
      <c r="E46670" s="15">
        <v>45691</v>
      </c>
      <c r="F46670" s="14" t="s">
        <v>15</v>
      </c>
      <c r="G46670" s="16">
        <v>1.6995082293221864</v>
      </c>
    </row>
    <row r="46671" spans="1:7" x14ac:dyDescent="0.3">
      <c r="A46671" s="13" t="s">
        <v>267</v>
      </c>
      <c r="B46671" s="14" t="s">
        <v>1</v>
      </c>
      <c r="C46671" s="14" t="s">
        <v>20</v>
      </c>
      <c r="D46671" s="14" t="s">
        <v>122</v>
      </c>
      <c r="E46671" s="15">
        <v>45692</v>
      </c>
      <c r="F46671" s="14" t="s">
        <v>15</v>
      </c>
      <c r="G46671" s="16">
        <v>1.7013800162238186</v>
      </c>
    </row>
    <row r="46672" spans="1:7" x14ac:dyDescent="0.3">
      <c r="A46672" s="13" t="s">
        <v>267</v>
      </c>
      <c r="B46672" s="14" t="s">
        <v>1</v>
      </c>
      <c r="C46672" s="14" t="s">
        <v>20</v>
      </c>
      <c r="D46672" s="14" t="s">
        <v>122</v>
      </c>
      <c r="E46672" s="15">
        <v>45693</v>
      </c>
      <c r="F46672" s="14" t="s">
        <v>15</v>
      </c>
      <c r="G46672" s="16">
        <v>1.7509273930890739</v>
      </c>
    </row>
    <row r="46673" spans="1:7" x14ac:dyDescent="0.3">
      <c r="A46673" s="13" t="s">
        <v>267</v>
      </c>
      <c r="B46673" s="14" t="s">
        <v>1</v>
      </c>
      <c r="C46673" s="14" t="s">
        <v>20</v>
      </c>
      <c r="D46673" s="14" t="s">
        <v>122</v>
      </c>
      <c r="E46673" s="15">
        <v>45694</v>
      </c>
      <c r="F46673" s="14" t="s">
        <v>15</v>
      </c>
      <c r="G46673" s="16">
        <v>1.7541437374013955</v>
      </c>
    </row>
    <row r="46674" spans="1:7" x14ac:dyDescent="0.3">
      <c r="A46674" s="13" t="s">
        <v>267</v>
      </c>
      <c r="B46674" s="14" t="s">
        <v>1</v>
      </c>
      <c r="C46674" s="14" t="s">
        <v>20</v>
      </c>
      <c r="D46674" s="14" t="s">
        <v>122</v>
      </c>
      <c r="E46674" s="15">
        <v>45695</v>
      </c>
      <c r="F46674" s="14" t="s">
        <v>15</v>
      </c>
      <c r="G46674" s="16">
        <v>1.7673418931119076</v>
      </c>
    </row>
    <row r="46675" spans="1:7" x14ac:dyDescent="0.3">
      <c r="A46675" s="13" t="s">
        <v>267</v>
      </c>
      <c r="B46675" s="14" t="s">
        <v>1</v>
      </c>
      <c r="C46675" s="14" t="s">
        <v>20</v>
      </c>
      <c r="D46675" s="14" t="s">
        <v>122</v>
      </c>
      <c r="E46675" s="15">
        <v>45696</v>
      </c>
      <c r="F46675" s="14" t="s">
        <v>15</v>
      </c>
      <c r="G46675" s="16">
        <v>1.7673418931119076</v>
      </c>
    </row>
    <row r="46676" spans="1:7" x14ac:dyDescent="0.3">
      <c r="A46676" s="13" t="s">
        <v>267</v>
      </c>
      <c r="B46676" s="14" t="s">
        <v>1</v>
      </c>
      <c r="C46676" s="14" t="s">
        <v>20</v>
      </c>
      <c r="D46676" s="14" t="s">
        <v>122</v>
      </c>
      <c r="E46676" s="15">
        <v>45697</v>
      </c>
      <c r="F46676" s="14" t="s">
        <v>15</v>
      </c>
      <c r="G46676" s="16">
        <v>1.7673418931119076</v>
      </c>
    </row>
    <row r="46677" spans="1:7" x14ac:dyDescent="0.3">
      <c r="A46677" s="13" t="s">
        <v>267</v>
      </c>
      <c r="B46677" s="14" t="s">
        <v>1</v>
      </c>
      <c r="C46677" s="14" t="s">
        <v>20</v>
      </c>
      <c r="D46677" s="14" t="s">
        <v>122</v>
      </c>
      <c r="E46677" s="15">
        <v>45698</v>
      </c>
      <c r="F46677" s="14" t="s">
        <v>15</v>
      </c>
      <c r="G46677" s="16">
        <v>1.7705181292253673</v>
      </c>
    </row>
    <row r="46678" spans="1:7" x14ac:dyDescent="0.3">
      <c r="A46678" s="13" t="s">
        <v>267</v>
      </c>
      <c r="B46678" s="14" t="s">
        <v>1</v>
      </c>
      <c r="C46678" s="14" t="s">
        <v>20</v>
      </c>
      <c r="D46678" s="14" t="s">
        <v>122</v>
      </c>
      <c r="E46678" s="15">
        <v>45699</v>
      </c>
      <c r="F46678" s="14" t="s">
        <v>15</v>
      </c>
      <c r="G46678" s="16">
        <v>1.7801848979383978</v>
      </c>
    </row>
    <row r="46679" spans="1:7" x14ac:dyDescent="0.3">
      <c r="A46679" s="13" t="s">
        <v>267</v>
      </c>
      <c r="B46679" s="14" t="s">
        <v>1</v>
      </c>
      <c r="C46679" s="14" t="s">
        <v>20</v>
      </c>
      <c r="D46679" s="14" t="s">
        <v>122</v>
      </c>
      <c r="E46679" s="15">
        <v>45700</v>
      </c>
      <c r="F46679" s="14" t="s">
        <v>15</v>
      </c>
      <c r="G46679" s="16">
        <v>1.7833709279143701</v>
      </c>
    </row>
    <row r="46680" spans="1:7" x14ac:dyDescent="0.3">
      <c r="A46680" s="13" t="s">
        <v>267</v>
      </c>
      <c r="B46680" s="14" t="s">
        <v>1</v>
      </c>
      <c r="C46680" s="14" t="s">
        <v>20</v>
      </c>
      <c r="D46680" s="14" t="s">
        <v>122</v>
      </c>
      <c r="E46680" s="15">
        <v>45701</v>
      </c>
      <c r="F46680" s="14" t="s">
        <v>15</v>
      </c>
      <c r="G46680" s="16">
        <v>1.7865289754260203</v>
      </c>
    </row>
    <row r="46681" spans="1:7" x14ac:dyDescent="0.3">
      <c r="A46681" s="13" t="s">
        <v>267</v>
      </c>
      <c r="B46681" s="14" t="s">
        <v>1</v>
      </c>
      <c r="C46681" s="14" t="s">
        <v>20</v>
      </c>
      <c r="D46681" s="14" t="s">
        <v>122</v>
      </c>
      <c r="E46681" s="15">
        <v>45702</v>
      </c>
      <c r="F46681" s="14" t="s">
        <v>15</v>
      </c>
      <c r="G46681" s="16">
        <v>1.794229976020405</v>
      </c>
    </row>
    <row r="46682" spans="1:7" x14ac:dyDescent="0.3">
      <c r="A46682" s="13" t="s">
        <v>267</v>
      </c>
      <c r="B46682" s="14" t="s">
        <v>1</v>
      </c>
      <c r="C46682" s="14" t="s">
        <v>20</v>
      </c>
      <c r="D46682" s="14" t="s">
        <v>122</v>
      </c>
      <c r="E46682" s="15">
        <v>45703</v>
      </c>
      <c r="F46682" s="14" t="s">
        <v>15</v>
      </c>
      <c r="G46682" s="16">
        <v>1.794229976020405</v>
      </c>
    </row>
    <row r="46683" spans="1:7" x14ac:dyDescent="0.3">
      <c r="A46683" s="13" t="s">
        <v>267</v>
      </c>
      <c r="B46683" s="14" t="s">
        <v>1</v>
      </c>
      <c r="C46683" s="14" t="s">
        <v>20</v>
      </c>
      <c r="D46683" s="14" t="s">
        <v>122</v>
      </c>
      <c r="E46683" s="15">
        <v>45704</v>
      </c>
      <c r="F46683" s="14" t="s">
        <v>15</v>
      </c>
      <c r="G46683" s="16">
        <v>1.794229976020405</v>
      </c>
    </row>
    <row r="46684" spans="1:7" x14ac:dyDescent="0.3">
      <c r="A46684" s="13" t="s">
        <v>267</v>
      </c>
      <c r="B46684" s="14" t="s">
        <v>1</v>
      </c>
      <c r="C46684" s="14" t="s">
        <v>20</v>
      </c>
      <c r="D46684" s="14" t="s">
        <v>122</v>
      </c>
      <c r="E46684" s="15">
        <v>45705</v>
      </c>
      <c r="F46684" s="14" t="s">
        <v>15</v>
      </c>
      <c r="G46684" s="16">
        <v>1.7973591083189218</v>
      </c>
    </row>
    <row r="46685" spans="1:7" x14ac:dyDescent="0.3">
      <c r="A46685" s="13" t="s">
        <v>267</v>
      </c>
      <c r="B46685" s="14" t="s">
        <v>1</v>
      </c>
      <c r="C46685" s="14" t="s">
        <v>20</v>
      </c>
      <c r="D46685" s="14" t="s">
        <v>122</v>
      </c>
      <c r="E46685" s="15">
        <v>45706</v>
      </c>
      <c r="F46685" s="14" t="s">
        <v>15</v>
      </c>
      <c r="G46685" s="16">
        <v>1.8067689047345918</v>
      </c>
    </row>
    <row r="46686" spans="1:7" x14ac:dyDescent="0.3">
      <c r="A46686" s="13" t="s">
        <v>267</v>
      </c>
      <c r="B46686" s="14" t="s">
        <v>1</v>
      </c>
      <c r="C46686" s="14" t="s">
        <v>20</v>
      </c>
      <c r="D46686" s="14" t="s">
        <v>122</v>
      </c>
      <c r="E46686" s="15">
        <v>45707</v>
      </c>
      <c r="F46686" s="14" t="s">
        <v>15</v>
      </c>
      <c r="G46686" s="16">
        <v>1.8080801096009664</v>
      </c>
    </row>
    <row r="46687" spans="1:7" x14ac:dyDescent="0.3">
      <c r="A46687" s="13" t="s">
        <v>267</v>
      </c>
      <c r="B46687" s="14" t="s">
        <v>1</v>
      </c>
      <c r="C46687" s="14" t="s">
        <v>20</v>
      </c>
      <c r="D46687" s="14" t="s">
        <v>122</v>
      </c>
      <c r="E46687" s="15">
        <v>45708</v>
      </c>
      <c r="F46687" s="14" t="s">
        <v>15</v>
      </c>
      <c r="G46687" s="16">
        <v>1.8110805225636006</v>
      </c>
    </row>
    <row r="46688" spans="1:7" x14ac:dyDescent="0.3">
      <c r="A46688" s="13" t="s">
        <v>267</v>
      </c>
      <c r="B46688" s="14" t="s">
        <v>1</v>
      </c>
      <c r="C46688" s="14" t="s">
        <v>20</v>
      </c>
      <c r="D46688" s="14" t="s">
        <v>122</v>
      </c>
      <c r="E46688" s="15">
        <v>45709</v>
      </c>
      <c r="F46688" s="14" t="s">
        <v>15</v>
      </c>
      <c r="G46688" s="16">
        <v>1.8133645844395825</v>
      </c>
    </row>
    <row r="46689" spans="1:7" x14ac:dyDescent="0.3">
      <c r="A46689" s="13" t="s">
        <v>267</v>
      </c>
      <c r="B46689" s="14" t="s">
        <v>1</v>
      </c>
      <c r="C46689" s="14" t="s">
        <v>20</v>
      </c>
      <c r="D46689" s="14" t="s">
        <v>122</v>
      </c>
      <c r="E46689" s="15">
        <v>45710</v>
      </c>
      <c r="F46689" s="14" t="s">
        <v>15</v>
      </c>
      <c r="G46689" s="16">
        <v>1.8133645844395825</v>
      </c>
    </row>
    <row r="46690" spans="1:7" x14ac:dyDescent="0.3">
      <c r="A46690" s="13" t="s">
        <v>267</v>
      </c>
      <c r="B46690" s="14" t="s">
        <v>1</v>
      </c>
      <c r="C46690" s="14" t="s">
        <v>20</v>
      </c>
      <c r="D46690" s="14" t="s">
        <v>122</v>
      </c>
      <c r="E46690" s="15">
        <v>45711</v>
      </c>
      <c r="F46690" s="14" t="s">
        <v>15</v>
      </c>
      <c r="G46690" s="16">
        <v>1.8133645844395825</v>
      </c>
    </row>
    <row r="46691" spans="1:7" x14ac:dyDescent="0.3">
      <c r="A46691" s="13" t="s">
        <v>267</v>
      </c>
      <c r="B46691" s="14" t="s">
        <v>1</v>
      </c>
      <c r="C46691" s="14" t="s">
        <v>20</v>
      </c>
      <c r="D46691" s="14" t="s">
        <v>122</v>
      </c>
      <c r="E46691" s="15">
        <v>45712</v>
      </c>
      <c r="F46691" s="14" t="s">
        <v>15</v>
      </c>
      <c r="G46691" s="16">
        <v>1.8155059357475203</v>
      </c>
    </row>
    <row r="46692" spans="1:7" x14ac:dyDescent="0.3">
      <c r="A46692" s="13" t="s">
        <v>267</v>
      </c>
      <c r="B46692" s="14" t="s">
        <v>1</v>
      </c>
      <c r="C46692" s="14" t="s">
        <v>20</v>
      </c>
      <c r="D46692" s="14" t="s">
        <v>122</v>
      </c>
      <c r="E46692" s="15">
        <v>45713</v>
      </c>
      <c r="F46692" s="14" t="s">
        <v>15</v>
      </c>
      <c r="G46692" s="16">
        <v>1.8322354784555139</v>
      </c>
    </row>
    <row r="46693" spans="1:7" x14ac:dyDescent="0.3">
      <c r="A46693" s="13" t="s">
        <v>267</v>
      </c>
      <c r="B46693" s="14" t="s">
        <v>1</v>
      </c>
      <c r="C46693" s="14" t="s">
        <v>20</v>
      </c>
      <c r="D46693" s="14" t="s">
        <v>122</v>
      </c>
      <c r="E46693" s="15">
        <v>45714</v>
      </c>
      <c r="F46693" s="14" t="s">
        <v>15</v>
      </c>
      <c r="G46693" s="16">
        <v>1.8343661031521281</v>
      </c>
    </row>
    <row r="46694" spans="1:7" x14ac:dyDescent="0.3">
      <c r="A46694" s="13" t="s">
        <v>267</v>
      </c>
      <c r="B46694" s="14" t="s">
        <v>1</v>
      </c>
      <c r="C46694" s="14" t="s">
        <v>20</v>
      </c>
      <c r="D46694" s="14" t="s">
        <v>122</v>
      </c>
      <c r="E46694" s="15">
        <v>45715</v>
      </c>
      <c r="F46694" s="14" t="s">
        <v>15</v>
      </c>
      <c r="G46694" s="16">
        <v>1.8456479264309642</v>
      </c>
    </row>
    <row r="46695" spans="1:7" x14ac:dyDescent="0.3">
      <c r="A46695" s="13" t="s">
        <v>267</v>
      </c>
      <c r="B46695" s="14" t="s">
        <v>1</v>
      </c>
      <c r="C46695" s="14" t="s">
        <v>20</v>
      </c>
      <c r="D46695" s="14" t="s">
        <v>122</v>
      </c>
      <c r="E46695" s="15">
        <v>45716</v>
      </c>
      <c r="F46695" s="14" t="s">
        <v>15</v>
      </c>
      <c r="G46695" s="16">
        <v>1.8478163274544135</v>
      </c>
    </row>
    <row r="46696" spans="1:7" x14ac:dyDescent="0.3">
      <c r="A46696" s="13" t="s">
        <v>267</v>
      </c>
      <c r="B46696" s="14" t="s">
        <v>1</v>
      </c>
      <c r="C46696" s="14" t="s">
        <v>20</v>
      </c>
      <c r="D46696" s="14" t="s">
        <v>122</v>
      </c>
      <c r="E46696" s="15">
        <v>45717</v>
      </c>
      <c r="F46696" s="14" t="s">
        <v>15</v>
      </c>
      <c r="G46696" s="16">
        <v>1.8478163274544135</v>
      </c>
    </row>
    <row r="46697" spans="1:7" x14ac:dyDescent="0.3">
      <c r="A46697" s="13" t="s">
        <v>267</v>
      </c>
      <c r="B46697" s="14" t="s">
        <v>1</v>
      </c>
      <c r="C46697" s="14" t="s">
        <v>20</v>
      </c>
      <c r="D46697" s="14" t="s">
        <v>122</v>
      </c>
      <c r="E46697" s="15">
        <v>45718</v>
      </c>
      <c r="F46697" s="14" t="s">
        <v>15</v>
      </c>
      <c r="G46697" s="16">
        <v>1.8478163274544135</v>
      </c>
    </row>
    <row r="46698" spans="1:7" x14ac:dyDescent="0.3">
      <c r="A46698" s="13" t="s">
        <v>267</v>
      </c>
      <c r="B46698" s="14" t="s">
        <v>1</v>
      </c>
      <c r="C46698" s="14" t="s">
        <v>20</v>
      </c>
      <c r="D46698" s="14" t="s">
        <v>122</v>
      </c>
      <c r="E46698" s="15">
        <v>45719</v>
      </c>
      <c r="F46698" s="14" t="s">
        <v>15</v>
      </c>
      <c r="G46698" s="16">
        <v>1.8498173000663343</v>
      </c>
    </row>
    <row r="46699" spans="1:7" x14ac:dyDescent="0.3">
      <c r="A46699" s="13" t="s">
        <v>267</v>
      </c>
      <c r="B46699" s="14" t="s">
        <v>1</v>
      </c>
      <c r="C46699" s="14" t="s">
        <v>20</v>
      </c>
      <c r="D46699" s="14" t="s">
        <v>122</v>
      </c>
      <c r="E46699" s="15">
        <v>45720</v>
      </c>
      <c r="F46699" s="14" t="s">
        <v>15</v>
      </c>
      <c r="G46699" s="16">
        <v>1.8615281877981131</v>
      </c>
    </row>
    <row r="46700" spans="1:7" x14ac:dyDescent="0.3">
      <c r="A46700" s="13" t="s">
        <v>267</v>
      </c>
      <c r="B46700" s="14" t="s">
        <v>1</v>
      </c>
      <c r="C46700" s="14" t="s">
        <v>20</v>
      </c>
      <c r="D46700" s="14" t="s">
        <v>122</v>
      </c>
      <c r="E46700" s="15">
        <v>45721</v>
      </c>
      <c r="F46700" s="14" t="s">
        <v>15</v>
      </c>
      <c r="G46700" s="16">
        <v>1.8635398870213571</v>
      </c>
    </row>
    <row r="46701" spans="1:7" x14ac:dyDescent="0.3">
      <c r="A46701" s="13" t="s">
        <v>267</v>
      </c>
      <c r="B46701" s="14" t="s">
        <v>1</v>
      </c>
      <c r="C46701" s="14" t="s">
        <v>20</v>
      </c>
      <c r="D46701" s="14" t="s">
        <v>122</v>
      </c>
      <c r="E46701" s="15">
        <v>45722</v>
      </c>
      <c r="F46701" s="14" t="s">
        <v>15</v>
      </c>
      <c r="G46701" s="16">
        <v>1.8742256838101268</v>
      </c>
    </row>
    <row r="46702" spans="1:7" x14ac:dyDescent="0.3">
      <c r="A46702" s="13" t="s">
        <v>267</v>
      </c>
      <c r="B46702" s="14" t="s">
        <v>1</v>
      </c>
      <c r="C46702" s="14" t="s">
        <v>20</v>
      </c>
      <c r="D46702" s="14" t="s">
        <v>122</v>
      </c>
      <c r="E46702" s="15">
        <v>45723</v>
      </c>
      <c r="F46702" s="14" t="s">
        <v>15</v>
      </c>
      <c r="G46702" s="16">
        <v>1.876947204878348</v>
      </c>
    </row>
    <row r="46703" spans="1:7" x14ac:dyDescent="0.3">
      <c r="A46703" s="13" t="s">
        <v>267</v>
      </c>
      <c r="B46703" s="14" t="s">
        <v>1</v>
      </c>
      <c r="C46703" s="14" t="s">
        <v>20</v>
      </c>
      <c r="D46703" s="14" t="s">
        <v>122</v>
      </c>
      <c r="E46703" s="15">
        <v>45724</v>
      </c>
      <c r="F46703" s="14" t="s">
        <v>15</v>
      </c>
      <c r="G46703" s="16">
        <v>1.876947204878348</v>
      </c>
    </row>
    <row r="46704" spans="1:7" x14ac:dyDescent="0.3">
      <c r="A46704" s="13" t="s">
        <v>267</v>
      </c>
      <c r="B46704" s="14" t="s">
        <v>1</v>
      </c>
      <c r="C46704" s="14" t="s">
        <v>20</v>
      </c>
      <c r="D46704" s="14" t="s">
        <v>122</v>
      </c>
      <c r="E46704" s="15">
        <v>45725</v>
      </c>
      <c r="F46704" s="14" t="s">
        <v>15</v>
      </c>
      <c r="G46704" s="16">
        <v>1.876947204878348</v>
      </c>
    </row>
    <row r="46705" spans="1:7" x14ac:dyDescent="0.3">
      <c r="A46705" s="13" t="s">
        <v>267</v>
      </c>
      <c r="B46705" s="14" t="s">
        <v>1</v>
      </c>
      <c r="C46705" s="14" t="s">
        <v>20</v>
      </c>
      <c r="D46705" s="14" t="s">
        <v>122</v>
      </c>
      <c r="E46705" s="15">
        <v>45726</v>
      </c>
      <c r="F46705" s="14" t="s">
        <v>15</v>
      </c>
      <c r="G46705" s="16">
        <v>1.8790652374660171</v>
      </c>
    </row>
    <row r="46706" spans="1:7" x14ac:dyDescent="0.3">
      <c r="A46706" s="13" t="s">
        <v>267</v>
      </c>
      <c r="B46706" s="14" t="s">
        <v>1</v>
      </c>
      <c r="C46706" s="14" t="s">
        <v>20</v>
      </c>
      <c r="D46706" s="14" t="s">
        <v>122</v>
      </c>
      <c r="E46706" s="15">
        <v>45727</v>
      </c>
      <c r="F46706" s="14" t="s">
        <v>15</v>
      </c>
      <c r="G46706" s="16">
        <v>1.8853069525459911</v>
      </c>
    </row>
    <row r="46707" spans="1:7" x14ac:dyDescent="0.3">
      <c r="A46707" s="13" t="s">
        <v>267</v>
      </c>
      <c r="B46707" s="14" t="s">
        <v>1</v>
      </c>
      <c r="C46707" s="14" t="s">
        <v>20</v>
      </c>
      <c r="D46707" s="14" t="s">
        <v>122</v>
      </c>
      <c r="E46707" s="15">
        <v>45728</v>
      </c>
      <c r="F46707" s="14" t="s">
        <v>15</v>
      </c>
      <c r="G46707" s="16">
        <v>1.8873498988543951</v>
      </c>
    </row>
    <row r="46708" spans="1:7" x14ac:dyDescent="0.3">
      <c r="A46708" s="13" t="s">
        <v>267</v>
      </c>
      <c r="B46708" s="14" t="s">
        <v>1</v>
      </c>
      <c r="C46708" s="14" t="s">
        <v>20</v>
      </c>
      <c r="D46708" s="14" t="s">
        <v>122</v>
      </c>
      <c r="E46708" s="15">
        <v>45729</v>
      </c>
      <c r="F46708" s="14" t="s">
        <v>15</v>
      </c>
      <c r="G46708" s="16">
        <v>1.8894861200438735</v>
      </c>
    </row>
    <row r="46709" spans="1:7" x14ac:dyDescent="0.3">
      <c r="A46709" s="13" t="s">
        <v>267</v>
      </c>
      <c r="B46709" s="14" t="s">
        <v>1</v>
      </c>
      <c r="C46709" s="14" t="s">
        <v>20</v>
      </c>
      <c r="D46709" s="14" t="s">
        <v>122</v>
      </c>
      <c r="E46709" s="15">
        <v>45730</v>
      </c>
      <c r="F46709" s="14" t="s">
        <v>15</v>
      </c>
      <c r="G46709" s="16">
        <v>1.9016750415411594</v>
      </c>
    </row>
    <row r="46710" spans="1:7" x14ac:dyDescent="0.3">
      <c r="A46710" s="13" t="s">
        <v>267</v>
      </c>
      <c r="B46710" s="14" t="s">
        <v>1</v>
      </c>
      <c r="C46710" s="14" t="s">
        <v>20</v>
      </c>
      <c r="D46710" s="14" t="s">
        <v>122</v>
      </c>
      <c r="E46710" s="15">
        <v>45731</v>
      </c>
      <c r="F46710" s="14" t="s">
        <v>15</v>
      </c>
      <c r="G46710" s="16">
        <v>1.9016750415411594</v>
      </c>
    </row>
    <row r="46711" spans="1:7" x14ac:dyDescent="0.3">
      <c r="A46711" s="13" t="s">
        <v>267</v>
      </c>
      <c r="B46711" s="14" t="s">
        <v>1</v>
      </c>
      <c r="C46711" s="14" t="s">
        <v>20</v>
      </c>
      <c r="D46711" s="14" t="s">
        <v>122</v>
      </c>
      <c r="E46711" s="15">
        <v>45732</v>
      </c>
      <c r="F46711" s="14" t="s">
        <v>15</v>
      </c>
      <c r="G46711" s="16">
        <v>1.9016750415411594</v>
      </c>
    </row>
    <row r="46712" spans="1:7" x14ac:dyDescent="0.3">
      <c r="A46712" s="13" t="s">
        <v>267</v>
      </c>
      <c r="B46712" s="14" t="s">
        <v>1</v>
      </c>
      <c r="C46712" s="14" t="s">
        <v>20</v>
      </c>
      <c r="D46712" s="14" t="s">
        <v>122</v>
      </c>
      <c r="E46712" s="15">
        <v>45733</v>
      </c>
      <c r="F46712" s="14" t="s">
        <v>15</v>
      </c>
      <c r="G46712" s="16">
        <v>1.9016750415411594</v>
      </c>
    </row>
    <row r="46713" spans="1:7" x14ac:dyDescent="0.3">
      <c r="A46713" s="13" t="s">
        <v>267</v>
      </c>
      <c r="B46713" s="14" t="s">
        <v>1</v>
      </c>
      <c r="C46713" s="14" t="s">
        <v>20</v>
      </c>
      <c r="D46713" s="14" t="s">
        <v>122</v>
      </c>
      <c r="E46713" s="15">
        <v>45734</v>
      </c>
      <c r="F46713" s="14" t="s">
        <v>15</v>
      </c>
      <c r="G46713" s="16">
        <v>1.9036522290584059</v>
      </c>
    </row>
    <row r="46714" spans="1:7" x14ac:dyDescent="0.3">
      <c r="A46714" s="13" t="s">
        <v>267</v>
      </c>
      <c r="B46714" s="14" t="s">
        <v>1</v>
      </c>
      <c r="C46714" s="14" t="s">
        <v>20</v>
      </c>
      <c r="D46714" s="14" t="s">
        <v>122</v>
      </c>
      <c r="E46714" s="15">
        <v>45735</v>
      </c>
      <c r="F46714" s="14" t="s">
        <v>15</v>
      </c>
      <c r="G46714" s="16">
        <v>1.9112534255300409</v>
      </c>
    </row>
    <row r="46715" spans="1:7" x14ac:dyDescent="0.3">
      <c r="A46715" s="13" t="s">
        <v>267</v>
      </c>
      <c r="B46715" s="14" t="s">
        <v>1</v>
      </c>
      <c r="C46715" s="14" t="s">
        <v>20</v>
      </c>
      <c r="D46715" s="14" t="s">
        <v>122</v>
      </c>
      <c r="E46715" s="15">
        <v>45736</v>
      </c>
      <c r="F46715" s="14" t="s">
        <v>15</v>
      </c>
      <c r="G46715" s="16">
        <v>1.9127124710829186</v>
      </c>
    </row>
    <row r="46716" spans="1:7" x14ac:dyDescent="0.3">
      <c r="A46716" s="13" t="s">
        <v>267</v>
      </c>
      <c r="B46716" s="14" t="s">
        <v>1</v>
      </c>
      <c r="C46716" s="14" t="s">
        <v>20</v>
      </c>
      <c r="D46716" s="14" t="s">
        <v>122</v>
      </c>
      <c r="E46716" s="15">
        <v>45737</v>
      </c>
      <c r="F46716" s="14" t="s">
        <v>15</v>
      </c>
      <c r="G46716" s="16">
        <v>1.9141295429393126</v>
      </c>
    </row>
    <row r="46717" spans="1:7" x14ac:dyDescent="0.3">
      <c r="A46717" s="13" t="s">
        <v>267</v>
      </c>
      <c r="B46717" s="14" t="s">
        <v>1</v>
      </c>
      <c r="C46717" s="14" t="s">
        <v>20</v>
      </c>
      <c r="D46717" s="14" t="s">
        <v>122</v>
      </c>
      <c r="E46717" s="15">
        <v>45738</v>
      </c>
      <c r="F46717" s="14" t="s">
        <v>15</v>
      </c>
      <c r="G46717" s="16">
        <v>1.9141295429393126</v>
      </c>
    </row>
    <row r="46718" spans="1:7" x14ac:dyDescent="0.3">
      <c r="A46718" s="13" t="s">
        <v>267</v>
      </c>
      <c r="B46718" s="14" t="s">
        <v>1</v>
      </c>
      <c r="C46718" s="14" t="s">
        <v>20</v>
      </c>
      <c r="D46718" s="14" t="s">
        <v>122</v>
      </c>
      <c r="E46718" s="15">
        <v>45739</v>
      </c>
      <c r="F46718" s="14" t="s">
        <v>15</v>
      </c>
      <c r="G46718" s="16">
        <v>1.9141295429393126</v>
      </c>
    </row>
    <row r="46719" spans="1:7" x14ac:dyDescent="0.3">
      <c r="A46719" s="13" t="s">
        <v>267</v>
      </c>
      <c r="B46719" s="14" t="s">
        <v>1</v>
      </c>
      <c r="C46719" s="14" t="s">
        <v>20</v>
      </c>
      <c r="D46719" s="14" t="s">
        <v>122</v>
      </c>
      <c r="E46719" s="15">
        <v>45740</v>
      </c>
      <c r="F46719" s="14" t="s">
        <v>15</v>
      </c>
      <c r="G46719" s="16">
        <v>1.9141899316504776</v>
      </c>
    </row>
    <row r="46720" spans="1:7" x14ac:dyDescent="0.3">
      <c r="A46720" s="13" t="s">
        <v>267</v>
      </c>
      <c r="B46720" s="14" t="s">
        <v>1</v>
      </c>
      <c r="C46720" s="14" t="s">
        <v>20</v>
      </c>
      <c r="D46720" s="14" t="s">
        <v>122</v>
      </c>
      <c r="E46720" s="15">
        <v>45741</v>
      </c>
      <c r="F46720" s="14" t="s">
        <v>15</v>
      </c>
      <c r="G46720" s="16">
        <v>1.930260953698085</v>
      </c>
    </row>
    <row r="46721" spans="1:7" x14ac:dyDescent="0.3">
      <c r="A46721" s="13" t="s">
        <v>267</v>
      </c>
      <c r="B46721" s="14" t="s">
        <v>1</v>
      </c>
      <c r="C46721" s="14" t="s">
        <v>20</v>
      </c>
      <c r="D46721" s="14" t="s">
        <v>122</v>
      </c>
      <c r="E46721" s="15">
        <v>45742</v>
      </c>
      <c r="F46721" s="14" t="s">
        <v>15</v>
      </c>
      <c r="G46721" s="16">
        <v>1.9316864202937758</v>
      </c>
    </row>
    <row r="46722" spans="1:7" x14ac:dyDescent="0.3">
      <c r="A46722" s="13" t="s">
        <v>267</v>
      </c>
      <c r="B46722" s="14" t="s">
        <v>1</v>
      </c>
      <c r="C46722" s="14" t="s">
        <v>20</v>
      </c>
      <c r="D46722" s="14" t="s">
        <v>122</v>
      </c>
      <c r="E46722" s="15">
        <v>45743</v>
      </c>
      <c r="F46722" s="14" t="s">
        <v>15</v>
      </c>
      <c r="G46722" s="16">
        <v>1.9353383583007153</v>
      </c>
    </row>
    <row r="46723" spans="1:7" x14ac:dyDescent="0.3">
      <c r="A46723" s="13" t="s">
        <v>267</v>
      </c>
      <c r="B46723" s="14" t="s">
        <v>1</v>
      </c>
      <c r="C46723" s="14" t="s">
        <v>20</v>
      </c>
      <c r="D46723" s="14" t="s">
        <v>122</v>
      </c>
      <c r="E46723" s="15">
        <v>45744</v>
      </c>
      <c r="F46723" s="14" t="s">
        <v>15</v>
      </c>
      <c r="G46723" s="16">
        <v>1.9368277181899423</v>
      </c>
    </row>
    <row r="46724" spans="1:7" x14ac:dyDescent="0.3">
      <c r="A46724" s="13" t="s">
        <v>267</v>
      </c>
      <c r="B46724" s="14" t="s">
        <v>1</v>
      </c>
      <c r="C46724" s="14" t="s">
        <v>20</v>
      </c>
      <c r="D46724" s="14" t="s">
        <v>122</v>
      </c>
      <c r="E46724" s="15">
        <v>45745</v>
      </c>
      <c r="F46724" s="14" t="s">
        <v>15</v>
      </c>
      <c r="G46724" s="16">
        <v>1.9368277181899423</v>
      </c>
    </row>
    <row r="46725" spans="1:7" x14ac:dyDescent="0.3">
      <c r="A46725" s="13" t="s">
        <v>267</v>
      </c>
      <c r="B46725" s="14" t="s">
        <v>1</v>
      </c>
      <c r="C46725" s="14" t="s">
        <v>20</v>
      </c>
      <c r="D46725" s="14" t="s">
        <v>122</v>
      </c>
      <c r="E46725" s="15">
        <v>45746</v>
      </c>
      <c r="F46725" s="14" t="s">
        <v>15</v>
      </c>
      <c r="G46725" s="16">
        <v>1.9368277181899423</v>
      </c>
    </row>
    <row r="46726" spans="1:7" x14ac:dyDescent="0.3">
      <c r="A46726" s="13" t="s">
        <v>267</v>
      </c>
      <c r="B46726" s="14" t="s">
        <v>1</v>
      </c>
      <c r="C46726" s="14" t="s">
        <v>20</v>
      </c>
      <c r="D46726" s="14" t="s">
        <v>122</v>
      </c>
      <c r="E46726" s="15">
        <v>45747</v>
      </c>
      <c r="F46726" s="14" t="s">
        <v>15</v>
      </c>
      <c r="G46726" s="16">
        <v>1.9397409191387718</v>
      </c>
    </row>
    <row r="46727" spans="1:7" x14ac:dyDescent="0.3">
      <c r="A46727" s="13" t="s">
        <v>268</v>
      </c>
      <c r="B46727" s="14" t="s">
        <v>1</v>
      </c>
      <c r="C46727" s="14" t="s">
        <v>47</v>
      </c>
      <c r="D46727" s="14" t="s">
        <v>269</v>
      </c>
      <c r="E46727" s="15">
        <v>45383</v>
      </c>
      <c r="F46727" s="14" t="s">
        <v>53</v>
      </c>
      <c r="G46727" s="16">
        <v>0</v>
      </c>
    </row>
    <row r="46728" spans="1:7" x14ac:dyDescent="0.3">
      <c r="A46728" s="13" t="s">
        <v>268</v>
      </c>
      <c r="B46728" s="14" t="s">
        <v>1</v>
      </c>
      <c r="C46728" s="14" t="s">
        <v>47</v>
      </c>
      <c r="D46728" s="14" t="s">
        <v>269</v>
      </c>
      <c r="E46728" s="15">
        <v>45384</v>
      </c>
      <c r="F46728" s="14" t="s">
        <v>53</v>
      </c>
      <c r="G46728" s="16">
        <v>0</v>
      </c>
    </row>
    <row r="46729" spans="1:7" x14ac:dyDescent="0.3">
      <c r="A46729" s="13" t="s">
        <v>268</v>
      </c>
      <c r="B46729" s="14" t="s">
        <v>1</v>
      </c>
      <c r="C46729" s="14" t="s">
        <v>47</v>
      </c>
      <c r="D46729" s="14" t="s">
        <v>269</v>
      </c>
      <c r="E46729" s="15">
        <v>45385</v>
      </c>
      <c r="F46729" s="14" t="s">
        <v>53</v>
      </c>
      <c r="G46729" s="16">
        <v>0</v>
      </c>
    </row>
    <row r="46730" spans="1:7" x14ac:dyDescent="0.3">
      <c r="A46730" s="13" t="s">
        <v>268</v>
      </c>
      <c r="B46730" s="14" t="s">
        <v>1</v>
      </c>
      <c r="C46730" s="14" t="s">
        <v>47</v>
      </c>
      <c r="D46730" s="14" t="s">
        <v>269</v>
      </c>
      <c r="E46730" s="15">
        <v>45386</v>
      </c>
      <c r="F46730" s="14" t="s">
        <v>53</v>
      </c>
      <c r="G46730" s="16">
        <v>0</v>
      </c>
    </row>
    <row r="46731" spans="1:7" x14ac:dyDescent="0.3">
      <c r="A46731" s="13" t="s">
        <v>268</v>
      </c>
      <c r="B46731" s="14" t="s">
        <v>1</v>
      </c>
      <c r="C46731" s="14" t="s">
        <v>47</v>
      </c>
      <c r="D46731" s="14" t="s">
        <v>269</v>
      </c>
      <c r="E46731" s="15">
        <v>45387</v>
      </c>
      <c r="F46731" s="14" t="s">
        <v>53</v>
      </c>
      <c r="G46731" s="16">
        <v>0</v>
      </c>
    </row>
    <row r="46732" spans="1:7" x14ac:dyDescent="0.3">
      <c r="A46732" s="13" t="s">
        <v>268</v>
      </c>
      <c r="B46732" s="14" t="s">
        <v>1</v>
      </c>
      <c r="C46732" s="14" t="s">
        <v>47</v>
      </c>
      <c r="D46732" s="14" t="s">
        <v>269</v>
      </c>
      <c r="E46732" s="15">
        <v>45388</v>
      </c>
      <c r="F46732" s="14" t="s">
        <v>53</v>
      </c>
      <c r="G46732" s="16">
        <v>0</v>
      </c>
    </row>
    <row r="46733" spans="1:7" x14ac:dyDescent="0.3">
      <c r="A46733" s="13" t="s">
        <v>268</v>
      </c>
      <c r="B46733" s="14" t="s">
        <v>1</v>
      </c>
      <c r="C46733" s="14" t="s">
        <v>47</v>
      </c>
      <c r="D46733" s="14" t="s">
        <v>269</v>
      </c>
      <c r="E46733" s="15">
        <v>45389</v>
      </c>
      <c r="F46733" s="14" t="s">
        <v>53</v>
      </c>
      <c r="G46733" s="16">
        <v>0</v>
      </c>
    </row>
    <row r="46734" spans="1:7" x14ac:dyDescent="0.3">
      <c r="A46734" s="13" t="s">
        <v>268</v>
      </c>
      <c r="B46734" s="14" t="s">
        <v>1</v>
      </c>
      <c r="C46734" s="14" t="s">
        <v>47</v>
      </c>
      <c r="D46734" s="14" t="s">
        <v>269</v>
      </c>
      <c r="E46734" s="15">
        <v>45390</v>
      </c>
      <c r="F46734" s="14" t="s">
        <v>53</v>
      </c>
      <c r="G46734" s="16">
        <v>0</v>
      </c>
    </row>
    <row r="46735" spans="1:7" x14ac:dyDescent="0.3">
      <c r="A46735" s="13" t="s">
        <v>268</v>
      </c>
      <c r="B46735" s="14" t="s">
        <v>1</v>
      </c>
      <c r="C46735" s="14" t="s">
        <v>47</v>
      </c>
      <c r="D46735" s="14" t="s">
        <v>269</v>
      </c>
      <c r="E46735" s="15">
        <v>45391</v>
      </c>
      <c r="F46735" s="14" t="s">
        <v>53</v>
      </c>
      <c r="G46735" s="16">
        <v>0</v>
      </c>
    </row>
    <row r="46736" spans="1:7" x14ac:dyDescent="0.3">
      <c r="A46736" s="13" t="s">
        <v>268</v>
      </c>
      <c r="B46736" s="14" t="s">
        <v>1</v>
      </c>
      <c r="C46736" s="14" t="s">
        <v>47</v>
      </c>
      <c r="D46736" s="14" t="s">
        <v>269</v>
      </c>
      <c r="E46736" s="15">
        <v>45392</v>
      </c>
      <c r="F46736" s="14" t="s">
        <v>53</v>
      </c>
      <c r="G46736" s="16">
        <v>0</v>
      </c>
    </row>
    <row r="46737" spans="1:7" x14ac:dyDescent="0.3">
      <c r="A46737" s="13" t="s">
        <v>268</v>
      </c>
      <c r="B46737" s="14" t="s">
        <v>1</v>
      </c>
      <c r="C46737" s="14" t="s">
        <v>47</v>
      </c>
      <c r="D46737" s="14" t="s">
        <v>269</v>
      </c>
      <c r="E46737" s="15">
        <v>45393</v>
      </c>
      <c r="F46737" s="14" t="s">
        <v>53</v>
      </c>
      <c r="G46737" s="16">
        <v>0</v>
      </c>
    </row>
    <row r="46738" spans="1:7" x14ac:dyDescent="0.3">
      <c r="A46738" s="13" t="s">
        <v>268</v>
      </c>
      <c r="B46738" s="14" t="s">
        <v>1</v>
      </c>
      <c r="C46738" s="14" t="s">
        <v>47</v>
      </c>
      <c r="D46738" s="14" t="s">
        <v>269</v>
      </c>
      <c r="E46738" s="15">
        <v>45394</v>
      </c>
      <c r="F46738" s="14" t="s">
        <v>53</v>
      </c>
      <c r="G46738" s="16">
        <v>0</v>
      </c>
    </row>
    <row r="46739" spans="1:7" x14ac:dyDescent="0.3">
      <c r="A46739" s="13" t="s">
        <v>268</v>
      </c>
      <c r="B46739" s="14" t="s">
        <v>1</v>
      </c>
      <c r="C46739" s="14" t="s">
        <v>47</v>
      </c>
      <c r="D46739" s="14" t="s">
        <v>269</v>
      </c>
      <c r="E46739" s="15">
        <v>45395</v>
      </c>
      <c r="F46739" s="14" t="s">
        <v>53</v>
      </c>
      <c r="G46739" s="16">
        <v>0</v>
      </c>
    </row>
    <row r="46740" spans="1:7" x14ac:dyDescent="0.3">
      <c r="A46740" s="13" t="s">
        <v>268</v>
      </c>
      <c r="B46740" s="14" t="s">
        <v>1</v>
      </c>
      <c r="C46740" s="14" t="s">
        <v>47</v>
      </c>
      <c r="D46740" s="14" t="s">
        <v>269</v>
      </c>
      <c r="E46740" s="15">
        <v>45396</v>
      </c>
      <c r="F46740" s="14" t="s">
        <v>53</v>
      </c>
      <c r="G46740" s="16">
        <v>0</v>
      </c>
    </row>
    <row r="46741" spans="1:7" x14ac:dyDescent="0.3">
      <c r="A46741" s="13" t="s">
        <v>268</v>
      </c>
      <c r="B46741" s="14" t="s">
        <v>1</v>
      </c>
      <c r="C46741" s="14" t="s">
        <v>47</v>
      </c>
      <c r="D46741" s="14" t="s">
        <v>269</v>
      </c>
      <c r="E46741" s="15">
        <v>45397</v>
      </c>
      <c r="F46741" s="14" t="s">
        <v>53</v>
      </c>
      <c r="G46741" s="16">
        <v>0</v>
      </c>
    </row>
    <row r="46742" spans="1:7" x14ac:dyDescent="0.3">
      <c r="A46742" s="13" t="s">
        <v>268</v>
      </c>
      <c r="B46742" s="14" t="s">
        <v>1</v>
      </c>
      <c r="C46742" s="14" t="s">
        <v>47</v>
      </c>
      <c r="D46742" s="14" t="s">
        <v>269</v>
      </c>
      <c r="E46742" s="15">
        <v>45398</v>
      </c>
      <c r="F46742" s="14" t="s">
        <v>53</v>
      </c>
      <c r="G46742" s="16">
        <v>0</v>
      </c>
    </row>
    <row r="46743" spans="1:7" x14ac:dyDescent="0.3">
      <c r="A46743" s="13" t="s">
        <v>268</v>
      </c>
      <c r="B46743" s="14" t="s">
        <v>1</v>
      </c>
      <c r="C46743" s="14" t="s">
        <v>47</v>
      </c>
      <c r="D46743" s="14" t="s">
        <v>269</v>
      </c>
      <c r="E46743" s="15">
        <v>45399</v>
      </c>
      <c r="F46743" s="14" t="s">
        <v>53</v>
      </c>
      <c r="G46743" s="16">
        <v>0</v>
      </c>
    </row>
    <row r="46744" spans="1:7" x14ac:dyDescent="0.3">
      <c r="A46744" s="13" t="s">
        <v>268</v>
      </c>
      <c r="B46744" s="14" t="s">
        <v>1</v>
      </c>
      <c r="C46744" s="14" t="s">
        <v>47</v>
      </c>
      <c r="D46744" s="14" t="s">
        <v>269</v>
      </c>
      <c r="E46744" s="15">
        <v>45400</v>
      </c>
      <c r="F46744" s="14" t="s">
        <v>53</v>
      </c>
      <c r="G46744" s="16">
        <v>0</v>
      </c>
    </row>
    <row r="46745" spans="1:7" x14ac:dyDescent="0.3">
      <c r="A46745" s="13" t="s">
        <v>268</v>
      </c>
      <c r="B46745" s="14" t="s">
        <v>1</v>
      </c>
      <c r="C46745" s="14" t="s">
        <v>47</v>
      </c>
      <c r="D46745" s="14" t="s">
        <v>269</v>
      </c>
      <c r="E46745" s="15">
        <v>45401</v>
      </c>
      <c r="F46745" s="14" t="s">
        <v>53</v>
      </c>
      <c r="G46745" s="16">
        <v>0</v>
      </c>
    </row>
    <row r="46746" spans="1:7" x14ac:dyDescent="0.3">
      <c r="A46746" s="13" t="s">
        <v>268</v>
      </c>
      <c r="B46746" s="14" t="s">
        <v>1</v>
      </c>
      <c r="C46746" s="14" t="s">
        <v>47</v>
      </c>
      <c r="D46746" s="14" t="s">
        <v>269</v>
      </c>
      <c r="E46746" s="15">
        <v>45402</v>
      </c>
      <c r="F46746" s="14" t="s">
        <v>53</v>
      </c>
      <c r="G46746" s="16">
        <v>0</v>
      </c>
    </row>
    <row r="46747" spans="1:7" x14ac:dyDescent="0.3">
      <c r="A46747" s="13" t="s">
        <v>268</v>
      </c>
      <c r="B46747" s="14" t="s">
        <v>1</v>
      </c>
      <c r="C46747" s="14" t="s">
        <v>47</v>
      </c>
      <c r="D46747" s="14" t="s">
        <v>269</v>
      </c>
      <c r="E46747" s="15">
        <v>45403</v>
      </c>
      <c r="F46747" s="14" t="s">
        <v>53</v>
      </c>
      <c r="G46747" s="16">
        <v>0</v>
      </c>
    </row>
    <row r="46748" spans="1:7" x14ac:dyDescent="0.3">
      <c r="A46748" s="13" t="s">
        <v>268</v>
      </c>
      <c r="B46748" s="14" t="s">
        <v>1</v>
      </c>
      <c r="C46748" s="14" t="s">
        <v>47</v>
      </c>
      <c r="D46748" s="14" t="s">
        <v>269</v>
      </c>
      <c r="E46748" s="15">
        <v>45404</v>
      </c>
      <c r="F46748" s="14" t="s">
        <v>53</v>
      </c>
      <c r="G46748" s="16">
        <v>0</v>
      </c>
    </row>
    <row r="46749" spans="1:7" x14ac:dyDescent="0.3">
      <c r="A46749" s="13" t="s">
        <v>268</v>
      </c>
      <c r="B46749" s="14" t="s">
        <v>1</v>
      </c>
      <c r="C46749" s="14" t="s">
        <v>47</v>
      </c>
      <c r="D46749" s="14" t="s">
        <v>269</v>
      </c>
      <c r="E46749" s="15">
        <v>45405</v>
      </c>
      <c r="F46749" s="14" t="s">
        <v>53</v>
      </c>
      <c r="G46749" s="16">
        <v>0</v>
      </c>
    </row>
    <row r="46750" spans="1:7" x14ac:dyDescent="0.3">
      <c r="A46750" s="13" t="s">
        <v>268</v>
      </c>
      <c r="B46750" s="14" t="s">
        <v>1</v>
      </c>
      <c r="C46750" s="14" t="s">
        <v>47</v>
      </c>
      <c r="D46750" s="14" t="s">
        <v>269</v>
      </c>
      <c r="E46750" s="15">
        <v>45406</v>
      </c>
      <c r="F46750" s="14" t="s">
        <v>53</v>
      </c>
      <c r="G46750" s="16">
        <v>0</v>
      </c>
    </row>
    <row r="46751" spans="1:7" x14ac:dyDescent="0.3">
      <c r="A46751" s="13" t="s">
        <v>268</v>
      </c>
      <c r="B46751" s="14" t="s">
        <v>1</v>
      </c>
      <c r="C46751" s="14" t="s">
        <v>47</v>
      </c>
      <c r="D46751" s="14" t="s">
        <v>269</v>
      </c>
      <c r="E46751" s="15">
        <v>45407</v>
      </c>
      <c r="F46751" s="14" t="s">
        <v>53</v>
      </c>
      <c r="G46751" s="16">
        <v>0</v>
      </c>
    </row>
    <row r="46752" spans="1:7" x14ac:dyDescent="0.3">
      <c r="A46752" s="13" t="s">
        <v>268</v>
      </c>
      <c r="B46752" s="14" t="s">
        <v>1</v>
      </c>
      <c r="C46752" s="14" t="s">
        <v>47</v>
      </c>
      <c r="D46752" s="14" t="s">
        <v>269</v>
      </c>
      <c r="E46752" s="15">
        <v>45408</v>
      </c>
      <c r="F46752" s="14" t="s">
        <v>53</v>
      </c>
      <c r="G46752" s="16">
        <v>0</v>
      </c>
    </row>
    <row r="46753" spans="1:7" x14ac:dyDescent="0.3">
      <c r="A46753" s="13" t="s">
        <v>268</v>
      </c>
      <c r="B46753" s="14" t="s">
        <v>1</v>
      </c>
      <c r="C46753" s="14" t="s">
        <v>47</v>
      </c>
      <c r="D46753" s="14" t="s">
        <v>269</v>
      </c>
      <c r="E46753" s="15">
        <v>45409</v>
      </c>
      <c r="F46753" s="14" t="s">
        <v>53</v>
      </c>
      <c r="G46753" s="16">
        <v>0</v>
      </c>
    </row>
    <row r="46754" spans="1:7" x14ac:dyDescent="0.3">
      <c r="A46754" s="13" t="s">
        <v>268</v>
      </c>
      <c r="B46754" s="14" t="s">
        <v>1</v>
      </c>
      <c r="C46754" s="14" t="s">
        <v>47</v>
      </c>
      <c r="D46754" s="14" t="s">
        <v>269</v>
      </c>
      <c r="E46754" s="15">
        <v>45410</v>
      </c>
      <c r="F46754" s="14" t="s">
        <v>53</v>
      </c>
      <c r="G46754" s="16">
        <v>0</v>
      </c>
    </row>
    <row r="46755" spans="1:7" x14ac:dyDescent="0.3">
      <c r="A46755" s="13" t="s">
        <v>268</v>
      </c>
      <c r="B46755" s="14" t="s">
        <v>1</v>
      </c>
      <c r="C46755" s="14" t="s">
        <v>47</v>
      </c>
      <c r="D46755" s="14" t="s">
        <v>269</v>
      </c>
      <c r="E46755" s="15">
        <v>45411</v>
      </c>
      <c r="F46755" s="14" t="s">
        <v>53</v>
      </c>
      <c r="G46755" s="16">
        <v>0</v>
      </c>
    </row>
    <row r="46756" spans="1:7" x14ac:dyDescent="0.3">
      <c r="A46756" s="13" t="s">
        <v>268</v>
      </c>
      <c r="B46756" s="14" t="s">
        <v>1</v>
      </c>
      <c r="C46756" s="14" t="s">
        <v>47</v>
      </c>
      <c r="D46756" s="14" t="s">
        <v>269</v>
      </c>
      <c r="E46756" s="15">
        <v>45412</v>
      </c>
      <c r="F46756" s="14" t="s">
        <v>53</v>
      </c>
      <c r="G46756" s="16">
        <v>0</v>
      </c>
    </row>
    <row r="46757" spans="1:7" x14ac:dyDescent="0.3">
      <c r="A46757" s="13" t="s">
        <v>268</v>
      </c>
      <c r="B46757" s="14" t="s">
        <v>1</v>
      </c>
      <c r="C46757" s="14" t="s">
        <v>47</v>
      </c>
      <c r="D46757" s="14" t="s">
        <v>269</v>
      </c>
      <c r="E46757" s="15">
        <v>45413</v>
      </c>
      <c r="F46757" s="14" t="s">
        <v>53</v>
      </c>
      <c r="G46757" s="16">
        <v>0</v>
      </c>
    </row>
    <row r="46758" spans="1:7" x14ac:dyDescent="0.3">
      <c r="A46758" s="13" t="s">
        <v>268</v>
      </c>
      <c r="B46758" s="14" t="s">
        <v>1</v>
      </c>
      <c r="C46758" s="14" t="s">
        <v>47</v>
      </c>
      <c r="D46758" s="14" t="s">
        <v>269</v>
      </c>
      <c r="E46758" s="15">
        <v>45414</v>
      </c>
      <c r="F46758" s="14" t="s">
        <v>53</v>
      </c>
      <c r="G46758" s="16">
        <v>0</v>
      </c>
    </row>
    <row r="46759" spans="1:7" x14ac:dyDescent="0.3">
      <c r="A46759" s="13" t="s">
        <v>268</v>
      </c>
      <c r="B46759" s="14" t="s">
        <v>1</v>
      </c>
      <c r="C46759" s="14" t="s">
        <v>47</v>
      </c>
      <c r="D46759" s="14" t="s">
        <v>269</v>
      </c>
      <c r="E46759" s="15">
        <v>45415</v>
      </c>
      <c r="F46759" s="14" t="s">
        <v>53</v>
      </c>
      <c r="G46759" s="16">
        <v>0</v>
      </c>
    </row>
    <row r="46760" spans="1:7" x14ac:dyDescent="0.3">
      <c r="A46760" s="13" t="s">
        <v>268</v>
      </c>
      <c r="B46760" s="14" t="s">
        <v>1</v>
      </c>
      <c r="C46760" s="14" t="s">
        <v>47</v>
      </c>
      <c r="D46760" s="14" t="s">
        <v>269</v>
      </c>
      <c r="E46760" s="15">
        <v>45416</v>
      </c>
      <c r="F46760" s="14" t="s">
        <v>53</v>
      </c>
      <c r="G46760" s="16">
        <v>0</v>
      </c>
    </row>
    <row r="46761" spans="1:7" x14ac:dyDescent="0.3">
      <c r="A46761" s="13" t="s">
        <v>268</v>
      </c>
      <c r="B46761" s="14" t="s">
        <v>1</v>
      </c>
      <c r="C46761" s="14" t="s">
        <v>47</v>
      </c>
      <c r="D46761" s="14" t="s">
        <v>269</v>
      </c>
      <c r="E46761" s="15">
        <v>45417</v>
      </c>
      <c r="F46761" s="14" t="s">
        <v>53</v>
      </c>
      <c r="G46761" s="16">
        <v>0</v>
      </c>
    </row>
    <row r="46762" spans="1:7" x14ac:dyDescent="0.3">
      <c r="A46762" s="13" t="s">
        <v>268</v>
      </c>
      <c r="B46762" s="14" t="s">
        <v>1</v>
      </c>
      <c r="C46762" s="14" t="s">
        <v>47</v>
      </c>
      <c r="D46762" s="14" t="s">
        <v>269</v>
      </c>
      <c r="E46762" s="15">
        <v>45418</v>
      </c>
      <c r="F46762" s="14" t="s">
        <v>53</v>
      </c>
      <c r="G46762" s="16">
        <v>0</v>
      </c>
    </row>
    <row r="46763" spans="1:7" x14ac:dyDescent="0.3">
      <c r="A46763" s="13" t="s">
        <v>268</v>
      </c>
      <c r="B46763" s="14" t="s">
        <v>1</v>
      </c>
      <c r="C46763" s="14" t="s">
        <v>47</v>
      </c>
      <c r="D46763" s="14" t="s">
        <v>269</v>
      </c>
      <c r="E46763" s="15">
        <v>45419</v>
      </c>
      <c r="F46763" s="14" t="s">
        <v>53</v>
      </c>
      <c r="G46763" s="16">
        <v>0</v>
      </c>
    </row>
    <row r="46764" spans="1:7" x14ac:dyDescent="0.3">
      <c r="A46764" s="13" t="s">
        <v>268</v>
      </c>
      <c r="B46764" s="14" t="s">
        <v>1</v>
      </c>
      <c r="C46764" s="14" t="s">
        <v>47</v>
      </c>
      <c r="D46764" s="14" t="s">
        <v>269</v>
      </c>
      <c r="E46764" s="15">
        <v>45420</v>
      </c>
      <c r="F46764" s="14" t="s">
        <v>53</v>
      </c>
      <c r="G46764" s="16">
        <v>0</v>
      </c>
    </row>
    <row r="46765" spans="1:7" x14ac:dyDescent="0.3">
      <c r="A46765" s="13" t="s">
        <v>268</v>
      </c>
      <c r="B46765" s="14" t="s">
        <v>1</v>
      </c>
      <c r="C46765" s="14" t="s">
        <v>47</v>
      </c>
      <c r="D46765" s="14" t="s">
        <v>269</v>
      </c>
      <c r="E46765" s="15">
        <v>45421</v>
      </c>
      <c r="F46765" s="14" t="s">
        <v>53</v>
      </c>
      <c r="G46765" s="16">
        <v>0</v>
      </c>
    </row>
    <row r="46766" spans="1:7" x14ac:dyDescent="0.3">
      <c r="A46766" s="13" t="s">
        <v>268</v>
      </c>
      <c r="B46766" s="14" t="s">
        <v>1</v>
      </c>
      <c r="C46766" s="14" t="s">
        <v>47</v>
      </c>
      <c r="D46766" s="14" t="s">
        <v>269</v>
      </c>
      <c r="E46766" s="15">
        <v>45422</v>
      </c>
      <c r="F46766" s="14" t="s">
        <v>53</v>
      </c>
      <c r="G46766" s="16">
        <v>0</v>
      </c>
    </row>
    <row r="46767" spans="1:7" x14ac:dyDescent="0.3">
      <c r="A46767" s="13" t="s">
        <v>268</v>
      </c>
      <c r="B46767" s="14" t="s">
        <v>1</v>
      </c>
      <c r="C46767" s="14" t="s">
        <v>47</v>
      </c>
      <c r="D46767" s="14" t="s">
        <v>269</v>
      </c>
      <c r="E46767" s="15">
        <v>45423</v>
      </c>
      <c r="F46767" s="14" t="s">
        <v>53</v>
      </c>
      <c r="G46767" s="16">
        <v>0</v>
      </c>
    </row>
    <row r="46768" spans="1:7" x14ac:dyDescent="0.3">
      <c r="A46768" s="13" t="s">
        <v>268</v>
      </c>
      <c r="B46768" s="14" t="s">
        <v>1</v>
      </c>
      <c r="C46768" s="14" t="s">
        <v>47</v>
      </c>
      <c r="D46768" s="14" t="s">
        <v>269</v>
      </c>
      <c r="E46768" s="15">
        <v>45424</v>
      </c>
      <c r="F46768" s="14" t="s">
        <v>53</v>
      </c>
      <c r="G46768" s="16">
        <v>0</v>
      </c>
    </row>
    <row r="46769" spans="1:7" x14ac:dyDescent="0.3">
      <c r="A46769" s="13" t="s">
        <v>268</v>
      </c>
      <c r="B46769" s="14" t="s">
        <v>1</v>
      </c>
      <c r="C46769" s="14" t="s">
        <v>47</v>
      </c>
      <c r="D46769" s="14" t="s">
        <v>269</v>
      </c>
      <c r="E46769" s="15">
        <v>45425</v>
      </c>
      <c r="F46769" s="14" t="s">
        <v>53</v>
      </c>
      <c r="G46769" s="16">
        <v>0</v>
      </c>
    </row>
    <row r="46770" spans="1:7" x14ac:dyDescent="0.3">
      <c r="A46770" s="13" t="s">
        <v>268</v>
      </c>
      <c r="B46770" s="14" t="s">
        <v>1</v>
      </c>
      <c r="C46770" s="14" t="s">
        <v>47</v>
      </c>
      <c r="D46770" s="14" t="s">
        <v>269</v>
      </c>
      <c r="E46770" s="15">
        <v>45426</v>
      </c>
      <c r="F46770" s="14" t="s">
        <v>53</v>
      </c>
      <c r="G46770" s="16">
        <v>0</v>
      </c>
    </row>
    <row r="46771" spans="1:7" x14ac:dyDescent="0.3">
      <c r="A46771" s="13" t="s">
        <v>268</v>
      </c>
      <c r="B46771" s="14" t="s">
        <v>1</v>
      </c>
      <c r="C46771" s="14" t="s">
        <v>47</v>
      </c>
      <c r="D46771" s="14" t="s">
        <v>269</v>
      </c>
      <c r="E46771" s="15">
        <v>45427</v>
      </c>
      <c r="F46771" s="14" t="s">
        <v>53</v>
      </c>
      <c r="G46771" s="16">
        <v>0</v>
      </c>
    </row>
    <row r="46772" spans="1:7" x14ac:dyDescent="0.3">
      <c r="A46772" s="13" t="s">
        <v>268</v>
      </c>
      <c r="B46772" s="14" t="s">
        <v>1</v>
      </c>
      <c r="C46772" s="14" t="s">
        <v>47</v>
      </c>
      <c r="D46772" s="14" t="s">
        <v>269</v>
      </c>
      <c r="E46772" s="15">
        <v>45428</v>
      </c>
      <c r="F46772" s="14" t="s">
        <v>53</v>
      </c>
      <c r="G46772" s="16">
        <v>0</v>
      </c>
    </row>
    <row r="46773" spans="1:7" x14ac:dyDescent="0.3">
      <c r="A46773" s="13" t="s">
        <v>268</v>
      </c>
      <c r="B46773" s="14" t="s">
        <v>1</v>
      </c>
      <c r="C46773" s="14" t="s">
        <v>47</v>
      </c>
      <c r="D46773" s="14" t="s">
        <v>269</v>
      </c>
      <c r="E46773" s="15">
        <v>45429</v>
      </c>
      <c r="F46773" s="14" t="s">
        <v>53</v>
      </c>
      <c r="G46773" s="16">
        <v>0</v>
      </c>
    </row>
    <row r="46774" spans="1:7" x14ac:dyDescent="0.3">
      <c r="A46774" s="13" t="s">
        <v>268</v>
      </c>
      <c r="B46774" s="14" t="s">
        <v>1</v>
      </c>
      <c r="C46774" s="14" t="s">
        <v>47</v>
      </c>
      <c r="D46774" s="14" t="s">
        <v>269</v>
      </c>
      <c r="E46774" s="15">
        <v>45430</v>
      </c>
      <c r="F46774" s="14" t="s">
        <v>53</v>
      </c>
      <c r="G46774" s="16">
        <v>0</v>
      </c>
    </row>
    <row r="46775" spans="1:7" x14ac:dyDescent="0.3">
      <c r="A46775" s="13" t="s">
        <v>268</v>
      </c>
      <c r="B46775" s="14" t="s">
        <v>1</v>
      </c>
      <c r="C46775" s="14" t="s">
        <v>47</v>
      </c>
      <c r="D46775" s="14" t="s">
        <v>269</v>
      </c>
      <c r="E46775" s="15">
        <v>45431</v>
      </c>
      <c r="F46775" s="14" t="s">
        <v>53</v>
      </c>
      <c r="G46775" s="16">
        <v>0</v>
      </c>
    </row>
    <row r="46776" spans="1:7" x14ac:dyDescent="0.3">
      <c r="A46776" s="13" t="s">
        <v>268</v>
      </c>
      <c r="B46776" s="14" t="s">
        <v>1</v>
      </c>
      <c r="C46776" s="14" t="s">
        <v>47</v>
      </c>
      <c r="D46776" s="14" t="s">
        <v>269</v>
      </c>
      <c r="E46776" s="15">
        <v>45432</v>
      </c>
      <c r="F46776" s="14" t="s">
        <v>53</v>
      </c>
      <c r="G46776" s="16">
        <v>0</v>
      </c>
    </row>
    <row r="46777" spans="1:7" x14ac:dyDescent="0.3">
      <c r="A46777" s="13" t="s">
        <v>268</v>
      </c>
      <c r="B46777" s="14" t="s">
        <v>1</v>
      </c>
      <c r="C46777" s="14" t="s">
        <v>47</v>
      </c>
      <c r="D46777" s="14" t="s">
        <v>269</v>
      </c>
      <c r="E46777" s="15">
        <v>45433</v>
      </c>
      <c r="F46777" s="14" t="s">
        <v>53</v>
      </c>
      <c r="G46777" s="16">
        <v>0</v>
      </c>
    </row>
    <row r="46778" spans="1:7" x14ac:dyDescent="0.3">
      <c r="A46778" s="13" t="s">
        <v>268</v>
      </c>
      <c r="B46778" s="14" t="s">
        <v>1</v>
      </c>
      <c r="C46778" s="14" t="s">
        <v>47</v>
      </c>
      <c r="D46778" s="14" t="s">
        <v>269</v>
      </c>
      <c r="E46778" s="15">
        <v>45434</v>
      </c>
      <c r="F46778" s="14" t="s">
        <v>53</v>
      </c>
      <c r="G46778" s="16">
        <v>0</v>
      </c>
    </row>
    <row r="46779" spans="1:7" x14ac:dyDescent="0.3">
      <c r="A46779" s="13" t="s">
        <v>268</v>
      </c>
      <c r="B46779" s="14" t="s">
        <v>1</v>
      </c>
      <c r="C46779" s="14" t="s">
        <v>47</v>
      </c>
      <c r="D46779" s="14" t="s">
        <v>269</v>
      </c>
      <c r="E46779" s="15">
        <v>45435</v>
      </c>
      <c r="F46779" s="14" t="s">
        <v>53</v>
      </c>
      <c r="G46779" s="16">
        <v>0</v>
      </c>
    </row>
    <row r="46780" spans="1:7" x14ac:dyDescent="0.3">
      <c r="A46780" s="13" t="s">
        <v>268</v>
      </c>
      <c r="B46780" s="14" t="s">
        <v>1</v>
      </c>
      <c r="C46780" s="14" t="s">
        <v>47</v>
      </c>
      <c r="D46780" s="14" t="s">
        <v>269</v>
      </c>
      <c r="E46780" s="15">
        <v>45436</v>
      </c>
      <c r="F46780" s="14" t="s">
        <v>53</v>
      </c>
      <c r="G46780" s="16">
        <v>0</v>
      </c>
    </row>
    <row r="46781" spans="1:7" x14ac:dyDescent="0.3">
      <c r="A46781" s="13" t="s">
        <v>268</v>
      </c>
      <c r="B46781" s="14" t="s">
        <v>1</v>
      </c>
      <c r="C46781" s="14" t="s">
        <v>47</v>
      </c>
      <c r="D46781" s="14" t="s">
        <v>269</v>
      </c>
      <c r="E46781" s="15">
        <v>45437</v>
      </c>
      <c r="F46781" s="14" t="s">
        <v>53</v>
      </c>
      <c r="G46781" s="16">
        <v>0</v>
      </c>
    </row>
    <row r="46782" spans="1:7" x14ac:dyDescent="0.3">
      <c r="A46782" s="13" t="s">
        <v>268</v>
      </c>
      <c r="B46782" s="14" t="s">
        <v>1</v>
      </c>
      <c r="C46782" s="14" t="s">
        <v>47</v>
      </c>
      <c r="D46782" s="14" t="s">
        <v>269</v>
      </c>
      <c r="E46782" s="15">
        <v>45438</v>
      </c>
      <c r="F46782" s="14" t="s">
        <v>53</v>
      </c>
      <c r="G46782" s="16">
        <v>0</v>
      </c>
    </row>
    <row r="46783" spans="1:7" x14ac:dyDescent="0.3">
      <c r="A46783" s="13" t="s">
        <v>268</v>
      </c>
      <c r="B46783" s="14" t="s">
        <v>1</v>
      </c>
      <c r="C46783" s="14" t="s">
        <v>47</v>
      </c>
      <c r="D46783" s="14" t="s">
        <v>269</v>
      </c>
      <c r="E46783" s="15">
        <v>45439</v>
      </c>
      <c r="F46783" s="14" t="s">
        <v>53</v>
      </c>
      <c r="G46783" s="16">
        <v>0</v>
      </c>
    </row>
    <row r="46784" spans="1:7" x14ac:dyDescent="0.3">
      <c r="A46784" s="13" t="s">
        <v>268</v>
      </c>
      <c r="B46784" s="14" t="s">
        <v>1</v>
      </c>
      <c r="C46784" s="14" t="s">
        <v>47</v>
      </c>
      <c r="D46784" s="14" t="s">
        <v>269</v>
      </c>
      <c r="E46784" s="15">
        <v>45440</v>
      </c>
      <c r="F46784" s="14" t="s">
        <v>53</v>
      </c>
      <c r="G46784" s="16">
        <v>0</v>
      </c>
    </row>
    <row r="46785" spans="1:7" x14ac:dyDescent="0.3">
      <c r="A46785" s="13" t="s">
        <v>268</v>
      </c>
      <c r="B46785" s="14" t="s">
        <v>1</v>
      </c>
      <c r="C46785" s="14" t="s">
        <v>47</v>
      </c>
      <c r="D46785" s="14" t="s">
        <v>269</v>
      </c>
      <c r="E46785" s="15">
        <v>45441</v>
      </c>
      <c r="F46785" s="14" t="s">
        <v>53</v>
      </c>
      <c r="G46785" s="16">
        <v>0</v>
      </c>
    </row>
    <row r="46786" spans="1:7" x14ac:dyDescent="0.3">
      <c r="A46786" s="13" t="s">
        <v>268</v>
      </c>
      <c r="B46786" s="14" t="s">
        <v>1</v>
      </c>
      <c r="C46786" s="14" t="s">
        <v>47</v>
      </c>
      <c r="D46786" s="14" t="s">
        <v>269</v>
      </c>
      <c r="E46786" s="15">
        <v>45442</v>
      </c>
      <c r="F46786" s="14" t="s">
        <v>53</v>
      </c>
      <c r="G46786" s="16">
        <v>5.8576832419043497E-3</v>
      </c>
    </row>
    <row r="46787" spans="1:7" x14ac:dyDescent="0.3">
      <c r="A46787" s="13" t="s">
        <v>268</v>
      </c>
      <c r="B46787" s="14" t="s">
        <v>1</v>
      </c>
      <c r="C46787" s="14" t="s">
        <v>47</v>
      </c>
      <c r="D46787" s="14" t="s">
        <v>269</v>
      </c>
      <c r="E46787" s="15">
        <v>45443</v>
      </c>
      <c r="F46787" s="14" t="s">
        <v>53</v>
      </c>
      <c r="G46787" s="16">
        <v>1.9732770201553135E-3</v>
      </c>
    </row>
    <row r="46788" spans="1:7" x14ac:dyDescent="0.3">
      <c r="A46788" s="13" t="s">
        <v>268</v>
      </c>
      <c r="B46788" s="14" t="s">
        <v>1</v>
      </c>
      <c r="C46788" s="14" t="s">
        <v>47</v>
      </c>
      <c r="D46788" s="14" t="s">
        <v>269</v>
      </c>
      <c r="E46788" s="15">
        <v>45444</v>
      </c>
      <c r="F46788" s="14" t="s">
        <v>53</v>
      </c>
      <c r="G46788" s="16">
        <v>1.9732770201553135E-3</v>
      </c>
    </row>
    <row r="46789" spans="1:7" x14ac:dyDescent="0.3">
      <c r="A46789" s="13" t="s">
        <v>268</v>
      </c>
      <c r="B46789" s="14" t="s">
        <v>1</v>
      </c>
      <c r="C46789" s="14" t="s">
        <v>47</v>
      </c>
      <c r="D46789" s="14" t="s">
        <v>269</v>
      </c>
      <c r="E46789" s="15">
        <v>45445</v>
      </c>
      <c r="F46789" s="14" t="s">
        <v>53</v>
      </c>
      <c r="G46789" s="16">
        <v>1.9732770201553135E-3</v>
      </c>
    </row>
    <row r="46790" spans="1:7" x14ac:dyDescent="0.3">
      <c r="A46790" s="13" t="s">
        <v>268</v>
      </c>
      <c r="B46790" s="14" t="s">
        <v>1</v>
      </c>
      <c r="C46790" s="14" t="s">
        <v>47</v>
      </c>
      <c r="D46790" s="14" t="s">
        <v>269</v>
      </c>
      <c r="E46790" s="15">
        <v>45446</v>
      </c>
      <c r="F46790" s="14" t="s">
        <v>53</v>
      </c>
      <c r="G46790" s="16">
        <v>1.9732770201553135E-3</v>
      </c>
    </row>
    <row r="46791" spans="1:7" x14ac:dyDescent="0.3">
      <c r="A46791" s="13" t="s">
        <v>268</v>
      </c>
      <c r="B46791" s="14" t="s">
        <v>1</v>
      </c>
      <c r="C46791" s="14" t="s">
        <v>47</v>
      </c>
      <c r="D46791" s="14" t="s">
        <v>269</v>
      </c>
      <c r="E46791" s="15">
        <v>45447</v>
      </c>
      <c r="F46791" s="14" t="s">
        <v>53</v>
      </c>
      <c r="G46791" s="16">
        <v>2.4729738959421901E-2</v>
      </c>
    </row>
    <row r="46792" spans="1:7" x14ac:dyDescent="0.3">
      <c r="A46792" s="13" t="s">
        <v>268</v>
      </c>
      <c r="B46792" s="14" t="s">
        <v>1</v>
      </c>
      <c r="C46792" s="14" t="s">
        <v>47</v>
      </c>
      <c r="D46792" s="14" t="s">
        <v>269</v>
      </c>
      <c r="E46792" s="15">
        <v>45448</v>
      </c>
      <c r="F46792" s="14" t="s">
        <v>53</v>
      </c>
      <c r="G46792" s="16">
        <v>3.6043145302680393E-2</v>
      </c>
    </row>
    <row r="46793" spans="1:7" x14ac:dyDescent="0.3">
      <c r="A46793" s="13" t="s">
        <v>268</v>
      </c>
      <c r="B46793" s="14" t="s">
        <v>1</v>
      </c>
      <c r="C46793" s="14" t="s">
        <v>47</v>
      </c>
      <c r="D46793" s="14" t="s">
        <v>269</v>
      </c>
      <c r="E46793" s="15">
        <v>45449</v>
      </c>
      <c r="F46793" s="14" t="s">
        <v>53</v>
      </c>
      <c r="G46793" s="16">
        <v>3.2190391156528192E-2</v>
      </c>
    </row>
    <row r="46794" spans="1:7" x14ac:dyDescent="0.3">
      <c r="A46794" s="13" t="s">
        <v>268</v>
      </c>
      <c r="B46794" s="14" t="s">
        <v>1</v>
      </c>
      <c r="C46794" s="14" t="s">
        <v>47</v>
      </c>
      <c r="D46794" s="14" t="s">
        <v>269</v>
      </c>
      <c r="E46794" s="15">
        <v>45450</v>
      </c>
      <c r="F46794" s="14" t="s">
        <v>53</v>
      </c>
      <c r="G46794" s="16">
        <v>2.8424222237511381E-2</v>
      </c>
    </row>
    <row r="46795" spans="1:7" x14ac:dyDescent="0.3">
      <c r="A46795" s="13" t="s">
        <v>268</v>
      </c>
      <c r="B46795" s="14" t="s">
        <v>1</v>
      </c>
      <c r="C46795" s="14" t="s">
        <v>47</v>
      </c>
      <c r="D46795" s="14" t="s">
        <v>269</v>
      </c>
      <c r="E46795" s="15">
        <v>45451</v>
      </c>
      <c r="F46795" s="14" t="s">
        <v>53</v>
      </c>
      <c r="G46795" s="16">
        <v>2.8424222237511381E-2</v>
      </c>
    </row>
    <row r="46796" spans="1:7" x14ac:dyDescent="0.3">
      <c r="A46796" s="13" t="s">
        <v>268</v>
      </c>
      <c r="B46796" s="14" t="s">
        <v>1</v>
      </c>
      <c r="C46796" s="14" t="s">
        <v>47</v>
      </c>
      <c r="D46796" s="14" t="s">
        <v>269</v>
      </c>
      <c r="E46796" s="15">
        <v>45452</v>
      </c>
      <c r="F46796" s="14" t="s">
        <v>53</v>
      </c>
      <c r="G46796" s="16">
        <v>2.8424222237511381E-2</v>
      </c>
    </row>
    <row r="46797" spans="1:7" x14ac:dyDescent="0.3">
      <c r="A46797" s="13" t="s">
        <v>268</v>
      </c>
      <c r="B46797" s="14" t="s">
        <v>1</v>
      </c>
      <c r="C46797" s="14" t="s">
        <v>47</v>
      </c>
      <c r="D46797" s="14" t="s">
        <v>269</v>
      </c>
      <c r="E46797" s="15">
        <v>45453</v>
      </c>
      <c r="F46797" s="14" t="s">
        <v>53</v>
      </c>
      <c r="G46797" s="16">
        <v>2.4486802295228993E-2</v>
      </c>
    </row>
    <row r="46798" spans="1:7" x14ac:dyDescent="0.3">
      <c r="A46798" s="13" t="s">
        <v>268</v>
      </c>
      <c r="B46798" s="14" t="s">
        <v>1</v>
      </c>
      <c r="C46798" s="14" t="s">
        <v>47</v>
      </c>
      <c r="D46798" s="14" t="s">
        <v>269</v>
      </c>
      <c r="E46798" s="15">
        <v>45454</v>
      </c>
      <c r="F46798" s="14" t="s">
        <v>53</v>
      </c>
      <c r="G46798" s="16">
        <v>1.2855621697506739E-2</v>
      </c>
    </row>
    <row r="46799" spans="1:7" x14ac:dyDescent="0.3">
      <c r="A46799" s="13" t="s">
        <v>268</v>
      </c>
      <c r="B46799" s="14" t="s">
        <v>1</v>
      </c>
      <c r="C46799" s="14" t="s">
        <v>47</v>
      </c>
      <c r="D46799" s="14" t="s">
        <v>269</v>
      </c>
      <c r="E46799" s="15">
        <v>45455</v>
      </c>
      <c r="F46799" s="14" t="s">
        <v>53</v>
      </c>
      <c r="G46799" s="16">
        <v>8.9296979617756074E-3</v>
      </c>
    </row>
    <row r="46800" spans="1:7" x14ac:dyDescent="0.3">
      <c r="A46800" s="13" t="s">
        <v>268</v>
      </c>
      <c r="B46800" s="14" t="s">
        <v>1</v>
      </c>
      <c r="C46800" s="14" t="s">
        <v>47</v>
      </c>
      <c r="D46800" s="14" t="s">
        <v>269</v>
      </c>
      <c r="E46800" s="15">
        <v>45456</v>
      </c>
      <c r="F46800" s="14" t="s">
        <v>53</v>
      </c>
      <c r="G46800" s="16">
        <v>3.508426282771105E-2</v>
      </c>
    </row>
    <row r="46801" spans="1:7" x14ac:dyDescent="0.3">
      <c r="A46801" s="13" t="s">
        <v>268</v>
      </c>
      <c r="B46801" s="14" t="s">
        <v>1</v>
      </c>
      <c r="C46801" s="14" t="s">
        <v>47</v>
      </c>
      <c r="D46801" s="14" t="s">
        <v>269</v>
      </c>
      <c r="E46801" s="15">
        <v>45457</v>
      </c>
      <c r="F46801" s="14" t="s">
        <v>53</v>
      </c>
      <c r="G46801" s="16">
        <v>3.742625909867793E-2</v>
      </c>
    </row>
    <row r="46802" spans="1:7" x14ac:dyDescent="0.3">
      <c r="A46802" s="13" t="s">
        <v>268</v>
      </c>
      <c r="B46802" s="14" t="s">
        <v>1</v>
      </c>
      <c r="C46802" s="14" t="s">
        <v>47</v>
      </c>
      <c r="D46802" s="14" t="s">
        <v>269</v>
      </c>
      <c r="E46802" s="15">
        <v>45458</v>
      </c>
      <c r="F46802" s="14" t="s">
        <v>53</v>
      </c>
      <c r="G46802" s="16">
        <v>3.742625909867793E-2</v>
      </c>
    </row>
    <row r="46803" spans="1:7" x14ac:dyDescent="0.3">
      <c r="A46803" s="13" t="s">
        <v>268</v>
      </c>
      <c r="B46803" s="14" t="s">
        <v>1</v>
      </c>
      <c r="C46803" s="14" t="s">
        <v>47</v>
      </c>
      <c r="D46803" s="14" t="s">
        <v>269</v>
      </c>
      <c r="E46803" s="15">
        <v>45459</v>
      </c>
      <c r="F46803" s="14" t="s">
        <v>53</v>
      </c>
      <c r="G46803" s="16">
        <v>3.742625909867793E-2</v>
      </c>
    </row>
    <row r="46804" spans="1:7" x14ac:dyDescent="0.3">
      <c r="A46804" s="13" t="s">
        <v>268</v>
      </c>
      <c r="B46804" s="14" t="s">
        <v>1</v>
      </c>
      <c r="C46804" s="14" t="s">
        <v>47</v>
      </c>
      <c r="D46804" s="14" t="s">
        <v>269</v>
      </c>
      <c r="E46804" s="15">
        <v>45460</v>
      </c>
      <c r="F46804" s="14" t="s">
        <v>53</v>
      </c>
      <c r="G46804" s="16">
        <v>3.4502059520489681E-2</v>
      </c>
    </row>
    <row r="46805" spans="1:7" x14ac:dyDescent="0.3">
      <c r="A46805" s="13" t="s">
        <v>268</v>
      </c>
      <c r="B46805" s="14" t="s">
        <v>1</v>
      </c>
      <c r="C46805" s="14" t="s">
        <v>47</v>
      </c>
      <c r="D46805" s="14" t="s">
        <v>269</v>
      </c>
      <c r="E46805" s="15">
        <v>45461</v>
      </c>
      <c r="F46805" s="14" t="s">
        <v>53</v>
      </c>
      <c r="G46805" s="16">
        <v>3.0137996852391734E-2</v>
      </c>
    </row>
    <row r="46806" spans="1:7" x14ac:dyDescent="0.3">
      <c r="A46806" s="13" t="s">
        <v>268</v>
      </c>
      <c r="B46806" s="14" t="s">
        <v>1</v>
      </c>
      <c r="C46806" s="14" t="s">
        <v>47</v>
      </c>
      <c r="D46806" s="14" t="s">
        <v>269</v>
      </c>
      <c r="E46806" s="15">
        <v>45462</v>
      </c>
      <c r="F46806" s="14" t="s">
        <v>53</v>
      </c>
      <c r="G46806" s="16">
        <v>3.0137996852391734E-2</v>
      </c>
    </row>
    <row r="46807" spans="1:7" x14ac:dyDescent="0.3">
      <c r="A46807" s="13" t="s">
        <v>268</v>
      </c>
      <c r="B46807" s="14" t="s">
        <v>1</v>
      </c>
      <c r="C46807" s="14" t="s">
        <v>47</v>
      </c>
      <c r="D46807" s="14" t="s">
        <v>269</v>
      </c>
      <c r="E46807" s="15">
        <v>45463</v>
      </c>
      <c r="F46807" s="14" t="s">
        <v>53</v>
      </c>
      <c r="G46807" s="16">
        <v>6.4083740341753639E-2</v>
      </c>
    </row>
    <row r="46808" spans="1:7" x14ac:dyDescent="0.3">
      <c r="A46808" s="13" t="s">
        <v>268</v>
      </c>
      <c r="B46808" s="14" t="s">
        <v>1</v>
      </c>
      <c r="C46808" s="14" t="s">
        <v>47</v>
      </c>
      <c r="D46808" s="14" t="s">
        <v>269</v>
      </c>
      <c r="E46808" s="15">
        <v>45464</v>
      </c>
      <c r="F46808" s="14" t="s">
        <v>53</v>
      </c>
      <c r="G46808" s="16">
        <v>5.6317245518670435E-2</v>
      </c>
    </row>
    <row r="46809" spans="1:7" x14ac:dyDescent="0.3">
      <c r="A46809" s="13" t="s">
        <v>268</v>
      </c>
      <c r="B46809" s="14" t="s">
        <v>1</v>
      </c>
      <c r="C46809" s="14" t="s">
        <v>47</v>
      </c>
      <c r="D46809" s="14" t="s">
        <v>269</v>
      </c>
      <c r="E46809" s="15">
        <v>45465</v>
      </c>
      <c r="F46809" s="14" t="s">
        <v>53</v>
      </c>
      <c r="G46809" s="16">
        <v>5.6317245518670435E-2</v>
      </c>
    </row>
    <row r="46810" spans="1:7" x14ac:dyDescent="0.3">
      <c r="A46810" s="13" t="s">
        <v>268</v>
      </c>
      <c r="B46810" s="14" t="s">
        <v>1</v>
      </c>
      <c r="C46810" s="14" t="s">
        <v>47</v>
      </c>
      <c r="D46810" s="14" t="s">
        <v>269</v>
      </c>
      <c r="E46810" s="15">
        <v>45466</v>
      </c>
      <c r="F46810" s="14" t="s">
        <v>53</v>
      </c>
      <c r="G46810" s="16">
        <v>5.6317245518670435E-2</v>
      </c>
    </row>
    <row r="46811" spans="1:7" x14ac:dyDescent="0.3">
      <c r="A46811" s="13" t="s">
        <v>268</v>
      </c>
      <c r="B46811" s="14" t="s">
        <v>1</v>
      </c>
      <c r="C46811" s="14" t="s">
        <v>47</v>
      </c>
      <c r="D46811" s="14" t="s">
        <v>269</v>
      </c>
      <c r="E46811" s="15">
        <v>45467</v>
      </c>
      <c r="F46811" s="14" t="s">
        <v>53</v>
      </c>
      <c r="G46811" s="16">
        <v>5.5159062544618109E-2</v>
      </c>
    </row>
    <row r="46812" spans="1:7" x14ac:dyDescent="0.3">
      <c r="A46812" s="13" t="s">
        <v>268</v>
      </c>
      <c r="B46812" s="14" t="s">
        <v>1</v>
      </c>
      <c r="C46812" s="14" t="s">
        <v>47</v>
      </c>
      <c r="D46812" s="14" t="s">
        <v>269</v>
      </c>
      <c r="E46812" s="15">
        <v>45468</v>
      </c>
      <c r="F46812" s="14" t="s">
        <v>53</v>
      </c>
      <c r="G46812" s="16">
        <v>4.6722538883901467E-2</v>
      </c>
    </row>
    <row r="46813" spans="1:7" x14ac:dyDescent="0.3">
      <c r="A46813" s="13" t="s">
        <v>268</v>
      </c>
      <c r="B46813" s="14" t="s">
        <v>1</v>
      </c>
      <c r="C46813" s="14" t="s">
        <v>47</v>
      </c>
      <c r="D46813" s="14" t="s">
        <v>269</v>
      </c>
      <c r="E46813" s="15">
        <v>45469</v>
      </c>
      <c r="F46813" s="14" t="s">
        <v>53</v>
      </c>
      <c r="G46813" s="16">
        <v>4.315394781393924E-2</v>
      </c>
    </row>
    <row r="46814" spans="1:7" x14ac:dyDescent="0.3">
      <c r="A46814" s="13" t="s">
        <v>268</v>
      </c>
      <c r="B46814" s="14" t="s">
        <v>1</v>
      </c>
      <c r="C46814" s="14" t="s">
        <v>47</v>
      </c>
      <c r="D46814" s="14" t="s">
        <v>269</v>
      </c>
      <c r="E46814" s="15">
        <v>45470</v>
      </c>
      <c r="F46814" s="14" t="s">
        <v>53</v>
      </c>
      <c r="G46814" s="16">
        <v>3.9311126664604075E-2</v>
      </c>
    </row>
    <row r="46815" spans="1:7" x14ac:dyDescent="0.3">
      <c r="A46815" s="13" t="s">
        <v>268</v>
      </c>
      <c r="B46815" s="14" t="s">
        <v>1</v>
      </c>
      <c r="C46815" s="14" t="s">
        <v>47</v>
      </c>
      <c r="D46815" s="14" t="s">
        <v>269</v>
      </c>
      <c r="E46815" s="15">
        <v>45471</v>
      </c>
      <c r="F46815" s="14" t="s">
        <v>53</v>
      </c>
      <c r="G46815" s="16">
        <v>3.5540519328249996E-2</v>
      </c>
    </row>
    <row r="46816" spans="1:7" x14ac:dyDescent="0.3">
      <c r="A46816" s="13" t="s">
        <v>268</v>
      </c>
      <c r="B46816" s="14" t="s">
        <v>1</v>
      </c>
      <c r="C46816" s="14" t="s">
        <v>47</v>
      </c>
      <c r="D46816" s="14" t="s">
        <v>269</v>
      </c>
      <c r="E46816" s="15">
        <v>45472</v>
      </c>
      <c r="F46816" s="14" t="s">
        <v>53</v>
      </c>
      <c r="G46816" s="16">
        <v>3.5540519328249996E-2</v>
      </c>
    </row>
    <row r="46817" spans="1:7" x14ac:dyDescent="0.3">
      <c r="A46817" s="13" t="s">
        <v>268</v>
      </c>
      <c r="B46817" s="14" t="s">
        <v>1</v>
      </c>
      <c r="C46817" s="14" t="s">
        <v>47</v>
      </c>
      <c r="D46817" s="14" t="s">
        <v>269</v>
      </c>
      <c r="E46817" s="15">
        <v>45473</v>
      </c>
      <c r="F46817" s="14" t="s">
        <v>53</v>
      </c>
      <c r="G46817" s="16">
        <v>3.5540519328249996E-2</v>
      </c>
    </row>
    <row r="46818" spans="1:7" x14ac:dyDescent="0.3">
      <c r="A46818" s="13" t="s">
        <v>268</v>
      </c>
      <c r="B46818" s="14" t="s">
        <v>1</v>
      </c>
      <c r="C46818" s="14" t="s">
        <v>47</v>
      </c>
      <c r="D46818" s="14" t="s">
        <v>269</v>
      </c>
      <c r="E46818" s="15">
        <v>45474</v>
      </c>
      <c r="F46818" s="14" t="s">
        <v>53</v>
      </c>
      <c r="G46818" s="16">
        <v>4.0471704436614464E-2</v>
      </c>
    </row>
    <row r="46819" spans="1:7" x14ac:dyDescent="0.3">
      <c r="A46819" s="13" t="s">
        <v>268</v>
      </c>
      <c r="B46819" s="14" t="s">
        <v>1</v>
      </c>
      <c r="C46819" s="14" t="s">
        <v>47</v>
      </c>
      <c r="D46819" s="14" t="s">
        <v>269</v>
      </c>
      <c r="E46819" s="15">
        <v>45475</v>
      </c>
      <c r="F46819" s="14" t="s">
        <v>53</v>
      </c>
      <c r="G46819" s="16">
        <v>3.0362966268760044E-2</v>
      </c>
    </row>
    <row r="46820" spans="1:7" x14ac:dyDescent="0.3">
      <c r="A46820" s="13" t="s">
        <v>268</v>
      </c>
      <c r="B46820" s="14" t="s">
        <v>1</v>
      </c>
      <c r="C46820" s="14" t="s">
        <v>47</v>
      </c>
      <c r="D46820" s="14" t="s">
        <v>269</v>
      </c>
      <c r="E46820" s="15">
        <v>45476</v>
      </c>
      <c r="F46820" s="14" t="s">
        <v>53</v>
      </c>
      <c r="G46820" s="16">
        <v>3.7050599626105352E-2</v>
      </c>
    </row>
    <row r="46821" spans="1:7" x14ac:dyDescent="0.3">
      <c r="A46821" s="13" t="s">
        <v>268</v>
      </c>
      <c r="B46821" s="14" t="s">
        <v>1</v>
      </c>
      <c r="C46821" s="14" t="s">
        <v>47</v>
      </c>
      <c r="D46821" s="14" t="s">
        <v>269</v>
      </c>
      <c r="E46821" s="15">
        <v>45477</v>
      </c>
      <c r="F46821" s="14" t="s">
        <v>53</v>
      </c>
      <c r="G46821" s="16">
        <v>3.7050599626105352E-2</v>
      </c>
    </row>
    <row r="46822" spans="1:7" x14ac:dyDescent="0.3">
      <c r="A46822" s="13" t="s">
        <v>268</v>
      </c>
      <c r="B46822" s="14" t="s">
        <v>1</v>
      </c>
      <c r="C46822" s="14" t="s">
        <v>47</v>
      </c>
      <c r="D46822" s="14" t="s">
        <v>269</v>
      </c>
      <c r="E46822" s="15">
        <v>45478</v>
      </c>
      <c r="F46822" s="14" t="s">
        <v>53</v>
      </c>
      <c r="G46822" s="16">
        <v>3.3108362511938834E-2</v>
      </c>
    </row>
    <row r="46823" spans="1:7" x14ac:dyDescent="0.3">
      <c r="A46823" s="13" t="s">
        <v>268</v>
      </c>
      <c r="B46823" s="14" t="s">
        <v>1</v>
      </c>
      <c r="C46823" s="14" t="s">
        <v>47</v>
      </c>
      <c r="D46823" s="14" t="s">
        <v>269</v>
      </c>
      <c r="E46823" s="15">
        <v>45479</v>
      </c>
      <c r="F46823" s="14" t="s">
        <v>53</v>
      </c>
      <c r="G46823" s="16">
        <v>3.3108362511938834E-2</v>
      </c>
    </row>
    <row r="46824" spans="1:7" x14ac:dyDescent="0.3">
      <c r="A46824" s="13" t="s">
        <v>268</v>
      </c>
      <c r="B46824" s="14" t="s">
        <v>1</v>
      </c>
      <c r="C46824" s="14" t="s">
        <v>47</v>
      </c>
      <c r="D46824" s="14" t="s">
        <v>269</v>
      </c>
      <c r="E46824" s="15">
        <v>45480</v>
      </c>
      <c r="F46824" s="14" t="s">
        <v>53</v>
      </c>
      <c r="G46824" s="16">
        <v>3.3108362511938834E-2</v>
      </c>
    </row>
    <row r="46825" spans="1:7" x14ac:dyDescent="0.3">
      <c r="A46825" s="13" t="s">
        <v>268</v>
      </c>
      <c r="B46825" s="14" t="s">
        <v>1</v>
      </c>
      <c r="C46825" s="14" t="s">
        <v>47</v>
      </c>
      <c r="D46825" s="14" t="s">
        <v>269</v>
      </c>
      <c r="E46825" s="15">
        <v>45481</v>
      </c>
      <c r="F46825" s="14" t="s">
        <v>53</v>
      </c>
      <c r="G46825" s="16">
        <v>2.5506787473141033E-2</v>
      </c>
    </row>
    <row r="46826" spans="1:7" x14ac:dyDescent="0.3">
      <c r="A46826" s="13" t="s">
        <v>268</v>
      </c>
      <c r="B46826" s="14" t="s">
        <v>1</v>
      </c>
      <c r="C46826" s="14" t="s">
        <v>47</v>
      </c>
      <c r="D46826" s="14" t="s">
        <v>269</v>
      </c>
      <c r="E46826" s="15">
        <v>45482</v>
      </c>
      <c r="F46826" s="14" t="s">
        <v>53</v>
      </c>
      <c r="G46826" s="16">
        <v>1.401765773972314E-2</v>
      </c>
    </row>
    <row r="46827" spans="1:7" x14ac:dyDescent="0.3">
      <c r="A46827" s="13" t="s">
        <v>268</v>
      </c>
      <c r="B46827" s="14" t="s">
        <v>1</v>
      </c>
      <c r="C46827" s="14" t="s">
        <v>47</v>
      </c>
      <c r="D46827" s="14" t="s">
        <v>269</v>
      </c>
      <c r="E46827" s="15">
        <v>45483</v>
      </c>
      <c r="F46827" s="14" t="s">
        <v>53</v>
      </c>
      <c r="G46827" s="16">
        <v>1.0074235004051741E-2</v>
      </c>
    </row>
    <row r="46828" spans="1:7" x14ac:dyDescent="0.3">
      <c r="A46828" s="13" t="s">
        <v>268</v>
      </c>
      <c r="B46828" s="14" t="s">
        <v>1</v>
      </c>
      <c r="C46828" s="14" t="s">
        <v>47</v>
      </c>
      <c r="D46828" s="14" t="s">
        <v>269</v>
      </c>
      <c r="E46828" s="15">
        <v>45484</v>
      </c>
      <c r="F46828" s="14" t="s">
        <v>53</v>
      </c>
      <c r="G46828" s="16">
        <v>6.2095111136182008E-3</v>
      </c>
    </row>
    <row r="46829" spans="1:7" x14ac:dyDescent="0.3">
      <c r="A46829" s="13" t="s">
        <v>268</v>
      </c>
      <c r="B46829" s="14" t="s">
        <v>1</v>
      </c>
      <c r="C46829" s="14" t="s">
        <v>47</v>
      </c>
      <c r="D46829" s="14" t="s">
        <v>269</v>
      </c>
      <c r="E46829" s="15">
        <v>45485</v>
      </c>
      <c r="F46829" s="14" t="s">
        <v>53</v>
      </c>
      <c r="G46829" s="16">
        <v>2.3167719487044449E-3</v>
      </c>
    </row>
    <row r="46830" spans="1:7" x14ac:dyDescent="0.3">
      <c r="A46830" s="13" t="s">
        <v>268</v>
      </c>
      <c r="B46830" s="14" t="s">
        <v>1</v>
      </c>
      <c r="C46830" s="14" t="s">
        <v>47</v>
      </c>
      <c r="D46830" s="14" t="s">
        <v>269</v>
      </c>
      <c r="E46830" s="15">
        <v>45486</v>
      </c>
      <c r="F46830" s="14" t="s">
        <v>53</v>
      </c>
      <c r="G46830" s="16">
        <v>2.3167719487044449E-3</v>
      </c>
    </row>
    <row r="46831" spans="1:7" x14ac:dyDescent="0.3">
      <c r="A46831" s="13" t="s">
        <v>268</v>
      </c>
      <c r="B46831" s="14" t="s">
        <v>1</v>
      </c>
      <c r="C46831" s="14" t="s">
        <v>47</v>
      </c>
      <c r="D46831" s="14" t="s">
        <v>269</v>
      </c>
      <c r="E46831" s="15">
        <v>45487</v>
      </c>
      <c r="F46831" s="14" t="s">
        <v>53</v>
      </c>
      <c r="G46831" s="16">
        <v>2.3167719487044449E-3</v>
      </c>
    </row>
    <row r="46832" spans="1:7" x14ac:dyDescent="0.3">
      <c r="A46832" s="13" t="s">
        <v>268</v>
      </c>
      <c r="B46832" s="14" t="s">
        <v>1</v>
      </c>
      <c r="C46832" s="14" t="s">
        <v>47</v>
      </c>
      <c r="D46832" s="14" t="s">
        <v>269</v>
      </c>
      <c r="E46832" s="15">
        <v>45488</v>
      </c>
      <c r="F46832" s="14" t="s">
        <v>53</v>
      </c>
      <c r="G46832" s="16">
        <v>1.4126598938461446E-3</v>
      </c>
    </row>
    <row r="46833" spans="1:7" x14ac:dyDescent="0.3">
      <c r="A46833" s="13" t="s">
        <v>268</v>
      </c>
      <c r="B46833" s="14" t="s">
        <v>1</v>
      </c>
      <c r="C46833" s="14" t="s">
        <v>47</v>
      </c>
      <c r="D46833" s="14" t="s">
        <v>269</v>
      </c>
      <c r="E46833" s="15">
        <v>45489</v>
      </c>
      <c r="F46833" s="14" t="s">
        <v>53</v>
      </c>
      <c r="G46833" s="16">
        <v>0</v>
      </c>
    </row>
    <row r="46834" spans="1:7" x14ac:dyDescent="0.3">
      <c r="A46834" s="13" t="s">
        <v>268</v>
      </c>
      <c r="B46834" s="14" t="s">
        <v>1</v>
      </c>
      <c r="C46834" s="14" t="s">
        <v>47</v>
      </c>
      <c r="D46834" s="14" t="s">
        <v>269</v>
      </c>
      <c r="E46834" s="15">
        <v>45490</v>
      </c>
      <c r="F46834" s="14" t="s">
        <v>53</v>
      </c>
      <c r="G46834" s="16">
        <v>0</v>
      </c>
    </row>
    <row r="46835" spans="1:7" x14ac:dyDescent="0.3">
      <c r="A46835" s="13" t="s">
        <v>268</v>
      </c>
      <c r="B46835" s="14" t="s">
        <v>1</v>
      </c>
      <c r="C46835" s="14" t="s">
        <v>47</v>
      </c>
      <c r="D46835" s="14" t="s">
        <v>269</v>
      </c>
      <c r="E46835" s="15">
        <v>45491</v>
      </c>
      <c r="F46835" s="14" t="s">
        <v>53</v>
      </c>
      <c r="G46835" s="16">
        <v>0</v>
      </c>
    </row>
    <row r="46836" spans="1:7" x14ac:dyDescent="0.3">
      <c r="A46836" s="13" t="s">
        <v>268</v>
      </c>
      <c r="B46836" s="14" t="s">
        <v>1</v>
      </c>
      <c r="C46836" s="14" t="s">
        <v>47</v>
      </c>
      <c r="D46836" s="14" t="s">
        <v>269</v>
      </c>
      <c r="E46836" s="15">
        <v>45492</v>
      </c>
      <c r="F46836" s="14" t="s">
        <v>53</v>
      </c>
      <c r="G46836" s="16">
        <v>0</v>
      </c>
    </row>
    <row r="46837" spans="1:7" x14ac:dyDescent="0.3">
      <c r="A46837" s="13" t="s">
        <v>268</v>
      </c>
      <c r="B46837" s="14" t="s">
        <v>1</v>
      </c>
      <c r="C46837" s="14" t="s">
        <v>47</v>
      </c>
      <c r="D46837" s="14" t="s">
        <v>269</v>
      </c>
      <c r="E46837" s="15">
        <v>45493</v>
      </c>
      <c r="F46837" s="14" t="s">
        <v>53</v>
      </c>
      <c r="G46837" s="16">
        <v>0</v>
      </c>
    </row>
    <row r="46838" spans="1:7" x14ac:dyDescent="0.3">
      <c r="A46838" s="13" t="s">
        <v>268</v>
      </c>
      <c r="B46838" s="14" t="s">
        <v>1</v>
      </c>
      <c r="C46838" s="14" t="s">
        <v>47</v>
      </c>
      <c r="D46838" s="14" t="s">
        <v>269</v>
      </c>
      <c r="E46838" s="15">
        <v>45494</v>
      </c>
      <c r="F46838" s="14" t="s">
        <v>53</v>
      </c>
      <c r="G46838" s="16">
        <v>0</v>
      </c>
    </row>
    <row r="46839" spans="1:7" x14ac:dyDescent="0.3">
      <c r="A46839" s="13" t="s">
        <v>268</v>
      </c>
      <c r="B46839" s="14" t="s">
        <v>1</v>
      </c>
      <c r="C46839" s="14" t="s">
        <v>47</v>
      </c>
      <c r="D46839" s="14" t="s">
        <v>269</v>
      </c>
      <c r="E46839" s="15">
        <v>45495</v>
      </c>
      <c r="F46839" s="14" t="s">
        <v>53</v>
      </c>
      <c r="G46839" s="16">
        <v>0</v>
      </c>
    </row>
    <row r="46840" spans="1:7" x14ac:dyDescent="0.3">
      <c r="A46840" s="13" t="s">
        <v>268</v>
      </c>
      <c r="B46840" s="14" t="s">
        <v>1</v>
      </c>
      <c r="C46840" s="14" t="s">
        <v>47</v>
      </c>
      <c r="D46840" s="14" t="s">
        <v>269</v>
      </c>
      <c r="E46840" s="15">
        <v>45496</v>
      </c>
      <c r="F46840" s="14" t="s">
        <v>53</v>
      </c>
      <c r="G46840" s="16">
        <v>0</v>
      </c>
    </row>
    <row r="46841" spans="1:7" x14ac:dyDescent="0.3">
      <c r="A46841" s="13" t="s">
        <v>268</v>
      </c>
      <c r="B46841" s="14" t="s">
        <v>1</v>
      </c>
      <c r="C46841" s="14" t="s">
        <v>47</v>
      </c>
      <c r="D46841" s="14" t="s">
        <v>269</v>
      </c>
      <c r="E46841" s="15">
        <v>45497</v>
      </c>
      <c r="F46841" s="14" t="s">
        <v>53</v>
      </c>
      <c r="G46841" s="16">
        <v>0</v>
      </c>
    </row>
    <row r="46842" spans="1:7" x14ac:dyDescent="0.3">
      <c r="A46842" s="13" t="s">
        <v>268</v>
      </c>
      <c r="B46842" s="14" t="s">
        <v>1</v>
      </c>
      <c r="C46842" s="14" t="s">
        <v>47</v>
      </c>
      <c r="D46842" s="14" t="s">
        <v>269</v>
      </c>
      <c r="E46842" s="15">
        <v>45498</v>
      </c>
      <c r="F46842" s="14" t="s">
        <v>53</v>
      </c>
      <c r="G46842" s="16">
        <v>0</v>
      </c>
    </row>
    <row r="46843" spans="1:7" x14ac:dyDescent="0.3">
      <c r="A46843" s="13" t="s">
        <v>268</v>
      </c>
      <c r="B46843" s="14" t="s">
        <v>1</v>
      </c>
      <c r="C46843" s="14" t="s">
        <v>47</v>
      </c>
      <c r="D46843" s="14" t="s">
        <v>269</v>
      </c>
      <c r="E46843" s="15">
        <v>45499</v>
      </c>
      <c r="F46843" s="14" t="s">
        <v>53</v>
      </c>
      <c r="G46843" s="16">
        <v>0</v>
      </c>
    </row>
    <row r="46844" spans="1:7" x14ac:dyDescent="0.3">
      <c r="A46844" s="13" t="s">
        <v>268</v>
      </c>
      <c r="B46844" s="14" t="s">
        <v>1</v>
      </c>
      <c r="C46844" s="14" t="s">
        <v>47</v>
      </c>
      <c r="D46844" s="14" t="s">
        <v>269</v>
      </c>
      <c r="E46844" s="15">
        <v>45500</v>
      </c>
      <c r="F46844" s="14" t="s">
        <v>53</v>
      </c>
      <c r="G46844" s="16">
        <v>0</v>
      </c>
    </row>
    <row r="46845" spans="1:7" x14ac:dyDescent="0.3">
      <c r="A46845" s="13" t="s">
        <v>268</v>
      </c>
      <c r="B46845" s="14" t="s">
        <v>1</v>
      </c>
      <c r="C46845" s="14" t="s">
        <v>47</v>
      </c>
      <c r="D46845" s="14" t="s">
        <v>269</v>
      </c>
      <c r="E46845" s="15">
        <v>45501</v>
      </c>
      <c r="F46845" s="14" t="s">
        <v>53</v>
      </c>
      <c r="G46845" s="16">
        <v>0</v>
      </c>
    </row>
    <row r="46846" spans="1:7" x14ac:dyDescent="0.3">
      <c r="A46846" s="13" t="s">
        <v>268</v>
      </c>
      <c r="B46846" s="14" t="s">
        <v>1</v>
      </c>
      <c r="C46846" s="14" t="s">
        <v>47</v>
      </c>
      <c r="D46846" s="14" t="s">
        <v>269</v>
      </c>
      <c r="E46846" s="15">
        <v>45502</v>
      </c>
      <c r="F46846" s="14" t="s">
        <v>53</v>
      </c>
      <c r="G46846" s="16">
        <v>0</v>
      </c>
    </row>
    <row r="46847" spans="1:7" x14ac:dyDescent="0.3">
      <c r="A46847" s="13" t="s">
        <v>268</v>
      </c>
      <c r="B46847" s="14" t="s">
        <v>1</v>
      </c>
      <c r="C46847" s="14" t="s">
        <v>47</v>
      </c>
      <c r="D46847" s="14" t="s">
        <v>269</v>
      </c>
      <c r="E46847" s="15">
        <v>45503</v>
      </c>
      <c r="F46847" s="14" t="s">
        <v>53</v>
      </c>
      <c r="G46847" s="16">
        <v>0</v>
      </c>
    </row>
    <row r="46848" spans="1:7" x14ac:dyDescent="0.3">
      <c r="A46848" s="13" t="s">
        <v>268</v>
      </c>
      <c r="B46848" s="14" t="s">
        <v>1</v>
      </c>
      <c r="C46848" s="14" t="s">
        <v>47</v>
      </c>
      <c r="D46848" s="14" t="s">
        <v>269</v>
      </c>
      <c r="E46848" s="15">
        <v>45504</v>
      </c>
      <c r="F46848" s="14" t="s">
        <v>53</v>
      </c>
      <c r="G46848" s="16">
        <v>0</v>
      </c>
    </row>
    <row r="46849" spans="1:7" x14ac:dyDescent="0.3">
      <c r="A46849" s="13" t="s">
        <v>268</v>
      </c>
      <c r="B46849" s="14" t="s">
        <v>1</v>
      </c>
      <c r="C46849" s="14" t="s">
        <v>47</v>
      </c>
      <c r="D46849" s="14" t="s">
        <v>269</v>
      </c>
      <c r="E46849" s="15">
        <v>45505</v>
      </c>
      <c r="F46849" s="14" t="s">
        <v>53</v>
      </c>
      <c r="G46849" s="16">
        <v>0</v>
      </c>
    </row>
    <row r="46850" spans="1:7" x14ac:dyDescent="0.3">
      <c r="A46850" s="13" t="s">
        <v>268</v>
      </c>
      <c r="B46850" s="14" t="s">
        <v>1</v>
      </c>
      <c r="C46850" s="14" t="s">
        <v>47</v>
      </c>
      <c r="D46850" s="14" t="s">
        <v>269</v>
      </c>
      <c r="E46850" s="15">
        <v>45506</v>
      </c>
      <c r="F46850" s="14" t="s">
        <v>53</v>
      </c>
      <c r="G46850" s="16">
        <v>0</v>
      </c>
    </row>
    <row r="46851" spans="1:7" x14ac:dyDescent="0.3">
      <c r="A46851" s="13" t="s">
        <v>268</v>
      </c>
      <c r="B46851" s="14" t="s">
        <v>1</v>
      </c>
      <c r="C46851" s="14" t="s">
        <v>47</v>
      </c>
      <c r="D46851" s="14" t="s">
        <v>269</v>
      </c>
      <c r="E46851" s="15">
        <v>45507</v>
      </c>
      <c r="F46851" s="14" t="s">
        <v>53</v>
      </c>
      <c r="G46851" s="16">
        <v>0</v>
      </c>
    </row>
    <row r="46852" spans="1:7" x14ac:dyDescent="0.3">
      <c r="A46852" s="13" t="s">
        <v>268</v>
      </c>
      <c r="B46852" s="14" t="s">
        <v>1</v>
      </c>
      <c r="C46852" s="14" t="s">
        <v>47</v>
      </c>
      <c r="D46852" s="14" t="s">
        <v>269</v>
      </c>
      <c r="E46852" s="15">
        <v>45508</v>
      </c>
      <c r="F46852" s="14" t="s">
        <v>53</v>
      </c>
      <c r="G46852" s="16">
        <v>0</v>
      </c>
    </row>
    <row r="46853" spans="1:7" x14ac:dyDescent="0.3">
      <c r="A46853" s="13" t="s">
        <v>268</v>
      </c>
      <c r="B46853" s="14" t="s">
        <v>1</v>
      </c>
      <c r="C46853" s="14" t="s">
        <v>47</v>
      </c>
      <c r="D46853" s="14" t="s">
        <v>269</v>
      </c>
      <c r="E46853" s="15">
        <v>45509</v>
      </c>
      <c r="F46853" s="14" t="s">
        <v>53</v>
      </c>
      <c r="G46853" s="16">
        <v>0</v>
      </c>
    </row>
    <row r="46854" spans="1:7" x14ac:dyDescent="0.3">
      <c r="A46854" s="13" t="s">
        <v>268</v>
      </c>
      <c r="B46854" s="14" t="s">
        <v>1</v>
      </c>
      <c r="C46854" s="14" t="s">
        <v>47</v>
      </c>
      <c r="D46854" s="14" t="s">
        <v>269</v>
      </c>
      <c r="E46854" s="15">
        <v>45510</v>
      </c>
      <c r="F46854" s="14" t="s">
        <v>53</v>
      </c>
      <c r="G46854" s="16">
        <v>0</v>
      </c>
    </row>
    <row r="46855" spans="1:7" x14ac:dyDescent="0.3">
      <c r="A46855" s="13" t="s">
        <v>268</v>
      </c>
      <c r="B46855" s="14" t="s">
        <v>1</v>
      </c>
      <c r="C46855" s="14" t="s">
        <v>47</v>
      </c>
      <c r="D46855" s="14" t="s">
        <v>269</v>
      </c>
      <c r="E46855" s="15">
        <v>45511</v>
      </c>
      <c r="F46855" s="14" t="s">
        <v>53</v>
      </c>
      <c r="G46855" s="16">
        <v>0</v>
      </c>
    </row>
    <row r="46856" spans="1:7" x14ac:dyDescent="0.3">
      <c r="A46856" s="13" t="s">
        <v>268</v>
      </c>
      <c r="B46856" s="14" t="s">
        <v>1</v>
      </c>
      <c r="C46856" s="14" t="s">
        <v>47</v>
      </c>
      <c r="D46856" s="14" t="s">
        <v>269</v>
      </c>
      <c r="E46856" s="15">
        <v>45512</v>
      </c>
      <c r="F46856" s="14" t="s">
        <v>53</v>
      </c>
      <c r="G46856" s="16">
        <v>0</v>
      </c>
    </row>
    <row r="46857" spans="1:7" x14ac:dyDescent="0.3">
      <c r="A46857" s="13" t="s">
        <v>268</v>
      </c>
      <c r="B46857" s="14" t="s">
        <v>1</v>
      </c>
      <c r="C46857" s="14" t="s">
        <v>47</v>
      </c>
      <c r="D46857" s="14" t="s">
        <v>269</v>
      </c>
      <c r="E46857" s="15">
        <v>45513</v>
      </c>
      <c r="F46857" s="14" t="s">
        <v>53</v>
      </c>
      <c r="G46857" s="16">
        <v>0</v>
      </c>
    </row>
    <row r="46858" spans="1:7" x14ac:dyDescent="0.3">
      <c r="A46858" s="13" t="s">
        <v>268</v>
      </c>
      <c r="B46858" s="14" t="s">
        <v>1</v>
      </c>
      <c r="C46858" s="14" t="s">
        <v>47</v>
      </c>
      <c r="D46858" s="14" t="s">
        <v>269</v>
      </c>
      <c r="E46858" s="15">
        <v>45514</v>
      </c>
      <c r="F46858" s="14" t="s">
        <v>53</v>
      </c>
      <c r="G46858" s="16">
        <v>0</v>
      </c>
    </row>
    <row r="46859" spans="1:7" x14ac:dyDescent="0.3">
      <c r="A46859" s="13" t="s">
        <v>268</v>
      </c>
      <c r="B46859" s="14" t="s">
        <v>1</v>
      </c>
      <c r="C46859" s="14" t="s">
        <v>47</v>
      </c>
      <c r="D46859" s="14" t="s">
        <v>269</v>
      </c>
      <c r="E46859" s="15">
        <v>45515</v>
      </c>
      <c r="F46859" s="14" t="s">
        <v>53</v>
      </c>
      <c r="G46859" s="16">
        <v>0</v>
      </c>
    </row>
    <row r="46860" spans="1:7" x14ac:dyDescent="0.3">
      <c r="A46860" s="13" t="s">
        <v>268</v>
      </c>
      <c r="B46860" s="14" t="s">
        <v>1</v>
      </c>
      <c r="C46860" s="14" t="s">
        <v>47</v>
      </c>
      <c r="D46860" s="14" t="s">
        <v>269</v>
      </c>
      <c r="E46860" s="15">
        <v>45516</v>
      </c>
      <c r="F46860" s="14" t="s">
        <v>53</v>
      </c>
      <c r="G46860" s="16">
        <v>0</v>
      </c>
    </row>
    <row r="46861" spans="1:7" x14ac:dyDescent="0.3">
      <c r="A46861" s="13" t="s">
        <v>268</v>
      </c>
      <c r="B46861" s="14" t="s">
        <v>1</v>
      </c>
      <c r="C46861" s="14" t="s">
        <v>47</v>
      </c>
      <c r="D46861" s="14" t="s">
        <v>269</v>
      </c>
      <c r="E46861" s="15">
        <v>45517</v>
      </c>
      <c r="F46861" s="14" t="s">
        <v>53</v>
      </c>
      <c r="G46861" s="16">
        <v>0</v>
      </c>
    </row>
    <row r="46862" spans="1:7" x14ac:dyDescent="0.3">
      <c r="A46862" s="13" t="s">
        <v>268</v>
      </c>
      <c r="B46862" s="14" t="s">
        <v>1</v>
      </c>
      <c r="C46862" s="14" t="s">
        <v>47</v>
      </c>
      <c r="D46862" s="14" t="s">
        <v>269</v>
      </c>
      <c r="E46862" s="15">
        <v>45518</v>
      </c>
      <c r="F46862" s="14" t="s">
        <v>53</v>
      </c>
      <c r="G46862" s="16">
        <v>0</v>
      </c>
    </row>
    <row r="46863" spans="1:7" x14ac:dyDescent="0.3">
      <c r="A46863" s="13" t="s">
        <v>268</v>
      </c>
      <c r="B46863" s="14" t="s">
        <v>1</v>
      </c>
      <c r="C46863" s="14" t="s">
        <v>47</v>
      </c>
      <c r="D46863" s="14" t="s">
        <v>269</v>
      </c>
      <c r="E46863" s="15">
        <v>45519</v>
      </c>
      <c r="F46863" s="14" t="s">
        <v>53</v>
      </c>
      <c r="G46863" s="16">
        <v>0</v>
      </c>
    </row>
    <row r="46864" spans="1:7" x14ac:dyDescent="0.3">
      <c r="A46864" s="13" t="s">
        <v>268</v>
      </c>
      <c r="B46864" s="14" t="s">
        <v>1</v>
      </c>
      <c r="C46864" s="14" t="s">
        <v>47</v>
      </c>
      <c r="D46864" s="14" t="s">
        <v>269</v>
      </c>
      <c r="E46864" s="15">
        <v>45520</v>
      </c>
      <c r="F46864" s="14" t="s">
        <v>53</v>
      </c>
      <c r="G46864" s="16">
        <v>0</v>
      </c>
    </row>
    <row r="46865" spans="1:7" x14ac:dyDescent="0.3">
      <c r="A46865" s="13" t="s">
        <v>268</v>
      </c>
      <c r="B46865" s="14" t="s">
        <v>1</v>
      </c>
      <c r="C46865" s="14" t="s">
        <v>47</v>
      </c>
      <c r="D46865" s="14" t="s">
        <v>269</v>
      </c>
      <c r="E46865" s="15">
        <v>45521</v>
      </c>
      <c r="F46865" s="14" t="s">
        <v>53</v>
      </c>
      <c r="G46865" s="16">
        <v>0</v>
      </c>
    </row>
    <row r="46866" spans="1:7" x14ac:dyDescent="0.3">
      <c r="A46866" s="13" t="s">
        <v>268</v>
      </c>
      <c r="B46866" s="14" t="s">
        <v>1</v>
      </c>
      <c r="C46866" s="14" t="s">
        <v>47</v>
      </c>
      <c r="D46866" s="14" t="s">
        <v>269</v>
      </c>
      <c r="E46866" s="15">
        <v>45522</v>
      </c>
      <c r="F46866" s="14" t="s">
        <v>53</v>
      </c>
      <c r="G46866" s="16">
        <v>0</v>
      </c>
    </row>
    <row r="46867" spans="1:7" x14ac:dyDescent="0.3">
      <c r="A46867" s="13" t="s">
        <v>268</v>
      </c>
      <c r="B46867" s="14" t="s">
        <v>1</v>
      </c>
      <c r="C46867" s="14" t="s">
        <v>47</v>
      </c>
      <c r="D46867" s="14" t="s">
        <v>269</v>
      </c>
      <c r="E46867" s="15">
        <v>45523</v>
      </c>
      <c r="F46867" s="14" t="s">
        <v>53</v>
      </c>
      <c r="G46867" s="16">
        <v>0</v>
      </c>
    </row>
    <row r="46868" spans="1:7" x14ac:dyDescent="0.3">
      <c r="A46868" s="13" t="s">
        <v>268</v>
      </c>
      <c r="B46868" s="14" t="s">
        <v>1</v>
      </c>
      <c r="C46868" s="14" t="s">
        <v>47</v>
      </c>
      <c r="D46868" s="14" t="s">
        <v>269</v>
      </c>
      <c r="E46868" s="15">
        <v>45524</v>
      </c>
      <c r="F46868" s="14" t="s">
        <v>53</v>
      </c>
      <c r="G46868" s="16">
        <v>0</v>
      </c>
    </row>
    <row r="46869" spans="1:7" x14ac:dyDescent="0.3">
      <c r="A46869" s="13" t="s">
        <v>268</v>
      </c>
      <c r="B46869" s="14" t="s">
        <v>1</v>
      </c>
      <c r="C46869" s="14" t="s">
        <v>47</v>
      </c>
      <c r="D46869" s="14" t="s">
        <v>269</v>
      </c>
      <c r="E46869" s="15">
        <v>45525</v>
      </c>
      <c r="F46869" s="14" t="s">
        <v>53</v>
      </c>
      <c r="G46869" s="16">
        <v>0</v>
      </c>
    </row>
    <row r="46870" spans="1:7" x14ac:dyDescent="0.3">
      <c r="A46870" s="13" t="s">
        <v>268</v>
      </c>
      <c r="B46870" s="14" t="s">
        <v>1</v>
      </c>
      <c r="C46870" s="14" t="s">
        <v>47</v>
      </c>
      <c r="D46870" s="14" t="s">
        <v>269</v>
      </c>
      <c r="E46870" s="15">
        <v>45526</v>
      </c>
      <c r="F46870" s="14" t="s">
        <v>53</v>
      </c>
      <c r="G46870" s="16">
        <v>0</v>
      </c>
    </row>
    <row r="46871" spans="1:7" x14ac:dyDescent="0.3">
      <c r="A46871" s="13" t="s">
        <v>268</v>
      </c>
      <c r="B46871" s="14" t="s">
        <v>1</v>
      </c>
      <c r="C46871" s="14" t="s">
        <v>47</v>
      </c>
      <c r="D46871" s="14" t="s">
        <v>269</v>
      </c>
      <c r="E46871" s="15">
        <v>45527</v>
      </c>
      <c r="F46871" s="14" t="s">
        <v>53</v>
      </c>
      <c r="G46871" s="16">
        <v>0</v>
      </c>
    </row>
    <row r="46872" spans="1:7" x14ac:dyDescent="0.3">
      <c r="A46872" s="13" t="s">
        <v>268</v>
      </c>
      <c r="B46872" s="14" t="s">
        <v>1</v>
      </c>
      <c r="C46872" s="14" t="s">
        <v>47</v>
      </c>
      <c r="D46872" s="14" t="s">
        <v>269</v>
      </c>
      <c r="E46872" s="15">
        <v>45528</v>
      </c>
      <c r="F46872" s="14" t="s">
        <v>53</v>
      </c>
      <c r="G46872" s="16">
        <v>0</v>
      </c>
    </row>
    <row r="46873" spans="1:7" x14ac:dyDescent="0.3">
      <c r="A46873" s="13" t="s">
        <v>268</v>
      </c>
      <c r="B46873" s="14" t="s">
        <v>1</v>
      </c>
      <c r="C46873" s="14" t="s">
        <v>47</v>
      </c>
      <c r="D46873" s="14" t="s">
        <v>269</v>
      </c>
      <c r="E46873" s="15">
        <v>45529</v>
      </c>
      <c r="F46873" s="14" t="s">
        <v>53</v>
      </c>
      <c r="G46873" s="16">
        <v>0</v>
      </c>
    </row>
    <row r="46874" spans="1:7" x14ac:dyDescent="0.3">
      <c r="A46874" s="13" t="s">
        <v>268</v>
      </c>
      <c r="B46874" s="14" t="s">
        <v>1</v>
      </c>
      <c r="C46874" s="14" t="s">
        <v>47</v>
      </c>
      <c r="D46874" s="14" t="s">
        <v>269</v>
      </c>
      <c r="E46874" s="15">
        <v>45530</v>
      </c>
      <c r="F46874" s="14" t="s">
        <v>53</v>
      </c>
      <c r="G46874" s="16">
        <v>0</v>
      </c>
    </row>
    <row r="46875" spans="1:7" x14ac:dyDescent="0.3">
      <c r="A46875" s="13" t="s">
        <v>268</v>
      </c>
      <c r="B46875" s="14" t="s">
        <v>1</v>
      </c>
      <c r="C46875" s="14" t="s">
        <v>47</v>
      </c>
      <c r="D46875" s="14" t="s">
        <v>269</v>
      </c>
      <c r="E46875" s="15">
        <v>45531</v>
      </c>
      <c r="F46875" s="14" t="s">
        <v>53</v>
      </c>
      <c r="G46875" s="16">
        <v>0</v>
      </c>
    </row>
    <row r="46876" spans="1:7" x14ac:dyDescent="0.3">
      <c r="A46876" s="13" t="s">
        <v>268</v>
      </c>
      <c r="B46876" s="14" t="s">
        <v>1</v>
      </c>
      <c r="C46876" s="14" t="s">
        <v>47</v>
      </c>
      <c r="D46876" s="14" t="s">
        <v>269</v>
      </c>
      <c r="E46876" s="15">
        <v>45532</v>
      </c>
      <c r="F46876" s="14" t="s">
        <v>53</v>
      </c>
      <c r="G46876" s="16">
        <v>0</v>
      </c>
    </row>
    <row r="46877" spans="1:7" x14ac:dyDescent="0.3">
      <c r="A46877" s="13" t="s">
        <v>268</v>
      </c>
      <c r="B46877" s="14" t="s">
        <v>1</v>
      </c>
      <c r="C46877" s="14" t="s">
        <v>47</v>
      </c>
      <c r="D46877" s="14" t="s">
        <v>269</v>
      </c>
      <c r="E46877" s="15">
        <v>45533</v>
      </c>
      <c r="F46877" s="14" t="s">
        <v>53</v>
      </c>
      <c r="G46877" s="16">
        <v>0</v>
      </c>
    </row>
    <row r="46878" spans="1:7" x14ac:dyDescent="0.3">
      <c r="A46878" s="13" t="s">
        <v>268</v>
      </c>
      <c r="B46878" s="14" t="s">
        <v>1</v>
      </c>
      <c r="C46878" s="14" t="s">
        <v>47</v>
      </c>
      <c r="D46878" s="14" t="s">
        <v>269</v>
      </c>
      <c r="E46878" s="15">
        <v>45534</v>
      </c>
      <c r="F46878" s="14" t="s">
        <v>53</v>
      </c>
      <c r="G46878" s="16">
        <v>0</v>
      </c>
    </row>
    <row r="46879" spans="1:7" x14ac:dyDescent="0.3">
      <c r="A46879" s="13" t="s">
        <v>268</v>
      </c>
      <c r="B46879" s="14" t="s">
        <v>1</v>
      </c>
      <c r="C46879" s="14" t="s">
        <v>47</v>
      </c>
      <c r="D46879" s="14" t="s">
        <v>269</v>
      </c>
      <c r="E46879" s="15">
        <v>45535</v>
      </c>
      <c r="F46879" s="14" t="s">
        <v>53</v>
      </c>
      <c r="G46879" s="16">
        <v>0</v>
      </c>
    </row>
    <row r="46880" spans="1:7" x14ac:dyDescent="0.3">
      <c r="A46880" s="13" t="s">
        <v>268</v>
      </c>
      <c r="B46880" s="14" t="s">
        <v>1</v>
      </c>
      <c r="C46880" s="14" t="s">
        <v>47</v>
      </c>
      <c r="D46880" s="14" t="s">
        <v>269</v>
      </c>
      <c r="E46880" s="15">
        <v>45536</v>
      </c>
      <c r="F46880" s="14" t="s">
        <v>53</v>
      </c>
      <c r="G46880" s="16">
        <v>0</v>
      </c>
    </row>
    <row r="46881" spans="1:7" x14ac:dyDescent="0.3">
      <c r="A46881" s="13" t="s">
        <v>268</v>
      </c>
      <c r="B46881" s="14" t="s">
        <v>1</v>
      </c>
      <c r="C46881" s="14" t="s">
        <v>47</v>
      </c>
      <c r="D46881" s="14" t="s">
        <v>269</v>
      </c>
      <c r="E46881" s="15">
        <v>45537</v>
      </c>
      <c r="F46881" s="14" t="s">
        <v>53</v>
      </c>
      <c r="G46881" s="16">
        <v>0</v>
      </c>
    </row>
    <row r="46882" spans="1:7" x14ac:dyDescent="0.3">
      <c r="A46882" s="13" t="s">
        <v>268</v>
      </c>
      <c r="B46882" s="14" t="s">
        <v>1</v>
      </c>
      <c r="C46882" s="14" t="s">
        <v>47</v>
      </c>
      <c r="D46882" s="14" t="s">
        <v>269</v>
      </c>
      <c r="E46882" s="15">
        <v>45538</v>
      </c>
      <c r="F46882" s="14" t="s">
        <v>53</v>
      </c>
      <c r="G46882" s="16">
        <v>0</v>
      </c>
    </row>
    <row r="46883" spans="1:7" x14ac:dyDescent="0.3">
      <c r="A46883" s="13" t="s">
        <v>268</v>
      </c>
      <c r="B46883" s="14" t="s">
        <v>1</v>
      </c>
      <c r="C46883" s="14" t="s">
        <v>47</v>
      </c>
      <c r="D46883" s="14" t="s">
        <v>269</v>
      </c>
      <c r="E46883" s="15">
        <v>45539</v>
      </c>
      <c r="F46883" s="14" t="s">
        <v>53</v>
      </c>
      <c r="G46883" s="16">
        <v>0</v>
      </c>
    </row>
    <row r="46884" spans="1:7" x14ac:dyDescent="0.3">
      <c r="A46884" s="13" t="s">
        <v>268</v>
      </c>
      <c r="B46884" s="14" t="s">
        <v>1</v>
      </c>
      <c r="C46884" s="14" t="s">
        <v>47</v>
      </c>
      <c r="D46884" s="14" t="s">
        <v>269</v>
      </c>
      <c r="E46884" s="15">
        <v>45540</v>
      </c>
      <c r="F46884" s="14" t="s">
        <v>53</v>
      </c>
      <c r="G46884" s="16">
        <v>0</v>
      </c>
    </row>
    <row r="46885" spans="1:7" x14ac:dyDescent="0.3">
      <c r="A46885" s="13" t="s">
        <v>268</v>
      </c>
      <c r="B46885" s="14" t="s">
        <v>1</v>
      </c>
      <c r="C46885" s="14" t="s">
        <v>47</v>
      </c>
      <c r="D46885" s="14" t="s">
        <v>269</v>
      </c>
      <c r="E46885" s="15">
        <v>45541</v>
      </c>
      <c r="F46885" s="14" t="s">
        <v>53</v>
      </c>
      <c r="G46885" s="16">
        <v>0</v>
      </c>
    </row>
    <row r="46886" spans="1:7" x14ac:dyDescent="0.3">
      <c r="A46886" s="13" t="s">
        <v>268</v>
      </c>
      <c r="B46886" s="14" t="s">
        <v>1</v>
      </c>
      <c r="C46886" s="14" t="s">
        <v>47</v>
      </c>
      <c r="D46886" s="14" t="s">
        <v>269</v>
      </c>
      <c r="E46886" s="15">
        <v>45542</v>
      </c>
      <c r="F46886" s="14" t="s">
        <v>53</v>
      </c>
      <c r="G46886" s="16">
        <v>0</v>
      </c>
    </row>
    <row r="46887" spans="1:7" x14ac:dyDescent="0.3">
      <c r="A46887" s="13" t="s">
        <v>268</v>
      </c>
      <c r="B46887" s="14" t="s">
        <v>1</v>
      </c>
      <c r="C46887" s="14" t="s">
        <v>47</v>
      </c>
      <c r="D46887" s="14" t="s">
        <v>269</v>
      </c>
      <c r="E46887" s="15">
        <v>45543</v>
      </c>
      <c r="F46887" s="14" t="s">
        <v>53</v>
      </c>
      <c r="G46887" s="16">
        <v>0</v>
      </c>
    </row>
    <row r="46888" spans="1:7" x14ac:dyDescent="0.3">
      <c r="A46888" s="13" t="s">
        <v>268</v>
      </c>
      <c r="B46888" s="14" t="s">
        <v>1</v>
      </c>
      <c r="C46888" s="14" t="s">
        <v>47</v>
      </c>
      <c r="D46888" s="14" t="s">
        <v>269</v>
      </c>
      <c r="E46888" s="15">
        <v>45544</v>
      </c>
      <c r="F46888" s="14" t="s">
        <v>53</v>
      </c>
      <c r="G46888" s="16">
        <v>0</v>
      </c>
    </row>
    <row r="46889" spans="1:7" x14ac:dyDescent="0.3">
      <c r="A46889" s="13" t="s">
        <v>268</v>
      </c>
      <c r="B46889" s="14" t="s">
        <v>1</v>
      </c>
      <c r="C46889" s="14" t="s">
        <v>47</v>
      </c>
      <c r="D46889" s="14" t="s">
        <v>269</v>
      </c>
      <c r="E46889" s="15">
        <v>45545</v>
      </c>
      <c r="F46889" s="14" t="s">
        <v>53</v>
      </c>
      <c r="G46889" s="16">
        <v>0</v>
      </c>
    </row>
    <row r="46890" spans="1:7" x14ac:dyDescent="0.3">
      <c r="A46890" s="13" t="s">
        <v>268</v>
      </c>
      <c r="B46890" s="14" t="s">
        <v>1</v>
      </c>
      <c r="C46890" s="14" t="s">
        <v>47</v>
      </c>
      <c r="D46890" s="14" t="s">
        <v>269</v>
      </c>
      <c r="E46890" s="15">
        <v>45546</v>
      </c>
      <c r="F46890" s="14" t="s">
        <v>53</v>
      </c>
      <c r="G46890" s="16">
        <v>0</v>
      </c>
    </row>
    <row r="46891" spans="1:7" x14ac:dyDescent="0.3">
      <c r="A46891" s="13" t="s">
        <v>268</v>
      </c>
      <c r="B46891" s="14" t="s">
        <v>1</v>
      </c>
      <c r="C46891" s="14" t="s">
        <v>47</v>
      </c>
      <c r="D46891" s="14" t="s">
        <v>269</v>
      </c>
      <c r="E46891" s="15">
        <v>45547</v>
      </c>
      <c r="F46891" s="14" t="s">
        <v>53</v>
      </c>
      <c r="G46891" s="16">
        <v>0</v>
      </c>
    </row>
    <row r="46892" spans="1:7" x14ac:dyDescent="0.3">
      <c r="A46892" s="13" t="s">
        <v>268</v>
      </c>
      <c r="B46892" s="14" t="s">
        <v>1</v>
      </c>
      <c r="C46892" s="14" t="s">
        <v>47</v>
      </c>
      <c r="D46892" s="14" t="s">
        <v>269</v>
      </c>
      <c r="E46892" s="15">
        <v>45548</v>
      </c>
      <c r="F46892" s="14" t="s">
        <v>53</v>
      </c>
      <c r="G46892" s="16">
        <v>0</v>
      </c>
    </row>
    <row r="46893" spans="1:7" x14ac:dyDescent="0.3">
      <c r="A46893" s="13" t="s">
        <v>268</v>
      </c>
      <c r="B46893" s="14" t="s">
        <v>1</v>
      </c>
      <c r="C46893" s="14" t="s">
        <v>47</v>
      </c>
      <c r="D46893" s="14" t="s">
        <v>269</v>
      </c>
      <c r="E46893" s="15">
        <v>45549</v>
      </c>
      <c r="F46893" s="14" t="s">
        <v>53</v>
      </c>
      <c r="G46893" s="16">
        <v>0</v>
      </c>
    </row>
    <row r="46894" spans="1:7" x14ac:dyDescent="0.3">
      <c r="A46894" s="13" t="s">
        <v>268</v>
      </c>
      <c r="B46894" s="14" t="s">
        <v>1</v>
      </c>
      <c r="C46894" s="14" t="s">
        <v>47</v>
      </c>
      <c r="D46894" s="14" t="s">
        <v>269</v>
      </c>
      <c r="E46894" s="15">
        <v>45550</v>
      </c>
      <c r="F46894" s="14" t="s">
        <v>53</v>
      </c>
      <c r="G46894" s="16">
        <v>0</v>
      </c>
    </row>
    <row r="46895" spans="1:7" x14ac:dyDescent="0.3">
      <c r="A46895" s="13" t="s">
        <v>268</v>
      </c>
      <c r="B46895" s="14" t="s">
        <v>1</v>
      </c>
      <c r="C46895" s="14" t="s">
        <v>47</v>
      </c>
      <c r="D46895" s="14" t="s">
        <v>269</v>
      </c>
      <c r="E46895" s="15">
        <v>45551</v>
      </c>
      <c r="F46895" s="14" t="s">
        <v>53</v>
      </c>
      <c r="G46895" s="16">
        <v>0</v>
      </c>
    </row>
    <row r="46896" spans="1:7" x14ac:dyDescent="0.3">
      <c r="A46896" s="13" t="s">
        <v>268</v>
      </c>
      <c r="B46896" s="14" t="s">
        <v>1</v>
      </c>
      <c r="C46896" s="14" t="s">
        <v>47</v>
      </c>
      <c r="D46896" s="14" t="s">
        <v>269</v>
      </c>
      <c r="E46896" s="15">
        <v>45552</v>
      </c>
      <c r="F46896" s="14" t="s">
        <v>53</v>
      </c>
      <c r="G46896" s="16">
        <v>0</v>
      </c>
    </row>
    <row r="46897" spans="1:7" x14ac:dyDescent="0.3">
      <c r="A46897" s="13" t="s">
        <v>268</v>
      </c>
      <c r="B46897" s="14" t="s">
        <v>1</v>
      </c>
      <c r="C46897" s="14" t="s">
        <v>47</v>
      </c>
      <c r="D46897" s="14" t="s">
        <v>269</v>
      </c>
      <c r="E46897" s="15">
        <v>45553</v>
      </c>
      <c r="F46897" s="14" t="s">
        <v>53</v>
      </c>
      <c r="G46897" s="16">
        <v>0</v>
      </c>
    </row>
    <row r="46898" spans="1:7" x14ac:dyDescent="0.3">
      <c r="A46898" s="13" t="s">
        <v>268</v>
      </c>
      <c r="B46898" s="14" t="s">
        <v>1</v>
      </c>
      <c r="C46898" s="14" t="s">
        <v>47</v>
      </c>
      <c r="D46898" s="14" t="s">
        <v>269</v>
      </c>
      <c r="E46898" s="15">
        <v>45554</v>
      </c>
      <c r="F46898" s="14" t="s">
        <v>53</v>
      </c>
      <c r="G46898" s="16">
        <v>0</v>
      </c>
    </row>
    <row r="46899" spans="1:7" x14ac:dyDescent="0.3">
      <c r="A46899" s="13" t="s">
        <v>268</v>
      </c>
      <c r="B46899" s="14" t="s">
        <v>1</v>
      </c>
      <c r="C46899" s="14" t="s">
        <v>47</v>
      </c>
      <c r="D46899" s="14" t="s">
        <v>269</v>
      </c>
      <c r="E46899" s="15">
        <v>45555</v>
      </c>
      <c r="F46899" s="14" t="s">
        <v>53</v>
      </c>
      <c r="G46899" s="16">
        <v>0</v>
      </c>
    </row>
    <row r="46900" spans="1:7" x14ac:dyDescent="0.3">
      <c r="A46900" s="13" t="s">
        <v>268</v>
      </c>
      <c r="B46900" s="14" t="s">
        <v>1</v>
      </c>
      <c r="C46900" s="14" t="s">
        <v>47</v>
      </c>
      <c r="D46900" s="14" t="s">
        <v>269</v>
      </c>
      <c r="E46900" s="15">
        <v>45556</v>
      </c>
      <c r="F46900" s="14" t="s">
        <v>53</v>
      </c>
      <c r="G46900" s="16">
        <v>0</v>
      </c>
    </row>
    <row r="46901" spans="1:7" x14ac:dyDescent="0.3">
      <c r="A46901" s="13" t="s">
        <v>268</v>
      </c>
      <c r="B46901" s="14" t="s">
        <v>1</v>
      </c>
      <c r="C46901" s="14" t="s">
        <v>47</v>
      </c>
      <c r="D46901" s="14" t="s">
        <v>269</v>
      </c>
      <c r="E46901" s="15">
        <v>45557</v>
      </c>
      <c r="F46901" s="14" t="s">
        <v>53</v>
      </c>
      <c r="G46901" s="16">
        <v>0</v>
      </c>
    </row>
    <row r="46902" spans="1:7" x14ac:dyDescent="0.3">
      <c r="A46902" s="13" t="s">
        <v>268</v>
      </c>
      <c r="B46902" s="14" t="s">
        <v>1</v>
      </c>
      <c r="C46902" s="14" t="s">
        <v>47</v>
      </c>
      <c r="D46902" s="14" t="s">
        <v>269</v>
      </c>
      <c r="E46902" s="15">
        <v>45558</v>
      </c>
      <c r="F46902" s="14" t="s">
        <v>53</v>
      </c>
      <c r="G46902" s="16">
        <v>0</v>
      </c>
    </row>
    <row r="46903" spans="1:7" x14ac:dyDescent="0.3">
      <c r="A46903" s="13" t="s">
        <v>268</v>
      </c>
      <c r="B46903" s="14" t="s">
        <v>1</v>
      </c>
      <c r="C46903" s="14" t="s">
        <v>47</v>
      </c>
      <c r="D46903" s="14" t="s">
        <v>269</v>
      </c>
      <c r="E46903" s="15">
        <v>45559</v>
      </c>
      <c r="F46903" s="14" t="s">
        <v>53</v>
      </c>
      <c r="G46903" s="16">
        <v>0</v>
      </c>
    </row>
    <row r="46904" spans="1:7" x14ac:dyDescent="0.3">
      <c r="A46904" s="13" t="s">
        <v>268</v>
      </c>
      <c r="B46904" s="14" t="s">
        <v>1</v>
      </c>
      <c r="C46904" s="14" t="s">
        <v>47</v>
      </c>
      <c r="D46904" s="14" t="s">
        <v>269</v>
      </c>
      <c r="E46904" s="15">
        <v>45560</v>
      </c>
      <c r="F46904" s="14" t="s">
        <v>53</v>
      </c>
      <c r="G46904" s="16">
        <v>0</v>
      </c>
    </row>
    <row r="46905" spans="1:7" x14ac:dyDescent="0.3">
      <c r="A46905" s="13" t="s">
        <v>268</v>
      </c>
      <c r="B46905" s="14" t="s">
        <v>1</v>
      </c>
      <c r="C46905" s="14" t="s">
        <v>47</v>
      </c>
      <c r="D46905" s="14" t="s">
        <v>269</v>
      </c>
      <c r="E46905" s="15">
        <v>45561</v>
      </c>
      <c r="F46905" s="14" t="s">
        <v>53</v>
      </c>
      <c r="G46905" s="16">
        <v>0</v>
      </c>
    </row>
    <row r="46906" spans="1:7" x14ac:dyDescent="0.3">
      <c r="A46906" s="13" t="s">
        <v>268</v>
      </c>
      <c r="B46906" s="14" t="s">
        <v>1</v>
      </c>
      <c r="C46906" s="14" t="s">
        <v>47</v>
      </c>
      <c r="D46906" s="14" t="s">
        <v>269</v>
      </c>
      <c r="E46906" s="15">
        <v>45562</v>
      </c>
      <c r="F46906" s="14" t="s">
        <v>53</v>
      </c>
      <c r="G46906" s="16">
        <v>0</v>
      </c>
    </row>
    <row r="46907" spans="1:7" x14ac:dyDescent="0.3">
      <c r="A46907" s="13" t="s">
        <v>268</v>
      </c>
      <c r="B46907" s="14" t="s">
        <v>1</v>
      </c>
      <c r="C46907" s="14" t="s">
        <v>47</v>
      </c>
      <c r="D46907" s="14" t="s">
        <v>269</v>
      </c>
      <c r="E46907" s="15">
        <v>45563</v>
      </c>
      <c r="F46907" s="14" t="s">
        <v>53</v>
      </c>
      <c r="G46907" s="16">
        <v>0</v>
      </c>
    </row>
    <row r="46908" spans="1:7" x14ac:dyDescent="0.3">
      <c r="A46908" s="13" t="s">
        <v>268</v>
      </c>
      <c r="B46908" s="14" t="s">
        <v>1</v>
      </c>
      <c r="C46908" s="14" t="s">
        <v>47</v>
      </c>
      <c r="D46908" s="14" t="s">
        <v>269</v>
      </c>
      <c r="E46908" s="15">
        <v>45564</v>
      </c>
      <c r="F46908" s="14" t="s">
        <v>53</v>
      </c>
      <c r="G46908" s="16">
        <v>0</v>
      </c>
    </row>
    <row r="46909" spans="1:7" x14ac:dyDescent="0.3">
      <c r="A46909" s="13" t="s">
        <v>268</v>
      </c>
      <c r="B46909" s="14" t="s">
        <v>1</v>
      </c>
      <c r="C46909" s="14" t="s">
        <v>47</v>
      </c>
      <c r="D46909" s="14" t="s">
        <v>269</v>
      </c>
      <c r="E46909" s="15">
        <v>45565</v>
      </c>
      <c r="F46909" s="14" t="s">
        <v>53</v>
      </c>
      <c r="G46909" s="16">
        <v>0</v>
      </c>
    </row>
    <row r="46910" spans="1:7" x14ac:dyDescent="0.3">
      <c r="A46910" s="13" t="s">
        <v>268</v>
      </c>
      <c r="B46910" s="14" t="s">
        <v>1</v>
      </c>
      <c r="C46910" s="14" t="s">
        <v>47</v>
      </c>
      <c r="D46910" s="14" t="s">
        <v>269</v>
      </c>
      <c r="E46910" s="15">
        <v>45566</v>
      </c>
      <c r="F46910" s="14" t="s">
        <v>53</v>
      </c>
      <c r="G46910" s="16">
        <v>0</v>
      </c>
    </row>
    <row r="46911" spans="1:7" x14ac:dyDescent="0.3">
      <c r="A46911" s="13" t="s">
        <v>268</v>
      </c>
      <c r="B46911" s="14" t="s">
        <v>1</v>
      </c>
      <c r="C46911" s="14" t="s">
        <v>47</v>
      </c>
      <c r="D46911" s="14" t="s">
        <v>269</v>
      </c>
      <c r="E46911" s="15">
        <v>45567</v>
      </c>
      <c r="F46911" s="14" t="s">
        <v>53</v>
      </c>
      <c r="G46911" s="16">
        <v>0</v>
      </c>
    </row>
    <row r="46912" spans="1:7" x14ac:dyDescent="0.3">
      <c r="A46912" s="13" t="s">
        <v>268</v>
      </c>
      <c r="B46912" s="14" t="s">
        <v>1</v>
      </c>
      <c r="C46912" s="14" t="s">
        <v>47</v>
      </c>
      <c r="D46912" s="14" t="s">
        <v>269</v>
      </c>
      <c r="E46912" s="15">
        <v>45568</v>
      </c>
      <c r="F46912" s="14" t="s">
        <v>53</v>
      </c>
      <c r="G46912" s="16">
        <v>0</v>
      </c>
    </row>
    <row r="46913" spans="1:7" x14ac:dyDescent="0.3">
      <c r="A46913" s="13" t="s">
        <v>268</v>
      </c>
      <c r="B46913" s="14" t="s">
        <v>1</v>
      </c>
      <c r="C46913" s="14" t="s">
        <v>47</v>
      </c>
      <c r="D46913" s="14" t="s">
        <v>269</v>
      </c>
      <c r="E46913" s="15">
        <v>45569</v>
      </c>
      <c r="F46913" s="14" t="s">
        <v>53</v>
      </c>
      <c r="G46913" s="16">
        <v>0</v>
      </c>
    </row>
    <row r="46914" spans="1:7" x14ac:dyDescent="0.3">
      <c r="A46914" s="13" t="s">
        <v>268</v>
      </c>
      <c r="B46914" s="14" t="s">
        <v>1</v>
      </c>
      <c r="C46914" s="14" t="s">
        <v>47</v>
      </c>
      <c r="D46914" s="14" t="s">
        <v>269</v>
      </c>
      <c r="E46914" s="15">
        <v>45570</v>
      </c>
      <c r="F46914" s="14" t="s">
        <v>53</v>
      </c>
      <c r="G46914" s="16">
        <v>0</v>
      </c>
    </row>
    <row r="46915" spans="1:7" x14ac:dyDescent="0.3">
      <c r="A46915" s="13" t="s">
        <v>268</v>
      </c>
      <c r="B46915" s="14" t="s">
        <v>1</v>
      </c>
      <c r="C46915" s="14" t="s">
        <v>47</v>
      </c>
      <c r="D46915" s="14" t="s">
        <v>269</v>
      </c>
      <c r="E46915" s="15">
        <v>45571</v>
      </c>
      <c r="F46915" s="14" t="s">
        <v>53</v>
      </c>
      <c r="G46915" s="16">
        <v>0</v>
      </c>
    </row>
    <row r="46916" spans="1:7" x14ac:dyDescent="0.3">
      <c r="A46916" s="13" t="s">
        <v>268</v>
      </c>
      <c r="B46916" s="14" t="s">
        <v>1</v>
      </c>
      <c r="C46916" s="14" t="s">
        <v>47</v>
      </c>
      <c r="D46916" s="14" t="s">
        <v>269</v>
      </c>
      <c r="E46916" s="15">
        <v>45572</v>
      </c>
      <c r="F46916" s="14" t="s">
        <v>53</v>
      </c>
      <c r="G46916" s="16">
        <v>0</v>
      </c>
    </row>
    <row r="46917" spans="1:7" x14ac:dyDescent="0.3">
      <c r="A46917" s="13" t="s">
        <v>268</v>
      </c>
      <c r="B46917" s="14" t="s">
        <v>1</v>
      </c>
      <c r="C46917" s="14" t="s">
        <v>47</v>
      </c>
      <c r="D46917" s="14" t="s">
        <v>269</v>
      </c>
      <c r="E46917" s="15">
        <v>45573</v>
      </c>
      <c r="F46917" s="14" t="s">
        <v>53</v>
      </c>
      <c r="G46917" s="16">
        <v>0</v>
      </c>
    </row>
    <row r="46918" spans="1:7" x14ac:dyDescent="0.3">
      <c r="A46918" s="13" t="s">
        <v>268</v>
      </c>
      <c r="B46918" s="14" t="s">
        <v>1</v>
      </c>
      <c r="C46918" s="14" t="s">
        <v>47</v>
      </c>
      <c r="D46918" s="14" t="s">
        <v>269</v>
      </c>
      <c r="E46918" s="15">
        <v>45574</v>
      </c>
      <c r="F46918" s="14" t="s">
        <v>53</v>
      </c>
      <c r="G46918" s="16">
        <v>0</v>
      </c>
    </row>
    <row r="46919" spans="1:7" x14ac:dyDescent="0.3">
      <c r="A46919" s="13" t="s">
        <v>268</v>
      </c>
      <c r="B46919" s="14" t="s">
        <v>1</v>
      </c>
      <c r="C46919" s="14" t="s">
        <v>47</v>
      </c>
      <c r="D46919" s="14" t="s">
        <v>269</v>
      </c>
      <c r="E46919" s="15">
        <v>45575</v>
      </c>
      <c r="F46919" s="14" t="s">
        <v>53</v>
      </c>
      <c r="G46919" s="16">
        <v>0</v>
      </c>
    </row>
    <row r="46920" spans="1:7" x14ac:dyDescent="0.3">
      <c r="A46920" s="13" t="s">
        <v>268</v>
      </c>
      <c r="B46920" s="14" t="s">
        <v>1</v>
      </c>
      <c r="C46920" s="14" t="s">
        <v>47</v>
      </c>
      <c r="D46920" s="14" t="s">
        <v>269</v>
      </c>
      <c r="E46920" s="15">
        <v>45576</v>
      </c>
      <c r="F46920" s="14" t="s">
        <v>53</v>
      </c>
      <c r="G46920" s="16">
        <v>0</v>
      </c>
    </row>
    <row r="46921" spans="1:7" x14ac:dyDescent="0.3">
      <c r="A46921" s="13" t="s">
        <v>268</v>
      </c>
      <c r="B46921" s="14" t="s">
        <v>1</v>
      </c>
      <c r="C46921" s="14" t="s">
        <v>47</v>
      </c>
      <c r="D46921" s="14" t="s">
        <v>269</v>
      </c>
      <c r="E46921" s="15">
        <v>45577</v>
      </c>
      <c r="F46921" s="14" t="s">
        <v>53</v>
      </c>
      <c r="G46921" s="16">
        <v>0</v>
      </c>
    </row>
    <row r="46922" spans="1:7" x14ac:dyDescent="0.3">
      <c r="A46922" s="13" t="s">
        <v>268</v>
      </c>
      <c r="B46922" s="14" t="s">
        <v>1</v>
      </c>
      <c r="C46922" s="14" t="s">
        <v>47</v>
      </c>
      <c r="D46922" s="14" t="s">
        <v>269</v>
      </c>
      <c r="E46922" s="15">
        <v>45578</v>
      </c>
      <c r="F46922" s="14" t="s">
        <v>53</v>
      </c>
      <c r="G46922" s="16">
        <v>0</v>
      </c>
    </row>
    <row r="46923" spans="1:7" x14ac:dyDescent="0.3">
      <c r="A46923" s="13" t="s">
        <v>268</v>
      </c>
      <c r="B46923" s="14" t="s">
        <v>1</v>
      </c>
      <c r="C46923" s="14" t="s">
        <v>47</v>
      </c>
      <c r="D46923" s="14" t="s">
        <v>269</v>
      </c>
      <c r="E46923" s="15">
        <v>45579</v>
      </c>
      <c r="F46923" s="14" t="s">
        <v>53</v>
      </c>
      <c r="G46923" s="16">
        <v>0</v>
      </c>
    </row>
    <row r="46924" spans="1:7" x14ac:dyDescent="0.3">
      <c r="A46924" s="13" t="s">
        <v>268</v>
      </c>
      <c r="B46924" s="14" t="s">
        <v>1</v>
      </c>
      <c r="C46924" s="14" t="s">
        <v>47</v>
      </c>
      <c r="D46924" s="14" t="s">
        <v>269</v>
      </c>
      <c r="E46924" s="15">
        <v>45580</v>
      </c>
      <c r="F46924" s="14" t="s">
        <v>53</v>
      </c>
      <c r="G46924" s="16">
        <v>0</v>
      </c>
    </row>
    <row r="46925" spans="1:7" x14ac:dyDescent="0.3">
      <c r="A46925" s="13" t="s">
        <v>268</v>
      </c>
      <c r="B46925" s="14" t="s">
        <v>1</v>
      </c>
      <c r="C46925" s="14" t="s">
        <v>47</v>
      </c>
      <c r="D46925" s="14" t="s">
        <v>269</v>
      </c>
      <c r="E46925" s="15">
        <v>45581</v>
      </c>
      <c r="F46925" s="14" t="s">
        <v>53</v>
      </c>
      <c r="G46925" s="16">
        <v>0</v>
      </c>
    </row>
    <row r="46926" spans="1:7" x14ac:dyDescent="0.3">
      <c r="A46926" s="13" t="s">
        <v>268</v>
      </c>
      <c r="B46926" s="14" t="s">
        <v>1</v>
      </c>
      <c r="C46926" s="14" t="s">
        <v>47</v>
      </c>
      <c r="D46926" s="14" t="s">
        <v>269</v>
      </c>
      <c r="E46926" s="15">
        <v>45582</v>
      </c>
      <c r="F46926" s="14" t="s">
        <v>53</v>
      </c>
      <c r="G46926" s="16">
        <v>0</v>
      </c>
    </row>
    <row r="46927" spans="1:7" x14ac:dyDescent="0.3">
      <c r="A46927" s="13" t="s">
        <v>268</v>
      </c>
      <c r="B46927" s="14" t="s">
        <v>1</v>
      </c>
      <c r="C46927" s="14" t="s">
        <v>47</v>
      </c>
      <c r="D46927" s="14" t="s">
        <v>269</v>
      </c>
      <c r="E46927" s="15">
        <v>45583</v>
      </c>
      <c r="F46927" s="14" t="s">
        <v>53</v>
      </c>
      <c r="G46927" s="16">
        <v>0</v>
      </c>
    </row>
    <row r="46928" spans="1:7" x14ac:dyDescent="0.3">
      <c r="A46928" s="13" t="s">
        <v>268</v>
      </c>
      <c r="B46928" s="14" t="s">
        <v>1</v>
      </c>
      <c r="C46928" s="14" t="s">
        <v>47</v>
      </c>
      <c r="D46928" s="14" t="s">
        <v>269</v>
      </c>
      <c r="E46928" s="15">
        <v>45584</v>
      </c>
      <c r="F46928" s="14" t="s">
        <v>53</v>
      </c>
      <c r="G46928" s="16">
        <v>0</v>
      </c>
    </row>
    <row r="46929" spans="1:7" x14ac:dyDescent="0.3">
      <c r="A46929" s="13" t="s">
        <v>268</v>
      </c>
      <c r="B46929" s="14" t="s">
        <v>1</v>
      </c>
      <c r="C46929" s="14" t="s">
        <v>47</v>
      </c>
      <c r="D46929" s="14" t="s">
        <v>269</v>
      </c>
      <c r="E46929" s="15">
        <v>45585</v>
      </c>
      <c r="F46929" s="14" t="s">
        <v>53</v>
      </c>
      <c r="G46929" s="16">
        <v>0</v>
      </c>
    </row>
    <row r="46930" spans="1:7" x14ac:dyDescent="0.3">
      <c r="A46930" s="13" t="s">
        <v>268</v>
      </c>
      <c r="B46930" s="14" t="s">
        <v>1</v>
      </c>
      <c r="C46930" s="14" t="s">
        <v>47</v>
      </c>
      <c r="D46930" s="14" t="s">
        <v>269</v>
      </c>
      <c r="E46930" s="15">
        <v>45586</v>
      </c>
      <c r="F46930" s="14" t="s">
        <v>53</v>
      </c>
      <c r="G46930" s="16">
        <v>0</v>
      </c>
    </row>
    <row r="46931" spans="1:7" x14ac:dyDescent="0.3">
      <c r="A46931" s="13" t="s">
        <v>268</v>
      </c>
      <c r="B46931" s="14" t="s">
        <v>1</v>
      </c>
      <c r="C46931" s="14" t="s">
        <v>47</v>
      </c>
      <c r="D46931" s="14" t="s">
        <v>269</v>
      </c>
      <c r="E46931" s="15">
        <v>45587</v>
      </c>
      <c r="F46931" s="14" t="s">
        <v>53</v>
      </c>
      <c r="G46931" s="16">
        <v>0</v>
      </c>
    </row>
    <row r="46932" spans="1:7" x14ac:dyDescent="0.3">
      <c r="A46932" s="13" t="s">
        <v>268</v>
      </c>
      <c r="B46932" s="14" t="s">
        <v>1</v>
      </c>
      <c r="C46932" s="14" t="s">
        <v>47</v>
      </c>
      <c r="D46932" s="14" t="s">
        <v>269</v>
      </c>
      <c r="E46932" s="15">
        <v>45588</v>
      </c>
      <c r="F46932" s="14" t="s">
        <v>53</v>
      </c>
      <c r="G46932" s="16">
        <v>0</v>
      </c>
    </row>
    <row r="46933" spans="1:7" x14ac:dyDescent="0.3">
      <c r="A46933" s="13" t="s">
        <v>268</v>
      </c>
      <c r="B46933" s="14" t="s">
        <v>1</v>
      </c>
      <c r="C46933" s="14" t="s">
        <v>47</v>
      </c>
      <c r="D46933" s="14" t="s">
        <v>269</v>
      </c>
      <c r="E46933" s="15">
        <v>45589</v>
      </c>
      <c r="F46933" s="14" t="s">
        <v>53</v>
      </c>
      <c r="G46933" s="16">
        <v>0</v>
      </c>
    </row>
    <row r="46934" spans="1:7" x14ac:dyDescent="0.3">
      <c r="A46934" s="13" t="s">
        <v>268</v>
      </c>
      <c r="B46934" s="14" t="s">
        <v>1</v>
      </c>
      <c r="C46934" s="14" t="s">
        <v>47</v>
      </c>
      <c r="D46934" s="14" t="s">
        <v>269</v>
      </c>
      <c r="E46934" s="15">
        <v>45590</v>
      </c>
      <c r="F46934" s="14" t="s">
        <v>53</v>
      </c>
      <c r="G46934" s="16">
        <v>0</v>
      </c>
    </row>
    <row r="46935" spans="1:7" x14ac:dyDescent="0.3">
      <c r="A46935" s="13" t="s">
        <v>268</v>
      </c>
      <c r="B46935" s="14" t="s">
        <v>1</v>
      </c>
      <c r="C46935" s="14" t="s">
        <v>47</v>
      </c>
      <c r="D46935" s="14" t="s">
        <v>269</v>
      </c>
      <c r="E46935" s="15">
        <v>45591</v>
      </c>
      <c r="F46935" s="14" t="s">
        <v>53</v>
      </c>
      <c r="G46935" s="16">
        <v>0</v>
      </c>
    </row>
    <row r="46936" spans="1:7" x14ac:dyDescent="0.3">
      <c r="A46936" s="13" t="s">
        <v>268</v>
      </c>
      <c r="B46936" s="14" t="s">
        <v>1</v>
      </c>
      <c r="C46936" s="14" t="s">
        <v>47</v>
      </c>
      <c r="D46936" s="14" t="s">
        <v>269</v>
      </c>
      <c r="E46936" s="15">
        <v>45592</v>
      </c>
      <c r="F46936" s="14" t="s">
        <v>53</v>
      </c>
      <c r="G46936" s="16">
        <v>0</v>
      </c>
    </row>
    <row r="46937" spans="1:7" x14ac:dyDescent="0.3">
      <c r="A46937" s="13" t="s">
        <v>268</v>
      </c>
      <c r="B46937" s="14" t="s">
        <v>1</v>
      </c>
      <c r="C46937" s="14" t="s">
        <v>47</v>
      </c>
      <c r="D46937" s="14" t="s">
        <v>269</v>
      </c>
      <c r="E46937" s="15">
        <v>45593</v>
      </c>
      <c r="F46937" s="14" t="s">
        <v>53</v>
      </c>
      <c r="G46937" s="16">
        <v>0</v>
      </c>
    </row>
    <row r="46938" spans="1:7" x14ac:dyDescent="0.3">
      <c r="A46938" s="13" t="s">
        <v>268</v>
      </c>
      <c r="B46938" s="14" t="s">
        <v>1</v>
      </c>
      <c r="C46938" s="14" t="s">
        <v>47</v>
      </c>
      <c r="D46938" s="14" t="s">
        <v>269</v>
      </c>
      <c r="E46938" s="15">
        <v>45594</v>
      </c>
      <c r="F46938" s="14" t="s">
        <v>53</v>
      </c>
      <c r="G46938" s="16">
        <v>0</v>
      </c>
    </row>
    <row r="46939" spans="1:7" x14ac:dyDescent="0.3">
      <c r="A46939" s="13" t="s">
        <v>268</v>
      </c>
      <c r="B46939" s="14" t="s">
        <v>1</v>
      </c>
      <c r="C46939" s="14" t="s">
        <v>47</v>
      </c>
      <c r="D46939" s="14" t="s">
        <v>269</v>
      </c>
      <c r="E46939" s="15">
        <v>45595</v>
      </c>
      <c r="F46939" s="14" t="s">
        <v>53</v>
      </c>
      <c r="G46939" s="16">
        <v>0</v>
      </c>
    </row>
    <row r="46940" spans="1:7" x14ac:dyDescent="0.3">
      <c r="A46940" s="13" t="s">
        <v>268</v>
      </c>
      <c r="B46940" s="14" t="s">
        <v>1</v>
      </c>
      <c r="C46940" s="14" t="s">
        <v>47</v>
      </c>
      <c r="D46940" s="14" t="s">
        <v>269</v>
      </c>
      <c r="E46940" s="15">
        <v>45596</v>
      </c>
      <c r="F46940" s="14" t="s">
        <v>53</v>
      </c>
      <c r="G46940" s="16">
        <v>0</v>
      </c>
    </row>
    <row r="46941" spans="1:7" x14ac:dyDescent="0.3">
      <c r="A46941" s="13" t="s">
        <v>268</v>
      </c>
      <c r="B46941" s="14" t="s">
        <v>1</v>
      </c>
      <c r="C46941" s="14" t="s">
        <v>47</v>
      </c>
      <c r="D46941" s="14" t="s">
        <v>269</v>
      </c>
      <c r="E46941" s="15">
        <v>45597</v>
      </c>
      <c r="F46941" s="14" t="s">
        <v>53</v>
      </c>
      <c r="G46941" s="16">
        <v>0</v>
      </c>
    </row>
    <row r="46942" spans="1:7" x14ac:dyDescent="0.3">
      <c r="A46942" s="13" t="s">
        <v>268</v>
      </c>
      <c r="B46942" s="14" t="s">
        <v>1</v>
      </c>
      <c r="C46942" s="14" t="s">
        <v>47</v>
      </c>
      <c r="D46942" s="14" t="s">
        <v>269</v>
      </c>
      <c r="E46942" s="15">
        <v>45598</v>
      </c>
      <c r="F46942" s="14" t="s">
        <v>53</v>
      </c>
      <c r="G46942" s="16">
        <v>0</v>
      </c>
    </row>
    <row r="46943" spans="1:7" x14ac:dyDescent="0.3">
      <c r="A46943" s="13" t="s">
        <v>268</v>
      </c>
      <c r="B46943" s="14" t="s">
        <v>1</v>
      </c>
      <c r="C46943" s="14" t="s">
        <v>47</v>
      </c>
      <c r="D46943" s="14" t="s">
        <v>269</v>
      </c>
      <c r="E46943" s="15">
        <v>45599</v>
      </c>
      <c r="F46943" s="14" t="s">
        <v>53</v>
      </c>
      <c r="G46943" s="16">
        <v>0</v>
      </c>
    </row>
    <row r="46944" spans="1:7" x14ac:dyDescent="0.3">
      <c r="A46944" s="13" t="s">
        <v>268</v>
      </c>
      <c r="B46944" s="14" t="s">
        <v>1</v>
      </c>
      <c r="C46944" s="14" t="s">
        <v>47</v>
      </c>
      <c r="D46944" s="14" t="s">
        <v>269</v>
      </c>
      <c r="E46944" s="15">
        <v>45600</v>
      </c>
      <c r="F46944" s="14" t="s">
        <v>53</v>
      </c>
      <c r="G46944" s="16">
        <v>0</v>
      </c>
    </row>
    <row r="46945" spans="1:7" x14ac:dyDescent="0.3">
      <c r="A46945" s="13" t="s">
        <v>268</v>
      </c>
      <c r="B46945" s="14" t="s">
        <v>1</v>
      </c>
      <c r="C46945" s="14" t="s">
        <v>47</v>
      </c>
      <c r="D46945" s="14" t="s">
        <v>269</v>
      </c>
      <c r="E46945" s="15">
        <v>45601</v>
      </c>
      <c r="F46945" s="14" t="s">
        <v>53</v>
      </c>
      <c r="G46945" s="16">
        <v>0</v>
      </c>
    </row>
    <row r="46946" spans="1:7" x14ac:dyDescent="0.3">
      <c r="A46946" s="13" t="s">
        <v>268</v>
      </c>
      <c r="B46946" s="14" t="s">
        <v>1</v>
      </c>
      <c r="C46946" s="14" t="s">
        <v>47</v>
      </c>
      <c r="D46946" s="14" t="s">
        <v>269</v>
      </c>
      <c r="E46946" s="15">
        <v>45602</v>
      </c>
      <c r="F46946" s="14" t="s">
        <v>53</v>
      </c>
      <c r="G46946" s="16">
        <v>0</v>
      </c>
    </row>
    <row r="46947" spans="1:7" x14ac:dyDescent="0.3">
      <c r="A46947" s="13" t="s">
        <v>268</v>
      </c>
      <c r="B46947" s="14" t="s">
        <v>1</v>
      </c>
      <c r="C46947" s="14" t="s">
        <v>47</v>
      </c>
      <c r="D46947" s="14" t="s">
        <v>269</v>
      </c>
      <c r="E46947" s="15">
        <v>45603</v>
      </c>
      <c r="F46947" s="14" t="s">
        <v>53</v>
      </c>
      <c r="G46947" s="16">
        <v>0</v>
      </c>
    </row>
    <row r="46948" spans="1:7" x14ac:dyDescent="0.3">
      <c r="A46948" s="13" t="s">
        <v>268</v>
      </c>
      <c r="B46948" s="14" t="s">
        <v>1</v>
      </c>
      <c r="C46948" s="14" t="s">
        <v>47</v>
      </c>
      <c r="D46948" s="14" t="s">
        <v>269</v>
      </c>
      <c r="E46948" s="15">
        <v>45604</v>
      </c>
      <c r="F46948" s="14" t="s">
        <v>53</v>
      </c>
      <c r="G46948" s="16">
        <v>0</v>
      </c>
    </row>
    <row r="46949" spans="1:7" x14ac:dyDescent="0.3">
      <c r="A46949" s="13" t="s">
        <v>268</v>
      </c>
      <c r="B46949" s="14" t="s">
        <v>1</v>
      </c>
      <c r="C46949" s="14" t="s">
        <v>47</v>
      </c>
      <c r="D46949" s="14" t="s">
        <v>269</v>
      </c>
      <c r="E46949" s="15">
        <v>45605</v>
      </c>
      <c r="F46949" s="14" t="s">
        <v>53</v>
      </c>
      <c r="G46949" s="16">
        <v>0</v>
      </c>
    </row>
    <row r="46950" spans="1:7" x14ac:dyDescent="0.3">
      <c r="A46950" s="13" t="s">
        <v>268</v>
      </c>
      <c r="B46950" s="14" t="s">
        <v>1</v>
      </c>
      <c r="C46950" s="14" t="s">
        <v>47</v>
      </c>
      <c r="D46950" s="14" t="s">
        <v>269</v>
      </c>
      <c r="E46950" s="15">
        <v>45606</v>
      </c>
      <c r="F46950" s="14" t="s">
        <v>53</v>
      </c>
      <c r="G46950" s="16">
        <v>0</v>
      </c>
    </row>
    <row r="46951" spans="1:7" x14ac:dyDescent="0.3">
      <c r="A46951" s="13" t="s">
        <v>268</v>
      </c>
      <c r="B46951" s="14" t="s">
        <v>1</v>
      </c>
      <c r="C46951" s="14" t="s">
        <v>47</v>
      </c>
      <c r="D46951" s="14" t="s">
        <v>269</v>
      </c>
      <c r="E46951" s="15">
        <v>45607</v>
      </c>
      <c r="F46951" s="14" t="s">
        <v>53</v>
      </c>
      <c r="G46951" s="16">
        <v>0</v>
      </c>
    </row>
    <row r="46952" spans="1:7" x14ac:dyDescent="0.3">
      <c r="A46952" s="13" t="s">
        <v>268</v>
      </c>
      <c r="B46952" s="14" t="s">
        <v>1</v>
      </c>
      <c r="C46952" s="14" t="s">
        <v>47</v>
      </c>
      <c r="D46952" s="14" t="s">
        <v>269</v>
      </c>
      <c r="E46952" s="15">
        <v>45608</v>
      </c>
      <c r="F46952" s="14" t="s">
        <v>53</v>
      </c>
      <c r="G46952" s="16">
        <v>0</v>
      </c>
    </row>
    <row r="46953" spans="1:7" x14ac:dyDescent="0.3">
      <c r="A46953" s="13" t="s">
        <v>268</v>
      </c>
      <c r="B46953" s="14" t="s">
        <v>1</v>
      </c>
      <c r="C46953" s="14" t="s">
        <v>47</v>
      </c>
      <c r="D46953" s="14" t="s">
        <v>269</v>
      </c>
      <c r="E46953" s="15">
        <v>45609</v>
      </c>
      <c r="F46953" s="14" t="s">
        <v>53</v>
      </c>
      <c r="G46953" s="16">
        <v>0</v>
      </c>
    </row>
    <row r="46954" spans="1:7" x14ac:dyDescent="0.3">
      <c r="A46954" s="13" t="s">
        <v>268</v>
      </c>
      <c r="B46954" s="14" t="s">
        <v>1</v>
      </c>
      <c r="C46954" s="14" t="s">
        <v>47</v>
      </c>
      <c r="D46954" s="14" t="s">
        <v>269</v>
      </c>
      <c r="E46954" s="15">
        <v>45610</v>
      </c>
      <c r="F46954" s="14" t="s">
        <v>53</v>
      </c>
      <c r="G46954" s="16">
        <v>0</v>
      </c>
    </row>
    <row r="46955" spans="1:7" x14ac:dyDescent="0.3">
      <c r="A46955" s="13" t="s">
        <v>268</v>
      </c>
      <c r="B46955" s="14" t="s">
        <v>1</v>
      </c>
      <c r="C46955" s="14" t="s">
        <v>47</v>
      </c>
      <c r="D46955" s="14" t="s">
        <v>269</v>
      </c>
      <c r="E46955" s="15">
        <v>45611</v>
      </c>
      <c r="F46955" s="14" t="s">
        <v>53</v>
      </c>
      <c r="G46955" s="16">
        <v>0</v>
      </c>
    </row>
    <row r="46956" spans="1:7" x14ac:dyDescent="0.3">
      <c r="A46956" s="13" t="s">
        <v>268</v>
      </c>
      <c r="B46956" s="14" t="s">
        <v>1</v>
      </c>
      <c r="C46956" s="14" t="s">
        <v>47</v>
      </c>
      <c r="D46956" s="14" t="s">
        <v>269</v>
      </c>
      <c r="E46956" s="15">
        <v>45612</v>
      </c>
      <c r="F46956" s="14" t="s">
        <v>53</v>
      </c>
      <c r="G46956" s="16">
        <v>0</v>
      </c>
    </row>
    <row r="46957" spans="1:7" x14ac:dyDescent="0.3">
      <c r="A46957" s="13" t="s">
        <v>268</v>
      </c>
      <c r="B46957" s="14" t="s">
        <v>1</v>
      </c>
      <c r="C46957" s="14" t="s">
        <v>47</v>
      </c>
      <c r="D46957" s="14" t="s">
        <v>269</v>
      </c>
      <c r="E46957" s="15">
        <v>45613</v>
      </c>
      <c r="F46957" s="14" t="s">
        <v>53</v>
      </c>
      <c r="G46957" s="16">
        <v>0</v>
      </c>
    </row>
    <row r="46958" spans="1:7" x14ac:dyDescent="0.3">
      <c r="A46958" s="13" t="s">
        <v>268</v>
      </c>
      <c r="B46958" s="14" t="s">
        <v>1</v>
      </c>
      <c r="C46958" s="14" t="s">
        <v>47</v>
      </c>
      <c r="D46958" s="14" t="s">
        <v>269</v>
      </c>
      <c r="E46958" s="15">
        <v>45614</v>
      </c>
      <c r="F46958" s="14" t="s">
        <v>53</v>
      </c>
      <c r="G46958" s="16">
        <v>0</v>
      </c>
    </row>
    <row r="46959" spans="1:7" x14ac:dyDescent="0.3">
      <c r="A46959" s="13" t="s">
        <v>268</v>
      </c>
      <c r="B46959" s="14" t="s">
        <v>1</v>
      </c>
      <c r="C46959" s="14" t="s">
        <v>47</v>
      </c>
      <c r="D46959" s="14" t="s">
        <v>269</v>
      </c>
      <c r="E46959" s="15">
        <v>45615</v>
      </c>
      <c r="F46959" s="14" t="s">
        <v>53</v>
      </c>
      <c r="G46959" s="16">
        <v>0</v>
      </c>
    </row>
    <row r="46960" spans="1:7" x14ac:dyDescent="0.3">
      <c r="A46960" s="13" t="s">
        <v>268</v>
      </c>
      <c r="B46960" s="14" t="s">
        <v>1</v>
      </c>
      <c r="C46960" s="14" t="s">
        <v>47</v>
      </c>
      <c r="D46960" s="14" t="s">
        <v>269</v>
      </c>
      <c r="E46960" s="15">
        <v>45616</v>
      </c>
      <c r="F46960" s="14" t="s">
        <v>53</v>
      </c>
      <c r="G46960" s="16">
        <v>0</v>
      </c>
    </row>
    <row r="46961" spans="1:7" x14ac:dyDescent="0.3">
      <c r="A46961" s="13" t="s">
        <v>268</v>
      </c>
      <c r="B46961" s="14" t="s">
        <v>1</v>
      </c>
      <c r="C46961" s="14" t="s">
        <v>47</v>
      </c>
      <c r="D46961" s="14" t="s">
        <v>269</v>
      </c>
      <c r="E46961" s="15">
        <v>45617</v>
      </c>
      <c r="F46961" s="14" t="s">
        <v>53</v>
      </c>
      <c r="G46961" s="16">
        <v>0</v>
      </c>
    </row>
    <row r="46962" spans="1:7" x14ac:dyDescent="0.3">
      <c r="A46962" s="13" t="s">
        <v>268</v>
      </c>
      <c r="B46962" s="14" t="s">
        <v>1</v>
      </c>
      <c r="C46962" s="14" t="s">
        <v>47</v>
      </c>
      <c r="D46962" s="14" t="s">
        <v>269</v>
      </c>
      <c r="E46962" s="15">
        <v>45618</v>
      </c>
      <c r="F46962" s="14" t="s">
        <v>53</v>
      </c>
      <c r="G46962" s="16">
        <v>0</v>
      </c>
    </row>
    <row r="46963" spans="1:7" x14ac:dyDescent="0.3">
      <c r="A46963" s="13" t="s">
        <v>268</v>
      </c>
      <c r="B46963" s="14" t="s">
        <v>1</v>
      </c>
      <c r="C46963" s="14" t="s">
        <v>47</v>
      </c>
      <c r="D46963" s="14" t="s">
        <v>269</v>
      </c>
      <c r="E46963" s="15">
        <v>45619</v>
      </c>
      <c r="F46963" s="14" t="s">
        <v>53</v>
      </c>
      <c r="G46963" s="16">
        <v>0</v>
      </c>
    </row>
    <row r="46964" spans="1:7" x14ac:dyDescent="0.3">
      <c r="A46964" s="13" t="s">
        <v>268</v>
      </c>
      <c r="B46964" s="14" t="s">
        <v>1</v>
      </c>
      <c r="C46964" s="14" t="s">
        <v>47</v>
      </c>
      <c r="D46964" s="14" t="s">
        <v>269</v>
      </c>
      <c r="E46964" s="15">
        <v>45620</v>
      </c>
      <c r="F46964" s="14" t="s">
        <v>53</v>
      </c>
      <c r="G46964" s="16">
        <v>0</v>
      </c>
    </row>
    <row r="46965" spans="1:7" x14ac:dyDescent="0.3">
      <c r="A46965" s="13" t="s">
        <v>268</v>
      </c>
      <c r="B46965" s="14" t="s">
        <v>1</v>
      </c>
      <c r="C46965" s="14" t="s">
        <v>47</v>
      </c>
      <c r="D46965" s="14" t="s">
        <v>269</v>
      </c>
      <c r="E46965" s="15">
        <v>45621</v>
      </c>
      <c r="F46965" s="14" t="s">
        <v>53</v>
      </c>
      <c r="G46965" s="16">
        <v>0</v>
      </c>
    </row>
    <row r="46966" spans="1:7" x14ac:dyDescent="0.3">
      <c r="A46966" s="13" t="s">
        <v>268</v>
      </c>
      <c r="B46966" s="14" t="s">
        <v>1</v>
      </c>
      <c r="C46966" s="14" t="s">
        <v>47</v>
      </c>
      <c r="D46966" s="14" t="s">
        <v>269</v>
      </c>
      <c r="E46966" s="15">
        <v>45622</v>
      </c>
      <c r="F46966" s="14" t="s">
        <v>53</v>
      </c>
      <c r="G46966" s="16">
        <v>0</v>
      </c>
    </row>
    <row r="46967" spans="1:7" x14ac:dyDescent="0.3">
      <c r="A46967" s="13" t="s">
        <v>268</v>
      </c>
      <c r="B46967" s="14" t="s">
        <v>1</v>
      </c>
      <c r="C46967" s="14" t="s">
        <v>47</v>
      </c>
      <c r="D46967" s="14" t="s">
        <v>269</v>
      </c>
      <c r="E46967" s="15">
        <v>45623</v>
      </c>
      <c r="F46967" s="14" t="s">
        <v>53</v>
      </c>
      <c r="G46967" s="16">
        <v>0</v>
      </c>
    </row>
    <row r="46968" spans="1:7" x14ac:dyDescent="0.3">
      <c r="A46968" s="13" t="s">
        <v>268</v>
      </c>
      <c r="B46968" s="14" t="s">
        <v>1</v>
      </c>
      <c r="C46968" s="14" t="s">
        <v>47</v>
      </c>
      <c r="D46968" s="14" t="s">
        <v>269</v>
      </c>
      <c r="E46968" s="15">
        <v>45624</v>
      </c>
      <c r="F46968" s="14" t="s">
        <v>53</v>
      </c>
      <c r="G46968" s="16">
        <v>0</v>
      </c>
    </row>
    <row r="46969" spans="1:7" x14ac:dyDescent="0.3">
      <c r="A46969" s="13" t="s">
        <v>268</v>
      </c>
      <c r="B46969" s="14" t="s">
        <v>1</v>
      </c>
      <c r="C46969" s="14" t="s">
        <v>47</v>
      </c>
      <c r="D46969" s="14" t="s">
        <v>269</v>
      </c>
      <c r="E46969" s="15">
        <v>45625</v>
      </c>
      <c r="F46969" s="14" t="s">
        <v>53</v>
      </c>
      <c r="G46969" s="16">
        <v>0</v>
      </c>
    </row>
    <row r="46970" spans="1:7" x14ac:dyDescent="0.3">
      <c r="A46970" s="13" t="s">
        <v>268</v>
      </c>
      <c r="B46970" s="14" t="s">
        <v>1</v>
      </c>
      <c r="C46970" s="14" t="s">
        <v>47</v>
      </c>
      <c r="D46970" s="14" t="s">
        <v>269</v>
      </c>
      <c r="E46970" s="15">
        <v>45626</v>
      </c>
      <c r="F46970" s="14" t="s">
        <v>53</v>
      </c>
      <c r="G46970" s="16">
        <v>0</v>
      </c>
    </row>
    <row r="46971" spans="1:7" x14ac:dyDescent="0.3">
      <c r="A46971" s="13" t="s">
        <v>268</v>
      </c>
      <c r="B46971" s="14" t="s">
        <v>1</v>
      </c>
      <c r="C46971" s="14" t="s">
        <v>47</v>
      </c>
      <c r="D46971" s="14" t="s">
        <v>269</v>
      </c>
      <c r="E46971" s="15">
        <v>45627</v>
      </c>
      <c r="F46971" s="14" t="s">
        <v>53</v>
      </c>
      <c r="G46971" s="16">
        <v>0</v>
      </c>
    </row>
    <row r="46972" spans="1:7" x14ac:dyDescent="0.3">
      <c r="A46972" s="13" t="s">
        <v>268</v>
      </c>
      <c r="B46972" s="14" t="s">
        <v>1</v>
      </c>
      <c r="C46972" s="14" t="s">
        <v>47</v>
      </c>
      <c r="D46972" s="14" t="s">
        <v>269</v>
      </c>
      <c r="E46972" s="15">
        <v>45628</v>
      </c>
      <c r="F46972" s="14" t="s">
        <v>53</v>
      </c>
      <c r="G46972" s="16">
        <v>0</v>
      </c>
    </row>
    <row r="46973" spans="1:7" x14ac:dyDescent="0.3">
      <c r="A46973" s="13" t="s">
        <v>268</v>
      </c>
      <c r="B46973" s="14" t="s">
        <v>1</v>
      </c>
      <c r="C46973" s="14" t="s">
        <v>47</v>
      </c>
      <c r="D46973" s="14" t="s">
        <v>269</v>
      </c>
      <c r="E46973" s="15">
        <v>45629</v>
      </c>
      <c r="F46973" s="14" t="s">
        <v>53</v>
      </c>
      <c r="G46973" s="16">
        <v>0</v>
      </c>
    </row>
    <row r="46974" spans="1:7" x14ac:dyDescent="0.3">
      <c r="A46974" s="13" t="s">
        <v>268</v>
      </c>
      <c r="B46974" s="14" t="s">
        <v>1</v>
      </c>
      <c r="C46974" s="14" t="s">
        <v>47</v>
      </c>
      <c r="D46974" s="14" t="s">
        <v>269</v>
      </c>
      <c r="E46974" s="15">
        <v>45630</v>
      </c>
      <c r="F46974" s="14" t="s">
        <v>53</v>
      </c>
      <c r="G46974" s="16">
        <v>0</v>
      </c>
    </row>
    <row r="46975" spans="1:7" x14ac:dyDescent="0.3">
      <c r="A46975" s="13" t="s">
        <v>268</v>
      </c>
      <c r="B46975" s="14" t="s">
        <v>1</v>
      </c>
      <c r="C46975" s="14" t="s">
        <v>47</v>
      </c>
      <c r="D46975" s="14" t="s">
        <v>269</v>
      </c>
      <c r="E46975" s="15">
        <v>45631</v>
      </c>
      <c r="F46975" s="14" t="s">
        <v>53</v>
      </c>
      <c r="G46975" s="16">
        <v>0</v>
      </c>
    </row>
    <row r="46976" spans="1:7" x14ac:dyDescent="0.3">
      <c r="A46976" s="13" t="s">
        <v>268</v>
      </c>
      <c r="B46976" s="14" t="s">
        <v>1</v>
      </c>
      <c r="C46976" s="14" t="s">
        <v>47</v>
      </c>
      <c r="D46976" s="14" t="s">
        <v>269</v>
      </c>
      <c r="E46976" s="15">
        <v>45632</v>
      </c>
      <c r="F46976" s="14" t="s">
        <v>53</v>
      </c>
      <c r="G46976" s="16">
        <v>0</v>
      </c>
    </row>
    <row r="46977" spans="1:7" x14ac:dyDescent="0.3">
      <c r="A46977" s="13" t="s">
        <v>268</v>
      </c>
      <c r="B46977" s="14" t="s">
        <v>1</v>
      </c>
      <c r="C46977" s="14" t="s">
        <v>47</v>
      </c>
      <c r="D46977" s="14" t="s">
        <v>269</v>
      </c>
      <c r="E46977" s="15">
        <v>45633</v>
      </c>
      <c r="F46977" s="14" t="s">
        <v>53</v>
      </c>
      <c r="G46977" s="16">
        <v>0</v>
      </c>
    </row>
    <row r="46978" spans="1:7" x14ac:dyDescent="0.3">
      <c r="A46978" s="13" t="s">
        <v>268</v>
      </c>
      <c r="B46978" s="14" t="s">
        <v>1</v>
      </c>
      <c r="C46978" s="14" t="s">
        <v>47</v>
      </c>
      <c r="D46978" s="14" t="s">
        <v>269</v>
      </c>
      <c r="E46978" s="15">
        <v>45634</v>
      </c>
      <c r="F46978" s="14" t="s">
        <v>53</v>
      </c>
      <c r="G46978" s="16">
        <v>0</v>
      </c>
    </row>
    <row r="46979" spans="1:7" x14ac:dyDescent="0.3">
      <c r="A46979" s="13" t="s">
        <v>268</v>
      </c>
      <c r="B46979" s="14" t="s">
        <v>1</v>
      </c>
      <c r="C46979" s="14" t="s">
        <v>47</v>
      </c>
      <c r="D46979" s="14" t="s">
        <v>269</v>
      </c>
      <c r="E46979" s="15">
        <v>45635</v>
      </c>
      <c r="F46979" s="14" t="s">
        <v>53</v>
      </c>
      <c r="G46979" s="16">
        <v>0</v>
      </c>
    </row>
    <row r="46980" spans="1:7" x14ac:dyDescent="0.3">
      <c r="A46980" s="13" t="s">
        <v>268</v>
      </c>
      <c r="B46980" s="14" t="s">
        <v>1</v>
      </c>
      <c r="C46980" s="14" t="s">
        <v>47</v>
      </c>
      <c r="D46980" s="14" t="s">
        <v>269</v>
      </c>
      <c r="E46980" s="15">
        <v>45636</v>
      </c>
      <c r="F46980" s="14" t="s">
        <v>53</v>
      </c>
      <c r="G46980" s="16">
        <v>0</v>
      </c>
    </row>
    <row r="46981" spans="1:7" x14ac:dyDescent="0.3">
      <c r="A46981" s="13" t="s">
        <v>268</v>
      </c>
      <c r="B46981" s="14" t="s">
        <v>1</v>
      </c>
      <c r="C46981" s="14" t="s">
        <v>47</v>
      </c>
      <c r="D46981" s="14" t="s">
        <v>269</v>
      </c>
      <c r="E46981" s="15">
        <v>45637</v>
      </c>
      <c r="F46981" s="14" t="s">
        <v>53</v>
      </c>
      <c r="G46981" s="16">
        <v>0</v>
      </c>
    </row>
    <row r="46982" spans="1:7" x14ac:dyDescent="0.3">
      <c r="A46982" s="13" t="s">
        <v>268</v>
      </c>
      <c r="B46982" s="14" t="s">
        <v>1</v>
      </c>
      <c r="C46982" s="14" t="s">
        <v>47</v>
      </c>
      <c r="D46982" s="14" t="s">
        <v>269</v>
      </c>
      <c r="E46982" s="15">
        <v>45638</v>
      </c>
      <c r="F46982" s="14" t="s">
        <v>53</v>
      </c>
      <c r="G46982" s="16">
        <v>0</v>
      </c>
    </row>
    <row r="46983" spans="1:7" x14ac:dyDescent="0.3">
      <c r="A46983" s="13" t="s">
        <v>268</v>
      </c>
      <c r="B46983" s="14" t="s">
        <v>1</v>
      </c>
      <c r="C46983" s="14" t="s">
        <v>47</v>
      </c>
      <c r="D46983" s="14" t="s">
        <v>269</v>
      </c>
      <c r="E46983" s="15">
        <v>45639</v>
      </c>
      <c r="F46983" s="14" t="s">
        <v>53</v>
      </c>
      <c r="G46983" s="16">
        <v>0</v>
      </c>
    </row>
    <row r="46984" spans="1:7" x14ac:dyDescent="0.3">
      <c r="A46984" s="13" t="s">
        <v>268</v>
      </c>
      <c r="B46984" s="14" t="s">
        <v>1</v>
      </c>
      <c r="C46984" s="14" t="s">
        <v>47</v>
      </c>
      <c r="D46984" s="14" t="s">
        <v>269</v>
      </c>
      <c r="E46984" s="15">
        <v>45640</v>
      </c>
      <c r="F46984" s="14" t="s">
        <v>53</v>
      </c>
      <c r="G46984" s="16">
        <v>0</v>
      </c>
    </row>
    <row r="46985" spans="1:7" x14ac:dyDescent="0.3">
      <c r="A46985" s="13" t="s">
        <v>268</v>
      </c>
      <c r="B46985" s="14" t="s">
        <v>1</v>
      </c>
      <c r="C46985" s="14" t="s">
        <v>47</v>
      </c>
      <c r="D46985" s="14" t="s">
        <v>269</v>
      </c>
      <c r="E46985" s="15">
        <v>45641</v>
      </c>
      <c r="F46985" s="14" t="s">
        <v>53</v>
      </c>
      <c r="G46985" s="16">
        <v>0</v>
      </c>
    </row>
    <row r="46986" spans="1:7" x14ac:dyDescent="0.3">
      <c r="A46986" s="13" t="s">
        <v>268</v>
      </c>
      <c r="B46986" s="14" t="s">
        <v>1</v>
      </c>
      <c r="C46986" s="14" t="s">
        <v>47</v>
      </c>
      <c r="D46986" s="14" t="s">
        <v>269</v>
      </c>
      <c r="E46986" s="15">
        <v>45642</v>
      </c>
      <c r="F46986" s="14" t="s">
        <v>53</v>
      </c>
      <c r="G46986" s="16">
        <v>0</v>
      </c>
    </row>
    <row r="46987" spans="1:7" x14ac:dyDescent="0.3">
      <c r="A46987" s="13" t="s">
        <v>268</v>
      </c>
      <c r="B46987" s="14" t="s">
        <v>1</v>
      </c>
      <c r="C46987" s="14" t="s">
        <v>47</v>
      </c>
      <c r="D46987" s="14" t="s">
        <v>269</v>
      </c>
      <c r="E46987" s="15">
        <v>45643</v>
      </c>
      <c r="F46987" s="14" t="s">
        <v>53</v>
      </c>
      <c r="G46987" s="16">
        <v>0</v>
      </c>
    </row>
    <row r="46988" spans="1:7" x14ac:dyDescent="0.3">
      <c r="A46988" s="13" t="s">
        <v>268</v>
      </c>
      <c r="B46988" s="14" t="s">
        <v>1</v>
      </c>
      <c r="C46988" s="14" t="s">
        <v>47</v>
      </c>
      <c r="D46988" s="14" t="s">
        <v>269</v>
      </c>
      <c r="E46988" s="15">
        <v>45644</v>
      </c>
      <c r="F46988" s="14" t="s">
        <v>53</v>
      </c>
      <c r="G46988" s="16">
        <v>0</v>
      </c>
    </row>
    <row r="46989" spans="1:7" x14ac:dyDescent="0.3">
      <c r="A46989" s="13" t="s">
        <v>268</v>
      </c>
      <c r="B46989" s="14" t="s">
        <v>1</v>
      </c>
      <c r="C46989" s="14" t="s">
        <v>47</v>
      </c>
      <c r="D46989" s="14" t="s">
        <v>269</v>
      </c>
      <c r="E46989" s="15">
        <v>45645</v>
      </c>
      <c r="F46989" s="14" t="s">
        <v>53</v>
      </c>
      <c r="G46989" s="16">
        <v>0</v>
      </c>
    </row>
    <row r="46990" spans="1:7" x14ac:dyDescent="0.3">
      <c r="A46990" s="13" t="s">
        <v>268</v>
      </c>
      <c r="B46990" s="14" t="s">
        <v>1</v>
      </c>
      <c r="C46990" s="14" t="s">
        <v>47</v>
      </c>
      <c r="D46990" s="14" t="s">
        <v>269</v>
      </c>
      <c r="E46990" s="15">
        <v>45646</v>
      </c>
      <c r="F46990" s="14" t="s">
        <v>53</v>
      </c>
      <c r="G46990" s="16">
        <v>0</v>
      </c>
    </row>
    <row r="46991" spans="1:7" x14ac:dyDescent="0.3">
      <c r="A46991" s="13" t="s">
        <v>268</v>
      </c>
      <c r="B46991" s="14" t="s">
        <v>1</v>
      </c>
      <c r="C46991" s="14" t="s">
        <v>47</v>
      </c>
      <c r="D46991" s="14" t="s">
        <v>269</v>
      </c>
      <c r="E46991" s="15">
        <v>45647</v>
      </c>
      <c r="F46991" s="14" t="s">
        <v>53</v>
      </c>
      <c r="G46991" s="16">
        <v>0</v>
      </c>
    </row>
    <row r="46992" spans="1:7" x14ac:dyDescent="0.3">
      <c r="A46992" s="13" t="s">
        <v>268</v>
      </c>
      <c r="B46992" s="14" t="s">
        <v>1</v>
      </c>
      <c r="C46992" s="14" t="s">
        <v>47</v>
      </c>
      <c r="D46992" s="14" t="s">
        <v>269</v>
      </c>
      <c r="E46992" s="15">
        <v>45648</v>
      </c>
      <c r="F46992" s="14" t="s">
        <v>53</v>
      </c>
      <c r="G46992" s="16">
        <v>0</v>
      </c>
    </row>
    <row r="46993" spans="1:7" x14ac:dyDescent="0.3">
      <c r="A46993" s="13" t="s">
        <v>268</v>
      </c>
      <c r="B46993" s="14" t="s">
        <v>1</v>
      </c>
      <c r="C46993" s="14" t="s">
        <v>47</v>
      </c>
      <c r="D46993" s="14" t="s">
        <v>269</v>
      </c>
      <c r="E46993" s="15">
        <v>45649</v>
      </c>
      <c r="F46993" s="14" t="s">
        <v>53</v>
      </c>
      <c r="G46993" s="16">
        <v>0</v>
      </c>
    </row>
    <row r="46994" spans="1:7" x14ac:dyDescent="0.3">
      <c r="A46994" s="13" t="s">
        <v>268</v>
      </c>
      <c r="B46994" s="14" t="s">
        <v>1</v>
      </c>
      <c r="C46994" s="14" t="s">
        <v>47</v>
      </c>
      <c r="D46994" s="14" t="s">
        <v>269</v>
      </c>
      <c r="E46994" s="15">
        <v>45650</v>
      </c>
      <c r="F46994" s="14" t="s">
        <v>53</v>
      </c>
      <c r="G46994" s="16">
        <v>0</v>
      </c>
    </row>
    <row r="46995" spans="1:7" x14ac:dyDescent="0.3">
      <c r="A46995" s="13" t="s">
        <v>268</v>
      </c>
      <c r="B46995" s="14" t="s">
        <v>1</v>
      </c>
      <c r="C46995" s="14" t="s">
        <v>47</v>
      </c>
      <c r="D46995" s="14" t="s">
        <v>269</v>
      </c>
      <c r="E46995" s="15">
        <v>45651</v>
      </c>
      <c r="F46995" s="14" t="s">
        <v>53</v>
      </c>
      <c r="G46995" s="16">
        <v>0</v>
      </c>
    </row>
    <row r="46996" spans="1:7" x14ac:dyDescent="0.3">
      <c r="A46996" s="13" t="s">
        <v>268</v>
      </c>
      <c r="B46996" s="14" t="s">
        <v>1</v>
      </c>
      <c r="C46996" s="14" t="s">
        <v>47</v>
      </c>
      <c r="D46996" s="14" t="s">
        <v>269</v>
      </c>
      <c r="E46996" s="15">
        <v>45652</v>
      </c>
      <c r="F46996" s="14" t="s">
        <v>53</v>
      </c>
      <c r="G46996" s="16">
        <v>0</v>
      </c>
    </row>
    <row r="46997" spans="1:7" x14ac:dyDescent="0.3">
      <c r="A46997" s="13" t="s">
        <v>268</v>
      </c>
      <c r="B46997" s="14" t="s">
        <v>1</v>
      </c>
      <c r="C46997" s="14" t="s">
        <v>47</v>
      </c>
      <c r="D46997" s="14" t="s">
        <v>269</v>
      </c>
      <c r="E46997" s="15">
        <v>45653</v>
      </c>
      <c r="F46997" s="14" t="s">
        <v>53</v>
      </c>
      <c r="G46997" s="16">
        <v>0</v>
      </c>
    </row>
    <row r="46998" spans="1:7" x14ac:dyDescent="0.3">
      <c r="A46998" s="13" t="s">
        <v>268</v>
      </c>
      <c r="B46998" s="14" t="s">
        <v>1</v>
      </c>
      <c r="C46998" s="14" t="s">
        <v>47</v>
      </c>
      <c r="D46998" s="14" t="s">
        <v>269</v>
      </c>
      <c r="E46998" s="15">
        <v>45654</v>
      </c>
      <c r="F46998" s="14" t="s">
        <v>53</v>
      </c>
      <c r="G46998" s="16">
        <v>0</v>
      </c>
    </row>
    <row r="46999" spans="1:7" x14ac:dyDescent="0.3">
      <c r="A46999" s="13" t="s">
        <v>268</v>
      </c>
      <c r="B46999" s="14" t="s">
        <v>1</v>
      </c>
      <c r="C46999" s="14" t="s">
        <v>47</v>
      </c>
      <c r="D46999" s="14" t="s">
        <v>269</v>
      </c>
      <c r="E46999" s="15">
        <v>45655</v>
      </c>
      <c r="F46999" s="14" t="s">
        <v>53</v>
      </c>
      <c r="G46999" s="16">
        <v>0</v>
      </c>
    </row>
    <row r="47000" spans="1:7" x14ac:dyDescent="0.3">
      <c r="A47000" s="13" t="s">
        <v>268</v>
      </c>
      <c r="B47000" s="14" t="s">
        <v>1</v>
      </c>
      <c r="C47000" s="14" t="s">
        <v>47</v>
      </c>
      <c r="D47000" s="14" t="s">
        <v>269</v>
      </c>
      <c r="E47000" s="15">
        <v>45656</v>
      </c>
      <c r="F47000" s="14" t="s">
        <v>53</v>
      </c>
      <c r="G47000" s="16">
        <v>0</v>
      </c>
    </row>
    <row r="47001" spans="1:7" x14ac:dyDescent="0.3">
      <c r="A47001" s="13" t="s">
        <v>268</v>
      </c>
      <c r="B47001" s="14" t="s">
        <v>1</v>
      </c>
      <c r="C47001" s="14" t="s">
        <v>47</v>
      </c>
      <c r="D47001" s="14" t="s">
        <v>269</v>
      </c>
      <c r="E47001" s="15">
        <v>45657</v>
      </c>
      <c r="F47001" s="14" t="s">
        <v>53</v>
      </c>
      <c r="G47001" s="16">
        <v>0</v>
      </c>
    </row>
    <row r="47002" spans="1:7" x14ac:dyDescent="0.3">
      <c r="A47002" s="13" t="s">
        <v>268</v>
      </c>
      <c r="B47002" s="14" t="s">
        <v>1</v>
      </c>
      <c r="C47002" s="14" t="s">
        <v>47</v>
      </c>
      <c r="D47002" s="14" t="s">
        <v>269</v>
      </c>
      <c r="E47002" s="15">
        <v>45658</v>
      </c>
      <c r="F47002" s="14" t="s">
        <v>53</v>
      </c>
      <c r="G47002" s="16">
        <v>0</v>
      </c>
    </row>
    <row r="47003" spans="1:7" x14ac:dyDescent="0.3">
      <c r="A47003" s="13" t="s">
        <v>268</v>
      </c>
      <c r="B47003" s="14" t="s">
        <v>1</v>
      </c>
      <c r="C47003" s="14" t="s">
        <v>47</v>
      </c>
      <c r="D47003" s="14" t="s">
        <v>269</v>
      </c>
      <c r="E47003" s="15">
        <v>45659</v>
      </c>
      <c r="F47003" s="14" t="s">
        <v>53</v>
      </c>
      <c r="G47003" s="16">
        <v>0</v>
      </c>
    </row>
    <row r="47004" spans="1:7" x14ac:dyDescent="0.3">
      <c r="A47004" s="13" t="s">
        <v>268</v>
      </c>
      <c r="B47004" s="14" t="s">
        <v>1</v>
      </c>
      <c r="C47004" s="14" t="s">
        <v>47</v>
      </c>
      <c r="D47004" s="14" t="s">
        <v>269</v>
      </c>
      <c r="E47004" s="15">
        <v>45660</v>
      </c>
      <c r="F47004" s="14" t="s">
        <v>53</v>
      </c>
      <c r="G47004" s="16">
        <v>0</v>
      </c>
    </row>
    <row r="47005" spans="1:7" x14ac:dyDescent="0.3">
      <c r="A47005" s="13" t="s">
        <v>268</v>
      </c>
      <c r="B47005" s="14" t="s">
        <v>1</v>
      </c>
      <c r="C47005" s="14" t="s">
        <v>47</v>
      </c>
      <c r="D47005" s="14" t="s">
        <v>269</v>
      </c>
      <c r="E47005" s="15">
        <v>45661</v>
      </c>
      <c r="F47005" s="14" t="s">
        <v>53</v>
      </c>
      <c r="G47005" s="16">
        <v>0</v>
      </c>
    </row>
    <row r="47006" spans="1:7" x14ac:dyDescent="0.3">
      <c r="A47006" s="13" t="s">
        <v>268</v>
      </c>
      <c r="B47006" s="14" t="s">
        <v>1</v>
      </c>
      <c r="C47006" s="14" t="s">
        <v>47</v>
      </c>
      <c r="D47006" s="14" t="s">
        <v>269</v>
      </c>
      <c r="E47006" s="15">
        <v>45662</v>
      </c>
      <c r="F47006" s="14" t="s">
        <v>53</v>
      </c>
      <c r="G47006" s="16">
        <v>0</v>
      </c>
    </row>
    <row r="47007" spans="1:7" x14ac:dyDescent="0.3">
      <c r="A47007" s="13" t="s">
        <v>268</v>
      </c>
      <c r="B47007" s="14" t="s">
        <v>1</v>
      </c>
      <c r="C47007" s="14" t="s">
        <v>47</v>
      </c>
      <c r="D47007" s="14" t="s">
        <v>269</v>
      </c>
      <c r="E47007" s="15">
        <v>45663</v>
      </c>
      <c r="F47007" s="14" t="s">
        <v>53</v>
      </c>
      <c r="G47007" s="16">
        <v>0</v>
      </c>
    </row>
    <row r="47008" spans="1:7" x14ac:dyDescent="0.3">
      <c r="A47008" s="13" t="s">
        <v>268</v>
      </c>
      <c r="B47008" s="14" t="s">
        <v>1</v>
      </c>
      <c r="C47008" s="14" t="s">
        <v>47</v>
      </c>
      <c r="D47008" s="14" t="s">
        <v>269</v>
      </c>
      <c r="E47008" s="15">
        <v>45664</v>
      </c>
      <c r="F47008" s="14" t="s">
        <v>53</v>
      </c>
      <c r="G47008" s="16">
        <v>0</v>
      </c>
    </row>
    <row r="47009" spans="1:7" x14ac:dyDescent="0.3">
      <c r="A47009" s="13" t="s">
        <v>268</v>
      </c>
      <c r="B47009" s="14" t="s">
        <v>1</v>
      </c>
      <c r="C47009" s="14" t="s">
        <v>47</v>
      </c>
      <c r="D47009" s="14" t="s">
        <v>269</v>
      </c>
      <c r="E47009" s="15">
        <v>45665</v>
      </c>
      <c r="F47009" s="14" t="s">
        <v>53</v>
      </c>
      <c r="G47009" s="16">
        <v>0</v>
      </c>
    </row>
    <row r="47010" spans="1:7" x14ac:dyDescent="0.3">
      <c r="A47010" s="13" t="s">
        <v>268</v>
      </c>
      <c r="B47010" s="14" t="s">
        <v>1</v>
      </c>
      <c r="C47010" s="14" t="s">
        <v>47</v>
      </c>
      <c r="D47010" s="14" t="s">
        <v>269</v>
      </c>
      <c r="E47010" s="15">
        <v>45666</v>
      </c>
      <c r="F47010" s="14" t="s">
        <v>53</v>
      </c>
      <c r="G47010" s="16">
        <v>0</v>
      </c>
    </row>
    <row r="47011" spans="1:7" x14ac:dyDescent="0.3">
      <c r="A47011" s="13" t="s">
        <v>268</v>
      </c>
      <c r="B47011" s="14" t="s">
        <v>1</v>
      </c>
      <c r="C47011" s="14" t="s">
        <v>47</v>
      </c>
      <c r="D47011" s="14" t="s">
        <v>269</v>
      </c>
      <c r="E47011" s="15">
        <v>45667</v>
      </c>
      <c r="F47011" s="14" t="s">
        <v>53</v>
      </c>
      <c r="G47011" s="16">
        <v>0</v>
      </c>
    </row>
    <row r="47012" spans="1:7" x14ac:dyDescent="0.3">
      <c r="A47012" s="13" t="s">
        <v>268</v>
      </c>
      <c r="B47012" s="14" t="s">
        <v>1</v>
      </c>
      <c r="C47012" s="14" t="s">
        <v>47</v>
      </c>
      <c r="D47012" s="14" t="s">
        <v>269</v>
      </c>
      <c r="E47012" s="15">
        <v>45668</v>
      </c>
      <c r="F47012" s="14" t="s">
        <v>53</v>
      </c>
      <c r="G47012" s="16">
        <v>0</v>
      </c>
    </row>
    <row r="47013" spans="1:7" x14ac:dyDescent="0.3">
      <c r="A47013" s="13" t="s">
        <v>268</v>
      </c>
      <c r="B47013" s="14" t="s">
        <v>1</v>
      </c>
      <c r="C47013" s="14" t="s">
        <v>47</v>
      </c>
      <c r="D47013" s="14" t="s">
        <v>269</v>
      </c>
      <c r="E47013" s="15">
        <v>45669</v>
      </c>
      <c r="F47013" s="14" t="s">
        <v>53</v>
      </c>
      <c r="G47013" s="16">
        <v>0</v>
      </c>
    </row>
    <row r="47014" spans="1:7" x14ac:dyDescent="0.3">
      <c r="A47014" s="13" t="s">
        <v>268</v>
      </c>
      <c r="B47014" s="14" t="s">
        <v>1</v>
      </c>
      <c r="C47014" s="14" t="s">
        <v>47</v>
      </c>
      <c r="D47014" s="14" t="s">
        <v>269</v>
      </c>
      <c r="E47014" s="15">
        <v>45670</v>
      </c>
      <c r="F47014" s="14" t="s">
        <v>53</v>
      </c>
      <c r="G47014" s="16">
        <v>0</v>
      </c>
    </row>
    <row r="47015" spans="1:7" x14ac:dyDescent="0.3">
      <c r="A47015" s="13" t="s">
        <v>268</v>
      </c>
      <c r="B47015" s="14" t="s">
        <v>1</v>
      </c>
      <c r="C47015" s="14" t="s">
        <v>47</v>
      </c>
      <c r="D47015" s="14" t="s">
        <v>269</v>
      </c>
      <c r="E47015" s="15">
        <v>45671</v>
      </c>
      <c r="F47015" s="14" t="s">
        <v>53</v>
      </c>
      <c r="G47015" s="16">
        <v>0</v>
      </c>
    </row>
    <row r="47016" spans="1:7" x14ac:dyDescent="0.3">
      <c r="A47016" s="13" t="s">
        <v>268</v>
      </c>
      <c r="B47016" s="14" t="s">
        <v>1</v>
      </c>
      <c r="C47016" s="14" t="s">
        <v>47</v>
      </c>
      <c r="D47016" s="14" t="s">
        <v>269</v>
      </c>
      <c r="E47016" s="15">
        <v>45672</v>
      </c>
      <c r="F47016" s="14" t="s">
        <v>53</v>
      </c>
      <c r="G47016" s="16">
        <v>0</v>
      </c>
    </row>
    <row r="47017" spans="1:7" x14ac:dyDescent="0.3">
      <c r="A47017" s="13" t="s">
        <v>268</v>
      </c>
      <c r="B47017" s="14" t="s">
        <v>1</v>
      </c>
      <c r="C47017" s="14" t="s">
        <v>47</v>
      </c>
      <c r="D47017" s="14" t="s">
        <v>269</v>
      </c>
      <c r="E47017" s="15">
        <v>45673</v>
      </c>
      <c r="F47017" s="14" t="s">
        <v>53</v>
      </c>
      <c r="G47017" s="16">
        <v>0</v>
      </c>
    </row>
    <row r="47018" spans="1:7" x14ac:dyDescent="0.3">
      <c r="A47018" s="13" t="s">
        <v>268</v>
      </c>
      <c r="B47018" s="14" t="s">
        <v>1</v>
      </c>
      <c r="C47018" s="14" t="s">
        <v>47</v>
      </c>
      <c r="D47018" s="14" t="s">
        <v>269</v>
      </c>
      <c r="E47018" s="15">
        <v>45674</v>
      </c>
      <c r="F47018" s="14" t="s">
        <v>53</v>
      </c>
      <c r="G47018" s="16">
        <v>0</v>
      </c>
    </row>
    <row r="47019" spans="1:7" x14ac:dyDescent="0.3">
      <c r="A47019" s="13" t="s">
        <v>268</v>
      </c>
      <c r="B47019" s="14" t="s">
        <v>1</v>
      </c>
      <c r="C47019" s="14" t="s">
        <v>47</v>
      </c>
      <c r="D47019" s="14" t="s">
        <v>269</v>
      </c>
      <c r="E47019" s="15">
        <v>45675</v>
      </c>
      <c r="F47019" s="14" t="s">
        <v>53</v>
      </c>
      <c r="G47019" s="16">
        <v>0</v>
      </c>
    </row>
    <row r="47020" spans="1:7" x14ac:dyDescent="0.3">
      <c r="A47020" s="13" t="s">
        <v>268</v>
      </c>
      <c r="B47020" s="14" t="s">
        <v>1</v>
      </c>
      <c r="C47020" s="14" t="s">
        <v>47</v>
      </c>
      <c r="D47020" s="14" t="s">
        <v>269</v>
      </c>
      <c r="E47020" s="15">
        <v>45676</v>
      </c>
      <c r="F47020" s="14" t="s">
        <v>53</v>
      </c>
      <c r="G47020" s="16">
        <v>0</v>
      </c>
    </row>
    <row r="47021" spans="1:7" x14ac:dyDescent="0.3">
      <c r="A47021" s="13" t="s">
        <v>268</v>
      </c>
      <c r="B47021" s="14" t="s">
        <v>1</v>
      </c>
      <c r="C47021" s="14" t="s">
        <v>47</v>
      </c>
      <c r="D47021" s="14" t="s">
        <v>269</v>
      </c>
      <c r="E47021" s="15">
        <v>45677</v>
      </c>
      <c r="F47021" s="14" t="s">
        <v>53</v>
      </c>
      <c r="G47021" s="16">
        <v>0</v>
      </c>
    </row>
    <row r="47022" spans="1:7" x14ac:dyDescent="0.3">
      <c r="A47022" s="13" t="s">
        <v>268</v>
      </c>
      <c r="B47022" s="14" t="s">
        <v>1</v>
      </c>
      <c r="C47022" s="14" t="s">
        <v>47</v>
      </c>
      <c r="D47022" s="14" t="s">
        <v>269</v>
      </c>
      <c r="E47022" s="15">
        <v>45678</v>
      </c>
      <c r="F47022" s="14" t="s">
        <v>53</v>
      </c>
      <c r="G47022" s="16">
        <v>0</v>
      </c>
    </row>
    <row r="47023" spans="1:7" x14ac:dyDescent="0.3">
      <c r="A47023" s="13" t="s">
        <v>268</v>
      </c>
      <c r="B47023" s="14" t="s">
        <v>1</v>
      </c>
      <c r="C47023" s="14" t="s">
        <v>47</v>
      </c>
      <c r="D47023" s="14" t="s">
        <v>269</v>
      </c>
      <c r="E47023" s="15">
        <v>45679</v>
      </c>
      <c r="F47023" s="14" t="s">
        <v>53</v>
      </c>
      <c r="G47023" s="16">
        <v>0</v>
      </c>
    </row>
    <row r="47024" spans="1:7" x14ac:dyDescent="0.3">
      <c r="A47024" s="13" t="s">
        <v>268</v>
      </c>
      <c r="B47024" s="14" t="s">
        <v>1</v>
      </c>
      <c r="C47024" s="14" t="s">
        <v>47</v>
      </c>
      <c r="D47024" s="14" t="s">
        <v>269</v>
      </c>
      <c r="E47024" s="15">
        <v>45680</v>
      </c>
      <c r="F47024" s="14" t="s">
        <v>53</v>
      </c>
      <c r="G47024" s="16">
        <v>0</v>
      </c>
    </row>
    <row r="47025" spans="1:7" x14ac:dyDescent="0.3">
      <c r="A47025" s="13" t="s">
        <v>268</v>
      </c>
      <c r="B47025" s="14" t="s">
        <v>1</v>
      </c>
      <c r="C47025" s="14" t="s">
        <v>47</v>
      </c>
      <c r="D47025" s="14" t="s">
        <v>269</v>
      </c>
      <c r="E47025" s="15">
        <v>45681</v>
      </c>
      <c r="F47025" s="14" t="s">
        <v>53</v>
      </c>
      <c r="G47025" s="16">
        <v>0</v>
      </c>
    </row>
    <row r="47026" spans="1:7" x14ac:dyDescent="0.3">
      <c r="A47026" s="13" t="s">
        <v>268</v>
      </c>
      <c r="B47026" s="14" t="s">
        <v>1</v>
      </c>
      <c r="C47026" s="14" t="s">
        <v>47</v>
      </c>
      <c r="D47026" s="14" t="s">
        <v>269</v>
      </c>
      <c r="E47026" s="15">
        <v>45682</v>
      </c>
      <c r="F47026" s="14" t="s">
        <v>53</v>
      </c>
      <c r="G47026" s="16">
        <v>0</v>
      </c>
    </row>
    <row r="47027" spans="1:7" x14ac:dyDescent="0.3">
      <c r="A47027" s="13" t="s">
        <v>268</v>
      </c>
      <c r="B47027" s="14" t="s">
        <v>1</v>
      </c>
      <c r="C47027" s="14" t="s">
        <v>47</v>
      </c>
      <c r="D47027" s="14" t="s">
        <v>269</v>
      </c>
      <c r="E47027" s="15">
        <v>45683</v>
      </c>
      <c r="F47027" s="14" t="s">
        <v>53</v>
      </c>
      <c r="G47027" s="16">
        <v>0</v>
      </c>
    </row>
    <row r="47028" spans="1:7" x14ac:dyDescent="0.3">
      <c r="A47028" s="13" t="s">
        <v>268</v>
      </c>
      <c r="B47028" s="14" t="s">
        <v>1</v>
      </c>
      <c r="C47028" s="14" t="s">
        <v>47</v>
      </c>
      <c r="D47028" s="14" t="s">
        <v>269</v>
      </c>
      <c r="E47028" s="15">
        <v>45684</v>
      </c>
      <c r="F47028" s="14" t="s">
        <v>53</v>
      </c>
      <c r="G47028" s="16">
        <v>0</v>
      </c>
    </row>
    <row r="47029" spans="1:7" x14ac:dyDescent="0.3">
      <c r="A47029" s="13" t="s">
        <v>268</v>
      </c>
      <c r="B47029" s="14" t="s">
        <v>1</v>
      </c>
      <c r="C47029" s="14" t="s">
        <v>47</v>
      </c>
      <c r="D47029" s="14" t="s">
        <v>269</v>
      </c>
      <c r="E47029" s="15">
        <v>45685</v>
      </c>
      <c r="F47029" s="14" t="s">
        <v>53</v>
      </c>
      <c r="G47029" s="16">
        <v>0</v>
      </c>
    </row>
    <row r="47030" spans="1:7" x14ac:dyDescent="0.3">
      <c r="A47030" s="13" t="s">
        <v>268</v>
      </c>
      <c r="B47030" s="14" t="s">
        <v>1</v>
      </c>
      <c r="C47030" s="14" t="s">
        <v>47</v>
      </c>
      <c r="D47030" s="14" t="s">
        <v>269</v>
      </c>
      <c r="E47030" s="15">
        <v>45686</v>
      </c>
      <c r="F47030" s="14" t="s">
        <v>53</v>
      </c>
      <c r="G47030" s="16">
        <v>0</v>
      </c>
    </row>
    <row r="47031" spans="1:7" x14ac:dyDescent="0.3">
      <c r="A47031" s="13" t="s">
        <v>268</v>
      </c>
      <c r="B47031" s="14" t="s">
        <v>1</v>
      </c>
      <c r="C47031" s="14" t="s">
        <v>47</v>
      </c>
      <c r="D47031" s="14" t="s">
        <v>269</v>
      </c>
      <c r="E47031" s="15">
        <v>45687</v>
      </c>
      <c r="F47031" s="14" t="s">
        <v>53</v>
      </c>
      <c r="G47031" s="16">
        <v>0</v>
      </c>
    </row>
    <row r="47032" spans="1:7" x14ac:dyDescent="0.3">
      <c r="A47032" s="13" t="s">
        <v>268</v>
      </c>
      <c r="B47032" s="14" t="s">
        <v>1</v>
      </c>
      <c r="C47032" s="14" t="s">
        <v>47</v>
      </c>
      <c r="D47032" s="14" t="s">
        <v>269</v>
      </c>
      <c r="E47032" s="15">
        <v>45688</v>
      </c>
      <c r="F47032" s="14" t="s">
        <v>53</v>
      </c>
      <c r="G47032" s="16">
        <v>0</v>
      </c>
    </row>
    <row r="47033" spans="1:7" x14ac:dyDescent="0.3">
      <c r="A47033" s="13" t="s">
        <v>268</v>
      </c>
      <c r="B47033" s="14" t="s">
        <v>1</v>
      </c>
      <c r="C47033" s="14" t="s">
        <v>47</v>
      </c>
      <c r="D47033" s="14" t="s">
        <v>269</v>
      </c>
      <c r="E47033" s="15">
        <v>45689</v>
      </c>
      <c r="F47033" s="14" t="s">
        <v>53</v>
      </c>
      <c r="G47033" s="16">
        <v>0</v>
      </c>
    </row>
    <row r="47034" spans="1:7" x14ac:dyDescent="0.3">
      <c r="A47034" s="13" t="s">
        <v>268</v>
      </c>
      <c r="B47034" s="14" t="s">
        <v>1</v>
      </c>
      <c r="C47034" s="14" t="s">
        <v>47</v>
      </c>
      <c r="D47034" s="14" t="s">
        <v>269</v>
      </c>
      <c r="E47034" s="15">
        <v>45690</v>
      </c>
      <c r="F47034" s="14" t="s">
        <v>53</v>
      </c>
      <c r="G47034" s="16">
        <v>0</v>
      </c>
    </row>
    <row r="47035" spans="1:7" x14ac:dyDescent="0.3">
      <c r="A47035" s="13" t="s">
        <v>268</v>
      </c>
      <c r="B47035" s="14" t="s">
        <v>1</v>
      </c>
      <c r="C47035" s="14" t="s">
        <v>47</v>
      </c>
      <c r="D47035" s="14" t="s">
        <v>269</v>
      </c>
      <c r="E47035" s="15">
        <v>45691</v>
      </c>
      <c r="F47035" s="14" t="s">
        <v>53</v>
      </c>
      <c r="G47035" s="16">
        <v>0</v>
      </c>
    </row>
    <row r="47036" spans="1:7" x14ac:dyDescent="0.3">
      <c r="A47036" s="13" t="s">
        <v>268</v>
      </c>
      <c r="B47036" s="14" t="s">
        <v>1</v>
      </c>
      <c r="C47036" s="14" t="s">
        <v>47</v>
      </c>
      <c r="D47036" s="14" t="s">
        <v>269</v>
      </c>
      <c r="E47036" s="15">
        <v>45692</v>
      </c>
      <c r="F47036" s="14" t="s">
        <v>53</v>
      </c>
      <c r="G47036" s="16">
        <v>0</v>
      </c>
    </row>
    <row r="47037" spans="1:7" x14ac:dyDescent="0.3">
      <c r="A47037" s="13" t="s">
        <v>268</v>
      </c>
      <c r="B47037" s="14" t="s">
        <v>1</v>
      </c>
      <c r="C47037" s="14" t="s">
        <v>47</v>
      </c>
      <c r="D47037" s="14" t="s">
        <v>269</v>
      </c>
      <c r="E47037" s="15">
        <v>45693</v>
      </c>
      <c r="F47037" s="14" t="s">
        <v>53</v>
      </c>
      <c r="G47037" s="16">
        <v>0</v>
      </c>
    </row>
    <row r="47038" spans="1:7" x14ac:dyDescent="0.3">
      <c r="A47038" s="13" t="s">
        <v>268</v>
      </c>
      <c r="B47038" s="14" t="s">
        <v>1</v>
      </c>
      <c r="C47038" s="14" t="s">
        <v>47</v>
      </c>
      <c r="D47038" s="14" t="s">
        <v>269</v>
      </c>
      <c r="E47038" s="15">
        <v>45694</v>
      </c>
      <c r="F47038" s="14" t="s">
        <v>53</v>
      </c>
      <c r="G47038" s="16">
        <v>0</v>
      </c>
    </row>
    <row r="47039" spans="1:7" x14ac:dyDescent="0.3">
      <c r="A47039" s="13" t="s">
        <v>268</v>
      </c>
      <c r="B47039" s="14" t="s">
        <v>1</v>
      </c>
      <c r="C47039" s="14" t="s">
        <v>47</v>
      </c>
      <c r="D47039" s="14" t="s">
        <v>269</v>
      </c>
      <c r="E47039" s="15">
        <v>45695</v>
      </c>
      <c r="F47039" s="14" t="s">
        <v>53</v>
      </c>
      <c r="G47039" s="16">
        <v>0</v>
      </c>
    </row>
    <row r="47040" spans="1:7" x14ac:dyDescent="0.3">
      <c r="A47040" s="13" t="s">
        <v>268</v>
      </c>
      <c r="B47040" s="14" t="s">
        <v>1</v>
      </c>
      <c r="C47040" s="14" t="s">
        <v>47</v>
      </c>
      <c r="D47040" s="14" t="s">
        <v>269</v>
      </c>
      <c r="E47040" s="15">
        <v>45696</v>
      </c>
      <c r="F47040" s="14" t="s">
        <v>53</v>
      </c>
      <c r="G47040" s="16">
        <v>0</v>
      </c>
    </row>
    <row r="47041" spans="1:7" x14ac:dyDescent="0.3">
      <c r="A47041" s="13" t="s">
        <v>268</v>
      </c>
      <c r="B47041" s="14" t="s">
        <v>1</v>
      </c>
      <c r="C47041" s="14" t="s">
        <v>47</v>
      </c>
      <c r="D47041" s="14" t="s">
        <v>269</v>
      </c>
      <c r="E47041" s="15">
        <v>45697</v>
      </c>
      <c r="F47041" s="14" t="s">
        <v>53</v>
      </c>
      <c r="G47041" s="16">
        <v>0</v>
      </c>
    </row>
    <row r="47042" spans="1:7" x14ac:dyDescent="0.3">
      <c r="A47042" s="13" t="s">
        <v>268</v>
      </c>
      <c r="B47042" s="14" t="s">
        <v>1</v>
      </c>
      <c r="C47042" s="14" t="s">
        <v>47</v>
      </c>
      <c r="D47042" s="14" t="s">
        <v>269</v>
      </c>
      <c r="E47042" s="15">
        <v>45698</v>
      </c>
      <c r="F47042" s="14" t="s">
        <v>53</v>
      </c>
      <c r="G47042" s="16">
        <v>0</v>
      </c>
    </row>
    <row r="47043" spans="1:7" x14ac:dyDescent="0.3">
      <c r="A47043" s="13" t="s">
        <v>268</v>
      </c>
      <c r="B47043" s="14" t="s">
        <v>1</v>
      </c>
      <c r="C47043" s="14" t="s">
        <v>47</v>
      </c>
      <c r="D47043" s="14" t="s">
        <v>269</v>
      </c>
      <c r="E47043" s="15">
        <v>45699</v>
      </c>
      <c r="F47043" s="14" t="s">
        <v>53</v>
      </c>
      <c r="G47043" s="16">
        <v>0</v>
      </c>
    </row>
    <row r="47044" spans="1:7" x14ac:dyDescent="0.3">
      <c r="A47044" s="13" t="s">
        <v>268</v>
      </c>
      <c r="B47044" s="14" t="s">
        <v>1</v>
      </c>
      <c r="C47044" s="14" t="s">
        <v>47</v>
      </c>
      <c r="D47044" s="14" t="s">
        <v>269</v>
      </c>
      <c r="E47044" s="15">
        <v>45700</v>
      </c>
      <c r="F47044" s="14" t="s">
        <v>53</v>
      </c>
      <c r="G47044" s="16">
        <v>0</v>
      </c>
    </row>
    <row r="47045" spans="1:7" x14ac:dyDescent="0.3">
      <c r="A47045" s="13" t="s">
        <v>268</v>
      </c>
      <c r="B47045" s="14" t="s">
        <v>1</v>
      </c>
      <c r="C47045" s="14" t="s">
        <v>47</v>
      </c>
      <c r="D47045" s="14" t="s">
        <v>269</v>
      </c>
      <c r="E47045" s="15">
        <v>45701</v>
      </c>
      <c r="F47045" s="14" t="s">
        <v>53</v>
      </c>
      <c r="G47045" s="16">
        <v>0</v>
      </c>
    </row>
    <row r="47046" spans="1:7" x14ac:dyDescent="0.3">
      <c r="A47046" s="13" t="s">
        <v>268</v>
      </c>
      <c r="B47046" s="14" t="s">
        <v>1</v>
      </c>
      <c r="C47046" s="14" t="s">
        <v>47</v>
      </c>
      <c r="D47046" s="14" t="s">
        <v>269</v>
      </c>
      <c r="E47046" s="15">
        <v>45702</v>
      </c>
      <c r="F47046" s="14" t="s">
        <v>53</v>
      </c>
      <c r="G47046" s="16">
        <v>0</v>
      </c>
    </row>
    <row r="47047" spans="1:7" x14ac:dyDescent="0.3">
      <c r="A47047" s="13" t="s">
        <v>268</v>
      </c>
      <c r="B47047" s="14" t="s">
        <v>1</v>
      </c>
      <c r="C47047" s="14" t="s">
        <v>47</v>
      </c>
      <c r="D47047" s="14" t="s">
        <v>269</v>
      </c>
      <c r="E47047" s="15">
        <v>45703</v>
      </c>
      <c r="F47047" s="14" t="s">
        <v>53</v>
      </c>
      <c r="G47047" s="16">
        <v>0</v>
      </c>
    </row>
    <row r="47048" spans="1:7" x14ac:dyDescent="0.3">
      <c r="A47048" s="13" t="s">
        <v>268</v>
      </c>
      <c r="B47048" s="14" t="s">
        <v>1</v>
      </c>
      <c r="C47048" s="14" t="s">
        <v>47</v>
      </c>
      <c r="D47048" s="14" t="s">
        <v>269</v>
      </c>
      <c r="E47048" s="15">
        <v>45704</v>
      </c>
      <c r="F47048" s="14" t="s">
        <v>53</v>
      </c>
      <c r="G47048" s="16">
        <v>0</v>
      </c>
    </row>
    <row r="47049" spans="1:7" x14ac:dyDescent="0.3">
      <c r="A47049" s="13" t="s">
        <v>268</v>
      </c>
      <c r="B47049" s="14" t="s">
        <v>1</v>
      </c>
      <c r="C47049" s="14" t="s">
        <v>47</v>
      </c>
      <c r="D47049" s="14" t="s">
        <v>269</v>
      </c>
      <c r="E47049" s="15">
        <v>45705</v>
      </c>
      <c r="F47049" s="14" t="s">
        <v>53</v>
      </c>
      <c r="G47049" s="16">
        <v>0</v>
      </c>
    </row>
    <row r="47050" spans="1:7" x14ac:dyDescent="0.3">
      <c r="A47050" s="13" t="s">
        <v>268</v>
      </c>
      <c r="B47050" s="14" t="s">
        <v>1</v>
      </c>
      <c r="C47050" s="14" t="s">
        <v>47</v>
      </c>
      <c r="D47050" s="14" t="s">
        <v>269</v>
      </c>
      <c r="E47050" s="15">
        <v>45706</v>
      </c>
      <c r="F47050" s="14" t="s">
        <v>53</v>
      </c>
      <c r="G47050" s="16">
        <v>0</v>
      </c>
    </row>
    <row r="47051" spans="1:7" x14ac:dyDescent="0.3">
      <c r="A47051" s="13" t="s">
        <v>268</v>
      </c>
      <c r="B47051" s="14" t="s">
        <v>1</v>
      </c>
      <c r="C47051" s="14" t="s">
        <v>47</v>
      </c>
      <c r="D47051" s="14" t="s">
        <v>269</v>
      </c>
      <c r="E47051" s="15">
        <v>45707</v>
      </c>
      <c r="F47051" s="14" t="s">
        <v>53</v>
      </c>
      <c r="G47051" s="16">
        <v>0</v>
      </c>
    </row>
    <row r="47052" spans="1:7" x14ac:dyDescent="0.3">
      <c r="A47052" s="13" t="s">
        <v>268</v>
      </c>
      <c r="B47052" s="14" t="s">
        <v>1</v>
      </c>
      <c r="C47052" s="14" t="s">
        <v>47</v>
      </c>
      <c r="D47052" s="14" t="s">
        <v>269</v>
      </c>
      <c r="E47052" s="15">
        <v>45708</v>
      </c>
      <c r="F47052" s="14" t="s">
        <v>53</v>
      </c>
      <c r="G47052" s="16">
        <v>0</v>
      </c>
    </row>
    <row r="47053" spans="1:7" x14ac:dyDescent="0.3">
      <c r="A47053" s="13" t="s">
        <v>268</v>
      </c>
      <c r="B47053" s="14" t="s">
        <v>1</v>
      </c>
      <c r="C47053" s="14" t="s">
        <v>47</v>
      </c>
      <c r="D47053" s="14" t="s">
        <v>269</v>
      </c>
      <c r="E47053" s="15">
        <v>45709</v>
      </c>
      <c r="F47053" s="14" t="s">
        <v>53</v>
      </c>
      <c r="G47053" s="16">
        <v>0</v>
      </c>
    </row>
    <row r="47054" spans="1:7" x14ac:dyDescent="0.3">
      <c r="A47054" s="13" t="s">
        <v>268</v>
      </c>
      <c r="B47054" s="14" t="s">
        <v>1</v>
      </c>
      <c r="C47054" s="14" t="s">
        <v>47</v>
      </c>
      <c r="D47054" s="14" t="s">
        <v>269</v>
      </c>
      <c r="E47054" s="15">
        <v>45710</v>
      </c>
      <c r="F47054" s="14" t="s">
        <v>53</v>
      </c>
      <c r="G47054" s="16">
        <v>0</v>
      </c>
    </row>
    <row r="47055" spans="1:7" x14ac:dyDescent="0.3">
      <c r="A47055" s="13" t="s">
        <v>268</v>
      </c>
      <c r="B47055" s="14" t="s">
        <v>1</v>
      </c>
      <c r="C47055" s="14" t="s">
        <v>47</v>
      </c>
      <c r="D47055" s="14" t="s">
        <v>269</v>
      </c>
      <c r="E47055" s="15">
        <v>45711</v>
      </c>
      <c r="F47055" s="14" t="s">
        <v>53</v>
      </c>
      <c r="G47055" s="16">
        <v>0</v>
      </c>
    </row>
    <row r="47056" spans="1:7" x14ac:dyDescent="0.3">
      <c r="A47056" s="13" t="s">
        <v>268</v>
      </c>
      <c r="B47056" s="14" t="s">
        <v>1</v>
      </c>
      <c r="C47056" s="14" t="s">
        <v>47</v>
      </c>
      <c r="D47056" s="14" t="s">
        <v>269</v>
      </c>
      <c r="E47056" s="15">
        <v>45712</v>
      </c>
      <c r="F47056" s="14" t="s">
        <v>53</v>
      </c>
      <c r="G47056" s="16">
        <v>0</v>
      </c>
    </row>
    <row r="47057" spans="1:7" x14ac:dyDescent="0.3">
      <c r="A47057" s="13" t="s">
        <v>268</v>
      </c>
      <c r="B47057" s="14" t="s">
        <v>1</v>
      </c>
      <c r="C47057" s="14" t="s">
        <v>47</v>
      </c>
      <c r="D47057" s="14" t="s">
        <v>269</v>
      </c>
      <c r="E47057" s="15">
        <v>45713</v>
      </c>
      <c r="F47057" s="14" t="s">
        <v>53</v>
      </c>
      <c r="G47057" s="16">
        <v>0</v>
      </c>
    </row>
    <row r="47058" spans="1:7" x14ac:dyDescent="0.3">
      <c r="A47058" s="13" t="s">
        <v>268</v>
      </c>
      <c r="B47058" s="14" t="s">
        <v>1</v>
      </c>
      <c r="C47058" s="14" t="s">
        <v>47</v>
      </c>
      <c r="D47058" s="14" t="s">
        <v>269</v>
      </c>
      <c r="E47058" s="15">
        <v>45714</v>
      </c>
      <c r="F47058" s="14" t="s">
        <v>53</v>
      </c>
      <c r="G47058" s="16">
        <v>0</v>
      </c>
    </row>
    <row r="47059" spans="1:7" x14ac:dyDescent="0.3">
      <c r="A47059" s="13" t="s">
        <v>268</v>
      </c>
      <c r="B47059" s="14" t="s">
        <v>1</v>
      </c>
      <c r="C47059" s="14" t="s">
        <v>47</v>
      </c>
      <c r="D47059" s="14" t="s">
        <v>269</v>
      </c>
      <c r="E47059" s="15">
        <v>45715</v>
      </c>
      <c r="F47059" s="14" t="s">
        <v>53</v>
      </c>
      <c r="G47059" s="16">
        <v>0</v>
      </c>
    </row>
    <row r="47060" spans="1:7" x14ac:dyDescent="0.3">
      <c r="A47060" s="13" t="s">
        <v>268</v>
      </c>
      <c r="B47060" s="14" t="s">
        <v>1</v>
      </c>
      <c r="C47060" s="14" t="s">
        <v>47</v>
      </c>
      <c r="D47060" s="14" t="s">
        <v>269</v>
      </c>
      <c r="E47060" s="15">
        <v>45716</v>
      </c>
      <c r="F47060" s="14" t="s">
        <v>53</v>
      </c>
      <c r="G47060" s="16">
        <v>0</v>
      </c>
    </row>
    <row r="47061" spans="1:7" x14ac:dyDescent="0.3">
      <c r="A47061" s="13" t="s">
        <v>268</v>
      </c>
      <c r="B47061" s="14" t="s">
        <v>1</v>
      </c>
      <c r="C47061" s="14" t="s">
        <v>47</v>
      </c>
      <c r="D47061" s="14" t="s">
        <v>269</v>
      </c>
      <c r="E47061" s="15">
        <v>45717</v>
      </c>
      <c r="F47061" s="14" t="s">
        <v>53</v>
      </c>
      <c r="G47061" s="16">
        <v>0</v>
      </c>
    </row>
    <row r="47062" spans="1:7" x14ac:dyDescent="0.3">
      <c r="A47062" s="13" t="s">
        <v>268</v>
      </c>
      <c r="B47062" s="14" t="s">
        <v>1</v>
      </c>
      <c r="C47062" s="14" t="s">
        <v>47</v>
      </c>
      <c r="D47062" s="14" t="s">
        <v>269</v>
      </c>
      <c r="E47062" s="15">
        <v>45718</v>
      </c>
      <c r="F47062" s="14" t="s">
        <v>53</v>
      </c>
      <c r="G47062" s="16">
        <v>0</v>
      </c>
    </row>
    <row r="47063" spans="1:7" x14ac:dyDescent="0.3">
      <c r="A47063" s="13" t="s">
        <v>268</v>
      </c>
      <c r="B47063" s="14" t="s">
        <v>1</v>
      </c>
      <c r="C47063" s="14" t="s">
        <v>47</v>
      </c>
      <c r="D47063" s="14" t="s">
        <v>269</v>
      </c>
      <c r="E47063" s="15">
        <v>45719</v>
      </c>
      <c r="F47063" s="14" t="s">
        <v>53</v>
      </c>
      <c r="G47063" s="16">
        <v>0</v>
      </c>
    </row>
    <row r="47064" spans="1:7" x14ac:dyDescent="0.3">
      <c r="A47064" s="13" t="s">
        <v>268</v>
      </c>
      <c r="B47064" s="14" t="s">
        <v>1</v>
      </c>
      <c r="C47064" s="14" t="s">
        <v>47</v>
      </c>
      <c r="D47064" s="14" t="s">
        <v>269</v>
      </c>
      <c r="E47064" s="15">
        <v>45720</v>
      </c>
      <c r="F47064" s="14" t="s">
        <v>53</v>
      </c>
      <c r="G47064" s="16">
        <v>0</v>
      </c>
    </row>
    <row r="47065" spans="1:7" x14ac:dyDescent="0.3">
      <c r="A47065" s="13" t="s">
        <v>268</v>
      </c>
      <c r="B47065" s="14" t="s">
        <v>1</v>
      </c>
      <c r="C47065" s="14" t="s">
        <v>47</v>
      </c>
      <c r="D47065" s="14" t="s">
        <v>269</v>
      </c>
      <c r="E47065" s="15">
        <v>45721</v>
      </c>
      <c r="F47065" s="14" t="s">
        <v>53</v>
      </c>
      <c r="G47065" s="16">
        <v>0</v>
      </c>
    </row>
    <row r="47066" spans="1:7" x14ac:dyDescent="0.3">
      <c r="A47066" s="13" t="s">
        <v>268</v>
      </c>
      <c r="B47066" s="14" t="s">
        <v>1</v>
      </c>
      <c r="C47066" s="14" t="s">
        <v>47</v>
      </c>
      <c r="D47066" s="14" t="s">
        <v>269</v>
      </c>
      <c r="E47066" s="15">
        <v>45722</v>
      </c>
      <c r="F47066" s="14" t="s">
        <v>53</v>
      </c>
      <c r="G47066" s="16">
        <v>0</v>
      </c>
    </row>
    <row r="47067" spans="1:7" x14ac:dyDescent="0.3">
      <c r="A47067" s="13" t="s">
        <v>268</v>
      </c>
      <c r="B47067" s="14" t="s">
        <v>1</v>
      </c>
      <c r="C47067" s="14" t="s">
        <v>47</v>
      </c>
      <c r="D47067" s="14" t="s">
        <v>269</v>
      </c>
      <c r="E47067" s="15">
        <v>45723</v>
      </c>
      <c r="F47067" s="14" t="s">
        <v>53</v>
      </c>
      <c r="G47067" s="16">
        <v>0</v>
      </c>
    </row>
    <row r="47068" spans="1:7" x14ac:dyDescent="0.3">
      <c r="A47068" s="13" t="s">
        <v>268</v>
      </c>
      <c r="B47068" s="14" t="s">
        <v>1</v>
      </c>
      <c r="C47068" s="14" t="s">
        <v>47</v>
      </c>
      <c r="D47068" s="14" t="s">
        <v>269</v>
      </c>
      <c r="E47068" s="15">
        <v>45724</v>
      </c>
      <c r="F47068" s="14" t="s">
        <v>53</v>
      </c>
      <c r="G47068" s="16">
        <v>0</v>
      </c>
    </row>
    <row r="47069" spans="1:7" x14ac:dyDescent="0.3">
      <c r="A47069" s="13" t="s">
        <v>268</v>
      </c>
      <c r="B47069" s="14" t="s">
        <v>1</v>
      </c>
      <c r="C47069" s="14" t="s">
        <v>47</v>
      </c>
      <c r="D47069" s="14" t="s">
        <v>269</v>
      </c>
      <c r="E47069" s="15">
        <v>45725</v>
      </c>
      <c r="F47069" s="14" t="s">
        <v>53</v>
      </c>
      <c r="G47069" s="16">
        <v>0</v>
      </c>
    </row>
    <row r="47070" spans="1:7" x14ac:dyDescent="0.3">
      <c r="A47070" s="13" t="s">
        <v>268</v>
      </c>
      <c r="B47070" s="14" t="s">
        <v>1</v>
      </c>
      <c r="C47070" s="14" t="s">
        <v>47</v>
      </c>
      <c r="D47070" s="14" t="s">
        <v>269</v>
      </c>
      <c r="E47070" s="15">
        <v>45726</v>
      </c>
      <c r="F47070" s="14" t="s">
        <v>53</v>
      </c>
      <c r="G47070" s="16">
        <v>0</v>
      </c>
    </row>
    <row r="47071" spans="1:7" x14ac:dyDescent="0.3">
      <c r="A47071" s="13" t="s">
        <v>268</v>
      </c>
      <c r="B47071" s="14" t="s">
        <v>1</v>
      </c>
      <c r="C47071" s="14" t="s">
        <v>47</v>
      </c>
      <c r="D47071" s="14" t="s">
        <v>269</v>
      </c>
      <c r="E47071" s="15">
        <v>45727</v>
      </c>
      <c r="F47071" s="14" t="s">
        <v>53</v>
      </c>
      <c r="G47071" s="16">
        <v>0</v>
      </c>
    </row>
    <row r="47072" spans="1:7" x14ac:dyDescent="0.3">
      <c r="A47072" s="13" t="s">
        <v>268</v>
      </c>
      <c r="B47072" s="14" t="s">
        <v>1</v>
      </c>
      <c r="C47072" s="14" t="s">
        <v>47</v>
      </c>
      <c r="D47072" s="14" t="s">
        <v>269</v>
      </c>
      <c r="E47072" s="15">
        <v>45728</v>
      </c>
      <c r="F47072" s="14" t="s">
        <v>53</v>
      </c>
      <c r="G47072" s="16">
        <v>0</v>
      </c>
    </row>
    <row r="47073" spans="1:7" x14ac:dyDescent="0.3">
      <c r="A47073" s="13" t="s">
        <v>268</v>
      </c>
      <c r="B47073" s="14" t="s">
        <v>1</v>
      </c>
      <c r="C47073" s="14" t="s">
        <v>47</v>
      </c>
      <c r="D47073" s="14" t="s">
        <v>269</v>
      </c>
      <c r="E47073" s="15">
        <v>45729</v>
      </c>
      <c r="F47073" s="14" t="s">
        <v>53</v>
      </c>
      <c r="G47073" s="16">
        <v>0</v>
      </c>
    </row>
    <row r="47074" spans="1:7" x14ac:dyDescent="0.3">
      <c r="A47074" s="13" t="s">
        <v>268</v>
      </c>
      <c r="B47074" s="14" t="s">
        <v>1</v>
      </c>
      <c r="C47074" s="14" t="s">
        <v>47</v>
      </c>
      <c r="D47074" s="14" t="s">
        <v>269</v>
      </c>
      <c r="E47074" s="15">
        <v>45730</v>
      </c>
      <c r="F47074" s="14" t="s">
        <v>53</v>
      </c>
      <c r="G47074" s="16">
        <v>0</v>
      </c>
    </row>
    <row r="47075" spans="1:7" x14ac:dyDescent="0.3">
      <c r="A47075" s="13" t="s">
        <v>268</v>
      </c>
      <c r="B47075" s="14" t="s">
        <v>1</v>
      </c>
      <c r="C47075" s="14" t="s">
        <v>47</v>
      </c>
      <c r="D47075" s="14" t="s">
        <v>269</v>
      </c>
      <c r="E47075" s="15">
        <v>45731</v>
      </c>
      <c r="F47075" s="14" t="s">
        <v>53</v>
      </c>
      <c r="G47075" s="16">
        <v>0</v>
      </c>
    </row>
    <row r="47076" spans="1:7" x14ac:dyDescent="0.3">
      <c r="A47076" s="13" t="s">
        <v>268</v>
      </c>
      <c r="B47076" s="14" t="s">
        <v>1</v>
      </c>
      <c r="C47076" s="14" t="s">
        <v>47</v>
      </c>
      <c r="D47076" s="14" t="s">
        <v>269</v>
      </c>
      <c r="E47076" s="15">
        <v>45732</v>
      </c>
      <c r="F47076" s="14" t="s">
        <v>53</v>
      </c>
      <c r="G47076" s="16">
        <v>0</v>
      </c>
    </row>
    <row r="47077" spans="1:7" x14ac:dyDescent="0.3">
      <c r="A47077" s="13" t="s">
        <v>268</v>
      </c>
      <c r="B47077" s="14" t="s">
        <v>1</v>
      </c>
      <c r="C47077" s="14" t="s">
        <v>47</v>
      </c>
      <c r="D47077" s="14" t="s">
        <v>269</v>
      </c>
      <c r="E47077" s="15">
        <v>45733</v>
      </c>
      <c r="F47077" s="14" t="s">
        <v>53</v>
      </c>
      <c r="G47077" s="16">
        <v>0</v>
      </c>
    </row>
    <row r="47078" spans="1:7" x14ac:dyDescent="0.3">
      <c r="A47078" s="13" t="s">
        <v>268</v>
      </c>
      <c r="B47078" s="14" t="s">
        <v>1</v>
      </c>
      <c r="C47078" s="14" t="s">
        <v>47</v>
      </c>
      <c r="D47078" s="14" t="s">
        <v>269</v>
      </c>
      <c r="E47078" s="15">
        <v>45734</v>
      </c>
      <c r="F47078" s="14" t="s">
        <v>53</v>
      </c>
      <c r="G47078" s="16">
        <v>0</v>
      </c>
    </row>
    <row r="47079" spans="1:7" x14ac:dyDescent="0.3">
      <c r="A47079" s="13" t="s">
        <v>268</v>
      </c>
      <c r="B47079" s="14" t="s">
        <v>1</v>
      </c>
      <c r="C47079" s="14" t="s">
        <v>47</v>
      </c>
      <c r="D47079" s="14" t="s">
        <v>269</v>
      </c>
      <c r="E47079" s="15">
        <v>45735</v>
      </c>
      <c r="F47079" s="14" t="s">
        <v>53</v>
      </c>
      <c r="G47079" s="16">
        <v>0</v>
      </c>
    </row>
    <row r="47080" spans="1:7" x14ac:dyDescent="0.3">
      <c r="A47080" s="13" t="s">
        <v>268</v>
      </c>
      <c r="B47080" s="14" t="s">
        <v>1</v>
      </c>
      <c r="C47080" s="14" t="s">
        <v>47</v>
      </c>
      <c r="D47080" s="14" t="s">
        <v>269</v>
      </c>
      <c r="E47080" s="15">
        <v>45736</v>
      </c>
      <c r="F47080" s="14" t="s">
        <v>53</v>
      </c>
      <c r="G47080" s="16">
        <v>0</v>
      </c>
    </row>
    <row r="47081" spans="1:7" x14ac:dyDescent="0.3">
      <c r="A47081" s="13" t="s">
        <v>268</v>
      </c>
      <c r="B47081" s="14" t="s">
        <v>1</v>
      </c>
      <c r="C47081" s="14" t="s">
        <v>47</v>
      </c>
      <c r="D47081" s="14" t="s">
        <v>269</v>
      </c>
      <c r="E47081" s="15">
        <v>45737</v>
      </c>
      <c r="F47081" s="14" t="s">
        <v>53</v>
      </c>
      <c r="G47081" s="16">
        <v>0</v>
      </c>
    </row>
    <row r="47082" spans="1:7" x14ac:dyDescent="0.3">
      <c r="A47082" s="13" t="s">
        <v>268</v>
      </c>
      <c r="B47082" s="14" t="s">
        <v>1</v>
      </c>
      <c r="C47082" s="14" t="s">
        <v>47</v>
      </c>
      <c r="D47082" s="14" t="s">
        <v>269</v>
      </c>
      <c r="E47082" s="15">
        <v>45738</v>
      </c>
      <c r="F47082" s="14" t="s">
        <v>53</v>
      </c>
      <c r="G47082" s="16">
        <v>0</v>
      </c>
    </row>
    <row r="47083" spans="1:7" x14ac:dyDescent="0.3">
      <c r="A47083" s="13" t="s">
        <v>268</v>
      </c>
      <c r="B47083" s="14" t="s">
        <v>1</v>
      </c>
      <c r="C47083" s="14" t="s">
        <v>47</v>
      </c>
      <c r="D47083" s="14" t="s">
        <v>269</v>
      </c>
      <c r="E47083" s="15">
        <v>45739</v>
      </c>
      <c r="F47083" s="14" t="s">
        <v>53</v>
      </c>
      <c r="G47083" s="16">
        <v>0</v>
      </c>
    </row>
    <row r="47084" spans="1:7" x14ac:dyDescent="0.3">
      <c r="A47084" s="13" t="s">
        <v>268</v>
      </c>
      <c r="B47084" s="14" t="s">
        <v>1</v>
      </c>
      <c r="C47084" s="14" t="s">
        <v>47</v>
      </c>
      <c r="D47084" s="14" t="s">
        <v>269</v>
      </c>
      <c r="E47084" s="15">
        <v>45740</v>
      </c>
      <c r="F47084" s="14" t="s">
        <v>53</v>
      </c>
      <c r="G47084" s="16">
        <v>0</v>
      </c>
    </row>
    <row r="47085" spans="1:7" x14ac:dyDescent="0.3">
      <c r="A47085" s="13" t="s">
        <v>268</v>
      </c>
      <c r="B47085" s="14" t="s">
        <v>1</v>
      </c>
      <c r="C47085" s="14" t="s">
        <v>47</v>
      </c>
      <c r="D47085" s="14" t="s">
        <v>269</v>
      </c>
      <c r="E47085" s="15">
        <v>45741</v>
      </c>
      <c r="F47085" s="14" t="s">
        <v>53</v>
      </c>
      <c r="G47085" s="16">
        <v>0</v>
      </c>
    </row>
    <row r="47086" spans="1:7" x14ac:dyDescent="0.3">
      <c r="A47086" s="13" t="s">
        <v>268</v>
      </c>
      <c r="B47086" s="14" t="s">
        <v>1</v>
      </c>
      <c r="C47086" s="14" t="s">
        <v>47</v>
      </c>
      <c r="D47086" s="14" t="s">
        <v>269</v>
      </c>
      <c r="E47086" s="15">
        <v>45742</v>
      </c>
      <c r="F47086" s="14" t="s">
        <v>53</v>
      </c>
      <c r="G47086" s="16">
        <v>0</v>
      </c>
    </row>
    <row r="47087" spans="1:7" x14ac:dyDescent="0.3">
      <c r="A47087" s="13" t="s">
        <v>268</v>
      </c>
      <c r="B47087" s="14" t="s">
        <v>1</v>
      </c>
      <c r="C47087" s="14" t="s">
        <v>47</v>
      </c>
      <c r="D47087" s="14" t="s">
        <v>269</v>
      </c>
      <c r="E47087" s="15">
        <v>45743</v>
      </c>
      <c r="F47087" s="14" t="s">
        <v>53</v>
      </c>
      <c r="G47087" s="16">
        <v>0</v>
      </c>
    </row>
    <row r="47088" spans="1:7" x14ac:dyDescent="0.3">
      <c r="A47088" s="13" t="s">
        <v>268</v>
      </c>
      <c r="B47088" s="14" t="s">
        <v>1</v>
      </c>
      <c r="C47088" s="14" t="s">
        <v>47</v>
      </c>
      <c r="D47088" s="14" t="s">
        <v>269</v>
      </c>
      <c r="E47088" s="15">
        <v>45744</v>
      </c>
      <c r="F47088" s="14" t="s">
        <v>53</v>
      </c>
      <c r="G47088" s="16">
        <v>0</v>
      </c>
    </row>
    <row r="47089" spans="1:7" x14ac:dyDescent="0.3">
      <c r="A47089" s="13" t="s">
        <v>268</v>
      </c>
      <c r="B47089" s="14" t="s">
        <v>1</v>
      </c>
      <c r="C47089" s="14" t="s">
        <v>47</v>
      </c>
      <c r="D47089" s="14" t="s">
        <v>269</v>
      </c>
      <c r="E47089" s="15">
        <v>45745</v>
      </c>
      <c r="F47089" s="14" t="s">
        <v>53</v>
      </c>
      <c r="G47089" s="16">
        <v>0</v>
      </c>
    </row>
    <row r="47090" spans="1:7" x14ac:dyDescent="0.3">
      <c r="A47090" s="13" t="s">
        <v>268</v>
      </c>
      <c r="B47090" s="14" t="s">
        <v>1</v>
      </c>
      <c r="C47090" s="14" t="s">
        <v>47</v>
      </c>
      <c r="D47090" s="14" t="s">
        <v>269</v>
      </c>
      <c r="E47090" s="15">
        <v>45746</v>
      </c>
      <c r="F47090" s="14" t="s">
        <v>53</v>
      </c>
      <c r="G47090" s="16">
        <v>0</v>
      </c>
    </row>
    <row r="47091" spans="1:7" x14ac:dyDescent="0.3">
      <c r="A47091" s="13" t="s">
        <v>268</v>
      </c>
      <c r="B47091" s="14" t="s">
        <v>1</v>
      </c>
      <c r="C47091" s="14" t="s">
        <v>47</v>
      </c>
      <c r="D47091" s="14" t="s">
        <v>269</v>
      </c>
      <c r="E47091" s="15">
        <v>45747</v>
      </c>
      <c r="F47091" s="14" t="s">
        <v>53</v>
      </c>
      <c r="G47091" s="16">
        <v>0</v>
      </c>
    </row>
    <row r="47092" spans="1:7" x14ac:dyDescent="0.3">
      <c r="A47092" s="13" t="s">
        <v>270</v>
      </c>
      <c r="B47092" s="14" t="s">
        <v>1</v>
      </c>
      <c r="C47092" s="14" t="s">
        <v>23</v>
      </c>
      <c r="D47092" s="14" t="s">
        <v>271</v>
      </c>
      <c r="E47092" s="15">
        <v>45383</v>
      </c>
      <c r="F47092" s="14" t="s">
        <v>53</v>
      </c>
      <c r="G47092" s="16">
        <v>0</v>
      </c>
    </row>
    <row r="47093" spans="1:7" x14ac:dyDescent="0.3">
      <c r="A47093" s="13" t="s">
        <v>270</v>
      </c>
      <c r="B47093" s="14" t="s">
        <v>1</v>
      </c>
      <c r="C47093" s="14" t="s">
        <v>23</v>
      </c>
      <c r="D47093" s="14" t="s">
        <v>271</v>
      </c>
      <c r="E47093" s="15">
        <v>45384</v>
      </c>
      <c r="F47093" s="14" t="s">
        <v>53</v>
      </c>
      <c r="G47093" s="16">
        <v>0</v>
      </c>
    </row>
    <row r="47094" spans="1:7" x14ac:dyDescent="0.3">
      <c r="A47094" s="13" t="s">
        <v>270</v>
      </c>
      <c r="B47094" s="14" t="s">
        <v>1</v>
      </c>
      <c r="C47094" s="14" t="s">
        <v>23</v>
      </c>
      <c r="D47094" s="14" t="s">
        <v>271</v>
      </c>
      <c r="E47094" s="15">
        <v>45385</v>
      </c>
      <c r="F47094" s="14" t="s">
        <v>53</v>
      </c>
      <c r="G47094" s="16">
        <v>7.3098196264498191E-2</v>
      </c>
    </row>
    <row r="47095" spans="1:7" x14ac:dyDescent="0.3">
      <c r="A47095" s="13" t="s">
        <v>270</v>
      </c>
      <c r="B47095" s="14" t="s">
        <v>1</v>
      </c>
      <c r="C47095" s="14" t="s">
        <v>23</v>
      </c>
      <c r="D47095" s="14" t="s">
        <v>271</v>
      </c>
      <c r="E47095" s="15">
        <v>45386</v>
      </c>
      <c r="F47095" s="14" t="s">
        <v>53</v>
      </c>
      <c r="G47095" s="16">
        <v>9.0526991441718496E-2</v>
      </c>
    </row>
    <row r="47096" spans="1:7" x14ac:dyDescent="0.3">
      <c r="A47096" s="13" t="s">
        <v>270</v>
      </c>
      <c r="B47096" s="14" t="s">
        <v>1</v>
      </c>
      <c r="C47096" s="14" t="s">
        <v>23</v>
      </c>
      <c r="D47096" s="14" t="s">
        <v>271</v>
      </c>
      <c r="E47096" s="15">
        <v>45387</v>
      </c>
      <c r="F47096" s="14" t="s">
        <v>53</v>
      </c>
      <c r="G47096" s="16">
        <v>0.11794426139681419</v>
      </c>
    </row>
    <row r="47097" spans="1:7" x14ac:dyDescent="0.3">
      <c r="A47097" s="13" t="s">
        <v>270</v>
      </c>
      <c r="B47097" s="14" t="s">
        <v>1</v>
      </c>
      <c r="C47097" s="14" t="s">
        <v>23</v>
      </c>
      <c r="D47097" s="14" t="s">
        <v>271</v>
      </c>
      <c r="E47097" s="15">
        <v>45388</v>
      </c>
      <c r="F47097" s="14" t="s">
        <v>53</v>
      </c>
      <c r="G47097" s="16">
        <v>0.11794426139681419</v>
      </c>
    </row>
    <row r="47098" spans="1:7" x14ac:dyDescent="0.3">
      <c r="A47098" s="13" t="s">
        <v>270</v>
      </c>
      <c r="B47098" s="14" t="s">
        <v>1</v>
      </c>
      <c r="C47098" s="14" t="s">
        <v>23</v>
      </c>
      <c r="D47098" s="14" t="s">
        <v>271</v>
      </c>
      <c r="E47098" s="15">
        <v>45389</v>
      </c>
      <c r="F47098" s="14" t="s">
        <v>53</v>
      </c>
      <c r="G47098" s="16">
        <v>0.11794426139681419</v>
      </c>
    </row>
    <row r="47099" spans="1:7" x14ac:dyDescent="0.3">
      <c r="A47099" s="13" t="s">
        <v>270</v>
      </c>
      <c r="B47099" s="14" t="s">
        <v>1</v>
      </c>
      <c r="C47099" s="14" t="s">
        <v>23</v>
      </c>
      <c r="D47099" s="14" t="s">
        <v>271</v>
      </c>
      <c r="E47099" s="15">
        <v>45390</v>
      </c>
      <c r="F47099" s="14" t="s">
        <v>53</v>
      </c>
      <c r="G47099" s="16">
        <v>0.13337349744158802</v>
      </c>
    </row>
    <row r="47100" spans="1:7" x14ac:dyDescent="0.3">
      <c r="A47100" s="13" t="s">
        <v>270</v>
      </c>
      <c r="B47100" s="14" t="s">
        <v>1</v>
      </c>
      <c r="C47100" s="14" t="s">
        <v>23</v>
      </c>
      <c r="D47100" s="14" t="s">
        <v>271</v>
      </c>
      <c r="E47100" s="15">
        <v>45391</v>
      </c>
      <c r="F47100" s="14" t="s">
        <v>53</v>
      </c>
      <c r="G47100" s="16">
        <v>0.1794948802455848</v>
      </c>
    </row>
    <row r="47101" spans="1:7" x14ac:dyDescent="0.3">
      <c r="A47101" s="13" t="s">
        <v>270</v>
      </c>
      <c r="B47101" s="14" t="s">
        <v>1</v>
      </c>
      <c r="C47101" s="14" t="s">
        <v>23</v>
      </c>
      <c r="D47101" s="14" t="s">
        <v>271</v>
      </c>
      <c r="E47101" s="15">
        <v>45392</v>
      </c>
      <c r="F47101" s="14" t="s">
        <v>53</v>
      </c>
      <c r="G47101" s="16">
        <v>0.19996207599731411</v>
      </c>
    </row>
    <row r="47102" spans="1:7" x14ac:dyDescent="0.3">
      <c r="A47102" s="13" t="s">
        <v>270</v>
      </c>
      <c r="B47102" s="14" t="s">
        <v>1</v>
      </c>
      <c r="C47102" s="14" t="s">
        <v>23</v>
      </c>
      <c r="D47102" s="14" t="s">
        <v>271</v>
      </c>
      <c r="E47102" s="15">
        <v>45393</v>
      </c>
      <c r="F47102" s="14" t="s">
        <v>53</v>
      </c>
      <c r="G47102" s="16">
        <v>0.21670400634796344</v>
      </c>
    </row>
    <row r="47103" spans="1:7" x14ac:dyDescent="0.3">
      <c r="A47103" s="13" t="s">
        <v>270</v>
      </c>
      <c r="B47103" s="14" t="s">
        <v>1</v>
      </c>
      <c r="C47103" s="14" t="s">
        <v>23</v>
      </c>
      <c r="D47103" s="14" t="s">
        <v>271</v>
      </c>
      <c r="E47103" s="15">
        <v>45394</v>
      </c>
      <c r="F47103" s="14" t="s">
        <v>53</v>
      </c>
      <c r="G47103" s="16">
        <v>0.23417741214238591</v>
      </c>
    </row>
    <row r="47104" spans="1:7" x14ac:dyDescent="0.3">
      <c r="A47104" s="13" t="s">
        <v>270</v>
      </c>
      <c r="B47104" s="14" t="s">
        <v>1</v>
      </c>
      <c r="C47104" s="14" t="s">
        <v>23</v>
      </c>
      <c r="D47104" s="14" t="s">
        <v>271</v>
      </c>
      <c r="E47104" s="15">
        <v>45395</v>
      </c>
      <c r="F47104" s="14" t="s">
        <v>53</v>
      </c>
      <c r="G47104" s="16">
        <v>0.23417741214238591</v>
      </c>
    </row>
    <row r="47105" spans="1:7" x14ac:dyDescent="0.3">
      <c r="A47105" s="13" t="s">
        <v>270</v>
      </c>
      <c r="B47105" s="14" t="s">
        <v>1</v>
      </c>
      <c r="C47105" s="14" t="s">
        <v>23</v>
      </c>
      <c r="D47105" s="14" t="s">
        <v>271</v>
      </c>
      <c r="E47105" s="15">
        <v>45396</v>
      </c>
      <c r="F47105" s="14" t="s">
        <v>53</v>
      </c>
      <c r="G47105" s="16">
        <v>0.23417741214238591</v>
      </c>
    </row>
    <row r="47106" spans="1:7" x14ac:dyDescent="0.3">
      <c r="A47106" s="13" t="s">
        <v>270</v>
      </c>
      <c r="B47106" s="14" t="s">
        <v>1</v>
      </c>
      <c r="C47106" s="14" t="s">
        <v>23</v>
      </c>
      <c r="D47106" s="14" t="s">
        <v>271</v>
      </c>
      <c r="E47106" s="15">
        <v>45397</v>
      </c>
      <c r="F47106" s="14" t="s">
        <v>53</v>
      </c>
      <c r="G47106" s="16">
        <v>0.251135285178613</v>
      </c>
    </row>
    <row r="47107" spans="1:7" x14ac:dyDescent="0.3">
      <c r="A47107" s="13" t="s">
        <v>270</v>
      </c>
      <c r="B47107" s="14" t="s">
        <v>1</v>
      </c>
      <c r="C47107" s="14" t="s">
        <v>23</v>
      </c>
      <c r="D47107" s="14" t="s">
        <v>271</v>
      </c>
      <c r="E47107" s="15">
        <v>45398</v>
      </c>
      <c r="F47107" s="14" t="s">
        <v>53</v>
      </c>
      <c r="G47107" s="16">
        <v>0.29746309846895008</v>
      </c>
    </row>
    <row r="47108" spans="1:7" x14ac:dyDescent="0.3">
      <c r="A47108" s="13" t="s">
        <v>270</v>
      </c>
      <c r="B47108" s="14" t="s">
        <v>1</v>
      </c>
      <c r="C47108" s="14" t="s">
        <v>23</v>
      </c>
      <c r="D47108" s="14" t="s">
        <v>271</v>
      </c>
      <c r="E47108" s="15">
        <v>45399</v>
      </c>
      <c r="F47108" s="14" t="s">
        <v>53</v>
      </c>
      <c r="G47108" s="16">
        <v>0.31208599197216857</v>
      </c>
    </row>
    <row r="47109" spans="1:7" x14ac:dyDescent="0.3">
      <c r="A47109" s="13" t="s">
        <v>270</v>
      </c>
      <c r="B47109" s="14" t="s">
        <v>1</v>
      </c>
      <c r="C47109" s="14" t="s">
        <v>23</v>
      </c>
      <c r="D47109" s="14" t="s">
        <v>271</v>
      </c>
      <c r="E47109" s="15">
        <v>45400</v>
      </c>
      <c r="F47109" s="14" t="s">
        <v>53</v>
      </c>
      <c r="G47109" s="16">
        <v>0.32791339352705928</v>
      </c>
    </row>
    <row r="47110" spans="1:7" x14ac:dyDescent="0.3">
      <c r="A47110" s="13" t="s">
        <v>270</v>
      </c>
      <c r="B47110" s="14" t="s">
        <v>1</v>
      </c>
      <c r="C47110" s="14" t="s">
        <v>23</v>
      </c>
      <c r="D47110" s="14" t="s">
        <v>271</v>
      </c>
      <c r="E47110" s="15">
        <v>45401</v>
      </c>
      <c r="F47110" s="14" t="s">
        <v>53</v>
      </c>
      <c r="G47110" s="16">
        <v>0.34500940312606559</v>
      </c>
    </row>
    <row r="47111" spans="1:7" x14ac:dyDescent="0.3">
      <c r="A47111" s="13" t="s">
        <v>270</v>
      </c>
      <c r="B47111" s="14" t="s">
        <v>1</v>
      </c>
      <c r="C47111" s="14" t="s">
        <v>23</v>
      </c>
      <c r="D47111" s="14" t="s">
        <v>271</v>
      </c>
      <c r="E47111" s="15">
        <v>45402</v>
      </c>
      <c r="F47111" s="14" t="s">
        <v>53</v>
      </c>
      <c r="G47111" s="16">
        <v>0.34500940312606559</v>
      </c>
    </row>
    <row r="47112" spans="1:7" x14ac:dyDescent="0.3">
      <c r="A47112" s="13" t="s">
        <v>270</v>
      </c>
      <c r="B47112" s="14" t="s">
        <v>1</v>
      </c>
      <c r="C47112" s="14" t="s">
        <v>23</v>
      </c>
      <c r="D47112" s="14" t="s">
        <v>271</v>
      </c>
      <c r="E47112" s="15">
        <v>45403</v>
      </c>
      <c r="F47112" s="14" t="s">
        <v>53</v>
      </c>
      <c r="G47112" s="16">
        <v>0.34500940312606559</v>
      </c>
    </row>
    <row r="47113" spans="1:7" x14ac:dyDescent="0.3">
      <c r="A47113" s="13" t="s">
        <v>270</v>
      </c>
      <c r="B47113" s="14" t="s">
        <v>1</v>
      </c>
      <c r="C47113" s="14" t="s">
        <v>23</v>
      </c>
      <c r="D47113" s="14" t="s">
        <v>271</v>
      </c>
      <c r="E47113" s="15">
        <v>45404</v>
      </c>
      <c r="F47113" s="14" t="s">
        <v>53</v>
      </c>
      <c r="G47113" s="16">
        <v>0.3680512700835335</v>
      </c>
    </row>
    <row r="47114" spans="1:7" x14ac:dyDescent="0.3">
      <c r="A47114" s="13" t="s">
        <v>270</v>
      </c>
      <c r="B47114" s="14" t="s">
        <v>1</v>
      </c>
      <c r="C47114" s="14" t="s">
        <v>23</v>
      </c>
      <c r="D47114" s="14" t="s">
        <v>271</v>
      </c>
      <c r="E47114" s="15">
        <v>45405</v>
      </c>
      <c r="F47114" s="14" t="s">
        <v>53</v>
      </c>
      <c r="G47114" s="16">
        <v>0.40468632226609008</v>
      </c>
    </row>
    <row r="47115" spans="1:7" x14ac:dyDescent="0.3">
      <c r="A47115" s="13" t="s">
        <v>270</v>
      </c>
      <c r="B47115" s="14" t="s">
        <v>1</v>
      </c>
      <c r="C47115" s="14" t="s">
        <v>23</v>
      </c>
      <c r="D47115" s="14" t="s">
        <v>271</v>
      </c>
      <c r="E47115" s="15">
        <v>45406</v>
      </c>
      <c r="F47115" s="14" t="s">
        <v>53</v>
      </c>
      <c r="G47115" s="16">
        <v>0.41678449639130688</v>
      </c>
    </row>
    <row r="47116" spans="1:7" x14ac:dyDescent="0.3">
      <c r="A47116" s="13" t="s">
        <v>270</v>
      </c>
      <c r="B47116" s="14" t="s">
        <v>1</v>
      </c>
      <c r="C47116" s="14" t="s">
        <v>23</v>
      </c>
      <c r="D47116" s="14" t="s">
        <v>271</v>
      </c>
      <c r="E47116" s="15">
        <v>45407</v>
      </c>
      <c r="F47116" s="14" t="s">
        <v>53</v>
      </c>
      <c r="G47116" s="16">
        <v>0.38306860728079689</v>
      </c>
    </row>
    <row r="47117" spans="1:7" x14ac:dyDescent="0.3">
      <c r="A47117" s="13" t="s">
        <v>270</v>
      </c>
      <c r="B47117" s="14" t="s">
        <v>1</v>
      </c>
      <c r="C47117" s="14" t="s">
        <v>23</v>
      </c>
      <c r="D47117" s="14" t="s">
        <v>271</v>
      </c>
      <c r="E47117" s="15">
        <v>45408</v>
      </c>
      <c r="F47117" s="14" t="s">
        <v>53</v>
      </c>
      <c r="G47117" s="16">
        <v>0.397880874474696</v>
      </c>
    </row>
    <row r="47118" spans="1:7" x14ac:dyDescent="0.3">
      <c r="A47118" s="13" t="s">
        <v>270</v>
      </c>
      <c r="B47118" s="14" t="s">
        <v>1</v>
      </c>
      <c r="C47118" s="14" t="s">
        <v>23</v>
      </c>
      <c r="D47118" s="14" t="s">
        <v>271</v>
      </c>
      <c r="E47118" s="15">
        <v>45409</v>
      </c>
      <c r="F47118" s="14" t="s">
        <v>53</v>
      </c>
      <c r="G47118" s="16">
        <v>0.397880874474696</v>
      </c>
    </row>
    <row r="47119" spans="1:7" x14ac:dyDescent="0.3">
      <c r="A47119" s="13" t="s">
        <v>270</v>
      </c>
      <c r="B47119" s="14" t="s">
        <v>1</v>
      </c>
      <c r="C47119" s="14" t="s">
        <v>23</v>
      </c>
      <c r="D47119" s="14" t="s">
        <v>271</v>
      </c>
      <c r="E47119" s="15">
        <v>45410</v>
      </c>
      <c r="F47119" s="14" t="s">
        <v>53</v>
      </c>
      <c r="G47119" s="16">
        <v>0.397880874474696</v>
      </c>
    </row>
    <row r="47120" spans="1:7" x14ac:dyDescent="0.3">
      <c r="A47120" s="13" t="s">
        <v>270</v>
      </c>
      <c r="B47120" s="14" t="s">
        <v>1</v>
      </c>
      <c r="C47120" s="14" t="s">
        <v>23</v>
      </c>
      <c r="D47120" s="14" t="s">
        <v>271</v>
      </c>
      <c r="E47120" s="15">
        <v>45411</v>
      </c>
      <c r="F47120" s="14" t="s">
        <v>53</v>
      </c>
      <c r="G47120" s="16">
        <v>0.41131264594847572</v>
      </c>
    </row>
    <row r="47121" spans="1:7" x14ac:dyDescent="0.3">
      <c r="A47121" s="13" t="s">
        <v>270</v>
      </c>
      <c r="B47121" s="14" t="s">
        <v>1</v>
      </c>
      <c r="C47121" s="14" t="s">
        <v>23</v>
      </c>
      <c r="D47121" s="14" t="s">
        <v>271</v>
      </c>
      <c r="E47121" s="15">
        <v>45412</v>
      </c>
      <c r="F47121" s="14" t="s">
        <v>53</v>
      </c>
      <c r="G47121" s="16">
        <v>0.46101529053217499</v>
      </c>
    </row>
    <row r="47122" spans="1:7" x14ac:dyDescent="0.3">
      <c r="A47122" s="13" t="s">
        <v>270</v>
      </c>
      <c r="B47122" s="14" t="s">
        <v>1</v>
      </c>
      <c r="C47122" s="14" t="s">
        <v>23</v>
      </c>
      <c r="D47122" s="14" t="s">
        <v>271</v>
      </c>
      <c r="E47122" s="15">
        <v>45413</v>
      </c>
      <c r="F47122" s="14" t="s">
        <v>53</v>
      </c>
      <c r="G47122" s="16">
        <v>0.47546806461649599</v>
      </c>
    </row>
    <row r="47123" spans="1:7" x14ac:dyDescent="0.3">
      <c r="A47123" s="13" t="s">
        <v>270</v>
      </c>
      <c r="B47123" s="14" t="s">
        <v>1</v>
      </c>
      <c r="C47123" s="14" t="s">
        <v>23</v>
      </c>
      <c r="D47123" s="14" t="s">
        <v>271</v>
      </c>
      <c r="E47123" s="15">
        <v>45414</v>
      </c>
      <c r="F47123" s="14" t="s">
        <v>53</v>
      </c>
      <c r="G47123" s="16">
        <v>0.49111083715085141</v>
      </c>
    </row>
    <row r="47124" spans="1:7" x14ac:dyDescent="0.3">
      <c r="A47124" s="13" t="s">
        <v>270</v>
      </c>
      <c r="B47124" s="14" t="s">
        <v>1</v>
      </c>
      <c r="C47124" s="14" t="s">
        <v>23</v>
      </c>
      <c r="D47124" s="14" t="s">
        <v>271</v>
      </c>
      <c r="E47124" s="15">
        <v>45415</v>
      </c>
      <c r="F47124" s="14" t="s">
        <v>53</v>
      </c>
      <c r="G47124" s="16">
        <v>0.50641367801987147</v>
      </c>
    </row>
    <row r="47125" spans="1:7" x14ac:dyDescent="0.3">
      <c r="A47125" s="13" t="s">
        <v>270</v>
      </c>
      <c r="B47125" s="14" t="s">
        <v>1</v>
      </c>
      <c r="C47125" s="14" t="s">
        <v>23</v>
      </c>
      <c r="D47125" s="14" t="s">
        <v>271</v>
      </c>
      <c r="E47125" s="15">
        <v>45416</v>
      </c>
      <c r="F47125" s="14" t="s">
        <v>53</v>
      </c>
      <c r="G47125" s="16">
        <v>0.50641367801987147</v>
      </c>
    </row>
    <row r="47126" spans="1:7" x14ac:dyDescent="0.3">
      <c r="A47126" s="13" t="s">
        <v>270</v>
      </c>
      <c r="B47126" s="14" t="s">
        <v>1</v>
      </c>
      <c r="C47126" s="14" t="s">
        <v>23</v>
      </c>
      <c r="D47126" s="14" t="s">
        <v>271</v>
      </c>
      <c r="E47126" s="15">
        <v>45417</v>
      </c>
      <c r="F47126" s="14" t="s">
        <v>53</v>
      </c>
      <c r="G47126" s="16">
        <v>0.50641367801987147</v>
      </c>
    </row>
    <row r="47127" spans="1:7" x14ac:dyDescent="0.3">
      <c r="A47127" s="13" t="s">
        <v>270</v>
      </c>
      <c r="B47127" s="14" t="s">
        <v>1</v>
      </c>
      <c r="C47127" s="14" t="s">
        <v>23</v>
      </c>
      <c r="D47127" s="14" t="s">
        <v>271</v>
      </c>
      <c r="E47127" s="15">
        <v>45418</v>
      </c>
      <c r="F47127" s="14" t="s">
        <v>53</v>
      </c>
      <c r="G47127" s="16">
        <v>0.50641367801987147</v>
      </c>
    </row>
    <row r="47128" spans="1:7" x14ac:dyDescent="0.3">
      <c r="A47128" s="13" t="s">
        <v>270</v>
      </c>
      <c r="B47128" s="14" t="s">
        <v>1</v>
      </c>
      <c r="C47128" s="14" t="s">
        <v>23</v>
      </c>
      <c r="D47128" s="14" t="s">
        <v>271</v>
      </c>
      <c r="E47128" s="15">
        <v>45419</v>
      </c>
      <c r="F47128" s="14" t="s">
        <v>53</v>
      </c>
      <c r="G47128" s="16">
        <v>0.52320319775824398</v>
      </c>
    </row>
    <row r="47129" spans="1:7" x14ac:dyDescent="0.3">
      <c r="A47129" s="13" t="s">
        <v>270</v>
      </c>
      <c r="B47129" s="14" t="s">
        <v>1</v>
      </c>
      <c r="C47129" s="14" t="s">
        <v>23</v>
      </c>
      <c r="D47129" s="14" t="s">
        <v>271</v>
      </c>
      <c r="E47129" s="15">
        <v>45420</v>
      </c>
      <c r="F47129" s="14" t="s">
        <v>53</v>
      </c>
      <c r="G47129" s="16">
        <v>0.60125894571994132</v>
      </c>
    </row>
    <row r="47130" spans="1:7" x14ac:dyDescent="0.3">
      <c r="A47130" s="13" t="s">
        <v>270</v>
      </c>
      <c r="B47130" s="14" t="s">
        <v>1</v>
      </c>
      <c r="C47130" s="14" t="s">
        <v>23</v>
      </c>
      <c r="D47130" s="14" t="s">
        <v>271</v>
      </c>
      <c r="E47130" s="15">
        <v>45421</v>
      </c>
      <c r="F47130" s="14" t="s">
        <v>53</v>
      </c>
      <c r="G47130" s="16">
        <v>0.61575375408919297</v>
      </c>
    </row>
    <row r="47131" spans="1:7" x14ac:dyDescent="0.3">
      <c r="A47131" s="13" t="s">
        <v>270</v>
      </c>
      <c r="B47131" s="14" t="s">
        <v>1</v>
      </c>
      <c r="C47131" s="14" t="s">
        <v>23</v>
      </c>
      <c r="D47131" s="14" t="s">
        <v>271</v>
      </c>
      <c r="E47131" s="15">
        <v>45422</v>
      </c>
      <c r="F47131" s="14" t="s">
        <v>53</v>
      </c>
      <c r="G47131" s="16">
        <v>0.63146790969316524</v>
      </c>
    </row>
    <row r="47132" spans="1:7" x14ac:dyDescent="0.3">
      <c r="A47132" s="13" t="s">
        <v>270</v>
      </c>
      <c r="B47132" s="14" t="s">
        <v>1</v>
      </c>
      <c r="C47132" s="14" t="s">
        <v>23</v>
      </c>
      <c r="D47132" s="14" t="s">
        <v>271</v>
      </c>
      <c r="E47132" s="15">
        <v>45423</v>
      </c>
      <c r="F47132" s="14" t="s">
        <v>53</v>
      </c>
      <c r="G47132" s="16">
        <v>0.63146790969316524</v>
      </c>
    </row>
    <row r="47133" spans="1:7" x14ac:dyDescent="0.3">
      <c r="A47133" s="13" t="s">
        <v>270</v>
      </c>
      <c r="B47133" s="14" t="s">
        <v>1</v>
      </c>
      <c r="C47133" s="14" t="s">
        <v>23</v>
      </c>
      <c r="D47133" s="14" t="s">
        <v>271</v>
      </c>
      <c r="E47133" s="15">
        <v>45424</v>
      </c>
      <c r="F47133" s="14" t="s">
        <v>53</v>
      </c>
      <c r="G47133" s="16">
        <v>0.63146790969316524</v>
      </c>
    </row>
    <row r="47134" spans="1:7" x14ac:dyDescent="0.3">
      <c r="A47134" s="13" t="s">
        <v>270</v>
      </c>
      <c r="B47134" s="14" t="s">
        <v>1</v>
      </c>
      <c r="C47134" s="14" t="s">
        <v>23</v>
      </c>
      <c r="D47134" s="14" t="s">
        <v>271</v>
      </c>
      <c r="E47134" s="15">
        <v>45425</v>
      </c>
      <c r="F47134" s="14" t="s">
        <v>53</v>
      </c>
      <c r="G47134" s="16">
        <v>0.64595989708337898</v>
      </c>
    </row>
    <row r="47135" spans="1:7" x14ac:dyDescent="0.3">
      <c r="A47135" s="13" t="s">
        <v>270</v>
      </c>
      <c r="B47135" s="14" t="s">
        <v>1</v>
      </c>
      <c r="C47135" s="14" t="s">
        <v>23</v>
      </c>
      <c r="D47135" s="14" t="s">
        <v>271</v>
      </c>
      <c r="E47135" s="15">
        <v>45426</v>
      </c>
      <c r="F47135" s="14" t="s">
        <v>53</v>
      </c>
      <c r="G47135" s="16">
        <v>0.6924260537114576</v>
      </c>
    </row>
    <row r="47136" spans="1:7" x14ac:dyDescent="0.3">
      <c r="A47136" s="13" t="s">
        <v>270</v>
      </c>
      <c r="B47136" s="14" t="s">
        <v>1</v>
      </c>
      <c r="C47136" s="14" t="s">
        <v>23</v>
      </c>
      <c r="D47136" s="14" t="s">
        <v>271</v>
      </c>
      <c r="E47136" s="15">
        <v>45427</v>
      </c>
      <c r="F47136" s="14" t="s">
        <v>53</v>
      </c>
      <c r="G47136" s="16">
        <v>0.70304471183072548</v>
      </c>
    </row>
    <row r="47137" spans="1:7" x14ac:dyDescent="0.3">
      <c r="A47137" s="13" t="s">
        <v>270</v>
      </c>
      <c r="B47137" s="14" t="s">
        <v>1</v>
      </c>
      <c r="C47137" s="14" t="s">
        <v>23</v>
      </c>
      <c r="D47137" s="14" t="s">
        <v>271</v>
      </c>
      <c r="E47137" s="15">
        <v>45428</v>
      </c>
      <c r="F47137" s="14" t="s">
        <v>53</v>
      </c>
      <c r="G47137" s="16">
        <v>0.71953800721168126</v>
      </c>
    </row>
    <row r="47138" spans="1:7" x14ac:dyDescent="0.3">
      <c r="A47138" s="13" t="s">
        <v>270</v>
      </c>
      <c r="B47138" s="14" t="s">
        <v>1</v>
      </c>
      <c r="C47138" s="14" t="s">
        <v>23</v>
      </c>
      <c r="D47138" s="14" t="s">
        <v>271</v>
      </c>
      <c r="E47138" s="15">
        <v>45429</v>
      </c>
      <c r="F47138" s="14" t="s">
        <v>53</v>
      </c>
      <c r="G47138" s="16">
        <v>0.73361713849450505</v>
      </c>
    </row>
    <row r="47139" spans="1:7" x14ac:dyDescent="0.3">
      <c r="A47139" s="13" t="s">
        <v>270</v>
      </c>
      <c r="B47139" s="14" t="s">
        <v>1</v>
      </c>
      <c r="C47139" s="14" t="s">
        <v>23</v>
      </c>
      <c r="D47139" s="14" t="s">
        <v>271</v>
      </c>
      <c r="E47139" s="15">
        <v>45430</v>
      </c>
      <c r="F47139" s="14" t="s">
        <v>53</v>
      </c>
      <c r="G47139" s="16">
        <v>0.73361713849450505</v>
      </c>
    </row>
    <row r="47140" spans="1:7" x14ac:dyDescent="0.3">
      <c r="A47140" s="13" t="s">
        <v>270</v>
      </c>
      <c r="B47140" s="14" t="s">
        <v>1</v>
      </c>
      <c r="C47140" s="14" t="s">
        <v>23</v>
      </c>
      <c r="D47140" s="14" t="s">
        <v>271</v>
      </c>
      <c r="E47140" s="15">
        <v>45431</v>
      </c>
      <c r="F47140" s="14" t="s">
        <v>53</v>
      </c>
      <c r="G47140" s="16">
        <v>0.73361713849450505</v>
      </c>
    </row>
    <row r="47141" spans="1:7" x14ac:dyDescent="0.3">
      <c r="A47141" s="13" t="s">
        <v>270</v>
      </c>
      <c r="B47141" s="14" t="s">
        <v>1</v>
      </c>
      <c r="C47141" s="14" t="s">
        <v>23</v>
      </c>
      <c r="D47141" s="14" t="s">
        <v>271</v>
      </c>
      <c r="E47141" s="15">
        <v>45432</v>
      </c>
      <c r="F47141" s="14" t="s">
        <v>53</v>
      </c>
      <c r="G47141" s="16">
        <v>0.74934756209954312</v>
      </c>
    </row>
    <row r="47142" spans="1:7" x14ac:dyDescent="0.3">
      <c r="A47142" s="13" t="s">
        <v>270</v>
      </c>
      <c r="B47142" s="14" t="s">
        <v>1</v>
      </c>
      <c r="C47142" s="14" t="s">
        <v>23</v>
      </c>
      <c r="D47142" s="14" t="s">
        <v>271</v>
      </c>
      <c r="E47142" s="15">
        <v>45433</v>
      </c>
      <c r="F47142" s="14" t="s">
        <v>53</v>
      </c>
      <c r="G47142" s="16">
        <v>0.79690141428707317</v>
      </c>
    </row>
    <row r="47143" spans="1:7" x14ac:dyDescent="0.3">
      <c r="A47143" s="13" t="s">
        <v>270</v>
      </c>
      <c r="B47143" s="14" t="s">
        <v>1</v>
      </c>
      <c r="C47143" s="14" t="s">
        <v>23</v>
      </c>
      <c r="D47143" s="14" t="s">
        <v>271</v>
      </c>
      <c r="E47143" s="15">
        <v>45434</v>
      </c>
      <c r="F47143" s="14" t="s">
        <v>53</v>
      </c>
      <c r="G47143" s="16">
        <v>0.81225621365199729</v>
      </c>
    </row>
    <row r="47144" spans="1:7" x14ac:dyDescent="0.3">
      <c r="A47144" s="13" t="s">
        <v>270</v>
      </c>
      <c r="B47144" s="14" t="s">
        <v>1</v>
      </c>
      <c r="C47144" s="14" t="s">
        <v>23</v>
      </c>
      <c r="D47144" s="14" t="s">
        <v>271</v>
      </c>
      <c r="E47144" s="15">
        <v>45435</v>
      </c>
      <c r="F47144" s="14" t="s">
        <v>53</v>
      </c>
      <c r="G47144" s="16">
        <v>0.83169265966121431</v>
      </c>
    </row>
    <row r="47145" spans="1:7" x14ac:dyDescent="0.3">
      <c r="A47145" s="13" t="s">
        <v>270</v>
      </c>
      <c r="B47145" s="14" t="s">
        <v>1</v>
      </c>
      <c r="C47145" s="14" t="s">
        <v>23</v>
      </c>
      <c r="D47145" s="14" t="s">
        <v>271</v>
      </c>
      <c r="E47145" s="15">
        <v>45436</v>
      </c>
      <c r="F47145" s="14" t="s">
        <v>53</v>
      </c>
      <c r="G47145" s="16">
        <v>0.84474003797548336</v>
      </c>
    </row>
    <row r="47146" spans="1:7" x14ac:dyDescent="0.3">
      <c r="A47146" s="13" t="s">
        <v>270</v>
      </c>
      <c r="B47146" s="14" t="s">
        <v>1</v>
      </c>
      <c r="C47146" s="14" t="s">
        <v>23</v>
      </c>
      <c r="D47146" s="14" t="s">
        <v>271</v>
      </c>
      <c r="E47146" s="15">
        <v>45437</v>
      </c>
      <c r="F47146" s="14" t="s">
        <v>53</v>
      </c>
      <c r="G47146" s="16">
        <v>0.84474003797548336</v>
      </c>
    </row>
    <row r="47147" spans="1:7" x14ac:dyDescent="0.3">
      <c r="A47147" s="13" t="s">
        <v>270</v>
      </c>
      <c r="B47147" s="14" t="s">
        <v>1</v>
      </c>
      <c r="C47147" s="14" t="s">
        <v>23</v>
      </c>
      <c r="D47147" s="14" t="s">
        <v>271</v>
      </c>
      <c r="E47147" s="15">
        <v>45438</v>
      </c>
      <c r="F47147" s="14" t="s">
        <v>53</v>
      </c>
      <c r="G47147" s="16">
        <v>0.84474003797548336</v>
      </c>
    </row>
    <row r="47148" spans="1:7" x14ac:dyDescent="0.3">
      <c r="A47148" s="13" t="s">
        <v>270</v>
      </c>
      <c r="B47148" s="14" t="s">
        <v>1</v>
      </c>
      <c r="C47148" s="14" t="s">
        <v>23</v>
      </c>
      <c r="D47148" s="14" t="s">
        <v>271</v>
      </c>
      <c r="E47148" s="15">
        <v>45439</v>
      </c>
      <c r="F47148" s="14" t="s">
        <v>53</v>
      </c>
      <c r="G47148" s="16">
        <v>0.84474003797548336</v>
      </c>
    </row>
    <row r="47149" spans="1:7" x14ac:dyDescent="0.3">
      <c r="A47149" s="13" t="s">
        <v>270</v>
      </c>
      <c r="B47149" s="14" t="s">
        <v>1</v>
      </c>
      <c r="C47149" s="14" t="s">
        <v>23</v>
      </c>
      <c r="D47149" s="14" t="s">
        <v>271</v>
      </c>
      <c r="E47149" s="15">
        <v>45440</v>
      </c>
      <c r="F47149" s="14" t="s">
        <v>53</v>
      </c>
      <c r="G47149" s="16">
        <v>0.85871003726350581</v>
      </c>
    </row>
    <row r="47150" spans="1:7" x14ac:dyDescent="0.3">
      <c r="A47150" s="13" t="s">
        <v>270</v>
      </c>
      <c r="B47150" s="14" t="s">
        <v>1</v>
      </c>
      <c r="C47150" s="14" t="s">
        <v>23</v>
      </c>
      <c r="D47150" s="14" t="s">
        <v>271</v>
      </c>
      <c r="E47150" s="15">
        <v>45441</v>
      </c>
      <c r="F47150" s="14" t="s">
        <v>53</v>
      </c>
      <c r="G47150" s="16">
        <v>0.92084178364407421</v>
      </c>
    </row>
    <row r="47151" spans="1:7" x14ac:dyDescent="0.3">
      <c r="A47151" s="13" t="s">
        <v>270</v>
      </c>
      <c r="B47151" s="14" t="s">
        <v>1</v>
      </c>
      <c r="C47151" s="14" t="s">
        <v>23</v>
      </c>
      <c r="D47151" s="14" t="s">
        <v>271</v>
      </c>
      <c r="E47151" s="15">
        <v>45442</v>
      </c>
      <c r="F47151" s="14" t="s">
        <v>53</v>
      </c>
      <c r="G47151" s="16">
        <v>0.93613622169331856</v>
      </c>
    </row>
    <row r="47152" spans="1:7" x14ac:dyDescent="0.3">
      <c r="A47152" s="13" t="s">
        <v>270</v>
      </c>
      <c r="B47152" s="14" t="s">
        <v>1</v>
      </c>
      <c r="C47152" s="14" t="s">
        <v>23</v>
      </c>
      <c r="D47152" s="14" t="s">
        <v>271</v>
      </c>
      <c r="E47152" s="15">
        <v>45443</v>
      </c>
      <c r="F47152" s="14" t="s">
        <v>53</v>
      </c>
      <c r="G47152" s="16">
        <v>0.945930550846944</v>
      </c>
    </row>
    <row r="47153" spans="1:7" x14ac:dyDescent="0.3">
      <c r="A47153" s="13" t="s">
        <v>270</v>
      </c>
      <c r="B47153" s="14" t="s">
        <v>1</v>
      </c>
      <c r="C47153" s="14" t="s">
        <v>23</v>
      </c>
      <c r="D47153" s="14" t="s">
        <v>271</v>
      </c>
      <c r="E47153" s="15">
        <v>45444</v>
      </c>
      <c r="F47153" s="14" t="s">
        <v>53</v>
      </c>
      <c r="G47153" s="16">
        <v>0.945930550846944</v>
      </c>
    </row>
    <row r="47154" spans="1:7" x14ac:dyDescent="0.3">
      <c r="A47154" s="13" t="s">
        <v>270</v>
      </c>
      <c r="B47154" s="14" t="s">
        <v>1</v>
      </c>
      <c r="C47154" s="14" t="s">
        <v>23</v>
      </c>
      <c r="D47154" s="14" t="s">
        <v>271</v>
      </c>
      <c r="E47154" s="15">
        <v>45445</v>
      </c>
      <c r="F47154" s="14" t="s">
        <v>53</v>
      </c>
      <c r="G47154" s="16">
        <v>0.945930550846944</v>
      </c>
    </row>
    <row r="47155" spans="1:7" x14ac:dyDescent="0.3">
      <c r="A47155" s="13" t="s">
        <v>270</v>
      </c>
      <c r="B47155" s="14" t="s">
        <v>1</v>
      </c>
      <c r="C47155" s="14" t="s">
        <v>23</v>
      </c>
      <c r="D47155" s="14" t="s">
        <v>271</v>
      </c>
      <c r="E47155" s="15">
        <v>45446</v>
      </c>
      <c r="F47155" s="14" t="s">
        <v>53</v>
      </c>
      <c r="G47155" s="16">
        <v>0.945930550846944</v>
      </c>
    </row>
    <row r="47156" spans="1:7" x14ac:dyDescent="0.3">
      <c r="A47156" s="13" t="s">
        <v>270</v>
      </c>
      <c r="B47156" s="14" t="s">
        <v>1</v>
      </c>
      <c r="C47156" s="14" t="s">
        <v>23</v>
      </c>
      <c r="D47156" s="14" t="s">
        <v>271</v>
      </c>
      <c r="E47156" s="15">
        <v>45447</v>
      </c>
      <c r="F47156" s="14" t="s">
        <v>53</v>
      </c>
      <c r="G47156" s="16">
        <v>0.96277371147604751</v>
      </c>
    </row>
    <row r="47157" spans="1:7" x14ac:dyDescent="0.3">
      <c r="A47157" s="13" t="s">
        <v>270</v>
      </c>
      <c r="B47157" s="14" t="s">
        <v>1</v>
      </c>
      <c r="C47157" s="14" t="s">
        <v>23</v>
      </c>
      <c r="D47157" s="14" t="s">
        <v>271</v>
      </c>
      <c r="E47157" s="15">
        <v>45448</v>
      </c>
      <c r="F47157" s="14" t="s">
        <v>53</v>
      </c>
      <c r="G47157" s="16">
        <v>1.0276323931025948</v>
      </c>
    </row>
    <row r="47158" spans="1:7" x14ac:dyDescent="0.3">
      <c r="A47158" s="13" t="s">
        <v>270</v>
      </c>
      <c r="B47158" s="14" t="s">
        <v>1</v>
      </c>
      <c r="C47158" s="14" t="s">
        <v>23</v>
      </c>
      <c r="D47158" s="14" t="s">
        <v>271</v>
      </c>
      <c r="E47158" s="15">
        <v>45449</v>
      </c>
      <c r="F47158" s="14" t="s">
        <v>53</v>
      </c>
      <c r="G47158" s="16">
        <v>1.0425024433144143</v>
      </c>
    </row>
    <row r="47159" spans="1:7" x14ac:dyDescent="0.3">
      <c r="A47159" s="13" t="s">
        <v>270</v>
      </c>
      <c r="B47159" s="14" t="s">
        <v>1</v>
      </c>
      <c r="C47159" s="14" t="s">
        <v>23</v>
      </c>
      <c r="D47159" s="14" t="s">
        <v>271</v>
      </c>
      <c r="E47159" s="15">
        <v>45450</v>
      </c>
      <c r="F47159" s="14" t="s">
        <v>53</v>
      </c>
      <c r="G47159" s="16">
        <v>1.0828621135657901</v>
      </c>
    </row>
    <row r="47160" spans="1:7" x14ac:dyDescent="0.3">
      <c r="A47160" s="13" t="s">
        <v>270</v>
      </c>
      <c r="B47160" s="14" t="s">
        <v>1</v>
      </c>
      <c r="C47160" s="14" t="s">
        <v>23</v>
      </c>
      <c r="D47160" s="14" t="s">
        <v>271</v>
      </c>
      <c r="E47160" s="15">
        <v>45451</v>
      </c>
      <c r="F47160" s="14" t="s">
        <v>53</v>
      </c>
      <c r="G47160" s="16">
        <v>1.0828621135657901</v>
      </c>
    </row>
    <row r="47161" spans="1:7" x14ac:dyDescent="0.3">
      <c r="A47161" s="13" t="s">
        <v>270</v>
      </c>
      <c r="B47161" s="14" t="s">
        <v>1</v>
      </c>
      <c r="C47161" s="14" t="s">
        <v>23</v>
      </c>
      <c r="D47161" s="14" t="s">
        <v>271</v>
      </c>
      <c r="E47161" s="15">
        <v>45452</v>
      </c>
      <c r="F47161" s="14" t="s">
        <v>53</v>
      </c>
      <c r="G47161" s="16">
        <v>1.0828621135657901</v>
      </c>
    </row>
    <row r="47162" spans="1:7" x14ac:dyDescent="0.3">
      <c r="A47162" s="13" t="s">
        <v>270</v>
      </c>
      <c r="B47162" s="14" t="s">
        <v>1</v>
      </c>
      <c r="C47162" s="14" t="s">
        <v>23</v>
      </c>
      <c r="D47162" s="14" t="s">
        <v>271</v>
      </c>
      <c r="E47162" s="15">
        <v>45453</v>
      </c>
      <c r="F47162" s="14" t="s">
        <v>53</v>
      </c>
      <c r="G47162" s="16">
        <v>1.0973316915326821</v>
      </c>
    </row>
    <row r="47163" spans="1:7" x14ac:dyDescent="0.3">
      <c r="A47163" s="13" t="s">
        <v>270</v>
      </c>
      <c r="B47163" s="14" t="s">
        <v>1</v>
      </c>
      <c r="C47163" s="14" t="s">
        <v>23</v>
      </c>
      <c r="D47163" s="14" t="s">
        <v>271</v>
      </c>
      <c r="E47163" s="15">
        <v>45454</v>
      </c>
      <c r="F47163" s="14" t="s">
        <v>53</v>
      </c>
      <c r="G47163" s="16">
        <v>1.1416277263796086</v>
      </c>
    </row>
    <row r="47164" spans="1:7" x14ac:dyDescent="0.3">
      <c r="A47164" s="13" t="s">
        <v>270</v>
      </c>
      <c r="B47164" s="14" t="s">
        <v>1</v>
      </c>
      <c r="C47164" s="14" t="s">
        <v>23</v>
      </c>
      <c r="D47164" s="14" t="s">
        <v>271</v>
      </c>
      <c r="E47164" s="15">
        <v>45455</v>
      </c>
      <c r="F47164" s="14" t="s">
        <v>53</v>
      </c>
      <c r="G47164" s="16">
        <v>1.1517308862236515</v>
      </c>
    </row>
    <row r="47165" spans="1:7" x14ac:dyDescent="0.3">
      <c r="A47165" s="13" t="s">
        <v>270</v>
      </c>
      <c r="B47165" s="14" t="s">
        <v>1</v>
      </c>
      <c r="C47165" s="14" t="s">
        <v>23</v>
      </c>
      <c r="D47165" s="14" t="s">
        <v>271</v>
      </c>
      <c r="E47165" s="15">
        <v>45456</v>
      </c>
      <c r="F47165" s="14" t="s">
        <v>53</v>
      </c>
      <c r="G47165" s="16">
        <v>1.1695001625827608</v>
      </c>
    </row>
    <row r="47166" spans="1:7" x14ac:dyDescent="0.3">
      <c r="A47166" s="13" t="s">
        <v>270</v>
      </c>
      <c r="B47166" s="14" t="s">
        <v>1</v>
      </c>
      <c r="C47166" s="14" t="s">
        <v>23</v>
      </c>
      <c r="D47166" s="14" t="s">
        <v>271</v>
      </c>
      <c r="E47166" s="15">
        <v>45457</v>
      </c>
      <c r="F47166" s="14" t="s">
        <v>53</v>
      </c>
      <c r="G47166" s="16">
        <v>1.1929983343297081</v>
      </c>
    </row>
    <row r="47167" spans="1:7" x14ac:dyDescent="0.3">
      <c r="A47167" s="13" t="s">
        <v>270</v>
      </c>
      <c r="B47167" s="14" t="s">
        <v>1</v>
      </c>
      <c r="C47167" s="14" t="s">
        <v>23</v>
      </c>
      <c r="D47167" s="14" t="s">
        <v>271</v>
      </c>
      <c r="E47167" s="15">
        <v>45458</v>
      </c>
      <c r="F47167" s="14" t="s">
        <v>53</v>
      </c>
      <c r="G47167" s="16">
        <v>1.1929983343297081</v>
      </c>
    </row>
    <row r="47168" spans="1:7" x14ac:dyDescent="0.3">
      <c r="A47168" s="13" t="s">
        <v>270</v>
      </c>
      <c r="B47168" s="14" t="s">
        <v>1</v>
      </c>
      <c r="C47168" s="14" t="s">
        <v>23</v>
      </c>
      <c r="D47168" s="14" t="s">
        <v>271</v>
      </c>
      <c r="E47168" s="15">
        <v>45459</v>
      </c>
      <c r="F47168" s="14" t="s">
        <v>53</v>
      </c>
      <c r="G47168" s="16">
        <v>1.1929983343297081</v>
      </c>
    </row>
    <row r="47169" spans="1:7" x14ac:dyDescent="0.3">
      <c r="A47169" s="13" t="s">
        <v>270</v>
      </c>
      <c r="B47169" s="14" t="s">
        <v>1</v>
      </c>
      <c r="C47169" s="14" t="s">
        <v>23</v>
      </c>
      <c r="D47169" s="14" t="s">
        <v>271</v>
      </c>
      <c r="E47169" s="15">
        <v>45460</v>
      </c>
      <c r="F47169" s="14" t="s">
        <v>53</v>
      </c>
      <c r="G47169" s="16">
        <v>1.2067921783092457</v>
      </c>
    </row>
    <row r="47170" spans="1:7" x14ac:dyDescent="0.3">
      <c r="A47170" s="13" t="s">
        <v>270</v>
      </c>
      <c r="B47170" s="14" t="s">
        <v>1</v>
      </c>
      <c r="C47170" s="14" t="s">
        <v>23</v>
      </c>
      <c r="D47170" s="14" t="s">
        <v>271</v>
      </c>
      <c r="E47170" s="15">
        <v>45461</v>
      </c>
      <c r="F47170" s="14" t="s">
        <v>53</v>
      </c>
      <c r="G47170" s="16">
        <v>1.251910982830154</v>
      </c>
    </row>
    <row r="47171" spans="1:7" x14ac:dyDescent="0.3">
      <c r="A47171" s="13" t="s">
        <v>270</v>
      </c>
      <c r="B47171" s="14" t="s">
        <v>1</v>
      </c>
      <c r="C47171" s="14" t="s">
        <v>23</v>
      </c>
      <c r="D47171" s="14" t="s">
        <v>271</v>
      </c>
      <c r="E47171" s="15">
        <v>45462</v>
      </c>
      <c r="F47171" s="14" t="s">
        <v>53</v>
      </c>
      <c r="G47171" s="16">
        <v>1.251910982830154</v>
      </c>
    </row>
    <row r="47172" spans="1:7" x14ac:dyDescent="0.3">
      <c r="A47172" s="13" t="s">
        <v>270</v>
      </c>
      <c r="B47172" s="14" t="s">
        <v>1</v>
      </c>
      <c r="C47172" s="14" t="s">
        <v>23</v>
      </c>
      <c r="D47172" s="14" t="s">
        <v>271</v>
      </c>
      <c r="E47172" s="15">
        <v>45463</v>
      </c>
      <c r="F47172" s="14" t="s">
        <v>53</v>
      </c>
      <c r="G47172" s="16">
        <v>1.2724572568228938</v>
      </c>
    </row>
    <row r="47173" spans="1:7" x14ac:dyDescent="0.3">
      <c r="A47173" s="13" t="s">
        <v>270</v>
      </c>
      <c r="B47173" s="14" t="s">
        <v>1</v>
      </c>
      <c r="C47173" s="14" t="s">
        <v>23</v>
      </c>
      <c r="D47173" s="14" t="s">
        <v>271</v>
      </c>
      <c r="E47173" s="15">
        <v>45464</v>
      </c>
      <c r="F47173" s="14" t="s">
        <v>53</v>
      </c>
      <c r="G47173" s="16">
        <v>1.3055275651088252</v>
      </c>
    </row>
    <row r="47174" spans="1:7" x14ac:dyDescent="0.3">
      <c r="A47174" s="13" t="s">
        <v>270</v>
      </c>
      <c r="B47174" s="14" t="s">
        <v>1</v>
      </c>
      <c r="C47174" s="14" t="s">
        <v>23</v>
      </c>
      <c r="D47174" s="14" t="s">
        <v>271</v>
      </c>
      <c r="E47174" s="15">
        <v>45465</v>
      </c>
      <c r="F47174" s="14" t="s">
        <v>53</v>
      </c>
      <c r="G47174" s="16">
        <v>1.3055275651088252</v>
      </c>
    </row>
    <row r="47175" spans="1:7" x14ac:dyDescent="0.3">
      <c r="A47175" s="13" t="s">
        <v>270</v>
      </c>
      <c r="B47175" s="14" t="s">
        <v>1</v>
      </c>
      <c r="C47175" s="14" t="s">
        <v>23</v>
      </c>
      <c r="D47175" s="14" t="s">
        <v>271</v>
      </c>
      <c r="E47175" s="15">
        <v>45466</v>
      </c>
      <c r="F47175" s="14" t="s">
        <v>53</v>
      </c>
      <c r="G47175" s="16">
        <v>1.3055275651088252</v>
      </c>
    </row>
    <row r="47176" spans="1:7" x14ac:dyDescent="0.3">
      <c r="A47176" s="13" t="s">
        <v>270</v>
      </c>
      <c r="B47176" s="14" t="s">
        <v>1</v>
      </c>
      <c r="C47176" s="14" t="s">
        <v>23</v>
      </c>
      <c r="D47176" s="14" t="s">
        <v>271</v>
      </c>
      <c r="E47176" s="15">
        <v>45467</v>
      </c>
      <c r="F47176" s="14" t="s">
        <v>53</v>
      </c>
      <c r="G47176" s="16">
        <v>1.3164128906008166</v>
      </c>
    </row>
    <row r="47177" spans="1:7" x14ac:dyDescent="0.3">
      <c r="A47177" s="13" t="s">
        <v>270</v>
      </c>
      <c r="B47177" s="14" t="s">
        <v>1</v>
      </c>
      <c r="C47177" s="14" t="s">
        <v>23</v>
      </c>
      <c r="D47177" s="14" t="s">
        <v>271</v>
      </c>
      <c r="E47177" s="15">
        <v>45468</v>
      </c>
      <c r="F47177" s="14" t="s">
        <v>53</v>
      </c>
      <c r="G47177" s="16">
        <v>1.3646023207462987</v>
      </c>
    </row>
    <row r="47178" spans="1:7" x14ac:dyDescent="0.3">
      <c r="A47178" s="13" t="s">
        <v>270</v>
      </c>
      <c r="B47178" s="14" t="s">
        <v>1</v>
      </c>
      <c r="C47178" s="14" t="s">
        <v>23</v>
      </c>
      <c r="D47178" s="14" t="s">
        <v>271</v>
      </c>
      <c r="E47178" s="15">
        <v>45469</v>
      </c>
      <c r="F47178" s="14" t="s">
        <v>53</v>
      </c>
      <c r="G47178" s="16">
        <v>1.3854993090991852</v>
      </c>
    </row>
    <row r="47179" spans="1:7" x14ac:dyDescent="0.3">
      <c r="A47179" s="13" t="s">
        <v>270</v>
      </c>
      <c r="B47179" s="14" t="s">
        <v>1</v>
      </c>
      <c r="C47179" s="14" t="s">
        <v>23</v>
      </c>
      <c r="D47179" s="14" t="s">
        <v>271</v>
      </c>
      <c r="E47179" s="15">
        <v>45470</v>
      </c>
      <c r="F47179" s="14" t="s">
        <v>53</v>
      </c>
      <c r="G47179" s="16">
        <v>1.3986839894792531</v>
      </c>
    </row>
    <row r="47180" spans="1:7" x14ac:dyDescent="0.3">
      <c r="A47180" s="13" t="s">
        <v>270</v>
      </c>
      <c r="B47180" s="14" t="s">
        <v>1</v>
      </c>
      <c r="C47180" s="14" t="s">
        <v>23</v>
      </c>
      <c r="D47180" s="14" t="s">
        <v>271</v>
      </c>
      <c r="E47180" s="15">
        <v>45471</v>
      </c>
      <c r="F47180" s="14" t="s">
        <v>53</v>
      </c>
      <c r="G47180" s="16">
        <v>1.413436514255878</v>
      </c>
    </row>
    <row r="47181" spans="1:7" x14ac:dyDescent="0.3">
      <c r="A47181" s="13" t="s">
        <v>270</v>
      </c>
      <c r="B47181" s="14" t="s">
        <v>1</v>
      </c>
      <c r="C47181" s="14" t="s">
        <v>23</v>
      </c>
      <c r="D47181" s="14" t="s">
        <v>271</v>
      </c>
      <c r="E47181" s="15">
        <v>45472</v>
      </c>
      <c r="F47181" s="14" t="s">
        <v>53</v>
      </c>
      <c r="G47181" s="16">
        <v>1.413436514255878</v>
      </c>
    </row>
    <row r="47182" spans="1:7" x14ac:dyDescent="0.3">
      <c r="A47182" s="13" t="s">
        <v>270</v>
      </c>
      <c r="B47182" s="14" t="s">
        <v>1</v>
      </c>
      <c r="C47182" s="14" t="s">
        <v>23</v>
      </c>
      <c r="D47182" s="14" t="s">
        <v>271</v>
      </c>
      <c r="E47182" s="15">
        <v>45473</v>
      </c>
      <c r="F47182" s="14" t="s">
        <v>53</v>
      </c>
      <c r="G47182" s="16">
        <v>1.413436514255878</v>
      </c>
    </row>
    <row r="47183" spans="1:7" x14ac:dyDescent="0.3">
      <c r="A47183" s="13" t="s">
        <v>270</v>
      </c>
      <c r="B47183" s="14" t="s">
        <v>1</v>
      </c>
      <c r="C47183" s="14" t="s">
        <v>23</v>
      </c>
      <c r="D47183" s="14" t="s">
        <v>271</v>
      </c>
      <c r="E47183" s="15">
        <v>45474</v>
      </c>
      <c r="F47183" s="14" t="s">
        <v>53</v>
      </c>
      <c r="G47183" s="16">
        <v>1.4279765852299444</v>
      </c>
    </row>
    <row r="47184" spans="1:7" x14ac:dyDescent="0.3">
      <c r="A47184" s="13" t="s">
        <v>270</v>
      </c>
      <c r="B47184" s="14" t="s">
        <v>1</v>
      </c>
      <c r="C47184" s="14" t="s">
        <v>23</v>
      </c>
      <c r="D47184" s="14" t="s">
        <v>271</v>
      </c>
      <c r="E47184" s="15">
        <v>45475</v>
      </c>
      <c r="F47184" s="14" t="s">
        <v>53</v>
      </c>
      <c r="G47184" s="16">
        <v>1.4702369277815737</v>
      </c>
    </row>
    <row r="47185" spans="1:7" x14ac:dyDescent="0.3">
      <c r="A47185" s="13" t="s">
        <v>270</v>
      </c>
      <c r="B47185" s="14" t="s">
        <v>1</v>
      </c>
      <c r="C47185" s="14" t="s">
        <v>23</v>
      </c>
      <c r="D47185" s="14" t="s">
        <v>271</v>
      </c>
      <c r="E47185" s="15">
        <v>45476</v>
      </c>
      <c r="F47185" s="14" t="s">
        <v>53</v>
      </c>
      <c r="G47185" s="16">
        <v>1.4789477958921837</v>
      </c>
    </row>
    <row r="47186" spans="1:7" x14ac:dyDescent="0.3">
      <c r="A47186" s="13" t="s">
        <v>270</v>
      </c>
      <c r="B47186" s="14" t="s">
        <v>1</v>
      </c>
      <c r="C47186" s="14" t="s">
        <v>23</v>
      </c>
      <c r="D47186" s="14" t="s">
        <v>271</v>
      </c>
      <c r="E47186" s="15">
        <v>45477</v>
      </c>
      <c r="F47186" s="14" t="s">
        <v>53</v>
      </c>
      <c r="G47186" s="16">
        <v>1.4789477958921837</v>
      </c>
    </row>
    <row r="47187" spans="1:7" x14ac:dyDescent="0.3">
      <c r="A47187" s="13" t="s">
        <v>270</v>
      </c>
      <c r="B47187" s="14" t="s">
        <v>1</v>
      </c>
      <c r="C47187" s="14" t="s">
        <v>23</v>
      </c>
      <c r="D47187" s="14" t="s">
        <v>271</v>
      </c>
      <c r="E47187" s="15">
        <v>45478</v>
      </c>
      <c r="F47187" s="14" t="s">
        <v>53</v>
      </c>
      <c r="G47187" s="16">
        <v>1.4855924754292202</v>
      </c>
    </row>
    <row r="47188" spans="1:7" x14ac:dyDescent="0.3">
      <c r="A47188" s="13" t="s">
        <v>270</v>
      </c>
      <c r="B47188" s="14" t="s">
        <v>1</v>
      </c>
      <c r="C47188" s="14" t="s">
        <v>23</v>
      </c>
      <c r="D47188" s="14" t="s">
        <v>271</v>
      </c>
      <c r="E47188" s="15">
        <v>45479</v>
      </c>
      <c r="F47188" s="14" t="s">
        <v>53</v>
      </c>
      <c r="G47188" s="16">
        <v>1.4855924754292202</v>
      </c>
    </row>
    <row r="47189" spans="1:7" x14ac:dyDescent="0.3">
      <c r="A47189" s="13" t="s">
        <v>270</v>
      </c>
      <c r="B47189" s="14" t="s">
        <v>1</v>
      </c>
      <c r="C47189" s="14" t="s">
        <v>23</v>
      </c>
      <c r="D47189" s="14" t="s">
        <v>271</v>
      </c>
      <c r="E47189" s="15">
        <v>45480</v>
      </c>
      <c r="F47189" s="14" t="s">
        <v>53</v>
      </c>
      <c r="G47189" s="16">
        <v>1.4855924754292202</v>
      </c>
    </row>
    <row r="47190" spans="1:7" x14ac:dyDescent="0.3">
      <c r="A47190" s="13" t="s">
        <v>270</v>
      </c>
      <c r="B47190" s="14" t="s">
        <v>1</v>
      </c>
      <c r="C47190" s="14" t="s">
        <v>23</v>
      </c>
      <c r="D47190" s="14" t="s">
        <v>271</v>
      </c>
      <c r="E47190" s="15">
        <v>45481</v>
      </c>
      <c r="F47190" s="14" t="s">
        <v>53</v>
      </c>
      <c r="G47190" s="16">
        <v>1.5418113000270037</v>
      </c>
    </row>
    <row r="47191" spans="1:7" x14ac:dyDescent="0.3">
      <c r="A47191" s="13" t="s">
        <v>270</v>
      </c>
      <c r="B47191" s="14" t="s">
        <v>1</v>
      </c>
      <c r="C47191" s="14" t="s">
        <v>23</v>
      </c>
      <c r="D47191" s="14" t="s">
        <v>271</v>
      </c>
      <c r="E47191" s="15">
        <v>45482</v>
      </c>
      <c r="F47191" s="14" t="s">
        <v>53</v>
      </c>
      <c r="G47191" s="16">
        <v>1.5913416190533991</v>
      </c>
    </row>
    <row r="47192" spans="1:7" x14ac:dyDescent="0.3">
      <c r="A47192" s="13" t="s">
        <v>270</v>
      </c>
      <c r="B47192" s="14" t="s">
        <v>1</v>
      </c>
      <c r="C47192" s="14" t="s">
        <v>23</v>
      </c>
      <c r="D47192" s="14" t="s">
        <v>271</v>
      </c>
      <c r="E47192" s="15">
        <v>45483</v>
      </c>
      <c r="F47192" s="14" t="s">
        <v>53</v>
      </c>
      <c r="G47192" s="16">
        <v>1.600155951806008</v>
      </c>
    </row>
    <row r="47193" spans="1:7" x14ac:dyDescent="0.3">
      <c r="A47193" s="13" t="s">
        <v>270</v>
      </c>
      <c r="B47193" s="14" t="s">
        <v>1</v>
      </c>
      <c r="C47193" s="14" t="s">
        <v>23</v>
      </c>
      <c r="D47193" s="14" t="s">
        <v>271</v>
      </c>
      <c r="E47193" s="15">
        <v>45484</v>
      </c>
      <c r="F47193" s="14" t="s">
        <v>53</v>
      </c>
      <c r="G47193" s="16">
        <v>1.6076665392138654</v>
      </c>
    </row>
    <row r="47194" spans="1:7" x14ac:dyDescent="0.3">
      <c r="A47194" s="13" t="s">
        <v>270</v>
      </c>
      <c r="B47194" s="14" t="s">
        <v>1</v>
      </c>
      <c r="C47194" s="14" t="s">
        <v>23</v>
      </c>
      <c r="D47194" s="14" t="s">
        <v>271</v>
      </c>
      <c r="E47194" s="15">
        <v>45485</v>
      </c>
      <c r="F47194" s="14" t="s">
        <v>53</v>
      </c>
      <c r="G47194" s="16">
        <v>1.6139807547414922</v>
      </c>
    </row>
    <row r="47195" spans="1:7" x14ac:dyDescent="0.3">
      <c r="A47195" s="13" t="s">
        <v>270</v>
      </c>
      <c r="B47195" s="14" t="s">
        <v>1</v>
      </c>
      <c r="C47195" s="14" t="s">
        <v>23</v>
      </c>
      <c r="D47195" s="14" t="s">
        <v>271</v>
      </c>
      <c r="E47195" s="15">
        <v>45486</v>
      </c>
      <c r="F47195" s="14" t="s">
        <v>53</v>
      </c>
      <c r="G47195" s="16">
        <v>1.6139807547414922</v>
      </c>
    </row>
    <row r="47196" spans="1:7" x14ac:dyDescent="0.3">
      <c r="A47196" s="13" t="s">
        <v>270</v>
      </c>
      <c r="B47196" s="14" t="s">
        <v>1</v>
      </c>
      <c r="C47196" s="14" t="s">
        <v>23</v>
      </c>
      <c r="D47196" s="14" t="s">
        <v>271</v>
      </c>
      <c r="E47196" s="15">
        <v>45487</v>
      </c>
      <c r="F47196" s="14" t="s">
        <v>53</v>
      </c>
      <c r="G47196" s="16">
        <v>1.6139807547414922</v>
      </c>
    </row>
    <row r="47197" spans="1:7" x14ac:dyDescent="0.3">
      <c r="A47197" s="13" t="s">
        <v>270</v>
      </c>
      <c r="B47197" s="14" t="s">
        <v>1</v>
      </c>
      <c r="C47197" s="14" t="s">
        <v>23</v>
      </c>
      <c r="D47197" s="14" t="s">
        <v>271</v>
      </c>
      <c r="E47197" s="15">
        <v>45488</v>
      </c>
      <c r="F47197" s="14" t="s">
        <v>53</v>
      </c>
      <c r="G47197" s="16">
        <v>1.6322468347667933</v>
      </c>
    </row>
    <row r="47198" spans="1:7" x14ac:dyDescent="0.3">
      <c r="A47198" s="13" t="s">
        <v>270</v>
      </c>
      <c r="B47198" s="14" t="s">
        <v>1</v>
      </c>
      <c r="C47198" s="14" t="s">
        <v>23</v>
      </c>
      <c r="D47198" s="14" t="s">
        <v>271</v>
      </c>
      <c r="E47198" s="15">
        <v>45489</v>
      </c>
      <c r="F47198" s="14" t="s">
        <v>53</v>
      </c>
      <c r="G47198" s="16">
        <v>1.6783780120568907</v>
      </c>
    </row>
    <row r="47199" spans="1:7" x14ac:dyDescent="0.3">
      <c r="A47199" s="13" t="s">
        <v>270</v>
      </c>
      <c r="B47199" s="14" t="s">
        <v>1</v>
      </c>
      <c r="C47199" s="14" t="s">
        <v>23</v>
      </c>
      <c r="D47199" s="14" t="s">
        <v>271</v>
      </c>
      <c r="E47199" s="15">
        <v>45490</v>
      </c>
      <c r="F47199" s="14" t="s">
        <v>53</v>
      </c>
      <c r="G47199" s="16">
        <v>1.6881371751562304</v>
      </c>
    </row>
    <row r="47200" spans="1:7" x14ac:dyDescent="0.3">
      <c r="A47200" s="13" t="s">
        <v>270</v>
      </c>
      <c r="B47200" s="14" t="s">
        <v>1</v>
      </c>
      <c r="C47200" s="14" t="s">
        <v>23</v>
      </c>
      <c r="D47200" s="14" t="s">
        <v>271</v>
      </c>
      <c r="E47200" s="15">
        <v>45491</v>
      </c>
      <c r="F47200" s="14" t="s">
        <v>53</v>
      </c>
      <c r="G47200" s="16">
        <v>1.7119404795085598</v>
      </c>
    </row>
    <row r="47201" spans="1:7" x14ac:dyDescent="0.3">
      <c r="A47201" s="13" t="s">
        <v>270</v>
      </c>
      <c r="B47201" s="14" t="s">
        <v>1</v>
      </c>
      <c r="C47201" s="14" t="s">
        <v>23</v>
      </c>
      <c r="D47201" s="14" t="s">
        <v>271</v>
      </c>
      <c r="E47201" s="15">
        <v>45492</v>
      </c>
      <c r="F47201" s="14" t="s">
        <v>53</v>
      </c>
      <c r="G47201" s="16">
        <v>1.7301347288180371</v>
      </c>
    </row>
    <row r="47202" spans="1:7" x14ac:dyDescent="0.3">
      <c r="A47202" s="13" t="s">
        <v>270</v>
      </c>
      <c r="B47202" s="14" t="s">
        <v>1</v>
      </c>
      <c r="C47202" s="14" t="s">
        <v>23</v>
      </c>
      <c r="D47202" s="14" t="s">
        <v>271</v>
      </c>
      <c r="E47202" s="15">
        <v>45493</v>
      </c>
      <c r="F47202" s="14" t="s">
        <v>53</v>
      </c>
      <c r="G47202" s="16">
        <v>1.7301347288180371</v>
      </c>
    </row>
    <row r="47203" spans="1:7" x14ac:dyDescent="0.3">
      <c r="A47203" s="13" t="s">
        <v>270</v>
      </c>
      <c r="B47203" s="14" t="s">
        <v>1</v>
      </c>
      <c r="C47203" s="14" t="s">
        <v>23</v>
      </c>
      <c r="D47203" s="14" t="s">
        <v>271</v>
      </c>
      <c r="E47203" s="15">
        <v>45494</v>
      </c>
      <c r="F47203" s="14" t="s">
        <v>53</v>
      </c>
      <c r="G47203" s="16">
        <v>1.7301347288180371</v>
      </c>
    </row>
    <row r="47204" spans="1:7" x14ac:dyDescent="0.3">
      <c r="A47204" s="13" t="s">
        <v>270</v>
      </c>
      <c r="B47204" s="14" t="s">
        <v>1</v>
      </c>
      <c r="C47204" s="14" t="s">
        <v>23</v>
      </c>
      <c r="D47204" s="14" t="s">
        <v>271</v>
      </c>
      <c r="E47204" s="15">
        <v>45495</v>
      </c>
      <c r="F47204" s="14" t="s">
        <v>53</v>
      </c>
      <c r="G47204" s="16">
        <v>1.7439880939902248</v>
      </c>
    </row>
    <row r="47205" spans="1:7" x14ac:dyDescent="0.3">
      <c r="A47205" s="13" t="s">
        <v>270</v>
      </c>
      <c r="B47205" s="14" t="s">
        <v>1</v>
      </c>
      <c r="C47205" s="14" t="s">
        <v>23</v>
      </c>
      <c r="D47205" s="14" t="s">
        <v>271</v>
      </c>
      <c r="E47205" s="15">
        <v>45496</v>
      </c>
      <c r="F47205" s="14" t="s">
        <v>53</v>
      </c>
      <c r="G47205" s="16">
        <v>1.79250775194819</v>
      </c>
    </row>
    <row r="47206" spans="1:7" x14ac:dyDescent="0.3">
      <c r="A47206" s="13" t="s">
        <v>270</v>
      </c>
      <c r="B47206" s="14" t="s">
        <v>1</v>
      </c>
      <c r="C47206" s="14" t="s">
        <v>23</v>
      </c>
      <c r="D47206" s="14" t="s">
        <v>271</v>
      </c>
      <c r="E47206" s="15">
        <v>45497</v>
      </c>
      <c r="F47206" s="14" t="s">
        <v>53</v>
      </c>
      <c r="G47206" s="16">
        <v>1.8094081532908168</v>
      </c>
    </row>
    <row r="47207" spans="1:7" x14ac:dyDescent="0.3">
      <c r="A47207" s="13" t="s">
        <v>270</v>
      </c>
      <c r="B47207" s="14" t="s">
        <v>1</v>
      </c>
      <c r="C47207" s="14" t="s">
        <v>23</v>
      </c>
      <c r="D47207" s="14" t="s">
        <v>271</v>
      </c>
      <c r="E47207" s="15">
        <v>45498</v>
      </c>
      <c r="F47207" s="14" t="s">
        <v>53</v>
      </c>
      <c r="G47207" s="16">
        <v>1.8319232497603721</v>
      </c>
    </row>
    <row r="47208" spans="1:7" x14ac:dyDescent="0.3">
      <c r="A47208" s="13" t="s">
        <v>270</v>
      </c>
      <c r="B47208" s="14" t="s">
        <v>1</v>
      </c>
      <c r="C47208" s="14" t="s">
        <v>23</v>
      </c>
      <c r="D47208" s="14" t="s">
        <v>271</v>
      </c>
      <c r="E47208" s="15">
        <v>45499</v>
      </c>
      <c r="F47208" s="14" t="s">
        <v>53</v>
      </c>
      <c r="G47208" s="16">
        <v>1.8437159656816617</v>
      </c>
    </row>
    <row r="47209" spans="1:7" x14ac:dyDescent="0.3">
      <c r="A47209" s="13" t="s">
        <v>270</v>
      </c>
      <c r="B47209" s="14" t="s">
        <v>1</v>
      </c>
      <c r="C47209" s="14" t="s">
        <v>23</v>
      </c>
      <c r="D47209" s="14" t="s">
        <v>271</v>
      </c>
      <c r="E47209" s="15">
        <v>45500</v>
      </c>
      <c r="F47209" s="14" t="s">
        <v>53</v>
      </c>
      <c r="G47209" s="16">
        <v>1.8437159656816617</v>
      </c>
    </row>
    <row r="47210" spans="1:7" x14ac:dyDescent="0.3">
      <c r="A47210" s="13" t="s">
        <v>270</v>
      </c>
      <c r="B47210" s="14" t="s">
        <v>1</v>
      </c>
      <c r="C47210" s="14" t="s">
        <v>23</v>
      </c>
      <c r="D47210" s="14" t="s">
        <v>271</v>
      </c>
      <c r="E47210" s="15">
        <v>45501</v>
      </c>
      <c r="F47210" s="14" t="s">
        <v>53</v>
      </c>
      <c r="G47210" s="16">
        <v>1.8437159656816617</v>
      </c>
    </row>
    <row r="47211" spans="1:7" x14ac:dyDescent="0.3">
      <c r="A47211" s="13" t="s">
        <v>270</v>
      </c>
      <c r="B47211" s="14" t="s">
        <v>1</v>
      </c>
      <c r="C47211" s="14" t="s">
        <v>23</v>
      </c>
      <c r="D47211" s="14" t="s">
        <v>271</v>
      </c>
      <c r="E47211" s="15">
        <v>45502</v>
      </c>
      <c r="F47211" s="14" t="s">
        <v>53</v>
      </c>
      <c r="G47211" s="16">
        <v>1.859497887976195</v>
      </c>
    </row>
    <row r="47212" spans="1:7" x14ac:dyDescent="0.3">
      <c r="A47212" s="13" t="s">
        <v>270</v>
      </c>
      <c r="B47212" s="14" t="s">
        <v>1</v>
      </c>
      <c r="C47212" s="14" t="s">
        <v>23</v>
      </c>
      <c r="D47212" s="14" t="s">
        <v>271</v>
      </c>
      <c r="E47212" s="15">
        <v>45503</v>
      </c>
      <c r="F47212" s="14" t="s">
        <v>53</v>
      </c>
      <c r="G47212" s="16">
        <v>1.9071092072806091</v>
      </c>
    </row>
    <row r="47213" spans="1:7" x14ac:dyDescent="0.3">
      <c r="A47213" s="13" t="s">
        <v>270</v>
      </c>
      <c r="B47213" s="14" t="s">
        <v>1</v>
      </c>
      <c r="C47213" s="14" t="s">
        <v>23</v>
      </c>
      <c r="D47213" s="14" t="s">
        <v>271</v>
      </c>
      <c r="E47213" s="15">
        <v>45504</v>
      </c>
      <c r="F47213" s="14" t="s">
        <v>53</v>
      </c>
      <c r="G47213" s="16">
        <v>1.920061573373365</v>
      </c>
    </row>
    <row r="47214" spans="1:7" x14ac:dyDescent="0.3">
      <c r="A47214" s="13" t="s">
        <v>270</v>
      </c>
      <c r="B47214" s="14" t="s">
        <v>1</v>
      </c>
      <c r="C47214" s="14" t="s">
        <v>23</v>
      </c>
      <c r="D47214" s="14" t="s">
        <v>271</v>
      </c>
      <c r="E47214" s="15">
        <v>45505</v>
      </c>
      <c r="F47214" s="14" t="s">
        <v>53</v>
      </c>
      <c r="G47214" s="16">
        <v>1.9443998083954597</v>
      </c>
    </row>
    <row r="47215" spans="1:7" x14ac:dyDescent="0.3">
      <c r="A47215" s="13" t="s">
        <v>270</v>
      </c>
      <c r="B47215" s="14" t="s">
        <v>1</v>
      </c>
      <c r="C47215" s="14" t="s">
        <v>23</v>
      </c>
      <c r="D47215" s="14" t="s">
        <v>271</v>
      </c>
      <c r="E47215" s="15">
        <v>45506</v>
      </c>
      <c r="F47215" s="14" t="s">
        <v>53</v>
      </c>
      <c r="G47215" s="16">
        <v>1.9420416187249232</v>
      </c>
    </row>
    <row r="47216" spans="1:7" x14ac:dyDescent="0.3">
      <c r="A47216" s="13" t="s">
        <v>270</v>
      </c>
      <c r="B47216" s="14" t="s">
        <v>1</v>
      </c>
      <c r="C47216" s="14" t="s">
        <v>23</v>
      </c>
      <c r="D47216" s="14" t="s">
        <v>271</v>
      </c>
      <c r="E47216" s="15">
        <v>45507</v>
      </c>
      <c r="F47216" s="14" t="s">
        <v>53</v>
      </c>
      <c r="G47216" s="16">
        <v>1.9420416187249232</v>
      </c>
    </row>
    <row r="47217" spans="1:7" x14ac:dyDescent="0.3">
      <c r="A47217" s="13" t="s">
        <v>270</v>
      </c>
      <c r="B47217" s="14" t="s">
        <v>1</v>
      </c>
      <c r="C47217" s="14" t="s">
        <v>23</v>
      </c>
      <c r="D47217" s="14" t="s">
        <v>271</v>
      </c>
      <c r="E47217" s="15">
        <v>45508</v>
      </c>
      <c r="F47217" s="14" t="s">
        <v>53</v>
      </c>
      <c r="G47217" s="16">
        <v>1.9420416187249232</v>
      </c>
    </row>
    <row r="47218" spans="1:7" x14ac:dyDescent="0.3">
      <c r="A47218" s="13" t="s">
        <v>270</v>
      </c>
      <c r="B47218" s="14" t="s">
        <v>1</v>
      </c>
      <c r="C47218" s="14" t="s">
        <v>23</v>
      </c>
      <c r="D47218" s="14" t="s">
        <v>271</v>
      </c>
      <c r="E47218" s="15">
        <v>45509</v>
      </c>
      <c r="F47218" s="14" t="s">
        <v>53</v>
      </c>
      <c r="G47218" s="16">
        <v>1.9420416187249232</v>
      </c>
    </row>
    <row r="47219" spans="1:7" x14ac:dyDescent="0.3">
      <c r="A47219" s="13" t="s">
        <v>270</v>
      </c>
      <c r="B47219" s="14" t="s">
        <v>1</v>
      </c>
      <c r="C47219" s="14" t="s">
        <v>23</v>
      </c>
      <c r="D47219" s="14" t="s">
        <v>271</v>
      </c>
      <c r="E47219" s="15">
        <v>45510</v>
      </c>
      <c r="F47219" s="14" t="s">
        <v>53</v>
      </c>
      <c r="G47219" s="16">
        <v>1.9724922545058501</v>
      </c>
    </row>
    <row r="47220" spans="1:7" x14ac:dyDescent="0.3">
      <c r="A47220" s="13" t="s">
        <v>270</v>
      </c>
      <c r="B47220" s="14" t="s">
        <v>1</v>
      </c>
      <c r="C47220" s="14" t="s">
        <v>23</v>
      </c>
      <c r="D47220" s="14" t="s">
        <v>271</v>
      </c>
      <c r="E47220" s="15">
        <v>45511</v>
      </c>
      <c r="F47220" s="14" t="s">
        <v>53</v>
      </c>
      <c r="G47220" s="16">
        <v>2.0473888000579925</v>
      </c>
    </row>
    <row r="47221" spans="1:7" x14ac:dyDescent="0.3">
      <c r="A47221" s="13" t="s">
        <v>270</v>
      </c>
      <c r="B47221" s="14" t="s">
        <v>1</v>
      </c>
      <c r="C47221" s="14" t="s">
        <v>23</v>
      </c>
      <c r="D47221" s="14" t="s">
        <v>271</v>
      </c>
      <c r="E47221" s="15">
        <v>45512</v>
      </c>
      <c r="F47221" s="14" t="s">
        <v>53</v>
      </c>
      <c r="G47221" s="16">
        <v>2.0473592708661501</v>
      </c>
    </row>
    <row r="47222" spans="1:7" x14ac:dyDescent="0.3">
      <c r="A47222" s="13" t="s">
        <v>270</v>
      </c>
      <c r="B47222" s="14" t="s">
        <v>1</v>
      </c>
      <c r="C47222" s="14" t="s">
        <v>23</v>
      </c>
      <c r="D47222" s="14" t="s">
        <v>271</v>
      </c>
      <c r="E47222" s="15">
        <v>45513</v>
      </c>
      <c r="F47222" s="14" t="s">
        <v>53</v>
      </c>
      <c r="G47222" s="16">
        <v>2.0584513227581924</v>
      </c>
    </row>
    <row r="47223" spans="1:7" x14ac:dyDescent="0.3">
      <c r="A47223" s="13" t="s">
        <v>270</v>
      </c>
      <c r="B47223" s="14" t="s">
        <v>1</v>
      </c>
      <c r="C47223" s="14" t="s">
        <v>23</v>
      </c>
      <c r="D47223" s="14" t="s">
        <v>271</v>
      </c>
      <c r="E47223" s="15">
        <v>45514</v>
      </c>
      <c r="F47223" s="14" t="s">
        <v>53</v>
      </c>
      <c r="G47223" s="16">
        <v>2.0584513227581924</v>
      </c>
    </row>
    <row r="47224" spans="1:7" x14ac:dyDescent="0.3">
      <c r="A47224" s="13" t="s">
        <v>270</v>
      </c>
      <c r="B47224" s="14" t="s">
        <v>1</v>
      </c>
      <c r="C47224" s="14" t="s">
        <v>23</v>
      </c>
      <c r="D47224" s="14" t="s">
        <v>271</v>
      </c>
      <c r="E47224" s="15">
        <v>45515</v>
      </c>
      <c r="F47224" s="14" t="s">
        <v>53</v>
      </c>
      <c r="G47224" s="16">
        <v>2.0584513227581924</v>
      </c>
    </row>
    <row r="47225" spans="1:7" x14ac:dyDescent="0.3">
      <c r="A47225" s="13" t="s">
        <v>270</v>
      </c>
      <c r="B47225" s="14" t="s">
        <v>1</v>
      </c>
      <c r="C47225" s="14" t="s">
        <v>23</v>
      </c>
      <c r="D47225" s="14" t="s">
        <v>271</v>
      </c>
      <c r="E47225" s="15">
        <v>45516</v>
      </c>
      <c r="F47225" s="14" t="s">
        <v>53</v>
      </c>
      <c r="G47225" s="16">
        <v>2.0729874708088576</v>
      </c>
    </row>
    <row r="47226" spans="1:7" x14ac:dyDescent="0.3">
      <c r="A47226" s="13" t="s">
        <v>270</v>
      </c>
      <c r="B47226" s="14" t="s">
        <v>1</v>
      </c>
      <c r="C47226" s="14" t="s">
        <v>23</v>
      </c>
      <c r="D47226" s="14" t="s">
        <v>271</v>
      </c>
      <c r="E47226" s="15">
        <v>45517</v>
      </c>
      <c r="F47226" s="14" t="s">
        <v>53</v>
      </c>
      <c r="G47226" s="16">
        <v>2.1010810632924843</v>
      </c>
    </row>
    <row r="47227" spans="1:7" x14ac:dyDescent="0.3">
      <c r="A47227" s="13" t="s">
        <v>270</v>
      </c>
      <c r="B47227" s="14" t="s">
        <v>1</v>
      </c>
      <c r="C47227" s="14" t="s">
        <v>23</v>
      </c>
      <c r="D47227" s="14" t="s">
        <v>271</v>
      </c>
      <c r="E47227" s="15">
        <v>45518</v>
      </c>
      <c r="F47227" s="14" t="s">
        <v>53</v>
      </c>
      <c r="G47227" s="16">
        <v>2.1212038498160681</v>
      </c>
    </row>
    <row r="47228" spans="1:7" x14ac:dyDescent="0.3">
      <c r="A47228" s="13" t="s">
        <v>270</v>
      </c>
      <c r="B47228" s="14" t="s">
        <v>1</v>
      </c>
      <c r="C47228" s="14" t="s">
        <v>23</v>
      </c>
      <c r="D47228" s="14" t="s">
        <v>271</v>
      </c>
      <c r="E47228" s="15">
        <v>45519</v>
      </c>
      <c r="F47228" s="14" t="s">
        <v>53</v>
      </c>
      <c r="G47228" s="16">
        <v>2.1261568923508545</v>
      </c>
    </row>
    <row r="47229" spans="1:7" x14ac:dyDescent="0.3">
      <c r="A47229" s="13" t="s">
        <v>270</v>
      </c>
      <c r="B47229" s="14" t="s">
        <v>1</v>
      </c>
      <c r="C47229" s="14" t="s">
        <v>23</v>
      </c>
      <c r="D47229" s="14" t="s">
        <v>271</v>
      </c>
      <c r="E47229" s="15">
        <v>45520</v>
      </c>
      <c r="F47229" s="14" t="s">
        <v>53</v>
      </c>
      <c r="G47229" s="16">
        <v>2.125801909540181</v>
      </c>
    </row>
    <row r="47230" spans="1:7" x14ac:dyDescent="0.3">
      <c r="A47230" s="13" t="s">
        <v>270</v>
      </c>
      <c r="B47230" s="14" t="s">
        <v>1</v>
      </c>
      <c r="C47230" s="14" t="s">
        <v>23</v>
      </c>
      <c r="D47230" s="14" t="s">
        <v>271</v>
      </c>
      <c r="E47230" s="15">
        <v>45521</v>
      </c>
      <c r="F47230" s="14" t="s">
        <v>53</v>
      </c>
      <c r="G47230" s="16">
        <v>2.125801909540181</v>
      </c>
    </row>
    <row r="47231" spans="1:7" x14ac:dyDescent="0.3">
      <c r="A47231" s="13" t="s">
        <v>270</v>
      </c>
      <c r="B47231" s="14" t="s">
        <v>1</v>
      </c>
      <c r="C47231" s="14" t="s">
        <v>23</v>
      </c>
      <c r="D47231" s="14" t="s">
        <v>271</v>
      </c>
      <c r="E47231" s="15">
        <v>45522</v>
      </c>
      <c r="F47231" s="14" t="s">
        <v>53</v>
      </c>
      <c r="G47231" s="16">
        <v>2.125801909540181</v>
      </c>
    </row>
    <row r="47232" spans="1:7" x14ac:dyDescent="0.3">
      <c r="A47232" s="13" t="s">
        <v>270</v>
      </c>
      <c r="B47232" s="14" t="s">
        <v>1</v>
      </c>
      <c r="C47232" s="14" t="s">
        <v>23</v>
      </c>
      <c r="D47232" s="14" t="s">
        <v>271</v>
      </c>
      <c r="E47232" s="15">
        <v>45523</v>
      </c>
      <c r="F47232" s="14" t="s">
        <v>53</v>
      </c>
      <c r="G47232" s="16">
        <v>2.1327408751362311</v>
      </c>
    </row>
    <row r="47233" spans="1:7" x14ac:dyDescent="0.3">
      <c r="A47233" s="13" t="s">
        <v>270</v>
      </c>
      <c r="B47233" s="14" t="s">
        <v>1</v>
      </c>
      <c r="C47233" s="14" t="s">
        <v>23</v>
      </c>
      <c r="D47233" s="14" t="s">
        <v>271</v>
      </c>
      <c r="E47233" s="15">
        <v>45524</v>
      </c>
      <c r="F47233" s="14" t="s">
        <v>53</v>
      </c>
      <c r="G47233" s="16">
        <v>2.170078827005534</v>
      </c>
    </row>
    <row r="47234" spans="1:7" x14ac:dyDescent="0.3">
      <c r="A47234" s="13" t="s">
        <v>270</v>
      </c>
      <c r="B47234" s="14" t="s">
        <v>1</v>
      </c>
      <c r="C47234" s="14" t="s">
        <v>23</v>
      </c>
      <c r="D47234" s="14" t="s">
        <v>271</v>
      </c>
      <c r="E47234" s="15">
        <v>45525</v>
      </c>
      <c r="F47234" s="14" t="s">
        <v>53</v>
      </c>
      <c r="G47234" s="16">
        <v>2.1710766794071801</v>
      </c>
    </row>
    <row r="47235" spans="1:7" x14ac:dyDescent="0.3">
      <c r="A47235" s="13" t="s">
        <v>270</v>
      </c>
      <c r="B47235" s="14" t="s">
        <v>1</v>
      </c>
      <c r="C47235" s="14" t="s">
        <v>23</v>
      </c>
      <c r="D47235" s="14" t="s">
        <v>271</v>
      </c>
      <c r="E47235" s="15">
        <v>45526</v>
      </c>
      <c r="F47235" s="14" t="s">
        <v>53</v>
      </c>
      <c r="G47235" s="16">
        <v>2.1858139515489152</v>
      </c>
    </row>
    <row r="47236" spans="1:7" x14ac:dyDescent="0.3">
      <c r="A47236" s="13" t="s">
        <v>270</v>
      </c>
      <c r="B47236" s="14" t="s">
        <v>1</v>
      </c>
      <c r="C47236" s="14" t="s">
        <v>23</v>
      </c>
      <c r="D47236" s="14" t="s">
        <v>271</v>
      </c>
      <c r="E47236" s="15">
        <v>45527</v>
      </c>
      <c r="F47236" s="14" t="s">
        <v>53</v>
      </c>
      <c r="G47236" s="16">
        <v>2.1803632082583086</v>
      </c>
    </row>
    <row r="47237" spans="1:7" x14ac:dyDescent="0.3">
      <c r="A47237" s="13" t="s">
        <v>270</v>
      </c>
      <c r="B47237" s="14" t="s">
        <v>1</v>
      </c>
      <c r="C47237" s="14" t="s">
        <v>23</v>
      </c>
      <c r="D47237" s="14" t="s">
        <v>271</v>
      </c>
      <c r="E47237" s="15">
        <v>45528</v>
      </c>
      <c r="F47237" s="14" t="s">
        <v>53</v>
      </c>
      <c r="G47237" s="16">
        <v>2.1803632082583086</v>
      </c>
    </row>
    <row r="47238" spans="1:7" x14ac:dyDescent="0.3">
      <c r="A47238" s="13" t="s">
        <v>270</v>
      </c>
      <c r="B47238" s="14" t="s">
        <v>1</v>
      </c>
      <c r="C47238" s="14" t="s">
        <v>23</v>
      </c>
      <c r="D47238" s="14" t="s">
        <v>271</v>
      </c>
      <c r="E47238" s="15">
        <v>45529</v>
      </c>
      <c r="F47238" s="14" t="s">
        <v>53</v>
      </c>
      <c r="G47238" s="16">
        <v>2.1803632082583086</v>
      </c>
    </row>
    <row r="47239" spans="1:7" x14ac:dyDescent="0.3">
      <c r="A47239" s="13" t="s">
        <v>270</v>
      </c>
      <c r="B47239" s="14" t="s">
        <v>1</v>
      </c>
      <c r="C47239" s="14" t="s">
        <v>23</v>
      </c>
      <c r="D47239" s="14" t="s">
        <v>271</v>
      </c>
      <c r="E47239" s="15">
        <v>45530</v>
      </c>
      <c r="F47239" s="14" t="s">
        <v>53</v>
      </c>
      <c r="G47239" s="16">
        <v>2.1994466233756933</v>
      </c>
    </row>
    <row r="47240" spans="1:7" x14ac:dyDescent="0.3">
      <c r="A47240" s="13" t="s">
        <v>270</v>
      </c>
      <c r="B47240" s="14" t="s">
        <v>1</v>
      </c>
      <c r="C47240" s="14" t="s">
        <v>23</v>
      </c>
      <c r="D47240" s="14" t="s">
        <v>271</v>
      </c>
      <c r="E47240" s="15">
        <v>45531</v>
      </c>
      <c r="F47240" s="14" t="s">
        <v>53</v>
      </c>
      <c r="G47240" s="16">
        <v>2.231836413886739</v>
      </c>
    </row>
    <row r="47241" spans="1:7" x14ac:dyDescent="0.3">
      <c r="A47241" s="13" t="s">
        <v>270</v>
      </c>
      <c r="B47241" s="14" t="s">
        <v>1</v>
      </c>
      <c r="C47241" s="14" t="s">
        <v>23</v>
      </c>
      <c r="D47241" s="14" t="s">
        <v>271</v>
      </c>
      <c r="E47241" s="15">
        <v>45532</v>
      </c>
      <c r="F47241" s="14" t="s">
        <v>53</v>
      </c>
      <c r="G47241" s="16">
        <v>2.2590864034005471</v>
      </c>
    </row>
    <row r="47242" spans="1:7" x14ac:dyDescent="0.3">
      <c r="A47242" s="13" t="s">
        <v>270</v>
      </c>
      <c r="B47242" s="14" t="s">
        <v>1</v>
      </c>
      <c r="C47242" s="14" t="s">
        <v>23</v>
      </c>
      <c r="D47242" s="14" t="s">
        <v>271</v>
      </c>
      <c r="E47242" s="15">
        <v>45533</v>
      </c>
      <c r="F47242" s="14" t="s">
        <v>53</v>
      </c>
      <c r="G47242" s="16">
        <v>2.277773636681887</v>
      </c>
    </row>
    <row r="47243" spans="1:7" x14ac:dyDescent="0.3">
      <c r="A47243" s="13" t="s">
        <v>270</v>
      </c>
      <c r="B47243" s="14" t="s">
        <v>1</v>
      </c>
      <c r="C47243" s="14" t="s">
        <v>23</v>
      </c>
      <c r="D47243" s="14" t="s">
        <v>271</v>
      </c>
      <c r="E47243" s="15">
        <v>45534</v>
      </c>
      <c r="F47243" s="14" t="s">
        <v>53</v>
      </c>
      <c r="G47243" s="16">
        <v>2.2986269918505697</v>
      </c>
    </row>
    <row r="47244" spans="1:7" x14ac:dyDescent="0.3">
      <c r="A47244" s="13" t="s">
        <v>270</v>
      </c>
      <c r="B47244" s="14" t="s">
        <v>1</v>
      </c>
      <c r="C47244" s="14" t="s">
        <v>23</v>
      </c>
      <c r="D47244" s="14" t="s">
        <v>271</v>
      </c>
      <c r="E47244" s="15">
        <v>45535</v>
      </c>
      <c r="F47244" s="14" t="s">
        <v>53</v>
      </c>
      <c r="G47244" s="16">
        <v>2.2986269918505697</v>
      </c>
    </row>
    <row r="47245" spans="1:7" x14ac:dyDescent="0.3">
      <c r="A47245" s="13" t="s">
        <v>270</v>
      </c>
      <c r="B47245" s="14" t="s">
        <v>1</v>
      </c>
      <c r="C47245" s="14" t="s">
        <v>23</v>
      </c>
      <c r="D47245" s="14" t="s">
        <v>271</v>
      </c>
      <c r="E47245" s="15">
        <v>45536</v>
      </c>
      <c r="F47245" s="14" t="s">
        <v>53</v>
      </c>
      <c r="G47245" s="16">
        <v>2.2986269918505697</v>
      </c>
    </row>
    <row r="47246" spans="1:7" x14ac:dyDescent="0.3">
      <c r="A47246" s="13" t="s">
        <v>270</v>
      </c>
      <c r="B47246" s="14" t="s">
        <v>1</v>
      </c>
      <c r="C47246" s="14" t="s">
        <v>23</v>
      </c>
      <c r="D47246" s="14" t="s">
        <v>271</v>
      </c>
      <c r="E47246" s="15">
        <v>45537</v>
      </c>
      <c r="F47246" s="14" t="s">
        <v>53</v>
      </c>
      <c r="G47246" s="16">
        <v>2.2986269918505697</v>
      </c>
    </row>
    <row r="47247" spans="1:7" x14ac:dyDescent="0.3">
      <c r="A47247" s="13" t="s">
        <v>270</v>
      </c>
      <c r="B47247" s="14" t="s">
        <v>1</v>
      </c>
      <c r="C47247" s="14" t="s">
        <v>23</v>
      </c>
      <c r="D47247" s="14" t="s">
        <v>271</v>
      </c>
      <c r="E47247" s="15">
        <v>45538</v>
      </c>
      <c r="F47247" s="14" t="s">
        <v>53</v>
      </c>
      <c r="G47247" s="16">
        <v>2.3166672393268439</v>
      </c>
    </row>
    <row r="47248" spans="1:7" x14ac:dyDescent="0.3">
      <c r="A47248" s="13" t="s">
        <v>270</v>
      </c>
      <c r="B47248" s="14" t="s">
        <v>1</v>
      </c>
      <c r="C47248" s="14" t="s">
        <v>23</v>
      </c>
      <c r="D47248" s="14" t="s">
        <v>271</v>
      </c>
      <c r="E47248" s="15">
        <v>45539</v>
      </c>
      <c r="F47248" s="14" t="s">
        <v>53</v>
      </c>
      <c r="G47248" s="16">
        <v>2.3613937643649696</v>
      </c>
    </row>
    <row r="47249" spans="1:7" x14ac:dyDescent="0.3">
      <c r="A47249" s="13" t="s">
        <v>270</v>
      </c>
      <c r="B47249" s="14" t="s">
        <v>1</v>
      </c>
      <c r="C47249" s="14" t="s">
        <v>23</v>
      </c>
      <c r="D47249" s="14" t="s">
        <v>271</v>
      </c>
      <c r="E47249" s="15">
        <v>45540</v>
      </c>
      <c r="F47249" s="14" t="s">
        <v>53</v>
      </c>
      <c r="G47249" s="16">
        <v>2.3706941872360305</v>
      </c>
    </row>
    <row r="47250" spans="1:7" x14ac:dyDescent="0.3">
      <c r="A47250" s="13" t="s">
        <v>270</v>
      </c>
      <c r="B47250" s="14" t="s">
        <v>1</v>
      </c>
      <c r="C47250" s="14" t="s">
        <v>23</v>
      </c>
      <c r="D47250" s="14" t="s">
        <v>271</v>
      </c>
      <c r="E47250" s="15">
        <v>45541</v>
      </c>
      <c r="F47250" s="14" t="s">
        <v>53</v>
      </c>
      <c r="G47250" s="16">
        <v>2.3955413903737708</v>
      </c>
    </row>
    <row r="47251" spans="1:7" x14ac:dyDescent="0.3">
      <c r="A47251" s="13" t="s">
        <v>270</v>
      </c>
      <c r="B47251" s="14" t="s">
        <v>1</v>
      </c>
      <c r="C47251" s="14" t="s">
        <v>23</v>
      </c>
      <c r="D47251" s="14" t="s">
        <v>271</v>
      </c>
      <c r="E47251" s="15">
        <v>45542</v>
      </c>
      <c r="F47251" s="14" t="s">
        <v>53</v>
      </c>
      <c r="G47251" s="16">
        <v>2.3955413903737708</v>
      </c>
    </row>
    <row r="47252" spans="1:7" x14ac:dyDescent="0.3">
      <c r="A47252" s="13" t="s">
        <v>270</v>
      </c>
      <c r="B47252" s="14" t="s">
        <v>1</v>
      </c>
      <c r="C47252" s="14" t="s">
        <v>23</v>
      </c>
      <c r="D47252" s="14" t="s">
        <v>271</v>
      </c>
      <c r="E47252" s="15">
        <v>45543</v>
      </c>
      <c r="F47252" s="14" t="s">
        <v>53</v>
      </c>
      <c r="G47252" s="16">
        <v>2.3955413903737708</v>
      </c>
    </row>
    <row r="47253" spans="1:7" x14ac:dyDescent="0.3">
      <c r="A47253" s="13" t="s">
        <v>270</v>
      </c>
      <c r="B47253" s="14" t="s">
        <v>1</v>
      </c>
      <c r="C47253" s="14" t="s">
        <v>23</v>
      </c>
      <c r="D47253" s="14" t="s">
        <v>271</v>
      </c>
      <c r="E47253" s="15">
        <v>45544</v>
      </c>
      <c r="F47253" s="14" t="s">
        <v>53</v>
      </c>
      <c r="G47253" s="16">
        <v>2.4477355162493368</v>
      </c>
    </row>
    <row r="47254" spans="1:7" x14ac:dyDescent="0.3">
      <c r="A47254" s="13" t="s">
        <v>270</v>
      </c>
      <c r="B47254" s="14" t="s">
        <v>1</v>
      </c>
      <c r="C47254" s="14" t="s">
        <v>23</v>
      </c>
      <c r="D47254" s="14" t="s">
        <v>271</v>
      </c>
      <c r="E47254" s="15">
        <v>45545</v>
      </c>
      <c r="F47254" s="14" t="s">
        <v>53</v>
      </c>
      <c r="G47254" s="16">
        <v>2.4883618593396184</v>
      </c>
    </row>
    <row r="47255" spans="1:7" x14ac:dyDescent="0.3">
      <c r="A47255" s="13" t="s">
        <v>270</v>
      </c>
      <c r="B47255" s="14" t="s">
        <v>1</v>
      </c>
      <c r="C47255" s="14" t="s">
        <v>23</v>
      </c>
      <c r="D47255" s="14" t="s">
        <v>271</v>
      </c>
      <c r="E47255" s="15">
        <v>45546</v>
      </c>
      <c r="F47255" s="14" t="s">
        <v>53</v>
      </c>
      <c r="G47255" s="16">
        <v>2.5085540454789133</v>
      </c>
    </row>
    <row r="47256" spans="1:7" x14ac:dyDescent="0.3">
      <c r="A47256" s="13" t="s">
        <v>270</v>
      </c>
      <c r="B47256" s="14" t="s">
        <v>1</v>
      </c>
      <c r="C47256" s="14" t="s">
        <v>23</v>
      </c>
      <c r="D47256" s="14" t="s">
        <v>271</v>
      </c>
      <c r="E47256" s="15">
        <v>45547</v>
      </c>
      <c r="F47256" s="14" t="s">
        <v>53</v>
      </c>
      <c r="G47256" s="16">
        <v>2.5081639089928611</v>
      </c>
    </row>
    <row r="47257" spans="1:7" x14ac:dyDescent="0.3">
      <c r="A47257" s="13" t="s">
        <v>270</v>
      </c>
      <c r="B47257" s="14" t="s">
        <v>1</v>
      </c>
      <c r="C47257" s="14" t="s">
        <v>23</v>
      </c>
      <c r="D47257" s="14" t="s">
        <v>271</v>
      </c>
      <c r="E47257" s="15">
        <v>45548</v>
      </c>
      <c r="F47257" s="14" t="s">
        <v>53</v>
      </c>
      <c r="G47257" s="16">
        <v>2.5230438286567836</v>
      </c>
    </row>
    <row r="47258" spans="1:7" x14ac:dyDescent="0.3">
      <c r="A47258" s="13" t="s">
        <v>270</v>
      </c>
      <c r="B47258" s="14" t="s">
        <v>1</v>
      </c>
      <c r="C47258" s="14" t="s">
        <v>23</v>
      </c>
      <c r="D47258" s="14" t="s">
        <v>271</v>
      </c>
      <c r="E47258" s="15">
        <v>45549</v>
      </c>
      <c r="F47258" s="14" t="s">
        <v>53</v>
      </c>
      <c r="G47258" s="16">
        <v>2.5230438286567836</v>
      </c>
    </row>
    <row r="47259" spans="1:7" x14ac:dyDescent="0.3">
      <c r="A47259" s="13" t="s">
        <v>270</v>
      </c>
      <c r="B47259" s="14" t="s">
        <v>1</v>
      </c>
      <c r="C47259" s="14" t="s">
        <v>23</v>
      </c>
      <c r="D47259" s="14" t="s">
        <v>271</v>
      </c>
      <c r="E47259" s="15">
        <v>45550</v>
      </c>
      <c r="F47259" s="14" t="s">
        <v>53</v>
      </c>
      <c r="G47259" s="16">
        <v>2.5230438286567836</v>
      </c>
    </row>
    <row r="47260" spans="1:7" x14ac:dyDescent="0.3">
      <c r="A47260" s="13" t="s">
        <v>270</v>
      </c>
      <c r="B47260" s="14" t="s">
        <v>1</v>
      </c>
      <c r="C47260" s="14" t="s">
        <v>23</v>
      </c>
      <c r="D47260" s="14" t="s">
        <v>271</v>
      </c>
      <c r="E47260" s="15">
        <v>45551</v>
      </c>
      <c r="F47260" s="14" t="s">
        <v>53</v>
      </c>
      <c r="G47260" s="16">
        <v>2.5204777082812337</v>
      </c>
    </row>
    <row r="47261" spans="1:7" x14ac:dyDescent="0.3">
      <c r="A47261" s="13" t="s">
        <v>270</v>
      </c>
      <c r="B47261" s="14" t="s">
        <v>1</v>
      </c>
      <c r="C47261" s="14" t="s">
        <v>23</v>
      </c>
      <c r="D47261" s="14" t="s">
        <v>271</v>
      </c>
      <c r="E47261" s="15">
        <v>45552</v>
      </c>
      <c r="F47261" s="14" t="s">
        <v>53</v>
      </c>
      <c r="G47261" s="16">
        <v>2.5774723220596689</v>
      </c>
    </row>
    <row r="47262" spans="1:7" x14ac:dyDescent="0.3">
      <c r="A47262" s="13" t="s">
        <v>270</v>
      </c>
      <c r="B47262" s="14" t="s">
        <v>1</v>
      </c>
      <c r="C47262" s="14" t="s">
        <v>23</v>
      </c>
      <c r="D47262" s="14" t="s">
        <v>271</v>
      </c>
      <c r="E47262" s="15">
        <v>45553</v>
      </c>
      <c r="F47262" s="14" t="s">
        <v>53</v>
      </c>
      <c r="G47262" s="16">
        <v>2.5827373583161375</v>
      </c>
    </row>
    <row r="47263" spans="1:7" x14ac:dyDescent="0.3">
      <c r="A47263" s="13" t="s">
        <v>270</v>
      </c>
      <c r="B47263" s="14" t="s">
        <v>1</v>
      </c>
      <c r="C47263" s="14" t="s">
        <v>23</v>
      </c>
      <c r="D47263" s="14" t="s">
        <v>271</v>
      </c>
      <c r="E47263" s="15">
        <v>45554</v>
      </c>
      <c r="F47263" s="14" t="s">
        <v>53</v>
      </c>
      <c r="G47263" s="16">
        <v>2.5838197221749617</v>
      </c>
    </row>
    <row r="47264" spans="1:7" x14ac:dyDescent="0.3">
      <c r="A47264" s="13" t="s">
        <v>270</v>
      </c>
      <c r="B47264" s="14" t="s">
        <v>1</v>
      </c>
      <c r="C47264" s="14" t="s">
        <v>23</v>
      </c>
      <c r="D47264" s="14" t="s">
        <v>271</v>
      </c>
      <c r="E47264" s="15">
        <v>45555</v>
      </c>
      <c r="F47264" s="14" t="s">
        <v>53</v>
      </c>
      <c r="G47264" s="16">
        <v>2.5919443513188019</v>
      </c>
    </row>
    <row r="47265" spans="1:7" x14ac:dyDescent="0.3">
      <c r="A47265" s="13" t="s">
        <v>270</v>
      </c>
      <c r="B47265" s="14" t="s">
        <v>1</v>
      </c>
      <c r="C47265" s="14" t="s">
        <v>23</v>
      </c>
      <c r="D47265" s="14" t="s">
        <v>271</v>
      </c>
      <c r="E47265" s="15">
        <v>45556</v>
      </c>
      <c r="F47265" s="14" t="s">
        <v>53</v>
      </c>
      <c r="G47265" s="16">
        <v>2.5919443513188019</v>
      </c>
    </row>
    <row r="47266" spans="1:7" x14ac:dyDescent="0.3">
      <c r="A47266" s="13" t="s">
        <v>270</v>
      </c>
      <c r="B47266" s="14" t="s">
        <v>1</v>
      </c>
      <c r="C47266" s="14" t="s">
        <v>23</v>
      </c>
      <c r="D47266" s="14" t="s">
        <v>271</v>
      </c>
      <c r="E47266" s="15">
        <v>45557</v>
      </c>
      <c r="F47266" s="14" t="s">
        <v>53</v>
      </c>
      <c r="G47266" s="16">
        <v>2.5919443513188019</v>
      </c>
    </row>
    <row r="47267" spans="1:7" x14ac:dyDescent="0.3">
      <c r="A47267" s="13" t="s">
        <v>270</v>
      </c>
      <c r="B47267" s="14" t="s">
        <v>1</v>
      </c>
      <c r="C47267" s="14" t="s">
        <v>23</v>
      </c>
      <c r="D47267" s="14" t="s">
        <v>271</v>
      </c>
      <c r="E47267" s="15">
        <v>45558</v>
      </c>
      <c r="F47267" s="14" t="s">
        <v>53</v>
      </c>
      <c r="G47267" s="16">
        <v>2.602771753542366</v>
      </c>
    </row>
    <row r="47268" spans="1:7" x14ac:dyDescent="0.3">
      <c r="A47268" s="13" t="s">
        <v>270</v>
      </c>
      <c r="B47268" s="14" t="s">
        <v>1</v>
      </c>
      <c r="C47268" s="14" t="s">
        <v>23</v>
      </c>
      <c r="D47268" s="14" t="s">
        <v>271</v>
      </c>
      <c r="E47268" s="15">
        <v>45559</v>
      </c>
      <c r="F47268" s="14" t="s">
        <v>53</v>
      </c>
      <c r="G47268" s="16">
        <v>2.6483950011348267</v>
      </c>
    </row>
    <row r="47269" spans="1:7" x14ac:dyDescent="0.3">
      <c r="A47269" s="13" t="s">
        <v>270</v>
      </c>
      <c r="B47269" s="14" t="s">
        <v>1</v>
      </c>
      <c r="C47269" s="14" t="s">
        <v>23</v>
      </c>
      <c r="D47269" s="14" t="s">
        <v>271</v>
      </c>
      <c r="E47269" s="15">
        <v>45560</v>
      </c>
      <c r="F47269" s="14" t="s">
        <v>53</v>
      </c>
      <c r="G47269" s="16">
        <v>2.682148461650034</v>
      </c>
    </row>
    <row r="47270" spans="1:7" x14ac:dyDescent="0.3">
      <c r="A47270" s="13" t="s">
        <v>270</v>
      </c>
      <c r="B47270" s="14" t="s">
        <v>1</v>
      </c>
      <c r="C47270" s="14" t="s">
        <v>23</v>
      </c>
      <c r="D47270" s="14" t="s">
        <v>271</v>
      </c>
      <c r="E47270" s="15">
        <v>45561</v>
      </c>
      <c r="F47270" s="14" t="s">
        <v>53</v>
      </c>
      <c r="G47270" s="16">
        <v>2.679805436421228</v>
      </c>
    </row>
    <row r="47271" spans="1:7" x14ac:dyDescent="0.3">
      <c r="A47271" s="13" t="s">
        <v>270</v>
      </c>
      <c r="B47271" s="14" t="s">
        <v>1</v>
      </c>
      <c r="C47271" s="14" t="s">
        <v>23</v>
      </c>
      <c r="D47271" s="14" t="s">
        <v>271</v>
      </c>
      <c r="E47271" s="15">
        <v>45562</v>
      </c>
      <c r="F47271" s="14" t="s">
        <v>53</v>
      </c>
      <c r="G47271" s="16">
        <v>2.7062818685146031</v>
      </c>
    </row>
    <row r="47272" spans="1:7" x14ac:dyDescent="0.3">
      <c r="A47272" s="13" t="s">
        <v>270</v>
      </c>
      <c r="B47272" s="14" t="s">
        <v>1</v>
      </c>
      <c r="C47272" s="14" t="s">
        <v>23</v>
      </c>
      <c r="D47272" s="14" t="s">
        <v>271</v>
      </c>
      <c r="E47272" s="15">
        <v>45563</v>
      </c>
      <c r="F47272" s="14" t="s">
        <v>53</v>
      </c>
      <c r="G47272" s="16">
        <v>2.7062818685146031</v>
      </c>
    </row>
    <row r="47273" spans="1:7" x14ac:dyDescent="0.3">
      <c r="A47273" s="13" t="s">
        <v>270</v>
      </c>
      <c r="B47273" s="14" t="s">
        <v>1</v>
      </c>
      <c r="C47273" s="14" t="s">
        <v>23</v>
      </c>
      <c r="D47273" s="14" t="s">
        <v>271</v>
      </c>
      <c r="E47273" s="15">
        <v>45564</v>
      </c>
      <c r="F47273" s="14" t="s">
        <v>53</v>
      </c>
      <c r="G47273" s="16">
        <v>2.7062818685146031</v>
      </c>
    </row>
    <row r="47274" spans="1:7" x14ac:dyDescent="0.3">
      <c r="A47274" s="13" t="s">
        <v>270</v>
      </c>
      <c r="B47274" s="14" t="s">
        <v>1</v>
      </c>
      <c r="C47274" s="14" t="s">
        <v>23</v>
      </c>
      <c r="D47274" s="14" t="s">
        <v>271</v>
      </c>
      <c r="E47274" s="15">
        <v>45565</v>
      </c>
      <c r="F47274" s="14" t="s">
        <v>53</v>
      </c>
      <c r="G47274" s="16">
        <v>2.721444864403503</v>
      </c>
    </row>
    <row r="47275" spans="1:7" x14ac:dyDescent="0.3">
      <c r="A47275" s="13" t="s">
        <v>270</v>
      </c>
      <c r="B47275" s="14" t="s">
        <v>1</v>
      </c>
      <c r="C47275" s="14" t="s">
        <v>23</v>
      </c>
      <c r="D47275" s="14" t="s">
        <v>271</v>
      </c>
      <c r="E47275" s="15">
        <v>45566</v>
      </c>
      <c r="F47275" s="14" t="s">
        <v>53</v>
      </c>
      <c r="G47275" s="16">
        <v>2.7886415091865202</v>
      </c>
    </row>
    <row r="47276" spans="1:7" x14ac:dyDescent="0.3">
      <c r="A47276" s="13" t="s">
        <v>270</v>
      </c>
      <c r="B47276" s="14" t="s">
        <v>1</v>
      </c>
      <c r="C47276" s="14" t="s">
        <v>23</v>
      </c>
      <c r="D47276" s="14" t="s">
        <v>271</v>
      </c>
      <c r="E47276" s="15">
        <v>45567</v>
      </c>
      <c r="F47276" s="14" t="s">
        <v>53</v>
      </c>
      <c r="G47276" s="16">
        <v>2.8077738478486518</v>
      </c>
    </row>
    <row r="47277" spans="1:7" x14ac:dyDescent="0.3">
      <c r="A47277" s="13" t="s">
        <v>270</v>
      </c>
      <c r="B47277" s="14" t="s">
        <v>1</v>
      </c>
      <c r="C47277" s="14" t="s">
        <v>23</v>
      </c>
      <c r="D47277" s="14" t="s">
        <v>271</v>
      </c>
      <c r="E47277" s="15">
        <v>45568</v>
      </c>
      <c r="F47277" s="14" t="s">
        <v>53</v>
      </c>
      <c r="G47277" s="16">
        <v>2.8455041086080222</v>
      </c>
    </row>
    <row r="47278" spans="1:7" x14ac:dyDescent="0.3">
      <c r="A47278" s="13" t="s">
        <v>270</v>
      </c>
      <c r="B47278" s="14" t="s">
        <v>1</v>
      </c>
      <c r="C47278" s="14" t="s">
        <v>23</v>
      </c>
      <c r="D47278" s="14" t="s">
        <v>271</v>
      </c>
      <c r="E47278" s="15">
        <v>45569</v>
      </c>
      <c r="F47278" s="14" t="s">
        <v>53</v>
      </c>
      <c r="G47278" s="16">
        <v>2.8621823226676284</v>
      </c>
    </row>
    <row r="47279" spans="1:7" x14ac:dyDescent="0.3">
      <c r="A47279" s="13" t="s">
        <v>270</v>
      </c>
      <c r="B47279" s="14" t="s">
        <v>1</v>
      </c>
      <c r="C47279" s="14" t="s">
        <v>23</v>
      </c>
      <c r="D47279" s="14" t="s">
        <v>271</v>
      </c>
      <c r="E47279" s="15">
        <v>45570</v>
      </c>
      <c r="F47279" s="14" t="s">
        <v>53</v>
      </c>
      <c r="G47279" s="16">
        <v>2.8621823226676284</v>
      </c>
    </row>
    <row r="47280" spans="1:7" x14ac:dyDescent="0.3">
      <c r="A47280" s="13" t="s">
        <v>270</v>
      </c>
      <c r="B47280" s="14" t="s">
        <v>1</v>
      </c>
      <c r="C47280" s="14" t="s">
        <v>23</v>
      </c>
      <c r="D47280" s="14" t="s">
        <v>271</v>
      </c>
      <c r="E47280" s="15">
        <v>45571</v>
      </c>
      <c r="F47280" s="14" t="s">
        <v>53</v>
      </c>
      <c r="G47280" s="16">
        <v>2.8621823226676284</v>
      </c>
    </row>
    <row r="47281" spans="1:7" x14ac:dyDescent="0.3">
      <c r="A47281" s="13" t="s">
        <v>270</v>
      </c>
      <c r="B47281" s="14" t="s">
        <v>1</v>
      </c>
      <c r="C47281" s="14" t="s">
        <v>23</v>
      </c>
      <c r="D47281" s="14" t="s">
        <v>271</v>
      </c>
      <c r="E47281" s="15">
        <v>45572</v>
      </c>
      <c r="F47281" s="14" t="s">
        <v>53</v>
      </c>
      <c r="G47281" s="16">
        <v>2.9092334724112172</v>
      </c>
    </row>
    <row r="47282" spans="1:7" x14ac:dyDescent="0.3">
      <c r="A47282" s="13" t="s">
        <v>270</v>
      </c>
      <c r="B47282" s="14" t="s">
        <v>1</v>
      </c>
      <c r="C47282" s="14" t="s">
        <v>23</v>
      </c>
      <c r="D47282" s="14" t="s">
        <v>271</v>
      </c>
      <c r="E47282" s="15">
        <v>45573</v>
      </c>
      <c r="F47282" s="14" t="s">
        <v>53</v>
      </c>
      <c r="G47282" s="16">
        <v>2.9559046143264358</v>
      </c>
    </row>
    <row r="47283" spans="1:7" x14ac:dyDescent="0.3">
      <c r="A47283" s="13" t="s">
        <v>270</v>
      </c>
      <c r="B47283" s="14" t="s">
        <v>1</v>
      </c>
      <c r="C47283" s="14" t="s">
        <v>23</v>
      </c>
      <c r="D47283" s="14" t="s">
        <v>271</v>
      </c>
      <c r="E47283" s="15">
        <v>45574</v>
      </c>
      <c r="F47283" s="14" t="s">
        <v>53</v>
      </c>
      <c r="G47283" s="16">
        <v>2.9799525000129377</v>
      </c>
    </row>
    <row r="47284" spans="1:7" x14ac:dyDescent="0.3">
      <c r="A47284" s="13" t="s">
        <v>270</v>
      </c>
      <c r="B47284" s="14" t="s">
        <v>1</v>
      </c>
      <c r="C47284" s="14" t="s">
        <v>23</v>
      </c>
      <c r="D47284" s="14" t="s">
        <v>271</v>
      </c>
      <c r="E47284" s="15">
        <v>45575</v>
      </c>
      <c r="F47284" s="14" t="s">
        <v>53</v>
      </c>
      <c r="G47284" s="16">
        <v>2.9986090482840493</v>
      </c>
    </row>
    <row r="47285" spans="1:7" x14ac:dyDescent="0.3">
      <c r="A47285" s="13" t="s">
        <v>270</v>
      </c>
      <c r="B47285" s="14" t="s">
        <v>1</v>
      </c>
      <c r="C47285" s="14" t="s">
        <v>23</v>
      </c>
      <c r="D47285" s="14" t="s">
        <v>271</v>
      </c>
      <c r="E47285" s="15">
        <v>45576</v>
      </c>
      <c r="F47285" s="14" t="s">
        <v>53</v>
      </c>
      <c r="G47285" s="16">
        <v>3.0127939125489696</v>
      </c>
    </row>
    <row r="47286" spans="1:7" x14ac:dyDescent="0.3">
      <c r="A47286" s="13" t="s">
        <v>270</v>
      </c>
      <c r="B47286" s="14" t="s">
        <v>1</v>
      </c>
      <c r="C47286" s="14" t="s">
        <v>23</v>
      </c>
      <c r="D47286" s="14" t="s">
        <v>271</v>
      </c>
      <c r="E47286" s="15">
        <v>45577</v>
      </c>
      <c r="F47286" s="14" t="s">
        <v>53</v>
      </c>
      <c r="G47286" s="16">
        <v>3.0127939125489696</v>
      </c>
    </row>
    <row r="47287" spans="1:7" x14ac:dyDescent="0.3">
      <c r="A47287" s="13" t="s">
        <v>270</v>
      </c>
      <c r="B47287" s="14" t="s">
        <v>1</v>
      </c>
      <c r="C47287" s="14" t="s">
        <v>23</v>
      </c>
      <c r="D47287" s="14" t="s">
        <v>271</v>
      </c>
      <c r="E47287" s="15">
        <v>45578</v>
      </c>
      <c r="F47287" s="14" t="s">
        <v>53</v>
      </c>
      <c r="G47287" s="16">
        <v>3.0127939125489696</v>
      </c>
    </row>
    <row r="47288" spans="1:7" x14ac:dyDescent="0.3">
      <c r="A47288" s="13" t="s">
        <v>270</v>
      </c>
      <c r="B47288" s="14" t="s">
        <v>1</v>
      </c>
      <c r="C47288" s="14" t="s">
        <v>23</v>
      </c>
      <c r="D47288" s="14" t="s">
        <v>271</v>
      </c>
      <c r="E47288" s="15">
        <v>45579</v>
      </c>
      <c r="F47288" s="14" t="s">
        <v>53</v>
      </c>
      <c r="G47288" s="16">
        <v>3.0127939125489696</v>
      </c>
    </row>
    <row r="47289" spans="1:7" x14ac:dyDescent="0.3">
      <c r="A47289" s="13" t="s">
        <v>270</v>
      </c>
      <c r="B47289" s="14" t="s">
        <v>1</v>
      </c>
      <c r="C47289" s="14" t="s">
        <v>23</v>
      </c>
      <c r="D47289" s="14" t="s">
        <v>271</v>
      </c>
      <c r="E47289" s="15">
        <v>45580</v>
      </c>
      <c r="F47289" s="14" t="s">
        <v>53</v>
      </c>
      <c r="G47289" s="16">
        <v>3.0277978097777294</v>
      </c>
    </row>
    <row r="47290" spans="1:7" x14ac:dyDescent="0.3">
      <c r="A47290" s="13" t="s">
        <v>270</v>
      </c>
      <c r="B47290" s="14" t="s">
        <v>1</v>
      </c>
      <c r="C47290" s="14" t="s">
        <v>23</v>
      </c>
      <c r="D47290" s="14" t="s">
        <v>271</v>
      </c>
      <c r="E47290" s="15">
        <v>45581</v>
      </c>
      <c r="F47290" s="14" t="s">
        <v>53</v>
      </c>
      <c r="G47290" s="16">
        <v>3.1124213466547603</v>
      </c>
    </row>
    <row r="47291" spans="1:7" x14ac:dyDescent="0.3">
      <c r="A47291" s="13" t="s">
        <v>270</v>
      </c>
      <c r="B47291" s="14" t="s">
        <v>1</v>
      </c>
      <c r="C47291" s="14" t="s">
        <v>23</v>
      </c>
      <c r="D47291" s="14" t="s">
        <v>271</v>
      </c>
      <c r="E47291" s="15">
        <v>45582</v>
      </c>
      <c r="F47291" s="14" t="s">
        <v>53</v>
      </c>
      <c r="G47291" s="16">
        <v>3.1232341877791074</v>
      </c>
    </row>
    <row r="47292" spans="1:7" x14ac:dyDescent="0.3">
      <c r="A47292" s="13" t="s">
        <v>270</v>
      </c>
      <c r="B47292" s="14" t="s">
        <v>1</v>
      </c>
      <c r="C47292" s="14" t="s">
        <v>23</v>
      </c>
      <c r="D47292" s="14" t="s">
        <v>271</v>
      </c>
      <c r="E47292" s="15">
        <v>45583</v>
      </c>
      <c r="F47292" s="14" t="s">
        <v>53</v>
      </c>
      <c r="G47292" s="16">
        <v>3.1290470200966016</v>
      </c>
    </row>
    <row r="47293" spans="1:7" x14ac:dyDescent="0.3">
      <c r="A47293" s="13" t="s">
        <v>270</v>
      </c>
      <c r="B47293" s="14" t="s">
        <v>1</v>
      </c>
      <c r="C47293" s="14" t="s">
        <v>23</v>
      </c>
      <c r="D47293" s="14" t="s">
        <v>271</v>
      </c>
      <c r="E47293" s="15">
        <v>45584</v>
      </c>
      <c r="F47293" s="14" t="s">
        <v>53</v>
      </c>
      <c r="G47293" s="16">
        <v>3.1290470200966016</v>
      </c>
    </row>
    <row r="47294" spans="1:7" x14ac:dyDescent="0.3">
      <c r="A47294" s="13" t="s">
        <v>270</v>
      </c>
      <c r="B47294" s="14" t="s">
        <v>1</v>
      </c>
      <c r="C47294" s="14" t="s">
        <v>23</v>
      </c>
      <c r="D47294" s="14" t="s">
        <v>271</v>
      </c>
      <c r="E47294" s="15">
        <v>45585</v>
      </c>
      <c r="F47294" s="14" t="s">
        <v>53</v>
      </c>
      <c r="G47294" s="16">
        <v>3.1290470200966016</v>
      </c>
    </row>
    <row r="47295" spans="1:7" x14ac:dyDescent="0.3">
      <c r="A47295" s="13" t="s">
        <v>270</v>
      </c>
      <c r="B47295" s="14" t="s">
        <v>1</v>
      </c>
      <c r="C47295" s="14" t="s">
        <v>23</v>
      </c>
      <c r="D47295" s="14" t="s">
        <v>271</v>
      </c>
      <c r="E47295" s="15">
        <v>45586</v>
      </c>
      <c r="F47295" s="14" t="s">
        <v>53</v>
      </c>
      <c r="G47295" s="16">
        <v>3.1608864749622012</v>
      </c>
    </row>
    <row r="47296" spans="1:7" x14ac:dyDescent="0.3">
      <c r="A47296" s="13" t="s">
        <v>270</v>
      </c>
      <c r="B47296" s="14" t="s">
        <v>1</v>
      </c>
      <c r="C47296" s="14" t="s">
        <v>23</v>
      </c>
      <c r="D47296" s="14" t="s">
        <v>271</v>
      </c>
      <c r="E47296" s="15">
        <v>45587</v>
      </c>
      <c r="F47296" s="14" t="s">
        <v>53</v>
      </c>
      <c r="G47296" s="16">
        <v>3.209552447888139</v>
      </c>
    </row>
    <row r="47297" spans="1:7" x14ac:dyDescent="0.3">
      <c r="A47297" s="13" t="s">
        <v>270</v>
      </c>
      <c r="B47297" s="14" t="s">
        <v>1</v>
      </c>
      <c r="C47297" s="14" t="s">
        <v>23</v>
      </c>
      <c r="D47297" s="14" t="s">
        <v>271</v>
      </c>
      <c r="E47297" s="15">
        <v>45588</v>
      </c>
      <c r="F47297" s="14" t="s">
        <v>53</v>
      </c>
      <c r="G47297" s="16">
        <v>3.2411393401836106</v>
      </c>
    </row>
    <row r="47298" spans="1:7" x14ac:dyDescent="0.3">
      <c r="A47298" s="13" t="s">
        <v>270</v>
      </c>
      <c r="B47298" s="14" t="s">
        <v>1</v>
      </c>
      <c r="C47298" s="14" t="s">
        <v>23</v>
      </c>
      <c r="D47298" s="14" t="s">
        <v>271</v>
      </c>
      <c r="E47298" s="15">
        <v>45589</v>
      </c>
      <c r="F47298" s="14" t="s">
        <v>53</v>
      </c>
      <c r="G47298" s="16">
        <v>3.2434875283306566</v>
      </c>
    </row>
    <row r="47299" spans="1:7" x14ac:dyDescent="0.3">
      <c r="A47299" s="13" t="s">
        <v>270</v>
      </c>
      <c r="B47299" s="14" t="s">
        <v>1</v>
      </c>
      <c r="C47299" s="14" t="s">
        <v>23</v>
      </c>
      <c r="D47299" s="14" t="s">
        <v>271</v>
      </c>
      <c r="E47299" s="15">
        <v>45590</v>
      </c>
      <c r="F47299" s="14" t="s">
        <v>53</v>
      </c>
      <c r="G47299" s="16">
        <v>3.2618335015763322</v>
      </c>
    </row>
    <row r="47300" spans="1:7" x14ac:dyDescent="0.3">
      <c r="A47300" s="13" t="s">
        <v>270</v>
      </c>
      <c r="B47300" s="14" t="s">
        <v>1</v>
      </c>
      <c r="C47300" s="14" t="s">
        <v>23</v>
      </c>
      <c r="D47300" s="14" t="s">
        <v>271</v>
      </c>
      <c r="E47300" s="15">
        <v>45591</v>
      </c>
      <c r="F47300" s="14" t="s">
        <v>53</v>
      </c>
      <c r="G47300" s="16">
        <v>3.2618335015763322</v>
      </c>
    </row>
    <row r="47301" spans="1:7" x14ac:dyDescent="0.3">
      <c r="A47301" s="13" t="s">
        <v>270</v>
      </c>
      <c r="B47301" s="14" t="s">
        <v>1</v>
      </c>
      <c r="C47301" s="14" t="s">
        <v>23</v>
      </c>
      <c r="D47301" s="14" t="s">
        <v>271</v>
      </c>
      <c r="E47301" s="15">
        <v>45592</v>
      </c>
      <c r="F47301" s="14" t="s">
        <v>53</v>
      </c>
      <c r="G47301" s="16">
        <v>3.2618335015763322</v>
      </c>
    </row>
    <row r="47302" spans="1:7" x14ac:dyDescent="0.3">
      <c r="A47302" s="13" t="s">
        <v>270</v>
      </c>
      <c r="B47302" s="14" t="s">
        <v>1</v>
      </c>
      <c r="C47302" s="14" t="s">
        <v>23</v>
      </c>
      <c r="D47302" s="14" t="s">
        <v>271</v>
      </c>
      <c r="E47302" s="15">
        <v>45593</v>
      </c>
      <c r="F47302" s="14" t="s">
        <v>53</v>
      </c>
      <c r="G47302" s="16">
        <v>3.2618335015763322</v>
      </c>
    </row>
    <row r="47303" spans="1:7" x14ac:dyDescent="0.3">
      <c r="A47303" s="13" t="s">
        <v>270</v>
      </c>
      <c r="B47303" s="14" t="s">
        <v>1</v>
      </c>
      <c r="C47303" s="14" t="s">
        <v>23</v>
      </c>
      <c r="D47303" s="14" t="s">
        <v>271</v>
      </c>
      <c r="E47303" s="15">
        <v>45594</v>
      </c>
      <c r="F47303" s="14" t="s">
        <v>53</v>
      </c>
      <c r="G47303" s="16">
        <v>3.2677446595490034</v>
      </c>
    </row>
    <row r="47304" spans="1:7" x14ac:dyDescent="0.3">
      <c r="A47304" s="13" t="s">
        <v>270</v>
      </c>
      <c r="B47304" s="14" t="s">
        <v>1</v>
      </c>
      <c r="C47304" s="14" t="s">
        <v>23</v>
      </c>
      <c r="D47304" s="14" t="s">
        <v>271</v>
      </c>
      <c r="E47304" s="15">
        <v>45595</v>
      </c>
      <c r="F47304" s="14" t="s">
        <v>53</v>
      </c>
      <c r="G47304" s="16">
        <v>3.3431929328147398</v>
      </c>
    </row>
    <row r="47305" spans="1:7" x14ac:dyDescent="0.3">
      <c r="A47305" s="13" t="s">
        <v>270</v>
      </c>
      <c r="B47305" s="14" t="s">
        <v>1</v>
      </c>
      <c r="C47305" s="14" t="s">
        <v>23</v>
      </c>
      <c r="D47305" s="14" t="s">
        <v>271</v>
      </c>
      <c r="E47305" s="15">
        <v>45596</v>
      </c>
      <c r="F47305" s="14" t="s">
        <v>53</v>
      </c>
      <c r="G47305" s="16">
        <v>3.3633380506167434</v>
      </c>
    </row>
    <row r="47306" spans="1:7" x14ac:dyDescent="0.3">
      <c r="A47306" s="13" t="s">
        <v>270</v>
      </c>
      <c r="B47306" s="14" t="s">
        <v>1</v>
      </c>
      <c r="C47306" s="14" t="s">
        <v>23</v>
      </c>
      <c r="D47306" s="14" t="s">
        <v>271</v>
      </c>
      <c r="E47306" s="15">
        <v>45597</v>
      </c>
      <c r="F47306" s="14" t="s">
        <v>53</v>
      </c>
      <c r="G47306" s="16">
        <v>3.3711496307929401</v>
      </c>
    </row>
    <row r="47307" spans="1:7" x14ac:dyDescent="0.3">
      <c r="A47307" s="13" t="s">
        <v>270</v>
      </c>
      <c r="B47307" s="14" t="s">
        <v>1</v>
      </c>
      <c r="C47307" s="14" t="s">
        <v>23</v>
      </c>
      <c r="D47307" s="14" t="s">
        <v>271</v>
      </c>
      <c r="E47307" s="15">
        <v>45598</v>
      </c>
      <c r="F47307" s="14" t="s">
        <v>53</v>
      </c>
      <c r="G47307" s="16">
        <v>3.3711496307929401</v>
      </c>
    </row>
    <row r="47308" spans="1:7" x14ac:dyDescent="0.3">
      <c r="A47308" s="13" t="s">
        <v>270</v>
      </c>
      <c r="B47308" s="14" t="s">
        <v>1</v>
      </c>
      <c r="C47308" s="14" t="s">
        <v>23</v>
      </c>
      <c r="D47308" s="14" t="s">
        <v>271</v>
      </c>
      <c r="E47308" s="15">
        <v>45599</v>
      </c>
      <c r="F47308" s="14" t="s">
        <v>53</v>
      </c>
      <c r="G47308" s="16">
        <v>3.3711496307929401</v>
      </c>
    </row>
    <row r="47309" spans="1:7" x14ac:dyDescent="0.3">
      <c r="A47309" s="13" t="s">
        <v>270</v>
      </c>
      <c r="B47309" s="14" t="s">
        <v>1</v>
      </c>
      <c r="C47309" s="14" t="s">
        <v>23</v>
      </c>
      <c r="D47309" s="14" t="s">
        <v>271</v>
      </c>
      <c r="E47309" s="15">
        <v>45600</v>
      </c>
      <c r="F47309" s="14" t="s">
        <v>53</v>
      </c>
      <c r="G47309" s="16">
        <v>3.3702972213909668</v>
      </c>
    </row>
    <row r="47310" spans="1:7" x14ac:dyDescent="0.3">
      <c r="A47310" s="13" t="s">
        <v>270</v>
      </c>
      <c r="B47310" s="14" t="s">
        <v>1</v>
      </c>
      <c r="C47310" s="14" t="s">
        <v>23</v>
      </c>
      <c r="D47310" s="14" t="s">
        <v>271</v>
      </c>
      <c r="E47310" s="15">
        <v>45601</v>
      </c>
      <c r="F47310" s="14" t="s">
        <v>53</v>
      </c>
      <c r="G47310" s="16">
        <v>3.3962464780096457</v>
      </c>
    </row>
    <row r="47311" spans="1:7" x14ac:dyDescent="0.3">
      <c r="A47311" s="13" t="s">
        <v>270</v>
      </c>
      <c r="B47311" s="14" t="s">
        <v>1</v>
      </c>
      <c r="C47311" s="14" t="s">
        <v>23</v>
      </c>
      <c r="D47311" s="14" t="s">
        <v>271</v>
      </c>
      <c r="E47311" s="15">
        <v>45602</v>
      </c>
      <c r="F47311" s="14" t="s">
        <v>53</v>
      </c>
      <c r="G47311" s="16">
        <v>3.4552408290076424</v>
      </c>
    </row>
    <row r="47312" spans="1:7" x14ac:dyDescent="0.3">
      <c r="A47312" s="13" t="s">
        <v>270</v>
      </c>
      <c r="B47312" s="14" t="s">
        <v>1</v>
      </c>
      <c r="C47312" s="14" t="s">
        <v>23</v>
      </c>
      <c r="D47312" s="14" t="s">
        <v>271</v>
      </c>
      <c r="E47312" s="15">
        <v>45603</v>
      </c>
      <c r="F47312" s="14" t="s">
        <v>53</v>
      </c>
      <c r="G47312" s="16">
        <v>3.4442089868693548</v>
      </c>
    </row>
    <row r="47313" spans="1:7" x14ac:dyDescent="0.3">
      <c r="A47313" s="13" t="s">
        <v>270</v>
      </c>
      <c r="B47313" s="14" t="s">
        <v>1</v>
      </c>
      <c r="C47313" s="14" t="s">
        <v>23</v>
      </c>
      <c r="D47313" s="14" t="s">
        <v>271</v>
      </c>
      <c r="E47313" s="15">
        <v>45604</v>
      </c>
      <c r="F47313" s="14" t="s">
        <v>53</v>
      </c>
      <c r="G47313" s="16">
        <v>3.4771744772421793</v>
      </c>
    </row>
    <row r="47314" spans="1:7" x14ac:dyDescent="0.3">
      <c r="A47314" s="13" t="s">
        <v>270</v>
      </c>
      <c r="B47314" s="14" t="s">
        <v>1</v>
      </c>
      <c r="C47314" s="14" t="s">
        <v>23</v>
      </c>
      <c r="D47314" s="14" t="s">
        <v>271</v>
      </c>
      <c r="E47314" s="15">
        <v>45605</v>
      </c>
      <c r="F47314" s="14" t="s">
        <v>53</v>
      </c>
      <c r="G47314" s="16">
        <v>3.4771744772421793</v>
      </c>
    </row>
    <row r="47315" spans="1:7" x14ac:dyDescent="0.3">
      <c r="A47315" s="13" t="s">
        <v>270</v>
      </c>
      <c r="B47315" s="14" t="s">
        <v>1</v>
      </c>
      <c r="C47315" s="14" t="s">
        <v>23</v>
      </c>
      <c r="D47315" s="14" t="s">
        <v>271</v>
      </c>
      <c r="E47315" s="15">
        <v>45606</v>
      </c>
      <c r="F47315" s="14" t="s">
        <v>53</v>
      </c>
      <c r="G47315" s="16">
        <v>3.4771744772421793</v>
      </c>
    </row>
    <row r="47316" spans="1:7" x14ac:dyDescent="0.3">
      <c r="A47316" s="13" t="s">
        <v>270</v>
      </c>
      <c r="B47316" s="14" t="s">
        <v>1</v>
      </c>
      <c r="C47316" s="14" t="s">
        <v>23</v>
      </c>
      <c r="D47316" s="14" t="s">
        <v>271</v>
      </c>
      <c r="E47316" s="15">
        <v>45607</v>
      </c>
      <c r="F47316" s="14" t="s">
        <v>53</v>
      </c>
      <c r="G47316" s="16">
        <v>3.4771744772421793</v>
      </c>
    </row>
    <row r="47317" spans="1:7" x14ac:dyDescent="0.3">
      <c r="A47317" s="13" t="s">
        <v>270</v>
      </c>
      <c r="B47317" s="14" t="s">
        <v>1</v>
      </c>
      <c r="C47317" s="14" t="s">
        <v>23</v>
      </c>
      <c r="D47317" s="14" t="s">
        <v>271</v>
      </c>
      <c r="E47317" s="15">
        <v>45608</v>
      </c>
      <c r="F47317" s="14" t="s">
        <v>53</v>
      </c>
      <c r="G47317" s="16">
        <v>3.5409310189105678</v>
      </c>
    </row>
    <row r="47318" spans="1:7" x14ac:dyDescent="0.3">
      <c r="A47318" s="13" t="s">
        <v>270</v>
      </c>
      <c r="B47318" s="14" t="s">
        <v>1</v>
      </c>
      <c r="C47318" s="14" t="s">
        <v>23</v>
      </c>
      <c r="D47318" s="14" t="s">
        <v>271</v>
      </c>
      <c r="E47318" s="15">
        <v>45609</v>
      </c>
      <c r="F47318" s="14" t="s">
        <v>53</v>
      </c>
      <c r="G47318" s="16">
        <v>3.6285349185754141</v>
      </c>
    </row>
    <row r="47319" spans="1:7" x14ac:dyDescent="0.3">
      <c r="A47319" s="13" t="s">
        <v>270</v>
      </c>
      <c r="B47319" s="14" t="s">
        <v>1</v>
      </c>
      <c r="C47319" s="14" t="s">
        <v>23</v>
      </c>
      <c r="D47319" s="14" t="s">
        <v>271</v>
      </c>
      <c r="E47319" s="15">
        <v>45610</v>
      </c>
      <c r="F47319" s="14" t="s">
        <v>53</v>
      </c>
      <c r="G47319" s="16">
        <v>3.657078510275551</v>
      </c>
    </row>
    <row r="47320" spans="1:7" x14ac:dyDescent="0.3">
      <c r="A47320" s="13" t="s">
        <v>270</v>
      </c>
      <c r="B47320" s="14" t="s">
        <v>1</v>
      </c>
      <c r="C47320" s="14" t="s">
        <v>23</v>
      </c>
      <c r="D47320" s="14" t="s">
        <v>271</v>
      </c>
      <c r="E47320" s="15">
        <v>45611</v>
      </c>
      <c r="F47320" s="14" t="s">
        <v>53</v>
      </c>
      <c r="G47320" s="16">
        <v>3.6852401631901324</v>
      </c>
    </row>
    <row r="47321" spans="1:7" x14ac:dyDescent="0.3">
      <c r="A47321" s="13" t="s">
        <v>270</v>
      </c>
      <c r="B47321" s="14" t="s">
        <v>1</v>
      </c>
      <c r="C47321" s="14" t="s">
        <v>23</v>
      </c>
      <c r="D47321" s="14" t="s">
        <v>271</v>
      </c>
      <c r="E47321" s="15">
        <v>45612</v>
      </c>
      <c r="F47321" s="14" t="s">
        <v>53</v>
      </c>
      <c r="G47321" s="16">
        <v>3.6852401631901324</v>
      </c>
    </row>
    <row r="47322" spans="1:7" x14ac:dyDescent="0.3">
      <c r="A47322" s="13" t="s">
        <v>270</v>
      </c>
      <c r="B47322" s="14" t="s">
        <v>1</v>
      </c>
      <c r="C47322" s="14" t="s">
        <v>23</v>
      </c>
      <c r="D47322" s="14" t="s">
        <v>271</v>
      </c>
      <c r="E47322" s="15">
        <v>45613</v>
      </c>
      <c r="F47322" s="14" t="s">
        <v>53</v>
      </c>
      <c r="G47322" s="16">
        <v>3.6852401631901324</v>
      </c>
    </row>
    <row r="47323" spans="1:7" x14ac:dyDescent="0.3">
      <c r="A47323" s="13" t="s">
        <v>270</v>
      </c>
      <c r="B47323" s="14" t="s">
        <v>1</v>
      </c>
      <c r="C47323" s="14" t="s">
        <v>23</v>
      </c>
      <c r="D47323" s="14" t="s">
        <v>271</v>
      </c>
      <c r="E47323" s="15">
        <v>45614</v>
      </c>
      <c r="F47323" s="14" t="s">
        <v>53</v>
      </c>
      <c r="G47323" s="16">
        <v>3.6836023617248919</v>
      </c>
    </row>
    <row r="47324" spans="1:7" x14ac:dyDescent="0.3">
      <c r="A47324" s="13" t="s">
        <v>270</v>
      </c>
      <c r="B47324" s="14" t="s">
        <v>1</v>
      </c>
      <c r="C47324" s="14" t="s">
        <v>23</v>
      </c>
      <c r="D47324" s="14" t="s">
        <v>271</v>
      </c>
      <c r="E47324" s="15">
        <v>45615</v>
      </c>
      <c r="F47324" s="14" t="s">
        <v>53</v>
      </c>
      <c r="G47324" s="16">
        <v>3.7294190976960082</v>
      </c>
    </row>
    <row r="47325" spans="1:7" x14ac:dyDescent="0.3">
      <c r="A47325" s="13" t="s">
        <v>270</v>
      </c>
      <c r="B47325" s="14" t="s">
        <v>1</v>
      </c>
      <c r="C47325" s="14" t="s">
        <v>23</v>
      </c>
      <c r="D47325" s="14" t="s">
        <v>271</v>
      </c>
      <c r="E47325" s="15">
        <v>45616</v>
      </c>
      <c r="F47325" s="14" t="s">
        <v>53</v>
      </c>
      <c r="G47325" s="16">
        <v>3.7536663929014367</v>
      </c>
    </row>
    <row r="47326" spans="1:7" x14ac:dyDescent="0.3">
      <c r="A47326" s="13" t="s">
        <v>270</v>
      </c>
      <c r="B47326" s="14" t="s">
        <v>1</v>
      </c>
      <c r="C47326" s="14" t="s">
        <v>23</v>
      </c>
      <c r="D47326" s="14" t="s">
        <v>271</v>
      </c>
      <c r="E47326" s="15">
        <v>45617</v>
      </c>
      <c r="F47326" s="14" t="s">
        <v>53</v>
      </c>
      <c r="G47326" s="16">
        <v>3.7883184552220412</v>
      </c>
    </row>
    <row r="47327" spans="1:7" x14ac:dyDescent="0.3">
      <c r="A47327" s="13" t="s">
        <v>270</v>
      </c>
      <c r="B47327" s="14" t="s">
        <v>1</v>
      </c>
      <c r="C47327" s="14" t="s">
        <v>23</v>
      </c>
      <c r="D47327" s="14" t="s">
        <v>271</v>
      </c>
      <c r="E47327" s="15">
        <v>45618</v>
      </c>
      <c r="F47327" s="14" t="s">
        <v>53</v>
      </c>
      <c r="G47327" s="16">
        <v>3.821340566325043</v>
      </c>
    </row>
    <row r="47328" spans="1:7" x14ac:dyDescent="0.3">
      <c r="A47328" s="13" t="s">
        <v>270</v>
      </c>
      <c r="B47328" s="14" t="s">
        <v>1</v>
      </c>
      <c r="C47328" s="14" t="s">
        <v>23</v>
      </c>
      <c r="D47328" s="14" t="s">
        <v>271</v>
      </c>
      <c r="E47328" s="15">
        <v>45619</v>
      </c>
      <c r="F47328" s="14" t="s">
        <v>53</v>
      </c>
      <c r="G47328" s="16">
        <v>3.821340566325043</v>
      </c>
    </row>
    <row r="47329" spans="1:7" x14ac:dyDescent="0.3">
      <c r="A47329" s="13" t="s">
        <v>270</v>
      </c>
      <c r="B47329" s="14" t="s">
        <v>1</v>
      </c>
      <c r="C47329" s="14" t="s">
        <v>23</v>
      </c>
      <c r="D47329" s="14" t="s">
        <v>271</v>
      </c>
      <c r="E47329" s="15">
        <v>45620</v>
      </c>
      <c r="F47329" s="14" t="s">
        <v>53</v>
      </c>
      <c r="G47329" s="16">
        <v>3.821340566325043</v>
      </c>
    </row>
    <row r="47330" spans="1:7" x14ac:dyDescent="0.3">
      <c r="A47330" s="13" t="s">
        <v>270</v>
      </c>
      <c r="B47330" s="14" t="s">
        <v>1</v>
      </c>
      <c r="C47330" s="14" t="s">
        <v>23</v>
      </c>
      <c r="D47330" s="14" t="s">
        <v>271</v>
      </c>
      <c r="E47330" s="15">
        <v>45621</v>
      </c>
      <c r="F47330" s="14" t="s">
        <v>53</v>
      </c>
      <c r="G47330" s="16">
        <v>3.8253138451288802</v>
      </c>
    </row>
    <row r="47331" spans="1:7" x14ac:dyDescent="0.3">
      <c r="A47331" s="13" t="s">
        <v>270</v>
      </c>
      <c r="B47331" s="14" t="s">
        <v>1</v>
      </c>
      <c r="C47331" s="14" t="s">
        <v>23</v>
      </c>
      <c r="D47331" s="14" t="s">
        <v>271</v>
      </c>
      <c r="E47331" s="15">
        <v>45622</v>
      </c>
      <c r="F47331" s="14" t="s">
        <v>53</v>
      </c>
      <c r="G47331" s="16">
        <v>3.8724834790071019</v>
      </c>
    </row>
    <row r="47332" spans="1:7" x14ac:dyDescent="0.3">
      <c r="A47332" s="13" t="s">
        <v>270</v>
      </c>
      <c r="B47332" s="14" t="s">
        <v>1</v>
      </c>
      <c r="C47332" s="14" t="s">
        <v>23</v>
      </c>
      <c r="D47332" s="14" t="s">
        <v>271</v>
      </c>
      <c r="E47332" s="15">
        <v>45623</v>
      </c>
      <c r="F47332" s="14" t="s">
        <v>53</v>
      </c>
      <c r="G47332" s="16">
        <v>3.8541003539319276</v>
      </c>
    </row>
    <row r="47333" spans="1:7" x14ac:dyDescent="0.3">
      <c r="A47333" s="13" t="s">
        <v>270</v>
      </c>
      <c r="B47333" s="14" t="s">
        <v>1</v>
      </c>
      <c r="C47333" s="14" t="s">
        <v>23</v>
      </c>
      <c r="D47333" s="14" t="s">
        <v>271</v>
      </c>
      <c r="E47333" s="15">
        <v>45624</v>
      </c>
      <c r="F47333" s="14" t="s">
        <v>53</v>
      </c>
      <c r="G47333" s="16">
        <v>3.8541003539319276</v>
      </c>
    </row>
    <row r="47334" spans="1:7" x14ac:dyDescent="0.3">
      <c r="A47334" s="13" t="s">
        <v>270</v>
      </c>
      <c r="B47334" s="14" t="s">
        <v>1</v>
      </c>
      <c r="C47334" s="14" t="s">
        <v>23</v>
      </c>
      <c r="D47334" s="14" t="s">
        <v>271</v>
      </c>
      <c r="E47334" s="15">
        <v>45625</v>
      </c>
      <c r="F47334" s="14" t="s">
        <v>53</v>
      </c>
      <c r="G47334" s="16">
        <v>3.856081071643402</v>
      </c>
    </row>
    <row r="47335" spans="1:7" x14ac:dyDescent="0.3">
      <c r="A47335" s="13" t="s">
        <v>270</v>
      </c>
      <c r="B47335" s="14" t="s">
        <v>1</v>
      </c>
      <c r="C47335" s="14" t="s">
        <v>23</v>
      </c>
      <c r="D47335" s="14" t="s">
        <v>271</v>
      </c>
      <c r="E47335" s="15">
        <v>45626</v>
      </c>
      <c r="F47335" s="14" t="s">
        <v>53</v>
      </c>
      <c r="G47335" s="16">
        <v>3.856081071643402</v>
      </c>
    </row>
    <row r="47336" spans="1:7" x14ac:dyDescent="0.3">
      <c r="A47336" s="13" t="s">
        <v>270</v>
      </c>
      <c r="B47336" s="14" t="s">
        <v>1</v>
      </c>
      <c r="C47336" s="14" t="s">
        <v>23</v>
      </c>
      <c r="D47336" s="14" t="s">
        <v>271</v>
      </c>
      <c r="E47336" s="15">
        <v>45627</v>
      </c>
      <c r="F47336" s="14" t="s">
        <v>53</v>
      </c>
      <c r="G47336" s="16">
        <v>3.856081071643402</v>
      </c>
    </row>
    <row r="47337" spans="1:7" x14ac:dyDescent="0.3">
      <c r="A47337" s="13" t="s">
        <v>270</v>
      </c>
      <c r="B47337" s="14" t="s">
        <v>1</v>
      </c>
      <c r="C47337" s="14" t="s">
        <v>23</v>
      </c>
      <c r="D47337" s="14" t="s">
        <v>271</v>
      </c>
      <c r="E47337" s="15">
        <v>45628</v>
      </c>
      <c r="F47337" s="14" t="s">
        <v>53</v>
      </c>
      <c r="G47337" s="16">
        <v>3.9125518445907645</v>
      </c>
    </row>
    <row r="47338" spans="1:7" x14ac:dyDescent="0.3">
      <c r="A47338" s="13" t="s">
        <v>270</v>
      </c>
      <c r="B47338" s="14" t="s">
        <v>1</v>
      </c>
      <c r="C47338" s="14" t="s">
        <v>23</v>
      </c>
      <c r="D47338" s="14" t="s">
        <v>271</v>
      </c>
      <c r="E47338" s="15">
        <v>45629</v>
      </c>
      <c r="F47338" s="14" t="s">
        <v>53</v>
      </c>
      <c r="G47338" s="16">
        <v>3.941550581734421</v>
      </c>
    </row>
    <row r="47339" spans="1:7" x14ac:dyDescent="0.3">
      <c r="A47339" s="13" t="s">
        <v>270</v>
      </c>
      <c r="B47339" s="14" t="s">
        <v>1</v>
      </c>
      <c r="C47339" s="14" t="s">
        <v>23</v>
      </c>
      <c r="D47339" s="14" t="s">
        <v>271</v>
      </c>
      <c r="E47339" s="15">
        <v>45630</v>
      </c>
      <c r="F47339" s="14" t="s">
        <v>53</v>
      </c>
      <c r="G47339" s="16">
        <v>3.9459790312706233</v>
      </c>
    </row>
    <row r="47340" spans="1:7" x14ac:dyDescent="0.3">
      <c r="A47340" s="13" t="s">
        <v>270</v>
      </c>
      <c r="B47340" s="14" t="s">
        <v>1</v>
      </c>
      <c r="C47340" s="14" t="s">
        <v>23</v>
      </c>
      <c r="D47340" s="14" t="s">
        <v>271</v>
      </c>
      <c r="E47340" s="15">
        <v>45631</v>
      </c>
      <c r="F47340" s="14" t="s">
        <v>53</v>
      </c>
      <c r="G47340" s="16">
        <v>3.9448854669769848</v>
      </c>
    </row>
    <row r="47341" spans="1:7" x14ac:dyDescent="0.3">
      <c r="A47341" s="13" t="s">
        <v>270</v>
      </c>
      <c r="B47341" s="14" t="s">
        <v>1</v>
      </c>
      <c r="C47341" s="14" t="s">
        <v>23</v>
      </c>
      <c r="D47341" s="14" t="s">
        <v>271</v>
      </c>
      <c r="E47341" s="15">
        <v>45632</v>
      </c>
      <c r="F47341" s="14" t="s">
        <v>53</v>
      </c>
      <c r="G47341" s="16">
        <v>3.9651484162778599</v>
      </c>
    </row>
    <row r="47342" spans="1:7" x14ac:dyDescent="0.3">
      <c r="A47342" s="13" t="s">
        <v>270</v>
      </c>
      <c r="B47342" s="14" t="s">
        <v>1</v>
      </c>
      <c r="C47342" s="14" t="s">
        <v>23</v>
      </c>
      <c r="D47342" s="14" t="s">
        <v>271</v>
      </c>
      <c r="E47342" s="15">
        <v>45633</v>
      </c>
      <c r="F47342" s="14" t="s">
        <v>53</v>
      </c>
      <c r="G47342" s="16">
        <v>3.9651484162778599</v>
      </c>
    </row>
    <row r="47343" spans="1:7" x14ac:dyDescent="0.3">
      <c r="A47343" s="13" t="s">
        <v>270</v>
      </c>
      <c r="B47343" s="14" t="s">
        <v>1</v>
      </c>
      <c r="C47343" s="14" t="s">
        <v>23</v>
      </c>
      <c r="D47343" s="14" t="s">
        <v>271</v>
      </c>
      <c r="E47343" s="15">
        <v>45634</v>
      </c>
      <c r="F47343" s="14" t="s">
        <v>53</v>
      </c>
      <c r="G47343" s="16">
        <v>3.9651484162778599</v>
      </c>
    </row>
    <row r="47344" spans="1:7" x14ac:dyDescent="0.3">
      <c r="A47344" s="13" t="s">
        <v>270</v>
      </c>
      <c r="B47344" s="14" t="s">
        <v>1</v>
      </c>
      <c r="C47344" s="14" t="s">
        <v>23</v>
      </c>
      <c r="D47344" s="14" t="s">
        <v>271</v>
      </c>
      <c r="E47344" s="15">
        <v>45635</v>
      </c>
      <c r="F47344" s="14" t="s">
        <v>53</v>
      </c>
      <c r="G47344" s="16">
        <v>3.9859867733210601</v>
      </c>
    </row>
    <row r="47345" spans="1:7" x14ac:dyDescent="0.3">
      <c r="A47345" s="13" t="s">
        <v>270</v>
      </c>
      <c r="B47345" s="14" t="s">
        <v>1</v>
      </c>
      <c r="C47345" s="14" t="s">
        <v>23</v>
      </c>
      <c r="D47345" s="14" t="s">
        <v>271</v>
      </c>
      <c r="E47345" s="15">
        <v>45636</v>
      </c>
      <c r="F47345" s="14" t="s">
        <v>53</v>
      </c>
      <c r="G47345" s="16">
        <v>4.0258926632590422</v>
      </c>
    </row>
    <row r="47346" spans="1:7" x14ac:dyDescent="0.3">
      <c r="A47346" s="13" t="s">
        <v>270</v>
      </c>
      <c r="B47346" s="14" t="s">
        <v>1</v>
      </c>
      <c r="C47346" s="14" t="s">
        <v>23</v>
      </c>
      <c r="D47346" s="14" t="s">
        <v>271</v>
      </c>
      <c r="E47346" s="15">
        <v>45637</v>
      </c>
      <c r="F47346" s="14" t="s">
        <v>53</v>
      </c>
      <c r="G47346" s="16">
        <v>4.0481971905829068</v>
      </c>
    </row>
    <row r="47347" spans="1:7" x14ac:dyDescent="0.3">
      <c r="A47347" s="13" t="s">
        <v>270</v>
      </c>
      <c r="B47347" s="14" t="s">
        <v>1</v>
      </c>
      <c r="C47347" s="14" t="s">
        <v>23</v>
      </c>
      <c r="D47347" s="14" t="s">
        <v>271</v>
      </c>
      <c r="E47347" s="15">
        <v>45638</v>
      </c>
      <c r="F47347" s="14" t="s">
        <v>53</v>
      </c>
      <c r="G47347" s="16">
        <v>4.0872425903756726</v>
      </c>
    </row>
    <row r="47348" spans="1:7" x14ac:dyDescent="0.3">
      <c r="A47348" s="13" t="s">
        <v>270</v>
      </c>
      <c r="B47348" s="14" t="s">
        <v>1</v>
      </c>
      <c r="C47348" s="14" t="s">
        <v>23</v>
      </c>
      <c r="D47348" s="14" t="s">
        <v>271</v>
      </c>
      <c r="E47348" s="15">
        <v>45639</v>
      </c>
      <c r="F47348" s="14" t="s">
        <v>53</v>
      </c>
      <c r="G47348" s="16">
        <v>4.121496904332461</v>
      </c>
    </row>
    <row r="47349" spans="1:7" x14ac:dyDescent="0.3">
      <c r="A47349" s="13" t="s">
        <v>270</v>
      </c>
      <c r="B47349" s="14" t="s">
        <v>1</v>
      </c>
      <c r="C47349" s="14" t="s">
        <v>23</v>
      </c>
      <c r="D47349" s="14" t="s">
        <v>271</v>
      </c>
      <c r="E47349" s="15">
        <v>45640</v>
      </c>
      <c r="F47349" s="14" t="s">
        <v>53</v>
      </c>
      <c r="G47349" s="16">
        <v>4.121496904332461</v>
      </c>
    </row>
    <row r="47350" spans="1:7" x14ac:dyDescent="0.3">
      <c r="A47350" s="13" t="s">
        <v>270</v>
      </c>
      <c r="B47350" s="14" t="s">
        <v>1</v>
      </c>
      <c r="C47350" s="14" t="s">
        <v>23</v>
      </c>
      <c r="D47350" s="14" t="s">
        <v>271</v>
      </c>
      <c r="E47350" s="15">
        <v>45641</v>
      </c>
      <c r="F47350" s="14" t="s">
        <v>53</v>
      </c>
      <c r="G47350" s="16">
        <v>4.121496904332461</v>
      </c>
    </row>
    <row r="47351" spans="1:7" x14ac:dyDescent="0.3">
      <c r="A47351" s="13" t="s">
        <v>270</v>
      </c>
      <c r="B47351" s="14" t="s">
        <v>1</v>
      </c>
      <c r="C47351" s="14" t="s">
        <v>23</v>
      </c>
      <c r="D47351" s="14" t="s">
        <v>271</v>
      </c>
      <c r="E47351" s="15">
        <v>45642</v>
      </c>
      <c r="F47351" s="14" t="s">
        <v>53</v>
      </c>
      <c r="G47351" s="16">
        <v>4.1174300204310157</v>
      </c>
    </row>
    <row r="47352" spans="1:7" x14ac:dyDescent="0.3">
      <c r="A47352" s="13" t="s">
        <v>270</v>
      </c>
      <c r="B47352" s="14" t="s">
        <v>1</v>
      </c>
      <c r="C47352" s="14" t="s">
        <v>23</v>
      </c>
      <c r="D47352" s="14" t="s">
        <v>271</v>
      </c>
      <c r="E47352" s="15">
        <v>45643</v>
      </c>
      <c r="F47352" s="14" t="s">
        <v>53</v>
      </c>
      <c r="G47352" s="16">
        <v>4.154315123461612</v>
      </c>
    </row>
    <row r="47353" spans="1:7" x14ac:dyDescent="0.3">
      <c r="A47353" s="13" t="s">
        <v>270</v>
      </c>
      <c r="B47353" s="14" t="s">
        <v>1</v>
      </c>
      <c r="C47353" s="14" t="s">
        <v>23</v>
      </c>
      <c r="D47353" s="14" t="s">
        <v>271</v>
      </c>
      <c r="E47353" s="15">
        <v>45644</v>
      </c>
      <c r="F47353" s="14" t="s">
        <v>53</v>
      </c>
      <c r="G47353" s="16">
        <v>4.2157242236931554</v>
      </c>
    </row>
    <row r="47354" spans="1:7" x14ac:dyDescent="0.3">
      <c r="A47354" s="13" t="s">
        <v>270</v>
      </c>
      <c r="B47354" s="14" t="s">
        <v>1</v>
      </c>
      <c r="C47354" s="14" t="s">
        <v>23</v>
      </c>
      <c r="D47354" s="14" t="s">
        <v>271</v>
      </c>
      <c r="E47354" s="15">
        <v>45645</v>
      </c>
      <c r="F47354" s="14" t="s">
        <v>53</v>
      </c>
      <c r="G47354" s="16">
        <v>4.2539057529515079</v>
      </c>
    </row>
    <row r="47355" spans="1:7" x14ac:dyDescent="0.3">
      <c r="A47355" s="13" t="s">
        <v>270</v>
      </c>
      <c r="B47355" s="14" t="s">
        <v>1</v>
      </c>
      <c r="C47355" s="14" t="s">
        <v>23</v>
      </c>
      <c r="D47355" s="14" t="s">
        <v>271</v>
      </c>
      <c r="E47355" s="15">
        <v>45646</v>
      </c>
      <c r="F47355" s="14" t="s">
        <v>53</v>
      </c>
      <c r="G47355" s="16">
        <v>4.2466700496281486</v>
      </c>
    </row>
    <row r="47356" spans="1:7" x14ac:dyDescent="0.3">
      <c r="A47356" s="13" t="s">
        <v>270</v>
      </c>
      <c r="B47356" s="14" t="s">
        <v>1</v>
      </c>
      <c r="C47356" s="14" t="s">
        <v>23</v>
      </c>
      <c r="D47356" s="14" t="s">
        <v>271</v>
      </c>
      <c r="E47356" s="15">
        <v>45647</v>
      </c>
      <c r="F47356" s="14" t="s">
        <v>53</v>
      </c>
      <c r="G47356" s="16">
        <v>4.2466700496281486</v>
      </c>
    </row>
    <row r="47357" spans="1:7" x14ac:dyDescent="0.3">
      <c r="A47357" s="13" t="s">
        <v>270</v>
      </c>
      <c r="B47357" s="14" t="s">
        <v>1</v>
      </c>
      <c r="C47357" s="14" t="s">
        <v>23</v>
      </c>
      <c r="D47357" s="14" t="s">
        <v>271</v>
      </c>
      <c r="E47357" s="15">
        <v>45648</v>
      </c>
      <c r="F47357" s="14" t="s">
        <v>53</v>
      </c>
      <c r="G47357" s="16">
        <v>4.2466700496281486</v>
      </c>
    </row>
    <row r="47358" spans="1:7" x14ac:dyDescent="0.3">
      <c r="A47358" s="13" t="s">
        <v>270</v>
      </c>
      <c r="B47358" s="14" t="s">
        <v>1</v>
      </c>
      <c r="C47358" s="14" t="s">
        <v>23</v>
      </c>
      <c r="D47358" s="14" t="s">
        <v>271</v>
      </c>
      <c r="E47358" s="15">
        <v>45649</v>
      </c>
      <c r="F47358" s="14" t="s">
        <v>53</v>
      </c>
      <c r="G47358" s="16">
        <v>4.2361665701576037</v>
      </c>
    </row>
    <row r="47359" spans="1:7" x14ac:dyDescent="0.3">
      <c r="A47359" s="13" t="s">
        <v>270</v>
      </c>
      <c r="B47359" s="14" t="s">
        <v>1</v>
      </c>
      <c r="C47359" s="14" t="s">
        <v>23</v>
      </c>
      <c r="D47359" s="14" t="s">
        <v>271</v>
      </c>
      <c r="E47359" s="15">
        <v>45650</v>
      </c>
      <c r="F47359" s="14" t="s">
        <v>53</v>
      </c>
      <c r="G47359" s="16">
        <v>4.2739049808769334</v>
      </c>
    </row>
    <row r="47360" spans="1:7" x14ac:dyDescent="0.3">
      <c r="A47360" s="13" t="s">
        <v>270</v>
      </c>
      <c r="B47360" s="14" t="s">
        <v>1</v>
      </c>
      <c r="C47360" s="14" t="s">
        <v>23</v>
      </c>
      <c r="D47360" s="14" t="s">
        <v>271</v>
      </c>
      <c r="E47360" s="15">
        <v>45651</v>
      </c>
      <c r="F47360" s="14" t="s">
        <v>53</v>
      </c>
      <c r="G47360" s="16">
        <v>4.2739049808769334</v>
      </c>
    </row>
    <row r="47361" spans="1:7" x14ac:dyDescent="0.3">
      <c r="A47361" s="13" t="s">
        <v>270</v>
      </c>
      <c r="B47361" s="14" t="s">
        <v>1</v>
      </c>
      <c r="C47361" s="14" t="s">
        <v>23</v>
      </c>
      <c r="D47361" s="14" t="s">
        <v>271</v>
      </c>
      <c r="E47361" s="15">
        <v>45652</v>
      </c>
      <c r="F47361" s="14" t="s">
        <v>53</v>
      </c>
      <c r="G47361" s="16">
        <v>4.2739049808769334</v>
      </c>
    </row>
    <row r="47362" spans="1:7" x14ac:dyDescent="0.3">
      <c r="A47362" s="13" t="s">
        <v>270</v>
      </c>
      <c r="B47362" s="14" t="s">
        <v>1</v>
      </c>
      <c r="C47362" s="14" t="s">
        <v>23</v>
      </c>
      <c r="D47362" s="14" t="s">
        <v>271</v>
      </c>
      <c r="E47362" s="15">
        <v>45653</v>
      </c>
      <c r="F47362" s="14" t="s">
        <v>53</v>
      </c>
      <c r="G47362" s="16">
        <v>4.2739049808769334</v>
      </c>
    </row>
    <row r="47363" spans="1:7" x14ac:dyDescent="0.3">
      <c r="A47363" s="13" t="s">
        <v>270</v>
      </c>
      <c r="B47363" s="14" t="s">
        <v>1</v>
      </c>
      <c r="C47363" s="14" t="s">
        <v>23</v>
      </c>
      <c r="D47363" s="14" t="s">
        <v>271</v>
      </c>
      <c r="E47363" s="15">
        <v>45654</v>
      </c>
      <c r="F47363" s="14" t="s">
        <v>53</v>
      </c>
      <c r="G47363" s="16">
        <v>4.2739049808769334</v>
      </c>
    </row>
    <row r="47364" spans="1:7" x14ac:dyDescent="0.3">
      <c r="A47364" s="13" t="s">
        <v>270</v>
      </c>
      <c r="B47364" s="14" t="s">
        <v>1</v>
      </c>
      <c r="C47364" s="14" t="s">
        <v>23</v>
      </c>
      <c r="D47364" s="14" t="s">
        <v>271</v>
      </c>
      <c r="E47364" s="15">
        <v>45655</v>
      </c>
      <c r="F47364" s="14" t="s">
        <v>53</v>
      </c>
      <c r="G47364" s="16">
        <v>4.2739049808769334</v>
      </c>
    </row>
    <row r="47365" spans="1:7" x14ac:dyDescent="0.3">
      <c r="A47365" s="13" t="s">
        <v>270</v>
      </c>
      <c r="B47365" s="14" t="s">
        <v>1</v>
      </c>
      <c r="C47365" s="14" t="s">
        <v>23</v>
      </c>
      <c r="D47365" s="14" t="s">
        <v>271</v>
      </c>
      <c r="E47365" s="15">
        <v>45656</v>
      </c>
      <c r="F47365" s="14" t="s">
        <v>53</v>
      </c>
      <c r="G47365" s="16">
        <v>4.2887352828038736</v>
      </c>
    </row>
    <row r="47366" spans="1:7" x14ac:dyDescent="0.3">
      <c r="A47366" s="13" t="s">
        <v>270</v>
      </c>
      <c r="B47366" s="14" t="s">
        <v>1</v>
      </c>
      <c r="C47366" s="14" t="s">
        <v>23</v>
      </c>
      <c r="D47366" s="14" t="s">
        <v>271</v>
      </c>
      <c r="E47366" s="15">
        <v>45657</v>
      </c>
      <c r="F47366" s="14" t="s">
        <v>53</v>
      </c>
      <c r="G47366" s="16">
        <v>4.400665983648655</v>
      </c>
    </row>
    <row r="47367" spans="1:7" x14ac:dyDescent="0.3">
      <c r="A47367" s="13" t="s">
        <v>270</v>
      </c>
      <c r="B47367" s="14" t="s">
        <v>1</v>
      </c>
      <c r="C47367" s="14" t="s">
        <v>23</v>
      </c>
      <c r="D47367" s="14" t="s">
        <v>271</v>
      </c>
      <c r="E47367" s="15">
        <v>45658</v>
      </c>
      <c r="F47367" s="14" t="s">
        <v>53</v>
      </c>
      <c r="G47367" s="16">
        <v>4.400665983648655</v>
      </c>
    </row>
    <row r="47368" spans="1:7" x14ac:dyDescent="0.3">
      <c r="A47368" s="13" t="s">
        <v>270</v>
      </c>
      <c r="B47368" s="14" t="s">
        <v>1</v>
      </c>
      <c r="C47368" s="14" t="s">
        <v>23</v>
      </c>
      <c r="D47368" s="14" t="s">
        <v>271</v>
      </c>
      <c r="E47368" s="15">
        <v>45659</v>
      </c>
      <c r="F47368" s="14" t="s">
        <v>53</v>
      </c>
      <c r="G47368" s="16">
        <v>4.4632939603611863</v>
      </c>
    </row>
    <row r="47369" spans="1:7" x14ac:dyDescent="0.3">
      <c r="A47369" s="13" t="s">
        <v>270</v>
      </c>
      <c r="B47369" s="14" t="s">
        <v>1</v>
      </c>
      <c r="C47369" s="14" t="s">
        <v>23</v>
      </c>
      <c r="D47369" s="14" t="s">
        <v>271</v>
      </c>
      <c r="E47369" s="15">
        <v>45660</v>
      </c>
      <c r="F47369" s="14" t="s">
        <v>53</v>
      </c>
      <c r="G47369" s="16">
        <v>4.4707239360856086</v>
      </c>
    </row>
    <row r="47370" spans="1:7" x14ac:dyDescent="0.3">
      <c r="A47370" s="13" t="s">
        <v>270</v>
      </c>
      <c r="B47370" s="14" t="s">
        <v>1</v>
      </c>
      <c r="C47370" s="14" t="s">
        <v>23</v>
      </c>
      <c r="D47370" s="14" t="s">
        <v>271</v>
      </c>
      <c r="E47370" s="15">
        <v>45661</v>
      </c>
      <c r="F47370" s="14" t="s">
        <v>53</v>
      </c>
      <c r="G47370" s="16">
        <v>4.4707239360856086</v>
      </c>
    </row>
    <row r="47371" spans="1:7" x14ac:dyDescent="0.3">
      <c r="A47371" s="13" t="s">
        <v>270</v>
      </c>
      <c r="B47371" s="14" t="s">
        <v>1</v>
      </c>
      <c r="C47371" s="14" t="s">
        <v>23</v>
      </c>
      <c r="D47371" s="14" t="s">
        <v>271</v>
      </c>
      <c r="E47371" s="15">
        <v>45662</v>
      </c>
      <c r="F47371" s="14" t="s">
        <v>53</v>
      </c>
      <c r="G47371" s="16">
        <v>4.4707239360856086</v>
      </c>
    </row>
    <row r="47372" spans="1:7" x14ac:dyDescent="0.3">
      <c r="A47372" s="13" t="s">
        <v>270</v>
      </c>
      <c r="B47372" s="14" t="s">
        <v>1</v>
      </c>
      <c r="C47372" s="14" t="s">
        <v>23</v>
      </c>
      <c r="D47372" s="14" t="s">
        <v>271</v>
      </c>
      <c r="E47372" s="15">
        <v>45663</v>
      </c>
      <c r="F47372" s="14" t="s">
        <v>53</v>
      </c>
      <c r="G47372" s="16">
        <v>4.4502957339979412</v>
      </c>
    </row>
    <row r="47373" spans="1:7" x14ac:dyDescent="0.3">
      <c r="A47373" s="13" t="s">
        <v>270</v>
      </c>
      <c r="B47373" s="14" t="s">
        <v>1</v>
      </c>
      <c r="C47373" s="14" t="s">
        <v>23</v>
      </c>
      <c r="D47373" s="14" t="s">
        <v>271</v>
      </c>
      <c r="E47373" s="15">
        <v>45664</v>
      </c>
      <c r="F47373" s="14" t="s">
        <v>53</v>
      </c>
      <c r="G47373" s="16">
        <v>4.5140154022165477</v>
      </c>
    </row>
    <row r="47374" spans="1:7" x14ac:dyDescent="0.3">
      <c r="A47374" s="13" t="s">
        <v>270</v>
      </c>
      <c r="B47374" s="14" t="s">
        <v>1</v>
      </c>
      <c r="C47374" s="14" t="s">
        <v>23</v>
      </c>
      <c r="D47374" s="14" t="s">
        <v>271</v>
      </c>
      <c r="E47374" s="15">
        <v>45665</v>
      </c>
      <c r="F47374" s="14" t="s">
        <v>53</v>
      </c>
      <c r="G47374" s="16">
        <v>4.5749091359200236</v>
      </c>
    </row>
    <row r="47375" spans="1:7" x14ac:dyDescent="0.3">
      <c r="A47375" s="13" t="s">
        <v>270</v>
      </c>
      <c r="B47375" s="14" t="s">
        <v>1</v>
      </c>
      <c r="C47375" s="14" t="s">
        <v>23</v>
      </c>
      <c r="D47375" s="14" t="s">
        <v>271</v>
      </c>
      <c r="E47375" s="15">
        <v>45666</v>
      </c>
      <c r="F47375" s="14" t="s">
        <v>53</v>
      </c>
      <c r="G47375" s="16">
        <v>4.5749091359200236</v>
      </c>
    </row>
    <row r="47376" spans="1:7" x14ac:dyDescent="0.3">
      <c r="A47376" s="13" t="s">
        <v>270</v>
      </c>
      <c r="B47376" s="14" t="s">
        <v>1</v>
      </c>
      <c r="C47376" s="14" t="s">
        <v>23</v>
      </c>
      <c r="D47376" s="14" t="s">
        <v>271</v>
      </c>
      <c r="E47376" s="15">
        <v>45667</v>
      </c>
      <c r="F47376" s="14" t="s">
        <v>53</v>
      </c>
      <c r="G47376" s="16">
        <v>4.6529110340439592</v>
      </c>
    </row>
    <row r="47377" spans="1:7" x14ac:dyDescent="0.3">
      <c r="A47377" s="13" t="s">
        <v>270</v>
      </c>
      <c r="B47377" s="14" t="s">
        <v>1</v>
      </c>
      <c r="C47377" s="14" t="s">
        <v>23</v>
      </c>
      <c r="D47377" s="14" t="s">
        <v>271</v>
      </c>
      <c r="E47377" s="15">
        <v>45668</v>
      </c>
      <c r="F47377" s="14" t="s">
        <v>53</v>
      </c>
      <c r="G47377" s="16">
        <v>4.6529110340439592</v>
      </c>
    </row>
    <row r="47378" spans="1:7" x14ac:dyDescent="0.3">
      <c r="A47378" s="13" t="s">
        <v>270</v>
      </c>
      <c r="B47378" s="14" t="s">
        <v>1</v>
      </c>
      <c r="C47378" s="14" t="s">
        <v>23</v>
      </c>
      <c r="D47378" s="14" t="s">
        <v>271</v>
      </c>
      <c r="E47378" s="15">
        <v>45669</v>
      </c>
      <c r="F47378" s="14" t="s">
        <v>53</v>
      </c>
      <c r="G47378" s="16">
        <v>4.6529110340439592</v>
      </c>
    </row>
    <row r="47379" spans="1:7" x14ac:dyDescent="0.3">
      <c r="A47379" s="13" t="s">
        <v>270</v>
      </c>
      <c r="B47379" s="14" t="s">
        <v>1</v>
      </c>
      <c r="C47379" s="14" t="s">
        <v>23</v>
      </c>
      <c r="D47379" s="14" t="s">
        <v>271</v>
      </c>
      <c r="E47379" s="15">
        <v>45670</v>
      </c>
      <c r="F47379" s="14" t="s">
        <v>53</v>
      </c>
      <c r="G47379" s="16">
        <v>4.6907142210388573</v>
      </c>
    </row>
    <row r="47380" spans="1:7" x14ac:dyDescent="0.3">
      <c r="A47380" s="13" t="s">
        <v>270</v>
      </c>
      <c r="B47380" s="14" t="s">
        <v>1</v>
      </c>
      <c r="C47380" s="14" t="s">
        <v>23</v>
      </c>
      <c r="D47380" s="14" t="s">
        <v>271</v>
      </c>
      <c r="E47380" s="15">
        <v>45671</v>
      </c>
      <c r="F47380" s="14" t="s">
        <v>53</v>
      </c>
      <c r="G47380" s="16">
        <v>4.7286074072085853</v>
      </c>
    </row>
    <row r="47381" spans="1:7" x14ac:dyDescent="0.3">
      <c r="A47381" s="13" t="s">
        <v>270</v>
      </c>
      <c r="B47381" s="14" t="s">
        <v>1</v>
      </c>
      <c r="C47381" s="14" t="s">
        <v>23</v>
      </c>
      <c r="D47381" s="14" t="s">
        <v>271</v>
      </c>
      <c r="E47381" s="15">
        <v>45672</v>
      </c>
      <c r="F47381" s="14" t="s">
        <v>53</v>
      </c>
      <c r="G47381" s="16">
        <v>4.7325494516383086</v>
      </c>
    </row>
    <row r="47382" spans="1:7" x14ac:dyDescent="0.3">
      <c r="A47382" s="13" t="s">
        <v>270</v>
      </c>
      <c r="B47382" s="14" t="s">
        <v>1</v>
      </c>
      <c r="C47382" s="14" t="s">
        <v>23</v>
      </c>
      <c r="D47382" s="14" t="s">
        <v>271</v>
      </c>
      <c r="E47382" s="15">
        <v>45673</v>
      </c>
      <c r="F47382" s="14" t="s">
        <v>53</v>
      </c>
      <c r="G47382" s="16">
        <v>4.7504639827031578</v>
      </c>
    </row>
    <row r="47383" spans="1:7" x14ac:dyDescent="0.3">
      <c r="A47383" s="13" t="s">
        <v>270</v>
      </c>
      <c r="B47383" s="14" t="s">
        <v>1</v>
      </c>
      <c r="C47383" s="14" t="s">
        <v>23</v>
      </c>
      <c r="D47383" s="14" t="s">
        <v>271</v>
      </c>
      <c r="E47383" s="15">
        <v>45674</v>
      </c>
      <c r="F47383" s="14" t="s">
        <v>53</v>
      </c>
      <c r="G47383" s="16">
        <v>4.7862108880065319</v>
      </c>
    </row>
    <row r="47384" spans="1:7" x14ac:dyDescent="0.3">
      <c r="A47384" s="13" t="s">
        <v>270</v>
      </c>
      <c r="B47384" s="14" t="s">
        <v>1</v>
      </c>
      <c r="C47384" s="14" t="s">
        <v>23</v>
      </c>
      <c r="D47384" s="14" t="s">
        <v>271</v>
      </c>
      <c r="E47384" s="15">
        <v>45675</v>
      </c>
      <c r="F47384" s="14" t="s">
        <v>53</v>
      </c>
      <c r="G47384" s="16">
        <v>4.7862108880065319</v>
      </c>
    </row>
    <row r="47385" spans="1:7" x14ac:dyDescent="0.3">
      <c r="A47385" s="13" t="s">
        <v>270</v>
      </c>
      <c r="B47385" s="14" t="s">
        <v>1</v>
      </c>
      <c r="C47385" s="14" t="s">
        <v>23</v>
      </c>
      <c r="D47385" s="14" t="s">
        <v>271</v>
      </c>
      <c r="E47385" s="15">
        <v>45676</v>
      </c>
      <c r="F47385" s="14" t="s">
        <v>53</v>
      </c>
      <c r="G47385" s="16">
        <v>4.7862108880065319</v>
      </c>
    </row>
    <row r="47386" spans="1:7" x14ac:dyDescent="0.3">
      <c r="A47386" s="13" t="s">
        <v>270</v>
      </c>
      <c r="B47386" s="14" t="s">
        <v>1</v>
      </c>
      <c r="C47386" s="14" t="s">
        <v>23</v>
      </c>
      <c r="D47386" s="14" t="s">
        <v>271</v>
      </c>
      <c r="E47386" s="15">
        <v>45677</v>
      </c>
      <c r="F47386" s="14" t="s">
        <v>53</v>
      </c>
      <c r="G47386" s="16">
        <v>4.7862108880065319</v>
      </c>
    </row>
    <row r="47387" spans="1:7" x14ac:dyDescent="0.3">
      <c r="A47387" s="13" t="s">
        <v>270</v>
      </c>
      <c r="B47387" s="14" t="s">
        <v>1</v>
      </c>
      <c r="C47387" s="14" t="s">
        <v>23</v>
      </c>
      <c r="D47387" s="14" t="s">
        <v>271</v>
      </c>
      <c r="E47387" s="15">
        <v>45678</v>
      </c>
      <c r="F47387" s="14" t="s">
        <v>53</v>
      </c>
      <c r="G47387" s="16">
        <v>4.7309329463856864</v>
      </c>
    </row>
    <row r="47388" spans="1:7" x14ac:dyDescent="0.3">
      <c r="A47388" s="13" t="s">
        <v>270</v>
      </c>
      <c r="B47388" s="14" t="s">
        <v>1</v>
      </c>
      <c r="C47388" s="14" t="s">
        <v>23</v>
      </c>
      <c r="D47388" s="14" t="s">
        <v>271</v>
      </c>
      <c r="E47388" s="15">
        <v>45679</v>
      </c>
      <c r="F47388" s="14" t="s">
        <v>53</v>
      </c>
      <c r="G47388" s="16">
        <v>4.8049202684438121</v>
      </c>
    </row>
    <row r="47389" spans="1:7" x14ac:dyDescent="0.3">
      <c r="A47389" s="13" t="s">
        <v>270</v>
      </c>
      <c r="B47389" s="14" t="s">
        <v>1</v>
      </c>
      <c r="C47389" s="14" t="s">
        <v>23</v>
      </c>
      <c r="D47389" s="14" t="s">
        <v>271</v>
      </c>
      <c r="E47389" s="15">
        <v>45680</v>
      </c>
      <c r="F47389" s="14" t="s">
        <v>53</v>
      </c>
      <c r="G47389" s="16">
        <v>4.8066733861304769</v>
      </c>
    </row>
    <row r="47390" spans="1:7" x14ac:dyDescent="0.3">
      <c r="A47390" s="13" t="s">
        <v>270</v>
      </c>
      <c r="B47390" s="14" t="s">
        <v>1</v>
      </c>
      <c r="C47390" s="14" t="s">
        <v>23</v>
      </c>
      <c r="D47390" s="14" t="s">
        <v>271</v>
      </c>
      <c r="E47390" s="15">
        <v>45681</v>
      </c>
      <c r="F47390" s="14" t="s">
        <v>53</v>
      </c>
      <c r="G47390" s="16">
        <v>4.770738213437081</v>
      </c>
    </row>
    <row r="47391" spans="1:7" x14ac:dyDescent="0.3">
      <c r="A47391" s="13" t="s">
        <v>270</v>
      </c>
      <c r="B47391" s="14" t="s">
        <v>1</v>
      </c>
      <c r="C47391" s="14" t="s">
        <v>23</v>
      </c>
      <c r="D47391" s="14" t="s">
        <v>271</v>
      </c>
      <c r="E47391" s="15">
        <v>45682</v>
      </c>
      <c r="F47391" s="14" t="s">
        <v>53</v>
      </c>
      <c r="G47391" s="16">
        <v>4.770738213437081</v>
      </c>
    </row>
    <row r="47392" spans="1:7" x14ac:dyDescent="0.3">
      <c r="A47392" s="13" t="s">
        <v>270</v>
      </c>
      <c r="B47392" s="14" t="s">
        <v>1</v>
      </c>
      <c r="C47392" s="14" t="s">
        <v>23</v>
      </c>
      <c r="D47392" s="14" t="s">
        <v>271</v>
      </c>
      <c r="E47392" s="15">
        <v>45683</v>
      </c>
      <c r="F47392" s="14" t="s">
        <v>53</v>
      </c>
      <c r="G47392" s="16">
        <v>4.770738213437081</v>
      </c>
    </row>
    <row r="47393" spans="1:7" x14ac:dyDescent="0.3">
      <c r="A47393" s="13" t="s">
        <v>270</v>
      </c>
      <c r="B47393" s="14" t="s">
        <v>1</v>
      </c>
      <c r="C47393" s="14" t="s">
        <v>23</v>
      </c>
      <c r="D47393" s="14" t="s">
        <v>271</v>
      </c>
      <c r="E47393" s="15">
        <v>45684</v>
      </c>
      <c r="F47393" s="14" t="s">
        <v>53</v>
      </c>
      <c r="G47393" s="16">
        <v>4.7821850354102331</v>
      </c>
    </row>
    <row r="47394" spans="1:7" x14ac:dyDescent="0.3">
      <c r="A47394" s="13" t="s">
        <v>270</v>
      </c>
      <c r="B47394" s="14" t="s">
        <v>1</v>
      </c>
      <c r="C47394" s="14" t="s">
        <v>23</v>
      </c>
      <c r="D47394" s="14" t="s">
        <v>271</v>
      </c>
      <c r="E47394" s="15">
        <v>45685</v>
      </c>
      <c r="F47394" s="14" t="s">
        <v>53</v>
      </c>
      <c r="G47394" s="16">
        <v>4.8489536276795677</v>
      </c>
    </row>
    <row r="47395" spans="1:7" x14ac:dyDescent="0.3">
      <c r="A47395" s="13" t="s">
        <v>270</v>
      </c>
      <c r="B47395" s="14" t="s">
        <v>1</v>
      </c>
      <c r="C47395" s="14" t="s">
        <v>23</v>
      </c>
      <c r="D47395" s="14" t="s">
        <v>271</v>
      </c>
      <c r="E47395" s="15">
        <v>45686</v>
      </c>
      <c r="F47395" s="14" t="s">
        <v>53</v>
      </c>
      <c r="G47395" s="16">
        <v>4.8591129431443445</v>
      </c>
    </row>
    <row r="47396" spans="1:7" x14ac:dyDescent="0.3">
      <c r="A47396" s="13" t="s">
        <v>270</v>
      </c>
      <c r="B47396" s="14" t="s">
        <v>1</v>
      </c>
      <c r="C47396" s="14" t="s">
        <v>23</v>
      </c>
      <c r="D47396" s="14" t="s">
        <v>271</v>
      </c>
      <c r="E47396" s="15">
        <v>45687</v>
      </c>
      <c r="F47396" s="14" t="s">
        <v>53</v>
      </c>
      <c r="G47396" s="16">
        <v>4.8880829290672017</v>
      </c>
    </row>
    <row r="47397" spans="1:7" x14ac:dyDescent="0.3">
      <c r="A47397" s="13" t="s">
        <v>270</v>
      </c>
      <c r="B47397" s="14" t="s">
        <v>1</v>
      </c>
      <c r="C47397" s="14" t="s">
        <v>23</v>
      </c>
      <c r="D47397" s="14" t="s">
        <v>271</v>
      </c>
      <c r="E47397" s="15">
        <v>45688</v>
      </c>
      <c r="F47397" s="14" t="s">
        <v>53</v>
      </c>
      <c r="G47397" s="16">
        <v>4.9138621128829776</v>
      </c>
    </row>
    <row r="47398" spans="1:7" x14ac:dyDescent="0.3">
      <c r="A47398" s="13" t="s">
        <v>270</v>
      </c>
      <c r="B47398" s="14" t="s">
        <v>1</v>
      </c>
      <c r="C47398" s="14" t="s">
        <v>23</v>
      </c>
      <c r="D47398" s="14" t="s">
        <v>271</v>
      </c>
      <c r="E47398" s="15">
        <v>45689</v>
      </c>
      <c r="F47398" s="14" t="s">
        <v>53</v>
      </c>
      <c r="G47398" s="16">
        <v>4.9138621128829776</v>
      </c>
    </row>
    <row r="47399" spans="1:7" x14ac:dyDescent="0.3">
      <c r="A47399" s="13" t="s">
        <v>270</v>
      </c>
      <c r="B47399" s="14" t="s">
        <v>1</v>
      </c>
      <c r="C47399" s="14" t="s">
        <v>23</v>
      </c>
      <c r="D47399" s="14" t="s">
        <v>271</v>
      </c>
      <c r="E47399" s="15">
        <v>45690</v>
      </c>
      <c r="F47399" s="14" t="s">
        <v>53</v>
      </c>
      <c r="G47399" s="16">
        <v>4.9138621128829776</v>
      </c>
    </row>
    <row r="47400" spans="1:7" x14ac:dyDescent="0.3">
      <c r="A47400" s="13" t="s">
        <v>270</v>
      </c>
      <c r="B47400" s="14" t="s">
        <v>1</v>
      </c>
      <c r="C47400" s="14" t="s">
        <v>23</v>
      </c>
      <c r="D47400" s="14" t="s">
        <v>271</v>
      </c>
      <c r="E47400" s="15">
        <v>45691</v>
      </c>
      <c r="F47400" s="14" t="s">
        <v>53</v>
      </c>
      <c r="G47400" s="16">
        <v>4.9138621128829776</v>
      </c>
    </row>
    <row r="47401" spans="1:7" x14ac:dyDescent="0.3">
      <c r="A47401" s="13" t="s">
        <v>270</v>
      </c>
      <c r="B47401" s="14" t="s">
        <v>1</v>
      </c>
      <c r="C47401" s="14" t="s">
        <v>23</v>
      </c>
      <c r="D47401" s="14" t="s">
        <v>271</v>
      </c>
      <c r="E47401" s="15">
        <v>45692</v>
      </c>
      <c r="F47401" s="14" t="s">
        <v>53</v>
      </c>
      <c r="G47401" s="16">
        <v>4.8947835156500572</v>
      </c>
    </row>
    <row r="47402" spans="1:7" x14ac:dyDescent="0.3">
      <c r="A47402" s="13" t="s">
        <v>270</v>
      </c>
      <c r="B47402" s="14" t="s">
        <v>1</v>
      </c>
      <c r="C47402" s="14" t="s">
        <v>23</v>
      </c>
      <c r="D47402" s="14" t="s">
        <v>271</v>
      </c>
      <c r="E47402" s="15">
        <v>45693</v>
      </c>
      <c r="F47402" s="14" t="s">
        <v>53</v>
      </c>
      <c r="G47402" s="16">
        <v>4.9351470357734293</v>
      </c>
    </row>
    <row r="47403" spans="1:7" x14ac:dyDescent="0.3">
      <c r="A47403" s="13" t="s">
        <v>270</v>
      </c>
      <c r="B47403" s="14" t="s">
        <v>1</v>
      </c>
      <c r="C47403" s="14" t="s">
        <v>23</v>
      </c>
      <c r="D47403" s="14" t="s">
        <v>271</v>
      </c>
      <c r="E47403" s="15">
        <v>45694</v>
      </c>
      <c r="F47403" s="14" t="s">
        <v>53</v>
      </c>
      <c r="G47403" s="16">
        <v>4.9782566426866017</v>
      </c>
    </row>
    <row r="47404" spans="1:7" x14ac:dyDescent="0.3">
      <c r="A47404" s="13" t="s">
        <v>270</v>
      </c>
      <c r="B47404" s="14" t="s">
        <v>1</v>
      </c>
      <c r="C47404" s="14" t="s">
        <v>23</v>
      </c>
      <c r="D47404" s="14" t="s">
        <v>271</v>
      </c>
      <c r="E47404" s="15">
        <v>45695</v>
      </c>
      <c r="F47404" s="14" t="s">
        <v>53</v>
      </c>
      <c r="G47404" s="16">
        <v>5.0037778794501291</v>
      </c>
    </row>
    <row r="47405" spans="1:7" x14ac:dyDescent="0.3">
      <c r="A47405" s="13" t="s">
        <v>270</v>
      </c>
      <c r="B47405" s="14" t="s">
        <v>1</v>
      </c>
      <c r="C47405" s="14" t="s">
        <v>23</v>
      </c>
      <c r="D47405" s="14" t="s">
        <v>271</v>
      </c>
      <c r="E47405" s="15">
        <v>45696</v>
      </c>
      <c r="F47405" s="14" t="s">
        <v>53</v>
      </c>
      <c r="G47405" s="16">
        <v>5.0037778794501291</v>
      </c>
    </row>
    <row r="47406" spans="1:7" x14ac:dyDescent="0.3">
      <c r="A47406" s="13" t="s">
        <v>270</v>
      </c>
      <c r="B47406" s="14" t="s">
        <v>1</v>
      </c>
      <c r="C47406" s="14" t="s">
        <v>23</v>
      </c>
      <c r="D47406" s="14" t="s">
        <v>271</v>
      </c>
      <c r="E47406" s="15">
        <v>45697</v>
      </c>
      <c r="F47406" s="14" t="s">
        <v>53</v>
      </c>
      <c r="G47406" s="16">
        <v>5.0037778794501291</v>
      </c>
    </row>
    <row r="47407" spans="1:7" x14ac:dyDescent="0.3">
      <c r="A47407" s="13" t="s">
        <v>270</v>
      </c>
      <c r="B47407" s="14" t="s">
        <v>1</v>
      </c>
      <c r="C47407" s="14" t="s">
        <v>23</v>
      </c>
      <c r="D47407" s="14" t="s">
        <v>271</v>
      </c>
      <c r="E47407" s="15">
        <v>45698</v>
      </c>
      <c r="F47407" s="14" t="s">
        <v>53</v>
      </c>
      <c r="G47407" s="16">
        <v>5.0433659408729623</v>
      </c>
    </row>
    <row r="47408" spans="1:7" x14ac:dyDescent="0.3">
      <c r="A47408" s="13" t="s">
        <v>270</v>
      </c>
      <c r="B47408" s="14" t="s">
        <v>1</v>
      </c>
      <c r="C47408" s="14" t="s">
        <v>23</v>
      </c>
      <c r="D47408" s="14" t="s">
        <v>271</v>
      </c>
      <c r="E47408" s="15">
        <v>45699</v>
      </c>
      <c r="F47408" s="14" t="s">
        <v>53</v>
      </c>
      <c r="G47408" s="16">
        <v>5.0582514423147167</v>
      </c>
    </row>
    <row r="47409" spans="1:7" x14ac:dyDescent="0.3">
      <c r="A47409" s="13" t="s">
        <v>270</v>
      </c>
      <c r="B47409" s="14" t="s">
        <v>1</v>
      </c>
      <c r="C47409" s="14" t="s">
        <v>23</v>
      </c>
      <c r="D47409" s="14" t="s">
        <v>271</v>
      </c>
      <c r="E47409" s="15">
        <v>45700</v>
      </c>
      <c r="F47409" s="14" t="s">
        <v>53</v>
      </c>
      <c r="G47409" s="16">
        <v>5.075028727071822</v>
      </c>
    </row>
    <row r="47410" spans="1:7" x14ac:dyDescent="0.3">
      <c r="A47410" s="13" t="s">
        <v>270</v>
      </c>
      <c r="B47410" s="14" t="s">
        <v>1</v>
      </c>
      <c r="C47410" s="14" t="s">
        <v>23</v>
      </c>
      <c r="D47410" s="14" t="s">
        <v>271</v>
      </c>
      <c r="E47410" s="15">
        <v>45701</v>
      </c>
      <c r="F47410" s="14" t="s">
        <v>53</v>
      </c>
      <c r="G47410" s="16">
        <v>5.0410976785386792</v>
      </c>
    </row>
    <row r="47411" spans="1:7" x14ac:dyDescent="0.3">
      <c r="A47411" s="13" t="s">
        <v>270</v>
      </c>
      <c r="B47411" s="14" t="s">
        <v>1</v>
      </c>
      <c r="C47411" s="14" t="s">
        <v>23</v>
      </c>
      <c r="D47411" s="14" t="s">
        <v>271</v>
      </c>
      <c r="E47411" s="15">
        <v>45702</v>
      </c>
      <c r="F47411" s="14" t="s">
        <v>53</v>
      </c>
      <c r="G47411" s="16">
        <v>5.048772352514594</v>
      </c>
    </row>
    <row r="47412" spans="1:7" x14ac:dyDescent="0.3">
      <c r="A47412" s="13" t="s">
        <v>270</v>
      </c>
      <c r="B47412" s="14" t="s">
        <v>1</v>
      </c>
      <c r="C47412" s="14" t="s">
        <v>23</v>
      </c>
      <c r="D47412" s="14" t="s">
        <v>271</v>
      </c>
      <c r="E47412" s="15">
        <v>45703</v>
      </c>
      <c r="F47412" s="14" t="s">
        <v>53</v>
      </c>
      <c r="G47412" s="16">
        <v>5.048772352514594</v>
      </c>
    </row>
    <row r="47413" spans="1:7" x14ac:dyDescent="0.3">
      <c r="A47413" s="13" t="s">
        <v>270</v>
      </c>
      <c r="B47413" s="14" t="s">
        <v>1</v>
      </c>
      <c r="C47413" s="14" t="s">
        <v>23</v>
      </c>
      <c r="D47413" s="14" t="s">
        <v>271</v>
      </c>
      <c r="E47413" s="15">
        <v>45704</v>
      </c>
      <c r="F47413" s="14" t="s">
        <v>53</v>
      </c>
      <c r="G47413" s="16">
        <v>5.048772352514594</v>
      </c>
    </row>
    <row r="47414" spans="1:7" x14ac:dyDescent="0.3">
      <c r="A47414" s="13" t="s">
        <v>270</v>
      </c>
      <c r="B47414" s="14" t="s">
        <v>1</v>
      </c>
      <c r="C47414" s="14" t="s">
        <v>23</v>
      </c>
      <c r="D47414" s="14" t="s">
        <v>271</v>
      </c>
      <c r="E47414" s="15">
        <v>45705</v>
      </c>
      <c r="F47414" s="14" t="s">
        <v>53</v>
      </c>
      <c r="G47414" s="16">
        <v>5.048772352514594</v>
      </c>
    </row>
    <row r="47415" spans="1:7" x14ac:dyDescent="0.3">
      <c r="A47415" s="13" t="s">
        <v>270</v>
      </c>
      <c r="B47415" s="14" t="s">
        <v>1</v>
      </c>
      <c r="C47415" s="14" t="s">
        <v>23</v>
      </c>
      <c r="D47415" s="14" t="s">
        <v>271</v>
      </c>
      <c r="E47415" s="15">
        <v>45706</v>
      </c>
      <c r="F47415" s="14" t="s">
        <v>53</v>
      </c>
      <c r="G47415" s="16">
        <v>5.0535168033117275</v>
      </c>
    </row>
    <row r="47416" spans="1:7" x14ac:dyDescent="0.3">
      <c r="A47416" s="13" t="s">
        <v>270</v>
      </c>
      <c r="B47416" s="14" t="s">
        <v>1</v>
      </c>
      <c r="C47416" s="14" t="s">
        <v>23</v>
      </c>
      <c r="D47416" s="14" t="s">
        <v>271</v>
      </c>
      <c r="E47416" s="15">
        <v>45707</v>
      </c>
      <c r="F47416" s="14" t="s">
        <v>53</v>
      </c>
      <c r="G47416" s="16">
        <v>5.1251670453464921</v>
      </c>
    </row>
    <row r="47417" spans="1:7" x14ac:dyDescent="0.3">
      <c r="A47417" s="13" t="s">
        <v>270</v>
      </c>
      <c r="B47417" s="14" t="s">
        <v>1</v>
      </c>
      <c r="C47417" s="14" t="s">
        <v>23</v>
      </c>
      <c r="D47417" s="14" t="s">
        <v>271</v>
      </c>
      <c r="E47417" s="15">
        <v>45708</v>
      </c>
      <c r="F47417" s="14" t="s">
        <v>53</v>
      </c>
      <c r="G47417" s="16">
        <v>5.1058927011368365</v>
      </c>
    </row>
    <row r="47418" spans="1:7" x14ac:dyDescent="0.3">
      <c r="A47418" s="13" t="s">
        <v>270</v>
      </c>
      <c r="B47418" s="14" t="s">
        <v>1</v>
      </c>
      <c r="C47418" s="14" t="s">
        <v>23</v>
      </c>
      <c r="D47418" s="14" t="s">
        <v>271</v>
      </c>
      <c r="E47418" s="15">
        <v>45709</v>
      </c>
      <c r="F47418" s="14" t="s">
        <v>53</v>
      </c>
      <c r="G47418" s="16">
        <v>5.1308099936381071</v>
      </c>
    </row>
    <row r="47419" spans="1:7" x14ac:dyDescent="0.3">
      <c r="A47419" s="13" t="s">
        <v>270</v>
      </c>
      <c r="B47419" s="14" t="s">
        <v>1</v>
      </c>
      <c r="C47419" s="14" t="s">
        <v>23</v>
      </c>
      <c r="D47419" s="14" t="s">
        <v>271</v>
      </c>
      <c r="E47419" s="15">
        <v>45710</v>
      </c>
      <c r="F47419" s="14" t="s">
        <v>53</v>
      </c>
      <c r="G47419" s="16">
        <v>5.1308099936381071</v>
      </c>
    </row>
    <row r="47420" spans="1:7" x14ac:dyDescent="0.3">
      <c r="A47420" s="13" t="s">
        <v>270</v>
      </c>
      <c r="B47420" s="14" t="s">
        <v>1</v>
      </c>
      <c r="C47420" s="14" t="s">
        <v>23</v>
      </c>
      <c r="D47420" s="14" t="s">
        <v>271</v>
      </c>
      <c r="E47420" s="15">
        <v>45711</v>
      </c>
      <c r="F47420" s="14" t="s">
        <v>53</v>
      </c>
      <c r="G47420" s="16">
        <v>5.1308099936381071</v>
      </c>
    </row>
    <row r="47421" spans="1:7" x14ac:dyDescent="0.3">
      <c r="A47421" s="13" t="s">
        <v>270</v>
      </c>
      <c r="B47421" s="14" t="s">
        <v>1</v>
      </c>
      <c r="C47421" s="14" t="s">
        <v>23</v>
      </c>
      <c r="D47421" s="14" t="s">
        <v>271</v>
      </c>
      <c r="E47421" s="15">
        <v>45712</v>
      </c>
      <c r="F47421" s="14" t="s">
        <v>53</v>
      </c>
      <c r="G47421" s="16">
        <v>5.1458581040921461</v>
      </c>
    </row>
    <row r="47422" spans="1:7" x14ac:dyDescent="0.3">
      <c r="A47422" s="13" t="s">
        <v>270</v>
      </c>
      <c r="B47422" s="14" t="s">
        <v>1</v>
      </c>
      <c r="C47422" s="14" t="s">
        <v>23</v>
      </c>
      <c r="D47422" s="14" t="s">
        <v>271</v>
      </c>
      <c r="E47422" s="15">
        <v>45713</v>
      </c>
      <c r="F47422" s="14" t="s">
        <v>53</v>
      </c>
      <c r="G47422" s="16">
        <v>5.1738538429121945</v>
      </c>
    </row>
    <row r="47423" spans="1:7" x14ac:dyDescent="0.3">
      <c r="A47423" s="13" t="s">
        <v>270</v>
      </c>
      <c r="B47423" s="14" t="s">
        <v>1</v>
      </c>
      <c r="C47423" s="14" t="s">
        <v>23</v>
      </c>
      <c r="D47423" s="14" t="s">
        <v>271</v>
      </c>
      <c r="E47423" s="15">
        <v>45714</v>
      </c>
      <c r="F47423" s="14" t="s">
        <v>53</v>
      </c>
      <c r="G47423" s="16">
        <v>5.1841237397861795</v>
      </c>
    </row>
    <row r="47424" spans="1:7" x14ac:dyDescent="0.3">
      <c r="A47424" s="13" t="s">
        <v>270</v>
      </c>
      <c r="B47424" s="14" t="s">
        <v>1</v>
      </c>
      <c r="C47424" s="14" t="s">
        <v>23</v>
      </c>
      <c r="D47424" s="14" t="s">
        <v>271</v>
      </c>
      <c r="E47424" s="15">
        <v>45715</v>
      </c>
      <c r="F47424" s="14" t="s">
        <v>53</v>
      </c>
      <c r="G47424" s="16">
        <v>5.2297216341097714</v>
      </c>
    </row>
    <row r="47425" spans="1:7" x14ac:dyDescent="0.3">
      <c r="A47425" s="13" t="s">
        <v>270</v>
      </c>
      <c r="B47425" s="14" t="s">
        <v>1</v>
      </c>
      <c r="C47425" s="14" t="s">
        <v>23</v>
      </c>
      <c r="D47425" s="14" t="s">
        <v>271</v>
      </c>
      <c r="E47425" s="15">
        <v>45716</v>
      </c>
      <c r="F47425" s="14" t="s">
        <v>53</v>
      </c>
      <c r="G47425" s="16">
        <v>5.2542797804026051</v>
      </c>
    </row>
    <row r="47426" spans="1:7" x14ac:dyDescent="0.3">
      <c r="A47426" s="13" t="s">
        <v>270</v>
      </c>
      <c r="B47426" s="14" t="s">
        <v>1</v>
      </c>
      <c r="C47426" s="14" t="s">
        <v>23</v>
      </c>
      <c r="D47426" s="14" t="s">
        <v>271</v>
      </c>
      <c r="E47426" s="15">
        <v>45717</v>
      </c>
      <c r="F47426" s="14" t="s">
        <v>53</v>
      </c>
      <c r="G47426" s="16">
        <v>5.2542797804026051</v>
      </c>
    </row>
    <row r="47427" spans="1:7" x14ac:dyDescent="0.3">
      <c r="A47427" s="13" t="s">
        <v>270</v>
      </c>
      <c r="B47427" s="14" t="s">
        <v>1</v>
      </c>
      <c r="C47427" s="14" t="s">
        <v>23</v>
      </c>
      <c r="D47427" s="14" t="s">
        <v>271</v>
      </c>
      <c r="E47427" s="15">
        <v>45718</v>
      </c>
      <c r="F47427" s="14" t="s">
        <v>53</v>
      </c>
      <c r="G47427" s="16">
        <v>5.2542797804026051</v>
      </c>
    </row>
    <row r="47428" spans="1:7" x14ac:dyDescent="0.3">
      <c r="A47428" s="13" t="s">
        <v>270</v>
      </c>
      <c r="B47428" s="14" t="s">
        <v>1</v>
      </c>
      <c r="C47428" s="14" t="s">
        <v>23</v>
      </c>
      <c r="D47428" s="14" t="s">
        <v>271</v>
      </c>
      <c r="E47428" s="15">
        <v>45719</v>
      </c>
      <c r="F47428" s="14" t="s">
        <v>53</v>
      </c>
      <c r="G47428" s="16">
        <v>5.2398683201033753</v>
      </c>
    </row>
    <row r="47429" spans="1:7" x14ac:dyDescent="0.3">
      <c r="A47429" s="13" t="s">
        <v>270</v>
      </c>
      <c r="B47429" s="14" t="s">
        <v>1</v>
      </c>
      <c r="C47429" s="14" t="s">
        <v>23</v>
      </c>
      <c r="D47429" s="14" t="s">
        <v>271</v>
      </c>
      <c r="E47429" s="15">
        <v>45720</v>
      </c>
      <c r="F47429" s="14" t="s">
        <v>53</v>
      </c>
      <c r="G47429" s="16">
        <v>5.2463710288470748</v>
      </c>
    </row>
    <row r="47430" spans="1:7" x14ac:dyDescent="0.3">
      <c r="A47430" s="13" t="s">
        <v>270</v>
      </c>
      <c r="B47430" s="14" t="s">
        <v>1</v>
      </c>
      <c r="C47430" s="14" t="s">
        <v>23</v>
      </c>
      <c r="D47430" s="14" t="s">
        <v>271</v>
      </c>
      <c r="E47430" s="15">
        <v>45721</v>
      </c>
      <c r="F47430" s="14" t="s">
        <v>53</v>
      </c>
      <c r="G47430" s="16">
        <v>5.2206116005813117</v>
      </c>
    </row>
    <row r="47431" spans="1:7" x14ac:dyDescent="0.3">
      <c r="A47431" s="13" t="s">
        <v>270</v>
      </c>
      <c r="B47431" s="14" t="s">
        <v>1</v>
      </c>
      <c r="C47431" s="14" t="s">
        <v>23</v>
      </c>
      <c r="D47431" s="14" t="s">
        <v>271</v>
      </c>
      <c r="E47431" s="15">
        <v>45722</v>
      </c>
      <c r="F47431" s="14" t="s">
        <v>53</v>
      </c>
      <c r="G47431" s="16">
        <v>5.2411989936105572</v>
      </c>
    </row>
    <row r="47432" spans="1:7" x14ac:dyDescent="0.3">
      <c r="A47432" s="13" t="s">
        <v>270</v>
      </c>
      <c r="B47432" s="14" t="s">
        <v>1</v>
      </c>
      <c r="C47432" s="14" t="s">
        <v>23</v>
      </c>
      <c r="D47432" s="14" t="s">
        <v>271</v>
      </c>
      <c r="E47432" s="15">
        <v>45723</v>
      </c>
      <c r="F47432" s="14" t="s">
        <v>53</v>
      </c>
      <c r="G47432" s="16">
        <v>5.2406608603862903</v>
      </c>
    </row>
    <row r="47433" spans="1:7" x14ac:dyDescent="0.3">
      <c r="A47433" s="13" t="s">
        <v>270</v>
      </c>
      <c r="B47433" s="14" t="s">
        <v>1</v>
      </c>
      <c r="C47433" s="14" t="s">
        <v>23</v>
      </c>
      <c r="D47433" s="14" t="s">
        <v>271</v>
      </c>
      <c r="E47433" s="15">
        <v>45724</v>
      </c>
      <c r="F47433" s="14" t="s">
        <v>53</v>
      </c>
      <c r="G47433" s="16">
        <v>5.2406608603862903</v>
      </c>
    </row>
    <row r="47434" spans="1:7" x14ac:dyDescent="0.3">
      <c r="A47434" s="13" t="s">
        <v>270</v>
      </c>
      <c r="B47434" s="14" t="s">
        <v>1</v>
      </c>
      <c r="C47434" s="14" t="s">
        <v>23</v>
      </c>
      <c r="D47434" s="14" t="s">
        <v>271</v>
      </c>
      <c r="E47434" s="15">
        <v>45725</v>
      </c>
      <c r="F47434" s="14" t="s">
        <v>53</v>
      </c>
      <c r="G47434" s="16">
        <v>5.2406608603862903</v>
      </c>
    </row>
    <row r="47435" spans="1:7" x14ac:dyDescent="0.3">
      <c r="A47435" s="13" t="s">
        <v>270</v>
      </c>
      <c r="B47435" s="14" t="s">
        <v>1</v>
      </c>
      <c r="C47435" s="14" t="s">
        <v>23</v>
      </c>
      <c r="D47435" s="14" t="s">
        <v>271</v>
      </c>
      <c r="E47435" s="15">
        <v>45726</v>
      </c>
      <c r="F47435" s="14" t="s">
        <v>53</v>
      </c>
      <c r="G47435" s="16">
        <v>5.2813159224029285</v>
      </c>
    </row>
    <row r="47436" spans="1:7" x14ac:dyDescent="0.3">
      <c r="A47436" s="13" t="s">
        <v>270</v>
      </c>
      <c r="B47436" s="14" t="s">
        <v>1</v>
      </c>
      <c r="C47436" s="14" t="s">
        <v>23</v>
      </c>
      <c r="D47436" s="14" t="s">
        <v>271</v>
      </c>
      <c r="E47436" s="15">
        <v>45727</v>
      </c>
      <c r="F47436" s="14" t="s">
        <v>53</v>
      </c>
      <c r="G47436" s="16">
        <v>5.29668928110077</v>
      </c>
    </row>
    <row r="47437" spans="1:7" x14ac:dyDescent="0.3">
      <c r="A47437" s="13" t="s">
        <v>270</v>
      </c>
      <c r="B47437" s="14" t="s">
        <v>1</v>
      </c>
      <c r="C47437" s="14" t="s">
        <v>23</v>
      </c>
      <c r="D47437" s="14" t="s">
        <v>271</v>
      </c>
      <c r="E47437" s="15">
        <v>45728</v>
      </c>
      <c r="F47437" s="14" t="s">
        <v>53</v>
      </c>
      <c r="G47437" s="16">
        <v>5.3083251791619857</v>
      </c>
    </row>
    <row r="47438" spans="1:7" x14ac:dyDescent="0.3">
      <c r="A47438" s="13" t="s">
        <v>270</v>
      </c>
      <c r="B47438" s="14" t="s">
        <v>1</v>
      </c>
      <c r="C47438" s="14" t="s">
        <v>23</v>
      </c>
      <c r="D47438" s="14" t="s">
        <v>271</v>
      </c>
      <c r="E47438" s="15">
        <v>45729</v>
      </c>
      <c r="F47438" s="14" t="s">
        <v>53</v>
      </c>
      <c r="G47438" s="16">
        <v>5.3274620659743732</v>
      </c>
    </row>
    <row r="47439" spans="1:7" x14ac:dyDescent="0.3">
      <c r="A47439" s="13" t="s">
        <v>270</v>
      </c>
      <c r="B47439" s="14" t="s">
        <v>1</v>
      </c>
      <c r="C47439" s="14" t="s">
        <v>23</v>
      </c>
      <c r="D47439" s="14" t="s">
        <v>271</v>
      </c>
      <c r="E47439" s="15">
        <v>45730</v>
      </c>
      <c r="F47439" s="14" t="s">
        <v>53</v>
      </c>
      <c r="G47439" s="16">
        <v>5.2513857066820533</v>
      </c>
    </row>
    <row r="47440" spans="1:7" x14ac:dyDescent="0.3">
      <c r="A47440" s="13" t="s">
        <v>270</v>
      </c>
      <c r="B47440" s="14" t="s">
        <v>1</v>
      </c>
      <c r="C47440" s="14" t="s">
        <v>23</v>
      </c>
      <c r="D47440" s="14" t="s">
        <v>271</v>
      </c>
      <c r="E47440" s="15">
        <v>45731</v>
      </c>
      <c r="F47440" s="14" t="s">
        <v>53</v>
      </c>
      <c r="G47440" s="16">
        <v>5.2513857066820533</v>
      </c>
    </row>
    <row r="47441" spans="1:7" x14ac:dyDescent="0.3">
      <c r="A47441" s="13" t="s">
        <v>270</v>
      </c>
      <c r="B47441" s="14" t="s">
        <v>1</v>
      </c>
      <c r="C47441" s="14" t="s">
        <v>23</v>
      </c>
      <c r="D47441" s="14" t="s">
        <v>271</v>
      </c>
      <c r="E47441" s="15">
        <v>45732</v>
      </c>
      <c r="F47441" s="14" t="s">
        <v>53</v>
      </c>
      <c r="G47441" s="16">
        <v>5.2513857066820533</v>
      </c>
    </row>
    <row r="47442" spans="1:7" x14ac:dyDescent="0.3">
      <c r="A47442" s="13" t="s">
        <v>270</v>
      </c>
      <c r="B47442" s="14" t="s">
        <v>1</v>
      </c>
      <c r="C47442" s="14" t="s">
        <v>23</v>
      </c>
      <c r="D47442" s="14" t="s">
        <v>271</v>
      </c>
      <c r="E47442" s="15">
        <v>45733</v>
      </c>
      <c r="F47442" s="14" t="s">
        <v>53</v>
      </c>
      <c r="G47442" s="16">
        <v>5.2513857066820533</v>
      </c>
    </row>
    <row r="47443" spans="1:7" x14ac:dyDescent="0.3">
      <c r="A47443" s="13" t="s">
        <v>270</v>
      </c>
      <c r="B47443" s="14" t="s">
        <v>1</v>
      </c>
      <c r="C47443" s="14" t="s">
        <v>23</v>
      </c>
      <c r="D47443" s="14" t="s">
        <v>271</v>
      </c>
      <c r="E47443" s="15">
        <v>45734</v>
      </c>
      <c r="F47443" s="14" t="s">
        <v>53</v>
      </c>
      <c r="G47443" s="16">
        <v>5.2377312951909127</v>
      </c>
    </row>
    <row r="47444" spans="1:7" x14ac:dyDescent="0.3">
      <c r="A47444" s="13" t="s">
        <v>270</v>
      </c>
      <c r="B47444" s="14" t="s">
        <v>1</v>
      </c>
      <c r="C47444" s="14" t="s">
        <v>23</v>
      </c>
      <c r="D47444" s="14" t="s">
        <v>271</v>
      </c>
      <c r="E47444" s="15">
        <v>45735</v>
      </c>
      <c r="F47444" s="14" t="s">
        <v>53</v>
      </c>
      <c r="G47444" s="16">
        <v>5.2895364138869736</v>
      </c>
    </row>
    <row r="47445" spans="1:7" x14ac:dyDescent="0.3">
      <c r="A47445" s="13" t="s">
        <v>270</v>
      </c>
      <c r="B47445" s="14" t="s">
        <v>1</v>
      </c>
      <c r="C47445" s="14" t="s">
        <v>23</v>
      </c>
      <c r="D47445" s="14" t="s">
        <v>271</v>
      </c>
      <c r="E47445" s="15">
        <v>45736</v>
      </c>
      <c r="F47445" s="14" t="s">
        <v>53</v>
      </c>
      <c r="G47445" s="16">
        <v>5.3196654733644859</v>
      </c>
    </row>
    <row r="47446" spans="1:7" x14ac:dyDescent="0.3">
      <c r="A47446" s="13" t="s">
        <v>270</v>
      </c>
      <c r="B47446" s="14" t="s">
        <v>1</v>
      </c>
      <c r="C47446" s="14" t="s">
        <v>23</v>
      </c>
      <c r="D47446" s="14" t="s">
        <v>271</v>
      </c>
      <c r="E47446" s="15">
        <v>45737</v>
      </c>
      <c r="F47446" s="14" t="s">
        <v>53</v>
      </c>
      <c r="G47446" s="16">
        <v>5.3560033209116442</v>
      </c>
    </row>
    <row r="47447" spans="1:7" x14ac:dyDescent="0.3">
      <c r="A47447" s="13" t="s">
        <v>270</v>
      </c>
      <c r="B47447" s="14" t="s">
        <v>1</v>
      </c>
      <c r="C47447" s="14" t="s">
        <v>23</v>
      </c>
      <c r="D47447" s="14" t="s">
        <v>271</v>
      </c>
      <c r="E47447" s="15">
        <v>45738</v>
      </c>
      <c r="F47447" s="14" t="s">
        <v>53</v>
      </c>
      <c r="G47447" s="16">
        <v>5.3560033209116442</v>
      </c>
    </row>
    <row r="47448" spans="1:7" x14ac:dyDescent="0.3">
      <c r="A47448" s="13" t="s">
        <v>270</v>
      </c>
      <c r="B47448" s="14" t="s">
        <v>1</v>
      </c>
      <c r="C47448" s="14" t="s">
        <v>23</v>
      </c>
      <c r="D47448" s="14" t="s">
        <v>271</v>
      </c>
      <c r="E47448" s="15">
        <v>45739</v>
      </c>
      <c r="F47448" s="14" t="s">
        <v>53</v>
      </c>
      <c r="G47448" s="16">
        <v>5.3560033209116442</v>
      </c>
    </row>
    <row r="47449" spans="1:7" x14ac:dyDescent="0.3">
      <c r="A47449" s="13" t="s">
        <v>270</v>
      </c>
      <c r="B47449" s="14" t="s">
        <v>1</v>
      </c>
      <c r="C47449" s="14" t="s">
        <v>23</v>
      </c>
      <c r="D47449" s="14" t="s">
        <v>271</v>
      </c>
      <c r="E47449" s="15">
        <v>45740</v>
      </c>
      <c r="F47449" s="14" t="s">
        <v>53</v>
      </c>
      <c r="G47449" s="16">
        <v>5.3678130411535774</v>
      </c>
    </row>
    <row r="47450" spans="1:7" x14ac:dyDescent="0.3">
      <c r="A47450" s="13" t="s">
        <v>270</v>
      </c>
      <c r="B47450" s="14" t="s">
        <v>1</v>
      </c>
      <c r="C47450" s="14" t="s">
        <v>23</v>
      </c>
      <c r="D47450" s="14" t="s">
        <v>271</v>
      </c>
      <c r="E47450" s="15">
        <v>45741</v>
      </c>
      <c r="F47450" s="14" t="s">
        <v>53</v>
      </c>
      <c r="G47450" s="16">
        <v>5.4067126656672251</v>
      </c>
    </row>
    <row r="47451" spans="1:7" x14ac:dyDescent="0.3">
      <c r="A47451" s="13" t="s">
        <v>270</v>
      </c>
      <c r="B47451" s="14" t="s">
        <v>1</v>
      </c>
      <c r="C47451" s="14" t="s">
        <v>23</v>
      </c>
      <c r="D47451" s="14" t="s">
        <v>271</v>
      </c>
      <c r="E47451" s="15">
        <v>45742</v>
      </c>
      <c r="F47451" s="14" t="s">
        <v>53</v>
      </c>
      <c r="G47451" s="16">
        <v>5.4444221967779134</v>
      </c>
    </row>
    <row r="47452" spans="1:7" x14ac:dyDescent="0.3">
      <c r="A47452" s="13" t="s">
        <v>270</v>
      </c>
      <c r="B47452" s="14" t="s">
        <v>1</v>
      </c>
      <c r="C47452" s="14" t="s">
        <v>23</v>
      </c>
      <c r="D47452" s="14" t="s">
        <v>271</v>
      </c>
      <c r="E47452" s="15">
        <v>45743</v>
      </c>
      <c r="F47452" s="14" t="s">
        <v>53</v>
      </c>
      <c r="G47452" s="16">
        <v>5.4344407151647856</v>
      </c>
    </row>
    <row r="47453" spans="1:7" x14ac:dyDescent="0.3">
      <c r="A47453" s="13" t="s">
        <v>270</v>
      </c>
      <c r="B47453" s="14" t="s">
        <v>1</v>
      </c>
      <c r="C47453" s="14" t="s">
        <v>23</v>
      </c>
      <c r="D47453" s="14" t="s">
        <v>271</v>
      </c>
      <c r="E47453" s="15">
        <v>45744</v>
      </c>
      <c r="F47453" s="14" t="s">
        <v>53</v>
      </c>
      <c r="G47453" s="16">
        <v>5.4527371902590884</v>
      </c>
    </row>
    <row r="47454" spans="1:7" x14ac:dyDescent="0.3">
      <c r="A47454" s="13" t="s">
        <v>270</v>
      </c>
      <c r="B47454" s="14" t="s">
        <v>1</v>
      </c>
      <c r="C47454" s="14" t="s">
        <v>23</v>
      </c>
      <c r="D47454" s="14" t="s">
        <v>271</v>
      </c>
      <c r="E47454" s="15">
        <v>45745</v>
      </c>
      <c r="F47454" s="14" t="s">
        <v>53</v>
      </c>
      <c r="G47454" s="16">
        <v>5.4527371902590884</v>
      </c>
    </row>
    <row r="47455" spans="1:7" x14ac:dyDescent="0.3">
      <c r="A47455" s="13" t="s">
        <v>270</v>
      </c>
      <c r="B47455" s="14" t="s">
        <v>1</v>
      </c>
      <c r="C47455" s="14" t="s">
        <v>23</v>
      </c>
      <c r="D47455" s="14" t="s">
        <v>271</v>
      </c>
      <c r="E47455" s="15">
        <v>45746</v>
      </c>
      <c r="F47455" s="14" t="s">
        <v>53</v>
      </c>
      <c r="G47455" s="16">
        <v>5.4527371902590884</v>
      </c>
    </row>
    <row r="47456" spans="1:7" x14ac:dyDescent="0.3">
      <c r="A47456" s="13" t="s">
        <v>270</v>
      </c>
      <c r="B47456" s="14" t="s">
        <v>1</v>
      </c>
      <c r="C47456" s="14" t="s">
        <v>23</v>
      </c>
      <c r="D47456" s="14" t="s">
        <v>271</v>
      </c>
      <c r="E47456" s="15">
        <v>45747</v>
      </c>
      <c r="F47456" s="14" t="s">
        <v>53</v>
      </c>
      <c r="G47456" s="16">
        <v>5.4795066823636631</v>
      </c>
    </row>
    <row r="47457" spans="1:7" x14ac:dyDescent="0.3">
      <c r="A47457" s="13" t="s">
        <v>272</v>
      </c>
      <c r="B47457" s="14" t="s">
        <v>1</v>
      </c>
      <c r="C47457" s="14" t="s">
        <v>96</v>
      </c>
      <c r="D47457" s="14" t="s">
        <v>193</v>
      </c>
      <c r="E47457" s="15">
        <v>45383</v>
      </c>
      <c r="F47457" s="14" t="s">
        <v>15</v>
      </c>
      <c r="G47457" s="16">
        <v>0</v>
      </c>
    </row>
    <row r="47458" spans="1:7" x14ac:dyDescent="0.3">
      <c r="A47458" s="13" t="s">
        <v>272</v>
      </c>
      <c r="B47458" s="14" t="s">
        <v>1</v>
      </c>
      <c r="C47458" s="14" t="s">
        <v>96</v>
      </c>
      <c r="D47458" s="14" t="s">
        <v>193</v>
      </c>
      <c r="E47458" s="15">
        <v>45384</v>
      </c>
      <c r="F47458" s="14" t="s">
        <v>15</v>
      </c>
      <c r="G47458" s="16">
        <v>0</v>
      </c>
    </row>
    <row r="47459" spans="1:7" x14ac:dyDescent="0.3">
      <c r="A47459" s="13" t="s">
        <v>272</v>
      </c>
      <c r="B47459" s="14" t="s">
        <v>1</v>
      </c>
      <c r="C47459" s="14" t="s">
        <v>96</v>
      </c>
      <c r="D47459" s="14" t="s">
        <v>193</v>
      </c>
      <c r="E47459" s="15">
        <v>45385</v>
      </c>
      <c r="F47459" s="14" t="s">
        <v>15</v>
      </c>
      <c r="G47459" s="16">
        <v>0</v>
      </c>
    </row>
    <row r="47460" spans="1:7" x14ac:dyDescent="0.3">
      <c r="A47460" s="13" t="s">
        <v>272</v>
      </c>
      <c r="B47460" s="14" t="s">
        <v>1</v>
      </c>
      <c r="C47460" s="14" t="s">
        <v>96</v>
      </c>
      <c r="D47460" s="14" t="s">
        <v>193</v>
      </c>
      <c r="E47460" s="15">
        <v>45386</v>
      </c>
      <c r="F47460" s="14" t="s">
        <v>15</v>
      </c>
      <c r="G47460" s="16">
        <v>0</v>
      </c>
    </row>
    <row r="47461" spans="1:7" x14ac:dyDescent="0.3">
      <c r="A47461" s="13" t="s">
        <v>272</v>
      </c>
      <c r="B47461" s="14" t="s">
        <v>1</v>
      </c>
      <c r="C47461" s="14" t="s">
        <v>96</v>
      </c>
      <c r="D47461" s="14" t="s">
        <v>193</v>
      </c>
      <c r="E47461" s="15">
        <v>45387</v>
      </c>
      <c r="F47461" s="14" t="s">
        <v>15</v>
      </c>
      <c r="G47461" s="16">
        <v>0</v>
      </c>
    </row>
    <row r="47462" spans="1:7" x14ac:dyDescent="0.3">
      <c r="A47462" s="13" t="s">
        <v>272</v>
      </c>
      <c r="B47462" s="14" t="s">
        <v>1</v>
      </c>
      <c r="C47462" s="14" t="s">
        <v>96</v>
      </c>
      <c r="D47462" s="14" t="s">
        <v>193</v>
      </c>
      <c r="E47462" s="15">
        <v>45388</v>
      </c>
      <c r="F47462" s="14" t="s">
        <v>15</v>
      </c>
      <c r="G47462" s="16">
        <v>0</v>
      </c>
    </row>
    <row r="47463" spans="1:7" x14ac:dyDescent="0.3">
      <c r="A47463" s="13" t="s">
        <v>272</v>
      </c>
      <c r="B47463" s="14" t="s">
        <v>1</v>
      </c>
      <c r="C47463" s="14" t="s">
        <v>96</v>
      </c>
      <c r="D47463" s="14" t="s">
        <v>193</v>
      </c>
      <c r="E47463" s="15">
        <v>45389</v>
      </c>
      <c r="F47463" s="14" t="s">
        <v>15</v>
      </c>
      <c r="G47463" s="16">
        <v>0</v>
      </c>
    </row>
    <row r="47464" spans="1:7" x14ac:dyDescent="0.3">
      <c r="A47464" s="13" t="s">
        <v>272</v>
      </c>
      <c r="B47464" s="14" t="s">
        <v>1</v>
      </c>
      <c r="C47464" s="14" t="s">
        <v>96</v>
      </c>
      <c r="D47464" s="14" t="s">
        <v>193</v>
      </c>
      <c r="E47464" s="15">
        <v>45390</v>
      </c>
      <c r="F47464" s="14" t="s">
        <v>15</v>
      </c>
      <c r="G47464" s="16">
        <v>0</v>
      </c>
    </row>
    <row r="47465" spans="1:7" x14ac:dyDescent="0.3">
      <c r="A47465" s="13" t="s">
        <v>272</v>
      </c>
      <c r="B47465" s="14" t="s">
        <v>1</v>
      </c>
      <c r="C47465" s="14" t="s">
        <v>96</v>
      </c>
      <c r="D47465" s="14" t="s">
        <v>193</v>
      </c>
      <c r="E47465" s="15">
        <v>45391</v>
      </c>
      <c r="F47465" s="14" t="s">
        <v>15</v>
      </c>
      <c r="G47465" s="16">
        <v>0</v>
      </c>
    </row>
    <row r="47466" spans="1:7" x14ac:dyDescent="0.3">
      <c r="A47466" s="13" t="s">
        <v>272</v>
      </c>
      <c r="B47466" s="14" t="s">
        <v>1</v>
      </c>
      <c r="C47466" s="14" t="s">
        <v>96</v>
      </c>
      <c r="D47466" s="14" t="s">
        <v>193</v>
      </c>
      <c r="E47466" s="15">
        <v>45392</v>
      </c>
      <c r="F47466" s="14" t="s">
        <v>15</v>
      </c>
      <c r="G47466" s="16">
        <v>0</v>
      </c>
    </row>
    <row r="47467" spans="1:7" x14ac:dyDescent="0.3">
      <c r="A47467" s="13" t="s">
        <v>272</v>
      </c>
      <c r="B47467" s="14" t="s">
        <v>1</v>
      </c>
      <c r="C47467" s="14" t="s">
        <v>96</v>
      </c>
      <c r="D47467" s="14" t="s">
        <v>193</v>
      </c>
      <c r="E47467" s="15">
        <v>45393</v>
      </c>
      <c r="F47467" s="14" t="s">
        <v>15</v>
      </c>
      <c r="G47467" s="16">
        <v>0</v>
      </c>
    </row>
    <row r="47468" spans="1:7" x14ac:dyDescent="0.3">
      <c r="A47468" s="13" t="s">
        <v>272</v>
      </c>
      <c r="B47468" s="14" t="s">
        <v>1</v>
      </c>
      <c r="C47468" s="14" t="s">
        <v>96</v>
      </c>
      <c r="D47468" s="14" t="s">
        <v>193</v>
      </c>
      <c r="E47468" s="15">
        <v>45394</v>
      </c>
      <c r="F47468" s="14" t="s">
        <v>15</v>
      </c>
      <c r="G47468" s="16">
        <v>0</v>
      </c>
    </row>
    <row r="47469" spans="1:7" x14ac:dyDescent="0.3">
      <c r="A47469" s="13" t="s">
        <v>272</v>
      </c>
      <c r="B47469" s="14" t="s">
        <v>1</v>
      </c>
      <c r="C47469" s="14" t="s">
        <v>96</v>
      </c>
      <c r="D47469" s="14" t="s">
        <v>193</v>
      </c>
      <c r="E47469" s="15">
        <v>45395</v>
      </c>
      <c r="F47469" s="14" t="s">
        <v>15</v>
      </c>
      <c r="G47469" s="16">
        <v>0</v>
      </c>
    </row>
    <row r="47470" spans="1:7" x14ac:dyDescent="0.3">
      <c r="A47470" s="13" t="s">
        <v>272</v>
      </c>
      <c r="B47470" s="14" t="s">
        <v>1</v>
      </c>
      <c r="C47470" s="14" t="s">
        <v>96</v>
      </c>
      <c r="D47470" s="14" t="s">
        <v>193</v>
      </c>
      <c r="E47470" s="15">
        <v>45396</v>
      </c>
      <c r="F47470" s="14" t="s">
        <v>15</v>
      </c>
      <c r="G47470" s="16">
        <v>0</v>
      </c>
    </row>
    <row r="47471" spans="1:7" x14ac:dyDescent="0.3">
      <c r="A47471" s="13" t="s">
        <v>272</v>
      </c>
      <c r="B47471" s="14" t="s">
        <v>1</v>
      </c>
      <c r="C47471" s="14" t="s">
        <v>96</v>
      </c>
      <c r="D47471" s="14" t="s">
        <v>193</v>
      </c>
      <c r="E47471" s="15">
        <v>45397</v>
      </c>
      <c r="F47471" s="14" t="s">
        <v>15</v>
      </c>
      <c r="G47471" s="16">
        <v>0</v>
      </c>
    </row>
    <row r="47472" spans="1:7" x14ac:dyDescent="0.3">
      <c r="A47472" s="13" t="s">
        <v>272</v>
      </c>
      <c r="B47472" s="14" t="s">
        <v>1</v>
      </c>
      <c r="C47472" s="14" t="s">
        <v>96</v>
      </c>
      <c r="D47472" s="14" t="s">
        <v>193</v>
      </c>
      <c r="E47472" s="15">
        <v>45398</v>
      </c>
      <c r="F47472" s="14" t="s">
        <v>15</v>
      </c>
      <c r="G47472" s="16">
        <v>0</v>
      </c>
    </row>
    <row r="47473" spans="1:7" x14ac:dyDescent="0.3">
      <c r="A47473" s="13" t="s">
        <v>272</v>
      </c>
      <c r="B47473" s="14" t="s">
        <v>1</v>
      </c>
      <c r="C47473" s="14" t="s">
        <v>96</v>
      </c>
      <c r="D47473" s="14" t="s">
        <v>193</v>
      </c>
      <c r="E47473" s="15">
        <v>45399</v>
      </c>
      <c r="F47473" s="14" t="s">
        <v>15</v>
      </c>
      <c r="G47473" s="16">
        <v>0</v>
      </c>
    </row>
    <row r="47474" spans="1:7" x14ac:dyDescent="0.3">
      <c r="A47474" s="13" t="s">
        <v>272</v>
      </c>
      <c r="B47474" s="14" t="s">
        <v>1</v>
      </c>
      <c r="C47474" s="14" t="s">
        <v>96</v>
      </c>
      <c r="D47474" s="14" t="s">
        <v>193</v>
      </c>
      <c r="E47474" s="15">
        <v>45400</v>
      </c>
      <c r="F47474" s="14" t="s">
        <v>15</v>
      </c>
      <c r="G47474" s="16">
        <v>0</v>
      </c>
    </row>
    <row r="47475" spans="1:7" x14ac:dyDescent="0.3">
      <c r="A47475" s="13" t="s">
        <v>272</v>
      </c>
      <c r="B47475" s="14" t="s">
        <v>1</v>
      </c>
      <c r="C47475" s="14" t="s">
        <v>96</v>
      </c>
      <c r="D47475" s="14" t="s">
        <v>193</v>
      </c>
      <c r="E47475" s="15">
        <v>45401</v>
      </c>
      <c r="F47475" s="14" t="s">
        <v>15</v>
      </c>
      <c r="G47475" s="16">
        <v>0</v>
      </c>
    </row>
    <row r="47476" spans="1:7" x14ac:dyDescent="0.3">
      <c r="A47476" s="13" t="s">
        <v>272</v>
      </c>
      <c r="B47476" s="14" t="s">
        <v>1</v>
      </c>
      <c r="C47476" s="14" t="s">
        <v>96</v>
      </c>
      <c r="D47476" s="14" t="s">
        <v>193</v>
      </c>
      <c r="E47476" s="15">
        <v>45402</v>
      </c>
      <c r="F47476" s="14" t="s">
        <v>15</v>
      </c>
      <c r="G47476" s="16">
        <v>0</v>
      </c>
    </row>
    <row r="47477" spans="1:7" x14ac:dyDescent="0.3">
      <c r="A47477" s="13" t="s">
        <v>272</v>
      </c>
      <c r="B47477" s="14" t="s">
        <v>1</v>
      </c>
      <c r="C47477" s="14" t="s">
        <v>96</v>
      </c>
      <c r="D47477" s="14" t="s">
        <v>193</v>
      </c>
      <c r="E47477" s="15">
        <v>45403</v>
      </c>
      <c r="F47477" s="14" t="s">
        <v>15</v>
      </c>
      <c r="G47477" s="16">
        <v>0</v>
      </c>
    </row>
    <row r="47478" spans="1:7" x14ac:dyDescent="0.3">
      <c r="A47478" s="13" t="s">
        <v>272</v>
      </c>
      <c r="B47478" s="14" t="s">
        <v>1</v>
      </c>
      <c r="C47478" s="14" t="s">
        <v>96</v>
      </c>
      <c r="D47478" s="14" t="s">
        <v>193</v>
      </c>
      <c r="E47478" s="15">
        <v>45404</v>
      </c>
      <c r="F47478" s="14" t="s">
        <v>15</v>
      </c>
      <c r="G47478" s="16">
        <v>0</v>
      </c>
    </row>
    <row r="47479" spans="1:7" x14ac:dyDescent="0.3">
      <c r="A47479" s="13" t="s">
        <v>272</v>
      </c>
      <c r="B47479" s="14" t="s">
        <v>1</v>
      </c>
      <c r="C47479" s="14" t="s">
        <v>96</v>
      </c>
      <c r="D47479" s="14" t="s">
        <v>193</v>
      </c>
      <c r="E47479" s="15">
        <v>45405</v>
      </c>
      <c r="F47479" s="14" t="s">
        <v>15</v>
      </c>
      <c r="G47479" s="16">
        <v>0</v>
      </c>
    </row>
    <row r="47480" spans="1:7" x14ac:dyDescent="0.3">
      <c r="A47480" s="13" t="s">
        <v>272</v>
      </c>
      <c r="B47480" s="14" t="s">
        <v>1</v>
      </c>
      <c r="C47480" s="14" t="s">
        <v>96</v>
      </c>
      <c r="D47480" s="14" t="s">
        <v>193</v>
      </c>
      <c r="E47480" s="15">
        <v>45406</v>
      </c>
      <c r="F47480" s="14" t="s">
        <v>15</v>
      </c>
      <c r="G47480" s="16">
        <v>0</v>
      </c>
    </row>
    <row r="47481" spans="1:7" x14ac:dyDescent="0.3">
      <c r="A47481" s="13" t="s">
        <v>272</v>
      </c>
      <c r="B47481" s="14" t="s">
        <v>1</v>
      </c>
      <c r="C47481" s="14" t="s">
        <v>96</v>
      </c>
      <c r="D47481" s="14" t="s">
        <v>193</v>
      </c>
      <c r="E47481" s="15">
        <v>45407</v>
      </c>
      <c r="F47481" s="14" t="s">
        <v>15</v>
      </c>
      <c r="G47481" s="16">
        <v>0</v>
      </c>
    </row>
    <row r="47482" spans="1:7" x14ac:dyDescent="0.3">
      <c r="A47482" s="13" t="s">
        <v>272</v>
      </c>
      <c r="B47482" s="14" t="s">
        <v>1</v>
      </c>
      <c r="C47482" s="14" t="s">
        <v>96</v>
      </c>
      <c r="D47482" s="14" t="s">
        <v>193</v>
      </c>
      <c r="E47482" s="15">
        <v>45408</v>
      </c>
      <c r="F47482" s="14" t="s">
        <v>15</v>
      </c>
      <c r="G47482" s="16">
        <v>0</v>
      </c>
    </row>
    <row r="47483" spans="1:7" x14ac:dyDescent="0.3">
      <c r="A47483" s="13" t="s">
        <v>272</v>
      </c>
      <c r="B47483" s="14" t="s">
        <v>1</v>
      </c>
      <c r="C47483" s="14" t="s">
        <v>96</v>
      </c>
      <c r="D47483" s="14" t="s">
        <v>193</v>
      </c>
      <c r="E47483" s="15">
        <v>45409</v>
      </c>
      <c r="F47483" s="14" t="s">
        <v>15</v>
      </c>
      <c r="G47483" s="16">
        <v>0</v>
      </c>
    </row>
    <row r="47484" spans="1:7" x14ac:dyDescent="0.3">
      <c r="A47484" s="13" t="s">
        <v>272</v>
      </c>
      <c r="B47484" s="14" t="s">
        <v>1</v>
      </c>
      <c r="C47484" s="14" t="s">
        <v>96</v>
      </c>
      <c r="D47484" s="14" t="s">
        <v>193</v>
      </c>
      <c r="E47484" s="15">
        <v>45410</v>
      </c>
      <c r="F47484" s="14" t="s">
        <v>15</v>
      </c>
      <c r="G47484" s="16">
        <v>0</v>
      </c>
    </row>
    <row r="47485" spans="1:7" x14ac:dyDescent="0.3">
      <c r="A47485" s="13" t="s">
        <v>272</v>
      </c>
      <c r="B47485" s="14" t="s">
        <v>1</v>
      </c>
      <c r="C47485" s="14" t="s">
        <v>96</v>
      </c>
      <c r="D47485" s="14" t="s">
        <v>193</v>
      </c>
      <c r="E47485" s="15">
        <v>45411</v>
      </c>
      <c r="F47485" s="14" t="s">
        <v>15</v>
      </c>
      <c r="G47485" s="16">
        <v>0</v>
      </c>
    </row>
    <row r="47486" spans="1:7" x14ac:dyDescent="0.3">
      <c r="A47486" s="13" t="s">
        <v>272</v>
      </c>
      <c r="B47486" s="14" t="s">
        <v>1</v>
      </c>
      <c r="C47486" s="14" t="s">
        <v>96</v>
      </c>
      <c r="D47486" s="14" t="s">
        <v>193</v>
      </c>
      <c r="E47486" s="15">
        <v>45412</v>
      </c>
      <c r="F47486" s="14" t="s">
        <v>15</v>
      </c>
      <c r="G47486" s="16">
        <v>0</v>
      </c>
    </row>
    <row r="47487" spans="1:7" x14ac:dyDescent="0.3">
      <c r="A47487" s="13" t="s">
        <v>272</v>
      </c>
      <c r="B47487" s="14" t="s">
        <v>1</v>
      </c>
      <c r="C47487" s="14" t="s">
        <v>96</v>
      </c>
      <c r="D47487" s="14" t="s">
        <v>193</v>
      </c>
      <c r="E47487" s="15">
        <v>45413</v>
      </c>
      <c r="F47487" s="14" t="s">
        <v>15</v>
      </c>
      <c r="G47487" s="16">
        <v>0</v>
      </c>
    </row>
    <row r="47488" spans="1:7" x14ac:dyDescent="0.3">
      <c r="A47488" s="13" t="s">
        <v>272</v>
      </c>
      <c r="B47488" s="14" t="s">
        <v>1</v>
      </c>
      <c r="C47488" s="14" t="s">
        <v>96</v>
      </c>
      <c r="D47488" s="14" t="s">
        <v>193</v>
      </c>
      <c r="E47488" s="15">
        <v>45414</v>
      </c>
      <c r="F47488" s="14" t="s">
        <v>15</v>
      </c>
      <c r="G47488" s="16">
        <v>0</v>
      </c>
    </row>
    <row r="47489" spans="1:7" x14ac:dyDescent="0.3">
      <c r="A47489" s="13" t="s">
        <v>272</v>
      </c>
      <c r="B47489" s="14" t="s">
        <v>1</v>
      </c>
      <c r="C47489" s="14" t="s">
        <v>96</v>
      </c>
      <c r="D47489" s="14" t="s">
        <v>193</v>
      </c>
      <c r="E47489" s="15">
        <v>45415</v>
      </c>
      <c r="F47489" s="14" t="s">
        <v>15</v>
      </c>
      <c r="G47489" s="16">
        <v>0</v>
      </c>
    </row>
    <row r="47490" spans="1:7" x14ac:dyDescent="0.3">
      <c r="A47490" s="13" t="s">
        <v>272</v>
      </c>
      <c r="B47490" s="14" t="s">
        <v>1</v>
      </c>
      <c r="C47490" s="14" t="s">
        <v>96</v>
      </c>
      <c r="D47490" s="14" t="s">
        <v>193</v>
      </c>
      <c r="E47490" s="15">
        <v>45416</v>
      </c>
      <c r="F47490" s="14" t="s">
        <v>15</v>
      </c>
      <c r="G47490" s="16">
        <v>0</v>
      </c>
    </row>
    <row r="47491" spans="1:7" x14ac:dyDescent="0.3">
      <c r="A47491" s="13" t="s">
        <v>272</v>
      </c>
      <c r="B47491" s="14" t="s">
        <v>1</v>
      </c>
      <c r="C47491" s="14" t="s">
        <v>96</v>
      </c>
      <c r="D47491" s="14" t="s">
        <v>193</v>
      </c>
      <c r="E47491" s="15">
        <v>45417</v>
      </c>
      <c r="F47491" s="14" t="s">
        <v>15</v>
      </c>
      <c r="G47491" s="16">
        <v>0</v>
      </c>
    </row>
    <row r="47492" spans="1:7" x14ac:dyDescent="0.3">
      <c r="A47492" s="13" t="s">
        <v>272</v>
      </c>
      <c r="B47492" s="14" t="s">
        <v>1</v>
      </c>
      <c r="C47492" s="14" t="s">
        <v>96</v>
      </c>
      <c r="D47492" s="14" t="s">
        <v>193</v>
      </c>
      <c r="E47492" s="15">
        <v>45418</v>
      </c>
      <c r="F47492" s="14" t="s">
        <v>15</v>
      </c>
      <c r="G47492" s="16">
        <v>0</v>
      </c>
    </row>
    <row r="47493" spans="1:7" x14ac:dyDescent="0.3">
      <c r="A47493" s="13" t="s">
        <v>272</v>
      </c>
      <c r="B47493" s="14" t="s">
        <v>1</v>
      </c>
      <c r="C47493" s="14" t="s">
        <v>96</v>
      </c>
      <c r="D47493" s="14" t="s">
        <v>193</v>
      </c>
      <c r="E47493" s="15">
        <v>45419</v>
      </c>
      <c r="F47493" s="14" t="s">
        <v>15</v>
      </c>
      <c r="G47493" s="16">
        <v>0</v>
      </c>
    </row>
    <row r="47494" spans="1:7" x14ac:dyDescent="0.3">
      <c r="A47494" s="13" t="s">
        <v>272</v>
      </c>
      <c r="B47494" s="14" t="s">
        <v>1</v>
      </c>
      <c r="C47494" s="14" t="s">
        <v>96</v>
      </c>
      <c r="D47494" s="14" t="s">
        <v>193</v>
      </c>
      <c r="E47494" s="15">
        <v>45420</v>
      </c>
      <c r="F47494" s="14" t="s">
        <v>15</v>
      </c>
      <c r="G47494" s="16">
        <v>0</v>
      </c>
    </row>
    <row r="47495" spans="1:7" x14ac:dyDescent="0.3">
      <c r="A47495" s="13" t="s">
        <v>272</v>
      </c>
      <c r="B47495" s="14" t="s">
        <v>1</v>
      </c>
      <c r="C47495" s="14" t="s">
        <v>96</v>
      </c>
      <c r="D47495" s="14" t="s">
        <v>193</v>
      </c>
      <c r="E47495" s="15">
        <v>45421</v>
      </c>
      <c r="F47495" s="14" t="s">
        <v>15</v>
      </c>
      <c r="G47495" s="16">
        <v>0</v>
      </c>
    </row>
    <row r="47496" spans="1:7" x14ac:dyDescent="0.3">
      <c r="A47496" s="13" t="s">
        <v>272</v>
      </c>
      <c r="B47496" s="14" t="s">
        <v>1</v>
      </c>
      <c r="C47496" s="14" t="s">
        <v>96</v>
      </c>
      <c r="D47496" s="14" t="s">
        <v>193</v>
      </c>
      <c r="E47496" s="15">
        <v>45422</v>
      </c>
      <c r="F47496" s="14" t="s">
        <v>15</v>
      </c>
      <c r="G47496" s="16">
        <v>0</v>
      </c>
    </row>
    <row r="47497" spans="1:7" x14ac:dyDescent="0.3">
      <c r="A47497" s="13" t="s">
        <v>272</v>
      </c>
      <c r="B47497" s="14" t="s">
        <v>1</v>
      </c>
      <c r="C47497" s="14" t="s">
        <v>96</v>
      </c>
      <c r="D47497" s="14" t="s">
        <v>193</v>
      </c>
      <c r="E47497" s="15">
        <v>45423</v>
      </c>
      <c r="F47497" s="14" t="s">
        <v>15</v>
      </c>
      <c r="G47497" s="16">
        <v>0</v>
      </c>
    </row>
    <row r="47498" spans="1:7" x14ac:dyDescent="0.3">
      <c r="A47498" s="13" t="s">
        <v>272</v>
      </c>
      <c r="B47498" s="14" t="s">
        <v>1</v>
      </c>
      <c r="C47498" s="14" t="s">
        <v>96</v>
      </c>
      <c r="D47498" s="14" t="s">
        <v>193</v>
      </c>
      <c r="E47498" s="15">
        <v>45424</v>
      </c>
      <c r="F47498" s="14" t="s">
        <v>15</v>
      </c>
      <c r="G47498" s="16">
        <v>0</v>
      </c>
    </row>
    <row r="47499" spans="1:7" x14ac:dyDescent="0.3">
      <c r="A47499" s="13" t="s">
        <v>272</v>
      </c>
      <c r="B47499" s="14" t="s">
        <v>1</v>
      </c>
      <c r="C47499" s="14" t="s">
        <v>96</v>
      </c>
      <c r="D47499" s="14" t="s">
        <v>193</v>
      </c>
      <c r="E47499" s="15">
        <v>45425</v>
      </c>
      <c r="F47499" s="14" t="s">
        <v>15</v>
      </c>
      <c r="G47499" s="16">
        <v>0</v>
      </c>
    </row>
    <row r="47500" spans="1:7" x14ac:dyDescent="0.3">
      <c r="A47500" s="13" t="s">
        <v>272</v>
      </c>
      <c r="B47500" s="14" t="s">
        <v>1</v>
      </c>
      <c r="C47500" s="14" t="s">
        <v>96</v>
      </c>
      <c r="D47500" s="14" t="s">
        <v>193</v>
      </c>
      <c r="E47500" s="15">
        <v>45426</v>
      </c>
      <c r="F47500" s="14" t="s">
        <v>15</v>
      </c>
      <c r="G47500" s="16">
        <v>0</v>
      </c>
    </row>
    <row r="47501" spans="1:7" x14ac:dyDescent="0.3">
      <c r="A47501" s="13" t="s">
        <v>272</v>
      </c>
      <c r="B47501" s="14" t="s">
        <v>1</v>
      </c>
      <c r="C47501" s="14" t="s">
        <v>96</v>
      </c>
      <c r="D47501" s="14" t="s">
        <v>193</v>
      </c>
      <c r="E47501" s="15">
        <v>45427</v>
      </c>
      <c r="F47501" s="14" t="s">
        <v>15</v>
      </c>
      <c r="G47501" s="16">
        <v>0</v>
      </c>
    </row>
    <row r="47502" spans="1:7" x14ac:dyDescent="0.3">
      <c r="A47502" s="13" t="s">
        <v>272</v>
      </c>
      <c r="B47502" s="14" t="s">
        <v>1</v>
      </c>
      <c r="C47502" s="14" t="s">
        <v>96</v>
      </c>
      <c r="D47502" s="14" t="s">
        <v>193</v>
      </c>
      <c r="E47502" s="15">
        <v>45428</v>
      </c>
      <c r="F47502" s="14" t="s">
        <v>15</v>
      </c>
      <c r="G47502" s="16">
        <v>0</v>
      </c>
    </row>
    <row r="47503" spans="1:7" x14ac:dyDescent="0.3">
      <c r="A47503" s="13" t="s">
        <v>272</v>
      </c>
      <c r="B47503" s="14" t="s">
        <v>1</v>
      </c>
      <c r="C47503" s="14" t="s">
        <v>96</v>
      </c>
      <c r="D47503" s="14" t="s">
        <v>193</v>
      </c>
      <c r="E47503" s="15">
        <v>45429</v>
      </c>
      <c r="F47503" s="14" t="s">
        <v>15</v>
      </c>
      <c r="G47503" s="16">
        <v>0</v>
      </c>
    </row>
    <row r="47504" spans="1:7" x14ac:dyDescent="0.3">
      <c r="A47504" s="13" t="s">
        <v>272</v>
      </c>
      <c r="B47504" s="14" t="s">
        <v>1</v>
      </c>
      <c r="C47504" s="14" t="s">
        <v>96</v>
      </c>
      <c r="D47504" s="14" t="s">
        <v>193</v>
      </c>
      <c r="E47504" s="15">
        <v>45430</v>
      </c>
      <c r="F47504" s="14" t="s">
        <v>15</v>
      </c>
      <c r="G47504" s="16">
        <v>0</v>
      </c>
    </row>
    <row r="47505" spans="1:7" x14ac:dyDescent="0.3">
      <c r="A47505" s="13" t="s">
        <v>272</v>
      </c>
      <c r="B47505" s="14" t="s">
        <v>1</v>
      </c>
      <c r="C47505" s="14" t="s">
        <v>96</v>
      </c>
      <c r="D47505" s="14" t="s">
        <v>193</v>
      </c>
      <c r="E47505" s="15">
        <v>45431</v>
      </c>
      <c r="F47505" s="14" t="s">
        <v>15</v>
      </c>
      <c r="G47505" s="16">
        <v>0</v>
      </c>
    </row>
    <row r="47506" spans="1:7" x14ac:dyDescent="0.3">
      <c r="A47506" s="13" t="s">
        <v>272</v>
      </c>
      <c r="B47506" s="14" t="s">
        <v>1</v>
      </c>
      <c r="C47506" s="14" t="s">
        <v>96</v>
      </c>
      <c r="D47506" s="14" t="s">
        <v>193</v>
      </c>
      <c r="E47506" s="15">
        <v>45432</v>
      </c>
      <c r="F47506" s="14" t="s">
        <v>15</v>
      </c>
      <c r="G47506" s="16">
        <v>0</v>
      </c>
    </row>
    <row r="47507" spans="1:7" x14ac:dyDescent="0.3">
      <c r="A47507" s="13" t="s">
        <v>272</v>
      </c>
      <c r="B47507" s="14" t="s">
        <v>1</v>
      </c>
      <c r="C47507" s="14" t="s">
        <v>96</v>
      </c>
      <c r="D47507" s="14" t="s">
        <v>193</v>
      </c>
      <c r="E47507" s="15">
        <v>45433</v>
      </c>
      <c r="F47507" s="14" t="s">
        <v>15</v>
      </c>
      <c r="G47507" s="16">
        <v>0</v>
      </c>
    </row>
    <row r="47508" spans="1:7" x14ac:dyDescent="0.3">
      <c r="A47508" s="13" t="s">
        <v>272</v>
      </c>
      <c r="B47508" s="14" t="s">
        <v>1</v>
      </c>
      <c r="C47508" s="14" t="s">
        <v>96</v>
      </c>
      <c r="D47508" s="14" t="s">
        <v>193</v>
      </c>
      <c r="E47508" s="15">
        <v>45434</v>
      </c>
      <c r="F47508" s="14" t="s">
        <v>15</v>
      </c>
      <c r="G47508" s="16">
        <v>0</v>
      </c>
    </row>
    <row r="47509" spans="1:7" x14ac:dyDescent="0.3">
      <c r="A47509" s="13" t="s">
        <v>272</v>
      </c>
      <c r="B47509" s="14" t="s">
        <v>1</v>
      </c>
      <c r="C47509" s="14" t="s">
        <v>96</v>
      </c>
      <c r="D47509" s="14" t="s">
        <v>193</v>
      </c>
      <c r="E47509" s="15">
        <v>45435</v>
      </c>
      <c r="F47509" s="14" t="s">
        <v>15</v>
      </c>
      <c r="G47509" s="16">
        <v>0</v>
      </c>
    </row>
    <row r="47510" spans="1:7" x14ac:dyDescent="0.3">
      <c r="A47510" s="13" t="s">
        <v>272</v>
      </c>
      <c r="B47510" s="14" t="s">
        <v>1</v>
      </c>
      <c r="C47510" s="14" t="s">
        <v>96</v>
      </c>
      <c r="D47510" s="14" t="s">
        <v>193</v>
      </c>
      <c r="E47510" s="15">
        <v>45436</v>
      </c>
      <c r="F47510" s="14" t="s">
        <v>15</v>
      </c>
      <c r="G47510" s="16">
        <v>0</v>
      </c>
    </row>
    <row r="47511" spans="1:7" x14ac:dyDescent="0.3">
      <c r="A47511" s="13" t="s">
        <v>272</v>
      </c>
      <c r="B47511" s="14" t="s">
        <v>1</v>
      </c>
      <c r="C47511" s="14" t="s">
        <v>96</v>
      </c>
      <c r="D47511" s="14" t="s">
        <v>193</v>
      </c>
      <c r="E47511" s="15">
        <v>45437</v>
      </c>
      <c r="F47511" s="14" t="s">
        <v>15</v>
      </c>
      <c r="G47511" s="16">
        <v>0</v>
      </c>
    </row>
    <row r="47512" spans="1:7" x14ac:dyDescent="0.3">
      <c r="A47512" s="13" t="s">
        <v>272</v>
      </c>
      <c r="B47512" s="14" t="s">
        <v>1</v>
      </c>
      <c r="C47512" s="14" t="s">
        <v>96</v>
      </c>
      <c r="D47512" s="14" t="s">
        <v>193</v>
      </c>
      <c r="E47512" s="15">
        <v>45438</v>
      </c>
      <c r="F47512" s="14" t="s">
        <v>15</v>
      </c>
      <c r="G47512" s="16">
        <v>0</v>
      </c>
    </row>
    <row r="47513" spans="1:7" x14ac:dyDescent="0.3">
      <c r="A47513" s="13" t="s">
        <v>272</v>
      </c>
      <c r="B47513" s="14" t="s">
        <v>1</v>
      </c>
      <c r="C47513" s="14" t="s">
        <v>96</v>
      </c>
      <c r="D47513" s="14" t="s">
        <v>193</v>
      </c>
      <c r="E47513" s="15">
        <v>45439</v>
      </c>
      <c r="F47513" s="14" t="s">
        <v>15</v>
      </c>
      <c r="G47513" s="16">
        <v>0</v>
      </c>
    </row>
    <row r="47514" spans="1:7" x14ac:dyDescent="0.3">
      <c r="A47514" s="13" t="s">
        <v>272</v>
      </c>
      <c r="B47514" s="14" t="s">
        <v>1</v>
      </c>
      <c r="C47514" s="14" t="s">
        <v>96</v>
      </c>
      <c r="D47514" s="14" t="s">
        <v>193</v>
      </c>
      <c r="E47514" s="15">
        <v>45440</v>
      </c>
      <c r="F47514" s="14" t="s">
        <v>15</v>
      </c>
      <c r="G47514" s="16">
        <v>0</v>
      </c>
    </row>
    <row r="47515" spans="1:7" x14ac:dyDescent="0.3">
      <c r="A47515" s="13" t="s">
        <v>272</v>
      </c>
      <c r="B47515" s="14" t="s">
        <v>1</v>
      </c>
      <c r="C47515" s="14" t="s">
        <v>96</v>
      </c>
      <c r="D47515" s="14" t="s">
        <v>193</v>
      </c>
      <c r="E47515" s="15">
        <v>45441</v>
      </c>
      <c r="F47515" s="14" t="s">
        <v>15</v>
      </c>
      <c r="G47515" s="16">
        <v>0</v>
      </c>
    </row>
    <row r="47516" spans="1:7" x14ac:dyDescent="0.3">
      <c r="A47516" s="13" t="s">
        <v>272</v>
      </c>
      <c r="B47516" s="14" t="s">
        <v>1</v>
      </c>
      <c r="C47516" s="14" t="s">
        <v>96</v>
      </c>
      <c r="D47516" s="14" t="s">
        <v>193</v>
      </c>
      <c r="E47516" s="15">
        <v>45442</v>
      </c>
      <c r="F47516" s="14" t="s">
        <v>15</v>
      </c>
      <c r="G47516" s="16">
        <v>0</v>
      </c>
    </row>
    <row r="47517" spans="1:7" x14ac:dyDescent="0.3">
      <c r="A47517" s="13" t="s">
        <v>272</v>
      </c>
      <c r="B47517" s="14" t="s">
        <v>1</v>
      </c>
      <c r="C47517" s="14" t="s">
        <v>96</v>
      </c>
      <c r="D47517" s="14" t="s">
        <v>193</v>
      </c>
      <c r="E47517" s="15">
        <v>45443</v>
      </c>
      <c r="F47517" s="14" t="s">
        <v>15</v>
      </c>
      <c r="G47517" s="16">
        <v>0</v>
      </c>
    </row>
    <row r="47518" spans="1:7" x14ac:dyDescent="0.3">
      <c r="A47518" s="13" t="s">
        <v>272</v>
      </c>
      <c r="B47518" s="14" t="s">
        <v>1</v>
      </c>
      <c r="C47518" s="14" t="s">
        <v>96</v>
      </c>
      <c r="D47518" s="14" t="s">
        <v>193</v>
      </c>
      <c r="E47518" s="15">
        <v>45444</v>
      </c>
      <c r="F47518" s="14" t="s">
        <v>15</v>
      </c>
      <c r="G47518" s="16">
        <v>0</v>
      </c>
    </row>
    <row r="47519" spans="1:7" x14ac:dyDescent="0.3">
      <c r="A47519" s="13" t="s">
        <v>272</v>
      </c>
      <c r="B47519" s="14" t="s">
        <v>1</v>
      </c>
      <c r="C47519" s="14" t="s">
        <v>96</v>
      </c>
      <c r="D47519" s="14" t="s">
        <v>193</v>
      </c>
      <c r="E47519" s="15">
        <v>45445</v>
      </c>
      <c r="F47519" s="14" t="s">
        <v>15</v>
      </c>
      <c r="G47519" s="16">
        <v>0</v>
      </c>
    </row>
    <row r="47520" spans="1:7" x14ac:dyDescent="0.3">
      <c r="A47520" s="13" t="s">
        <v>272</v>
      </c>
      <c r="B47520" s="14" t="s">
        <v>1</v>
      </c>
      <c r="C47520" s="14" t="s">
        <v>96</v>
      </c>
      <c r="D47520" s="14" t="s">
        <v>193</v>
      </c>
      <c r="E47520" s="15">
        <v>45446</v>
      </c>
      <c r="F47520" s="14" t="s">
        <v>15</v>
      </c>
      <c r="G47520" s="16">
        <v>0</v>
      </c>
    </row>
    <row r="47521" spans="1:7" x14ac:dyDescent="0.3">
      <c r="A47521" s="13" t="s">
        <v>272</v>
      </c>
      <c r="B47521" s="14" t="s">
        <v>1</v>
      </c>
      <c r="C47521" s="14" t="s">
        <v>96</v>
      </c>
      <c r="D47521" s="14" t="s">
        <v>193</v>
      </c>
      <c r="E47521" s="15">
        <v>45447</v>
      </c>
      <c r="F47521" s="14" t="s">
        <v>15</v>
      </c>
      <c r="G47521" s="16">
        <v>0</v>
      </c>
    </row>
    <row r="47522" spans="1:7" x14ac:dyDescent="0.3">
      <c r="A47522" s="13" t="s">
        <v>272</v>
      </c>
      <c r="B47522" s="14" t="s">
        <v>1</v>
      </c>
      <c r="C47522" s="14" t="s">
        <v>96</v>
      </c>
      <c r="D47522" s="14" t="s">
        <v>193</v>
      </c>
      <c r="E47522" s="15">
        <v>45448</v>
      </c>
      <c r="F47522" s="14" t="s">
        <v>15</v>
      </c>
      <c r="G47522" s="16">
        <v>0</v>
      </c>
    </row>
    <row r="47523" spans="1:7" x14ac:dyDescent="0.3">
      <c r="A47523" s="13" t="s">
        <v>272</v>
      </c>
      <c r="B47523" s="14" t="s">
        <v>1</v>
      </c>
      <c r="C47523" s="14" t="s">
        <v>96</v>
      </c>
      <c r="D47523" s="14" t="s">
        <v>193</v>
      </c>
      <c r="E47523" s="15">
        <v>45449</v>
      </c>
      <c r="F47523" s="14" t="s">
        <v>15</v>
      </c>
      <c r="G47523" s="16">
        <v>0</v>
      </c>
    </row>
    <row r="47524" spans="1:7" x14ac:dyDescent="0.3">
      <c r="A47524" s="13" t="s">
        <v>272</v>
      </c>
      <c r="B47524" s="14" t="s">
        <v>1</v>
      </c>
      <c r="C47524" s="14" t="s">
        <v>96</v>
      </c>
      <c r="D47524" s="14" t="s">
        <v>193</v>
      </c>
      <c r="E47524" s="15">
        <v>45450</v>
      </c>
      <c r="F47524" s="14" t="s">
        <v>15</v>
      </c>
      <c r="G47524" s="16">
        <v>0</v>
      </c>
    </row>
    <row r="47525" spans="1:7" x14ac:dyDescent="0.3">
      <c r="A47525" s="13" t="s">
        <v>272</v>
      </c>
      <c r="B47525" s="14" t="s">
        <v>1</v>
      </c>
      <c r="C47525" s="14" t="s">
        <v>96</v>
      </c>
      <c r="D47525" s="14" t="s">
        <v>193</v>
      </c>
      <c r="E47525" s="15">
        <v>45451</v>
      </c>
      <c r="F47525" s="14" t="s">
        <v>15</v>
      </c>
      <c r="G47525" s="16">
        <v>0</v>
      </c>
    </row>
    <row r="47526" spans="1:7" x14ac:dyDescent="0.3">
      <c r="A47526" s="13" t="s">
        <v>272</v>
      </c>
      <c r="B47526" s="14" t="s">
        <v>1</v>
      </c>
      <c r="C47526" s="14" t="s">
        <v>96</v>
      </c>
      <c r="D47526" s="14" t="s">
        <v>193</v>
      </c>
      <c r="E47526" s="15">
        <v>45452</v>
      </c>
      <c r="F47526" s="14" t="s">
        <v>15</v>
      </c>
      <c r="G47526" s="16">
        <v>0</v>
      </c>
    </row>
    <row r="47527" spans="1:7" x14ac:dyDescent="0.3">
      <c r="A47527" s="13" t="s">
        <v>272</v>
      </c>
      <c r="B47527" s="14" t="s">
        <v>1</v>
      </c>
      <c r="C47527" s="14" t="s">
        <v>96</v>
      </c>
      <c r="D47527" s="14" t="s">
        <v>193</v>
      </c>
      <c r="E47527" s="15">
        <v>45453</v>
      </c>
      <c r="F47527" s="14" t="s">
        <v>15</v>
      </c>
      <c r="G47527" s="16">
        <v>0</v>
      </c>
    </row>
    <row r="47528" spans="1:7" x14ac:dyDescent="0.3">
      <c r="A47528" s="13" t="s">
        <v>272</v>
      </c>
      <c r="B47528" s="14" t="s">
        <v>1</v>
      </c>
      <c r="C47528" s="14" t="s">
        <v>96</v>
      </c>
      <c r="D47528" s="14" t="s">
        <v>193</v>
      </c>
      <c r="E47528" s="15">
        <v>45454</v>
      </c>
      <c r="F47528" s="14" t="s">
        <v>15</v>
      </c>
      <c r="G47528" s="16">
        <v>0</v>
      </c>
    </row>
    <row r="47529" spans="1:7" x14ac:dyDescent="0.3">
      <c r="A47529" s="13" t="s">
        <v>272</v>
      </c>
      <c r="B47529" s="14" t="s">
        <v>1</v>
      </c>
      <c r="C47529" s="14" t="s">
        <v>96</v>
      </c>
      <c r="D47529" s="14" t="s">
        <v>193</v>
      </c>
      <c r="E47529" s="15">
        <v>45455</v>
      </c>
      <c r="F47529" s="14" t="s">
        <v>15</v>
      </c>
      <c r="G47529" s="16">
        <v>0</v>
      </c>
    </row>
    <row r="47530" spans="1:7" x14ac:dyDescent="0.3">
      <c r="A47530" s="13" t="s">
        <v>272</v>
      </c>
      <c r="B47530" s="14" t="s">
        <v>1</v>
      </c>
      <c r="C47530" s="14" t="s">
        <v>96</v>
      </c>
      <c r="D47530" s="14" t="s">
        <v>193</v>
      </c>
      <c r="E47530" s="15">
        <v>45456</v>
      </c>
      <c r="F47530" s="14" t="s">
        <v>15</v>
      </c>
      <c r="G47530" s="16">
        <v>0</v>
      </c>
    </row>
    <row r="47531" spans="1:7" x14ac:dyDescent="0.3">
      <c r="A47531" s="13" t="s">
        <v>272</v>
      </c>
      <c r="B47531" s="14" t="s">
        <v>1</v>
      </c>
      <c r="C47531" s="14" t="s">
        <v>96</v>
      </c>
      <c r="D47531" s="14" t="s">
        <v>193</v>
      </c>
      <c r="E47531" s="15">
        <v>45457</v>
      </c>
      <c r="F47531" s="14" t="s">
        <v>15</v>
      </c>
      <c r="G47531" s="16">
        <v>0</v>
      </c>
    </row>
    <row r="47532" spans="1:7" x14ac:dyDescent="0.3">
      <c r="A47532" s="13" t="s">
        <v>272</v>
      </c>
      <c r="B47532" s="14" t="s">
        <v>1</v>
      </c>
      <c r="C47532" s="14" t="s">
        <v>96</v>
      </c>
      <c r="D47532" s="14" t="s">
        <v>193</v>
      </c>
      <c r="E47532" s="15">
        <v>45458</v>
      </c>
      <c r="F47532" s="14" t="s">
        <v>15</v>
      </c>
      <c r="G47532" s="16">
        <v>0</v>
      </c>
    </row>
    <row r="47533" spans="1:7" x14ac:dyDescent="0.3">
      <c r="A47533" s="13" t="s">
        <v>272</v>
      </c>
      <c r="B47533" s="14" t="s">
        <v>1</v>
      </c>
      <c r="C47533" s="14" t="s">
        <v>96</v>
      </c>
      <c r="D47533" s="14" t="s">
        <v>193</v>
      </c>
      <c r="E47533" s="15">
        <v>45459</v>
      </c>
      <c r="F47533" s="14" t="s">
        <v>15</v>
      </c>
      <c r="G47533" s="16">
        <v>0</v>
      </c>
    </row>
    <row r="47534" spans="1:7" x14ac:dyDescent="0.3">
      <c r="A47534" s="13" t="s">
        <v>272</v>
      </c>
      <c r="B47534" s="14" t="s">
        <v>1</v>
      </c>
      <c r="C47534" s="14" t="s">
        <v>96</v>
      </c>
      <c r="D47534" s="14" t="s">
        <v>193</v>
      </c>
      <c r="E47534" s="15">
        <v>45460</v>
      </c>
      <c r="F47534" s="14" t="s">
        <v>15</v>
      </c>
      <c r="G47534" s="16">
        <v>0</v>
      </c>
    </row>
    <row r="47535" spans="1:7" x14ac:dyDescent="0.3">
      <c r="A47535" s="13" t="s">
        <v>272</v>
      </c>
      <c r="B47535" s="14" t="s">
        <v>1</v>
      </c>
      <c r="C47535" s="14" t="s">
        <v>96</v>
      </c>
      <c r="D47535" s="14" t="s">
        <v>193</v>
      </c>
      <c r="E47535" s="15">
        <v>45461</v>
      </c>
      <c r="F47535" s="14" t="s">
        <v>15</v>
      </c>
      <c r="G47535" s="16">
        <v>0</v>
      </c>
    </row>
    <row r="47536" spans="1:7" x14ac:dyDescent="0.3">
      <c r="A47536" s="13" t="s">
        <v>272</v>
      </c>
      <c r="B47536" s="14" t="s">
        <v>1</v>
      </c>
      <c r="C47536" s="14" t="s">
        <v>96</v>
      </c>
      <c r="D47536" s="14" t="s">
        <v>193</v>
      </c>
      <c r="E47536" s="15">
        <v>45462</v>
      </c>
      <c r="F47536" s="14" t="s">
        <v>15</v>
      </c>
      <c r="G47536" s="16">
        <v>0</v>
      </c>
    </row>
    <row r="47537" spans="1:7" x14ac:dyDescent="0.3">
      <c r="A47537" s="13" t="s">
        <v>272</v>
      </c>
      <c r="B47537" s="14" t="s">
        <v>1</v>
      </c>
      <c r="C47537" s="14" t="s">
        <v>96</v>
      </c>
      <c r="D47537" s="14" t="s">
        <v>193</v>
      </c>
      <c r="E47537" s="15">
        <v>45463</v>
      </c>
      <c r="F47537" s="14" t="s">
        <v>15</v>
      </c>
      <c r="G47537" s="16">
        <v>0</v>
      </c>
    </row>
    <row r="47538" spans="1:7" x14ac:dyDescent="0.3">
      <c r="A47538" s="13" t="s">
        <v>272</v>
      </c>
      <c r="B47538" s="14" t="s">
        <v>1</v>
      </c>
      <c r="C47538" s="14" t="s">
        <v>96</v>
      </c>
      <c r="D47538" s="14" t="s">
        <v>193</v>
      </c>
      <c r="E47538" s="15">
        <v>45464</v>
      </c>
      <c r="F47538" s="14" t="s">
        <v>15</v>
      </c>
      <c r="G47538" s="16">
        <v>0</v>
      </c>
    </row>
    <row r="47539" spans="1:7" x14ac:dyDescent="0.3">
      <c r="A47539" s="13" t="s">
        <v>272</v>
      </c>
      <c r="B47539" s="14" t="s">
        <v>1</v>
      </c>
      <c r="C47539" s="14" t="s">
        <v>96</v>
      </c>
      <c r="D47539" s="14" t="s">
        <v>193</v>
      </c>
      <c r="E47539" s="15">
        <v>45465</v>
      </c>
      <c r="F47539" s="14" t="s">
        <v>15</v>
      </c>
      <c r="G47539" s="16">
        <v>0</v>
      </c>
    </row>
    <row r="47540" spans="1:7" x14ac:dyDescent="0.3">
      <c r="A47540" s="13" t="s">
        <v>272</v>
      </c>
      <c r="B47540" s="14" t="s">
        <v>1</v>
      </c>
      <c r="C47540" s="14" t="s">
        <v>96</v>
      </c>
      <c r="D47540" s="14" t="s">
        <v>193</v>
      </c>
      <c r="E47540" s="15">
        <v>45466</v>
      </c>
      <c r="F47540" s="14" t="s">
        <v>15</v>
      </c>
      <c r="G47540" s="16">
        <v>0</v>
      </c>
    </row>
    <row r="47541" spans="1:7" x14ac:dyDescent="0.3">
      <c r="A47541" s="13" t="s">
        <v>272</v>
      </c>
      <c r="B47541" s="14" t="s">
        <v>1</v>
      </c>
      <c r="C47541" s="14" t="s">
        <v>96</v>
      </c>
      <c r="D47541" s="14" t="s">
        <v>193</v>
      </c>
      <c r="E47541" s="15">
        <v>45467</v>
      </c>
      <c r="F47541" s="14" t="s">
        <v>15</v>
      </c>
      <c r="G47541" s="16">
        <v>0</v>
      </c>
    </row>
    <row r="47542" spans="1:7" x14ac:dyDescent="0.3">
      <c r="A47542" s="13" t="s">
        <v>272</v>
      </c>
      <c r="B47542" s="14" t="s">
        <v>1</v>
      </c>
      <c r="C47542" s="14" t="s">
        <v>96</v>
      </c>
      <c r="D47542" s="14" t="s">
        <v>193</v>
      </c>
      <c r="E47542" s="15">
        <v>45468</v>
      </c>
      <c r="F47542" s="14" t="s">
        <v>15</v>
      </c>
      <c r="G47542" s="16">
        <v>0</v>
      </c>
    </row>
    <row r="47543" spans="1:7" x14ac:dyDescent="0.3">
      <c r="A47543" s="13" t="s">
        <v>272</v>
      </c>
      <c r="B47543" s="14" t="s">
        <v>1</v>
      </c>
      <c r="C47543" s="14" t="s">
        <v>96</v>
      </c>
      <c r="D47543" s="14" t="s">
        <v>193</v>
      </c>
      <c r="E47543" s="15">
        <v>45469</v>
      </c>
      <c r="F47543" s="14" t="s">
        <v>15</v>
      </c>
      <c r="G47543" s="16">
        <v>0</v>
      </c>
    </row>
    <row r="47544" spans="1:7" x14ac:dyDescent="0.3">
      <c r="A47544" s="13" t="s">
        <v>272</v>
      </c>
      <c r="B47544" s="14" t="s">
        <v>1</v>
      </c>
      <c r="C47544" s="14" t="s">
        <v>96</v>
      </c>
      <c r="D47544" s="14" t="s">
        <v>193</v>
      </c>
      <c r="E47544" s="15">
        <v>45470</v>
      </c>
      <c r="F47544" s="14" t="s">
        <v>15</v>
      </c>
      <c r="G47544" s="16">
        <v>0</v>
      </c>
    </row>
    <row r="47545" spans="1:7" x14ac:dyDescent="0.3">
      <c r="A47545" s="13" t="s">
        <v>272</v>
      </c>
      <c r="B47545" s="14" t="s">
        <v>1</v>
      </c>
      <c r="C47545" s="14" t="s">
        <v>96</v>
      </c>
      <c r="D47545" s="14" t="s">
        <v>193</v>
      </c>
      <c r="E47545" s="15">
        <v>45471</v>
      </c>
      <c r="F47545" s="14" t="s">
        <v>15</v>
      </c>
      <c r="G47545" s="16">
        <v>0</v>
      </c>
    </row>
    <row r="47546" spans="1:7" x14ac:dyDescent="0.3">
      <c r="A47546" s="13" t="s">
        <v>272</v>
      </c>
      <c r="B47546" s="14" t="s">
        <v>1</v>
      </c>
      <c r="C47546" s="14" t="s">
        <v>96</v>
      </c>
      <c r="D47546" s="14" t="s">
        <v>193</v>
      </c>
      <c r="E47546" s="15">
        <v>45472</v>
      </c>
      <c r="F47546" s="14" t="s">
        <v>15</v>
      </c>
      <c r="G47546" s="16">
        <v>0</v>
      </c>
    </row>
    <row r="47547" spans="1:7" x14ac:dyDescent="0.3">
      <c r="A47547" s="13" t="s">
        <v>272</v>
      </c>
      <c r="B47547" s="14" t="s">
        <v>1</v>
      </c>
      <c r="C47547" s="14" t="s">
        <v>96</v>
      </c>
      <c r="D47547" s="14" t="s">
        <v>193</v>
      </c>
      <c r="E47547" s="15">
        <v>45473</v>
      </c>
      <c r="F47547" s="14" t="s">
        <v>15</v>
      </c>
      <c r="G47547" s="16">
        <v>0</v>
      </c>
    </row>
    <row r="47548" spans="1:7" x14ac:dyDescent="0.3">
      <c r="A47548" s="13" t="s">
        <v>272</v>
      </c>
      <c r="B47548" s="14" t="s">
        <v>1</v>
      </c>
      <c r="C47548" s="14" t="s">
        <v>96</v>
      </c>
      <c r="D47548" s="14" t="s">
        <v>193</v>
      </c>
      <c r="E47548" s="15">
        <v>45474</v>
      </c>
      <c r="F47548" s="14" t="s">
        <v>15</v>
      </c>
      <c r="G47548" s="16">
        <v>0</v>
      </c>
    </row>
    <row r="47549" spans="1:7" x14ac:dyDescent="0.3">
      <c r="A47549" s="13" t="s">
        <v>272</v>
      </c>
      <c r="B47549" s="14" t="s">
        <v>1</v>
      </c>
      <c r="C47549" s="14" t="s">
        <v>96</v>
      </c>
      <c r="D47549" s="14" t="s">
        <v>193</v>
      </c>
      <c r="E47549" s="15">
        <v>45475</v>
      </c>
      <c r="F47549" s="14" t="s">
        <v>15</v>
      </c>
      <c r="G47549" s="16">
        <v>0</v>
      </c>
    </row>
    <row r="47550" spans="1:7" x14ac:dyDescent="0.3">
      <c r="A47550" s="13" t="s">
        <v>272</v>
      </c>
      <c r="B47550" s="14" t="s">
        <v>1</v>
      </c>
      <c r="C47550" s="14" t="s">
        <v>96</v>
      </c>
      <c r="D47550" s="14" t="s">
        <v>193</v>
      </c>
      <c r="E47550" s="15">
        <v>45476</v>
      </c>
      <c r="F47550" s="14" t="s">
        <v>15</v>
      </c>
      <c r="G47550" s="16">
        <v>0</v>
      </c>
    </row>
    <row r="47551" spans="1:7" x14ac:dyDescent="0.3">
      <c r="A47551" s="13" t="s">
        <v>272</v>
      </c>
      <c r="B47551" s="14" t="s">
        <v>1</v>
      </c>
      <c r="C47551" s="14" t="s">
        <v>96</v>
      </c>
      <c r="D47551" s="14" t="s">
        <v>193</v>
      </c>
      <c r="E47551" s="15">
        <v>45477</v>
      </c>
      <c r="F47551" s="14" t="s">
        <v>15</v>
      </c>
      <c r="G47551" s="16">
        <v>0</v>
      </c>
    </row>
    <row r="47552" spans="1:7" x14ac:dyDescent="0.3">
      <c r="A47552" s="13" t="s">
        <v>272</v>
      </c>
      <c r="B47552" s="14" t="s">
        <v>1</v>
      </c>
      <c r="C47552" s="14" t="s">
        <v>96</v>
      </c>
      <c r="D47552" s="14" t="s">
        <v>193</v>
      </c>
      <c r="E47552" s="15">
        <v>45478</v>
      </c>
      <c r="F47552" s="14" t="s">
        <v>15</v>
      </c>
      <c r="G47552" s="16">
        <v>0</v>
      </c>
    </row>
    <row r="47553" spans="1:7" x14ac:dyDescent="0.3">
      <c r="A47553" s="13" t="s">
        <v>272</v>
      </c>
      <c r="B47553" s="14" t="s">
        <v>1</v>
      </c>
      <c r="C47553" s="14" t="s">
        <v>96</v>
      </c>
      <c r="D47553" s="14" t="s">
        <v>193</v>
      </c>
      <c r="E47553" s="15">
        <v>45479</v>
      </c>
      <c r="F47553" s="14" t="s">
        <v>15</v>
      </c>
      <c r="G47553" s="16">
        <v>0</v>
      </c>
    </row>
    <row r="47554" spans="1:7" x14ac:dyDescent="0.3">
      <c r="A47554" s="13" t="s">
        <v>272</v>
      </c>
      <c r="B47554" s="14" t="s">
        <v>1</v>
      </c>
      <c r="C47554" s="14" t="s">
        <v>96</v>
      </c>
      <c r="D47554" s="14" t="s">
        <v>193</v>
      </c>
      <c r="E47554" s="15">
        <v>45480</v>
      </c>
      <c r="F47554" s="14" t="s">
        <v>15</v>
      </c>
      <c r="G47554" s="16">
        <v>0</v>
      </c>
    </row>
    <row r="47555" spans="1:7" x14ac:dyDescent="0.3">
      <c r="A47555" s="13" t="s">
        <v>272</v>
      </c>
      <c r="B47555" s="14" t="s">
        <v>1</v>
      </c>
      <c r="C47555" s="14" t="s">
        <v>96</v>
      </c>
      <c r="D47555" s="14" t="s">
        <v>193</v>
      </c>
      <c r="E47555" s="15">
        <v>45481</v>
      </c>
      <c r="F47555" s="14" t="s">
        <v>15</v>
      </c>
      <c r="G47555" s="16">
        <v>0</v>
      </c>
    </row>
    <row r="47556" spans="1:7" x14ac:dyDescent="0.3">
      <c r="A47556" s="13" t="s">
        <v>272</v>
      </c>
      <c r="B47556" s="14" t="s">
        <v>1</v>
      </c>
      <c r="C47556" s="14" t="s">
        <v>96</v>
      </c>
      <c r="D47556" s="14" t="s">
        <v>193</v>
      </c>
      <c r="E47556" s="15">
        <v>45482</v>
      </c>
      <c r="F47556" s="14" t="s">
        <v>15</v>
      </c>
      <c r="G47556" s="16">
        <v>0</v>
      </c>
    </row>
    <row r="47557" spans="1:7" x14ac:dyDescent="0.3">
      <c r="A47557" s="13" t="s">
        <v>272</v>
      </c>
      <c r="B47557" s="14" t="s">
        <v>1</v>
      </c>
      <c r="C47557" s="14" t="s">
        <v>96</v>
      </c>
      <c r="D47557" s="14" t="s">
        <v>193</v>
      </c>
      <c r="E47557" s="15">
        <v>45483</v>
      </c>
      <c r="F47557" s="14" t="s">
        <v>15</v>
      </c>
      <c r="G47557" s="16">
        <v>0</v>
      </c>
    </row>
    <row r="47558" spans="1:7" x14ac:dyDescent="0.3">
      <c r="A47558" s="13" t="s">
        <v>272</v>
      </c>
      <c r="B47558" s="14" t="s">
        <v>1</v>
      </c>
      <c r="C47558" s="14" t="s">
        <v>96</v>
      </c>
      <c r="D47558" s="14" t="s">
        <v>193</v>
      </c>
      <c r="E47558" s="15">
        <v>45484</v>
      </c>
      <c r="F47558" s="14" t="s">
        <v>15</v>
      </c>
      <c r="G47558" s="16">
        <v>0</v>
      </c>
    </row>
    <row r="47559" spans="1:7" x14ac:dyDescent="0.3">
      <c r="A47559" s="13" t="s">
        <v>272</v>
      </c>
      <c r="B47559" s="14" t="s">
        <v>1</v>
      </c>
      <c r="C47559" s="14" t="s">
        <v>96</v>
      </c>
      <c r="D47559" s="14" t="s">
        <v>193</v>
      </c>
      <c r="E47559" s="15">
        <v>45485</v>
      </c>
      <c r="F47559" s="14" t="s">
        <v>15</v>
      </c>
      <c r="G47559" s="16">
        <v>0</v>
      </c>
    </row>
    <row r="47560" spans="1:7" x14ac:dyDescent="0.3">
      <c r="A47560" s="13" t="s">
        <v>272</v>
      </c>
      <c r="B47560" s="14" t="s">
        <v>1</v>
      </c>
      <c r="C47560" s="14" t="s">
        <v>96</v>
      </c>
      <c r="D47560" s="14" t="s">
        <v>193</v>
      </c>
      <c r="E47560" s="15">
        <v>45486</v>
      </c>
      <c r="F47560" s="14" t="s">
        <v>15</v>
      </c>
      <c r="G47560" s="16">
        <v>0</v>
      </c>
    </row>
    <row r="47561" spans="1:7" x14ac:dyDescent="0.3">
      <c r="A47561" s="13" t="s">
        <v>272</v>
      </c>
      <c r="B47561" s="14" t="s">
        <v>1</v>
      </c>
      <c r="C47561" s="14" t="s">
        <v>96</v>
      </c>
      <c r="D47561" s="14" t="s">
        <v>193</v>
      </c>
      <c r="E47561" s="15">
        <v>45487</v>
      </c>
      <c r="F47561" s="14" t="s">
        <v>15</v>
      </c>
      <c r="G47561" s="16">
        <v>0</v>
      </c>
    </row>
    <row r="47562" spans="1:7" x14ac:dyDescent="0.3">
      <c r="A47562" s="13" t="s">
        <v>272</v>
      </c>
      <c r="B47562" s="14" t="s">
        <v>1</v>
      </c>
      <c r="C47562" s="14" t="s">
        <v>96</v>
      </c>
      <c r="D47562" s="14" t="s">
        <v>193</v>
      </c>
      <c r="E47562" s="15">
        <v>45488</v>
      </c>
      <c r="F47562" s="14" t="s">
        <v>15</v>
      </c>
      <c r="G47562" s="16">
        <v>0</v>
      </c>
    </row>
    <row r="47563" spans="1:7" x14ac:dyDescent="0.3">
      <c r="A47563" s="13" t="s">
        <v>272</v>
      </c>
      <c r="B47563" s="14" t="s">
        <v>1</v>
      </c>
      <c r="C47563" s="14" t="s">
        <v>96</v>
      </c>
      <c r="D47563" s="14" t="s">
        <v>193</v>
      </c>
      <c r="E47563" s="15">
        <v>45489</v>
      </c>
      <c r="F47563" s="14" t="s">
        <v>15</v>
      </c>
      <c r="G47563" s="16">
        <v>0</v>
      </c>
    </row>
    <row r="47564" spans="1:7" x14ac:dyDescent="0.3">
      <c r="A47564" s="13" t="s">
        <v>272</v>
      </c>
      <c r="B47564" s="14" t="s">
        <v>1</v>
      </c>
      <c r="C47564" s="14" t="s">
        <v>96</v>
      </c>
      <c r="D47564" s="14" t="s">
        <v>193</v>
      </c>
      <c r="E47564" s="15">
        <v>45490</v>
      </c>
      <c r="F47564" s="14" t="s">
        <v>15</v>
      </c>
      <c r="G47564" s="16">
        <v>0</v>
      </c>
    </row>
    <row r="47565" spans="1:7" x14ac:dyDescent="0.3">
      <c r="A47565" s="13" t="s">
        <v>272</v>
      </c>
      <c r="B47565" s="14" t="s">
        <v>1</v>
      </c>
      <c r="C47565" s="14" t="s">
        <v>96</v>
      </c>
      <c r="D47565" s="14" t="s">
        <v>193</v>
      </c>
      <c r="E47565" s="15">
        <v>45491</v>
      </c>
      <c r="F47565" s="14" t="s">
        <v>15</v>
      </c>
      <c r="G47565" s="16">
        <v>0</v>
      </c>
    </row>
    <row r="47566" spans="1:7" x14ac:dyDescent="0.3">
      <c r="A47566" s="13" t="s">
        <v>272</v>
      </c>
      <c r="B47566" s="14" t="s">
        <v>1</v>
      </c>
      <c r="C47566" s="14" t="s">
        <v>96</v>
      </c>
      <c r="D47566" s="14" t="s">
        <v>193</v>
      </c>
      <c r="E47566" s="15">
        <v>45492</v>
      </c>
      <c r="F47566" s="14" t="s">
        <v>15</v>
      </c>
      <c r="G47566" s="16">
        <v>0</v>
      </c>
    </row>
    <row r="47567" spans="1:7" x14ac:dyDescent="0.3">
      <c r="A47567" s="13" t="s">
        <v>272</v>
      </c>
      <c r="B47567" s="14" t="s">
        <v>1</v>
      </c>
      <c r="C47567" s="14" t="s">
        <v>96</v>
      </c>
      <c r="D47567" s="14" t="s">
        <v>193</v>
      </c>
      <c r="E47567" s="15">
        <v>45493</v>
      </c>
      <c r="F47567" s="14" t="s">
        <v>15</v>
      </c>
      <c r="G47567" s="16">
        <v>0</v>
      </c>
    </row>
    <row r="47568" spans="1:7" x14ac:dyDescent="0.3">
      <c r="A47568" s="13" t="s">
        <v>272</v>
      </c>
      <c r="B47568" s="14" t="s">
        <v>1</v>
      </c>
      <c r="C47568" s="14" t="s">
        <v>96</v>
      </c>
      <c r="D47568" s="14" t="s">
        <v>193</v>
      </c>
      <c r="E47568" s="15">
        <v>45494</v>
      </c>
      <c r="F47568" s="14" t="s">
        <v>15</v>
      </c>
      <c r="G47568" s="16">
        <v>0</v>
      </c>
    </row>
    <row r="47569" spans="1:7" x14ac:dyDescent="0.3">
      <c r="A47569" s="13" t="s">
        <v>272</v>
      </c>
      <c r="B47569" s="14" t="s">
        <v>1</v>
      </c>
      <c r="C47569" s="14" t="s">
        <v>96</v>
      </c>
      <c r="D47569" s="14" t="s">
        <v>193</v>
      </c>
      <c r="E47569" s="15">
        <v>45495</v>
      </c>
      <c r="F47569" s="14" t="s">
        <v>15</v>
      </c>
      <c r="G47569" s="16">
        <v>0</v>
      </c>
    </row>
    <row r="47570" spans="1:7" x14ac:dyDescent="0.3">
      <c r="A47570" s="13" t="s">
        <v>272</v>
      </c>
      <c r="B47570" s="14" t="s">
        <v>1</v>
      </c>
      <c r="C47570" s="14" t="s">
        <v>96</v>
      </c>
      <c r="D47570" s="14" t="s">
        <v>193</v>
      </c>
      <c r="E47570" s="15">
        <v>45496</v>
      </c>
      <c r="F47570" s="14" t="s">
        <v>15</v>
      </c>
      <c r="G47570" s="16">
        <v>0</v>
      </c>
    </row>
    <row r="47571" spans="1:7" x14ac:dyDescent="0.3">
      <c r="A47571" s="13" t="s">
        <v>272</v>
      </c>
      <c r="B47571" s="14" t="s">
        <v>1</v>
      </c>
      <c r="C47571" s="14" t="s">
        <v>96</v>
      </c>
      <c r="D47571" s="14" t="s">
        <v>193</v>
      </c>
      <c r="E47571" s="15">
        <v>45497</v>
      </c>
      <c r="F47571" s="14" t="s">
        <v>15</v>
      </c>
      <c r="G47571" s="16">
        <v>0</v>
      </c>
    </row>
    <row r="47572" spans="1:7" x14ac:dyDescent="0.3">
      <c r="A47572" s="13" t="s">
        <v>272</v>
      </c>
      <c r="B47572" s="14" t="s">
        <v>1</v>
      </c>
      <c r="C47572" s="14" t="s">
        <v>96</v>
      </c>
      <c r="D47572" s="14" t="s">
        <v>193</v>
      </c>
      <c r="E47572" s="15">
        <v>45498</v>
      </c>
      <c r="F47572" s="14" t="s">
        <v>15</v>
      </c>
      <c r="G47572" s="16">
        <v>0</v>
      </c>
    </row>
    <row r="47573" spans="1:7" x14ac:dyDescent="0.3">
      <c r="A47573" s="13" t="s">
        <v>272</v>
      </c>
      <c r="B47573" s="14" t="s">
        <v>1</v>
      </c>
      <c r="C47573" s="14" t="s">
        <v>96</v>
      </c>
      <c r="D47573" s="14" t="s">
        <v>193</v>
      </c>
      <c r="E47573" s="15">
        <v>45499</v>
      </c>
      <c r="F47573" s="14" t="s">
        <v>15</v>
      </c>
      <c r="G47573" s="16">
        <v>0</v>
      </c>
    </row>
    <row r="47574" spans="1:7" x14ac:dyDescent="0.3">
      <c r="A47574" s="13" t="s">
        <v>272</v>
      </c>
      <c r="B47574" s="14" t="s">
        <v>1</v>
      </c>
      <c r="C47574" s="14" t="s">
        <v>96</v>
      </c>
      <c r="D47574" s="14" t="s">
        <v>193</v>
      </c>
      <c r="E47574" s="15">
        <v>45500</v>
      </c>
      <c r="F47574" s="14" t="s">
        <v>15</v>
      </c>
      <c r="G47574" s="16">
        <v>0</v>
      </c>
    </row>
    <row r="47575" spans="1:7" x14ac:dyDescent="0.3">
      <c r="A47575" s="13" t="s">
        <v>272</v>
      </c>
      <c r="B47575" s="14" t="s">
        <v>1</v>
      </c>
      <c r="C47575" s="14" t="s">
        <v>96</v>
      </c>
      <c r="D47575" s="14" t="s">
        <v>193</v>
      </c>
      <c r="E47575" s="15">
        <v>45501</v>
      </c>
      <c r="F47575" s="14" t="s">
        <v>15</v>
      </c>
      <c r="G47575" s="16">
        <v>0</v>
      </c>
    </row>
    <row r="47576" spans="1:7" x14ac:dyDescent="0.3">
      <c r="A47576" s="13" t="s">
        <v>272</v>
      </c>
      <c r="B47576" s="14" t="s">
        <v>1</v>
      </c>
      <c r="C47576" s="14" t="s">
        <v>96</v>
      </c>
      <c r="D47576" s="14" t="s">
        <v>193</v>
      </c>
      <c r="E47576" s="15">
        <v>45502</v>
      </c>
      <c r="F47576" s="14" t="s">
        <v>15</v>
      </c>
      <c r="G47576" s="16">
        <v>0</v>
      </c>
    </row>
    <row r="47577" spans="1:7" x14ac:dyDescent="0.3">
      <c r="A47577" s="13" t="s">
        <v>272</v>
      </c>
      <c r="B47577" s="14" t="s">
        <v>1</v>
      </c>
      <c r="C47577" s="14" t="s">
        <v>96</v>
      </c>
      <c r="D47577" s="14" t="s">
        <v>193</v>
      </c>
      <c r="E47577" s="15">
        <v>45503</v>
      </c>
      <c r="F47577" s="14" t="s">
        <v>15</v>
      </c>
      <c r="G47577" s="16">
        <v>0</v>
      </c>
    </row>
    <row r="47578" spans="1:7" x14ac:dyDescent="0.3">
      <c r="A47578" s="13" t="s">
        <v>272</v>
      </c>
      <c r="B47578" s="14" t="s">
        <v>1</v>
      </c>
      <c r="C47578" s="14" t="s">
        <v>96</v>
      </c>
      <c r="D47578" s="14" t="s">
        <v>193</v>
      </c>
      <c r="E47578" s="15">
        <v>45504</v>
      </c>
      <c r="F47578" s="14" t="s">
        <v>15</v>
      </c>
      <c r="G47578" s="16">
        <v>0</v>
      </c>
    </row>
    <row r="47579" spans="1:7" x14ac:dyDescent="0.3">
      <c r="A47579" s="13" t="s">
        <v>272</v>
      </c>
      <c r="B47579" s="14" t="s">
        <v>1</v>
      </c>
      <c r="C47579" s="14" t="s">
        <v>96</v>
      </c>
      <c r="D47579" s="14" t="s">
        <v>193</v>
      </c>
      <c r="E47579" s="15">
        <v>45505</v>
      </c>
      <c r="F47579" s="14" t="s">
        <v>15</v>
      </c>
      <c r="G47579" s="16">
        <v>0</v>
      </c>
    </row>
    <row r="47580" spans="1:7" x14ac:dyDescent="0.3">
      <c r="A47580" s="13" t="s">
        <v>272</v>
      </c>
      <c r="B47580" s="14" t="s">
        <v>1</v>
      </c>
      <c r="C47580" s="14" t="s">
        <v>96</v>
      </c>
      <c r="D47580" s="14" t="s">
        <v>193</v>
      </c>
      <c r="E47580" s="15">
        <v>45506</v>
      </c>
      <c r="F47580" s="14" t="s">
        <v>15</v>
      </c>
      <c r="G47580" s="16">
        <v>0</v>
      </c>
    </row>
    <row r="47581" spans="1:7" x14ac:dyDescent="0.3">
      <c r="A47581" s="13" t="s">
        <v>272</v>
      </c>
      <c r="B47581" s="14" t="s">
        <v>1</v>
      </c>
      <c r="C47581" s="14" t="s">
        <v>96</v>
      </c>
      <c r="D47581" s="14" t="s">
        <v>193</v>
      </c>
      <c r="E47581" s="15">
        <v>45507</v>
      </c>
      <c r="F47581" s="14" t="s">
        <v>15</v>
      </c>
      <c r="G47581" s="16">
        <v>0</v>
      </c>
    </row>
    <row r="47582" spans="1:7" x14ac:dyDescent="0.3">
      <c r="A47582" s="13" t="s">
        <v>272</v>
      </c>
      <c r="B47582" s="14" t="s">
        <v>1</v>
      </c>
      <c r="C47582" s="14" t="s">
        <v>96</v>
      </c>
      <c r="D47582" s="14" t="s">
        <v>193</v>
      </c>
      <c r="E47582" s="15">
        <v>45508</v>
      </c>
      <c r="F47582" s="14" t="s">
        <v>15</v>
      </c>
      <c r="G47582" s="16">
        <v>0</v>
      </c>
    </row>
    <row r="47583" spans="1:7" x14ac:dyDescent="0.3">
      <c r="A47583" s="13" t="s">
        <v>272</v>
      </c>
      <c r="B47583" s="14" t="s">
        <v>1</v>
      </c>
      <c r="C47583" s="14" t="s">
        <v>96</v>
      </c>
      <c r="D47583" s="14" t="s">
        <v>193</v>
      </c>
      <c r="E47583" s="15">
        <v>45509</v>
      </c>
      <c r="F47583" s="14" t="s">
        <v>15</v>
      </c>
      <c r="G47583" s="16">
        <v>0</v>
      </c>
    </row>
    <row r="47584" spans="1:7" x14ac:dyDescent="0.3">
      <c r="A47584" s="13" t="s">
        <v>272</v>
      </c>
      <c r="B47584" s="14" t="s">
        <v>1</v>
      </c>
      <c r="C47584" s="14" t="s">
        <v>96</v>
      </c>
      <c r="D47584" s="14" t="s">
        <v>193</v>
      </c>
      <c r="E47584" s="15">
        <v>45510</v>
      </c>
      <c r="F47584" s="14" t="s">
        <v>15</v>
      </c>
      <c r="G47584" s="16">
        <v>0</v>
      </c>
    </row>
    <row r="47585" spans="1:7" x14ac:dyDescent="0.3">
      <c r="A47585" s="13" t="s">
        <v>272</v>
      </c>
      <c r="B47585" s="14" t="s">
        <v>1</v>
      </c>
      <c r="C47585" s="14" t="s">
        <v>96</v>
      </c>
      <c r="D47585" s="14" t="s">
        <v>193</v>
      </c>
      <c r="E47585" s="15">
        <v>45511</v>
      </c>
      <c r="F47585" s="14" t="s">
        <v>15</v>
      </c>
      <c r="G47585" s="16">
        <v>0</v>
      </c>
    </row>
    <row r="47586" spans="1:7" x14ac:dyDescent="0.3">
      <c r="A47586" s="13" t="s">
        <v>272</v>
      </c>
      <c r="B47586" s="14" t="s">
        <v>1</v>
      </c>
      <c r="C47586" s="14" t="s">
        <v>96</v>
      </c>
      <c r="D47586" s="14" t="s">
        <v>193</v>
      </c>
      <c r="E47586" s="15">
        <v>45512</v>
      </c>
      <c r="F47586" s="14" t="s">
        <v>15</v>
      </c>
      <c r="G47586" s="16">
        <v>0</v>
      </c>
    </row>
    <row r="47587" spans="1:7" x14ac:dyDescent="0.3">
      <c r="A47587" s="13" t="s">
        <v>272</v>
      </c>
      <c r="B47587" s="14" t="s">
        <v>1</v>
      </c>
      <c r="C47587" s="14" t="s">
        <v>96</v>
      </c>
      <c r="D47587" s="14" t="s">
        <v>193</v>
      </c>
      <c r="E47587" s="15">
        <v>45513</v>
      </c>
      <c r="F47587" s="14" t="s">
        <v>15</v>
      </c>
      <c r="G47587" s="16">
        <v>0</v>
      </c>
    </row>
    <row r="47588" spans="1:7" x14ac:dyDescent="0.3">
      <c r="A47588" s="13" t="s">
        <v>272</v>
      </c>
      <c r="B47588" s="14" t="s">
        <v>1</v>
      </c>
      <c r="C47588" s="14" t="s">
        <v>96</v>
      </c>
      <c r="D47588" s="14" t="s">
        <v>193</v>
      </c>
      <c r="E47588" s="15">
        <v>45514</v>
      </c>
      <c r="F47588" s="14" t="s">
        <v>15</v>
      </c>
      <c r="G47588" s="16">
        <v>0</v>
      </c>
    </row>
    <row r="47589" spans="1:7" x14ac:dyDescent="0.3">
      <c r="A47589" s="13" t="s">
        <v>272</v>
      </c>
      <c r="B47589" s="14" t="s">
        <v>1</v>
      </c>
      <c r="C47589" s="14" t="s">
        <v>96</v>
      </c>
      <c r="D47589" s="14" t="s">
        <v>193</v>
      </c>
      <c r="E47589" s="15">
        <v>45515</v>
      </c>
      <c r="F47589" s="14" t="s">
        <v>15</v>
      </c>
      <c r="G47589" s="16">
        <v>0</v>
      </c>
    </row>
    <row r="47590" spans="1:7" x14ac:dyDescent="0.3">
      <c r="A47590" s="13" t="s">
        <v>272</v>
      </c>
      <c r="B47590" s="14" t="s">
        <v>1</v>
      </c>
      <c r="C47590" s="14" t="s">
        <v>96</v>
      </c>
      <c r="D47590" s="14" t="s">
        <v>193</v>
      </c>
      <c r="E47590" s="15">
        <v>45516</v>
      </c>
      <c r="F47590" s="14" t="s">
        <v>15</v>
      </c>
      <c r="G47590" s="16">
        <v>0</v>
      </c>
    </row>
    <row r="47591" spans="1:7" x14ac:dyDescent="0.3">
      <c r="A47591" s="13" t="s">
        <v>272</v>
      </c>
      <c r="B47591" s="14" t="s">
        <v>1</v>
      </c>
      <c r="C47591" s="14" t="s">
        <v>96</v>
      </c>
      <c r="D47591" s="14" t="s">
        <v>193</v>
      </c>
      <c r="E47591" s="15">
        <v>45517</v>
      </c>
      <c r="F47591" s="14" t="s">
        <v>15</v>
      </c>
      <c r="G47591" s="16">
        <v>0</v>
      </c>
    </row>
    <row r="47592" spans="1:7" x14ac:dyDescent="0.3">
      <c r="A47592" s="13" t="s">
        <v>272</v>
      </c>
      <c r="B47592" s="14" t="s">
        <v>1</v>
      </c>
      <c r="C47592" s="14" t="s">
        <v>96</v>
      </c>
      <c r="D47592" s="14" t="s">
        <v>193</v>
      </c>
      <c r="E47592" s="15">
        <v>45518</v>
      </c>
      <c r="F47592" s="14" t="s">
        <v>15</v>
      </c>
      <c r="G47592" s="16">
        <v>0</v>
      </c>
    </row>
    <row r="47593" spans="1:7" x14ac:dyDescent="0.3">
      <c r="A47593" s="13" t="s">
        <v>272</v>
      </c>
      <c r="B47593" s="14" t="s">
        <v>1</v>
      </c>
      <c r="C47593" s="14" t="s">
        <v>96</v>
      </c>
      <c r="D47593" s="14" t="s">
        <v>193</v>
      </c>
      <c r="E47593" s="15">
        <v>45519</v>
      </c>
      <c r="F47593" s="14" t="s">
        <v>15</v>
      </c>
      <c r="G47593" s="16">
        <v>0</v>
      </c>
    </row>
    <row r="47594" spans="1:7" x14ac:dyDescent="0.3">
      <c r="A47594" s="13" t="s">
        <v>272</v>
      </c>
      <c r="B47594" s="14" t="s">
        <v>1</v>
      </c>
      <c r="C47594" s="14" t="s">
        <v>96</v>
      </c>
      <c r="D47594" s="14" t="s">
        <v>193</v>
      </c>
      <c r="E47594" s="15">
        <v>45520</v>
      </c>
      <c r="F47594" s="14" t="s">
        <v>15</v>
      </c>
      <c r="G47594" s="16">
        <v>0</v>
      </c>
    </row>
    <row r="47595" spans="1:7" x14ac:dyDescent="0.3">
      <c r="A47595" s="13" t="s">
        <v>272</v>
      </c>
      <c r="B47595" s="14" t="s">
        <v>1</v>
      </c>
      <c r="C47595" s="14" t="s">
        <v>96</v>
      </c>
      <c r="D47595" s="14" t="s">
        <v>193</v>
      </c>
      <c r="E47595" s="15">
        <v>45521</v>
      </c>
      <c r="F47595" s="14" t="s">
        <v>15</v>
      </c>
      <c r="G47595" s="16">
        <v>0</v>
      </c>
    </row>
    <row r="47596" spans="1:7" x14ac:dyDescent="0.3">
      <c r="A47596" s="13" t="s">
        <v>272</v>
      </c>
      <c r="B47596" s="14" t="s">
        <v>1</v>
      </c>
      <c r="C47596" s="14" t="s">
        <v>96</v>
      </c>
      <c r="D47596" s="14" t="s">
        <v>193</v>
      </c>
      <c r="E47596" s="15">
        <v>45522</v>
      </c>
      <c r="F47596" s="14" t="s">
        <v>15</v>
      </c>
      <c r="G47596" s="16">
        <v>0</v>
      </c>
    </row>
    <row r="47597" spans="1:7" x14ac:dyDescent="0.3">
      <c r="A47597" s="13" t="s">
        <v>272</v>
      </c>
      <c r="B47597" s="14" t="s">
        <v>1</v>
      </c>
      <c r="C47597" s="14" t="s">
        <v>96</v>
      </c>
      <c r="D47597" s="14" t="s">
        <v>193</v>
      </c>
      <c r="E47597" s="15">
        <v>45523</v>
      </c>
      <c r="F47597" s="14" t="s">
        <v>15</v>
      </c>
      <c r="G47597" s="16">
        <v>0</v>
      </c>
    </row>
    <row r="47598" spans="1:7" x14ac:dyDescent="0.3">
      <c r="A47598" s="13" t="s">
        <v>272</v>
      </c>
      <c r="B47598" s="14" t="s">
        <v>1</v>
      </c>
      <c r="C47598" s="14" t="s">
        <v>96</v>
      </c>
      <c r="D47598" s="14" t="s">
        <v>193</v>
      </c>
      <c r="E47598" s="15">
        <v>45524</v>
      </c>
      <c r="F47598" s="14" t="s">
        <v>15</v>
      </c>
      <c r="G47598" s="16">
        <v>0</v>
      </c>
    </row>
    <row r="47599" spans="1:7" x14ac:dyDescent="0.3">
      <c r="A47599" s="13" t="s">
        <v>272</v>
      </c>
      <c r="B47599" s="14" t="s">
        <v>1</v>
      </c>
      <c r="C47599" s="14" t="s">
        <v>96</v>
      </c>
      <c r="D47599" s="14" t="s">
        <v>193</v>
      </c>
      <c r="E47599" s="15">
        <v>45525</v>
      </c>
      <c r="F47599" s="14" t="s">
        <v>15</v>
      </c>
      <c r="G47599" s="16">
        <v>0</v>
      </c>
    </row>
    <row r="47600" spans="1:7" x14ac:dyDescent="0.3">
      <c r="A47600" s="13" t="s">
        <v>272</v>
      </c>
      <c r="B47600" s="14" t="s">
        <v>1</v>
      </c>
      <c r="C47600" s="14" t="s">
        <v>96</v>
      </c>
      <c r="D47600" s="14" t="s">
        <v>193</v>
      </c>
      <c r="E47600" s="15">
        <v>45526</v>
      </c>
      <c r="F47600" s="14" t="s">
        <v>15</v>
      </c>
      <c r="G47600" s="16">
        <v>0</v>
      </c>
    </row>
    <row r="47601" spans="1:7" x14ac:dyDescent="0.3">
      <c r="A47601" s="13" t="s">
        <v>272</v>
      </c>
      <c r="B47601" s="14" t="s">
        <v>1</v>
      </c>
      <c r="C47601" s="14" t="s">
        <v>96</v>
      </c>
      <c r="D47601" s="14" t="s">
        <v>193</v>
      </c>
      <c r="E47601" s="15">
        <v>45527</v>
      </c>
      <c r="F47601" s="14" t="s">
        <v>15</v>
      </c>
      <c r="G47601" s="16">
        <v>0</v>
      </c>
    </row>
    <row r="47602" spans="1:7" x14ac:dyDescent="0.3">
      <c r="A47602" s="13" t="s">
        <v>272</v>
      </c>
      <c r="B47602" s="14" t="s">
        <v>1</v>
      </c>
      <c r="C47602" s="14" t="s">
        <v>96</v>
      </c>
      <c r="D47602" s="14" t="s">
        <v>193</v>
      </c>
      <c r="E47602" s="15">
        <v>45528</v>
      </c>
      <c r="F47602" s="14" t="s">
        <v>15</v>
      </c>
      <c r="G47602" s="16">
        <v>0</v>
      </c>
    </row>
    <row r="47603" spans="1:7" x14ac:dyDescent="0.3">
      <c r="A47603" s="13" t="s">
        <v>272</v>
      </c>
      <c r="B47603" s="14" t="s">
        <v>1</v>
      </c>
      <c r="C47603" s="14" t="s">
        <v>96</v>
      </c>
      <c r="D47603" s="14" t="s">
        <v>193</v>
      </c>
      <c r="E47603" s="15">
        <v>45529</v>
      </c>
      <c r="F47603" s="14" t="s">
        <v>15</v>
      </c>
      <c r="G47603" s="16">
        <v>0</v>
      </c>
    </row>
    <row r="47604" spans="1:7" x14ac:dyDescent="0.3">
      <c r="A47604" s="13" t="s">
        <v>272</v>
      </c>
      <c r="B47604" s="14" t="s">
        <v>1</v>
      </c>
      <c r="C47604" s="14" t="s">
        <v>96</v>
      </c>
      <c r="D47604" s="14" t="s">
        <v>193</v>
      </c>
      <c r="E47604" s="15">
        <v>45530</v>
      </c>
      <c r="F47604" s="14" t="s">
        <v>15</v>
      </c>
      <c r="G47604" s="16">
        <v>0</v>
      </c>
    </row>
    <row r="47605" spans="1:7" x14ac:dyDescent="0.3">
      <c r="A47605" s="13" t="s">
        <v>272</v>
      </c>
      <c r="B47605" s="14" t="s">
        <v>1</v>
      </c>
      <c r="C47605" s="14" t="s">
        <v>96</v>
      </c>
      <c r="D47605" s="14" t="s">
        <v>193</v>
      </c>
      <c r="E47605" s="15">
        <v>45531</v>
      </c>
      <c r="F47605" s="14" t="s">
        <v>15</v>
      </c>
      <c r="G47605" s="16">
        <v>0</v>
      </c>
    </row>
    <row r="47606" spans="1:7" x14ac:dyDescent="0.3">
      <c r="A47606" s="13" t="s">
        <v>272</v>
      </c>
      <c r="B47606" s="14" t="s">
        <v>1</v>
      </c>
      <c r="C47606" s="14" t="s">
        <v>96</v>
      </c>
      <c r="D47606" s="14" t="s">
        <v>193</v>
      </c>
      <c r="E47606" s="15">
        <v>45532</v>
      </c>
      <c r="F47606" s="14" t="s">
        <v>15</v>
      </c>
      <c r="G47606" s="16">
        <v>0</v>
      </c>
    </row>
    <row r="47607" spans="1:7" x14ac:dyDescent="0.3">
      <c r="A47607" s="13" t="s">
        <v>272</v>
      </c>
      <c r="B47607" s="14" t="s">
        <v>1</v>
      </c>
      <c r="C47607" s="14" t="s">
        <v>96</v>
      </c>
      <c r="D47607" s="14" t="s">
        <v>193</v>
      </c>
      <c r="E47607" s="15">
        <v>45533</v>
      </c>
      <c r="F47607" s="14" t="s">
        <v>15</v>
      </c>
      <c r="G47607" s="16">
        <v>0</v>
      </c>
    </row>
    <row r="47608" spans="1:7" x14ac:dyDescent="0.3">
      <c r="A47608" s="13" t="s">
        <v>272</v>
      </c>
      <c r="B47608" s="14" t="s">
        <v>1</v>
      </c>
      <c r="C47608" s="14" t="s">
        <v>96</v>
      </c>
      <c r="D47608" s="14" t="s">
        <v>193</v>
      </c>
      <c r="E47608" s="15">
        <v>45534</v>
      </c>
      <c r="F47608" s="14" t="s">
        <v>15</v>
      </c>
      <c r="G47608" s="16">
        <v>0</v>
      </c>
    </row>
    <row r="47609" spans="1:7" x14ac:dyDescent="0.3">
      <c r="A47609" s="13" t="s">
        <v>272</v>
      </c>
      <c r="B47609" s="14" t="s">
        <v>1</v>
      </c>
      <c r="C47609" s="14" t="s">
        <v>96</v>
      </c>
      <c r="D47609" s="14" t="s">
        <v>193</v>
      </c>
      <c r="E47609" s="15">
        <v>45535</v>
      </c>
      <c r="F47609" s="14" t="s">
        <v>15</v>
      </c>
      <c r="G47609" s="16">
        <v>0</v>
      </c>
    </row>
    <row r="47610" spans="1:7" x14ac:dyDescent="0.3">
      <c r="A47610" s="13" t="s">
        <v>272</v>
      </c>
      <c r="B47610" s="14" t="s">
        <v>1</v>
      </c>
      <c r="C47610" s="14" t="s">
        <v>96</v>
      </c>
      <c r="D47610" s="14" t="s">
        <v>193</v>
      </c>
      <c r="E47610" s="15">
        <v>45536</v>
      </c>
      <c r="F47610" s="14" t="s">
        <v>15</v>
      </c>
      <c r="G47610" s="16">
        <v>0</v>
      </c>
    </row>
    <row r="47611" spans="1:7" x14ac:dyDescent="0.3">
      <c r="A47611" s="13" t="s">
        <v>272</v>
      </c>
      <c r="B47611" s="14" t="s">
        <v>1</v>
      </c>
      <c r="C47611" s="14" t="s">
        <v>96</v>
      </c>
      <c r="D47611" s="14" t="s">
        <v>193</v>
      </c>
      <c r="E47611" s="15">
        <v>45537</v>
      </c>
      <c r="F47611" s="14" t="s">
        <v>15</v>
      </c>
      <c r="G47611" s="16">
        <v>0</v>
      </c>
    </row>
    <row r="47612" spans="1:7" x14ac:dyDescent="0.3">
      <c r="A47612" s="13" t="s">
        <v>272</v>
      </c>
      <c r="B47612" s="14" t="s">
        <v>1</v>
      </c>
      <c r="C47612" s="14" t="s">
        <v>96</v>
      </c>
      <c r="D47612" s="14" t="s">
        <v>193</v>
      </c>
      <c r="E47612" s="15">
        <v>45538</v>
      </c>
      <c r="F47612" s="14" t="s">
        <v>15</v>
      </c>
      <c r="G47612" s="16">
        <v>0</v>
      </c>
    </row>
    <row r="47613" spans="1:7" x14ac:dyDescent="0.3">
      <c r="A47613" s="13" t="s">
        <v>272</v>
      </c>
      <c r="B47613" s="14" t="s">
        <v>1</v>
      </c>
      <c r="C47613" s="14" t="s">
        <v>96</v>
      </c>
      <c r="D47613" s="14" t="s">
        <v>193</v>
      </c>
      <c r="E47613" s="15">
        <v>45539</v>
      </c>
      <c r="F47613" s="14" t="s">
        <v>15</v>
      </c>
      <c r="G47613" s="16">
        <v>0</v>
      </c>
    </row>
    <row r="47614" spans="1:7" x14ac:dyDescent="0.3">
      <c r="A47614" s="13" t="s">
        <v>272</v>
      </c>
      <c r="B47614" s="14" t="s">
        <v>1</v>
      </c>
      <c r="C47614" s="14" t="s">
        <v>96</v>
      </c>
      <c r="D47614" s="14" t="s">
        <v>193</v>
      </c>
      <c r="E47614" s="15">
        <v>45540</v>
      </c>
      <c r="F47614" s="14" t="s">
        <v>15</v>
      </c>
      <c r="G47614" s="16">
        <v>0</v>
      </c>
    </row>
    <row r="47615" spans="1:7" x14ac:dyDescent="0.3">
      <c r="A47615" s="13" t="s">
        <v>272</v>
      </c>
      <c r="B47615" s="14" t="s">
        <v>1</v>
      </c>
      <c r="C47615" s="14" t="s">
        <v>96</v>
      </c>
      <c r="D47615" s="14" t="s">
        <v>193</v>
      </c>
      <c r="E47615" s="15">
        <v>45541</v>
      </c>
      <c r="F47615" s="14" t="s">
        <v>15</v>
      </c>
      <c r="G47615" s="16">
        <v>0</v>
      </c>
    </row>
    <row r="47616" spans="1:7" x14ac:dyDescent="0.3">
      <c r="A47616" s="13" t="s">
        <v>272</v>
      </c>
      <c r="B47616" s="14" t="s">
        <v>1</v>
      </c>
      <c r="C47616" s="14" t="s">
        <v>96</v>
      </c>
      <c r="D47616" s="14" t="s">
        <v>193</v>
      </c>
      <c r="E47616" s="15">
        <v>45542</v>
      </c>
      <c r="F47616" s="14" t="s">
        <v>15</v>
      </c>
      <c r="G47616" s="16">
        <v>0</v>
      </c>
    </row>
    <row r="47617" spans="1:7" x14ac:dyDescent="0.3">
      <c r="A47617" s="13" t="s">
        <v>272</v>
      </c>
      <c r="B47617" s="14" t="s">
        <v>1</v>
      </c>
      <c r="C47617" s="14" t="s">
        <v>96</v>
      </c>
      <c r="D47617" s="14" t="s">
        <v>193</v>
      </c>
      <c r="E47617" s="15">
        <v>45543</v>
      </c>
      <c r="F47617" s="14" t="s">
        <v>15</v>
      </c>
      <c r="G47617" s="16">
        <v>0</v>
      </c>
    </row>
    <row r="47618" spans="1:7" x14ac:dyDescent="0.3">
      <c r="A47618" s="13" t="s">
        <v>272</v>
      </c>
      <c r="B47618" s="14" t="s">
        <v>1</v>
      </c>
      <c r="C47618" s="14" t="s">
        <v>96</v>
      </c>
      <c r="D47618" s="14" t="s">
        <v>193</v>
      </c>
      <c r="E47618" s="15">
        <v>45544</v>
      </c>
      <c r="F47618" s="14" t="s">
        <v>15</v>
      </c>
      <c r="G47618" s="16">
        <v>0</v>
      </c>
    </row>
    <row r="47619" spans="1:7" x14ac:dyDescent="0.3">
      <c r="A47619" s="13" t="s">
        <v>272</v>
      </c>
      <c r="B47619" s="14" t="s">
        <v>1</v>
      </c>
      <c r="C47619" s="14" t="s">
        <v>96</v>
      </c>
      <c r="D47619" s="14" t="s">
        <v>193</v>
      </c>
      <c r="E47619" s="15">
        <v>45545</v>
      </c>
      <c r="F47619" s="14" t="s">
        <v>15</v>
      </c>
      <c r="G47619" s="16">
        <v>0</v>
      </c>
    </row>
    <row r="47620" spans="1:7" x14ac:dyDescent="0.3">
      <c r="A47620" s="13" t="s">
        <v>272</v>
      </c>
      <c r="B47620" s="14" t="s">
        <v>1</v>
      </c>
      <c r="C47620" s="14" t="s">
        <v>96</v>
      </c>
      <c r="D47620" s="14" t="s">
        <v>193</v>
      </c>
      <c r="E47620" s="15">
        <v>45546</v>
      </c>
      <c r="F47620" s="14" t="s">
        <v>15</v>
      </c>
      <c r="G47620" s="16">
        <v>0</v>
      </c>
    </row>
    <row r="47621" spans="1:7" x14ac:dyDescent="0.3">
      <c r="A47621" s="13" t="s">
        <v>272</v>
      </c>
      <c r="B47621" s="14" t="s">
        <v>1</v>
      </c>
      <c r="C47621" s="14" t="s">
        <v>96</v>
      </c>
      <c r="D47621" s="14" t="s">
        <v>193</v>
      </c>
      <c r="E47621" s="15">
        <v>45547</v>
      </c>
      <c r="F47621" s="14" t="s">
        <v>15</v>
      </c>
      <c r="G47621" s="16">
        <v>0</v>
      </c>
    </row>
    <row r="47622" spans="1:7" x14ac:dyDescent="0.3">
      <c r="A47622" s="13" t="s">
        <v>272</v>
      </c>
      <c r="B47622" s="14" t="s">
        <v>1</v>
      </c>
      <c r="C47622" s="14" t="s">
        <v>96</v>
      </c>
      <c r="D47622" s="14" t="s">
        <v>193</v>
      </c>
      <c r="E47622" s="15">
        <v>45548</v>
      </c>
      <c r="F47622" s="14" t="s">
        <v>15</v>
      </c>
      <c r="G47622" s="16">
        <v>0</v>
      </c>
    </row>
    <row r="47623" spans="1:7" x14ac:dyDescent="0.3">
      <c r="A47623" s="13" t="s">
        <v>272</v>
      </c>
      <c r="B47623" s="14" t="s">
        <v>1</v>
      </c>
      <c r="C47623" s="14" t="s">
        <v>96</v>
      </c>
      <c r="D47623" s="14" t="s">
        <v>193</v>
      </c>
      <c r="E47623" s="15">
        <v>45549</v>
      </c>
      <c r="F47623" s="14" t="s">
        <v>15</v>
      </c>
      <c r="G47623" s="16">
        <v>0</v>
      </c>
    </row>
    <row r="47624" spans="1:7" x14ac:dyDescent="0.3">
      <c r="A47624" s="13" t="s">
        <v>272</v>
      </c>
      <c r="B47624" s="14" t="s">
        <v>1</v>
      </c>
      <c r="C47624" s="14" t="s">
        <v>96</v>
      </c>
      <c r="D47624" s="14" t="s">
        <v>193</v>
      </c>
      <c r="E47624" s="15">
        <v>45550</v>
      </c>
      <c r="F47624" s="14" t="s">
        <v>15</v>
      </c>
      <c r="G47624" s="16">
        <v>0</v>
      </c>
    </row>
    <row r="47625" spans="1:7" x14ac:dyDescent="0.3">
      <c r="A47625" s="13" t="s">
        <v>272</v>
      </c>
      <c r="B47625" s="14" t="s">
        <v>1</v>
      </c>
      <c r="C47625" s="14" t="s">
        <v>96</v>
      </c>
      <c r="D47625" s="14" t="s">
        <v>193</v>
      </c>
      <c r="E47625" s="15">
        <v>45551</v>
      </c>
      <c r="F47625" s="14" t="s">
        <v>15</v>
      </c>
      <c r="G47625" s="16">
        <v>0</v>
      </c>
    </row>
    <row r="47626" spans="1:7" x14ac:dyDescent="0.3">
      <c r="A47626" s="13" t="s">
        <v>272</v>
      </c>
      <c r="B47626" s="14" t="s">
        <v>1</v>
      </c>
      <c r="C47626" s="14" t="s">
        <v>96</v>
      </c>
      <c r="D47626" s="14" t="s">
        <v>193</v>
      </c>
      <c r="E47626" s="15">
        <v>45552</v>
      </c>
      <c r="F47626" s="14" t="s">
        <v>15</v>
      </c>
      <c r="G47626" s="16">
        <v>0</v>
      </c>
    </row>
    <row r="47627" spans="1:7" x14ac:dyDescent="0.3">
      <c r="A47627" s="13" t="s">
        <v>272</v>
      </c>
      <c r="B47627" s="14" t="s">
        <v>1</v>
      </c>
      <c r="C47627" s="14" t="s">
        <v>96</v>
      </c>
      <c r="D47627" s="14" t="s">
        <v>193</v>
      </c>
      <c r="E47627" s="15">
        <v>45553</v>
      </c>
      <c r="F47627" s="14" t="s">
        <v>15</v>
      </c>
      <c r="G47627" s="16">
        <v>0</v>
      </c>
    </row>
    <row r="47628" spans="1:7" x14ac:dyDescent="0.3">
      <c r="A47628" s="13" t="s">
        <v>272</v>
      </c>
      <c r="B47628" s="14" t="s">
        <v>1</v>
      </c>
      <c r="C47628" s="14" t="s">
        <v>96</v>
      </c>
      <c r="D47628" s="14" t="s">
        <v>193</v>
      </c>
      <c r="E47628" s="15">
        <v>45554</v>
      </c>
      <c r="F47628" s="14" t="s">
        <v>15</v>
      </c>
      <c r="G47628" s="16">
        <v>0</v>
      </c>
    </row>
    <row r="47629" spans="1:7" x14ac:dyDescent="0.3">
      <c r="A47629" s="13" t="s">
        <v>272</v>
      </c>
      <c r="B47629" s="14" t="s">
        <v>1</v>
      </c>
      <c r="C47629" s="14" t="s">
        <v>96</v>
      </c>
      <c r="D47629" s="14" t="s">
        <v>193</v>
      </c>
      <c r="E47629" s="15">
        <v>45555</v>
      </c>
      <c r="F47629" s="14" t="s">
        <v>15</v>
      </c>
      <c r="G47629" s="16">
        <v>0</v>
      </c>
    </row>
    <row r="47630" spans="1:7" x14ac:dyDescent="0.3">
      <c r="A47630" s="13" t="s">
        <v>272</v>
      </c>
      <c r="B47630" s="14" t="s">
        <v>1</v>
      </c>
      <c r="C47630" s="14" t="s">
        <v>96</v>
      </c>
      <c r="D47630" s="14" t="s">
        <v>193</v>
      </c>
      <c r="E47630" s="15">
        <v>45556</v>
      </c>
      <c r="F47630" s="14" t="s">
        <v>15</v>
      </c>
      <c r="G47630" s="16">
        <v>0</v>
      </c>
    </row>
    <row r="47631" spans="1:7" x14ac:dyDescent="0.3">
      <c r="A47631" s="13" t="s">
        <v>272</v>
      </c>
      <c r="B47631" s="14" t="s">
        <v>1</v>
      </c>
      <c r="C47631" s="14" t="s">
        <v>96</v>
      </c>
      <c r="D47631" s="14" t="s">
        <v>193</v>
      </c>
      <c r="E47631" s="15">
        <v>45557</v>
      </c>
      <c r="F47631" s="14" t="s">
        <v>15</v>
      </c>
      <c r="G47631" s="16">
        <v>0</v>
      </c>
    </row>
    <row r="47632" spans="1:7" x14ac:dyDescent="0.3">
      <c r="A47632" s="13" t="s">
        <v>272</v>
      </c>
      <c r="B47632" s="14" t="s">
        <v>1</v>
      </c>
      <c r="C47632" s="14" t="s">
        <v>96</v>
      </c>
      <c r="D47632" s="14" t="s">
        <v>193</v>
      </c>
      <c r="E47632" s="15">
        <v>45558</v>
      </c>
      <c r="F47632" s="14" t="s">
        <v>15</v>
      </c>
      <c r="G47632" s="16">
        <v>0</v>
      </c>
    </row>
    <row r="47633" spans="1:7" x14ac:dyDescent="0.3">
      <c r="A47633" s="13" t="s">
        <v>272</v>
      </c>
      <c r="B47633" s="14" t="s">
        <v>1</v>
      </c>
      <c r="C47633" s="14" t="s">
        <v>96</v>
      </c>
      <c r="D47633" s="14" t="s">
        <v>193</v>
      </c>
      <c r="E47633" s="15">
        <v>45559</v>
      </c>
      <c r="F47633" s="14" t="s">
        <v>15</v>
      </c>
      <c r="G47633" s="16">
        <v>0</v>
      </c>
    </row>
    <row r="47634" spans="1:7" x14ac:dyDescent="0.3">
      <c r="A47634" s="13" t="s">
        <v>272</v>
      </c>
      <c r="B47634" s="14" t="s">
        <v>1</v>
      </c>
      <c r="C47634" s="14" t="s">
        <v>96</v>
      </c>
      <c r="D47634" s="14" t="s">
        <v>193</v>
      </c>
      <c r="E47634" s="15">
        <v>45560</v>
      </c>
      <c r="F47634" s="14" t="s">
        <v>15</v>
      </c>
      <c r="G47634" s="16">
        <v>0</v>
      </c>
    </row>
    <row r="47635" spans="1:7" x14ac:dyDescent="0.3">
      <c r="A47635" s="13" t="s">
        <v>272</v>
      </c>
      <c r="B47635" s="14" t="s">
        <v>1</v>
      </c>
      <c r="C47635" s="14" t="s">
        <v>96</v>
      </c>
      <c r="D47635" s="14" t="s">
        <v>193</v>
      </c>
      <c r="E47635" s="15">
        <v>45561</v>
      </c>
      <c r="F47635" s="14" t="s">
        <v>15</v>
      </c>
      <c r="G47635" s="16">
        <v>0</v>
      </c>
    </row>
    <row r="47636" spans="1:7" x14ac:dyDescent="0.3">
      <c r="A47636" s="13" t="s">
        <v>272</v>
      </c>
      <c r="B47636" s="14" t="s">
        <v>1</v>
      </c>
      <c r="C47636" s="14" t="s">
        <v>96</v>
      </c>
      <c r="D47636" s="14" t="s">
        <v>193</v>
      </c>
      <c r="E47636" s="15">
        <v>45562</v>
      </c>
      <c r="F47636" s="14" t="s">
        <v>15</v>
      </c>
      <c r="G47636" s="16">
        <v>0</v>
      </c>
    </row>
    <row r="47637" spans="1:7" x14ac:dyDescent="0.3">
      <c r="A47637" s="13" t="s">
        <v>272</v>
      </c>
      <c r="B47637" s="14" t="s">
        <v>1</v>
      </c>
      <c r="C47637" s="14" t="s">
        <v>96</v>
      </c>
      <c r="D47637" s="14" t="s">
        <v>193</v>
      </c>
      <c r="E47637" s="15">
        <v>45563</v>
      </c>
      <c r="F47637" s="14" t="s">
        <v>15</v>
      </c>
      <c r="G47637" s="16">
        <v>0</v>
      </c>
    </row>
    <row r="47638" spans="1:7" x14ac:dyDescent="0.3">
      <c r="A47638" s="13" t="s">
        <v>272</v>
      </c>
      <c r="B47638" s="14" t="s">
        <v>1</v>
      </c>
      <c r="C47638" s="14" t="s">
        <v>96</v>
      </c>
      <c r="D47638" s="14" t="s">
        <v>193</v>
      </c>
      <c r="E47638" s="15">
        <v>45564</v>
      </c>
      <c r="F47638" s="14" t="s">
        <v>15</v>
      </c>
      <c r="G47638" s="16">
        <v>0</v>
      </c>
    </row>
    <row r="47639" spans="1:7" x14ac:dyDescent="0.3">
      <c r="A47639" s="13" t="s">
        <v>272</v>
      </c>
      <c r="B47639" s="14" t="s">
        <v>1</v>
      </c>
      <c r="C47639" s="14" t="s">
        <v>96</v>
      </c>
      <c r="D47639" s="14" t="s">
        <v>193</v>
      </c>
      <c r="E47639" s="15">
        <v>45565</v>
      </c>
      <c r="F47639" s="14" t="s">
        <v>15</v>
      </c>
      <c r="G47639" s="16">
        <v>0</v>
      </c>
    </row>
    <row r="47640" spans="1:7" x14ac:dyDescent="0.3">
      <c r="A47640" s="13" t="s">
        <v>272</v>
      </c>
      <c r="B47640" s="14" t="s">
        <v>1</v>
      </c>
      <c r="C47640" s="14" t="s">
        <v>96</v>
      </c>
      <c r="D47640" s="14" t="s">
        <v>193</v>
      </c>
      <c r="E47640" s="15">
        <v>45566</v>
      </c>
      <c r="F47640" s="14" t="s">
        <v>15</v>
      </c>
      <c r="G47640" s="16">
        <v>0</v>
      </c>
    </row>
    <row r="47641" spans="1:7" x14ac:dyDescent="0.3">
      <c r="A47641" s="13" t="s">
        <v>272</v>
      </c>
      <c r="B47641" s="14" t="s">
        <v>1</v>
      </c>
      <c r="C47641" s="14" t="s">
        <v>96</v>
      </c>
      <c r="D47641" s="14" t="s">
        <v>193</v>
      </c>
      <c r="E47641" s="15">
        <v>45567</v>
      </c>
      <c r="F47641" s="14" t="s">
        <v>15</v>
      </c>
      <c r="G47641" s="16">
        <v>0</v>
      </c>
    </row>
    <row r="47642" spans="1:7" x14ac:dyDescent="0.3">
      <c r="A47642" s="13" t="s">
        <v>272</v>
      </c>
      <c r="B47642" s="14" t="s">
        <v>1</v>
      </c>
      <c r="C47642" s="14" t="s">
        <v>96</v>
      </c>
      <c r="D47642" s="14" t="s">
        <v>193</v>
      </c>
      <c r="E47642" s="15">
        <v>45568</v>
      </c>
      <c r="F47642" s="14" t="s">
        <v>15</v>
      </c>
      <c r="G47642" s="16">
        <v>0</v>
      </c>
    </row>
    <row r="47643" spans="1:7" x14ac:dyDescent="0.3">
      <c r="A47643" s="13" t="s">
        <v>272</v>
      </c>
      <c r="B47643" s="14" t="s">
        <v>1</v>
      </c>
      <c r="C47643" s="14" t="s">
        <v>96</v>
      </c>
      <c r="D47643" s="14" t="s">
        <v>193</v>
      </c>
      <c r="E47643" s="15">
        <v>45569</v>
      </c>
      <c r="F47643" s="14" t="s">
        <v>15</v>
      </c>
      <c r="G47643" s="16">
        <v>0</v>
      </c>
    </row>
    <row r="47644" spans="1:7" x14ac:dyDescent="0.3">
      <c r="A47644" s="13" t="s">
        <v>272</v>
      </c>
      <c r="B47644" s="14" t="s">
        <v>1</v>
      </c>
      <c r="C47644" s="14" t="s">
        <v>96</v>
      </c>
      <c r="D47644" s="14" t="s">
        <v>193</v>
      </c>
      <c r="E47644" s="15">
        <v>45570</v>
      </c>
      <c r="F47644" s="14" t="s">
        <v>15</v>
      </c>
      <c r="G47644" s="16">
        <v>0</v>
      </c>
    </row>
    <row r="47645" spans="1:7" x14ac:dyDescent="0.3">
      <c r="A47645" s="13" t="s">
        <v>272</v>
      </c>
      <c r="B47645" s="14" t="s">
        <v>1</v>
      </c>
      <c r="C47645" s="14" t="s">
        <v>96</v>
      </c>
      <c r="D47645" s="14" t="s">
        <v>193</v>
      </c>
      <c r="E47645" s="15">
        <v>45571</v>
      </c>
      <c r="F47645" s="14" t="s">
        <v>15</v>
      </c>
      <c r="G47645" s="16">
        <v>0</v>
      </c>
    </row>
    <row r="47646" spans="1:7" x14ac:dyDescent="0.3">
      <c r="A47646" s="13" t="s">
        <v>272</v>
      </c>
      <c r="B47646" s="14" t="s">
        <v>1</v>
      </c>
      <c r="C47646" s="14" t="s">
        <v>96</v>
      </c>
      <c r="D47646" s="14" t="s">
        <v>193</v>
      </c>
      <c r="E47646" s="15">
        <v>45572</v>
      </c>
      <c r="F47646" s="14" t="s">
        <v>15</v>
      </c>
      <c r="G47646" s="16">
        <v>0</v>
      </c>
    </row>
    <row r="47647" spans="1:7" x14ac:dyDescent="0.3">
      <c r="A47647" s="13" t="s">
        <v>272</v>
      </c>
      <c r="B47647" s="14" t="s">
        <v>1</v>
      </c>
      <c r="C47647" s="14" t="s">
        <v>96</v>
      </c>
      <c r="D47647" s="14" t="s">
        <v>193</v>
      </c>
      <c r="E47647" s="15">
        <v>45573</v>
      </c>
      <c r="F47647" s="14" t="s">
        <v>15</v>
      </c>
      <c r="G47647" s="16">
        <v>0</v>
      </c>
    </row>
    <row r="47648" spans="1:7" x14ac:dyDescent="0.3">
      <c r="A47648" s="13" t="s">
        <v>272</v>
      </c>
      <c r="B47648" s="14" t="s">
        <v>1</v>
      </c>
      <c r="C47648" s="14" t="s">
        <v>96</v>
      </c>
      <c r="D47648" s="14" t="s">
        <v>193</v>
      </c>
      <c r="E47648" s="15">
        <v>45574</v>
      </c>
      <c r="F47648" s="14" t="s">
        <v>15</v>
      </c>
      <c r="G47648" s="16">
        <v>0</v>
      </c>
    </row>
    <row r="47649" spans="1:7" x14ac:dyDescent="0.3">
      <c r="A47649" s="13" t="s">
        <v>272</v>
      </c>
      <c r="B47649" s="14" t="s">
        <v>1</v>
      </c>
      <c r="C47649" s="14" t="s">
        <v>96</v>
      </c>
      <c r="D47649" s="14" t="s">
        <v>193</v>
      </c>
      <c r="E47649" s="15">
        <v>45575</v>
      </c>
      <c r="F47649" s="14" t="s">
        <v>15</v>
      </c>
      <c r="G47649" s="16">
        <v>0</v>
      </c>
    </row>
    <row r="47650" spans="1:7" x14ac:dyDescent="0.3">
      <c r="A47650" s="13" t="s">
        <v>272</v>
      </c>
      <c r="B47650" s="14" t="s">
        <v>1</v>
      </c>
      <c r="C47650" s="14" t="s">
        <v>96</v>
      </c>
      <c r="D47650" s="14" t="s">
        <v>193</v>
      </c>
      <c r="E47650" s="15">
        <v>45576</v>
      </c>
      <c r="F47650" s="14" t="s">
        <v>15</v>
      </c>
      <c r="G47650" s="16">
        <v>0</v>
      </c>
    </row>
    <row r="47651" spans="1:7" x14ac:dyDescent="0.3">
      <c r="A47651" s="13" t="s">
        <v>272</v>
      </c>
      <c r="B47651" s="14" t="s">
        <v>1</v>
      </c>
      <c r="C47651" s="14" t="s">
        <v>96</v>
      </c>
      <c r="D47651" s="14" t="s">
        <v>193</v>
      </c>
      <c r="E47651" s="15">
        <v>45577</v>
      </c>
      <c r="F47651" s="14" t="s">
        <v>15</v>
      </c>
      <c r="G47651" s="16">
        <v>0</v>
      </c>
    </row>
    <row r="47652" spans="1:7" x14ac:dyDescent="0.3">
      <c r="A47652" s="13" t="s">
        <v>272</v>
      </c>
      <c r="B47652" s="14" t="s">
        <v>1</v>
      </c>
      <c r="C47652" s="14" t="s">
        <v>96</v>
      </c>
      <c r="D47652" s="14" t="s">
        <v>193</v>
      </c>
      <c r="E47652" s="15">
        <v>45578</v>
      </c>
      <c r="F47652" s="14" t="s">
        <v>15</v>
      </c>
      <c r="G47652" s="16">
        <v>0</v>
      </c>
    </row>
    <row r="47653" spans="1:7" x14ac:dyDescent="0.3">
      <c r="A47653" s="13" t="s">
        <v>272</v>
      </c>
      <c r="B47653" s="14" t="s">
        <v>1</v>
      </c>
      <c r="C47653" s="14" t="s">
        <v>96</v>
      </c>
      <c r="D47653" s="14" t="s">
        <v>193</v>
      </c>
      <c r="E47653" s="15">
        <v>45579</v>
      </c>
      <c r="F47653" s="14" t="s">
        <v>15</v>
      </c>
      <c r="G47653" s="16">
        <v>0</v>
      </c>
    </row>
    <row r="47654" spans="1:7" x14ac:dyDescent="0.3">
      <c r="A47654" s="13" t="s">
        <v>272</v>
      </c>
      <c r="B47654" s="14" t="s">
        <v>1</v>
      </c>
      <c r="C47654" s="14" t="s">
        <v>96</v>
      </c>
      <c r="D47654" s="14" t="s">
        <v>193</v>
      </c>
      <c r="E47654" s="15">
        <v>45580</v>
      </c>
      <c r="F47654" s="14" t="s">
        <v>15</v>
      </c>
      <c r="G47654" s="16">
        <v>0</v>
      </c>
    </row>
    <row r="47655" spans="1:7" x14ac:dyDescent="0.3">
      <c r="A47655" s="13" t="s">
        <v>272</v>
      </c>
      <c r="B47655" s="14" t="s">
        <v>1</v>
      </c>
      <c r="C47655" s="14" t="s">
        <v>96</v>
      </c>
      <c r="D47655" s="14" t="s">
        <v>193</v>
      </c>
      <c r="E47655" s="15">
        <v>45581</v>
      </c>
      <c r="F47655" s="14" t="s">
        <v>15</v>
      </c>
      <c r="G47655" s="16">
        <v>0</v>
      </c>
    </row>
    <row r="47656" spans="1:7" x14ac:dyDescent="0.3">
      <c r="A47656" s="13" t="s">
        <v>272</v>
      </c>
      <c r="B47656" s="14" t="s">
        <v>1</v>
      </c>
      <c r="C47656" s="14" t="s">
        <v>96</v>
      </c>
      <c r="D47656" s="14" t="s">
        <v>193</v>
      </c>
      <c r="E47656" s="15">
        <v>45582</v>
      </c>
      <c r="F47656" s="14" t="s">
        <v>15</v>
      </c>
      <c r="G47656" s="16">
        <v>0</v>
      </c>
    </row>
    <row r="47657" spans="1:7" x14ac:dyDescent="0.3">
      <c r="A47657" s="13" t="s">
        <v>272</v>
      </c>
      <c r="B47657" s="14" t="s">
        <v>1</v>
      </c>
      <c r="C47657" s="14" t="s">
        <v>96</v>
      </c>
      <c r="D47657" s="14" t="s">
        <v>193</v>
      </c>
      <c r="E47657" s="15">
        <v>45583</v>
      </c>
      <c r="F47657" s="14" t="s">
        <v>15</v>
      </c>
      <c r="G47657" s="16">
        <v>0</v>
      </c>
    </row>
    <row r="47658" spans="1:7" x14ac:dyDescent="0.3">
      <c r="A47658" s="13" t="s">
        <v>272</v>
      </c>
      <c r="B47658" s="14" t="s">
        <v>1</v>
      </c>
      <c r="C47658" s="14" t="s">
        <v>96</v>
      </c>
      <c r="D47658" s="14" t="s">
        <v>193</v>
      </c>
      <c r="E47658" s="15">
        <v>45584</v>
      </c>
      <c r="F47658" s="14" t="s">
        <v>15</v>
      </c>
      <c r="G47658" s="16">
        <v>0</v>
      </c>
    </row>
    <row r="47659" spans="1:7" x14ac:dyDescent="0.3">
      <c r="A47659" s="13" t="s">
        <v>272</v>
      </c>
      <c r="B47659" s="14" t="s">
        <v>1</v>
      </c>
      <c r="C47659" s="14" t="s">
        <v>96</v>
      </c>
      <c r="D47659" s="14" t="s">
        <v>193</v>
      </c>
      <c r="E47659" s="15">
        <v>45585</v>
      </c>
      <c r="F47659" s="14" t="s">
        <v>15</v>
      </c>
      <c r="G47659" s="16">
        <v>0</v>
      </c>
    </row>
    <row r="47660" spans="1:7" x14ac:dyDescent="0.3">
      <c r="A47660" s="13" t="s">
        <v>272</v>
      </c>
      <c r="B47660" s="14" t="s">
        <v>1</v>
      </c>
      <c r="C47660" s="14" t="s">
        <v>96</v>
      </c>
      <c r="D47660" s="14" t="s">
        <v>193</v>
      </c>
      <c r="E47660" s="15">
        <v>45586</v>
      </c>
      <c r="F47660" s="14" t="s">
        <v>15</v>
      </c>
      <c r="G47660" s="16">
        <v>0</v>
      </c>
    </row>
    <row r="47661" spans="1:7" x14ac:dyDescent="0.3">
      <c r="A47661" s="13" t="s">
        <v>272</v>
      </c>
      <c r="B47661" s="14" t="s">
        <v>1</v>
      </c>
      <c r="C47661" s="14" t="s">
        <v>96</v>
      </c>
      <c r="D47661" s="14" t="s">
        <v>193</v>
      </c>
      <c r="E47661" s="15">
        <v>45587</v>
      </c>
      <c r="F47661" s="14" t="s">
        <v>15</v>
      </c>
      <c r="G47661" s="16">
        <v>0</v>
      </c>
    </row>
    <row r="47662" spans="1:7" x14ac:dyDescent="0.3">
      <c r="A47662" s="13" t="s">
        <v>272</v>
      </c>
      <c r="B47662" s="14" t="s">
        <v>1</v>
      </c>
      <c r="C47662" s="14" t="s">
        <v>96</v>
      </c>
      <c r="D47662" s="14" t="s">
        <v>193</v>
      </c>
      <c r="E47662" s="15">
        <v>45588</v>
      </c>
      <c r="F47662" s="14" t="s">
        <v>15</v>
      </c>
      <c r="G47662" s="16">
        <v>0</v>
      </c>
    </row>
    <row r="47663" spans="1:7" x14ac:dyDescent="0.3">
      <c r="A47663" s="13" t="s">
        <v>272</v>
      </c>
      <c r="B47663" s="14" t="s">
        <v>1</v>
      </c>
      <c r="C47663" s="14" t="s">
        <v>96</v>
      </c>
      <c r="D47663" s="14" t="s">
        <v>193</v>
      </c>
      <c r="E47663" s="15">
        <v>45589</v>
      </c>
      <c r="F47663" s="14" t="s">
        <v>15</v>
      </c>
      <c r="G47663" s="16">
        <v>0</v>
      </c>
    </row>
    <row r="47664" spans="1:7" x14ac:dyDescent="0.3">
      <c r="A47664" s="13" t="s">
        <v>272</v>
      </c>
      <c r="B47664" s="14" t="s">
        <v>1</v>
      </c>
      <c r="C47664" s="14" t="s">
        <v>96</v>
      </c>
      <c r="D47664" s="14" t="s">
        <v>193</v>
      </c>
      <c r="E47664" s="15">
        <v>45590</v>
      </c>
      <c r="F47664" s="14" t="s">
        <v>15</v>
      </c>
      <c r="G47664" s="16">
        <v>0</v>
      </c>
    </row>
    <row r="47665" spans="1:7" x14ac:dyDescent="0.3">
      <c r="A47665" s="13" t="s">
        <v>272</v>
      </c>
      <c r="B47665" s="14" t="s">
        <v>1</v>
      </c>
      <c r="C47665" s="14" t="s">
        <v>96</v>
      </c>
      <c r="D47665" s="14" t="s">
        <v>193</v>
      </c>
      <c r="E47665" s="15">
        <v>45591</v>
      </c>
      <c r="F47665" s="14" t="s">
        <v>15</v>
      </c>
      <c r="G47665" s="16">
        <v>0</v>
      </c>
    </row>
    <row r="47666" spans="1:7" x14ac:dyDescent="0.3">
      <c r="A47666" s="13" t="s">
        <v>272</v>
      </c>
      <c r="B47666" s="14" t="s">
        <v>1</v>
      </c>
      <c r="C47666" s="14" t="s">
        <v>96</v>
      </c>
      <c r="D47666" s="14" t="s">
        <v>193</v>
      </c>
      <c r="E47666" s="15">
        <v>45592</v>
      </c>
      <c r="F47666" s="14" t="s">
        <v>15</v>
      </c>
      <c r="G47666" s="16">
        <v>0</v>
      </c>
    </row>
    <row r="47667" spans="1:7" x14ac:dyDescent="0.3">
      <c r="A47667" s="13" t="s">
        <v>272</v>
      </c>
      <c r="B47667" s="14" t="s">
        <v>1</v>
      </c>
      <c r="C47667" s="14" t="s">
        <v>96</v>
      </c>
      <c r="D47667" s="14" t="s">
        <v>193</v>
      </c>
      <c r="E47667" s="15">
        <v>45593</v>
      </c>
      <c r="F47667" s="14" t="s">
        <v>15</v>
      </c>
      <c r="G47667" s="16">
        <v>0</v>
      </c>
    </row>
    <row r="47668" spans="1:7" x14ac:dyDescent="0.3">
      <c r="A47668" s="13" t="s">
        <v>272</v>
      </c>
      <c r="B47668" s="14" t="s">
        <v>1</v>
      </c>
      <c r="C47668" s="14" t="s">
        <v>96</v>
      </c>
      <c r="D47668" s="14" t="s">
        <v>193</v>
      </c>
      <c r="E47668" s="15">
        <v>45594</v>
      </c>
      <c r="F47668" s="14" t="s">
        <v>15</v>
      </c>
      <c r="G47668" s="16">
        <v>0</v>
      </c>
    </row>
    <row r="47669" spans="1:7" x14ac:dyDescent="0.3">
      <c r="A47669" s="13" t="s">
        <v>272</v>
      </c>
      <c r="B47669" s="14" t="s">
        <v>1</v>
      </c>
      <c r="C47669" s="14" t="s">
        <v>96</v>
      </c>
      <c r="D47669" s="14" t="s">
        <v>193</v>
      </c>
      <c r="E47669" s="15">
        <v>45595</v>
      </c>
      <c r="F47669" s="14" t="s">
        <v>15</v>
      </c>
      <c r="G47669" s="16">
        <v>0</v>
      </c>
    </row>
    <row r="47670" spans="1:7" x14ac:dyDescent="0.3">
      <c r="A47670" s="13" t="s">
        <v>272</v>
      </c>
      <c r="B47670" s="14" t="s">
        <v>1</v>
      </c>
      <c r="C47670" s="14" t="s">
        <v>96</v>
      </c>
      <c r="D47670" s="14" t="s">
        <v>193</v>
      </c>
      <c r="E47670" s="15">
        <v>45596</v>
      </c>
      <c r="F47670" s="14" t="s">
        <v>15</v>
      </c>
      <c r="G47670" s="16">
        <v>0</v>
      </c>
    </row>
    <row r="47671" spans="1:7" x14ac:dyDescent="0.3">
      <c r="A47671" s="13" t="s">
        <v>272</v>
      </c>
      <c r="B47671" s="14" t="s">
        <v>1</v>
      </c>
      <c r="C47671" s="14" t="s">
        <v>96</v>
      </c>
      <c r="D47671" s="14" t="s">
        <v>193</v>
      </c>
      <c r="E47671" s="15">
        <v>45597</v>
      </c>
      <c r="F47671" s="14" t="s">
        <v>15</v>
      </c>
      <c r="G47671" s="16">
        <v>0</v>
      </c>
    </row>
    <row r="47672" spans="1:7" x14ac:dyDescent="0.3">
      <c r="A47672" s="13" t="s">
        <v>272</v>
      </c>
      <c r="B47672" s="14" t="s">
        <v>1</v>
      </c>
      <c r="C47672" s="14" t="s">
        <v>96</v>
      </c>
      <c r="D47672" s="14" t="s">
        <v>193</v>
      </c>
      <c r="E47672" s="15">
        <v>45598</v>
      </c>
      <c r="F47672" s="14" t="s">
        <v>15</v>
      </c>
      <c r="G47672" s="16">
        <v>0</v>
      </c>
    </row>
    <row r="47673" spans="1:7" x14ac:dyDescent="0.3">
      <c r="A47673" s="13" t="s">
        <v>272</v>
      </c>
      <c r="B47673" s="14" t="s">
        <v>1</v>
      </c>
      <c r="C47673" s="14" t="s">
        <v>96</v>
      </c>
      <c r="D47673" s="14" t="s">
        <v>193</v>
      </c>
      <c r="E47673" s="15">
        <v>45599</v>
      </c>
      <c r="F47673" s="14" t="s">
        <v>15</v>
      </c>
      <c r="G47673" s="16">
        <v>0</v>
      </c>
    </row>
    <row r="47674" spans="1:7" x14ac:dyDescent="0.3">
      <c r="A47674" s="13" t="s">
        <v>272</v>
      </c>
      <c r="B47674" s="14" t="s">
        <v>1</v>
      </c>
      <c r="C47674" s="14" t="s">
        <v>96</v>
      </c>
      <c r="D47674" s="14" t="s">
        <v>193</v>
      </c>
      <c r="E47674" s="15">
        <v>45600</v>
      </c>
      <c r="F47674" s="14" t="s">
        <v>15</v>
      </c>
      <c r="G47674" s="16">
        <v>0</v>
      </c>
    </row>
    <row r="47675" spans="1:7" x14ac:dyDescent="0.3">
      <c r="A47675" s="13" t="s">
        <v>272</v>
      </c>
      <c r="B47675" s="14" t="s">
        <v>1</v>
      </c>
      <c r="C47675" s="14" t="s">
        <v>96</v>
      </c>
      <c r="D47675" s="14" t="s">
        <v>193</v>
      </c>
      <c r="E47675" s="15">
        <v>45601</v>
      </c>
      <c r="F47675" s="14" t="s">
        <v>15</v>
      </c>
      <c r="G47675" s="16">
        <v>0</v>
      </c>
    </row>
    <row r="47676" spans="1:7" x14ac:dyDescent="0.3">
      <c r="A47676" s="13" t="s">
        <v>272</v>
      </c>
      <c r="B47676" s="14" t="s">
        <v>1</v>
      </c>
      <c r="C47676" s="14" t="s">
        <v>96</v>
      </c>
      <c r="D47676" s="14" t="s">
        <v>193</v>
      </c>
      <c r="E47676" s="15">
        <v>45602</v>
      </c>
      <c r="F47676" s="14" t="s">
        <v>15</v>
      </c>
      <c r="G47676" s="16">
        <v>0</v>
      </c>
    </row>
    <row r="47677" spans="1:7" x14ac:dyDescent="0.3">
      <c r="A47677" s="13" t="s">
        <v>272</v>
      </c>
      <c r="B47677" s="14" t="s">
        <v>1</v>
      </c>
      <c r="C47677" s="14" t="s">
        <v>96</v>
      </c>
      <c r="D47677" s="14" t="s">
        <v>193</v>
      </c>
      <c r="E47677" s="15">
        <v>45603</v>
      </c>
      <c r="F47677" s="14" t="s">
        <v>15</v>
      </c>
      <c r="G47677" s="16">
        <v>0</v>
      </c>
    </row>
    <row r="47678" spans="1:7" x14ac:dyDescent="0.3">
      <c r="A47678" s="13" t="s">
        <v>272</v>
      </c>
      <c r="B47678" s="14" t="s">
        <v>1</v>
      </c>
      <c r="C47678" s="14" t="s">
        <v>96</v>
      </c>
      <c r="D47678" s="14" t="s">
        <v>193</v>
      </c>
      <c r="E47678" s="15">
        <v>45604</v>
      </c>
      <c r="F47678" s="14" t="s">
        <v>15</v>
      </c>
      <c r="G47678" s="16">
        <v>0</v>
      </c>
    </row>
    <row r="47679" spans="1:7" x14ac:dyDescent="0.3">
      <c r="A47679" s="13" t="s">
        <v>272</v>
      </c>
      <c r="B47679" s="14" t="s">
        <v>1</v>
      </c>
      <c r="C47679" s="14" t="s">
        <v>96</v>
      </c>
      <c r="D47679" s="14" t="s">
        <v>193</v>
      </c>
      <c r="E47679" s="15">
        <v>45605</v>
      </c>
      <c r="F47679" s="14" t="s">
        <v>15</v>
      </c>
      <c r="G47679" s="16">
        <v>0</v>
      </c>
    </row>
    <row r="47680" spans="1:7" x14ac:dyDescent="0.3">
      <c r="A47680" s="13" t="s">
        <v>272</v>
      </c>
      <c r="B47680" s="14" t="s">
        <v>1</v>
      </c>
      <c r="C47680" s="14" t="s">
        <v>96</v>
      </c>
      <c r="D47680" s="14" t="s">
        <v>193</v>
      </c>
      <c r="E47680" s="15">
        <v>45606</v>
      </c>
      <c r="F47680" s="14" t="s">
        <v>15</v>
      </c>
      <c r="G47680" s="16">
        <v>0</v>
      </c>
    </row>
    <row r="47681" spans="1:7" x14ac:dyDescent="0.3">
      <c r="A47681" s="13" t="s">
        <v>272</v>
      </c>
      <c r="B47681" s="14" t="s">
        <v>1</v>
      </c>
      <c r="C47681" s="14" t="s">
        <v>96</v>
      </c>
      <c r="D47681" s="14" t="s">
        <v>193</v>
      </c>
      <c r="E47681" s="15">
        <v>45607</v>
      </c>
      <c r="F47681" s="14" t="s">
        <v>15</v>
      </c>
      <c r="G47681" s="16">
        <v>0</v>
      </c>
    </row>
    <row r="47682" spans="1:7" x14ac:dyDescent="0.3">
      <c r="A47682" s="13" t="s">
        <v>272</v>
      </c>
      <c r="B47682" s="14" t="s">
        <v>1</v>
      </c>
      <c r="C47682" s="14" t="s">
        <v>96</v>
      </c>
      <c r="D47682" s="14" t="s">
        <v>193</v>
      </c>
      <c r="E47682" s="15">
        <v>45608</v>
      </c>
      <c r="F47682" s="14" t="s">
        <v>15</v>
      </c>
      <c r="G47682" s="16">
        <v>0</v>
      </c>
    </row>
    <row r="47683" spans="1:7" x14ac:dyDescent="0.3">
      <c r="A47683" s="13" t="s">
        <v>272</v>
      </c>
      <c r="B47683" s="14" t="s">
        <v>1</v>
      </c>
      <c r="C47683" s="14" t="s">
        <v>96</v>
      </c>
      <c r="D47683" s="14" t="s">
        <v>193</v>
      </c>
      <c r="E47683" s="15">
        <v>45609</v>
      </c>
      <c r="F47683" s="14" t="s">
        <v>15</v>
      </c>
      <c r="G47683" s="16">
        <v>0</v>
      </c>
    </row>
    <row r="47684" spans="1:7" x14ac:dyDescent="0.3">
      <c r="A47684" s="13" t="s">
        <v>272</v>
      </c>
      <c r="B47684" s="14" t="s">
        <v>1</v>
      </c>
      <c r="C47684" s="14" t="s">
        <v>96</v>
      </c>
      <c r="D47684" s="14" t="s">
        <v>193</v>
      </c>
      <c r="E47684" s="15">
        <v>45610</v>
      </c>
      <c r="F47684" s="14" t="s">
        <v>15</v>
      </c>
      <c r="G47684" s="16">
        <v>0</v>
      </c>
    </row>
    <row r="47685" spans="1:7" x14ac:dyDescent="0.3">
      <c r="A47685" s="13" t="s">
        <v>272</v>
      </c>
      <c r="B47685" s="14" t="s">
        <v>1</v>
      </c>
      <c r="C47685" s="14" t="s">
        <v>96</v>
      </c>
      <c r="D47685" s="14" t="s">
        <v>193</v>
      </c>
      <c r="E47685" s="15">
        <v>45611</v>
      </c>
      <c r="F47685" s="14" t="s">
        <v>15</v>
      </c>
      <c r="G47685" s="16">
        <v>0</v>
      </c>
    </row>
    <row r="47686" spans="1:7" x14ac:dyDescent="0.3">
      <c r="A47686" s="13" t="s">
        <v>272</v>
      </c>
      <c r="B47686" s="14" t="s">
        <v>1</v>
      </c>
      <c r="C47686" s="14" t="s">
        <v>96</v>
      </c>
      <c r="D47686" s="14" t="s">
        <v>193</v>
      </c>
      <c r="E47686" s="15">
        <v>45612</v>
      </c>
      <c r="F47686" s="14" t="s">
        <v>15</v>
      </c>
      <c r="G47686" s="16">
        <v>0</v>
      </c>
    </row>
    <row r="47687" spans="1:7" x14ac:dyDescent="0.3">
      <c r="A47687" s="13" t="s">
        <v>272</v>
      </c>
      <c r="B47687" s="14" t="s">
        <v>1</v>
      </c>
      <c r="C47687" s="14" t="s">
        <v>96</v>
      </c>
      <c r="D47687" s="14" t="s">
        <v>193</v>
      </c>
      <c r="E47687" s="15">
        <v>45613</v>
      </c>
      <c r="F47687" s="14" t="s">
        <v>15</v>
      </c>
      <c r="G47687" s="16">
        <v>0</v>
      </c>
    </row>
    <row r="47688" spans="1:7" x14ac:dyDescent="0.3">
      <c r="A47688" s="13" t="s">
        <v>272</v>
      </c>
      <c r="B47688" s="14" t="s">
        <v>1</v>
      </c>
      <c r="C47688" s="14" t="s">
        <v>96</v>
      </c>
      <c r="D47688" s="14" t="s">
        <v>193</v>
      </c>
      <c r="E47688" s="15">
        <v>45614</v>
      </c>
      <c r="F47688" s="14" t="s">
        <v>15</v>
      </c>
      <c r="G47688" s="16">
        <v>0</v>
      </c>
    </row>
    <row r="47689" spans="1:7" x14ac:dyDescent="0.3">
      <c r="A47689" s="13" t="s">
        <v>272</v>
      </c>
      <c r="B47689" s="14" t="s">
        <v>1</v>
      </c>
      <c r="C47689" s="14" t="s">
        <v>96</v>
      </c>
      <c r="D47689" s="14" t="s">
        <v>193</v>
      </c>
      <c r="E47689" s="15">
        <v>45615</v>
      </c>
      <c r="F47689" s="14" t="s">
        <v>15</v>
      </c>
      <c r="G47689" s="16">
        <v>0</v>
      </c>
    </row>
    <row r="47690" spans="1:7" x14ac:dyDescent="0.3">
      <c r="A47690" s="13" t="s">
        <v>272</v>
      </c>
      <c r="B47690" s="14" t="s">
        <v>1</v>
      </c>
      <c r="C47690" s="14" t="s">
        <v>96</v>
      </c>
      <c r="D47690" s="14" t="s">
        <v>193</v>
      </c>
      <c r="E47690" s="15">
        <v>45616</v>
      </c>
      <c r="F47690" s="14" t="s">
        <v>15</v>
      </c>
      <c r="G47690" s="16">
        <v>0</v>
      </c>
    </row>
    <row r="47691" spans="1:7" x14ac:dyDescent="0.3">
      <c r="A47691" s="13" t="s">
        <v>272</v>
      </c>
      <c r="B47691" s="14" t="s">
        <v>1</v>
      </c>
      <c r="C47691" s="14" t="s">
        <v>96</v>
      </c>
      <c r="D47691" s="14" t="s">
        <v>193</v>
      </c>
      <c r="E47691" s="15">
        <v>45617</v>
      </c>
      <c r="F47691" s="14" t="s">
        <v>15</v>
      </c>
      <c r="G47691" s="16">
        <v>0</v>
      </c>
    </row>
    <row r="47692" spans="1:7" x14ac:dyDescent="0.3">
      <c r="A47692" s="13" t="s">
        <v>272</v>
      </c>
      <c r="B47692" s="14" t="s">
        <v>1</v>
      </c>
      <c r="C47692" s="14" t="s">
        <v>96</v>
      </c>
      <c r="D47692" s="14" t="s">
        <v>193</v>
      </c>
      <c r="E47692" s="15">
        <v>45618</v>
      </c>
      <c r="F47692" s="14" t="s">
        <v>15</v>
      </c>
      <c r="G47692" s="16">
        <v>0</v>
      </c>
    </row>
    <row r="47693" spans="1:7" x14ac:dyDescent="0.3">
      <c r="A47693" s="13" t="s">
        <v>272</v>
      </c>
      <c r="B47693" s="14" t="s">
        <v>1</v>
      </c>
      <c r="C47693" s="14" t="s">
        <v>96</v>
      </c>
      <c r="D47693" s="14" t="s">
        <v>193</v>
      </c>
      <c r="E47693" s="15">
        <v>45619</v>
      </c>
      <c r="F47693" s="14" t="s">
        <v>15</v>
      </c>
      <c r="G47693" s="16">
        <v>0</v>
      </c>
    </row>
    <row r="47694" spans="1:7" x14ac:dyDescent="0.3">
      <c r="A47694" s="13" t="s">
        <v>272</v>
      </c>
      <c r="B47694" s="14" t="s">
        <v>1</v>
      </c>
      <c r="C47694" s="14" t="s">
        <v>96</v>
      </c>
      <c r="D47694" s="14" t="s">
        <v>193</v>
      </c>
      <c r="E47694" s="15">
        <v>45620</v>
      </c>
      <c r="F47694" s="14" t="s">
        <v>15</v>
      </c>
      <c r="G47694" s="16">
        <v>0</v>
      </c>
    </row>
    <row r="47695" spans="1:7" x14ac:dyDescent="0.3">
      <c r="A47695" s="13" t="s">
        <v>272</v>
      </c>
      <c r="B47695" s="14" t="s">
        <v>1</v>
      </c>
      <c r="C47695" s="14" t="s">
        <v>96</v>
      </c>
      <c r="D47695" s="14" t="s">
        <v>193</v>
      </c>
      <c r="E47695" s="15">
        <v>45621</v>
      </c>
      <c r="F47695" s="14" t="s">
        <v>15</v>
      </c>
      <c r="G47695" s="16">
        <v>0</v>
      </c>
    </row>
    <row r="47696" spans="1:7" x14ac:dyDescent="0.3">
      <c r="A47696" s="13" t="s">
        <v>272</v>
      </c>
      <c r="B47696" s="14" t="s">
        <v>1</v>
      </c>
      <c r="C47696" s="14" t="s">
        <v>96</v>
      </c>
      <c r="D47696" s="14" t="s">
        <v>193</v>
      </c>
      <c r="E47696" s="15">
        <v>45622</v>
      </c>
      <c r="F47696" s="14" t="s">
        <v>15</v>
      </c>
      <c r="G47696" s="16">
        <v>0</v>
      </c>
    </row>
    <row r="47697" spans="1:7" x14ac:dyDescent="0.3">
      <c r="A47697" s="13" t="s">
        <v>272</v>
      </c>
      <c r="B47697" s="14" t="s">
        <v>1</v>
      </c>
      <c r="C47697" s="14" t="s">
        <v>96</v>
      </c>
      <c r="D47697" s="14" t="s">
        <v>193</v>
      </c>
      <c r="E47697" s="15">
        <v>45623</v>
      </c>
      <c r="F47697" s="14" t="s">
        <v>15</v>
      </c>
      <c r="G47697" s="16">
        <v>0</v>
      </c>
    </row>
    <row r="47698" spans="1:7" x14ac:dyDescent="0.3">
      <c r="A47698" s="13" t="s">
        <v>272</v>
      </c>
      <c r="B47698" s="14" t="s">
        <v>1</v>
      </c>
      <c r="C47698" s="14" t="s">
        <v>96</v>
      </c>
      <c r="D47698" s="14" t="s">
        <v>193</v>
      </c>
      <c r="E47698" s="15">
        <v>45624</v>
      </c>
      <c r="F47698" s="14" t="s">
        <v>15</v>
      </c>
      <c r="G47698" s="16">
        <v>0</v>
      </c>
    </row>
    <row r="47699" spans="1:7" x14ac:dyDescent="0.3">
      <c r="A47699" s="13" t="s">
        <v>272</v>
      </c>
      <c r="B47699" s="14" t="s">
        <v>1</v>
      </c>
      <c r="C47699" s="14" t="s">
        <v>96</v>
      </c>
      <c r="D47699" s="14" t="s">
        <v>193</v>
      </c>
      <c r="E47699" s="15">
        <v>45625</v>
      </c>
      <c r="F47699" s="14" t="s">
        <v>15</v>
      </c>
      <c r="G47699" s="16">
        <v>0</v>
      </c>
    </row>
    <row r="47700" spans="1:7" x14ac:dyDescent="0.3">
      <c r="A47700" s="13" t="s">
        <v>272</v>
      </c>
      <c r="B47700" s="14" t="s">
        <v>1</v>
      </c>
      <c r="C47700" s="14" t="s">
        <v>96</v>
      </c>
      <c r="D47700" s="14" t="s">
        <v>193</v>
      </c>
      <c r="E47700" s="15">
        <v>45626</v>
      </c>
      <c r="F47700" s="14" t="s">
        <v>15</v>
      </c>
      <c r="G47700" s="16">
        <v>0</v>
      </c>
    </row>
    <row r="47701" spans="1:7" x14ac:dyDescent="0.3">
      <c r="A47701" s="13" t="s">
        <v>272</v>
      </c>
      <c r="B47701" s="14" t="s">
        <v>1</v>
      </c>
      <c r="C47701" s="14" t="s">
        <v>96</v>
      </c>
      <c r="D47701" s="14" t="s">
        <v>193</v>
      </c>
      <c r="E47701" s="15">
        <v>45627</v>
      </c>
      <c r="F47701" s="14" t="s">
        <v>15</v>
      </c>
      <c r="G47701" s="16">
        <v>0</v>
      </c>
    </row>
    <row r="47702" spans="1:7" x14ac:dyDescent="0.3">
      <c r="A47702" s="13" t="s">
        <v>272</v>
      </c>
      <c r="B47702" s="14" t="s">
        <v>1</v>
      </c>
      <c r="C47702" s="14" t="s">
        <v>96</v>
      </c>
      <c r="D47702" s="14" t="s">
        <v>193</v>
      </c>
      <c r="E47702" s="15">
        <v>45628</v>
      </c>
      <c r="F47702" s="14" t="s">
        <v>15</v>
      </c>
      <c r="G47702" s="16">
        <v>0</v>
      </c>
    </row>
    <row r="47703" spans="1:7" x14ac:dyDescent="0.3">
      <c r="A47703" s="13" t="s">
        <v>272</v>
      </c>
      <c r="B47703" s="14" t="s">
        <v>1</v>
      </c>
      <c r="C47703" s="14" t="s">
        <v>96</v>
      </c>
      <c r="D47703" s="14" t="s">
        <v>193</v>
      </c>
      <c r="E47703" s="15">
        <v>45629</v>
      </c>
      <c r="F47703" s="14" t="s">
        <v>15</v>
      </c>
      <c r="G47703" s="16">
        <v>0</v>
      </c>
    </row>
    <row r="47704" spans="1:7" x14ac:dyDescent="0.3">
      <c r="A47704" s="13" t="s">
        <v>272</v>
      </c>
      <c r="B47704" s="14" t="s">
        <v>1</v>
      </c>
      <c r="C47704" s="14" t="s">
        <v>96</v>
      </c>
      <c r="D47704" s="14" t="s">
        <v>193</v>
      </c>
      <c r="E47704" s="15">
        <v>45630</v>
      </c>
      <c r="F47704" s="14" t="s">
        <v>15</v>
      </c>
      <c r="G47704" s="16">
        <v>0</v>
      </c>
    </row>
    <row r="47705" spans="1:7" x14ac:dyDescent="0.3">
      <c r="A47705" s="13" t="s">
        <v>272</v>
      </c>
      <c r="B47705" s="14" t="s">
        <v>1</v>
      </c>
      <c r="C47705" s="14" t="s">
        <v>96</v>
      </c>
      <c r="D47705" s="14" t="s">
        <v>193</v>
      </c>
      <c r="E47705" s="15">
        <v>45631</v>
      </c>
      <c r="F47705" s="14" t="s">
        <v>15</v>
      </c>
      <c r="G47705" s="16">
        <v>0</v>
      </c>
    </row>
    <row r="47706" spans="1:7" x14ac:dyDescent="0.3">
      <c r="A47706" s="13" t="s">
        <v>272</v>
      </c>
      <c r="B47706" s="14" t="s">
        <v>1</v>
      </c>
      <c r="C47706" s="14" t="s">
        <v>96</v>
      </c>
      <c r="D47706" s="14" t="s">
        <v>193</v>
      </c>
      <c r="E47706" s="15">
        <v>45632</v>
      </c>
      <c r="F47706" s="14" t="s">
        <v>15</v>
      </c>
      <c r="G47706" s="16">
        <v>0</v>
      </c>
    </row>
    <row r="47707" spans="1:7" x14ac:dyDescent="0.3">
      <c r="A47707" s="13" t="s">
        <v>272</v>
      </c>
      <c r="B47707" s="14" t="s">
        <v>1</v>
      </c>
      <c r="C47707" s="14" t="s">
        <v>96</v>
      </c>
      <c r="D47707" s="14" t="s">
        <v>193</v>
      </c>
      <c r="E47707" s="15">
        <v>45633</v>
      </c>
      <c r="F47707" s="14" t="s">
        <v>15</v>
      </c>
      <c r="G47707" s="16">
        <v>0</v>
      </c>
    </row>
    <row r="47708" spans="1:7" x14ac:dyDescent="0.3">
      <c r="A47708" s="13" t="s">
        <v>272</v>
      </c>
      <c r="B47708" s="14" t="s">
        <v>1</v>
      </c>
      <c r="C47708" s="14" t="s">
        <v>96</v>
      </c>
      <c r="D47708" s="14" t="s">
        <v>193</v>
      </c>
      <c r="E47708" s="15">
        <v>45634</v>
      </c>
      <c r="F47708" s="14" t="s">
        <v>15</v>
      </c>
      <c r="G47708" s="16">
        <v>0</v>
      </c>
    </row>
    <row r="47709" spans="1:7" x14ac:dyDescent="0.3">
      <c r="A47709" s="13" t="s">
        <v>272</v>
      </c>
      <c r="B47709" s="14" t="s">
        <v>1</v>
      </c>
      <c r="C47709" s="14" t="s">
        <v>96</v>
      </c>
      <c r="D47709" s="14" t="s">
        <v>193</v>
      </c>
      <c r="E47709" s="15">
        <v>45635</v>
      </c>
      <c r="F47709" s="14" t="s">
        <v>15</v>
      </c>
      <c r="G47709" s="16">
        <v>0</v>
      </c>
    </row>
    <row r="47710" spans="1:7" x14ac:dyDescent="0.3">
      <c r="A47710" s="13" t="s">
        <v>272</v>
      </c>
      <c r="B47710" s="14" t="s">
        <v>1</v>
      </c>
      <c r="C47710" s="14" t="s">
        <v>96</v>
      </c>
      <c r="D47710" s="14" t="s">
        <v>193</v>
      </c>
      <c r="E47710" s="15">
        <v>45636</v>
      </c>
      <c r="F47710" s="14" t="s">
        <v>15</v>
      </c>
      <c r="G47710" s="16">
        <v>0</v>
      </c>
    </row>
    <row r="47711" spans="1:7" x14ac:dyDescent="0.3">
      <c r="A47711" s="13" t="s">
        <v>272</v>
      </c>
      <c r="B47711" s="14" t="s">
        <v>1</v>
      </c>
      <c r="C47711" s="14" t="s">
        <v>96</v>
      </c>
      <c r="D47711" s="14" t="s">
        <v>193</v>
      </c>
      <c r="E47711" s="15">
        <v>45637</v>
      </c>
      <c r="F47711" s="14" t="s">
        <v>15</v>
      </c>
      <c r="G47711" s="16">
        <v>0</v>
      </c>
    </row>
    <row r="47712" spans="1:7" x14ac:dyDescent="0.3">
      <c r="A47712" s="13" t="s">
        <v>272</v>
      </c>
      <c r="B47712" s="14" t="s">
        <v>1</v>
      </c>
      <c r="C47712" s="14" t="s">
        <v>96</v>
      </c>
      <c r="D47712" s="14" t="s">
        <v>193</v>
      </c>
      <c r="E47712" s="15">
        <v>45638</v>
      </c>
      <c r="F47712" s="14" t="s">
        <v>15</v>
      </c>
      <c r="G47712" s="16">
        <v>0</v>
      </c>
    </row>
    <row r="47713" spans="1:7" x14ac:dyDescent="0.3">
      <c r="A47713" s="13" t="s">
        <v>272</v>
      </c>
      <c r="B47713" s="14" t="s">
        <v>1</v>
      </c>
      <c r="C47713" s="14" t="s">
        <v>96</v>
      </c>
      <c r="D47713" s="14" t="s">
        <v>193</v>
      </c>
      <c r="E47713" s="15">
        <v>45639</v>
      </c>
      <c r="F47713" s="14" t="s">
        <v>15</v>
      </c>
      <c r="G47713" s="16">
        <v>0</v>
      </c>
    </row>
    <row r="47714" spans="1:7" x14ac:dyDescent="0.3">
      <c r="A47714" s="13" t="s">
        <v>272</v>
      </c>
      <c r="B47714" s="14" t="s">
        <v>1</v>
      </c>
      <c r="C47714" s="14" t="s">
        <v>96</v>
      </c>
      <c r="D47714" s="14" t="s">
        <v>193</v>
      </c>
      <c r="E47714" s="15">
        <v>45640</v>
      </c>
      <c r="F47714" s="14" t="s">
        <v>15</v>
      </c>
      <c r="G47714" s="16">
        <v>0</v>
      </c>
    </row>
    <row r="47715" spans="1:7" x14ac:dyDescent="0.3">
      <c r="A47715" s="13" t="s">
        <v>272</v>
      </c>
      <c r="B47715" s="14" t="s">
        <v>1</v>
      </c>
      <c r="C47715" s="14" t="s">
        <v>96</v>
      </c>
      <c r="D47715" s="14" t="s">
        <v>193</v>
      </c>
      <c r="E47715" s="15">
        <v>45641</v>
      </c>
      <c r="F47715" s="14" t="s">
        <v>15</v>
      </c>
      <c r="G47715" s="16">
        <v>0</v>
      </c>
    </row>
    <row r="47716" spans="1:7" x14ac:dyDescent="0.3">
      <c r="A47716" s="13" t="s">
        <v>272</v>
      </c>
      <c r="B47716" s="14" t="s">
        <v>1</v>
      </c>
      <c r="C47716" s="14" t="s">
        <v>96</v>
      </c>
      <c r="D47716" s="14" t="s">
        <v>193</v>
      </c>
      <c r="E47716" s="15">
        <v>45642</v>
      </c>
      <c r="F47716" s="14" t="s">
        <v>15</v>
      </c>
      <c r="G47716" s="16">
        <v>0</v>
      </c>
    </row>
    <row r="47717" spans="1:7" x14ac:dyDescent="0.3">
      <c r="A47717" s="13" t="s">
        <v>272</v>
      </c>
      <c r="B47717" s="14" t="s">
        <v>1</v>
      </c>
      <c r="C47717" s="14" t="s">
        <v>96</v>
      </c>
      <c r="D47717" s="14" t="s">
        <v>193</v>
      </c>
      <c r="E47717" s="15">
        <v>45643</v>
      </c>
      <c r="F47717" s="14" t="s">
        <v>15</v>
      </c>
      <c r="G47717" s="16">
        <v>0</v>
      </c>
    </row>
    <row r="47718" spans="1:7" x14ac:dyDescent="0.3">
      <c r="A47718" s="13" t="s">
        <v>272</v>
      </c>
      <c r="B47718" s="14" t="s">
        <v>1</v>
      </c>
      <c r="C47718" s="14" t="s">
        <v>96</v>
      </c>
      <c r="D47718" s="14" t="s">
        <v>193</v>
      </c>
      <c r="E47718" s="15">
        <v>45644</v>
      </c>
      <c r="F47718" s="14" t="s">
        <v>15</v>
      </c>
      <c r="G47718" s="16">
        <v>0</v>
      </c>
    </row>
    <row r="47719" spans="1:7" x14ac:dyDescent="0.3">
      <c r="A47719" s="13" t="s">
        <v>272</v>
      </c>
      <c r="B47719" s="14" t="s">
        <v>1</v>
      </c>
      <c r="C47719" s="14" t="s">
        <v>96</v>
      </c>
      <c r="D47719" s="14" t="s">
        <v>193</v>
      </c>
      <c r="E47719" s="15">
        <v>45645</v>
      </c>
      <c r="F47719" s="14" t="s">
        <v>15</v>
      </c>
      <c r="G47719" s="16">
        <v>0</v>
      </c>
    </row>
    <row r="47720" spans="1:7" x14ac:dyDescent="0.3">
      <c r="A47720" s="13" t="s">
        <v>272</v>
      </c>
      <c r="B47720" s="14" t="s">
        <v>1</v>
      </c>
      <c r="C47720" s="14" t="s">
        <v>96</v>
      </c>
      <c r="D47720" s="14" t="s">
        <v>193</v>
      </c>
      <c r="E47720" s="15">
        <v>45646</v>
      </c>
      <c r="F47720" s="14" t="s">
        <v>15</v>
      </c>
      <c r="G47720" s="16">
        <v>0</v>
      </c>
    </row>
    <row r="47721" spans="1:7" x14ac:dyDescent="0.3">
      <c r="A47721" s="13" t="s">
        <v>272</v>
      </c>
      <c r="B47721" s="14" t="s">
        <v>1</v>
      </c>
      <c r="C47721" s="14" t="s">
        <v>96</v>
      </c>
      <c r="D47721" s="14" t="s">
        <v>193</v>
      </c>
      <c r="E47721" s="15">
        <v>45647</v>
      </c>
      <c r="F47721" s="14" t="s">
        <v>15</v>
      </c>
      <c r="G47721" s="16">
        <v>0</v>
      </c>
    </row>
    <row r="47722" spans="1:7" x14ac:dyDescent="0.3">
      <c r="A47722" s="13" t="s">
        <v>272</v>
      </c>
      <c r="B47722" s="14" t="s">
        <v>1</v>
      </c>
      <c r="C47722" s="14" t="s">
        <v>96</v>
      </c>
      <c r="D47722" s="14" t="s">
        <v>193</v>
      </c>
      <c r="E47722" s="15">
        <v>45648</v>
      </c>
      <c r="F47722" s="14" t="s">
        <v>15</v>
      </c>
      <c r="G47722" s="16">
        <v>0</v>
      </c>
    </row>
    <row r="47723" spans="1:7" x14ac:dyDescent="0.3">
      <c r="A47723" s="13" t="s">
        <v>272</v>
      </c>
      <c r="B47723" s="14" t="s">
        <v>1</v>
      </c>
      <c r="C47723" s="14" t="s">
        <v>96</v>
      </c>
      <c r="D47723" s="14" t="s">
        <v>193</v>
      </c>
      <c r="E47723" s="15">
        <v>45649</v>
      </c>
      <c r="F47723" s="14" t="s">
        <v>15</v>
      </c>
      <c r="G47723" s="16">
        <v>0</v>
      </c>
    </row>
    <row r="47724" spans="1:7" x14ac:dyDescent="0.3">
      <c r="A47724" s="13" t="s">
        <v>272</v>
      </c>
      <c r="B47724" s="14" t="s">
        <v>1</v>
      </c>
      <c r="C47724" s="14" t="s">
        <v>96</v>
      </c>
      <c r="D47724" s="14" t="s">
        <v>193</v>
      </c>
      <c r="E47724" s="15">
        <v>45650</v>
      </c>
      <c r="F47724" s="14" t="s">
        <v>15</v>
      </c>
      <c r="G47724" s="16">
        <v>0</v>
      </c>
    </row>
    <row r="47725" spans="1:7" x14ac:dyDescent="0.3">
      <c r="A47725" s="13" t="s">
        <v>272</v>
      </c>
      <c r="B47725" s="14" t="s">
        <v>1</v>
      </c>
      <c r="C47725" s="14" t="s">
        <v>96</v>
      </c>
      <c r="D47725" s="14" t="s">
        <v>193</v>
      </c>
      <c r="E47725" s="15">
        <v>45651</v>
      </c>
      <c r="F47725" s="14" t="s">
        <v>15</v>
      </c>
      <c r="G47725" s="16">
        <v>0</v>
      </c>
    </row>
    <row r="47726" spans="1:7" x14ac:dyDescent="0.3">
      <c r="A47726" s="13" t="s">
        <v>272</v>
      </c>
      <c r="B47726" s="14" t="s">
        <v>1</v>
      </c>
      <c r="C47726" s="14" t="s">
        <v>96</v>
      </c>
      <c r="D47726" s="14" t="s">
        <v>193</v>
      </c>
      <c r="E47726" s="15">
        <v>45652</v>
      </c>
      <c r="F47726" s="14" t="s">
        <v>15</v>
      </c>
      <c r="G47726" s="16">
        <v>0</v>
      </c>
    </row>
    <row r="47727" spans="1:7" x14ac:dyDescent="0.3">
      <c r="A47727" s="13" t="s">
        <v>272</v>
      </c>
      <c r="B47727" s="14" t="s">
        <v>1</v>
      </c>
      <c r="C47727" s="14" t="s">
        <v>96</v>
      </c>
      <c r="D47727" s="14" t="s">
        <v>193</v>
      </c>
      <c r="E47727" s="15">
        <v>45653</v>
      </c>
      <c r="F47727" s="14" t="s">
        <v>15</v>
      </c>
      <c r="G47727" s="16">
        <v>0</v>
      </c>
    </row>
    <row r="47728" spans="1:7" x14ac:dyDescent="0.3">
      <c r="A47728" s="13" t="s">
        <v>272</v>
      </c>
      <c r="B47728" s="14" t="s">
        <v>1</v>
      </c>
      <c r="C47728" s="14" t="s">
        <v>96</v>
      </c>
      <c r="D47728" s="14" t="s">
        <v>193</v>
      </c>
      <c r="E47728" s="15">
        <v>45654</v>
      </c>
      <c r="F47728" s="14" t="s">
        <v>15</v>
      </c>
      <c r="G47728" s="16">
        <v>0</v>
      </c>
    </row>
    <row r="47729" spans="1:7" x14ac:dyDescent="0.3">
      <c r="A47729" s="13" t="s">
        <v>272</v>
      </c>
      <c r="B47729" s="14" t="s">
        <v>1</v>
      </c>
      <c r="C47729" s="14" t="s">
        <v>96</v>
      </c>
      <c r="D47729" s="14" t="s">
        <v>193</v>
      </c>
      <c r="E47729" s="15">
        <v>45655</v>
      </c>
      <c r="F47729" s="14" t="s">
        <v>15</v>
      </c>
      <c r="G47729" s="16">
        <v>0</v>
      </c>
    </row>
    <row r="47730" spans="1:7" x14ac:dyDescent="0.3">
      <c r="A47730" s="13" t="s">
        <v>272</v>
      </c>
      <c r="B47730" s="14" t="s">
        <v>1</v>
      </c>
      <c r="C47730" s="14" t="s">
        <v>96</v>
      </c>
      <c r="D47730" s="14" t="s">
        <v>193</v>
      </c>
      <c r="E47730" s="15">
        <v>45656</v>
      </c>
      <c r="F47730" s="14" t="s">
        <v>15</v>
      </c>
      <c r="G47730" s="16">
        <v>0</v>
      </c>
    </row>
    <row r="47731" spans="1:7" x14ac:dyDescent="0.3">
      <c r="A47731" s="13" t="s">
        <v>272</v>
      </c>
      <c r="B47731" s="14" t="s">
        <v>1</v>
      </c>
      <c r="C47731" s="14" t="s">
        <v>96</v>
      </c>
      <c r="D47731" s="14" t="s">
        <v>193</v>
      </c>
      <c r="E47731" s="15">
        <v>45657</v>
      </c>
      <c r="F47731" s="14" t="s">
        <v>15</v>
      </c>
      <c r="G47731" s="16">
        <v>0</v>
      </c>
    </row>
    <row r="47732" spans="1:7" x14ac:dyDescent="0.3">
      <c r="A47732" s="13" t="s">
        <v>272</v>
      </c>
      <c r="B47732" s="14" t="s">
        <v>1</v>
      </c>
      <c r="C47732" s="14" t="s">
        <v>96</v>
      </c>
      <c r="D47732" s="14" t="s">
        <v>193</v>
      </c>
      <c r="E47732" s="15">
        <v>45658</v>
      </c>
      <c r="F47732" s="14" t="s">
        <v>15</v>
      </c>
      <c r="G47732" s="16">
        <v>0</v>
      </c>
    </row>
    <row r="47733" spans="1:7" x14ac:dyDescent="0.3">
      <c r="A47733" s="13" t="s">
        <v>272</v>
      </c>
      <c r="B47733" s="14" t="s">
        <v>1</v>
      </c>
      <c r="C47733" s="14" t="s">
        <v>96</v>
      </c>
      <c r="D47733" s="14" t="s">
        <v>193</v>
      </c>
      <c r="E47733" s="15">
        <v>45659</v>
      </c>
      <c r="F47733" s="14" t="s">
        <v>15</v>
      </c>
      <c r="G47733" s="16">
        <v>0</v>
      </c>
    </row>
    <row r="47734" spans="1:7" x14ac:dyDescent="0.3">
      <c r="A47734" s="13" t="s">
        <v>272</v>
      </c>
      <c r="B47734" s="14" t="s">
        <v>1</v>
      </c>
      <c r="C47734" s="14" t="s">
        <v>96</v>
      </c>
      <c r="D47734" s="14" t="s">
        <v>193</v>
      </c>
      <c r="E47734" s="15">
        <v>45660</v>
      </c>
      <c r="F47734" s="14" t="s">
        <v>15</v>
      </c>
      <c r="G47734" s="16">
        <v>0</v>
      </c>
    </row>
    <row r="47735" spans="1:7" x14ac:dyDescent="0.3">
      <c r="A47735" s="13" t="s">
        <v>272</v>
      </c>
      <c r="B47735" s="14" t="s">
        <v>1</v>
      </c>
      <c r="C47735" s="14" t="s">
        <v>96</v>
      </c>
      <c r="D47735" s="14" t="s">
        <v>193</v>
      </c>
      <c r="E47735" s="15">
        <v>45661</v>
      </c>
      <c r="F47735" s="14" t="s">
        <v>15</v>
      </c>
      <c r="G47735" s="16">
        <v>0</v>
      </c>
    </row>
    <row r="47736" spans="1:7" x14ac:dyDescent="0.3">
      <c r="A47736" s="13" t="s">
        <v>272</v>
      </c>
      <c r="B47736" s="14" t="s">
        <v>1</v>
      </c>
      <c r="C47736" s="14" t="s">
        <v>96</v>
      </c>
      <c r="D47736" s="14" t="s">
        <v>193</v>
      </c>
      <c r="E47736" s="15">
        <v>45662</v>
      </c>
      <c r="F47736" s="14" t="s">
        <v>15</v>
      </c>
      <c r="G47736" s="16">
        <v>0</v>
      </c>
    </row>
    <row r="47737" spans="1:7" x14ac:dyDescent="0.3">
      <c r="A47737" s="13" t="s">
        <v>272</v>
      </c>
      <c r="B47737" s="14" t="s">
        <v>1</v>
      </c>
      <c r="C47737" s="14" t="s">
        <v>96</v>
      </c>
      <c r="D47737" s="14" t="s">
        <v>193</v>
      </c>
      <c r="E47737" s="15">
        <v>45663</v>
      </c>
      <c r="F47737" s="14" t="s">
        <v>15</v>
      </c>
      <c r="G47737" s="16">
        <v>0</v>
      </c>
    </row>
    <row r="47738" spans="1:7" x14ac:dyDescent="0.3">
      <c r="A47738" s="13" t="s">
        <v>272</v>
      </c>
      <c r="B47738" s="14" t="s">
        <v>1</v>
      </c>
      <c r="C47738" s="14" t="s">
        <v>96</v>
      </c>
      <c r="D47738" s="14" t="s">
        <v>193</v>
      </c>
      <c r="E47738" s="15">
        <v>45664</v>
      </c>
      <c r="F47738" s="14" t="s">
        <v>15</v>
      </c>
      <c r="G47738" s="16">
        <v>0</v>
      </c>
    </row>
    <row r="47739" spans="1:7" x14ac:dyDescent="0.3">
      <c r="A47739" s="13" t="s">
        <v>272</v>
      </c>
      <c r="B47739" s="14" t="s">
        <v>1</v>
      </c>
      <c r="C47739" s="14" t="s">
        <v>96</v>
      </c>
      <c r="D47739" s="14" t="s">
        <v>193</v>
      </c>
      <c r="E47739" s="15">
        <v>45665</v>
      </c>
      <c r="F47739" s="14" t="s">
        <v>15</v>
      </c>
      <c r="G47739" s="16">
        <v>0</v>
      </c>
    </row>
    <row r="47740" spans="1:7" x14ac:dyDescent="0.3">
      <c r="A47740" s="13" t="s">
        <v>272</v>
      </c>
      <c r="B47740" s="14" t="s">
        <v>1</v>
      </c>
      <c r="C47740" s="14" t="s">
        <v>96</v>
      </c>
      <c r="D47740" s="14" t="s">
        <v>193</v>
      </c>
      <c r="E47740" s="15">
        <v>45666</v>
      </c>
      <c r="F47740" s="14" t="s">
        <v>15</v>
      </c>
      <c r="G47740" s="16">
        <v>0</v>
      </c>
    </row>
    <row r="47741" spans="1:7" x14ac:dyDescent="0.3">
      <c r="A47741" s="13" t="s">
        <v>272</v>
      </c>
      <c r="B47741" s="14" t="s">
        <v>1</v>
      </c>
      <c r="C47741" s="14" t="s">
        <v>96</v>
      </c>
      <c r="D47741" s="14" t="s">
        <v>193</v>
      </c>
      <c r="E47741" s="15">
        <v>45667</v>
      </c>
      <c r="F47741" s="14" t="s">
        <v>15</v>
      </c>
      <c r="G47741" s="16">
        <v>0</v>
      </c>
    </row>
    <row r="47742" spans="1:7" x14ac:dyDescent="0.3">
      <c r="A47742" s="13" t="s">
        <v>272</v>
      </c>
      <c r="B47742" s="14" t="s">
        <v>1</v>
      </c>
      <c r="C47742" s="14" t="s">
        <v>96</v>
      </c>
      <c r="D47742" s="14" t="s">
        <v>193</v>
      </c>
      <c r="E47742" s="15">
        <v>45668</v>
      </c>
      <c r="F47742" s="14" t="s">
        <v>15</v>
      </c>
      <c r="G47742" s="16">
        <v>0</v>
      </c>
    </row>
    <row r="47743" spans="1:7" x14ac:dyDescent="0.3">
      <c r="A47743" s="13" t="s">
        <v>272</v>
      </c>
      <c r="B47743" s="14" t="s">
        <v>1</v>
      </c>
      <c r="C47743" s="14" t="s">
        <v>96</v>
      </c>
      <c r="D47743" s="14" t="s">
        <v>193</v>
      </c>
      <c r="E47743" s="15">
        <v>45669</v>
      </c>
      <c r="F47743" s="14" t="s">
        <v>15</v>
      </c>
      <c r="G47743" s="16">
        <v>0</v>
      </c>
    </row>
    <row r="47744" spans="1:7" x14ac:dyDescent="0.3">
      <c r="A47744" s="13" t="s">
        <v>272</v>
      </c>
      <c r="B47744" s="14" t="s">
        <v>1</v>
      </c>
      <c r="C47744" s="14" t="s">
        <v>96</v>
      </c>
      <c r="D47744" s="14" t="s">
        <v>193</v>
      </c>
      <c r="E47744" s="15">
        <v>45670</v>
      </c>
      <c r="F47744" s="14" t="s">
        <v>15</v>
      </c>
      <c r="G47744" s="16">
        <v>0</v>
      </c>
    </row>
    <row r="47745" spans="1:7" x14ac:dyDescent="0.3">
      <c r="A47745" s="13" t="s">
        <v>272</v>
      </c>
      <c r="B47745" s="14" t="s">
        <v>1</v>
      </c>
      <c r="C47745" s="14" t="s">
        <v>96</v>
      </c>
      <c r="D47745" s="14" t="s">
        <v>193</v>
      </c>
      <c r="E47745" s="15">
        <v>45671</v>
      </c>
      <c r="F47745" s="14" t="s">
        <v>15</v>
      </c>
      <c r="G47745" s="16">
        <v>0</v>
      </c>
    </row>
    <row r="47746" spans="1:7" x14ac:dyDescent="0.3">
      <c r="A47746" s="13" t="s">
        <v>272</v>
      </c>
      <c r="B47746" s="14" t="s">
        <v>1</v>
      </c>
      <c r="C47746" s="14" t="s">
        <v>96</v>
      </c>
      <c r="D47746" s="14" t="s">
        <v>193</v>
      </c>
      <c r="E47746" s="15">
        <v>45672</v>
      </c>
      <c r="F47746" s="14" t="s">
        <v>15</v>
      </c>
      <c r="G47746" s="16">
        <v>0</v>
      </c>
    </row>
    <row r="47747" spans="1:7" x14ac:dyDescent="0.3">
      <c r="A47747" s="13" t="s">
        <v>272</v>
      </c>
      <c r="B47747" s="14" t="s">
        <v>1</v>
      </c>
      <c r="C47747" s="14" t="s">
        <v>96</v>
      </c>
      <c r="D47747" s="14" t="s">
        <v>193</v>
      </c>
      <c r="E47747" s="15">
        <v>45673</v>
      </c>
      <c r="F47747" s="14" t="s">
        <v>15</v>
      </c>
      <c r="G47747" s="16">
        <v>0</v>
      </c>
    </row>
    <row r="47748" spans="1:7" x14ac:dyDescent="0.3">
      <c r="A47748" s="13" t="s">
        <v>272</v>
      </c>
      <c r="B47748" s="14" t="s">
        <v>1</v>
      </c>
      <c r="C47748" s="14" t="s">
        <v>96</v>
      </c>
      <c r="D47748" s="14" t="s">
        <v>193</v>
      </c>
      <c r="E47748" s="15">
        <v>45674</v>
      </c>
      <c r="F47748" s="14" t="s">
        <v>15</v>
      </c>
      <c r="G47748" s="16">
        <v>0</v>
      </c>
    </row>
    <row r="47749" spans="1:7" x14ac:dyDescent="0.3">
      <c r="A47749" s="13" t="s">
        <v>272</v>
      </c>
      <c r="B47749" s="14" t="s">
        <v>1</v>
      </c>
      <c r="C47749" s="14" t="s">
        <v>96</v>
      </c>
      <c r="D47749" s="14" t="s">
        <v>193</v>
      </c>
      <c r="E47749" s="15">
        <v>45675</v>
      </c>
      <c r="F47749" s="14" t="s">
        <v>15</v>
      </c>
      <c r="G47749" s="16">
        <v>0</v>
      </c>
    </row>
    <row r="47750" spans="1:7" x14ac:dyDescent="0.3">
      <c r="A47750" s="13" t="s">
        <v>272</v>
      </c>
      <c r="B47750" s="14" t="s">
        <v>1</v>
      </c>
      <c r="C47750" s="14" t="s">
        <v>96</v>
      </c>
      <c r="D47750" s="14" t="s">
        <v>193</v>
      </c>
      <c r="E47750" s="15">
        <v>45676</v>
      </c>
      <c r="F47750" s="14" t="s">
        <v>15</v>
      </c>
      <c r="G47750" s="16">
        <v>0</v>
      </c>
    </row>
    <row r="47751" spans="1:7" x14ac:dyDescent="0.3">
      <c r="A47751" s="13" t="s">
        <v>272</v>
      </c>
      <c r="B47751" s="14" t="s">
        <v>1</v>
      </c>
      <c r="C47751" s="14" t="s">
        <v>96</v>
      </c>
      <c r="D47751" s="14" t="s">
        <v>193</v>
      </c>
      <c r="E47751" s="15">
        <v>45677</v>
      </c>
      <c r="F47751" s="14" t="s">
        <v>15</v>
      </c>
      <c r="G47751" s="16">
        <v>0</v>
      </c>
    </row>
    <row r="47752" spans="1:7" x14ac:dyDescent="0.3">
      <c r="A47752" s="13" t="s">
        <v>272</v>
      </c>
      <c r="B47752" s="14" t="s">
        <v>1</v>
      </c>
      <c r="C47752" s="14" t="s">
        <v>96</v>
      </c>
      <c r="D47752" s="14" t="s">
        <v>193</v>
      </c>
      <c r="E47752" s="15">
        <v>45678</v>
      </c>
      <c r="F47752" s="14" t="s">
        <v>15</v>
      </c>
      <c r="G47752" s="16">
        <v>0</v>
      </c>
    </row>
    <row r="47753" spans="1:7" x14ac:dyDescent="0.3">
      <c r="A47753" s="13" t="s">
        <v>272</v>
      </c>
      <c r="B47753" s="14" t="s">
        <v>1</v>
      </c>
      <c r="C47753" s="14" t="s">
        <v>96</v>
      </c>
      <c r="D47753" s="14" t="s">
        <v>193</v>
      </c>
      <c r="E47753" s="15">
        <v>45679</v>
      </c>
      <c r="F47753" s="14" t="s">
        <v>15</v>
      </c>
      <c r="G47753" s="16">
        <v>0</v>
      </c>
    </row>
    <row r="47754" spans="1:7" x14ac:dyDescent="0.3">
      <c r="A47754" s="13" t="s">
        <v>272</v>
      </c>
      <c r="B47754" s="14" t="s">
        <v>1</v>
      </c>
      <c r="C47754" s="14" t="s">
        <v>96</v>
      </c>
      <c r="D47754" s="14" t="s">
        <v>193</v>
      </c>
      <c r="E47754" s="15">
        <v>45680</v>
      </c>
      <c r="F47754" s="14" t="s">
        <v>15</v>
      </c>
      <c r="G47754" s="16">
        <v>0</v>
      </c>
    </row>
    <row r="47755" spans="1:7" x14ac:dyDescent="0.3">
      <c r="A47755" s="13" t="s">
        <v>272</v>
      </c>
      <c r="B47755" s="14" t="s">
        <v>1</v>
      </c>
      <c r="C47755" s="14" t="s">
        <v>96</v>
      </c>
      <c r="D47755" s="14" t="s">
        <v>193</v>
      </c>
      <c r="E47755" s="15">
        <v>45681</v>
      </c>
      <c r="F47755" s="14" t="s">
        <v>15</v>
      </c>
      <c r="G47755" s="16">
        <v>0</v>
      </c>
    </row>
    <row r="47756" spans="1:7" x14ac:dyDescent="0.3">
      <c r="A47756" s="13" t="s">
        <v>272</v>
      </c>
      <c r="B47756" s="14" t="s">
        <v>1</v>
      </c>
      <c r="C47756" s="14" t="s">
        <v>96</v>
      </c>
      <c r="D47756" s="14" t="s">
        <v>193</v>
      </c>
      <c r="E47756" s="15">
        <v>45682</v>
      </c>
      <c r="F47756" s="14" t="s">
        <v>15</v>
      </c>
      <c r="G47756" s="16">
        <v>0</v>
      </c>
    </row>
    <row r="47757" spans="1:7" x14ac:dyDescent="0.3">
      <c r="A47757" s="13" t="s">
        <v>272</v>
      </c>
      <c r="B47757" s="14" t="s">
        <v>1</v>
      </c>
      <c r="C47757" s="14" t="s">
        <v>96</v>
      </c>
      <c r="D47757" s="14" t="s">
        <v>193</v>
      </c>
      <c r="E47757" s="15">
        <v>45683</v>
      </c>
      <c r="F47757" s="14" t="s">
        <v>15</v>
      </c>
      <c r="G47757" s="16">
        <v>0</v>
      </c>
    </row>
    <row r="47758" spans="1:7" x14ac:dyDescent="0.3">
      <c r="A47758" s="13" t="s">
        <v>272</v>
      </c>
      <c r="B47758" s="14" t="s">
        <v>1</v>
      </c>
      <c r="C47758" s="14" t="s">
        <v>96</v>
      </c>
      <c r="D47758" s="14" t="s">
        <v>193</v>
      </c>
      <c r="E47758" s="15">
        <v>45684</v>
      </c>
      <c r="F47758" s="14" t="s">
        <v>15</v>
      </c>
      <c r="G47758" s="16">
        <v>0</v>
      </c>
    </row>
    <row r="47759" spans="1:7" x14ac:dyDescent="0.3">
      <c r="A47759" s="13" t="s">
        <v>272</v>
      </c>
      <c r="B47759" s="14" t="s">
        <v>1</v>
      </c>
      <c r="C47759" s="14" t="s">
        <v>96</v>
      </c>
      <c r="D47759" s="14" t="s">
        <v>193</v>
      </c>
      <c r="E47759" s="15">
        <v>45685</v>
      </c>
      <c r="F47759" s="14" t="s">
        <v>15</v>
      </c>
      <c r="G47759" s="16">
        <v>0</v>
      </c>
    </row>
    <row r="47760" spans="1:7" x14ac:dyDescent="0.3">
      <c r="A47760" s="13" t="s">
        <v>272</v>
      </c>
      <c r="B47760" s="14" t="s">
        <v>1</v>
      </c>
      <c r="C47760" s="14" t="s">
        <v>96</v>
      </c>
      <c r="D47760" s="14" t="s">
        <v>193</v>
      </c>
      <c r="E47760" s="15">
        <v>45686</v>
      </c>
      <c r="F47760" s="14" t="s">
        <v>15</v>
      </c>
      <c r="G47760" s="16">
        <v>0</v>
      </c>
    </row>
    <row r="47761" spans="1:7" x14ac:dyDescent="0.3">
      <c r="A47761" s="13" t="s">
        <v>272</v>
      </c>
      <c r="B47761" s="14" t="s">
        <v>1</v>
      </c>
      <c r="C47761" s="14" t="s">
        <v>96</v>
      </c>
      <c r="D47761" s="14" t="s">
        <v>193</v>
      </c>
      <c r="E47761" s="15">
        <v>45687</v>
      </c>
      <c r="F47761" s="14" t="s">
        <v>15</v>
      </c>
      <c r="G47761" s="16">
        <v>0</v>
      </c>
    </row>
    <row r="47762" spans="1:7" x14ac:dyDescent="0.3">
      <c r="A47762" s="13" t="s">
        <v>272</v>
      </c>
      <c r="B47762" s="14" t="s">
        <v>1</v>
      </c>
      <c r="C47762" s="14" t="s">
        <v>96</v>
      </c>
      <c r="D47762" s="14" t="s">
        <v>193</v>
      </c>
      <c r="E47762" s="15">
        <v>45688</v>
      </c>
      <c r="F47762" s="14" t="s">
        <v>15</v>
      </c>
      <c r="G47762" s="16">
        <v>0</v>
      </c>
    </row>
    <row r="47763" spans="1:7" x14ac:dyDescent="0.3">
      <c r="A47763" s="13" t="s">
        <v>272</v>
      </c>
      <c r="B47763" s="14" t="s">
        <v>1</v>
      </c>
      <c r="C47763" s="14" t="s">
        <v>96</v>
      </c>
      <c r="D47763" s="14" t="s">
        <v>193</v>
      </c>
      <c r="E47763" s="15">
        <v>45689</v>
      </c>
      <c r="F47763" s="14" t="s">
        <v>15</v>
      </c>
      <c r="G47763" s="16">
        <v>0</v>
      </c>
    </row>
    <row r="47764" spans="1:7" x14ac:dyDescent="0.3">
      <c r="A47764" s="13" t="s">
        <v>272</v>
      </c>
      <c r="B47764" s="14" t="s">
        <v>1</v>
      </c>
      <c r="C47764" s="14" t="s">
        <v>96</v>
      </c>
      <c r="D47764" s="14" t="s">
        <v>193</v>
      </c>
      <c r="E47764" s="15">
        <v>45690</v>
      </c>
      <c r="F47764" s="14" t="s">
        <v>15</v>
      </c>
      <c r="G47764" s="16">
        <v>0</v>
      </c>
    </row>
    <row r="47765" spans="1:7" x14ac:dyDescent="0.3">
      <c r="A47765" s="13" t="s">
        <v>272</v>
      </c>
      <c r="B47765" s="14" t="s">
        <v>1</v>
      </c>
      <c r="C47765" s="14" t="s">
        <v>96</v>
      </c>
      <c r="D47765" s="14" t="s">
        <v>193</v>
      </c>
      <c r="E47765" s="15">
        <v>45691</v>
      </c>
      <c r="F47765" s="14" t="s">
        <v>15</v>
      </c>
      <c r="G47765" s="16">
        <v>0</v>
      </c>
    </row>
    <row r="47766" spans="1:7" x14ac:dyDescent="0.3">
      <c r="A47766" s="13" t="s">
        <v>272</v>
      </c>
      <c r="B47766" s="14" t="s">
        <v>1</v>
      </c>
      <c r="C47766" s="14" t="s">
        <v>96</v>
      </c>
      <c r="D47766" s="14" t="s">
        <v>193</v>
      </c>
      <c r="E47766" s="15">
        <v>45692</v>
      </c>
      <c r="F47766" s="14" t="s">
        <v>15</v>
      </c>
      <c r="G47766" s="16">
        <v>0</v>
      </c>
    </row>
    <row r="47767" spans="1:7" x14ac:dyDescent="0.3">
      <c r="A47767" s="13" t="s">
        <v>272</v>
      </c>
      <c r="B47767" s="14" t="s">
        <v>1</v>
      </c>
      <c r="C47767" s="14" t="s">
        <v>96</v>
      </c>
      <c r="D47767" s="14" t="s">
        <v>193</v>
      </c>
      <c r="E47767" s="15">
        <v>45693</v>
      </c>
      <c r="F47767" s="14" t="s">
        <v>15</v>
      </c>
      <c r="G47767" s="16">
        <v>0</v>
      </c>
    </row>
    <row r="47768" spans="1:7" x14ac:dyDescent="0.3">
      <c r="A47768" s="13" t="s">
        <v>272</v>
      </c>
      <c r="B47768" s="14" t="s">
        <v>1</v>
      </c>
      <c r="C47768" s="14" t="s">
        <v>96</v>
      </c>
      <c r="D47768" s="14" t="s">
        <v>193</v>
      </c>
      <c r="E47768" s="15">
        <v>45694</v>
      </c>
      <c r="F47768" s="14" t="s">
        <v>15</v>
      </c>
      <c r="G47768" s="16">
        <v>0</v>
      </c>
    </row>
    <row r="47769" spans="1:7" x14ac:dyDescent="0.3">
      <c r="A47769" s="13" t="s">
        <v>272</v>
      </c>
      <c r="B47769" s="14" t="s">
        <v>1</v>
      </c>
      <c r="C47769" s="14" t="s">
        <v>96</v>
      </c>
      <c r="D47769" s="14" t="s">
        <v>193</v>
      </c>
      <c r="E47769" s="15">
        <v>45695</v>
      </c>
      <c r="F47769" s="14" t="s">
        <v>15</v>
      </c>
      <c r="G47769" s="16">
        <v>0</v>
      </c>
    </row>
    <row r="47770" spans="1:7" x14ac:dyDescent="0.3">
      <c r="A47770" s="13" t="s">
        <v>272</v>
      </c>
      <c r="B47770" s="14" t="s">
        <v>1</v>
      </c>
      <c r="C47770" s="14" t="s">
        <v>96</v>
      </c>
      <c r="D47770" s="14" t="s">
        <v>193</v>
      </c>
      <c r="E47770" s="15">
        <v>45696</v>
      </c>
      <c r="F47770" s="14" t="s">
        <v>15</v>
      </c>
      <c r="G47770" s="16">
        <v>0</v>
      </c>
    </row>
    <row r="47771" spans="1:7" x14ac:dyDescent="0.3">
      <c r="A47771" s="13" t="s">
        <v>272</v>
      </c>
      <c r="B47771" s="14" t="s">
        <v>1</v>
      </c>
      <c r="C47771" s="14" t="s">
        <v>96</v>
      </c>
      <c r="D47771" s="14" t="s">
        <v>193</v>
      </c>
      <c r="E47771" s="15">
        <v>45697</v>
      </c>
      <c r="F47771" s="14" t="s">
        <v>15</v>
      </c>
      <c r="G47771" s="16">
        <v>0</v>
      </c>
    </row>
    <row r="47772" spans="1:7" x14ac:dyDescent="0.3">
      <c r="A47772" s="13" t="s">
        <v>272</v>
      </c>
      <c r="B47772" s="14" t="s">
        <v>1</v>
      </c>
      <c r="C47772" s="14" t="s">
        <v>96</v>
      </c>
      <c r="D47772" s="14" t="s">
        <v>193</v>
      </c>
      <c r="E47772" s="15">
        <v>45698</v>
      </c>
      <c r="F47772" s="14" t="s">
        <v>15</v>
      </c>
      <c r="G47772" s="16">
        <v>0</v>
      </c>
    </row>
    <row r="47773" spans="1:7" x14ac:dyDescent="0.3">
      <c r="A47773" s="13" t="s">
        <v>272</v>
      </c>
      <c r="B47773" s="14" t="s">
        <v>1</v>
      </c>
      <c r="C47773" s="14" t="s">
        <v>96</v>
      </c>
      <c r="D47773" s="14" t="s">
        <v>193</v>
      </c>
      <c r="E47773" s="15">
        <v>45699</v>
      </c>
      <c r="F47773" s="14" t="s">
        <v>15</v>
      </c>
      <c r="G47773" s="16">
        <v>0</v>
      </c>
    </row>
    <row r="47774" spans="1:7" x14ac:dyDescent="0.3">
      <c r="A47774" s="13" t="s">
        <v>272</v>
      </c>
      <c r="B47774" s="14" t="s">
        <v>1</v>
      </c>
      <c r="C47774" s="14" t="s">
        <v>96</v>
      </c>
      <c r="D47774" s="14" t="s">
        <v>193</v>
      </c>
      <c r="E47774" s="15">
        <v>45700</v>
      </c>
      <c r="F47774" s="14" t="s">
        <v>15</v>
      </c>
      <c r="G47774" s="16">
        <v>0</v>
      </c>
    </row>
    <row r="47775" spans="1:7" x14ac:dyDescent="0.3">
      <c r="A47775" s="13" t="s">
        <v>272</v>
      </c>
      <c r="B47775" s="14" t="s">
        <v>1</v>
      </c>
      <c r="C47775" s="14" t="s">
        <v>96</v>
      </c>
      <c r="D47775" s="14" t="s">
        <v>193</v>
      </c>
      <c r="E47775" s="15">
        <v>45701</v>
      </c>
      <c r="F47775" s="14" t="s">
        <v>15</v>
      </c>
      <c r="G47775" s="16">
        <v>0</v>
      </c>
    </row>
    <row r="47776" spans="1:7" x14ac:dyDescent="0.3">
      <c r="A47776" s="13" t="s">
        <v>272</v>
      </c>
      <c r="B47776" s="14" t="s">
        <v>1</v>
      </c>
      <c r="C47776" s="14" t="s">
        <v>96</v>
      </c>
      <c r="D47776" s="14" t="s">
        <v>193</v>
      </c>
      <c r="E47776" s="15">
        <v>45702</v>
      </c>
      <c r="F47776" s="14" t="s">
        <v>15</v>
      </c>
      <c r="G47776" s="16">
        <v>0</v>
      </c>
    </row>
    <row r="47777" spans="1:7" x14ac:dyDescent="0.3">
      <c r="A47777" s="13" t="s">
        <v>272</v>
      </c>
      <c r="B47777" s="14" t="s">
        <v>1</v>
      </c>
      <c r="C47777" s="14" t="s">
        <v>96</v>
      </c>
      <c r="D47777" s="14" t="s">
        <v>193</v>
      </c>
      <c r="E47777" s="15">
        <v>45703</v>
      </c>
      <c r="F47777" s="14" t="s">
        <v>15</v>
      </c>
      <c r="G47777" s="16">
        <v>0</v>
      </c>
    </row>
    <row r="47778" spans="1:7" x14ac:dyDescent="0.3">
      <c r="A47778" s="13" t="s">
        <v>272</v>
      </c>
      <c r="B47778" s="14" t="s">
        <v>1</v>
      </c>
      <c r="C47778" s="14" t="s">
        <v>96</v>
      </c>
      <c r="D47778" s="14" t="s">
        <v>193</v>
      </c>
      <c r="E47778" s="15">
        <v>45704</v>
      </c>
      <c r="F47778" s="14" t="s">
        <v>15</v>
      </c>
      <c r="G47778" s="16">
        <v>0</v>
      </c>
    </row>
    <row r="47779" spans="1:7" x14ac:dyDescent="0.3">
      <c r="A47779" s="13" t="s">
        <v>272</v>
      </c>
      <c r="B47779" s="14" t="s">
        <v>1</v>
      </c>
      <c r="C47779" s="14" t="s">
        <v>96</v>
      </c>
      <c r="D47779" s="14" t="s">
        <v>193</v>
      </c>
      <c r="E47779" s="15">
        <v>45705</v>
      </c>
      <c r="F47779" s="14" t="s">
        <v>15</v>
      </c>
      <c r="G47779" s="16">
        <v>0</v>
      </c>
    </row>
    <row r="47780" spans="1:7" x14ac:dyDescent="0.3">
      <c r="A47780" s="13" t="s">
        <v>272</v>
      </c>
      <c r="B47780" s="14" t="s">
        <v>1</v>
      </c>
      <c r="C47780" s="14" t="s">
        <v>96</v>
      </c>
      <c r="D47780" s="14" t="s">
        <v>193</v>
      </c>
      <c r="E47780" s="15">
        <v>45706</v>
      </c>
      <c r="F47780" s="14" t="s">
        <v>15</v>
      </c>
      <c r="G47780" s="16">
        <v>0</v>
      </c>
    </row>
    <row r="47781" spans="1:7" x14ac:dyDescent="0.3">
      <c r="A47781" s="13" t="s">
        <v>272</v>
      </c>
      <c r="B47781" s="14" t="s">
        <v>1</v>
      </c>
      <c r="C47781" s="14" t="s">
        <v>96</v>
      </c>
      <c r="D47781" s="14" t="s">
        <v>193</v>
      </c>
      <c r="E47781" s="15">
        <v>45707</v>
      </c>
      <c r="F47781" s="14" t="s">
        <v>15</v>
      </c>
      <c r="G47781" s="16">
        <v>0</v>
      </c>
    </row>
    <row r="47782" spans="1:7" x14ac:dyDescent="0.3">
      <c r="A47782" s="13" t="s">
        <v>272</v>
      </c>
      <c r="B47782" s="14" t="s">
        <v>1</v>
      </c>
      <c r="C47782" s="14" t="s">
        <v>96</v>
      </c>
      <c r="D47782" s="14" t="s">
        <v>193</v>
      </c>
      <c r="E47782" s="15">
        <v>45708</v>
      </c>
      <c r="F47782" s="14" t="s">
        <v>15</v>
      </c>
      <c r="G47782" s="16">
        <v>0</v>
      </c>
    </row>
    <row r="47783" spans="1:7" x14ac:dyDescent="0.3">
      <c r="A47783" s="13" t="s">
        <v>272</v>
      </c>
      <c r="B47783" s="14" t="s">
        <v>1</v>
      </c>
      <c r="C47783" s="14" t="s">
        <v>96</v>
      </c>
      <c r="D47783" s="14" t="s">
        <v>193</v>
      </c>
      <c r="E47783" s="15">
        <v>45709</v>
      </c>
      <c r="F47783" s="14" t="s">
        <v>15</v>
      </c>
      <c r="G47783" s="16">
        <v>0</v>
      </c>
    </row>
    <row r="47784" spans="1:7" x14ac:dyDescent="0.3">
      <c r="A47784" s="13" t="s">
        <v>272</v>
      </c>
      <c r="B47784" s="14" t="s">
        <v>1</v>
      </c>
      <c r="C47784" s="14" t="s">
        <v>96</v>
      </c>
      <c r="D47784" s="14" t="s">
        <v>193</v>
      </c>
      <c r="E47784" s="15">
        <v>45710</v>
      </c>
      <c r="F47784" s="14" t="s">
        <v>15</v>
      </c>
      <c r="G47784" s="16">
        <v>0</v>
      </c>
    </row>
    <row r="47785" spans="1:7" x14ac:dyDescent="0.3">
      <c r="A47785" s="13" t="s">
        <v>272</v>
      </c>
      <c r="B47785" s="14" t="s">
        <v>1</v>
      </c>
      <c r="C47785" s="14" t="s">
        <v>96</v>
      </c>
      <c r="D47785" s="14" t="s">
        <v>193</v>
      </c>
      <c r="E47785" s="15">
        <v>45711</v>
      </c>
      <c r="F47785" s="14" t="s">
        <v>15</v>
      </c>
      <c r="G47785" s="16">
        <v>0</v>
      </c>
    </row>
    <row r="47786" spans="1:7" x14ac:dyDescent="0.3">
      <c r="A47786" s="13" t="s">
        <v>272</v>
      </c>
      <c r="B47786" s="14" t="s">
        <v>1</v>
      </c>
      <c r="C47786" s="14" t="s">
        <v>96</v>
      </c>
      <c r="D47786" s="14" t="s">
        <v>193</v>
      </c>
      <c r="E47786" s="15">
        <v>45712</v>
      </c>
      <c r="F47786" s="14" t="s">
        <v>15</v>
      </c>
      <c r="G47786" s="16">
        <v>0</v>
      </c>
    </row>
    <row r="47787" spans="1:7" x14ac:dyDescent="0.3">
      <c r="A47787" s="13" t="s">
        <v>272</v>
      </c>
      <c r="B47787" s="14" t="s">
        <v>1</v>
      </c>
      <c r="C47787" s="14" t="s">
        <v>96</v>
      </c>
      <c r="D47787" s="14" t="s">
        <v>193</v>
      </c>
      <c r="E47787" s="15">
        <v>45713</v>
      </c>
      <c r="F47787" s="14" t="s">
        <v>15</v>
      </c>
      <c r="G47787" s="16">
        <v>0</v>
      </c>
    </row>
    <row r="47788" spans="1:7" x14ac:dyDescent="0.3">
      <c r="A47788" s="13" t="s">
        <v>272</v>
      </c>
      <c r="B47788" s="14" t="s">
        <v>1</v>
      </c>
      <c r="C47788" s="14" t="s">
        <v>96</v>
      </c>
      <c r="D47788" s="14" t="s">
        <v>193</v>
      </c>
      <c r="E47788" s="15">
        <v>45714</v>
      </c>
      <c r="F47788" s="14" t="s">
        <v>15</v>
      </c>
      <c r="G47788" s="16">
        <v>0</v>
      </c>
    </row>
    <row r="47789" spans="1:7" x14ac:dyDescent="0.3">
      <c r="A47789" s="13" t="s">
        <v>272</v>
      </c>
      <c r="B47789" s="14" t="s">
        <v>1</v>
      </c>
      <c r="C47789" s="14" t="s">
        <v>96</v>
      </c>
      <c r="D47789" s="14" t="s">
        <v>193</v>
      </c>
      <c r="E47789" s="15">
        <v>45715</v>
      </c>
      <c r="F47789" s="14" t="s">
        <v>15</v>
      </c>
      <c r="G47789" s="16">
        <v>0</v>
      </c>
    </row>
    <row r="47790" spans="1:7" x14ac:dyDescent="0.3">
      <c r="A47790" s="13" t="s">
        <v>272</v>
      </c>
      <c r="B47790" s="14" t="s">
        <v>1</v>
      </c>
      <c r="C47790" s="14" t="s">
        <v>96</v>
      </c>
      <c r="D47790" s="14" t="s">
        <v>193</v>
      </c>
      <c r="E47790" s="15">
        <v>45716</v>
      </c>
      <c r="F47790" s="14" t="s">
        <v>15</v>
      </c>
      <c r="G47790" s="16">
        <v>0</v>
      </c>
    </row>
    <row r="47791" spans="1:7" x14ac:dyDescent="0.3">
      <c r="A47791" s="13" t="s">
        <v>272</v>
      </c>
      <c r="B47791" s="14" t="s">
        <v>1</v>
      </c>
      <c r="C47791" s="14" t="s">
        <v>96</v>
      </c>
      <c r="D47791" s="14" t="s">
        <v>193</v>
      </c>
      <c r="E47791" s="15">
        <v>45717</v>
      </c>
      <c r="F47791" s="14" t="s">
        <v>15</v>
      </c>
      <c r="G47791" s="16">
        <v>0</v>
      </c>
    </row>
    <row r="47792" spans="1:7" x14ac:dyDescent="0.3">
      <c r="A47792" s="13" t="s">
        <v>272</v>
      </c>
      <c r="B47792" s="14" t="s">
        <v>1</v>
      </c>
      <c r="C47792" s="14" t="s">
        <v>96</v>
      </c>
      <c r="D47792" s="14" t="s">
        <v>193</v>
      </c>
      <c r="E47792" s="15">
        <v>45718</v>
      </c>
      <c r="F47792" s="14" t="s">
        <v>15</v>
      </c>
      <c r="G47792" s="16">
        <v>0</v>
      </c>
    </row>
    <row r="47793" spans="1:7" x14ac:dyDescent="0.3">
      <c r="A47793" s="13" t="s">
        <v>272</v>
      </c>
      <c r="B47793" s="14" t="s">
        <v>1</v>
      </c>
      <c r="C47793" s="14" t="s">
        <v>96</v>
      </c>
      <c r="D47793" s="14" t="s">
        <v>193</v>
      </c>
      <c r="E47793" s="15">
        <v>45719</v>
      </c>
      <c r="F47793" s="14" t="s">
        <v>15</v>
      </c>
      <c r="G47793" s="16">
        <v>0</v>
      </c>
    </row>
    <row r="47794" spans="1:7" x14ac:dyDescent="0.3">
      <c r="A47794" s="13" t="s">
        <v>272</v>
      </c>
      <c r="B47794" s="14" t="s">
        <v>1</v>
      </c>
      <c r="C47794" s="14" t="s">
        <v>96</v>
      </c>
      <c r="D47794" s="14" t="s">
        <v>193</v>
      </c>
      <c r="E47794" s="15">
        <v>45720</v>
      </c>
      <c r="F47794" s="14" t="s">
        <v>15</v>
      </c>
      <c r="G47794" s="16">
        <v>0</v>
      </c>
    </row>
    <row r="47795" spans="1:7" x14ac:dyDescent="0.3">
      <c r="A47795" s="13" t="s">
        <v>272</v>
      </c>
      <c r="B47795" s="14" t="s">
        <v>1</v>
      </c>
      <c r="C47795" s="14" t="s">
        <v>96</v>
      </c>
      <c r="D47795" s="14" t="s">
        <v>193</v>
      </c>
      <c r="E47795" s="15">
        <v>45721</v>
      </c>
      <c r="F47795" s="14" t="s">
        <v>15</v>
      </c>
      <c r="G47795" s="16">
        <v>0</v>
      </c>
    </row>
    <row r="47796" spans="1:7" x14ac:dyDescent="0.3">
      <c r="A47796" s="13" t="s">
        <v>272</v>
      </c>
      <c r="B47796" s="14" t="s">
        <v>1</v>
      </c>
      <c r="C47796" s="14" t="s">
        <v>96</v>
      </c>
      <c r="D47796" s="14" t="s">
        <v>193</v>
      </c>
      <c r="E47796" s="15">
        <v>45722</v>
      </c>
      <c r="F47796" s="14" t="s">
        <v>15</v>
      </c>
      <c r="G47796" s="16">
        <v>0</v>
      </c>
    </row>
    <row r="47797" spans="1:7" x14ac:dyDescent="0.3">
      <c r="A47797" s="13" t="s">
        <v>272</v>
      </c>
      <c r="B47797" s="14" t="s">
        <v>1</v>
      </c>
      <c r="C47797" s="14" t="s">
        <v>96</v>
      </c>
      <c r="D47797" s="14" t="s">
        <v>193</v>
      </c>
      <c r="E47797" s="15">
        <v>45723</v>
      </c>
      <c r="F47797" s="14" t="s">
        <v>15</v>
      </c>
      <c r="G47797" s="16">
        <v>0</v>
      </c>
    </row>
    <row r="47798" spans="1:7" x14ac:dyDescent="0.3">
      <c r="A47798" s="13" t="s">
        <v>272</v>
      </c>
      <c r="B47798" s="14" t="s">
        <v>1</v>
      </c>
      <c r="C47798" s="14" t="s">
        <v>96</v>
      </c>
      <c r="D47798" s="14" t="s">
        <v>193</v>
      </c>
      <c r="E47798" s="15">
        <v>45724</v>
      </c>
      <c r="F47798" s="14" t="s">
        <v>15</v>
      </c>
      <c r="G47798" s="16">
        <v>0</v>
      </c>
    </row>
    <row r="47799" spans="1:7" x14ac:dyDescent="0.3">
      <c r="A47799" s="13" t="s">
        <v>272</v>
      </c>
      <c r="B47799" s="14" t="s">
        <v>1</v>
      </c>
      <c r="C47799" s="14" t="s">
        <v>96</v>
      </c>
      <c r="D47799" s="14" t="s">
        <v>193</v>
      </c>
      <c r="E47799" s="15">
        <v>45725</v>
      </c>
      <c r="F47799" s="14" t="s">
        <v>15</v>
      </c>
      <c r="G47799" s="16">
        <v>0</v>
      </c>
    </row>
    <row r="47800" spans="1:7" x14ac:dyDescent="0.3">
      <c r="A47800" s="13" t="s">
        <v>272</v>
      </c>
      <c r="B47800" s="14" t="s">
        <v>1</v>
      </c>
      <c r="C47800" s="14" t="s">
        <v>96</v>
      </c>
      <c r="D47800" s="14" t="s">
        <v>193</v>
      </c>
      <c r="E47800" s="15">
        <v>45726</v>
      </c>
      <c r="F47800" s="14" t="s">
        <v>15</v>
      </c>
      <c r="G47800" s="16">
        <v>0</v>
      </c>
    </row>
    <row r="47801" spans="1:7" x14ac:dyDescent="0.3">
      <c r="A47801" s="13" t="s">
        <v>272</v>
      </c>
      <c r="B47801" s="14" t="s">
        <v>1</v>
      </c>
      <c r="C47801" s="14" t="s">
        <v>96</v>
      </c>
      <c r="D47801" s="14" t="s">
        <v>193</v>
      </c>
      <c r="E47801" s="15">
        <v>45727</v>
      </c>
      <c r="F47801" s="14" t="s">
        <v>15</v>
      </c>
      <c r="G47801" s="16">
        <v>0</v>
      </c>
    </row>
    <row r="47802" spans="1:7" x14ac:dyDescent="0.3">
      <c r="A47802" s="13" t="s">
        <v>272</v>
      </c>
      <c r="B47802" s="14" t="s">
        <v>1</v>
      </c>
      <c r="C47802" s="14" t="s">
        <v>96</v>
      </c>
      <c r="D47802" s="14" t="s">
        <v>193</v>
      </c>
      <c r="E47802" s="15">
        <v>45728</v>
      </c>
      <c r="F47802" s="14" t="s">
        <v>15</v>
      </c>
      <c r="G47802" s="16">
        <v>0</v>
      </c>
    </row>
    <row r="47803" spans="1:7" x14ac:dyDescent="0.3">
      <c r="A47803" s="13" t="s">
        <v>272</v>
      </c>
      <c r="B47803" s="14" t="s">
        <v>1</v>
      </c>
      <c r="C47803" s="14" t="s">
        <v>96</v>
      </c>
      <c r="D47803" s="14" t="s">
        <v>193</v>
      </c>
      <c r="E47803" s="15">
        <v>45729</v>
      </c>
      <c r="F47803" s="14" t="s">
        <v>15</v>
      </c>
      <c r="G47803" s="16">
        <v>0</v>
      </c>
    </row>
    <row r="47804" spans="1:7" x14ac:dyDescent="0.3">
      <c r="A47804" s="13" t="s">
        <v>272</v>
      </c>
      <c r="B47804" s="14" t="s">
        <v>1</v>
      </c>
      <c r="C47804" s="14" t="s">
        <v>96</v>
      </c>
      <c r="D47804" s="14" t="s">
        <v>193</v>
      </c>
      <c r="E47804" s="15">
        <v>45730</v>
      </c>
      <c r="F47804" s="14" t="s">
        <v>15</v>
      </c>
      <c r="G47804" s="16">
        <v>0</v>
      </c>
    </row>
    <row r="47805" spans="1:7" x14ac:dyDescent="0.3">
      <c r="A47805" s="13" t="s">
        <v>272</v>
      </c>
      <c r="B47805" s="14" t="s">
        <v>1</v>
      </c>
      <c r="C47805" s="14" t="s">
        <v>96</v>
      </c>
      <c r="D47805" s="14" t="s">
        <v>193</v>
      </c>
      <c r="E47805" s="15">
        <v>45731</v>
      </c>
      <c r="F47805" s="14" t="s">
        <v>15</v>
      </c>
      <c r="G47805" s="16">
        <v>0</v>
      </c>
    </row>
    <row r="47806" spans="1:7" x14ac:dyDescent="0.3">
      <c r="A47806" s="13" t="s">
        <v>272</v>
      </c>
      <c r="B47806" s="14" t="s">
        <v>1</v>
      </c>
      <c r="C47806" s="14" t="s">
        <v>96</v>
      </c>
      <c r="D47806" s="14" t="s">
        <v>193</v>
      </c>
      <c r="E47806" s="15">
        <v>45732</v>
      </c>
      <c r="F47806" s="14" t="s">
        <v>15</v>
      </c>
      <c r="G47806" s="16">
        <v>0</v>
      </c>
    </row>
    <row r="47807" spans="1:7" x14ac:dyDescent="0.3">
      <c r="A47807" s="13" t="s">
        <v>272</v>
      </c>
      <c r="B47807" s="14" t="s">
        <v>1</v>
      </c>
      <c r="C47807" s="14" t="s">
        <v>96</v>
      </c>
      <c r="D47807" s="14" t="s">
        <v>193</v>
      </c>
      <c r="E47807" s="15">
        <v>45733</v>
      </c>
      <c r="F47807" s="14" t="s">
        <v>15</v>
      </c>
      <c r="G47807" s="16">
        <v>0</v>
      </c>
    </row>
    <row r="47808" spans="1:7" x14ac:dyDescent="0.3">
      <c r="A47808" s="13" t="s">
        <v>272</v>
      </c>
      <c r="B47808" s="14" t="s">
        <v>1</v>
      </c>
      <c r="C47808" s="14" t="s">
        <v>96</v>
      </c>
      <c r="D47808" s="14" t="s">
        <v>193</v>
      </c>
      <c r="E47808" s="15">
        <v>45734</v>
      </c>
      <c r="F47808" s="14" t="s">
        <v>15</v>
      </c>
      <c r="G47808" s="16">
        <v>0</v>
      </c>
    </row>
    <row r="47809" spans="1:7" x14ac:dyDescent="0.3">
      <c r="A47809" s="13" t="s">
        <v>272</v>
      </c>
      <c r="B47809" s="14" t="s">
        <v>1</v>
      </c>
      <c r="C47809" s="14" t="s">
        <v>96</v>
      </c>
      <c r="D47809" s="14" t="s">
        <v>193</v>
      </c>
      <c r="E47809" s="15">
        <v>45735</v>
      </c>
      <c r="F47809" s="14" t="s">
        <v>15</v>
      </c>
      <c r="G47809" s="16">
        <v>0</v>
      </c>
    </row>
    <row r="47810" spans="1:7" x14ac:dyDescent="0.3">
      <c r="A47810" s="13" t="s">
        <v>272</v>
      </c>
      <c r="B47810" s="14" t="s">
        <v>1</v>
      </c>
      <c r="C47810" s="14" t="s">
        <v>96</v>
      </c>
      <c r="D47810" s="14" t="s">
        <v>193</v>
      </c>
      <c r="E47810" s="15">
        <v>45736</v>
      </c>
      <c r="F47810" s="14" t="s">
        <v>15</v>
      </c>
      <c r="G47810" s="16">
        <v>0</v>
      </c>
    </row>
    <row r="47811" spans="1:7" x14ac:dyDescent="0.3">
      <c r="A47811" s="13" t="s">
        <v>272</v>
      </c>
      <c r="B47811" s="14" t="s">
        <v>1</v>
      </c>
      <c r="C47811" s="14" t="s">
        <v>96</v>
      </c>
      <c r="D47811" s="14" t="s">
        <v>193</v>
      </c>
      <c r="E47811" s="15">
        <v>45737</v>
      </c>
      <c r="F47811" s="14" t="s">
        <v>15</v>
      </c>
      <c r="G47811" s="16">
        <v>0</v>
      </c>
    </row>
    <row r="47812" spans="1:7" x14ac:dyDescent="0.3">
      <c r="A47812" s="13" t="s">
        <v>272</v>
      </c>
      <c r="B47812" s="14" t="s">
        <v>1</v>
      </c>
      <c r="C47812" s="14" t="s">
        <v>96</v>
      </c>
      <c r="D47812" s="14" t="s">
        <v>193</v>
      </c>
      <c r="E47812" s="15">
        <v>45738</v>
      </c>
      <c r="F47812" s="14" t="s">
        <v>15</v>
      </c>
      <c r="G47812" s="16">
        <v>0</v>
      </c>
    </row>
    <row r="47813" spans="1:7" x14ac:dyDescent="0.3">
      <c r="A47813" s="13" t="s">
        <v>272</v>
      </c>
      <c r="B47813" s="14" t="s">
        <v>1</v>
      </c>
      <c r="C47813" s="14" t="s">
        <v>96</v>
      </c>
      <c r="D47813" s="14" t="s">
        <v>193</v>
      </c>
      <c r="E47813" s="15">
        <v>45739</v>
      </c>
      <c r="F47813" s="14" t="s">
        <v>15</v>
      </c>
      <c r="G47813" s="16">
        <v>0</v>
      </c>
    </row>
    <row r="47814" spans="1:7" x14ac:dyDescent="0.3">
      <c r="A47814" s="13" t="s">
        <v>272</v>
      </c>
      <c r="B47814" s="14" t="s">
        <v>1</v>
      </c>
      <c r="C47814" s="14" t="s">
        <v>96</v>
      </c>
      <c r="D47814" s="14" t="s">
        <v>193</v>
      </c>
      <c r="E47814" s="15">
        <v>45740</v>
      </c>
      <c r="F47814" s="14" t="s">
        <v>15</v>
      </c>
      <c r="G47814" s="16">
        <v>0</v>
      </c>
    </row>
    <row r="47815" spans="1:7" x14ac:dyDescent="0.3">
      <c r="A47815" s="13" t="s">
        <v>272</v>
      </c>
      <c r="B47815" s="14" t="s">
        <v>1</v>
      </c>
      <c r="C47815" s="14" t="s">
        <v>96</v>
      </c>
      <c r="D47815" s="14" t="s">
        <v>193</v>
      </c>
      <c r="E47815" s="15">
        <v>45741</v>
      </c>
      <c r="F47815" s="14" t="s">
        <v>15</v>
      </c>
      <c r="G47815" s="16">
        <v>0</v>
      </c>
    </row>
    <row r="47816" spans="1:7" x14ac:dyDescent="0.3">
      <c r="A47816" s="13" t="s">
        <v>272</v>
      </c>
      <c r="B47816" s="14" t="s">
        <v>1</v>
      </c>
      <c r="C47816" s="14" t="s">
        <v>96</v>
      </c>
      <c r="D47816" s="14" t="s">
        <v>193</v>
      </c>
      <c r="E47816" s="15">
        <v>45742</v>
      </c>
      <c r="F47816" s="14" t="s">
        <v>15</v>
      </c>
      <c r="G47816" s="16">
        <v>1.2333333333333345E-2</v>
      </c>
    </row>
    <row r="47817" spans="1:7" x14ac:dyDescent="0.3">
      <c r="A47817" s="13" t="s">
        <v>272</v>
      </c>
      <c r="B47817" s="14" t="s">
        <v>1</v>
      </c>
      <c r="C47817" s="14" t="s">
        <v>96</v>
      </c>
      <c r="D47817" s="14" t="s">
        <v>193</v>
      </c>
      <c r="E47817" s="15">
        <v>45743</v>
      </c>
      <c r="F47817" s="14" t="s">
        <v>15</v>
      </c>
      <c r="G47817" s="16">
        <v>2.2666666666666689E-2</v>
      </c>
    </row>
    <row r="47818" spans="1:7" x14ac:dyDescent="0.3">
      <c r="A47818" s="13" t="s">
        <v>272</v>
      </c>
      <c r="B47818" s="14" t="s">
        <v>1</v>
      </c>
      <c r="C47818" s="14" t="s">
        <v>96</v>
      </c>
      <c r="D47818" s="14" t="s">
        <v>193</v>
      </c>
      <c r="E47818" s="15">
        <v>45744</v>
      </c>
      <c r="F47818" s="14" t="s">
        <v>15</v>
      </c>
      <c r="G47818" s="16">
        <v>1.5000000000000041E-2</v>
      </c>
    </row>
    <row r="47819" spans="1:7" x14ac:dyDescent="0.3">
      <c r="A47819" s="13" t="s">
        <v>272</v>
      </c>
      <c r="B47819" s="14" t="s">
        <v>1</v>
      </c>
      <c r="C47819" s="14" t="s">
        <v>96</v>
      </c>
      <c r="D47819" s="14" t="s">
        <v>193</v>
      </c>
      <c r="E47819" s="15">
        <v>45745</v>
      </c>
      <c r="F47819" s="14" t="s">
        <v>15</v>
      </c>
      <c r="G47819" s="16">
        <v>1.5000000000000041E-2</v>
      </c>
    </row>
    <row r="47820" spans="1:7" x14ac:dyDescent="0.3">
      <c r="A47820" s="13" t="s">
        <v>272</v>
      </c>
      <c r="B47820" s="14" t="s">
        <v>1</v>
      </c>
      <c r="C47820" s="14" t="s">
        <v>96</v>
      </c>
      <c r="D47820" s="14" t="s">
        <v>193</v>
      </c>
      <c r="E47820" s="15">
        <v>45746</v>
      </c>
      <c r="F47820" s="14" t="s">
        <v>15</v>
      </c>
      <c r="G47820" s="16">
        <v>1.5000000000000041E-2</v>
      </c>
    </row>
    <row r="47821" spans="1:7" x14ac:dyDescent="0.3">
      <c r="A47821" s="13" t="s">
        <v>272</v>
      </c>
      <c r="B47821" s="14" t="s">
        <v>1</v>
      </c>
      <c r="C47821" s="14" t="s">
        <v>96</v>
      </c>
      <c r="D47821" s="14" t="s">
        <v>193</v>
      </c>
      <c r="E47821" s="15">
        <v>45747</v>
      </c>
      <c r="F47821" s="14" t="s">
        <v>15</v>
      </c>
      <c r="G47821" s="16">
        <v>1.5000000000000041E-2</v>
      </c>
    </row>
    <row r="47822" spans="1:7" x14ac:dyDescent="0.3">
      <c r="A47822" s="13" t="s">
        <v>273</v>
      </c>
      <c r="B47822" s="14" t="s">
        <v>1</v>
      </c>
      <c r="C47822" s="14" t="s">
        <v>150</v>
      </c>
      <c r="D47822" s="14" t="s">
        <v>274</v>
      </c>
      <c r="E47822" s="15">
        <v>45383</v>
      </c>
      <c r="F47822" s="14" t="s">
        <v>61</v>
      </c>
      <c r="G47822" s="16">
        <v>0</v>
      </c>
    </row>
    <row r="47823" spans="1:7" x14ac:dyDescent="0.3">
      <c r="A47823" s="13" t="s">
        <v>273</v>
      </c>
      <c r="B47823" s="14" t="s">
        <v>1</v>
      </c>
      <c r="C47823" s="14" t="s">
        <v>150</v>
      </c>
      <c r="D47823" s="14" t="s">
        <v>274</v>
      </c>
      <c r="E47823" s="15">
        <v>45384</v>
      </c>
      <c r="F47823" s="14" t="s">
        <v>61</v>
      </c>
      <c r="G47823" s="16">
        <v>0</v>
      </c>
    </row>
    <row r="47824" spans="1:7" x14ac:dyDescent="0.3">
      <c r="A47824" s="13" t="s">
        <v>273</v>
      </c>
      <c r="B47824" s="14" t="s">
        <v>1</v>
      </c>
      <c r="C47824" s="14" t="s">
        <v>150</v>
      </c>
      <c r="D47824" s="14" t="s">
        <v>274</v>
      </c>
      <c r="E47824" s="15">
        <v>45385</v>
      </c>
      <c r="F47824" s="14" t="s">
        <v>61</v>
      </c>
      <c r="G47824" s="16">
        <v>9.123470168606089E-3</v>
      </c>
    </row>
    <row r="47825" spans="1:7" x14ac:dyDescent="0.3">
      <c r="A47825" s="13" t="s">
        <v>273</v>
      </c>
      <c r="B47825" s="14" t="s">
        <v>1</v>
      </c>
      <c r="C47825" s="14" t="s">
        <v>150</v>
      </c>
      <c r="D47825" s="14" t="s">
        <v>274</v>
      </c>
      <c r="E47825" s="15">
        <v>45386</v>
      </c>
      <c r="F47825" s="14" t="s">
        <v>61</v>
      </c>
      <c r="G47825" s="16">
        <v>1.9953664925468708E-2</v>
      </c>
    </row>
    <row r="47826" spans="1:7" x14ac:dyDescent="0.3">
      <c r="A47826" s="13" t="s">
        <v>273</v>
      </c>
      <c r="B47826" s="14" t="s">
        <v>1</v>
      </c>
      <c r="C47826" s="14" t="s">
        <v>150</v>
      </c>
      <c r="D47826" s="14" t="s">
        <v>274</v>
      </c>
      <c r="E47826" s="15">
        <v>45387</v>
      </c>
      <c r="F47826" s="14" t="s">
        <v>61</v>
      </c>
      <c r="G47826" s="16">
        <v>2.2059563802009383E-2</v>
      </c>
    </row>
    <row r="47827" spans="1:7" x14ac:dyDescent="0.3">
      <c r="A47827" s="13" t="s">
        <v>273</v>
      </c>
      <c r="B47827" s="14" t="s">
        <v>1</v>
      </c>
      <c r="C47827" s="14" t="s">
        <v>150</v>
      </c>
      <c r="D47827" s="14" t="s">
        <v>274</v>
      </c>
      <c r="E47827" s="15">
        <v>45388</v>
      </c>
      <c r="F47827" s="14" t="s">
        <v>61</v>
      </c>
      <c r="G47827" s="16">
        <v>2.2059563802009383E-2</v>
      </c>
    </row>
    <row r="47828" spans="1:7" x14ac:dyDescent="0.3">
      <c r="A47828" s="13" t="s">
        <v>273</v>
      </c>
      <c r="B47828" s="14" t="s">
        <v>1</v>
      </c>
      <c r="C47828" s="14" t="s">
        <v>150</v>
      </c>
      <c r="D47828" s="14" t="s">
        <v>274</v>
      </c>
      <c r="E47828" s="15">
        <v>45389</v>
      </c>
      <c r="F47828" s="14" t="s">
        <v>61</v>
      </c>
      <c r="G47828" s="16">
        <v>2.2059563802009383E-2</v>
      </c>
    </row>
    <row r="47829" spans="1:7" x14ac:dyDescent="0.3">
      <c r="A47829" s="13" t="s">
        <v>273</v>
      </c>
      <c r="B47829" s="14" t="s">
        <v>1</v>
      </c>
      <c r="C47829" s="14" t="s">
        <v>150</v>
      </c>
      <c r="D47829" s="14" t="s">
        <v>274</v>
      </c>
      <c r="E47829" s="15">
        <v>45390</v>
      </c>
      <c r="F47829" s="14" t="s">
        <v>61</v>
      </c>
      <c r="G47829" s="16">
        <v>3.3080115043598077E-2</v>
      </c>
    </row>
    <row r="47830" spans="1:7" x14ac:dyDescent="0.3">
      <c r="A47830" s="13" t="s">
        <v>273</v>
      </c>
      <c r="B47830" s="14" t="s">
        <v>1</v>
      </c>
      <c r="C47830" s="14" t="s">
        <v>150</v>
      </c>
      <c r="D47830" s="14" t="s">
        <v>274</v>
      </c>
      <c r="E47830" s="15">
        <v>45391</v>
      </c>
      <c r="F47830" s="14" t="s">
        <v>61</v>
      </c>
      <c r="G47830" s="16">
        <v>4.4144612143872289E-2</v>
      </c>
    </row>
    <row r="47831" spans="1:7" x14ac:dyDescent="0.3">
      <c r="A47831" s="13" t="s">
        <v>273</v>
      </c>
      <c r="B47831" s="14" t="s">
        <v>1</v>
      </c>
      <c r="C47831" s="14" t="s">
        <v>150</v>
      </c>
      <c r="D47831" s="14" t="s">
        <v>274</v>
      </c>
      <c r="E47831" s="15">
        <v>45392</v>
      </c>
      <c r="F47831" s="14" t="s">
        <v>61</v>
      </c>
      <c r="G47831" s="16">
        <v>4.7022051048844521E-2</v>
      </c>
    </row>
    <row r="47832" spans="1:7" x14ac:dyDescent="0.3">
      <c r="A47832" s="13" t="s">
        <v>273</v>
      </c>
      <c r="B47832" s="14" t="s">
        <v>1</v>
      </c>
      <c r="C47832" s="14" t="s">
        <v>150</v>
      </c>
      <c r="D47832" s="14" t="s">
        <v>274</v>
      </c>
      <c r="E47832" s="15">
        <v>45393</v>
      </c>
      <c r="F47832" s="14" t="s">
        <v>61</v>
      </c>
      <c r="G47832" s="16">
        <v>4.9514820234321938E-2</v>
      </c>
    </row>
    <row r="47833" spans="1:7" x14ac:dyDescent="0.3">
      <c r="A47833" s="13" t="s">
        <v>273</v>
      </c>
      <c r="B47833" s="14" t="s">
        <v>1</v>
      </c>
      <c r="C47833" s="14" t="s">
        <v>150</v>
      </c>
      <c r="D47833" s="14" t="s">
        <v>274</v>
      </c>
      <c r="E47833" s="15">
        <v>45394</v>
      </c>
      <c r="F47833" s="14" t="s">
        <v>61</v>
      </c>
      <c r="G47833" s="16">
        <v>5.2058545347985395E-2</v>
      </c>
    </row>
    <row r="47834" spans="1:7" x14ac:dyDescent="0.3">
      <c r="A47834" s="13" t="s">
        <v>273</v>
      </c>
      <c r="B47834" s="14" t="s">
        <v>1</v>
      </c>
      <c r="C47834" s="14" t="s">
        <v>150</v>
      </c>
      <c r="D47834" s="14" t="s">
        <v>274</v>
      </c>
      <c r="E47834" s="15">
        <v>45395</v>
      </c>
      <c r="F47834" s="14" t="s">
        <v>61</v>
      </c>
      <c r="G47834" s="16">
        <v>5.2058545347985395E-2</v>
      </c>
    </row>
    <row r="47835" spans="1:7" x14ac:dyDescent="0.3">
      <c r="A47835" s="13" t="s">
        <v>273</v>
      </c>
      <c r="B47835" s="14" t="s">
        <v>1</v>
      </c>
      <c r="C47835" s="14" t="s">
        <v>150</v>
      </c>
      <c r="D47835" s="14" t="s">
        <v>274</v>
      </c>
      <c r="E47835" s="15">
        <v>45396</v>
      </c>
      <c r="F47835" s="14" t="s">
        <v>61</v>
      </c>
      <c r="G47835" s="16">
        <v>5.2058545347985395E-2</v>
      </c>
    </row>
    <row r="47836" spans="1:7" x14ac:dyDescent="0.3">
      <c r="A47836" s="13" t="s">
        <v>273</v>
      </c>
      <c r="B47836" s="14" t="s">
        <v>1</v>
      </c>
      <c r="C47836" s="14" t="s">
        <v>150</v>
      </c>
      <c r="D47836" s="14" t="s">
        <v>274</v>
      </c>
      <c r="E47836" s="15">
        <v>45397</v>
      </c>
      <c r="F47836" s="14" t="s">
        <v>61</v>
      </c>
      <c r="G47836" s="16">
        <v>5.5895587006500387E-2</v>
      </c>
    </row>
    <row r="47837" spans="1:7" x14ac:dyDescent="0.3">
      <c r="A47837" s="13" t="s">
        <v>273</v>
      </c>
      <c r="B47837" s="14" t="s">
        <v>1</v>
      </c>
      <c r="C47837" s="14" t="s">
        <v>150</v>
      </c>
      <c r="D47837" s="14" t="s">
        <v>274</v>
      </c>
      <c r="E47837" s="15">
        <v>45398</v>
      </c>
      <c r="F47837" s="14" t="s">
        <v>61</v>
      </c>
      <c r="G47837" s="16">
        <v>6.37603504913095E-2</v>
      </c>
    </row>
    <row r="47838" spans="1:7" x14ac:dyDescent="0.3">
      <c r="A47838" s="13" t="s">
        <v>273</v>
      </c>
      <c r="B47838" s="14" t="s">
        <v>1</v>
      </c>
      <c r="C47838" s="14" t="s">
        <v>150</v>
      </c>
      <c r="D47838" s="14" t="s">
        <v>274</v>
      </c>
      <c r="E47838" s="15">
        <v>45399</v>
      </c>
      <c r="F47838" s="14" t="s">
        <v>61</v>
      </c>
      <c r="G47838" s="16">
        <v>6.6147492773961591E-2</v>
      </c>
    </row>
    <row r="47839" spans="1:7" x14ac:dyDescent="0.3">
      <c r="A47839" s="13" t="s">
        <v>273</v>
      </c>
      <c r="B47839" s="14" t="s">
        <v>1</v>
      </c>
      <c r="C47839" s="14" t="s">
        <v>150</v>
      </c>
      <c r="D47839" s="14" t="s">
        <v>274</v>
      </c>
      <c r="E47839" s="15">
        <v>45400</v>
      </c>
      <c r="F47839" s="14" t="s">
        <v>61</v>
      </c>
      <c r="G47839" s="16">
        <v>6.7540912465294686E-2</v>
      </c>
    </row>
    <row r="47840" spans="1:7" x14ac:dyDescent="0.3">
      <c r="A47840" s="13" t="s">
        <v>273</v>
      </c>
      <c r="B47840" s="14" t="s">
        <v>1</v>
      </c>
      <c r="C47840" s="14" t="s">
        <v>150</v>
      </c>
      <c r="D47840" s="14" t="s">
        <v>274</v>
      </c>
      <c r="E47840" s="15">
        <v>45401</v>
      </c>
      <c r="F47840" s="14" t="s">
        <v>61</v>
      </c>
      <c r="G47840" s="16">
        <v>7.1720363440576598E-2</v>
      </c>
    </row>
    <row r="47841" spans="1:7" x14ac:dyDescent="0.3">
      <c r="A47841" s="13" t="s">
        <v>273</v>
      </c>
      <c r="B47841" s="14" t="s">
        <v>1</v>
      </c>
      <c r="C47841" s="14" t="s">
        <v>150</v>
      </c>
      <c r="D47841" s="14" t="s">
        <v>274</v>
      </c>
      <c r="E47841" s="15">
        <v>45402</v>
      </c>
      <c r="F47841" s="14" t="s">
        <v>61</v>
      </c>
      <c r="G47841" s="16">
        <v>7.1720363440576598E-2</v>
      </c>
    </row>
    <row r="47842" spans="1:7" x14ac:dyDescent="0.3">
      <c r="A47842" s="13" t="s">
        <v>273</v>
      </c>
      <c r="B47842" s="14" t="s">
        <v>1</v>
      </c>
      <c r="C47842" s="14" t="s">
        <v>150</v>
      </c>
      <c r="D47842" s="14" t="s">
        <v>274</v>
      </c>
      <c r="E47842" s="15">
        <v>45403</v>
      </c>
      <c r="F47842" s="14" t="s">
        <v>61</v>
      </c>
      <c r="G47842" s="16">
        <v>7.1720363440576598E-2</v>
      </c>
    </row>
    <row r="47843" spans="1:7" x14ac:dyDescent="0.3">
      <c r="A47843" s="13" t="s">
        <v>273</v>
      </c>
      <c r="B47843" s="14" t="s">
        <v>1</v>
      </c>
      <c r="C47843" s="14" t="s">
        <v>150</v>
      </c>
      <c r="D47843" s="14" t="s">
        <v>274</v>
      </c>
      <c r="E47843" s="15">
        <v>45404</v>
      </c>
      <c r="F47843" s="14" t="s">
        <v>61</v>
      </c>
      <c r="G47843" s="16">
        <v>7.4098789595113471E-2</v>
      </c>
    </row>
    <row r="47844" spans="1:7" x14ac:dyDescent="0.3">
      <c r="A47844" s="13" t="s">
        <v>273</v>
      </c>
      <c r="B47844" s="14" t="s">
        <v>1</v>
      </c>
      <c r="C47844" s="14" t="s">
        <v>150</v>
      </c>
      <c r="D47844" s="14" t="s">
        <v>274</v>
      </c>
      <c r="E47844" s="15">
        <v>45405</v>
      </c>
      <c r="F47844" s="14" t="s">
        <v>61</v>
      </c>
      <c r="G47844" s="16">
        <v>9.2284336953650847E-2</v>
      </c>
    </row>
    <row r="47845" spans="1:7" x14ac:dyDescent="0.3">
      <c r="A47845" s="13" t="s">
        <v>273</v>
      </c>
      <c r="B47845" s="14" t="s">
        <v>1</v>
      </c>
      <c r="C47845" s="14" t="s">
        <v>150</v>
      </c>
      <c r="D47845" s="14" t="s">
        <v>274</v>
      </c>
      <c r="E47845" s="15">
        <v>45406</v>
      </c>
      <c r="F47845" s="14" t="s">
        <v>61</v>
      </c>
      <c r="G47845" s="16">
        <v>9.6569004772560044E-2</v>
      </c>
    </row>
    <row r="47846" spans="1:7" x14ac:dyDescent="0.3">
      <c r="A47846" s="13" t="s">
        <v>273</v>
      </c>
      <c r="B47846" s="14" t="s">
        <v>1</v>
      </c>
      <c r="C47846" s="14" t="s">
        <v>150</v>
      </c>
      <c r="D47846" s="14" t="s">
        <v>274</v>
      </c>
      <c r="E47846" s="15">
        <v>45407</v>
      </c>
      <c r="F47846" s="14" t="s">
        <v>61</v>
      </c>
      <c r="G47846" s="16">
        <v>9.9075662735260847E-2</v>
      </c>
    </row>
    <row r="47847" spans="1:7" x14ac:dyDescent="0.3">
      <c r="A47847" s="13" t="s">
        <v>273</v>
      </c>
      <c r="B47847" s="14" t="s">
        <v>1</v>
      </c>
      <c r="C47847" s="14" t="s">
        <v>150</v>
      </c>
      <c r="D47847" s="14" t="s">
        <v>274</v>
      </c>
      <c r="E47847" s="15">
        <v>45408</v>
      </c>
      <c r="F47847" s="14" t="s">
        <v>61</v>
      </c>
      <c r="G47847" s="16">
        <v>0.10195773805710864</v>
      </c>
    </row>
    <row r="47848" spans="1:7" x14ac:dyDescent="0.3">
      <c r="A47848" s="13" t="s">
        <v>273</v>
      </c>
      <c r="B47848" s="14" t="s">
        <v>1</v>
      </c>
      <c r="C47848" s="14" t="s">
        <v>150</v>
      </c>
      <c r="D47848" s="14" t="s">
        <v>274</v>
      </c>
      <c r="E47848" s="15">
        <v>45409</v>
      </c>
      <c r="F47848" s="14" t="s">
        <v>61</v>
      </c>
      <c r="G47848" s="16">
        <v>0.10195773805710864</v>
      </c>
    </row>
    <row r="47849" spans="1:7" x14ac:dyDescent="0.3">
      <c r="A47849" s="13" t="s">
        <v>273</v>
      </c>
      <c r="B47849" s="14" t="s">
        <v>1</v>
      </c>
      <c r="C47849" s="14" t="s">
        <v>150</v>
      </c>
      <c r="D47849" s="14" t="s">
        <v>274</v>
      </c>
      <c r="E47849" s="15">
        <v>45410</v>
      </c>
      <c r="F47849" s="14" t="s">
        <v>61</v>
      </c>
      <c r="G47849" s="16">
        <v>0.10195773805710864</v>
      </c>
    </row>
    <row r="47850" spans="1:7" x14ac:dyDescent="0.3">
      <c r="A47850" s="13" t="s">
        <v>273</v>
      </c>
      <c r="B47850" s="14" t="s">
        <v>1</v>
      </c>
      <c r="C47850" s="14" t="s">
        <v>150</v>
      </c>
      <c r="D47850" s="14" t="s">
        <v>274</v>
      </c>
      <c r="E47850" s="15">
        <v>45411</v>
      </c>
      <c r="F47850" s="14" t="s">
        <v>61</v>
      </c>
      <c r="G47850" s="16">
        <v>0.10449910754127849</v>
      </c>
    </row>
    <row r="47851" spans="1:7" x14ac:dyDescent="0.3">
      <c r="A47851" s="13" t="s">
        <v>273</v>
      </c>
      <c r="B47851" s="14" t="s">
        <v>1</v>
      </c>
      <c r="C47851" s="14" t="s">
        <v>150</v>
      </c>
      <c r="D47851" s="14" t="s">
        <v>274</v>
      </c>
      <c r="E47851" s="15">
        <v>45412</v>
      </c>
      <c r="F47851" s="14" t="s">
        <v>61</v>
      </c>
      <c r="G47851" s="16">
        <v>0.1136575607389257</v>
      </c>
    </row>
    <row r="47852" spans="1:7" x14ac:dyDescent="0.3">
      <c r="A47852" s="13" t="s">
        <v>273</v>
      </c>
      <c r="B47852" s="14" t="s">
        <v>1</v>
      </c>
      <c r="C47852" s="14" t="s">
        <v>150</v>
      </c>
      <c r="D47852" s="14" t="s">
        <v>274</v>
      </c>
      <c r="E47852" s="15">
        <v>45413</v>
      </c>
      <c r="F47852" s="14" t="s">
        <v>61</v>
      </c>
      <c r="G47852" s="16">
        <v>0.1136575607389257</v>
      </c>
    </row>
    <row r="47853" spans="1:7" x14ac:dyDescent="0.3">
      <c r="A47853" s="13" t="s">
        <v>273</v>
      </c>
      <c r="B47853" s="14" t="s">
        <v>1</v>
      </c>
      <c r="C47853" s="14" t="s">
        <v>150</v>
      </c>
      <c r="D47853" s="14" t="s">
        <v>274</v>
      </c>
      <c r="E47853" s="15">
        <v>45414</v>
      </c>
      <c r="F47853" s="14" t="s">
        <v>61</v>
      </c>
      <c r="G47853" s="16">
        <v>0.1167497452077489</v>
      </c>
    </row>
    <row r="47854" spans="1:7" x14ac:dyDescent="0.3">
      <c r="A47854" s="13" t="s">
        <v>273</v>
      </c>
      <c r="B47854" s="14" t="s">
        <v>1</v>
      </c>
      <c r="C47854" s="14" t="s">
        <v>150</v>
      </c>
      <c r="D47854" s="14" t="s">
        <v>274</v>
      </c>
      <c r="E47854" s="15">
        <v>45415</v>
      </c>
      <c r="F47854" s="14" t="s">
        <v>61</v>
      </c>
      <c r="G47854" s="16">
        <v>0.1322539663299965</v>
      </c>
    </row>
    <row r="47855" spans="1:7" x14ac:dyDescent="0.3">
      <c r="A47855" s="13" t="s">
        <v>273</v>
      </c>
      <c r="B47855" s="14" t="s">
        <v>1</v>
      </c>
      <c r="C47855" s="14" t="s">
        <v>150</v>
      </c>
      <c r="D47855" s="14" t="s">
        <v>274</v>
      </c>
      <c r="E47855" s="15">
        <v>45416</v>
      </c>
      <c r="F47855" s="14" t="s">
        <v>61</v>
      </c>
      <c r="G47855" s="16">
        <v>0.1322539663299965</v>
      </c>
    </row>
    <row r="47856" spans="1:7" x14ac:dyDescent="0.3">
      <c r="A47856" s="13" t="s">
        <v>273</v>
      </c>
      <c r="B47856" s="14" t="s">
        <v>1</v>
      </c>
      <c r="C47856" s="14" t="s">
        <v>150</v>
      </c>
      <c r="D47856" s="14" t="s">
        <v>274</v>
      </c>
      <c r="E47856" s="15">
        <v>45417</v>
      </c>
      <c r="F47856" s="14" t="s">
        <v>61</v>
      </c>
      <c r="G47856" s="16">
        <v>0.1322539663299965</v>
      </c>
    </row>
    <row r="47857" spans="1:7" x14ac:dyDescent="0.3">
      <c r="A47857" s="13" t="s">
        <v>273</v>
      </c>
      <c r="B47857" s="14" t="s">
        <v>1</v>
      </c>
      <c r="C47857" s="14" t="s">
        <v>150</v>
      </c>
      <c r="D47857" s="14" t="s">
        <v>274</v>
      </c>
      <c r="E47857" s="15">
        <v>45418</v>
      </c>
      <c r="F47857" s="14" t="s">
        <v>61</v>
      </c>
      <c r="G47857" s="16">
        <v>0.1322539663299965</v>
      </c>
    </row>
    <row r="47858" spans="1:7" x14ac:dyDescent="0.3">
      <c r="A47858" s="13" t="s">
        <v>273</v>
      </c>
      <c r="B47858" s="14" t="s">
        <v>1</v>
      </c>
      <c r="C47858" s="14" t="s">
        <v>150</v>
      </c>
      <c r="D47858" s="14" t="s">
        <v>274</v>
      </c>
      <c r="E47858" s="15">
        <v>45419</v>
      </c>
      <c r="F47858" s="14" t="s">
        <v>61</v>
      </c>
      <c r="G47858" s="16">
        <v>0.13497965519205227</v>
      </c>
    </row>
    <row r="47859" spans="1:7" x14ac:dyDescent="0.3">
      <c r="A47859" s="13" t="s">
        <v>273</v>
      </c>
      <c r="B47859" s="14" t="s">
        <v>1</v>
      </c>
      <c r="C47859" s="14" t="s">
        <v>150</v>
      </c>
      <c r="D47859" s="14" t="s">
        <v>274</v>
      </c>
      <c r="E47859" s="15">
        <v>45420</v>
      </c>
      <c r="F47859" s="14" t="s">
        <v>61</v>
      </c>
      <c r="G47859" s="16">
        <v>0.14565848079379917</v>
      </c>
    </row>
    <row r="47860" spans="1:7" x14ac:dyDescent="0.3">
      <c r="A47860" s="13" t="s">
        <v>273</v>
      </c>
      <c r="B47860" s="14" t="s">
        <v>1</v>
      </c>
      <c r="C47860" s="14" t="s">
        <v>150</v>
      </c>
      <c r="D47860" s="14" t="s">
        <v>274</v>
      </c>
      <c r="E47860" s="15">
        <v>45421</v>
      </c>
      <c r="F47860" s="14" t="s">
        <v>61</v>
      </c>
      <c r="G47860" s="16">
        <v>0.14565848079379917</v>
      </c>
    </row>
    <row r="47861" spans="1:7" x14ac:dyDescent="0.3">
      <c r="A47861" s="13" t="s">
        <v>273</v>
      </c>
      <c r="B47861" s="14" t="s">
        <v>1</v>
      </c>
      <c r="C47861" s="14" t="s">
        <v>150</v>
      </c>
      <c r="D47861" s="14" t="s">
        <v>274</v>
      </c>
      <c r="E47861" s="15">
        <v>45422</v>
      </c>
      <c r="F47861" s="14" t="s">
        <v>61</v>
      </c>
      <c r="G47861" s="16">
        <v>0.14827906398886861</v>
      </c>
    </row>
    <row r="47862" spans="1:7" x14ac:dyDescent="0.3">
      <c r="A47862" s="13" t="s">
        <v>273</v>
      </c>
      <c r="B47862" s="14" t="s">
        <v>1</v>
      </c>
      <c r="C47862" s="14" t="s">
        <v>150</v>
      </c>
      <c r="D47862" s="14" t="s">
        <v>274</v>
      </c>
      <c r="E47862" s="15">
        <v>45423</v>
      </c>
      <c r="F47862" s="14" t="s">
        <v>61</v>
      </c>
      <c r="G47862" s="16">
        <v>0.14827906398886861</v>
      </c>
    </row>
    <row r="47863" spans="1:7" x14ac:dyDescent="0.3">
      <c r="A47863" s="13" t="s">
        <v>273</v>
      </c>
      <c r="B47863" s="14" t="s">
        <v>1</v>
      </c>
      <c r="C47863" s="14" t="s">
        <v>150</v>
      </c>
      <c r="D47863" s="14" t="s">
        <v>274</v>
      </c>
      <c r="E47863" s="15">
        <v>45424</v>
      </c>
      <c r="F47863" s="14" t="s">
        <v>61</v>
      </c>
      <c r="G47863" s="16">
        <v>0.14827906398886861</v>
      </c>
    </row>
    <row r="47864" spans="1:7" x14ac:dyDescent="0.3">
      <c r="A47864" s="13" t="s">
        <v>273</v>
      </c>
      <c r="B47864" s="14" t="s">
        <v>1</v>
      </c>
      <c r="C47864" s="14" t="s">
        <v>150</v>
      </c>
      <c r="D47864" s="14" t="s">
        <v>274</v>
      </c>
      <c r="E47864" s="15">
        <v>45425</v>
      </c>
      <c r="F47864" s="14" t="s">
        <v>61</v>
      </c>
      <c r="G47864" s="16">
        <v>0.15578183366966525</v>
      </c>
    </row>
    <row r="47865" spans="1:7" x14ac:dyDescent="0.3">
      <c r="A47865" s="13" t="s">
        <v>273</v>
      </c>
      <c r="B47865" s="14" t="s">
        <v>1</v>
      </c>
      <c r="C47865" s="14" t="s">
        <v>150</v>
      </c>
      <c r="D47865" s="14" t="s">
        <v>274</v>
      </c>
      <c r="E47865" s="15">
        <v>45426</v>
      </c>
      <c r="F47865" s="14" t="s">
        <v>61</v>
      </c>
      <c r="G47865" s="16">
        <v>0.17005191083116999</v>
      </c>
    </row>
    <row r="47866" spans="1:7" x14ac:dyDescent="0.3">
      <c r="A47866" s="13" t="s">
        <v>273</v>
      </c>
      <c r="B47866" s="14" t="s">
        <v>1</v>
      </c>
      <c r="C47866" s="14" t="s">
        <v>150</v>
      </c>
      <c r="D47866" s="14" t="s">
        <v>274</v>
      </c>
      <c r="E47866" s="15">
        <v>45427</v>
      </c>
      <c r="F47866" s="14" t="s">
        <v>61</v>
      </c>
      <c r="G47866" s="16">
        <v>0.17258066783868417</v>
      </c>
    </row>
    <row r="47867" spans="1:7" x14ac:dyDescent="0.3">
      <c r="A47867" s="13" t="s">
        <v>273</v>
      </c>
      <c r="B47867" s="14" t="s">
        <v>1</v>
      </c>
      <c r="C47867" s="14" t="s">
        <v>150</v>
      </c>
      <c r="D47867" s="14" t="s">
        <v>274</v>
      </c>
      <c r="E47867" s="15">
        <v>45428</v>
      </c>
      <c r="F47867" s="14" t="s">
        <v>61</v>
      </c>
      <c r="G47867" s="16">
        <v>0.17528601366842</v>
      </c>
    </row>
    <row r="47868" spans="1:7" x14ac:dyDescent="0.3">
      <c r="A47868" s="13" t="s">
        <v>273</v>
      </c>
      <c r="B47868" s="14" t="s">
        <v>1</v>
      </c>
      <c r="C47868" s="14" t="s">
        <v>150</v>
      </c>
      <c r="D47868" s="14" t="s">
        <v>274</v>
      </c>
      <c r="E47868" s="15">
        <v>45429</v>
      </c>
      <c r="F47868" s="14" t="s">
        <v>61</v>
      </c>
      <c r="G47868" s="16">
        <v>0.22504691232003793</v>
      </c>
    </row>
    <row r="47869" spans="1:7" x14ac:dyDescent="0.3">
      <c r="A47869" s="13" t="s">
        <v>273</v>
      </c>
      <c r="B47869" s="14" t="s">
        <v>1</v>
      </c>
      <c r="C47869" s="14" t="s">
        <v>150</v>
      </c>
      <c r="D47869" s="14" t="s">
        <v>274</v>
      </c>
      <c r="E47869" s="15">
        <v>45430</v>
      </c>
      <c r="F47869" s="14" t="s">
        <v>61</v>
      </c>
      <c r="G47869" s="16">
        <v>0.22504691232003793</v>
      </c>
    </row>
    <row r="47870" spans="1:7" x14ac:dyDescent="0.3">
      <c r="A47870" s="13" t="s">
        <v>273</v>
      </c>
      <c r="B47870" s="14" t="s">
        <v>1</v>
      </c>
      <c r="C47870" s="14" t="s">
        <v>150</v>
      </c>
      <c r="D47870" s="14" t="s">
        <v>274</v>
      </c>
      <c r="E47870" s="15">
        <v>45431</v>
      </c>
      <c r="F47870" s="14" t="s">
        <v>61</v>
      </c>
      <c r="G47870" s="16">
        <v>0.22504691232003793</v>
      </c>
    </row>
    <row r="47871" spans="1:7" x14ac:dyDescent="0.3">
      <c r="A47871" s="13" t="s">
        <v>273</v>
      </c>
      <c r="B47871" s="14" t="s">
        <v>1</v>
      </c>
      <c r="C47871" s="14" t="s">
        <v>150</v>
      </c>
      <c r="D47871" s="14" t="s">
        <v>274</v>
      </c>
      <c r="E47871" s="15">
        <v>45432</v>
      </c>
      <c r="F47871" s="14" t="s">
        <v>61</v>
      </c>
      <c r="G47871" s="16">
        <v>0.22504691232003793</v>
      </c>
    </row>
    <row r="47872" spans="1:7" x14ac:dyDescent="0.3">
      <c r="A47872" s="13" t="s">
        <v>273</v>
      </c>
      <c r="B47872" s="14" t="s">
        <v>1</v>
      </c>
      <c r="C47872" s="14" t="s">
        <v>150</v>
      </c>
      <c r="D47872" s="14" t="s">
        <v>274</v>
      </c>
      <c r="E47872" s="15">
        <v>45433</v>
      </c>
      <c r="F47872" s="14" t="s">
        <v>61</v>
      </c>
      <c r="G47872" s="16">
        <v>0.2277532470471782</v>
      </c>
    </row>
    <row r="47873" spans="1:7" x14ac:dyDescent="0.3">
      <c r="A47873" s="13" t="s">
        <v>273</v>
      </c>
      <c r="B47873" s="14" t="s">
        <v>1</v>
      </c>
      <c r="C47873" s="14" t="s">
        <v>150</v>
      </c>
      <c r="D47873" s="14" t="s">
        <v>274</v>
      </c>
      <c r="E47873" s="15">
        <v>45434</v>
      </c>
      <c r="F47873" s="14" t="s">
        <v>61</v>
      </c>
      <c r="G47873" s="16">
        <v>0.23891423076911919</v>
      </c>
    </row>
    <row r="47874" spans="1:7" x14ac:dyDescent="0.3">
      <c r="A47874" s="13" t="s">
        <v>273</v>
      </c>
      <c r="B47874" s="14" t="s">
        <v>1</v>
      </c>
      <c r="C47874" s="14" t="s">
        <v>150</v>
      </c>
      <c r="D47874" s="14" t="s">
        <v>274</v>
      </c>
      <c r="E47874" s="15">
        <v>45435</v>
      </c>
      <c r="F47874" s="14" t="s">
        <v>61</v>
      </c>
      <c r="G47874" s="16">
        <v>0.24604362104421035</v>
      </c>
    </row>
    <row r="47875" spans="1:7" x14ac:dyDescent="0.3">
      <c r="A47875" s="13" t="s">
        <v>273</v>
      </c>
      <c r="B47875" s="14" t="s">
        <v>1</v>
      </c>
      <c r="C47875" s="14" t="s">
        <v>150</v>
      </c>
      <c r="D47875" s="14" t="s">
        <v>274</v>
      </c>
      <c r="E47875" s="15">
        <v>45436</v>
      </c>
      <c r="F47875" s="14" t="s">
        <v>61</v>
      </c>
      <c r="G47875" s="16">
        <v>0.24878047031983053</v>
      </c>
    </row>
    <row r="47876" spans="1:7" x14ac:dyDescent="0.3">
      <c r="A47876" s="13" t="s">
        <v>273</v>
      </c>
      <c r="B47876" s="14" t="s">
        <v>1</v>
      </c>
      <c r="C47876" s="14" t="s">
        <v>150</v>
      </c>
      <c r="D47876" s="14" t="s">
        <v>274</v>
      </c>
      <c r="E47876" s="15">
        <v>45437</v>
      </c>
      <c r="F47876" s="14" t="s">
        <v>61</v>
      </c>
      <c r="G47876" s="16">
        <v>0.24878047031983053</v>
      </c>
    </row>
    <row r="47877" spans="1:7" x14ac:dyDescent="0.3">
      <c r="A47877" s="13" t="s">
        <v>273</v>
      </c>
      <c r="B47877" s="14" t="s">
        <v>1</v>
      </c>
      <c r="C47877" s="14" t="s">
        <v>150</v>
      </c>
      <c r="D47877" s="14" t="s">
        <v>274</v>
      </c>
      <c r="E47877" s="15">
        <v>45438</v>
      </c>
      <c r="F47877" s="14" t="s">
        <v>61</v>
      </c>
      <c r="G47877" s="16">
        <v>0.24878047031983053</v>
      </c>
    </row>
    <row r="47878" spans="1:7" x14ac:dyDescent="0.3">
      <c r="A47878" s="13" t="s">
        <v>273</v>
      </c>
      <c r="B47878" s="14" t="s">
        <v>1</v>
      </c>
      <c r="C47878" s="14" t="s">
        <v>150</v>
      </c>
      <c r="D47878" s="14" t="s">
        <v>274</v>
      </c>
      <c r="E47878" s="15">
        <v>45439</v>
      </c>
      <c r="F47878" s="14" t="s">
        <v>61</v>
      </c>
      <c r="G47878" s="16">
        <v>0.25151661324016183</v>
      </c>
    </row>
    <row r="47879" spans="1:7" x14ac:dyDescent="0.3">
      <c r="A47879" s="13" t="s">
        <v>273</v>
      </c>
      <c r="B47879" s="14" t="s">
        <v>1</v>
      </c>
      <c r="C47879" s="14" t="s">
        <v>150</v>
      </c>
      <c r="D47879" s="14" t="s">
        <v>274</v>
      </c>
      <c r="E47879" s="15">
        <v>45440</v>
      </c>
      <c r="F47879" s="14" t="s">
        <v>61</v>
      </c>
      <c r="G47879" s="16">
        <v>0.25957996908118247</v>
      </c>
    </row>
    <row r="47880" spans="1:7" x14ac:dyDescent="0.3">
      <c r="A47880" s="13" t="s">
        <v>273</v>
      </c>
      <c r="B47880" s="14" t="s">
        <v>1</v>
      </c>
      <c r="C47880" s="14" t="s">
        <v>150</v>
      </c>
      <c r="D47880" s="14" t="s">
        <v>274</v>
      </c>
      <c r="E47880" s="15">
        <v>45441</v>
      </c>
      <c r="F47880" s="14" t="s">
        <v>61</v>
      </c>
      <c r="G47880" s="16">
        <v>0.26334973292069536</v>
      </c>
    </row>
    <row r="47881" spans="1:7" x14ac:dyDescent="0.3">
      <c r="A47881" s="13" t="s">
        <v>273</v>
      </c>
      <c r="B47881" s="14" t="s">
        <v>1</v>
      </c>
      <c r="C47881" s="14" t="s">
        <v>150</v>
      </c>
      <c r="D47881" s="14" t="s">
        <v>274</v>
      </c>
      <c r="E47881" s="15">
        <v>45442</v>
      </c>
      <c r="F47881" s="14" t="s">
        <v>61</v>
      </c>
      <c r="G47881" s="16">
        <v>0.26606832149529114</v>
      </c>
    </row>
    <row r="47882" spans="1:7" x14ac:dyDescent="0.3">
      <c r="A47882" s="13" t="s">
        <v>273</v>
      </c>
      <c r="B47882" s="14" t="s">
        <v>1</v>
      </c>
      <c r="C47882" s="14" t="s">
        <v>150</v>
      </c>
      <c r="D47882" s="14" t="s">
        <v>274</v>
      </c>
      <c r="E47882" s="15">
        <v>45443</v>
      </c>
      <c r="F47882" s="14" t="s">
        <v>61</v>
      </c>
      <c r="G47882" s="16">
        <v>0.26881779713450649</v>
      </c>
    </row>
    <row r="47883" spans="1:7" x14ac:dyDescent="0.3">
      <c r="A47883" s="13" t="s">
        <v>273</v>
      </c>
      <c r="B47883" s="14" t="s">
        <v>1</v>
      </c>
      <c r="C47883" s="14" t="s">
        <v>150</v>
      </c>
      <c r="D47883" s="14" t="s">
        <v>274</v>
      </c>
      <c r="E47883" s="15">
        <v>45444</v>
      </c>
      <c r="F47883" s="14" t="s">
        <v>61</v>
      </c>
      <c r="G47883" s="16">
        <v>0.26881779713450649</v>
      </c>
    </row>
    <row r="47884" spans="1:7" x14ac:dyDescent="0.3">
      <c r="A47884" s="13" t="s">
        <v>273</v>
      </c>
      <c r="B47884" s="14" t="s">
        <v>1</v>
      </c>
      <c r="C47884" s="14" t="s">
        <v>150</v>
      </c>
      <c r="D47884" s="14" t="s">
        <v>274</v>
      </c>
      <c r="E47884" s="15">
        <v>45445</v>
      </c>
      <c r="F47884" s="14" t="s">
        <v>61</v>
      </c>
      <c r="G47884" s="16">
        <v>0.26881779713450649</v>
      </c>
    </row>
    <row r="47885" spans="1:7" x14ac:dyDescent="0.3">
      <c r="A47885" s="13" t="s">
        <v>273</v>
      </c>
      <c r="B47885" s="14" t="s">
        <v>1</v>
      </c>
      <c r="C47885" s="14" t="s">
        <v>150</v>
      </c>
      <c r="D47885" s="14" t="s">
        <v>274</v>
      </c>
      <c r="E47885" s="15">
        <v>45446</v>
      </c>
      <c r="F47885" s="14" t="s">
        <v>61</v>
      </c>
      <c r="G47885" s="16">
        <v>0.26881779713450649</v>
      </c>
    </row>
    <row r="47886" spans="1:7" x14ac:dyDescent="0.3">
      <c r="A47886" s="13" t="s">
        <v>273</v>
      </c>
      <c r="B47886" s="14" t="s">
        <v>1</v>
      </c>
      <c r="C47886" s="14" t="s">
        <v>150</v>
      </c>
      <c r="D47886" s="14" t="s">
        <v>274</v>
      </c>
      <c r="E47886" s="15">
        <v>45447</v>
      </c>
      <c r="F47886" s="14" t="s">
        <v>61</v>
      </c>
      <c r="G47886" s="16">
        <v>0.27156524263801912</v>
      </c>
    </row>
    <row r="47887" spans="1:7" x14ac:dyDescent="0.3">
      <c r="A47887" s="13" t="s">
        <v>273</v>
      </c>
      <c r="B47887" s="14" t="s">
        <v>1</v>
      </c>
      <c r="C47887" s="14" t="s">
        <v>150</v>
      </c>
      <c r="D47887" s="14" t="s">
        <v>274</v>
      </c>
      <c r="E47887" s="15">
        <v>45448</v>
      </c>
      <c r="F47887" s="14" t="s">
        <v>61</v>
      </c>
      <c r="G47887" s="16">
        <v>0.30209059993243426</v>
      </c>
    </row>
    <row r="47888" spans="1:7" x14ac:dyDescent="0.3">
      <c r="A47888" s="13" t="s">
        <v>273</v>
      </c>
      <c r="B47888" s="14" t="s">
        <v>1</v>
      </c>
      <c r="C47888" s="14" t="s">
        <v>150</v>
      </c>
      <c r="D47888" s="14" t="s">
        <v>274</v>
      </c>
      <c r="E47888" s="15">
        <v>45449</v>
      </c>
      <c r="F47888" s="14" t="s">
        <v>61</v>
      </c>
      <c r="G47888" s="16">
        <v>0.30477989654903392</v>
      </c>
    </row>
    <row r="47889" spans="1:7" x14ac:dyDescent="0.3">
      <c r="A47889" s="13" t="s">
        <v>273</v>
      </c>
      <c r="B47889" s="14" t="s">
        <v>1</v>
      </c>
      <c r="C47889" s="14" t="s">
        <v>150</v>
      </c>
      <c r="D47889" s="14" t="s">
        <v>274</v>
      </c>
      <c r="E47889" s="15">
        <v>45450</v>
      </c>
      <c r="F47889" s="14" t="s">
        <v>61</v>
      </c>
      <c r="G47889" s="16">
        <v>0.30752154166482459</v>
      </c>
    </row>
    <row r="47890" spans="1:7" x14ac:dyDescent="0.3">
      <c r="A47890" s="13" t="s">
        <v>273</v>
      </c>
      <c r="B47890" s="14" t="s">
        <v>1</v>
      </c>
      <c r="C47890" s="14" t="s">
        <v>150</v>
      </c>
      <c r="D47890" s="14" t="s">
        <v>274</v>
      </c>
      <c r="E47890" s="15">
        <v>45451</v>
      </c>
      <c r="F47890" s="14" t="s">
        <v>61</v>
      </c>
      <c r="G47890" s="16">
        <v>0.30752154166482459</v>
      </c>
    </row>
    <row r="47891" spans="1:7" x14ac:dyDescent="0.3">
      <c r="A47891" s="13" t="s">
        <v>273</v>
      </c>
      <c r="B47891" s="14" t="s">
        <v>1</v>
      </c>
      <c r="C47891" s="14" t="s">
        <v>150</v>
      </c>
      <c r="D47891" s="14" t="s">
        <v>274</v>
      </c>
      <c r="E47891" s="15">
        <v>45452</v>
      </c>
      <c r="F47891" s="14" t="s">
        <v>61</v>
      </c>
      <c r="G47891" s="16">
        <v>0.30752154166482459</v>
      </c>
    </row>
    <row r="47892" spans="1:7" x14ac:dyDescent="0.3">
      <c r="A47892" s="13" t="s">
        <v>273</v>
      </c>
      <c r="B47892" s="14" t="s">
        <v>1</v>
      </c>
      <c r="C47892" s="14" t="s">
        <v>150</v>
      </c>
      <c r="D47892" s="14" t="s">
        <v>274</v>
      </c>
      <c r="E47892" s="15">
        <v>45453</v>
      </c>
      <c r="F47892" s="14" t="s">
        <v>61</v>
      </c>
      <c r="G47892" s="16">
        <v>0.31296399231366545</v>
      </c>
    </row>
    <row r="47893" spans="1:7" x14ac:dyDescent="0.3">
      <c r="A47893" s="13" t="s">
        <v>273</v>
      </c>
      <c r="B47893" s="14" t="s">
        <v>1</v>
      </c>
      <c r="C47893" s="14" t="s">
        <v>150</v>
      </c>
      <c r="D47893" s="14" t="s">
        <v>274</v>
      </c>
      <c r="E47893" s="15">
        <v>45454</v>
      </c>
      <c r="F47893" s="14" t="s">
        <v>61</v>
      </c>
      <c r="G47893" s="16">
        <v>0.3236853758282866</v>
      </c>
    </row>
    <row r="47894" spans="1:7" x14ac:dyDescent="0.3">
      <c r="A47894" s="13" t="s">
        <v>273</v>
      </c>
      <c r="B47894" s="14" t="s">
        <v>1</v>
      </c>
      <c r="C47894" s="14" t="s">
        <v>150</v>
      </c>
      <c r="D47894" s="14" t="s">
        <v>274</v>
      </c>
      <c r="E47894" s="15">
        <v>45455</v>
      </c>
      <c r="F47894" s="14" t="s">
        <v>61</v>
      </c>
      <c r="G47894" s="16">
        <v>0.3264110698778418</v>
      </c>
    </row>
    <row r="47895" spans="1:7" x14ac:dyDescent="0.3">
      <c r="A47895" s="13" t="s">
        <v>273</v>
      </c>
      <c r="B47895" s="14" t="s">
        <v>1</v>
      </c>
      <c r="C47895" s="14" t="s">
        <v>150</v>
      </c>
      <c r="D47895" s="14" t="s">
        <v>274</v>
      </c>
      <c r="E47895" s="15">
        <v>45456</v>
      </c>
      <c r="F47895" s="14" t="s">
        <v>61</v>
      </c>
      <c r="G47895" s="16">
        <v>0.32907977511802849</v>
      </c>
    </row>
    <row r="47896" spans="1:7" x14ac:dyDescent="0.3">
      <c r="A47896" s="13" t="s">
        <v>273</v>
      </c>
      <c r="B47896" s="14" t="s">
        <v>1</v>
      </c>
      <c r="C47896" s="14" t="s">
        <v>150</v>
      </c>
      <c r="D47896" s="14" t="s">
        <v>274</v>
      </c>
      <c r="E47896" s="15">
        <v>45457</v>
      </c>
      <c r="F47896" s="14" t="s">
        <v>61</v>
      </c>
      <c r="G47896" s="16">
        <v>0.33779900980071281</v>
      </c>
    </row>
    <row r="47897" spans="1:7" x14ac:dyDescent="0.3">
      <c r="A47897" s="13" t="s">
        <v>273</v>
      </c>
      <c r="B47897" s="14" t="s">
        <v>1</v>
      </c>
      <c r="C47897" s="14" t="s">
        <v>150</v>
      </c>
      <c r="D47897" s="14" t="s">
        <v>274</v>
      </c>
      <c r="E47897" s="15">
        <v>45458</v>
      </c>
      <c r="F47897" s="14" t="s">
        <v>61</v>
      </c>
      <c r="G47897" s="16">
        <v>0.33779900980071281</v>
      </c>
    </row>
    <row r="47898" spans="1:7" x14ac:dyDescent="0.3">
      <c r="A47898" s="13" t="s">
        <v>273</v>
      </c>
      <c r="B47898" s="14" t="s">
        <v>1</v>
      </c>
      <c r="C47898" s="14" t="s">
        <v>150</v>
      </c>
      <c r="D47898" s="14" t="s">
        <v>274</v>
      </c>
      <c r="E47898" s="15">
        <v>45459</v>
      </c>
      <c r="F47898" s="14" t="s">
        <v>61</v>
      </c>
      <c r="G47898" s="16">
        <v>0.33779900980071281</v>
      </c>
    </row>
    <row r="47899" spans="1:7" x14ac:dyDescent="0.3">
      <c r="A47899" s="13" t="s">
        <v>273</v>
      </c>
      <c r="B47899" s="14" t="s">
        <v>1</v>
      </c>
      <c r="C47899" s="14" t="s">
        <v>150</v>
      </c>
      <c r="D47899" s="14" t="s">
        <v>274</v>
      </c>
      <c r="E47899" s="15">
        <v>45460</v>
      </c>
      <c r="F47899" s="14" t="s">
        <v>61</v>
      </c>
      <c r="G47899" s="16">
        <v>0.34171301881457616</v>
      </c>
    </row>
    <row r="47900" spans="1:7" x14ac:dyDescent="0.3">
      <c r="A47900" s="13" t="s">
        <v>273</v>
      </c>
      <c r="B47900" s="14" t="s">
        <v>1</v>
      </c>
      <c r="C47900" s="14" t="s">
        <v>150</v>
      </c>
      <c r="D47900" s="14" t="s">
        <v>274</v>
      </c>
      <c r="E47900" s="15">
        <v>45461</v>
      </c>
      <c r="F47900" s="14" t="s">
        <v>61</v>
      </c>
      <c r="G47900" s="16">
        <v>0.35026999811568532</v>
      </c>
    </row>
    <row r="47901" spans="1:7" x14ac:dyDescent="0.3">
      <c r="A47901" s="13" t="s">
        <v>273</v>
      </c>
      <c r="B47901" s="14" t="s">
        <v>1</v>
      </c>
      <c r="C47901" s="14" t="s">
        <v>150</v>
      </c>
      <c r="D47901" s="14" t="s">
        <v>274</v>
      </c>
      <c r="E47901" s="15">
        <v>45462</v>
      </c>
      <c r="F47901" s="14" t="s">
        <v>61</v>
      </c>
      <c r="G47901" s="16">
        <v>0.35382861153032519</v>
      </c>
    </row>
    <row r="47902" spans="1:7" x14ac:dyDescent="0.3">
      <c r="A47902" s="13" t="s">
        <v>273</v>
      </c>
      <c r="B47902" s="14" t="s">
        <v>1</v>
      </c>
      <c r="C47902" s="14" t="s">
        <v>150</v>
      </c>
      <c r="D47902" s="14" t="s">
        <v>274</v>
      </c>
      <c r="E47902" s="15">
        <v>45463</v>
      </c>
      <c r="F47902" s="14" t="s">
        <v>61</v>
      </c>
      <c r="G47902" s="16">
        <v>0.35659824956812608</v>
      </c>
    </row>
    <row r="47903" spans="1:7" x14ac:dyDescent="0.3">
      <c r="A47903" s="13" t="s">
        <v>273</v>
      </c>
      <c r="B47903" s="14" t="s">
        <v>1</v>
      </c>
      <c r="C47903" s="14" t="s">
        <v>150</v>
      </c>
      <c r="D47903" s="14" t="s">
        <v>274</v>
      </c>
      <c r="E47903" s="15">
        <v>45464</v>
      </c>
      <c r="F47903" s="14" t="s">
        <v>61</v>
      </c>
      <c r="G47903" s="16">
        <v>0.36098778388596847</v>
      </c>
    </row>
    <row r="47904" spans="1:7" x14ac:dyDescent="0.3">
      <c r="A47904" s="13" t="s">
        <v>273</v>
      </c>
      <c r="B47904" s="14" t="s">
        <v>1</v>
      </c>
      <c r="C47904" s="14" t="s">
        <v>150</v>
      </c>
      <c r="D47904" s="14" t="s">
        <v>274</v>
      </c>
      <c r="E47904" s="15">
        <v>45465</v>
      </c>
      <c r="F47904" s="14" t="s">
        <v>61</v>
      </c>
      <c r="G47904" s="16">
        <v>0.36098778388596847</v>
      </c>
    </row>
    <row r="47905" spans="1:7" x14ac:dyDescent="0.3">
      <c r="A47905" s="13" t="s">
        <v>273</v>
      </c>
      <c r="B47905" s="14" t="s">
        <v>1</v>
      </c>
      <c r="C47905" s="14" t="s">
        <v>150</v>
      </c>
      <c r="D47905" s="14" t="s">
        <v>274</v>
      </c>
      <c r="E47905" s="15">
        <v>45466</v>
      </c>
      <c r="F47905" s="14" t="s">
        <v>61</v>
      </c>
      <c r="G47905" s="16">
        <v>0.36098778388596847</v>
      </c>
    </row>
    <row r="47906" spans="1:7" x14ac:dyDescent="0.3">
      <c r="A47906" s="13" t="s">
        <v>273</v>
      </c>
      <c r="B47906" s="14" t="s">
        <v>1</v>
      </c>
      <c r="C47906" s="14" t="s">
        <v>150</v>
      </c>
      <c r="D47906" s="14" t="s">
        <v>274</v>
      </c>
      <c r="E47906" s="15">
        <v>45467</v>
      </c>
      <c r="F47906" s="14" t="s">
        <v>61</v>
      </c>
      <c r="G47906" s="16">
        <v>0.3644219874401014</v>
      </c>
    </row>
    <row r="47907" spans="1:7" x14ac:dyDescent="0.3">
      <c r="A47907" s="13" t="s">
        <v>273</v>
      </c>
      <c r="B47907" s="14" t="s">
        <v>1</v>
      </c>
      <c r="C47907" s="14" t="s">
        <v>150</v>
      </c>
      <c r="D47907" s="14" t="s">
        <v>274</v>
      </c>
      <c r="E47907" s="15">
        <v>45468</v>
      </c>
      <c r="F47907" s="14" t="s">
        <v>61</v>
      </c>
      <c r="G47907" s="16">
        <v>0.37232353222381481</v>
      </c>
    </row>
    <row r="47908" spans="1:7" x14ac:dyDescent="0.3">
      <c r="A47908" s="13" t="s">
        <v>273</v>
      </c>
      <c r="B47908" s="14" t="s">
        <v>1</v>
      </c>
      <c r="C47908" s="14" t="s">
        <v>150</v>
      </c>
      <c r="D47908" s="14" t="s">
        <v>274</v>
      </c>
      <c r="E47908" s="15">
        <v>45469</v>
      </c>
      <c r="F47908" s="14" t="s">
        <v>61</v>
      </c>
      <c r="G47908" s="16">
        <v>0.37497583362702031</v>
      </c>
    </row>
    <row r="47909" spans="1:7" x14ac:dyDescent="0.3">
      <c r="A47909" s="13" t="s">
        <v>273</v>
      </c>
      <c r="B47909" s="14" t="s">
        <v>1</v>
      </c>
      <c r="C47909" s="14" t="s">
        <v>150</v>
      </c>
      <c r="D47909" s="14" t="s">
        <v>274</v>
      </c>
      <c r="E47909" s="15">
        <v>45470</v>
      </c>
      <c r="F47909" s="14" t="s">
        <v>61</v>
      </c>
      <c r="G47909" s="16">
        <v>0.37763614293433606</v>
      </c>
    </row>
    <row r="47910" spans="1:7" x14ac:dyDescent="0.3">
      <c r="A47910" s="13" t="s">
        <v>273</v>
      </c>
      <c r="B47910" s="14" t="s">
        <v>1</v>
      </c>
      <c r="C47910" s="14" t="s">
        <v>150</v>
      </c>
      <c r="D47910" s="14" t="s">
        <v>274</v>
      </c>
      <c r="E47910" s="15">
        <v>45471</v>
      </c>
      <c r="F47910" s="14" t="s">
        <v>61</v>
      </c>
      <c r="G47910" s="16">
        <v>0.37771369436209024</v>
      </c>
    </row>
    <row r="47911" spans="1:7" x14ac:dyDescent="0.3">
      <c r="A47911" s="13" t="s">
        <v>273</v>
      </c>
      <c r="B47911" s="14" t="s">
        <v>1</v>
      </c>
      <c r="C47911" s="14" t="s">
        <v>150</v>
      </c>
      <c r="D47911" s="14" t="s">
        <v>274</v>
      </c>
      <c r="E47911" s="15">
        <v>45472</v>
      </c>
      <c r="F47911" s="14" t="s">
        <v>61</v>
      </c>
      <c r="G47911" s="16">
        <v>0.37771369436209024</v>
      </c>
    </row>
    <row r="47912" spans="1:7" x14ac:dyDescent="0.3">
      <c r="A47912" s="13" t="s">
        <v>273</v>
      </c>
      <c r="B47912" s="14" t="s">
        <v>1</v>
      </c>
      <c r="C47912" s="14" t="s">
        <v>150</v>
      </c>
      <c r="D47912" s="14" t="s">
        <v>274</v>
      </c>
      <c r="E47912" s="15">
        <v>45473</v>
      </c>
      <c r="F47912" s="14" t="s">
        <v>61</v>
      </c>
      <c r="G47912" s="16">
        <v>0.37771369436209024</v>
      </c>
    </row>
    <row r="47913" spans="1:7" x14ac:dyDescent="0.3">
      <c r="A47913" s="13" t="s">
        <v>273</v>
      </c>
      <c r="B47913" s="14" t="s">
        <v>1</v>
      </c>
      <c r="C47913" s="14" t="s">
        <v>150</v>
      </c>
      <c r="D47913" s="14" t="s">
        <v>274</v>
      </c>
      <c r="E47913" s="15">
        <v>45474</v>
      </c>
      <c r="F47913" s="14" t="s">
        <v>61</v>
      </c>
      <c r="G47913" s="16">
        <v>0.38056720768815722</v>
      </c>
    </row>
    <row r="47914" spans="1:7" x14ac:dyDescent="0.3">
      <c r="A47914" s="13" t="s">
        <v>273</v>
      </c>
      <c r="B47914" s="14" t="s">
        <v>1</v>
      </c>
      <c r="C47914" s="14" t="s">
        <v>150</v>
      </c>
      <c r="D47914" s="14" t="s">
        <v>274</v>
      </c>
      <c r="E47914" s="15">
        <v>45475</v>
      </c>
      <c r="F47914" s="14" t="s">
        <v>61</v>
      </c>
      <c r="G47914" s="16">
        <v>0.38767834853459965</v>
      </c>
    </row>
    <row r="47915" spans="1:7" x14ac:dyDescent="0.3">
      <c r="A47915" s="13" t="s">
        <v>273</v>
      </c>
      <c r="B47915" s="14" t="s">
        <v>1</v>
      </c>
      <c r="C47915" s="14" t="s">
        <v>150</v>
      </c>
      <c r="D47915" s="14" t="s">
        <v>274</v>
      </c>
      <c r="E47915" s="15">
        <v>45476</v>
      </c>
      <c r="F47915" s="14" t="s">
        <v>61</v>
      </c>
      <c r="G47915" s="16">
        <v>0.39638838383611869</v>
      </c>
    </row>
    <row r="47916" spans="1:7" x14ac:dyDescent="0.3">
      <c r="A47916" s="13" t="s">
        <v>273</v>
      </c>
      <c r="B47916" s="14" t="s">
        <v>1</v>
      </c>
      <c r="C47916" s="14" t="s">
        <v>150</v>
      </c>
      <c r="D47916" s="14" t="s">
        <v>274</v>
      </c>
      <c r="E47916" s="15">
        <v>45477</v>
      </c>
      <c r="F47916" s="14" t="s">
        <v>61</v>
      </c>
      <c r="G47916" s="16">
        <v>0.39858603417076699</v>
      </c>
    </row>
    <row r="47917" spans="1:7" x14ac:dyDescent="0.3">
      <c r="A47917" s="13" t="s">
        <v>273</v>
      </c>
      <c r="B47917" s="14" t="s">
        <v>1</v>
      </c>
      <c r="C47917" s="14" t="s">
        <v>150</v>
      </c>
      <c r="D47917" s="14" t="s">
        <v>274</v>
      </c>
      <c r="E47917" s="15">
        <v>45478</v>
      </c>
      <c r="F47917" s="14" t="s">
        <v>61</v>
      </c>
      <c r="G47917" s="16">
        <v>0.40087575271359771</v>
      </c>
    </row>
    <row r="47918" spans="1:7" x14ac:dyDescent="0.3">
      <c r="A47918" s="13" t="s">
        <v>273</v>
      </c>
      <c r="B47918" s="14" t="s">
        <v>1</v>
      </c>
      <c r="C47918" s="14" t="s">
        <v>150</v>
      </c>
      <c r="D47918" s="14" t="s">
        <v>274</v>
      </c>
      <c r="E47918" s="15">
        <v>45479</v>
      </c>
      <c r="F47918" s="14" t="s">
        <v>61</v>
      </c>
      <c r="G47918" s="16">
        <v>0.40087575271359771</v>
      </c>
    </row>
    <row r="47919" spans="1:7" x14ac:dyDescent="0.3">
      <c r="A47919" s="13" t="s">
        <v>273</v>
      </c>
      <c r="B47919" s="14" t="s">
        <v>1</v>
      </c>
      <c r="C47919" s="14" t="s">
        <v>150</v>
      </c>
      <c r="D47919" s="14" t="s">
        <v>274</v>
      </c>
      <c r="E47919" s="15">
        <v>45480</v>
      </c>
      <c r="F47919" s="14" t="s">
        <v>61</v>
      </c>
      <c r="G47919" s="16">
        <v>0.40087575271359771</v>
      </c>
    </row>
    <row r="47920" spans="1:7" x14ac:dyDescent="0.3">
      <c r="A47920" s="13" t="s">
        <v>273</v>
      </c>
      <c r="B47920" s="14" t="s">
        <v>1</v>
      </c>
      <c r="C47920" s="14" t="s">
        <v>150</v>
      </c>
      <c r="D47920" s="14" t="s">
        <v>274</v>
      </c>
      <c r="E47920" s="15">
        <v>45481</v>
      </c>
      <c r="F47920" s="14" t="s">
        <v>61</v>
      </c>
      <c r="G47920" s="16">
        <v>0.40314958773349008</v>
      </c>
    </row>
    <row r="47921" spans="1:7" x14ac:dyDescent="0.3">
      <c r="A47921" s="13" t="s">
        <v>273</v>
      </c>
      <c r="B47921" s="14" t="s">
        <v>1</v>
      </c>
      <c r="C47921" s="14" t="s">
        <v>150</v>
      </c>
      <c r="D47921" s="14" t="s">
        <v>274</v>
      </c>
      <c r="E47921" s="15">
        <v>45482</v>
      </c>
      <c r="F47921" s="14" t="s">
        <v>61</v>
      </c>
      <c r="G47921" s="16">
        <v>0.40991016657808982</v>
      </c>
    </row>
    <row r="47922" spans="1:7" x14ac:dyDescent="0.3">
      <c r="A47922" s="13" t="s">
        <v>273</v>
      </c>
      <c r="B47922" s="14" t="s">
        <v>1</v>
      </c>
      <c r="C47922" s="14" t="s">
        <v>150</v>
      </c>
      <c r="D47922" s="14" t="s">
        <v>274</v>
      </c>
      <c r="E47922" s="15">
        <v>45483</v>
      </c>
      <c r="F47922" s="14" t="s">
        <v>61</v>
      </c>
      <c r="G47922" s="16">
        <v>0.4200258233785773</v>
      </c>
    </row>
    <row r="47923" spans="1:7" x14ac:dyDescent="0.3">
      <c r="A47923" s="13" t="s">
        <v>273</v>
      </c>
      <c r="B47923" s="14" t="s">
        <v>1</v>
      </c>
      <c r="C47923" s="14" t="s">
        <v>150</v>
      </c>
      <c r="D47923" s="14" t="s">
        <v>274</v>
      </c>
      <c r="E47923" s="15">
        <v>45484</v>
      </c>
      <c r="F47923" s="14" t="s">
        <v>61</v>
      </c>
      <c r="G47923" s="16">
        <v>0.4228049793273489</v>
      </c>
    </row>
    <row r="47924" spans="1:7" x14ac:dyDescent="0.3">
      <c r="A47924" s="13" t="s">
        <v>273</v>
      </c>
      <c r="B47924" s="14" t="s">
        <v>1</v>
      </c>
      <c r="C47924" s="14" t="s">
        <v>150</v>
      </c>
      <c r="D47924" s="14" t="s">
        <v>274</v>
      </c>
      <c r="E47924" s="15">
        <v>45485</v>
      </c>
      <c r="F47924" s="14" t="s">
        <v>61</v>
      </c>
      <c r="G47924" s="16">
        <v>0.42497971803156404</v>
      </c>
    </row>
    <row r="47925" spans="1:7" x14ac:dyDescent="0.3">
      <c r="A47925" s="13" t="s">
        <v>273</v>
      </c>
      <c r="B47925" s="14" t="s">
        <v>1</v>
      </c>
      <c r="C47925" s="14" t="s">
        <v>150</v>
      </c>
      <c r="D47925" s="14" t="s">
        <v>274</v>
      </c>
      <c r="E47925" s="15">
        <v>45486</v>
      </c>
      <c r="F47925" s="14" t="s">
        <v>61</v>
      </c>
      <c r="G47925" s="16">
        <v>0.42497971803156404</v>
      </c>
    </row>
    <row r="47926" spans="1:7" x14ac:dyDescent="0.3">
      <c r="A47926" s="13" t="s">
        <v>273</v>
      </c>
      <c r="B47926" s="14" t="s">
        <v>1</v>
      </c>
      <c r="C47926" s="14" t="s">
        <v>150</v>
      </c>
      <c r="D47926" s="14" t="s">
        <v>274</v>
      </c>
      <c r="E47926" s="15">
        <v>45487</v>
      </c>
      <c r="F47926" s="14" t="s">
        <v>61</v>
      </c>
      <c r="G47926" s="16">
        <v>0.42497971803156404</v>
      </c>
    </row>
    <row r="47927" spans="1:7" x14ac:dyDescent="0.3">
      <c r="A47927" s="13" t="s">
        <v>273</v>
      </c>
      <c r="B47927" s="14" t="s">
        <v>1</v>
      </c>
      <c r="C47927" s="14" t="s">
        <v>150</v>
      </c>
      <c r="D47927" s="14" t="s">
        <v>274</v>
      </c>
      <c r="E47927" s="15">
        <v>45488</v>
      </c>
      <c r="F47927" s="14" t="s">
        <v>61</v>
      </c>
      <c r="G47927" s="16">
        <v>0.42710287042676698</v>
      </c>
    </row>
    <row r="47928" spans="1:7" x14ac:dyDescent="0.3">
      <c r="A47928" s="13" t="s">
        <v>273</v>
      </c>
      <c r="B47928" s="14" t="s">
        <v>1</v>
      </c>
      <c r="C47928" s="14" t="s">
        <v>150</v>
      </c>
      <c r="D47928" s="14" t="s">
        <v>274</v>
      </c>
      <c r="E47928" s="15">
        <v>45489</v>
      </c>
      <c r="F47928" s="14" t="s">
        <v>61</v>
      </c>
      <c r="G47928" s="16">
        <v>0.43339579899865988</v>
      </c>
    </row>
    <row r="47929" spans="1:7" x14ac:dyDescent="0.3">
      <c r="A47929" s="13" t="s">
        <v>273</v>
      </c>
      <c r="B47929" s="14" t="s">
        <v>1</v>
      </c>
      <c r="C47929" s="14" t="s">
        <v>150</v>
      </c>
      <c r="D47929" s="14" t="s">
        <v>274</v>
      </c>
      <c r="E47929" s="15">
        <v>45490</v>
      </c>
      <c r="F47929" s="14" t="s">
        <v>61</v>
      </c>
      <c r="G47929" s="16">
        <v>0.43553820840839869</v>
      </c>
    </row>
    <row r="47930" spans="1:7" x14ac:dyDescent="0.3">
      <c r="A47930" s="13" t="s">
        <v>273</v>
      </c>
      <c r="B47930" s="14" t="s">
        <v>1</v>
      </c>
      <c r="C47930" s="14" t="s">
        <v>150</v>
      </c>
      <c r="D47930" s="14" t="s">
        <v>274</v>
      </c>
      <c r="E47930" s="15">
        <v>45491</v>
      </c>
      <c r="F47930" s="14" t="s">
        <v>61</v>
      </c>
      <c r="G47930" s="16">
        <v>0.43759571827959987</v>
      </c>
    </row>
    <row r="47931" spans="1:7" x14ac:dyDescent="0.3">
      <c r="A47931" s="13" t="s">
        <v>273</v>
      </c>
      <c r="B47931" s="14" t="s">
        <v>1</v>
      </c>
      <c r="C47931" s="14" t="s">
        <v>150</v>
      </c>
      <c r="D47931" s="14" t="s">
        <v>274</v>
      </c>
      <c r="E47931" s="15">
        <v>45492</v>
      </c>
      <c r="F47931" s="14" t="s">
        <v>61</v>
      </c>
      <c r="G47931" s="16">
        <v>0.51976142468496211</v>
      </c>
    </row>
    <row r="47932" spans="1:7" x14ac:dyDescent="0.3">
      <c r="A47932" s="13" t="s">
        <v>273</v>
      </c>
      <c r="B47932" s="14" t="s">
        <v>1</v>
      </c>
      <c r="C47932" s="14" t="s">
        <v>150</v>
      </c>
      <c r="D47932" s="14" t="s">
        <v>274</v>
      </c>
      <c r="E47932" s="15">
        <v>45493</v>
      </c>
      <c r="F47932" s="14" t="s">
        <v>61</v>
      </c>
      <c r="G47932" s="16">
        <v>0.51976142468496211</v>
      </c>
    </row>
    <row r="47933" spans="1:7" x14ac:dyDescent="0.3">
      <c r="A47933" s="13" t="s">
        <v>273</v>
      </c>
      <c r="B47933" s="14" t="s">
        <v>1</v>
      </c>
      <c r="C47933" s="14" t="s">
        <v>150</v>
      </c>
      <c r="D47933" s="14" t="s">
        <v>274</v>
      </c>
      <c r="E47933" s="15">
        <v>45494</v>
      </c>
      <c r="F47933" s="14" t="s">
        <v>61</v>
      </c>
      <c r="G47933" s="16">
        <v>0.51976142468496211</v>
      </c>
    </row>
    <row r="47934" spans="1:7" x14ac:dyDescent="0.3">
      <c r="A47934" s="13" t="s">
        <v>273</v>
      </c>
      <c r="B47934" s="14" t="s">
        <v>1</v>
      </c>
      <c r="C47934" s="14" t="s">
        <v>150</v>
      </c>
      <c r="D47934" s="14" t="s">
        <v>274</v>
      </c>
      <c r="E47934" s="15">
        <v>45495</v>
      </c>
      <c r="F47934" s="14" t="s">
        <v>61</v>
      </c>
      <c r="G47934" s="16">
        <v>0.52092481872066931</v>
      </c>
    </row>
    <row r="47935" spans="1:7" x14ac:dyDescent="0.3">
      <c r="A47935" s="13" t="s">
        <v>273</v>
      </c>
      <c r="B47935" s="14" t="s">
        <v>1</v>
      </c>
      <c r="C47935" s="14" t="s">
        <v>150</v>
      </c>
      <c r="D47935" s="14" t="s">
        <v>274</v>
      </c>
      <c r="E47935" s="15">
        <v>45496</v>
      </c>
      <c r="F47935" s="14" t="s">
        <v>61</v>
      </c>
      <c r="G47935" s="16">
        <v>0.52744475516464562</v>
      </c>
    </row>
    <row r="47936" spans="1:7" x14ac:dyDescent="0.3">
      <c r="A47936" s="13" t="s">
        <v>273</v>
      </c>
      <c r="B47936" s="14" t="s">
        <v>1</v>
      </c>
      <c r="C47936" s="14" t="s">
        <v>150</v>
      </c>
      <c r="D47936" s="14" t="s">
        <v>274</v>
      </c>
      <c r="E47936" s="15">
        <v>45497</v>
      </c>
      <c r="F47936" s="14" t="s">
        <v>61</v>
      </c>
      <c r="G47936" s="16">
        <v>0.52961485531791419</v>
      </c>
    </row>
    <row r="47937" spans="1:7" x14ac:dyDescent="0.3">
      <c r="A47937" s="13" t="s">
        <v>273</v>
      </c>
      <c r="B47937" s="14" t="s">
        <v>1</v>
      </c>
      <c r="C47937" s="14" t="s">
        <v>150</v>
      </c>
      <c r="D47937" s="14" t="s">
        <v>274</v>
      </c>
      <c r="E47937" s="15">
        <v>45498</v>
      </c>
      <c r="F47937" s="14" t="s">
        <v>61</v>
      </c>
      <c r="G47937" s="16">
        <v>0.53176724464029557</v>
      </c>
    </row>
    <row r="47938" spans="1:7" x14ac:dyDescent="0.3">
      <c r="A47938" s="13" t="s">
        <v>273</v>
      </c>
      <c r="B47938" s="14" t="s">
        <v>1</v>
      </c>
      <c r="C47938" s="14" t="s">
        <v>150</v>
      </c>
      <c r="D47938" s="14" t="s">
        <v>274</v>
      </c>
      <c r="E47938" s="15">
        <v>45499</v>
      </c>
      <c r="F47938" s="14" t="s">
        <v>61</v>
      </c>
      <c r="G47938" s="16">
        <v>0.53390346931543897</v>
      </c>
    </row>
    <row r="47939" spans="1:7" x14ac:dyDescent="0.3">
      <c r="A47939" s="13" t="s">
        <v>273</v>
      </c>
      <c r="B47939" s="14" t="s">
        <v>1</v>
      </c>
      <c r="C47939" s="14" t="s">
        <v>150</v>
      </c>
      <c r="D47939" s="14" t="s">
        <v>274</v>
      </c>
      <c r="E47939" s="15">
        <v>45500</v>
      </c>
      <c r="F47939" s="14" t="s">
        <v>61</v>
      </c>
      <c r="G47939" s="16">
        <v>0.53390346931543897</v>
      </c>
    </row>
    <row r="47940" spans="1:7" x14ac:dyDescent="0.3">
      <c r="A47940" s="13" t="s">
        <v>273</v>
      </c>
      <c r="B47940" s="14" t="s">
        <v>1</v>
      </c>
      <c r="C47940" s="14" t="s">
        <v>150</v>
      </c>
      <c r="D47940" s="14" t="s">
        <v>274</v>
      </c>
      <c r="E47940" s="15">
        <v>45501</v>
      </c>
      <c r="F47940" s="14" t="s">
        <v>61</v>
      </c>
      <c r="G47940" s="16">
        <v>0.53390346931543897</v>
      </c>
    </row>
    <row r="47941" spans="1:7" x14ac:dyDescent="0.3">
      <c r="A47941" s="13" t="s">
        <v>273</v>
      </c>
      <c r="B47941" s="14" t="s">
        <v>1</v>
      </c>
      <c r="C47941" s="14" t="s">
        <v>150</v>
      </c>
      <c r="D47941" s="14" t="s">
        <v>274</v>
      </c>
      <c r="E47941" s="15">
        <v>45502</v>
      </c>
      <c r="F47941" s="14" t="s">
        <v>61</v>
      </c>
      <c r="G47941" s="16">
        <v>0.53608354938135017</v>
      </c>
    </row>
    <row r="47942" spans="1:7" x14ac:dyDescent="0.3">
      <c r="A47942" s="13" t="s">
        <v>273</v>
      </c>
      <c r="B47942" s="14" t="s">
        <v>1</v>
      </c>
      <c r="C47942" s="14" t="s">
        <v>150</v>
      </c>
      <c r="D47942" s="14" t="s">
        <v>274</v>
      </c>
      <c r="E47942" s="15">
        <v>45503</v>
      </c>
      <c r="F47942" s="14" t="s">
        <v>61</v>
      </c>
      <c r="G47942" s="16">
        <v>0.54262442958566104</v>
      </c>
    </row>
    <row r="47943" spans="1:7" x14ac:dyDescent="0.3">
      <c r="A47943" s="13" t="s">
        <v>273</v>
      </c>
      <c r="B47943" s="14" t="s">
        <v>1</v>
      </c>
      <c r="C47943" s="14" t="s">
        <v>150</v>
      </c>
      <c r="D47943" s="14" t="s">
        <v>274</v>
      </c>
      <c r="E47943" s="15">
        <v>45504</v>
      </c>
      <c r="F47943" s="14" t="s">
        <v>61</v>
      </c>
      <c r="G47943" s="16">
        <v>0.54980191576685467</v>
      </c>
    </row>
    <row r="47944" spans="1:7" x14ac:dyDescent="0.3">
      <c r="A47944" s="13" t="s">
        <v>273</v>
      </c>
      <c r="B47944" s="14" t="s">
        <v>1</v>
      </c>
      <c r="C47944" s="14" t="s">
        <v>150</v>
      </c>
      <c r="D47944" s="14" t="s">
        <v>274</v>
      </c>
      <c r="E47944" s="15">
        <v>45505</v>
      </c>
      <c r="F47944" s="14" t="s">
        <v>61</v>
      </c>
      <c r="G47944" s="16">
        <v>0.54980191576685467</v>
      </c>
    </row>
    <row r="47945" spans="1:7" x14ac:dyDescent="0.3">
      <c r="A47945" s="13" t="s">
        <v>273</v>
      </c>
      <c r="B47945" s="14" t="s">
        <v>1</v>
      </c>
      <c r="C47945" s="14" t="s">
        <v>150</v>
      </c>
      <c r="D47945" s="14" t="s">
        <v>274</v>
      </c>
      <c r="E47945" s="15">
        <v>45506</v>
      </c>
      <c r="F47945" s="14" t="s">
        <v>61</v>
      </c>
      <c r="G47945" s="16">
        <v>0.55195838139158326</v>
      </c>
    </row>
    <row r="47946" spans="1:7" x14ac:dyDescent="0.3">
      <c r="A47946" s="13" t="s">
        <v>273</v>
      </c>
      <c r="B47946" s="14" t="s">
        <v>1</v>
      </c>
      <c r="C47946" s="14" t="s">
        <v>150</v>
      </c>
      <c r="D47946" s="14" t="s">
        <v>274</v>
      </c>
      <c r="E47946" s="15">
        <v>45507</v>
      </c>
      <c r="F47946" s="14" t="s">
        <v>61</v>
      </c>
      <c r="G47946" s="16">
        <v>0.55195838139158326</v>
      </c>
    </row>
    <row r="47947" spans="1:7" x14ac:dyDescent="0.3">
      <c r="A47947" s="13" t="s">
        <v>273</v>
      </c>
      <c r="B47947" s="14" t="s">
        <v>1</v>
      </c>
      <c r="C47947" s="14" t="s">
        <v>150</v>
      </c>
      <c r="D47947" s="14" t="s">
        <v>274</v>
      </c>
      <c r="E47947" s="15">
        <v>45508</v>
      </c>
      <c r="F47947" s="14" t="s">
        <v>61</v>
      </c>
      <c r="G47947" s="16">
        <v>0.55195838139158326</v>
      </c>
    </row>
    <row r="47948" spans="1:7" x14ac:dyDescent="0.3">
      <c r="A47948" s="13" t="s">
        <v>273</v>
      </c>
      <c r="B47948" s="14" t="s">
        <v>1</v>
      </c>
      <c r="C47948" s="14" t="s">
        <v>150</v>
      </c>
      <c r="D47948" s="14" t="s">
        <v>274</v>
      </c>
      <c r="E47948" s="15">
        <v>45509</v>
      </c>
      <c r="F47948" s="14" t="s">
        <v>61</v>
      </c>
      <c r="G47948" s="16">
        <v>0.55195838139158326</v>
      </c>
    </row>
    <row r="47949" spans="1:7" x14ac:dyDescent="0.3">
      <c r="A47949" s="13" t="s">
        <v>273</v>
      </c>
      <c r="B47949" s="14" t="s">
        <v>1</v>
      </c>
      <c r="C47949" s="14" t="s">
        <v>150</v>
      </c>
      <c r="D47949" s="14" t="s">
        <v>274</v>
      </c>
      <c r="E47949" s="15">
        <v>45510</v>
      </c>
      <c r="F47949" s="14" t="s">
        <v>61</v>
      </c>
      <c r="G47949" s="16">
        <v>0.56320514181229064</v>
      </c>
    </row>
    <row r="47950" spans="1:7" x14ac:dyDescent="0.3">
      <c r="A47950" s="13" t="s">
        <v>273</v>
      </c>
      <c r="B47950" s="14" t="s">
        <v>1</v>
      </c>
      <c r="C47950" s="14" t="s">
        <v>150</v>
      </c>
      <c r="D47950" s="14" t="s">
        <v>274</v>
      </c>
      <c r="E47950" s="15">
        <v>45511</v>
      </c>
      <c r="F47950" s="14" t="s">
        <v>61</v>
      </c>
      <c r="G47950" s="16">
        <v>0.60604465104381311</v>
      </c>
    </row>
    <row r="47951" spans="1:7" x14ac:dyDescent="0.3">
      <c r="A47951" s="13" t="s">
        <v>273</v>
      </c>
      <c r="B47951" s="14" t="s">
        <v>1</v>
      </c>
      <c r="C47951" s="14" t="s">
        <v>150</v>
      </c>
      <c r="D47951" s="14" t="s">
        <v>274</v>
      </c>
      <c r="E47951" s="15">
        <v>45512</v>
      </c>
      <c r="F47951" s="14" t="s">
        <v>61</v>
      </c>
      <c r="G47951" s="16">
        <v>0.60820955039753544</v>
      </c>
    </row>
    <row r="47952" spans="1:7" x14ac:dyDescent="0.3">
      <c r="A47952" s="13" t="s">
        <v>273</v>
      </c>
      <c r="B47952" s="14" t="s">
        <v>1</v>
      </c>
      <c r="C47952" s="14" t="s">
        <v>150</v>
      </c>
      <c r="D47952" s="14" t="s">
        <v>274</v>
      </c>
      <c r="E47952" s="15">
        <v>45513</v>
      </c>
      <c r="F47952" s="14" t="s">
        <v>61</v>
      </c>
      <c r="G47952" s="16">
        <v>0.61036576262764219</v>
      </c>
    </row>
    <row r="47953" spans="1:7" x14ac:dyDescent="0.3">
      <c r="A47953" s="13" t="s">
        <v>273</v>
      </c>
      <c r="B47953" s="14" t="s">
        <v>1</v>
      </c>
      <c r="C47953" s="14" t="s">
        <v>150</v>
      </c>
      <c r="D47953" s="14" t="s">
        <v>274</v>
      </c>
      <c r="E47953" s="15">
        <v>45514</v>
      </c>
      <c r="F47953" s="14" t="s">
        <v>61</v>
      </c>
      <c r="G47953" s="16">
        <v>0.61036576262764219</v>
      </c>
    </row>
    <row r="47954" spans="1:7" x14ac:dyDescent="0.3">
      <c r="A47954" s="13" t="s">
        <v>273</v>
      </c>
      <c r="B47954" s="14" t="s">
        <v>1</v>
      </c>
      <c r="C47954" s="14" t="s">
        <v>150</v>
      </c>
      <c r="D47954" s="14" t="s">
        <v>274</v>
      </c>
      <c r="E47954" s="15">
        <v>45515</v>
      </c>
      <c r="F47954" s="14" t="s">
        <v>61</v>
      </c>
      <c r="G47954" s="16">
        <v>0.61036576262764219</v>
      </c>
    </row>
    <row r="47955" spans="1:7" x14ac:dyDescent="0.3">
      <c r="A47955" s="13" t="s">
        <v>273</v>
      </c>
      <c r="B47955" s="14" t="s">
        <v>1</v>
      </c>
      <c r="C47955" s="14" t="s">
        <v>150</v>
      </c>
      <c r="D47955" s="14" t="s">
        <v>274</v>
      </c>
      <c r="E47955" s="15">
        <v>45516</v>
      </c>
      <c r="F47955" s="14" t="s">
        <v>61</v>
      </c>
      <c r="G47955" s="16">
        <v>0.6134428114210434</v>
      </c>
    </row>
    <row r="47956" spans="1:7" x14ac:dyDescent="0.3">
      <c r="A47956" s="13" t="s">
        <v>273</v>
      </c>
      <c r="B47956" s="14" t="s">
        <v>1</v>
      </c>
      <c r="C47956" s="14" t="s">
        <v>150</v>
      </c>
      <c r="D47956" s="14" t="s">
        <v>274</v>
      </c>
      <c r="E47956" s="15">
        <v>45517</v>
      </c>
      <c r="F47956" s="14" t="s">
        <v>61</v>
      </c>
      <c r="G47956" s="16">
        <v>0.619970101993081</v>
      </c>
    </row>
    <row r="47957" spans="1:7" x14ac:dyDescent="0.3">
      <c r="A47957" s="13" t="s">
        <v>273</v>
      </c>
      <c r="B47957" s="14" t="s">
        <v>1</v>
      </c>
      <c r="C47957" s="14" t="s">
        <v>150</v>
      </c>
      <c r="D47957" s="14" t="s">
        <v>274</v>
      </c>
      <c r="E47957" s="15">
        <v>45518</v>
      </c>
      <c r="F47957" s="14" t="s">
        <v>61</v>
      </c>
      <c r="G47957" s="16">
        <v>0.62198161879129354</v>
      </c>
    </row>
    <row r="47958" spans="1:7" x14ac:dyDescent="0.3">
      <c r="A47958" s="13" t="s">
        <v>273</v>
      </c>
      <c r="B47958" s="14" t="s">
        <v>1</v>
      </c>
      <c r="C47958" s="14" t="s">
        <v>150</v>
      </c>
      <c r="D47958" s="14" t="s">
        <v>274</v>
      </c>
      <c r="E47958" s="15">
        <v>45519</v>
      </c>
      <c r="F47958" s="14" t="s">
        <v>61</v>
      </c>
      <c r="G47958" s="16">
        <v>0.62451273091466353</v>
      </c>
    </row>
    <row r="47959" spans="1:7" x14ac:dyDescent="0.3">
      <c r="A47959" s="13" t="s">
        <v>273</v>
      </c>
      <c r="B47959" s="14" t="s">
        <v>1</v>
      </c>
      <c r="C47959" s="14" t="s">
        <v>150</v>
      </c>
      <c r="D47959" s="14" t="s">
        <v>274</v>
      </c>
      <c r="E47959" s="15">
        <v>45520</v>
      </c>
      <c r="F47959" s="14" t="s">
        <v>61</v>
      </c>
      <c r="G47959" s="16">
        <v>0.62700773087460637</v>
      </c>
    </row>
    <row r="47960" spans="1:7" x14ac:dyDescent="0.3">
      <c r="A47960" s="13" t="s">
        <v>273</v>
      </c>
      <c r="B47960" s="14" t="s">
        <v>1</v>
      </c>
      <c r="C47960" s="14" t="s">
        <v>150</v>
      </c>
      <c r="D47960" s="14" t="s">
        <v>274</v>
      </c>
      <c r="E47960" s="15">
        <v>45521</v>
      </c>
      <c r="F47960" s="14" t="s">
        <v>61</v>
      </c>
      <c r="G47960" s="16">
        <v>0.62700773087460637</v>
      </c>
    </row>
    <row r="47961" spans="1:7" x14ac:dyDescent="0.3">
      <c r="A47961" s="13" t="s">
        <v>273</v>
      </c>
      <c r="B47961" s="14" t="s">
        <v>1</v>
      </c>
      <c r="C47961" s="14" t="s">
        <v>150</v>
      </c>
      <c r="D47961" s="14" t="s">
        <v>274</v>
      </c>
      <c r="E47961" s="15">
        <v>45522</v>
      </c>
      <c r="F47961" s="14" t="s">
        <v>61</v>
      </c>
      <c r="G47961" s="16">
        <v>0.62700773087460637</v>
      </c>
    </row>
    <row r="47962" spans="1:7" x14ac:dyDescent="0.3">
      <c r="A47962" s="13" t="s">
        <v>273</v>
      </c>
      <c r="B47962" s="14" t="s">
        <v>1</v>
      </c>
      <c r="C47962" s="14" t="s">
        <v>150</v>
      </c>
      <c r="D47962" s="14" t="s">
        <v>274</v>
      </c>
      <c r="E47962" s="15">
        <v>45523</v>
      </c>
      <c r="F47962" s="14" t="s">
        <v>61</v>
      </c>
      <c r="G47962" s="16">
        <v>0.62891934416676165</v>
      </c>
    </row>
    <row r="47963" spans="1:7" x14ac:dyDescent="0.3">
      <c r="A47963" s="13" t="s">
        <v>273</v>
      </c>
      <c r="B47963" s="14" t="s">
        <v>1</v>
      </c>
      <c r="C47963" s="14" t="s">
        <v>150</v>
      </c>
      <c r="D47963" s="14" t="s">
        <v>274</v>
      </c>
      <c r="E47963" s="15">
        <v>45524</v>
      </c>
      <c r="F47963" s="14" t="s">
        <v>61</v>
      </c>
      <c r="G47963" s="16">
        <v>0.63446881707657676</v>
      </c>
    </row>
    <row r="47964" spans="1:7" x14ac:dyDescent="0.3">
      <c r="A47964" s="13" t="s">
        <v>273</v>
      </c>
      <c r="B47964" s="14" t="s">
        <v>1</v>
      </c>
      <c r="C47964" s="14" t="s">
        <v>150</v>
      </c>
      <c r="D47964" s="14" t="s">
        <v>274</v>
      </c>
      <c r="E47964" s="15">
        <v>45525</v>
      </c>
      <c r="F47964" s="14" t="s">
        <v>61</v>
      </c>
      <c r="G47964" s="16">
        <v>0.63513668532428524</v>
      </c>
    </row>
    <row r="47965" spans="1:7" x14ac:dyDescent="0.3">
      <c r="A47965" s="13" t="s">
        <v>273</v>
      </c>
      <c r="B47965" s="14" t="s">
        <v>1</v>
      </c>
      <c r="C47965" s="14" t="s">
        <v>150</v>
      </c>
      <c r="D47965" s="14" t="s">
        <v>274</v>
      </c>
      <c r="E47965" s="15">
        <v>45526</v>
      </c>
      <c r="F47965" s="14" t="s">
        <v>61</v>
      </c>
      <c r="G47965" s="16">
        <v>0.64172520620213047</v>
      </c>
    </row>
    <row r="47966" spans="1:7" x14ac:dyDescent="0.3">
      <c r="A47966" s="13" t="s">
        <v>273</v>
      </c>
      <c r="B47966" s="14" t="s">
        <v>1</v>
      </c>
      <c r="C47966" s="14" t="s">
        <v>150</v>
      </c>
      <c r="D47966" s="14" t="s">
        <v>274</v>
      </c>
      <c r="E47966" s="15">
        <v>45527</v>
      </c>
      <c r="F47966" s="14" t="s">
        <v>61</v>
      </c>
      <c r="G47966" s="16">
        <v>0.64345834046806771</v>
      </c>
    </row>
    <row r="47967" spans="1:7" x14ac:dyDescent="0.3">
      <c r="A47967" s="13" t="s">
        <v>273</v>
      </c>
      <c r="B47967" s="14" t="s">
        <v>1</v>
      </c>
      <c r="C47967" s="14" t="s">
        <v>150</v>
      </c>
      <c r="D47967" s="14" t="s">
        <v>274</v>
      </c>
      <c r="E47967" s="15">
        <v>45528</v>
      </c>
      <c r="F47967" s="14" t="s">
        <v>61</v>
      </c>
      <c r="G47967" s="16">
        <v>0.64345834046806771</v>
      </c>
    </row>
    <row r="47968" spans="1:7" x14ac:dyDescent="0.3">
      <c r="A47968" s="13" t="s">
        <v>273</v>
      </c>
      <c r="B47968" s="14" t="s">
        <v>1</v>
      </c>
      <c r="C47968" s="14" t="s">
        <v>150</v>
      </c>
      <c r="D47968" s="14" t="s">
        <v>274</v>
      </c>
      <c r="E47968" s="15">
        <v>45529</v>
      </c>
      <c r="F47968" s="14" t="s">
        <v>61</v>
      </c>
      <c r="G47968" s="16">
        <v>0.64345834046806771</v>
      </c>
    </row>
    <row r="47969" spans="1:7" x14ac:dyDescent="0.3">
      <c r="A47969" s="13" t="s">
        <v>273</v>
      </c>
      <c r="B47969" s="14" t="s">
        <v>1</v>
      </c>
      <c r="C47969" s="14" t="s">
        <v>150</v>
      </c>
      <c r="D47969" s="14" t="s">
        <v>274</v>
      </c>
      <c r="E47969" s="15">
        <v>45530</v>
      </c>
      <c r="F47969" s="14" t="s">
        <v>61</v>
      </c>
      <c r="G47969" s="16">
        <v>0.64521825359811147</v>
      </c>
    </row>
    <row r="47970" spans="1:7" x14ac:dyDescent="0.3">
      <c r="A47970" s="13" t="s">
        <v>273</v>
      </c>
      <c r="B47970" s="14" t="s">
        <v>1</v>
      </c>
      <c r="C47970" s="14" t="s">
        <v>150</v>
      </c>
      <c r="D47970" s="14" t="s">
        <v>274</v>
      </c>
      <c r="E47970" s="15">
        <v>45531</v>
      </c>
      <c r="F47970" s="14" t="s">
        <v>61</v>
      </c>
      <c r="G47970" s="16">
        <v>0.65046138191068648</v>
      </c>
    </row>
    <row r="47971" spans="1:7" x14ac:dyDescent="0.3">
      <c r="A47971" s="13" t="s">
        <v>273</v>
      </c>
      <c r="B47971" s="14" t="s">
        <v>1</v>
      </c>
      <c r="C47971" s="14" t="s">
        <v>150</v>
      </c>
      <c r="D47971" s="14" t="s">
        <v>274</v>
      </c>
      <c r="E47971" s="15">
        <v>45532</v>
      </c>
      <c r="F47971" s="14" t="s">
        <v>61</v>
      </c>
      <c r="G47971" s="16">
        <v>0.65782985473106992</v>
      </c>
    </row>
    <row r="47972" spans="1:7" x14ac:dyDescent="0.3">
      <c r="A47972" s="13" t="s">
        <v>273</v>
      </c>
      <c r="B47972" s="14" t="s">
        <v>1</v>
      </c>
      <c r="C47972" s="14" t="s">
        <v>150</v>
      </c>
      <c r="D47972" s="14" t="s">
        <v>274</v>
      </c>
      <c r="E47972" s="15">
        <v>45533</v>
      </c>
      <c r="F47972" s="14" t="s">
        <v>61</v>
      </c>
      <c r="G47972" s="16">
        <v>0.65960575105749142</v>
      </c>
    </row>
    <row r="47973" spans="1:7" x14ac:dyDescent="0.3">
      <c r="A47973" s="13" t="s">
        <v>273</v>
      </c>
      <c r="B47973" s="14" t="s">
        <v>1</v>
      </c>
      <c r="C47973" s="14" t="s">
        <v>150</v>
      </c>
      <c r="D47973" s="14" t="s">
        <v>274</v>
      </c>
      <c r="E47973" s="15">
        <v>45534</v>
      </c>
      <c r="F47973" s="14" t="s">
        <v>61</v>
      </c>
      <c r="G47973" s="16">
        <v>0.66145202952936577</v>
      </c>
    </row>
    <row r="47974" spans="1:7" x14ac:dyDescent="0.3">
      <c r="A47974" s="13" t="s">
        <v>273</v>
      </c>
      <c r="B47974" s="14" t="s">
        <v>1</v>
      </c>
      <c r="C47974" s="14" t="s">
        <v>150</v>
      </c>
      <c r="D47974" s="14" t="s">
        <v>274</v>
      </c>
      <c r="E47974" s="15">
        <v>45535</v>
      </c>
      <c r="F47974" s="14" t="s">
        <v>61</v>
      </c>
      <c r="G47974" s="16">
        <v>0.66145202952936577</v>
      </c>
    </row>
    <row r="47975" spans="1:7" x14ac:dyDescent="0.3">
      <c r="A47975" s="13" t="s">
        <v>273</v>
      </c>
      <c r="B47975" s="14" t="s">
        <v>1</v>
      </c>
      <c r="C47975" s="14" t="s">
        <v>150</v>
      </c>
      <c r="D47975" s="14" t="s">
        <v>274</v>
      </c>
      <c r="E47975" s="15">
        <v>45536</v>
      </c>
      <c r="F47975" s="14" t="s">
        <v>61</v>
      </c>
      <c r="G47975" s="16">
        <v>0.66145202952936577</v>
      </c>
    </row>
    <row r="47976" spans="1:7" x14ac:dyDescent="0.3">
      <c r="A47976" s="13" t="s">
        <v>273</v>
      </c>
      <c r="B47976" s="14" t="s">
        <v>1</v>
      </c>
      <c r="C47976" s="14" t="s">
        <v>150</v>
      </c>
      <c r="D47976" s="14" t="s">
        <v>274</v>
      </c>
      <c r="E47976" s="15">
        <v>45537</v>
      </c>
      <c r="F47976" s="14" t="s">
        <v>61</v>
      </c>
      <c r="G47976" s="16">
        <v>0.66327615585187449</v>
      </c>
    </row>
    <row r="47977" spans="1:7" x14ac:dyDescent="0.3">
      <c r="A47977" s="13" t="s">
        <v>273</v>
      </c>
      <c r="B47977" s="14" t="s">
        <v>1</v>
      </c>
      <c r="C47977" s="14" t="s">
        <v>150</v>
      </c>
      <c r="D47977" s="14" t="s">
        <v>274</v>
      </c>
      <c r="E47977" s="15">
        <v>45538</v>
      </c>
      <c r="F47977" s="14" t="s">
        <v>61</v>
      </c>
      <c r="G47977" s="16">
        <v>0.67620187389001651</v>
      </c>
    </row>
    <row r="47978" spans="1:7" x14ac:dyDescent="0.3">
      <c r="A47978" s="13" t="s">
        <v>273</v>
      </c>
      <c r="B47978" s="14" t="s">
        <v>1</v>
      </c>
      <c r="C47978" s="14" t="s">
        <v>150</v>
      </c>
      <c r="D47978" s="14" t="s">
        <v>274</v>
      </c>
      <c r="E47978" s="15">
        <v>45539</v>
      </c>
      <c r="F47978" s="14" t="s">
        <v>61</v>
      </c>
      <c r="G47978" s="16">
        <v>0.67770100855284454</v>
      </c>
    </row>
    <row r="47979" spans="1:7" x14ac:dyDescent="0.3">
      <c r="A47979" s="13" t="s">
        <v>273</v>
      </c>
      <c r="B47979" s="14" t="s">
        <v>1</v>
      </c>
      <c r="C47979" s="14" t="s">
        <v>150</v>
      </c>
      <c r="D47979" s="14" t="s">
        <v>274</v>
      </c>
      <c r="E47979" s="15">
        <v>45540</v>
      </c>
      <c r="F47979" s="14" t="s">
        <v>61</v>
      </c>
      <c r="G47979" s="16">
        <v>0.68799593174794038</v>
      </c>
    </row>
    <row r="47980" spans="1:7" x14ac:dyDescent="0.3">
      <c r="A47980" s="13" t="s">
        <v>273</v>
      </c>
      <c r="B47980" s="14" t="s">
        <v>1</v>
      </c>
      <c r="C47980" s="14" t="s">
        <v>150</v>
      </c>
      <c r="D47980" s="14" t="s">
        <v>274</v>
      </c>
      <c r="E47980" s="15">
        <v>45541</v>
      </c>
      <c r="F47980" s="14" t="s">
        <v>61</v>
      </c>
      <c r="G47980" s="16">
        <v>0.68982285487268125</v>
      </c>
    </row>
    <row r="47981" spans="1:7" x14ac:dyDescent="0.3">
      <c r="A47981" s="13" t="s">
        <v>273</v>
      </c>
      <c r="B47981" s="14" t="s">
        <v>1</v>
      </c>
      <c r="C47981" s="14" t="s">
        <v>150</v>
      </c>
      <c r="D47981" s="14" t="s">
        <v>274</v>
      </c>
      <c r="E47981" s="15">
        <v>45542</v>
      </c>
      <c r="F47981" s="14" t="s">
        <v>61</v>
      </c>
      <c r="G47981" s="16">
        <v>0.68982285487268125</v>
      </c>
    </row>
    <row r="47982" spans="1:7" x14ac:dyDescent="0.3">
      <c r="A47982" s="13" t="s">
        <v>273</v>
      </c>
      <c r="B47982" s="14" t="s">
        <v>1</v>
      </c>
      <c r="C47982" s="14" t="s">
        <v>150</v>
      </c>
      <c r="D47982" s="14" t="s">
        <v>274</v>
      </c>
      <c r="E47982" s="15">
        <v>45543</v>
      </c>
      <c r="F47982" s="14" t="s">
        <v>61</v>
      </c>
      <c r="G47982" s="16">
        <v>0.68982285487268125</v>
      </c>
    </row>
    <row r="47983" spans="1:7" x14ac:dyDescent="0.3">
      <c r="A47983" s="13" t="s">
        <v>273</v>
      </c>
      <c r="B47983" s="14" t="s">
        <v>1</v>
      </c>
      <c r="C47983" s="14" t="s">
        <v>150</v>
      </c>
      <c r="D47983" s="14" t="s">
        <v>274</v>
      </c>
      <c r="E47983" s="15">
        <v>45544</v>
      </c>
      <c r="F47983" s="14" t="s">
        <v>61</v>
      </c>
      <c r="G47983" s="16">
        <v>0.69172911578115115</v>
      </c>
    </row>
    <row r="47984" spans="1:7" x14ac:dyDescent="0.3">
      <c r="A47984" s="13" t="s">
        <v>273</v>
      </c>
      <c r="B47984" s="14" t="s">
        <v>1</v>
      </c>
      <c r="C47984" s="14" t="s">
        <v>150</v>
      </c>
      <c r="D47984" s="14" t="s">
        <v>274</v>
      </c>
      <c r="E47984" s="15">
        <v>45545</v>
      </c>
      <c r="F47984" s="14" t="s">
        <v>61</v>
      </c>
      <c r="G47984" s="16">
        <v>0.6974780213508408</v>
      </c>
    </row>
    <row r="47985" spans="1:7" x14ac:dyDescent="0.3">
      <c r="A47985" s="13" t="s">
        <v>273</v>
      </c>
      <c r="B47985" s="14" t="s">
        <v>1</v>
      </c>
      <c r="C47985" s="14" t="s">
        <v>150</v>
      </c>
      <c r="D47985" s="14" t="s">
        <v>274</v>
      </c>
      <c r="E47985" s="15">
        <v>45546</v>
      </c>
      <c r="F47985" s="14" t="s">
        <v>61</v>
      </c>
      <c r="G47985" s="16">
        <v>0.7001984390280821</v>
      </c>
    </row>
    <row r="47986" spans="1:7" x14ac:dyDescent="0.3">
      <c r="A47986" s="13" t="s">
        <v>273</v>
      </c>
      <c r="B47986" s="14" t="s">
        <v>1</v>
      </c>
      <c r="C47986" s="14" t="s">
        <v>150</v>
      </c>
      <c r="D47986" s="14" t="s">
        <v>274</v>
      </c>
      <c r="E47986" s="15">
        <v>45547</v>
      </c>
      <c r="F47986" s="14" t="s">
        <v>61</v>
      </c>
      <c r="G47986" s="16">
        <v>0.70208995986130596</v>
      </c>
    </row>
    <row r="47987" spans="1:7" x14ac:dyDescent="0.3">
      <c r="A47987" s="13" t="s">
        <v>273</v>
      </c>
      <c r="B47987" s="14" t="s">
        <v>1</v>
      </c>
      <c r="C47987" s="14" t="s">
        <v>150</v>
      </c>
      <c r="D47987" s="14" t="s">
        <v>274</v>
      </c>
      <c r="E47987" s="15">
        <v>45548</v>
      </c>
      <c r="F47987" s="14" t="s">
        <v>61</v>
      </c>
      <c r="G47987" s="16">
        <v>0.7055465845400265</v>
      </c>
    </row>
    <row r="47988" spans="1:7" x14ac:dyDescent="0.3">
      <c r="A47988" s="13" t="s">
        <v>273</v>
      </c>
      <c r="B47988" s="14" t="s">
        <v>1</v>
      </c>
      <c r="C47988" s="14" t="s">
        <v>150</v>
      </c>
      <c r="D47988" s="14" t="s">
        <v>274</v>
      </c>
      <c r="E47988" s="15">
        <v>45549</v>
      </c>
      <c r="F47988" s="14" t="s">
        <v>61</v>
      </c>
      <c r="G47988" s="16">
        <v>0.7055465845400265</v>
      </c>
    </row>
    <row r="47989" spans="1:7" x14ac:dyDescent="0.3">
      <c r="A47989" s="13" t="s">
        <v>273</v>
      </c>
      <c r="B47989" s="14" t="s">
        <v>1</v>
      </c>
      <c r="C47989" s="14" t="s">
        <v>150</v>
      </c>
      <c r="D47989" s="14" t="s">
        <v>274</v>
      </c>
      <c r="E47989" s="15">
        <v>45550</v>
      </c>
      <c r="F47989" s="14" t="s">
        <v>61</v>
      </c>
      <c r="G47989" s="16">
        <v>0.7055465845400265</v>
      </c>
    </row>
    <row r="47990" spans="1:7" x14ac:dyDescent="0.3">
      <c r="A47990" s="13" t="s">
        <v>273</v>
      </c>
      <c r="B47990" s="14" t="s">
        <v>1</v>
      </c>
      <c r="C47990" s="14" t="s">
        <v>150</v>
      </c>
      <c r="D47990" s="14" t="s">
        <v>274</v>
      </c>
      <c r="E47990" s="15">
        <v>45551</v>
      </c>
      <c r="F47990" s="14" t="s">
        <v>61</v>
      </c>
      <c r="G47990" s="16">
        <v>0.70734478181424587</v>
      </c>
    </row>
    <row r="47991" spans="1:7" x14ac:dyDescent="0.3">
      <c r="A47991" s="13" t="s">
        <v>273</v>
      </c>
      <c r="B47991" s="14" t="s">
        <v>1</v>
      </c>
      <c r="C47991" s="14" t="s">
        <v>150</v>
      </c>
      <c r="D47991" s="14" t="s">
        <v>274</v>
      </c>
      <c r="E47991" s="15">
        <v>45552</v>
      </c>
      <c r="F47991" s="14" t="s">
        <v>61</v>
      </c>
      <c r="G47991" s="16">
        <v>0.71398002749601697</v>
      </c>
    </row>
    <row r="47992" spans="1:7" x14ac:dyDescent="0.3">
      <c r="A47992" s="13" t="s">
        <v>273</v>
      </c>
      <c r="B47992" s="14" t="s">
        <v>1</v>
      </c>
      <c r="C47992" s="14" t="s">
        <v>150</v>
      </c>
      <c r="D47992" s="14" t="s">
        <v>274</v>
      </c>
      <c r="E47992" s="15">
        <v>45553</v>
      </c>
      <c r="F47992" s="14" t="s">
        <v>61</v>
      </c>
      <c r="G47992" s="16">
        <v>0.71573437963551967</v>
      </c>
    </row>
    <row r="47993" spans="1:7" x14ac:dyDescent="0.3">
      <c r="A47993" s="13" t="s">
        <v>273</v>
      </c>
      <c r="B47993" s="14" t="s">
        <v>1</v>
      </c>
      <c r="C47993" s="14" t="s">
        <v>150</v>
      </c>
      <c r="D47993" s="14" t="s">
        <v>274</v>
      </c>
      <c r="E47993" s="15">
        <v>45554</v>
      </c>
      <c r="F47993" s="14" t="s">
        <v>61</v>
      </c>
      <c r="G47993" s="16">
        <v>0.71444813811444929</v>
      </c>
    </row>
    <row r="47994" spans="1:7" x14ac:dyDescent="0.3">
      <c r="A47994" s="13" t="s">
        <v>273</v>
      </c>
      <c r="B47994" s="14" t="s">
        <v>1</v>
      </c>
      <c r="C47994" s="14" t="s">
        <v>150</v>
      </c>
      <c r="D47994" s="14" t="s">
        <v>274</v>
      </c>
      <c r="E47994" s="15">
        <v>45555</v>
      </c>
      <c r="F47994" s="14" t="s">
        <v>61</v>
      </c>
      <c r="G47994" s="16">
        <v>0.71840298456054641</v>
      </c>
    </row>
    <row r="47995" spans="1:7" x14ac:dyDescent="0.3">
      <c r="A47995" s="13" t="s">
        <v>273</v>
      </c>
      <c r="B47995" s="14" t="s">
        <v>1</v>
      </c>
      <c r="C47995" s="14" t="s">
        <v>150</v>
      </c>
      <c r="D47995" s="14" t="s">
        <v>274</v>
      </c>
      <c r="E47995" s="15">
        <v>45556</v>
      </c>
      <c r="F47995" s="14" t="s">
        <v>61</v>
      </c>
      <c r="G47995" s="16">
        <v>0.71840298456054641</v>
      </c>
    </row>
    <row r="47996" spans="1:7" x14ac:dyDescent="0.3">
      <c r="A47996" s="13" t="s">
        <v>273</v>
      </c>
      <c r="B47996" s="14" t="s">
        <v>1</v>
      </c>
      <c r="C47996" s="14" t="s">
        <v>150</v>
      </c>
      <c r="D47996" s="14" t="s">
        <v>274</v>
      </c>
      <c r="E47996" s="15">
        <v>45557</v>
      </c>
      <c r="F47996" s="14" t="s">
        <v>61</v>
      </c>
      <c r="G47996" s="16">
        <v>0.71840298456054641</v>
      </c>
    </row>
    <row r="47997" spans="1:7" x14ac:dyDescent="0.3">
      <c r="A47997" s="13" t="s">
        <v>273</v>
      </c>
      <c r="B47997" s="14" t="s">
        <v>1</v>
      </c>
      <c r="C47997" s="14" t="s">
        <v>150</v>
      </c>
      <c r="D47997" s="14" t="s">
        <v>274</v>
      </c>
      <c r="E47997" s="15">
        <v>45558</v>
      </c>
      <c r="F47997" s="14" t="s">
        <v>61</v>
      </c>
      <c r="G47997" s="16">
        <v>0.71719699292241179</v>
      </c>
    </row>
    <row r="47998" spans="1:7" x14ac:dyDescent="0.3">
      <c r="A47998" s="13" t="s">
        <v>273</v>
      </c>
      <c r="B47998" s="14" t="s">
        <v>1</v>
      </c>
      <c r="C47998" s="14" t="s">
        <v>150</v>
      </c>
      <c r="D47998" s="14" t="s">
        <v>274</v>
      </c>
      <c r="E47998" s="15">
        <v>45559</v>
      </c>
      <c r="F47998" s="14" t="s">
        <v>61</v>
      </c>
      <c r="G47998" s="16">
        <v>0.72193866024060471</v>
      </c>
    </row>
    <row r="47999" spans="1:7" x14ac:dyDescent="0.3">
      <c r="A47999" s="13" t="s">
        <v>273</v>
      </c>
      <c r="B47999" s="14" t="s">
        <v>1</v>
      </c>
      <c r="C47999" s="14" t="s">
        <v>150</v>
      </c>
      <c r="D47999" s="14" t="s">
        <v>274</v>
      </c>
      <c r="E47999" s="15">
        <v>45560</v>
      </c>
      <c r="F47999" s="14" t="s">
        <v>61</v>
      </c>
      <c r="G47999" s="16">
        <v>0.7234945134974814</v>
      </c>
    </row>
    <row r="48000" spans="1:7" x14ac:dyDescent="0.3">
      <c r="A48000" s="13" t="s">
        <v>273</v>
      </c>
      <c r="B48000" s="14" t="s">
        <v>1</v>
      </c>
      <c r="C48000" s="14" t="s">
        <v>150</v>
      </c>
      <c r="D48000" s="14" t="s">
        <v>274</v>
      </c>
      <c r="E48000" s="15">
        <v>45561</v>
      </c>
      <c r="F48000" s="14" t="s">
        <v>61</v>
      </c>
      <c r="G48000" s="16">
        <v>0.72501901083983344</v>
      </c>
    </row>
    <row r="48001" spans="1:7" x14ac:dyDescent="0.3">
      <c r="A48001" s="13" t="s">
        <v>273</v>
      </c>
      <c r="B48001" s="14" t="s">
        <v>1</v>
      </c>
      <c r="C48001" s="14" t="s">
        <v>150</v>
      </c>
      <c r="D48001" s="14" t="s">
        <v>274</v>
      </c>
      <c r="E48001" s="15">
        <v>45562</v>
      </c>
      <c r="F48001" s="14" t="s">
        <v>61</v>
      </c>
      <c r="G48001" s="16">
        <v>0.73817081127151274</v>
      </c>
    </row>
    <row r="48002" spans="1:7" x14ac:dyDescent="0.3">
      <c r="A48002" s="13" t="s">
        <v>273</v>
      </c>
      <c r="B48002" s="14" t="s">
        <v>1</v>
      </c>
      <c r="C48002" s="14" t="s">
        <v>150</v>
      </c>
      <c r="D48002" s="14" t="s">
        <v>274</v>
      </c>
      <c r="E48002" s="15">
        <v>45563</v>
      </c>
      <c r="F48002" s="14" t="s">
        <v>61</v>
      </c>
      <c r="G48002" s="16">
        <v>0.73817081127151274</v>
      </c>
    </row>
    <row r="48003" spans="1:7" x14ac:dyDescent="0.3">
      <c r="A48003" s="13" t="s">
        <v>273</v>
      </c>
      <c r="B48003" s="14" t="s">
        <v>1</v>
      </c>
      <c r="C48003" s="14" t="s">
        <v>150</v>
      </c>
      <c r="D48003" s="14" t="s">
        <v>274</v>
      </c>
      <c r="E48003" s="15">
        <v>45564</v>
      </c>
      <c r="F48003" s="14" t="s">
        <v>61</v>
      </c>
      <c r="G48003" s="16">
        <v>0.73817081127151274</v>
      </c>
    </row>
    <row r="48004" spans="1:7" x14ac:dyDescent="0.3">
      <c r="A48004" s="13" t="s">
        <v>273</v>
      </c>
      <c r="B48004" s="14" t="s">
        <v>1</v>
      </c>
      <c r="C48004" s="14" t="s">
        <v>150</v>
      </c>
      <c r="D48004" s="14" t="s">
        <v>274</v>
      </c>
      <c r="E48004" s="15">
        <v>45565</v>
      </c>
      <c r="F48004" s="14" t="s">
        <v>61</v>
      </c>
      <c r="G48004" s="16">
        <v>0.74090982477858658</v>
      </c>
    </row>
    <row r="48005" spans="1:7" x14ac:dyDescent="0.3">
      <c r="A48005" s="13" t="s">
        <v>273</v>
      </c>
      <c r="B48005" s="14" t="s">
        <v>1</v>
      </c>
      <c r="C48005" s="14" t="s">
        <v>150</v>
      </c>
      <c r="D48005" s="14" t="s">
        <v>274</v>
      </c>
      <c r="E48005" s="15">
        <v>45566</v>
      </c>
      <c r="F48005" s="14" t="s">
        <v>61</v>
      </c>
      <c r="G48005" s="16">
        <v>0.74531239296944107</v>
      </c>
    </row>
    <row r="48006" spans="1:7" x14ac:dyDescent="0.3">
      <c r="A48006" s="13" t="s">
        <v>273</v>
      </c>
      <c r="B48006" s="14" t="s">
        <v>1</v>
      </c>
      <c r="C48006" s="14" t="s">
        <v>150</v>
      </c>
      <c r="D48006" s="14" t="s">
        <v>274</v>
      </c>
      <c r="E48006" s="15">
        <v>45567</v>
      </c>
      <c r="F48006" s="14" t="s">
        <v>61</v>
      </c>
      <c r="G48006" s="16">
        <v>0.7541613987430793</v>
      </c>
    </row>
    <row r="48007" spans="1:7" x14ac:dyDescent="0.3">
      <c r="A48007" s="13" t="s">
        <v>273</v>
      </c>
      <c r="B48007" s="14" t="s">
        <v>1</v>
      </c>
      <c r="C48007" s="14" t="s">
        <v>150</v>
      </c>
      <c r="D48007" s="14" t="s">
        <v>274</v>
      </c>
      <c r="E48007" s="15">
        <v>45568</v>
      </c>
      <c r="F48007" s="14" t="s">
        <v>61</v>
      </c>
      <c r="G48007" s="16">
        <v>0.75566513610213615</v>
      </c>
    </row>
    <row r="48008" spans="1:7" x14ac:dyDescent="0.3">
      <c r="A48008" s="13" t="s">
        <v>273</v>
      </c>
      <c r="B48008" s="14" t="s">
        <v>1</v>
      </c>
      <c r="C48008" s="14" t="s">
        <v>150</v>
      </c>
      <c r="D48008" s="14" t="s">
        <v>274</v>
      </c>
      <c r="E48008" s="15">
        <v>45569</v>
      </c>
      <c r="F48008" s="14" t="s">
        <v>61</v>
      </c>
      <c r="G48008" s="16">
        <v>0.76524136731026449</v>
      </c>
    </row>
    <row r="48009" spans="1:7" x14ac:dyDescent="0.3">
      <c r="A48009" s="13" t="s">
        <v>273</v>
      </c>
      <c r="B48009" s="14" t="s">
        <v>1</v>
      </c>
      <c r="C48009" s="14" t="s">
        <v>150</v>
      </c>
      <c r="D48009" s="14" t="s">
        <v>274</v>
      </c>
      <c r="E48009" s="15">
        <v>45570</v>
      </c>
      <c r="F48009" s="14" t="s">
        <v>61</v>
      </c>
      <c r="G48009" s="16">
        <v>0.76524136731026449</v>
      </c>
    </row>
    <row r="48010" spans="1:7" x14ac:dyDescent="0.3">
      <c r="A48010" s="13" t="s">
        <v>273</v>
      </c>
      <c r="B48010" s="14" t="s">
        <v>1</v>
      </c>
      <c r="C48010" s="14" t="s">
        <v>150</v>
      </c>
      <c r="D48010" s="14" t="s">
        <v>274</v>
      </c>
      <c r="E48010" s="15">
        <v>45571</v>
      </c>
      <c r="F48010" s="14" t="s">
        <v>61</v>
      </c>
      <c r="G48010" s="16">
        <v>0.76524136731026449</v>
      </c>
    </row>
    <row r="48011" spans="1:7" x14ac:dyDescent="0.3">
      <c r="A48011" s="13" t="s">
        <v>273</v>
      </c>
      <c r="B48011" s="14" t="s">
        <v>1</v>
      </c>
      <c r="C48011" s="14" t="s">
        <v>150</v>
      </c>
      <c r="D48011" s="14" t="s">
        <v>274</v>
      </c>
      <c r="E48011" s="15">
        <v>45572</v>
      </c>
      <c r="F48011" s="14" t="s">
        <v>61</v>
      </c>
      <c r="G48011" s="16">
        <v>0.76679863948629201</v>
      </c>
    </row>
    <row r="48012" spans="1:7" x14ac:dyDescent="0.3">
      <c r="A48012" s="13" t="s">
        <v>273</v>
      </c>
      <c r="B48012" s="14" t="s">
        <v>1</v>
      </c>
      <c r="C48012" s="14" t="s">
        <v>150</v>
      </c>
      <c r="D48012" s="14" t="s">
        <v>274</v>
      </c>
      <c r="E48012" s="15">
        <v>45573</v>
      </c>
      <c r="F48012" s="14" t="s">
        <v>61</v>
      </c>
      <c r="G48012" s="16">
        <v>0.77138553176230984</v>
      </c>
    </row>
    <row r="48013" spans="1:7" x14ac:dyDescent="0.3">
      <c r="A48013" s="13" t="s">
        <v>273</v>
      </c>
      <c r="B48013" s="14" t="s">
        <v>1</v>
      </c>
      <c r="C48013" s="14" t="s">
        <v>150</v>
      </c>
      <c r="D48013" s="14" t="s">
        <v>274</v>
      </c>
      <c r="E48013" s="15">
        <v>45574</v>
      </c>
      <c r="F48013" s="14" t="s">
        <v>61</v>
      </c>
      <c r="G48013" s="16">
        <v>0.77561517189339579</v>
      </c>
    </row>
    <row r="48014" spans="1:7" x14ac:dyDescent="0.3">
      <c r="A48014" s="13" t="s">
        <v>273</v>
      </c>
      <c r="B48014" s="14" t="s">
        <v>1</v>
      </c>
      <c r="C48014" s="14" t="s">
        <v>150</v>
      </c>
      <c r="D48014" s="14" t="s">
        <v>274</v>
      </c>
      <c r="E48014" s="15">
        <v>45575</v>
      </c>
      <c r="F48014" s="14" t="s">
        <v>61</v>
      </c>
      <c r="G48014" s="16">
        <v>0.77710830829859712</v>
      </c>
    </row>
    <row r="48015" spans="1:7" x14ac:dyDescent="0.3">
      <c r="A48015" s="13" t="s">
        <v>273</v>
      </c>
      <c r="B48015" s="14" t="s">
        <v>1</v>
      </c>
      <c r="C48015" s="14" t="s">
        <v>150</v>
      </c>
      <c r="D48015" s="14" t="s">
        <v>274</v>
      </c>
      <c r="E48015" s="15">
        <v>45576</v>
      </c>
      <c r="F48015" s="14" t="s">
        <v>61</v>
      </c>
      <c r="G48015" s="16">
        <v>0.77935225726061708</v>
      </c>
    </row>
    <row r="48016" spans="1:7" x14ac:dyDescent="0.3">
      <c r="A48016" s="13" t="s">
        <v>273</v>
      </c>
      <c r="B48016" s="14" t="s">
        <v>1</v>
      </c>
      <c r="C48016" s="14" t="s">
        <v>150</v>
      </c>
      <c r="D48016" s="14" t="s">
        <v>274</v>
      </c>
      <c r="E48016" s="15">
        <v>45577</v>
      </c>
      <c r="F48016" s="14" t="s">
        <v>61</v>
      </c>
      <c r="G48016" s="16">
        <v>0.77935225726061708</v>
      </c>
    </row>
    <row r="48017" spans="1:7" x14ac:dyDescent="0.3">
      <c r="A48017" s="13" t="s">
        <v>273</v>
      </c>
      <c r="B48017" s="14" t="s">
        <v>1</v>
      </c>
      <c r="C48017" s="14" t="s">
        <v>150</v>
      </c>
      <c r="D48017" s="14" t="s">
        <v>274</v>
      </c>
      <c r="E48017" s="15">
        <v>45578</v>
      </c>
      <c r="F48017" s="14" t="s">
        <v>61</v>
      </c>
      <c r="G48017" s="16">
        <v>0.77935225726061708</v>
      </c>
    </row>
    <row r="48018" spans="1:7" x14ac:dyDescent="0.3">
      <c r="A48018" s="13" t="s">
        <v>273</v>
      </c>
      <c r="B48018" s="14" t="s">
        <v>1</v>
      </c>
      <c r="C48018" s="14" t="s">
        <v>150</v>
      </c>
      <c r="D48018" s="14" t="s">
        <v>274</v>
      </c>
      <c r="E48018" s="15">
        <v>45579</v>
      </c>
      <c r="F48018" s="14" t="s">
        <v>61</v>
      </c>
      <c r="G48018" s="16">
        <v>0.78078152291883884</v>
      </c>
    </row>
    <row r="48019" spans="1:7" x14ac:dyDescent="0.3">
      <c r="A48019" s="13" t="s">
        <v>273</v>
      </c>
      <c r="B48019" s="14" t="s">
        <v>1</v>
      </c>
      <c r="C48019" s="14" t="s">
        <v>150</v>
      </c>
      <c r="D48019" s="14" t="s">
        <v>274</v>
      </c>
      <c r="E48019" s="15">
        <v>45580</v>
      </c>
      <c r="F48019" s="14" t="s">
        <v>61</v>
      </c>
      <c r="G48019" s="16">
        <v>0.78499266340422769</v>
      </c>
    </row>
    <row r="48020" spans="1:7" x14ac:dyDescent="0.3">
      <c r="A48020" s="13" t="s">
        <v>273</v>
      </c>
      <c r="B48020" s="14" t="s">
        <v>1</v>
      </c>
      <c r="C48020" s="14" t="s">
        <v>150</v>
      </c>
      <c r="D48020" s="14" t="s">
        <v>274</v>
      </c>
      <c r="E48020" s="15">
        <v>45581</v>
      </c>
      <c r="F48020" s="14" t="s">
        <v>61</v>
      </c>
      <c r="G48020" s="16">
        <v>0.78693562746669188</v>
      </c>
    </row>
    <row r="48021" spans="1:7" x14ac:dyDescent="0.3">
      <c r="A48021" s="13" t="s">
        <v>273</v>
      </c>
      <c r="B48021" s="14" t="s">
        <v>1</v>
      </c>
      <c r="C48021" s="14" t="s">
        <v>150</v>
      </c>
      <c r="D48021" s="14" t="s">
        <v>274</v>
      </c>
      <c r="E48021" s="15">
        <v>45582</v>
      </c>
      <c r="F48021" s="14" t="s">
        <v>61</v>
      </c>
      <c r="G48021" s="16">
        <v>0.78839520966853294</v>
      </c>
    </row>
    <row r="48022" spans="1:7" x14ac:dyDescent="0.3">
      <c r="A48022" s="13" t="s">
        <v>273</v>
      </c>
      <c r="B48022" s="14" t="s">
        <v>1</v>
      </c>
      <c r="C48022" s="14" t="s">
        <v>150</v>
      </c>
      <c r="D48022" s="14" t="s">
        <v>274</v>
      </c>
      <c r="E48022" s="15">
        <v>45583</v>
      </c>
      <c r="F48022" s="14" t="s">
        <v>61</v>
      </c>
      <c r="G48022" s="16">
        <v>0.78988140863580392</v>
      </c>
    </row>
    <row r="48023" spans="1:7" x14ac:dyDescent="0.3">
      <c r="A48023" s="13" t="s">
        <v>273</v>
      </c>
      <c r="B48023" s="14" t="s">
        <v>1</v>
      </c>
      <c r="C48023" s="14" t="s">
        <v>150</v>
      </c>
      <c r="D48023" s="14" t="s">
        <v>274</v>
      </c>
      <c r="E48023" s="15">
        <v>45584</v>
      </c>
      <c r="F48023" s="14" t="s">
        <v>61</v>
      </c>
      <c r="G48023" s="16">
        <v>0.78988140863580392</v>
      </c>
    </row>
    <row r="48024" spans="1:7" x14ac:dyDescent="0.3">
      <c r="A48024" s="13" t="s">
        <v>273</v>
      </c>
      <c r="B48024" s="14" t="s">
        <v>1</v>
      </c>
      <c r="C48024" s="14" t="s">
        <v>150</v>
      </c>
      <c r="D48024" s="14" t="s">
        <v>274</v>
      </c>
      <c r="E48024" s="15">
        <v>45585</v>
      </c>
      <c r="F48024" s="14" t="s">
        <v>61</v>
      </c>
      <c r="G48024" s="16">
        <v>0.78988140863580392</v>
      </c>
    </row>
    <row r="48025" spans="1:7" x14ac:dyDescent="0.3">
      <c r="A48025" s="13" t="s">
        <v>273</v>
      </c>
      <c r="B48025" s="14" t="s">
        <v>1</v>
      </c>
      <c r="C48025" s="14" t="s">
        <v>150</v>
      </c>
      <c r="D48025" s="14" t="s">
        <v>274</v>
      </c>
      <c r="E48025" s="15">
        <v>45586</v>
      </c>
      <c r="F48025" s="14" t="s">
        <v>61</v>
      </c>
      <c r="G48025" s="16">
        <v>0.78934767598737687</v>
      </c>
    </row>
    <row r="48026" spans="1:7" x14ac:dyDescent="0.3">
      <c r="A48026" s="13" t="s">
        <v>273</v>
      </c>
      <c r="B48026" s="14" t="s">
        <v>1</v>
      </c>
      <c r="C48026" s="14" t="s">
        <v>150</v>
      </c>
      <c r="D48026" s="14" t="s">
        <v>274</v>
      </c>
      <c r="E48026" s="15">
        <v>45587</v>
      </c>
      <c r="F48026" s="14" t="s">
        <v>61</v>
      </c>
      <c r="G48026" s="16">
        <v>0.79348311250676873</v>
      </c>
    </row>
    <row r="48027" spans="1:7" x14ac:dyDescent="0.3">
      <c r="A48027" s="13" t="s">
        <v>273</v>
      </c>
      <c r="B48027" s="14" t="s">
        <v>1</v>
      </c>
      <c r="C48027" s="14" t="s">
        <v>150</v>
      </c>
      <c r="D48027" s="14" t="s">
        <v>274</v>
      </c>
      <c r="E48027" s="15">
        <v>45588</v>
      </c>
      <c r="F48027" s="14" t="s">
        <v>61</v>
      </c>
      <c r="G48027" s="16">
        <v>0.79508728125850836</v>
      </c>
    </row>
    <row r="48028" spans="1:7" x14ac:dyDescent="0.3">
      <c r="A48028" s="13" t="s">
        <v>273</v>
      </c>
      <c r="B48028" s="14" t="s">
        <v>1</v>
      </c>
      <c r="C48028" s="14" t="s">
        <v>150</v>
      </c>
      <c r="D48028" s="14" t="s">
        <v>274</v>
      </c>
      <c r="E48028" s="15">
        <v>45589</v>
      </c>
      <c r="F48028" s="14" t="s">
        <v>61</v>
      </c>
      <c r="G48028" s="16">
        <v>0.79651797290088766</v>
      </c>
    </row>
    <row r="48029" spans="1:7" x14ac:dyDescent="0.3">
      <c r="A48029" s="13" t="s">
        <v>273</v>
      </c>
      <c r="B48029" s="14" t="s">
        <v>1</v>
      </c>
      <c r="C48029" s="14" t="s">
        <v>150</v>
      </c>
      <c r="D48029" s="14" t="s">
        <v>274</v>
      </c>
      <c r="E48029" s="15">
        <v>45590</v>
      </c>
      <c r="F48029" s="14" t="s">
        <v>61</v>
      </c>
      <c r="G48029" s="16">
        <v>0.79795694843719356</v>
      </c>
    </row>
    <row r="48030" spans="1:7" x14ac:dyDescent="0.3">
      <c r="A48030" s="13" t="s">
        <v>273</v>
      </c>
      <c r="B48030" s="14" t="s">
        <v>1</v>
      </c>
      <c r="C48030" s="14" t="s">
        <v>150</v>
      </c>
      <c r="D48030" s="14" t="s">
        <v>274</v>
      </c>
      <c r="E48030" s="15">
        <v>45591</v>
      </c>
      <c r="F48030" s="14" t="s">
        <v>61</v>
      </c>
      <c r="G48030" s="16">
        <v>0.79795694843719356</v>
      </c>
    </row>
    <row r="48031" spans="1:7" x14ac:dyDescent="0.3">
      <c r="A48031" s="13" t="s">
        <v>273</v>
      </c>
      <c r="B48031" s="14" t="s">
        <v>1</v>
      </c>
      <c r="C48031" s="14" t="s">
        <v>150</v>
      </c>
      <c r="D48031" s="14" t="s">
        <v>274</v>
      </c>
      <c r="E48031" s="15">
        <v>45592</v>
      </c>
      <c r="F48031" s="14" t="s">
        <v>61</v>
      </c>
      <c r="G48031" s="16">
        <v>0.79795694843719356</v>
      </c>
    </row>
    <row r="48032" spans="1:7" x14ac:dyDescent="0.3">
      <c r="A48032" s="13" t="s">
        <v>273</v>
      </c>
      <c r="B48032" s="14" t="s">
        <v>1</v>
      </c>
      <c r="C48032" s="14" t="s">
        <v>150</v>
      </c>
      <c r="D48032" s="14" t="s">
        <v>274</v>
      </c>
      <c r="E48032" s="15">
        <v>45593</v>
      </c>
      <c r="F48032" s="14" t="s">
        <v>61</v>
      </c>
      <c r="G48032" s="16">
        <v>0.79795694843719356</v>
      </c>
    </row>
    <row r="48033" spans="1:7" x14ac:dyDescent="0.3">
      <c r="A48033" s="13" t="s">
        <v>273</v>
      </c>
      <c r="B48033" s="14" t="s">
        <v>1</v>
      </c>
      <c r="C48033" s="14" t="s">
        <v>150</v>
      </c>
      <c r="D48033" s="14" t="s">
        <v>274</v>
      </c>
      <c r="E48033" s="15">
        <v>45594</v>
      </c>
      <c r="F48033" s="14" t="s">
        <v>61</v>
      </c>
      <c r="G48033" s="16">
        <v>0.80573465365162267</v>
      </c>
    </row>
    <row r="48034" spans="1:7" x14ac:dyDescent="0.3">
      <c r="A48034" s="13" t="s">
        <v>273</v>
      </c>
      <c r="B48034" s="14" t="s">
        <v>1</v>
      </c>
      <c r="C48034" s="14" t="s">
        <v>150</v>
      </c>
      <c r="D48034" s="14" t="s">
        <v>274</v>
      </c>
      <c r="E48034" s="15">
        <v>45595</v>
      </c>
      <c r="F48034" s="14" t="s">
        <v>61</v>
      </c>
      <c r="G48034" s="16">
        <v>0.81110582720941371</v>
      </c>
    </row>
    <row r="48035" spans="1:7" x14ac:dyDescent="0.3">
      <c r="A48035" s="13" t="s">
        <v>273</v>
      </c>
      <c r="B48035" s="14" t="s">
        <v>1</v>
      </c>
      <c r="C48035" s="14" t="s">
        <v>150</v>
      </c>
      <c r="D48035" s="14" t="s">
        <v>274</v>
      </c>
      <c r="E48035" s="15">
        <v>45596</v>
      </c>
      <c r="F48035" s="14" t="s">
        <v>61</v>
      </c>
      <c r="G48035" s="16">
        <v>0.81247287686710701</v>
      </c>
    </row>
    <row r="48036" spans="1:7" x14ac:dyDescent="0.3">
      <c r="A48036" s="13" t="s">
        <v>273</v>
      </c>
      <c r="B48036" s="14" t="s">
        <v>1</v>
      </c>
      <c r="C48036" s="14" t="s">
        <v>150</v>
      </c>
      <c r="D48036" s="14" t="s">
        <v>274</v>
      </c>
      <c r="E48036" s="15">
        <v>45597</v>
      </c>
      <c r="F48036" s="14" t="s">
        <v>61</v>
      </c>
      <c r="G48036" s="16">
        <v>0.81386772180308753</v>
      </c>
    </row>
    <row r="48037" spans="1:7" x14ac:dyDescent="0.3">
      <c r="A48037" s="13" t="s">
        <v>273</v>
      </c>
      <c r="B48037" s="14" t="s">
        <v>1</v>
      </c>
      <c r="C48037" s="14" t="s">
        <v>150</v>
      </c>
      <c r="D48037" s="14" t="s">
        <v>274</v>
      </c>
      <c r="E48037" s="15">
        <v>45598</v>
      </c>
      <c r="F48037" s="14" t="s">
        <v>61</v>
      </c>
      <c r="G48037" s="16">
        <v>0.81386772180308753</v>
      </c>
    </row>
    <row r="48038" spans="1:7" x14ac:dyDescent="0.3">
      <c r="A48038" s="13" t="s">
        <v>273</v>
      </c>
      <c r="B48038" s="14" t="s">
        <v>1</v>
      </c>
      <c r="C48038" s="14" t="s">
        <v>150</v>
      </c>
      <c r="D48038" s="14" t="s">
        <v>274</v>
      </c>
      <c r="E48038" s="15">
        <v>45599</v>
      </c>
      <c r="F48038" s="14" t="s">
        <v>61</v>
      </c>
      <c r="G48038" s="16">
        <v>0.81386772180308753</v>
      </c>
    </row>
    <row r="48039" spans="1:7" x14ac:dyDescent="0.3">
      <c r="A48039" s="13" t="s">
        <v>273</v>
      </c>
      <c r="B48039" s="14" t="s">
        <v>1</v>
      </c>
      <c r="C48039" s="14" t="s">
        <v>150</v>
      </c>
      <c r="D48039" s="14" t="s">
        <v>274</v>
      </c>
      <c r="E48039" s="15">
        <v>45600</v>
      </c>
      <c r="F48039" s="14" t="s">
        <v>61</v>
      </c>
      <c r="G48039" s="16">
        <v>0.82050883118792628</v>
      </c>
    </row>
    <row r="48040" spans="1:7" x14ac:dyDescent="0.3">
      <c r="A48040" s="13" t="s">
        <v>273</v>
      </c>
      <c r="B48040" s="14" t="s">
        <v>1</v>
      </c>
      <c r="C48040" s="14" t="s">
        <v>150</v>
      </c>
      <c r="D48040" s="14" t="s">
        <v>274</v>
      </c>
      <c r="E48040" s="15">
        <v>45601</v>
      </c>
      <c r="F48040" s="14" t="s">
        <v>61</v>
      </c>
      <c r="G48040" s="16">
        <v>0.8245765505771262</v>
      </c>
    </row>
    <row r="48041" spans="1:7" x14ac:dyDescent="0.3">
      <c r="A48041" s="13" t="s">
        <v>273</v>
      </c>
      <c r="B48041" s="14" t="s">
        <v>1</v>
      </c>
      <c r="C48041" s="14" t="s">
        <v>150</v>
      </c>
      <c r="D48041" s="14" t="s">
        <v>274</v>
      </c>
      <c r="E48041" s="15">
        <v>45602</v>
      </c>
      <c r="F48041" s="14" t="s">
        <v>61</v>
      </c>
      <c r="G48041" s="16">
        <v>0.82594523525118935</v>
      </c>
    </row>
    <row r="48042" spans="1:7" x14ac:dyDescent="0.3">
      <c r="A48042" s="13" t="s">
        <v>273</v>
      </c>
      <c r="B48042" s="14" t="s">
        <v>1</v>
      </c>
      <c r="C48042" s="14" t="s">
        <v>150</v>
      </c>
      <c r="D48042" s="14" t="s">
        <v>274</v>
      </c>
      <c r="E48042" s="15">
        <v>45603</v>
      </c>
      <c r="F48042" s="14" t="s">
        <v>61</v>
      </c>
      <c r="G48042" s="16">
        <v>0.82740007271089411</v>
      </c>
    </row>
    <row r="48043" spans="1:7" x14ac:dyDescent="0.3">
      <c r="A48043" s="13" t="s">
        <v>273</v>
      </c>
      <c r="B48043" s="14" t="s">
        <v>1</v>
      </c>
      <c r="C48043" s="14" t="s">
        <v>150</v>
      </c>
      <c r="D48043" s="14" t="s">
        <v>274</v>
      </c>
      <c r="E48043" s="15">
        <v>45604</v>
      </c>
      <c r="F48043" s="14" t="s">
        <v>61</v>
      </c>
      <c r="G48043" s="16">
        <v>0.83695117510653927</v>
      </c>
    </row>
    <row r="48044" spans="1:7" x14ac:dyDescent="0.3">
      <c r="A48044" s="13" t="s">
        <v>273</v>
      </c>
      <c r="B48044" s="14" t="s">
        <v>1</v>
      </c>
      <c r="C48044" s="14" t="s">
        <v>150</v>
      </c>
      <c r="D48044" s="14" t="s">
        <v>274</v>
      </c>
      <c r="E48044" s="15">
        <v>45605</v>
      </c>
      <c r="F48044" s="14" t="s">
        <v>61</v>
      </c>
      <c r="G48044" s="16">
        <v>0.83695117510653927</v>
      </c>
    </row>
    <row r="48045" spans="1:7" x14ac:dyDescent="0.3">
      <c r="A48045" s="13" t="s">
        <v>273</v>
      </c>
      <c r="B48045" s="14" t="s">
        <v>1</v>
      </c>
      <c r="C48045" s="14" t="s">
        <v>150</v>
      </c>
      <c r="D48045" s="14" t="s">
        <v>274</v>
      </c>
      <c r="E48045" s="15">
        <v>45606</v>
      </c>
      <c r="F48045" s="14" t="s">
        <v>61</v>
      </c>
      <c r="G48045" s="16">
        <v>0.83695117510653927</v>
      </c>
    </row>
    <row r="48046" spans="1:7" x14ac:dyDescent="0.3">
      <c r="A48046" s="13" t="s">
        <v>273</v>
      </c>
      <c r="B48046" s="14" t="s">
        <v>1</v>
      </c>
      <c r="C48046" s="14" t="s">
        <v>150</v>
      </c>
      <c r="D48046" s="14" t="s">
        <v>274</v>
      </c>
      <c r="E48046" s="15">
        <v>45607</v>
      </c>
      <c r="F48046" s="14" t="s">
        <v>61</v>
      </c>
      <c r="G48046" s="16">
        <v>0.83833901551388157</v>
      </c>
    </row>
    <row r="48047" spans="1:7" x14ac:dyDescent="0.3">
      <c r="A48047" s="13" t="s">
        <v>273</v>
      </c>
      <c r="B48047" s="14" t="s">
        <v>1</v>
      </c>
      <c r="C48047" s="14" t="s">
        <v>150</v>
      </c>
      <c r="D48047" s="14" t="s">
        <v>274</v>
      </c>
      <c r="E48047" s="15">
        <v>45608</v>
      </c>
      <c r="F48047" s="14" t="s">
        <v>61</v>
      </c>
      <c r="G48047" s="16">
        <v>0.84276365229618666</v>
      </c>
    </row>
    <row r="48048" spans="1:7" x14ac:dyDescent="0.3">
      <c r="A48048" s="13" t="s">
        <v>273</v>
      </c>
      <c r="B48048" s="14" t="s">
        <v>1</v>
      </c>
      <c r="C48048" s="14" t="s">
        <v>150</v>
      </c>
      <c r="D48048" s="14" t="s">
        <v>274</v>
      </c>
      <c r="E48048" s="15">
        <v>45609</v>
      </c>
      <c r="F48048" s="14" t="s">
        <v>61</v>
      </c>
      <c r="G48048" s="16">
        <v>0.84422346782271707</v>
      </c>
    </row>
    <row r="48049" spans="1:7" x14ac:dyDescent="0.3">
      <c r="A48049" s="13" t="s">
        <v>273</v>
      </c>
      <c r="B48049" s="14" t="s">
        <v>1</v>
      </c>
      <c r="C48049" s="14" t="s">
        <v>150</v>
      </c>
      <c r="D48049" s="14" t="s">
        <v>274</v>
      </c>
      <c r="E48049" s="15">
        <v>45610</v>
      </c>
      <c r="F48049" s="14" t="s">
        <v>61</v>
      </c>
      <c r="G48049" s="16">
        <v>0.85056236594803625</v>
      </c>
    </row>
    <row r="48050" spans="1:7" x14ac:dyDescent="0.3">
      <c r="A48050" s="13" t="s">
        <v>273</v>
      </c>
      <c r="B48050" s="14" t="s">
        <v>1</v>
      </c>
      <c r="C48050" s="14" t="s">
        <v>150</v>
      </c>
      <c r="D48050" s="14" t="s">
        <v>274</v>
      </c>
      <c r="E48050" s="15">
        <v>45611</v>
      </c>
      <c r="F48050" s="14" t="s">
        <v>61</v>
      </c>
      <c r="G48050" s="16">
        <v>0.89973187070710381</v>
      </c>
    </row>
    <row r="48051" spans="1:7" x14ac:dyDescent="0.3">
      <c r="A48051" s="13" t="s">
        <v>273</v>
      </c>
      <c r="B48051" s="14" t="s">
        <v>1</v>
      </c>
      <c r="C48051" s="14" t="s">
        <v>150</v>
      </c>
      <c r="D48051" s="14" t="s">
        <v>274</v>
      </c>
      <c r="E48051" s="15">
        <v>45612</v>
      </c>
      <c r="F48051" s="14" t="s">
        <v>61</v>
      </c>
      <c r="G48051" s="16">
        <v>0.89973187070710381</v>
      </c>
    </row>
    <row r="48052" spans="1:7" x14ac:dyDescent="0.3">
      <c r="A48052" s="13" t="s">
        <v>273</v>
      </c>
      <c r="B48052" s="14" t="s">
        <v>1</v>
      </c>
      <c r="C48052" s="14" t="s">
        <v>150</v>
      </c>
      <c r="D48052" s="14" t="s">
        <v>274</v>
      </c>
      <c r="E48052" s="15">
        <v>45613</v>
      </c>
      <c r="F48052" s="14" t="s">
        <v>61</v>
      </c>
      <c r="G48052" s="16">
        <v>0.89973187070710381</v>
      </c>
    </row>
    <row r="48053" spans="1:7" x14ac:dyDescent="0.3">
      <c r="A48053" s="13" t="s">
        <v>273</v>
      </c>
      <c r="B48053" s="14" t="s">
        <v>1</v>
      </c>
      <c r="C48053" s="14" t="s">
        <v>150</v>
      </c>
      <c r="D48053" s="14" t="s">
        <v>274</v>
      </c>
      <c r="E48053" s="15">
        <v>45614</v>
      </c>
      <c r="F48053" s="14" t="s">
        <v>61</v>
      </c>
      <c r="G48053" s="16">
        <v>0.90113757906361525</v>
      </c>
    </row>
    <row r="48054" spans="1:7" x14ac:dyDescent="0.3">
      <c r="A48054" s="13" t="s">
        <v>273</v>
      </c>
      <c r="B48054" s="14" t="s">
        <v>1</v>
      </c>
      <c r="C48054" s="14" t="s">
        <v>150</v>
      </c>
      <c r="D48054" s="14" t="s">
        <v>274</v>
      </c>
      <c r="E48054" s="15">
        <v>45615</v>
      </c>
      <c r="F48054" s="14" t="s">
        <v>61</v>
      </c>
      <c r="G48054" s="16">
        <v>0.91611965719224109</v>
      </c>
    </row>
    <row r="48055" spans="1:7" x14ac:dyDescent="0.3">
      <c r="A48055" s="13" t="s">
        <v>273</v>
      </c>
      <c r="B48055" s="14" t="s">
        <v>1</v>
      </c>
      <c r="C48055" s="14" t="s">
        <v>150</v>
      </c>
      <c r="D48055" s="14" t="s">
        <v>274</v>
      </c>
      <c r="E48055" s="15">
        <v>45616</v>
      </c>
      <c r="F48055" s="14" t="s">
        <v>61</v>
      </c>
      <c r="G48055" s="16">
        <v>0.917495921181812</v>
      </c>
    </row>
    <row r="48056" spans="1:7" x14ac:dyDescent="0.3">
      <c r="A48056" s="13" t="s">
        <v>273</v>
      </c>
      <c r="B48056" s="14" t="s">
        <v>1</v>
      </c>
      <c r="C48056" s="14" t="s">
        <v>150</v>
      </c>
      <c r="D48056" s="14" t="s">
        <v>274</v>
      </c>
      <c r="E48056" s="15">
        <v>45617</v>
      </c>
      <c r="F48056" s="14" t="s">
        <v>61</v>
      </c>
      <c r="G48056" s="16">
        <v>0.91894327947617527</v>
      </c>
    </row>
    <row r="48057" spans="1:7" x14ac:dyDescent="0.3">
      <c r="A48057" s="13" t="s">
        <v>273</v>
      </c>
      <c r="B48057" s="14" t="s">
        <v>1</v>
      </c>
      <c r="C48057" s="14" t="s">
        <v>150</v>
      </c>
      <c r="D48057" s="14" t="s">
        <v>274</v>
      </c>
      <c r="E48057" s="15">
        <v>45618</v>
      </c>
      <c r="F48057" s="14" t="s">
        <v>61</v>
      </c>
      <c r="G48057" s="16">
        <v>0.92051445510844188</v>
      </c>
    </row>
    <row r="48058" spans="1:7" x14ac:dyDescent="0.3">
      <c r="A48058" s="13" t="s">
        <v>273</v>
      </c>
      <c r="B48058" s="14" t="s">
        <v>1</v>
      </c>
      <c r="C48058" s="14" t="s">
        <v>150</v>
      </c>
      <c r="D48058" s="14" t="s">
        <v>274</v>
      </c>
      <c r="E48058" s="15">
        <v>45619</v>
      </c>
      <c r="F48058" s="14" t="s">
        <v>61</v>
      </c>
      <c r="G48058" s="16">
        <v>0.92051445510844188</v>
      </c>
    </row>
    <row r="48059" spans="1:7" x14ac:dyDescent="0.3">
      <c r="A48059" s="13" t="s">
        <v>273</v>
      </c>
      <c r="B48059" s="14" t="s">
        <v>1</v>
      </c>
      <c r="C48059" s="14" t="s">
        <v>150</v>
      </c>
      <c r="D48059" s="14" t="s">
        <v>274</v>
      </c>
      <c r="E48059" s="15">
        <v>45620</v>
      </c>
      <c r="F48059" s="14" t="s">
        <v>61</v>
      </c>
      <c r="G48059" s="16">
        <v>0.92051445510844188</v>
      </c>
    </row>
    <row r="48060" spans="1:7" x14ac:dyDescent="0.3">
      <c r="A48060" s="13" t="s">
        <v>273</v>
      </c>
      <c r="B48060" s="14" t="s">
        <v>1</v>
      </c>
      <c r="C48060" s="14" t="s">
        <v>150</v>
      </c>
      <c r="D48060" s="14" t="s">
        <v>274</v>
      </c>
      <c r="E48060" s="15">
        <v>45621</v>
      </c>
      <c r="F48060" s="14" t="s">
        <v>61</v>
      </c>
      <c r="G48060" s="16">
        <v>0.92198314548130689</v>
      </c>
    </row>
    <row r="48061" spans="1:7" x14ac:dyDescent="0.3">
      <c r="A48061" s="13" t="s">
        <v>273</v>
      </c>
      <c r="B48061" s="14" t="s">
        <v>1</v>
      </c>
      <c r="C48061" s="14" t="s">
        <v>150</v>
      </c>
      <c r="D48061" s="14" t="s">
        <v>274</v>
      </c>
      <c r="E48061" s="15">
        <v>45622</v>
      </c>
      <c r="F48061" s="14" t="s">
        <v>61</v>
      </c>
      <c r="G48061" s="16">
        <v>0.92610435281842296</v>
      </c>
    </row>
    <row r="48062" spans="1:7" x14ac:dyDescent="0.3">
      <c r="A48062" s="13" t="s">
        <v>273</v>
      </c>
      <c r="B48062" s="14" t="s">
        <v>1</v>
      </c>
      <c r="C48062" s="14" t="s">
        <v>150</v>
      </c>
      <c r="D48062" s="14" t="s">
        <v>274</v>
      </c>
      <c r="E48062" s="15">
        <v>45623</v>
      </c>
      <c r="F48062" s="14" t="s">
        <v>61</v>
      </c>
      <c r="G48062" s="16">
        <v>0.9278799689832975</v>
      </c>
    </row>
    <row r="48063" spans="1:7" x14ac:dyDescent="0.3">
      <c r="A48063" s="13" t="s">
        <v>273</v>
      </c>
      <c r="B48063" s="14" t="s">
        <v>1</v>
      </c>
      <c r="C48063" s="14" t="s">
        <v>150</v>
      </c>
      <c r="D48063" s="14" t="s">
        <v>274</v>
      </c>
      <c r="E48063" s="15">
        <v>45624</v>
      </c>
      <c r="F48063" s="14" t="s">
        <v>61</v>
      </c>
      <c r="G48063" s="16">
        <v>0.9317014618928493</v>
      </c>
    </row>
    <row r="48064" spans="1:7" x14ac:dyDescent="0.3">
      <c r="A48064" s="13" t="s">
        <v>273</v>
      </c>
      <c r="B48064" s="14" t="s">
        <v>1</v>
      </c>
      <c r="C48064" s="14" t="s">
        <v>150</v>
      </c>
      <c r="D48064" s="14" t="s">
        <v>274</v>
      </c>
      <c r="E48064" s="15">
        <v>45625</v>
      </c>
      <c r="F48064" s="14" t="s">
        <v>61</v>
      </c>
      <c r="G48064" s="16">
        <v>0.93440911528350068</v>
      </c>
    </row>
    <row r="48065" spans="1:7" x14ac:dyDescent="0.3">
      <c r="A48065" s="13" t="s">
        <v>273</v>
      </c>
      <c r="B48065" s="14" t="s">
        <v>1</v>
      </c>
      <c r="C48065" s="14" t="s">
        <v>150</v>
      </c>
      <c r="D48065" s="14" t="s">
        <v>274</v>
      </c>
      <c r="E48065" s="15">
        <v>45626</v>
      </c>
      <c r="F48065" s="14" t="s">
        <v>61</v>
      </c>
      <c r="G48065" s="16">
        <v>0.93440911528350068</v>
      </c>
    </row>
    <row r="48066" spans="1:7" x14ac:dyDescent="0.3">
      <c r="A48066" s="13" t="s">
        <v>273</v>
      </c>
      <c r="B48066" s="14" t="s">
        <v>1</v>
      </c>
      <c r="C48066" s="14" t="s">
        <v>150</v>
      </c>
      <c r="D48066" s="14" t="s">
        <v>274</v>
      </c>
      <c r="E48066" s="15">
        <v>45627</v>
      </c>
      <c r="F48066" s="14" t="s">
        <v>61</v>
      </c>
      <c r="G48066" s="16">
        <v>0.93440911528350068</v>
      </c>
    </row>
    <row r="48067" spans="1:7" x14ac:dyDescent="0.3">
      <c r="A48067" s="13" t="s">
        <v>273</v>
      </c>
      <c r="B48067" s="14" t="s">
        <v>1</v>
      </c>
      <c r="C48067" s="14" t="s">
        <v>150</v>
      </c>
      <c r="D48067" s="14" t="s">
        <v>274</v>
      </c>
      <c r="E48067" s="15">
        <v>45628</v>
      </c>
      <c r="F48067" s="14" t="s">
        <v>61</v>
      </c>
      <c r="G48067" s="16">
        <v>0.95151780953859466</v>
      </c>
    </row>
    <row r="48068" spans="1:7" x14ac:dyDescent="0.3">
      <c r="A48068" s="13" t="s">
        <v>273</v>
      </c>
      <c r="B48068" s="14" t="s">
        <v>1</v>
      </c>
      <c r="C48068" s="14" t="s">
        <v>150</v>
      </c>
      <c r="D48068" s="14" t="s">
        <v>274</v>
      </c>
      <c r="E48068" s="15">
        <v>45629</v>
      </c>
      <c r="F48068" s="14" t="s">
        <v>61</v>
      </c>
      <c r="G48068" s="16">
        <v>0.953136522233758</v>
      </c>
    </row>
    <row r="48069" spans="1:7" x14ac:dyDescent="0.3">
      <c r="A48069" s="13" t="s">
        <v>273</v>
      </c>
      <c r="B48069" s="14" t="s">
        <v>1</v>
      </c>
      <c r="C48069" s="14" t="s">
        <v>150</v>
      </c>
      <c r="D48069" s="14" t="s">
        <v>274</v>
      </c>
      <c r="E48069" s="15">
        <v>45630</v>
      </c>
      <c r="F48069" s="14" t="s">
        <v>61</v>
      </c>
      <c r="G48069" s="16">
        <v>0.95679770848772849</v>
      </c>
    </row>
    <row r="48070" spans="1:7" x14ac:dyDescent="0.3">
      <c r="A48070" s="13" t="s">
        <v>273</v>
      </c>
      <c r="B48070" s="14" t="s">
        <v>1</v>
      </c>
      <c r="C48070" s="14" t="s">
        <v>150</v>
      </c>
      <c r="D48070" s="14" t="s">
        <v>274</v>
      </c>
      <c r="E48070" s="15">
        <v>45631</v>
      </c>
      <c r="F48070" s="14" t="s">
        <v>61</v>
      </c>
      <c r="G48070" s="16">
        <v>0.96637715182391393</v>
      </c>
    </row>
    <row r="48071" spans="1:7" x14ac:dyDescent="0.3">
      <c r="A48071" s="13" t="s">
        <v>273</v>
      </c>
      <c r="B48071" s="14" t="s">
        <v>1</v>
      </c>
      <c r="C48071" s="14" t="s">
        <v>150</v>
      </c>
      <c r="D48071" s="14" t="s">
        <v>274</v>
      </c>
      <c r="E48071" s="15">
        <v>45632</v>
      </c>
      <c r="F48071" s="14" t="s">
        <v>61</v>
      </c>
      <c r="G48071" s="16">
        <v>0.96742698551285755</v>
      </c>
    </row>
    <row r="48072" spans="1:7" x14ac:dyDescent="0.3">
      <c r="A48072" s="13" t="s">
        <v>273</v>
      </c>
      <c r="B48072" s="14" t="s">
        <v>1</v>
      </c>
      <c r="C48072" s="14" t="s">
        <v>150</v>
      </c>
      <c r="D48072" s="14" t="s">
        <v>274</v>
      </c>
      <c r="E48072" s="15">
        <v>45633</v>
      </c>
      <c r="F48072" s="14" t="s">
        <v>61</v>
      </c>
      <c r="G48072" s="16">
        <v>0.96742698551285755</v>
      </c>
    </row>
    <row r="48073" spans="1:7" x14ac:dyDescent="0.3">
      <c r="A48073" s="13" t="s">
        <v>273</v>
      </c>
      <c r="B48073" s="14" t="s">
        <v>1</v>
      </c>
      <c r="C48073" s="14" t="s">
        <v>150</v>
      </c>
      <c r="D48073" s="14" t="s">
        <v>274</v>
      </c>
      <c r="E48073" s="15">
        <v>45634</v>
      </c>
      <c r="F48073" s="14" t="s">
        <v>61</v>
      </c>
      <c r="G48073" s="16">
        <v>0.96742698551285755</v>
      </c>
    </row>
    <row r="48074" spans="1:7" x14ac:dyDescent="0.3">
      <c r="A48074" s="13" t="s">
        <v>273</v>
      </c>
      <c r="B48074" s="14" t="s">
        <v>1</v>
      </c>
      <c r="C48074" s="14" t="s">
        <v>150</v>
      </c>
      <c r="D48074" s="14" t="s">
        <v>274</v>
      </c>
      <c r="E48074" s="15">
        <v>45635</v>
      </c>
      <c r="F48074" s="14" t="s">
        <v>61</v>
      </c>
      <c r="G48074" s="16">
        <v>0.96865398540566605</v>
      </c>
    </row>
    <row r="48075" spans="1:7" x14ac:dyDescent="0.3">
      <c r="A48075" s="13" t="s">
        <v>273</v>
      </c>
      <c r="B48075" s="14" t="s">
        <v>1</v>
      </c>
      <c r="C48075" s="14" t="s">
        <v>150</v>
      </c>
      <c r="D48075" s="14" t="s">
        <v>274</v>
      </c>
      <c r="E48075" s="15">
        <v>45636</v>
      </c>
      <c r="F48075" s="14" t="s">
        <v>61</v>
      </c>
      <c r="G48075" s="16">
        <v>0.97209046001503296</v>
      </c>
    </row>
    <row r="48076" spans="1:7" x14ac:dyDescent="0.3">
      <c r="A48076" s="13" t="s">
        <v>273</v>
      </c>
      <c r="B48076" s="14" t="s">
        <v>1</v>
      </c>
      <c r="C48076" s="14" t="s">
        <v>150</v>
      </c>
      <c r="D48076" s="14" t="s">
        <v>274</v>
      </c>
      <c r="E48076" s="15">
        <v>45637</v>
      </c>
      <c r="F48076" s="14" t="s">
        <v>61</v>
      </c>
      <c r="G48076" s="16">
        <v>0.97317338043554102</v>
      </c>
    </row>
    <row r="48077" spans="1:7" x14ac:dyDescent="0.3">
      <c r="A48077" s="13" t="s">
        <v>273</v>
      </c>
      <c r="B48077" s="14" t="s">
        <v>1</v>
      </c>
      <c r="C48077" s="14" t="s">
        <v>150</v>
      </c>
      <c r="D48077" s="14" t="s">
        <v>274</v>
      </c>
      <c r="E48077" s="15">
        <v>45638</v>
      </c>
      <c r="F48077" s="14" t="s">
        <v>61</v>
      </c>
      <c r="G48077" s="16">
        <v>0.97425937455145817</v>
      </c>
    </row>
    <row r="48078" spans="1:7" x14ac:dyDescent="0.3">
      <c r="A48078" s="13" t="s">
        <v>273</v>
      </c>
      <c r="B48078" s="14" t="s">
        <v>1</v>
      </c>
      <c r="C48078" s="14" t="s">
        <v>150</v>
      </c>
      <c r="D48078" s="14" t="s">
        <v>274</v>
      </c>
      <c r="E48078" s="15">
        <v>45639</v>
      </c>
      <c r="F48078" s="14" t="s">
        <v>61</v>
      </c>
      <c r="G48078" s="16">
        <v>0.97533166510867664</v>
      </c>
    </row>
    <row r="48079" spans="1:7" x14ac:dyDescent="0.3">
      <c r="A48079" s="13" t="s">
        <v>273</v>
      </c>
      <c r="B48079" s="14" t="s">
        <v>1</v>
      </c>
      <c r="C48079" s="14" t="s">
        <v>150</v>
      </c>
      <c r="D48079" s="14" t="s">
        <v>274</v>
      </c>
      <c r="E48079" s="15">
        <v>45640</v>
      </c>
      <c r="F48079" s="14" t="s">
        <v>61</v>
      </c>
      <c r="G48079" s="16">
        <v>0.97533166510867664</v>
      </c>
    </row>
    <row r="48080" spans="1:7" x14ac:dyDescent="0.3">
      <c r="A48080" s="13" t="s">
        <v>273</v>
      </c>
      <c r="B48080" s="14" t="s">
        <v>1</v>
      </c>
      <c r="C48080" s="14" t="s">
        <v>150</v>
      </c>
      <c r="D48080" s="14" t="s">
        <v>274</v>
      </c>
      <c r="E48080" s="15">
        <v>45641</v>
      </c>
      <c r="F48080" s="14" t="s">
        <v>61</v>
      </c>
      <c r="G48080" s="16">
        <v>0.97533166510867664</v>
      </c>
    </row>
    <row r="48081" spans="1:7" x14ac:dyDescent="0.3">
      <c r="A48081" s="13" t="s">
        <v>273</v>
      </c>
      <c r="B48081" s="14" t="s">
        <v>1</v>
      </c>
      <c r="C48081" s="14" t="s">
        <v>150</v>
      </c>
      <c r="D48081" s="14" t="s">
        <v>274</v>
      </c>
      <c r="E48081" s="15">
        <v>45642</v>
      </c>
      <c r="F48081" s="14" t="s">
        <v>61</v>
      </c>
      <c r="G48081" s="16">
        <v>0.97634593966504868</v>
      </c>
    </row>
    <row r="48082" spans="1:7" x14ac:dyDescent="0.3">
      <c r="A48082" s="13" t="s">
        <v>273</v>
      </c>
      <c r="B48082" s="14" t="s">
        <v>1</v>
      </c>
      <c r="C48082" s="14" t="s">
        <v>150</v>
      </c>
      <c r="D48082" s="14" t="s">
        <v>274</v>
      </c>
      <c r="E48082" s="15">
        <v>45643</v>
      </c>
      <c r="F48082" s="14" t="s">
        <v>61</v>
      </c>
      <c r="G48082" s="16">
        <v>0.97941129051877485</v>
      </c>
    </row>
    <row r="48083" spans="1:7" x14ac:dyDescent="0.3">
      <c r="A48083" s="13" t="s">
        <v>273</v>
      </c>
      <c r="B48083" s="14" t="s">
        <v>1</v>
      </c>
      <c r="C48083" s="14" t="s">
        <v>150</v>
      </c>
      <c r="D48083" s="14" t="s">
        <v>274</v>
      </c>
      <c r="E48083" s="15">
        <v>45644</v>
      </c>
      <c r="F48083" s="14" t="s">
        <v>61</v>
      </c>
      <c r="G48083" s="16">
        <v>0.97980991400852213</v>
      </c>
    </row>
    <row r="48084" spans="1:7" x14ac:dyDescent="0.3">
      <c r="A48084" s="13" t="s">
        <v>273</v>
      </c>
      <c r="B48084" s="14" t="s">
        <v>1</v>
      </c>
      <c r="C48084" s="14" t="s">
        <v>150</v>
      </c>
      <c r="D48084" s="14" t="s">
        <v>274</v>
      </c>
      <c r="E48084" s="15">
        <v>45645</v>
      </c>
      <c r="F48084" s="14" t="s">
        <v>61</v>
      </c>
      <c r="G48084" s="16">
        <v>0.98085863644294591</v>
      </c>
    </row>
    <row r="48085" spans="1:7" x14ac:dyDescent="0.3">
      <c r="A48085" s="13" t="s">
        <v>273</v>
      </c>
      <c r="B48085" s="14" t="s">
        <v>1</v>
      </c>
      <c r="C48085" s="14" t="s">
        <v>150</v>
      </c>
      <c r="D48085" s="14" t="s">
        <v>274</v>
      </c>
      <c r="E48085" s="15">
        <v>45646</v>
      </c>
      <c r="F48085" s="14" t="s">
        <v>61</v>
      </c>
      <c r="G48085" s="16">
        <v>0.981983819308066</v>
      </c>
    </row>
    <row r="48086" spans="1:7" x14ac:dyDescent="0.3">
      <c r="A48086" s="13" t="s">
        <v>273</v>
      </c>
      <c r="B48086" s="14" t="s">
        <v>1</v>
      </c>
      <c r="C48086" s="14" t="s">
        <v>150</v>
      </c>
      <c r="D48086" s="14" t="s">
        <v>274</v>
      </c>
      <c r="E48086" s="15">
        <v>45647</v>
      </c>
      <c r="F48086" s="14" t="s">
        <v>61</v>
      </c>
      <c r="G48086" s="16">
        <v>0.981983819308066</v>
      </c>
    </row>
    <row r="48087" spans="1:7" x14ac:dyDescent="0.3">
      <c r="A48087" s="13" t="s">
        <v>273</v>
      </c>
      <c r="B48087" s="14" t="s">
        <v>1</v>
      </c>
      <c r="C48087" s="14" t="s">
        <v>150</v>
      </c>
      <c r="D48087" s="14" t="s">
        <v>274</v>
      </c>
      <c r="E48087" s="15">
        <v>45648</v>
      </c>
      <c r="F48087" s="14" t="s">
        <v>61</v>
      </c>
      <c r="G48087" s="16">
        <v>0.981983819308066</v>
      </c>
    </row>
    <row r="48088" spans="1:7" x14ac:dyDescent="0.3">
      <c r="A48088" s="13" t="s">
        <v>273</v>
      </c>
      <c r="B48088" s="14" t="s">
        <v>1</v>
      </c>
      <c r="C48088" s="14" t="s">
        <v>150</v>
      </c>
      <c r="D48088" s="14" t="s">
        <v>274</v>
      </c>
      <c r="E48088" s="15">
        <v>45649</v>
      </c>
      <c r="F48088" s="14" t="s">
        <v>61</v>
      </c>
      <c r="G48088" s="16">
        <v>0.98312382487380578</v>
      </c>
    </row>
    <row r="48089" spans="1:7" x14ac:dyDescent="0.3">
      <c r="A48089" s="13" t="s">
        <v>273</v>
      </c>
      <c r="B48089" s="14" t="s">
        <v>1</v>
      </c>
      <c r="C48089" s="14" t="s">
        <v>150</v>
      </c>
      <c r="D48089" s="14" t="s">
        <v>274</v>
      </c>
      <c r="E48089" s="15">
        <v>45650</v>
      </c>
      <c r="F48089" s="14" t="s">
        <v>61</v>
      </c>
      <c r="G48089" s="16">
        <v>0.98651169298851427</v>
      </c>
    </row>
    <row r="48090" spans="1:7" x14ac:dyDescent="0.3">
      <c r="A48090" s="13" t="s">
        <v>273</v>
      </c>
      <c r="B48090" s="14" t="s">
        <v>1</v>
      </c>
      <c r="C48090" s="14" t="s">
        <v>150</v>
      </c>
      <c r="D48090" s="14" t="s">
        <v>274</v>
      </c>
      <c r="E48090" s="15">
        <v>45651</v>
      </c>
      <c r="F48090" s="14" t="s">
        <v>61</v>
      </c>
      <c r="G48090" s="16">
        <v>0.98651169298851427</v>
      </c>
    </row>
    <row r="48091" spans="1:7" x14ac:dyDescent="0.3">
      <c r="A48091" s="13" t="s">
        <v>273</v>
      </c>
      <c r="B48091" s="14" t="s">
        <v>1</v>
      </c>
      <c r="C48091" s="14" t="s">
        <v>150</v>
      </c>
      <c r="D48091" s="14" t="s">
        <v>274</v>
      </c>
      <c r="E48091" s="15">
        <v>45652</v>
      </c>
      <c r="F48091" s="14" t="s">
        <v>61</v>
      </c>
      <c r="G48091" s="16">
        <v>0.98651169298851427</v>
      </c>
    </row>
    <row r="48092" spans="1:7" x14ac:dyDescent="0.3">
      <c r="A48092" s="13" t="s">
        <v>273</v>
      </c>
      <c r="B48092" s="14" t="s">
        <v>1</v>
      </c>
      <c r="C48092" s="14" t="s">
        <v>150</v>
      </c>
      <c r="D48092" s="14" t="s">
        <v>274</v>
      </c>
      <c r="E48092" s="15">
        <v>45653</v>
      </c>
      <c r="F48092" s="14" t="s">
        <v>61</v>
      </c>
      <c r="G48092" s="16">
        <v>0.98651169298851427</v>
      </c>
    </row>
    <row r="48093" spans="1:7" x14ac:dyDescent="0.3">
      <c r="A48093" s="13" t="s">
        <v>273</v>
      </c>
      <c r="B48093" s="14" t="s">
        <v>1</v>
      </c>
      <c r="C48093" s="14" t="s">
        <v>150</v>
      </c>
      <c r="D48093" s="14" t="s">
        <v>274</v>
      </c>
      <c r="E48093" s="15">
        <v>45654</v>
      </c>
      <c r="F48093" s="14" t="s">
        <v>61</v>
      </c>
      <c r="G48093" s="16">
        <v>0.98651169298851427</v>
      </c>
    </row>
    <row r="48094" spans="1:7" x14ac:dyDescent="0.3">
      <c r="A48094" s="13" t="s">
        <v>273</v>
      </c>
      <c r="B48094" s="14" t="s">
        <v>1</v>
      </c>
      <c r="C48094" s="14" t="s">
        <v>150</v>
      </c>
      <c r="D48094" s="14" t="s">
        <v>274</v>
      </c>
      <c r="E48094" s="15">
        <v>45655</v>
      </c>
      <c r="F48094" s="14" t="s">
        <v>61</v>
      </c>
      <c r="G48094" s="16">
        <v>0.98651169298851427</v>
      </c>
    </row>
    <row r="48095" spans="1:7" x14ac:dyDescent="0.3">
      <c r="A48095" s="13" t="s">
        <v>273</v>
      </c>
      <c r="B48095" s="14" t="s">
        <v>1</v>
      </c>
      <c r="C48095" s="14" t="s">
        <v>150</v>
      </c>
      <c r="D48095" s="14" t="s">
        <v>274</v>
      </c>
      <c r="E48095" s="15">
        <v>45656</v>
      </c>
      <c r="F48095" s="14" t="s">
        <v>61</v>
      </c>
      <c r="G48095" s="16">
        <v>0.98763565555462873</v>
      </c>
    </row>
    <row r="48096" spans="1:7" x14ac:dyDescent="0.3">
      <c r="A48096" s="13" t="s">
        <v>273</v>
      </c>
      <c r="B48096" s="14" t="s">
        <v>1</v>
      </c>
      <c r="C48096" s="14" t="s">
        <v>150</v>
      </c>
      <c r="D48096" s="14" t="s">
        <v>274</v>
      </c>
      <c r="E48096" s="15">
        <v>45657</v>
      </c>
      <c r="F48096" s="14" t="s">
        <v>61</v>
      </c>
      <c r="G48096" s="16">
        <v>0.99606621574665943</v>
      </c>
    </row>
    <row r="48097" spans="1:7" x14ac:dyDescent="0.3">
      <c r="A48097" s="13" t="s">
        <v>273</v>
      </c>
      <c r="B48097" s="14" t="s">
        <v>1</v>
      </c>
      <c r="C48097" s="14" t="s">
        <v>150</v>
      </c>
      <c r="D48097" s="14" t="s">
        <v>274</v>
      </c>
      <c r="E48097" s="15">
        <v>45658</v>
      </c>
      <c r="F48097" s="14" t="s">
        <v>61</v>
      </c>
      <c r="G48097" s="16">
        <v>0.99606621574665943</v>
      </c>
    </row>
    <row r="48098" spans="1:7" x14ac:dyDescent="0.3">
      <c r="A48098" s="13" t="s">
        <v>273</v>
      </c>
      <c r="B48098" s="14" t="s">
        <v>1</v>
      </c>
      <c r="C48098" s="14" t="s">
        <v>150</v>
      </c>
      <c r="D48098" s="14" t="s">
        <v>274</v>
      </c>
      <c r="E48098" s="15">
        <v>45659</v>
      </c>
      <c r="F48098" s="14" t="s">
        <v>61</v>
      </c>
      <c r="G48098" s="16">
        <v>0.99606621574665943</v>
      </c>
    </row>
    <row r="48099" spans="1:7" x14ac:dyDescent="0.3">
      <c r="A48099" s="13" t="s">
        <v>273</v>
      </c>
      <c r="B48099" s="14" t="s">
        <v>1</v>
      </c>
      <c r="C48099" s="14" t="s">
        <v>150</v>
      </c>
      <c r="D48099" s="14" t="s">
        <v>274</v>
      </c>
      <c r="E48099" s="15">
        <v>45660</v>
      </c>
      <c r="F48099" s="14" t="s">
        <v>61</v>
      </c>
      <c r="G48099" s="16">
        <v>0.99723380033380771</v>
      </c>
    </row>
    <row r="48100" spans="1:7" x14ac:dyDescent="0.3">
      <c r="A48100" s="13" t="s">
        <v>273</v>
      </c>
      <c r="B48100" s="14" t="s">
        <v>1</v>
      </c>
      <c r="C48100" s="14" t="s">
        <v>150</v>
      </c>
      <c r="D48100" s="14" t="s">
        <v>274</v>
      </c>
      <c r="E48100" s="15">
        <v>45661</v>
      </c>
      <c r="F48100" s="14" t="s">
        <v>61</v>
      </c>
      <c r="G48100" s="16">
        <v>0.99723380033380771</v>
      </c>
    </row>
    <row r="48101" spans="1:7" x14ac:dyDescent="0.3">
      <c r="A48101" s="13" t="s">
        <v>273</v>
      </c>
      <c r="B48101" s="14" t="s">
        <v>1</v>
      </c>
      <c r="C48101" s="14" t="s">
        <v>150</v>
      </c>
      <c r="D48101" s="14" t="s">
        <v>274</v>
      </c>
      <c r="E48101" s="15">
        <v>45662</v>
      </c>
      <c r="F48101" s="14" t="s">
        <v>61</v>
      </c>
      <c r="G48101" s="16">
        <v>0.99723380033380771</v>
      </c>
    </row>
    <row r="48102" spans="1:7" x14ac:dyDescent="0.3">
      <c r="A48102" s="13" t="s">
        <v>273</v>
      </c>
      <c r="B48102" s="14" t="s">
        <v>1</v>
      </c>
      <c r="C48102" s="14" t="s">
        <v>150</v>
      </c>
      <c r="D48102" s="14" t="s">
        <v>274</v>
      </c>
      <c r="E48102" s="15">
        <v>45663</v>
      </c>
      <c r="F48102" s="14" t="s">
        <v>61</v>
      </c>
      <c r="G48102" s="16">
        <v>1.0001534045807616</v>
      </c>
    </row>
    <row r="48103" spans="1:7" x14ac:dyDescent="0.3">
      <c r="A48103" s="13" t="s">
        <v>273</v>
      </c>
      <c r="B48103" s="14" t="s">
        <v>1</v>
      </c>
      <c r="C48103" s="14" t="s">
        <v>150</v>
      </c>
      <c r="D48103" s="14" t="s">
        <v>274</v>
      </c>
      <c r="E48103" s="15">
        <v>45664</v>
      </c>
      <c r="F48103" s="14" t="s">
        <v>61</v>
      </c>
      <c r="G48103" s="16">
        <v>1.0127429111403199</v>
      </c>
    </row>
    <row r="48104" spans="1:7" x14ac:dyDescent="0.3">
      <c r="A48104" s="13" t="s">
        <v>273</v>
      </c>
      <c r="B48104" s="14" t="s">
        <v>1</v>
      </c>
      <c r="C48104" s="14" t="s">
        <v>150</v>
      </c>
      <c r="D48104" s="14" t="s">
        <v>274</v>
      </c>
      <c r="E48104" s="15">
        <v>45665</v>
      </c>
      <c r="F48104" s="14" t="s">
        <v>61</v>
      </c>
      <c r="G48104" s="16">
        <v>1.0153152973551993</v>
      </c>
    </row>
    <row r="48105" spans="1:7" x14ac:dyDescent="0.3">
      <c r="A48105" s="13" t="s">
        <v>273</v>
      </c>
      <c r="B48105" s="14" t="s">
        <v>1</v>
      </c>
      <c r="C48105" s="14" t="s">
        <v>150</v>
      </c>
      <c r="D48105" s="14" t="s">
        <v>274</v>
      </c>
      <c r="E48105" s="15">
        <v>45666</v>
      </c>
      <c r="F48105" s="14" t="s">
        <v>61</v>
      </c>
      <c r="G48105" s="16">
        <v>1.0162391063035392</v>
      </c>
    </row>
    <row r="48106" spans="1:7" x14ac:dyDescent="0.3">
      <c r="A48106" s="13" t="s">
        <v>273</v>
      </c>
      <c r="B48106" s="14" t="s">
        <v>1</v>
      </c>
      <c r="C48106" s="14" t="s">
        <v>150</v>
      </c>
      <c r="D48106" s="14" t="s">
        <v>274</v>
      </c>
      <c r="E48106" s="15">
        <v>45667</v>
      </c>
      <c r="F48106" s="14" t="s">
        <v>61</v>
      </c>
      <c r="G48106" s="16">
        <v>1.0171570302004882</v>
      </c>
    </row>
    <row r="48107" spans="1:7" x14ac:dyDescent="0.3">
      <c r="A48107" s="13" t="s">
        <v>273</v>
      </c>
      <c r="B48107" s="14" t="s">
        <v>1</v>
      </c>
      <c r="C48107" s="14" t="s">
        <v>150</v>
      </c>
      <c r="D48107" s="14" t="s">
        <v>274</v>
      </c>
      <c r="E48107" s="15">
        <v>45668</v>
      </c>
      <c r="F48107" s="14" t="s">
        <v>61</v>
      </c>
      <c r="G48107" s="16">
        <v>1.0171570302004882</v>
      </c>
    </row>
    <row r="48108" spans="1:7" x14ac:dyDescent="0.3">
      <c r="A48108" s="13" t="s">
        <v>273</v>
      </c>
      <c r="B48108" s="14" t="s">
        <v>1</v>
      </c>
      <c r="C48108" s="14" t="s">
        <v>150</v>
      </c>
      <c r="D48108" s="14" t="s">
        <v>274</v>
      </c>
      <c r="E48108" s="15">
        <v>45669</v>
      </c>
      <c r="F48108" s="14" t="s">
        <v>61</v>
      </c>
      <c r="G48108" s="16">
        <v>1.0171570302004882</v>
      </c>
    </row>
    <row r="48109" spans="1:7" x14ac:dyDescent="0.3">
      <c r="A48109" s="13" t="s">
        <v>273</v>
      </c>
      <c r="B48109" s="14" t="s">
        <v>1</v>
      </c>
      <c r="C48109" s="14" t="s">
        <v>150</v>
      </c>
      <c r="D48109" s="14" t="s">
        <v>274</v>
      </c>
      <c r="E48109" s="15">
        <v>45670</v>
      </c>
      <c r="F48109" s="14" t="s">
        <v>61</v>
      </c>
      <c r="G48109" s="16">
        <v>1.0186282404420344</v>
      </c>
    </row>
    <row r="48110" spans="1:7" x14ac:dyDescent="0.3">
      <c r="A48110" s="13" t="s">
        <v>273</v>
      </c>
      <c r="B48110" s="14" t="s">
        <v>1</v>
      </c>
      <c r="C48110" s="14" t="s">
        <v>150</v>
      </c>
      <c r="D48110" s="14" t="s">
        <v>274</v>
      </c>
      <c r="E48110" s="15">
        <v>45671</v>
      </c>
      <c r="F48110" s="14" t="s">
        <v>61</v>
      </c>
      <c r="G48110" s="16">
        <v>1.0217381354104842</v>
      </c>
    </row>
    <row r="48111" spans="1:7" x14ac:dyDescent="0.3">
      <c r="A48111" s="13" t="s">
        <v>273</v>
      </c>
      <c r="B48111" s="14" t="s">
        <v>1</v>
      </c>
      <c r="C48111" s="14" t="s">
        <v>150</v>
      </c>
      <c r="D48111" s="14" t="s">
        <v>274</v>
      </c>
      <c r="E48111" s="15">
        <v>45672</v>
      </c>
      <c r="F48111" s="14" t="s">
        <v>61</v>
      </c>
      <c r="G48111" s="16">
        <v>1.0226910050270526</v>
      </c>
    </row>
    <row r="48112" spans="1:7" x14ac:dyDescent="0.3">
      <c r="A48112" s="13" t="s">
        <v>273</v>
      </c>
      <c r="B48112" s="14" t="s">
        <v>1</v>
      </c>
      <c r="C48112" s="14" t="s">
        <v>150</v>
      </c>
      <c r="D48112" s="14" t="s">
        <v>274</v>
      </c>
      <c r="E48112" s="15">
        <v>45673</v>
      </c>
      <c r="F48112" s="14" t="s">
        <v>61</v>
      </c>
      <c r="G48112" s="16">
        <v>1.0236505290990132</v>
      </c>
    </row>
    <row r="48113" spans="1:7" x14ac:dyDescent="0.3">
      <c r="A48113" s="13" t="s">
        <v>273</v>
      </c>
      <c r="B48113" s="14" t="s">
        <v>1</v>
      </c>
      <c r="C48113" s="14" t="s">
        <v>150</v>
      </c>
      <c r="D48113" s="14" t="s">
        <v>274</v>
      </c>
      <c r="E48113" s="15">
        <v>45674</v>
      </c>
      <c r="F48113" s="14" t="s">
        <v>61</v>
      </c>
      <c r="G48113" s="16">
        <v>1.0950412453969578</v>
      </c>
    </row>
    <row r="48114" spans="1:7" x14ac:dyDescent="0.3">
      <c r="A48114" s="13" t="s">
        <v>273</v>
      </c>
      <c r="B48114" s="14" t="s">
        <v>1</v>
      </c>
      <c r="C48114" s="14" t="s">
        <v>150</v>
      </c>
      <c r="D48114" s="14" t="s">
        <v>274</v>
      </c>
      <c r="E48114" s="15">
        <v>45675</v>
      </c>
      <c r="F48114" s="14" t="s">
        <v>61</v>
      </c>
      <c r="G48114" s="16">
        <v>1.0950412453969578</v>
      </c>
    </row>
    <row r="48115" spans="1:7" x14ac:dyDescent="0.3">
      <c r="A48115" s="13" t="s">
        <v>273</v>
      </c>
      <c r="B48115" s="14" t="s">
        <v>1</v>
      </c>
      <c r="C48115" s="14" t="s">
        <v>150</v>
      </c>
      <c r="D48115" s="14" t="s">
        <v>274</v>
      </c>
      <c r="E48115" s="15">
        <v>45676</v>
      </c>
      <c r="F48115" s="14" t="s">
        <v>61</v>
      </c>
      <c r="G48115" s="16">
        <v>1.0950412453969578</v>
      </c>
    </row>
    <row r="48116" spans="1:7" x14ac:dyDescent="0.3">
      <c r="A48116" s="13" t="s">
        <v>273</v>
      </c>
      <c r="B48116" s="14" t="s">
        <v>1</v>
      </c>
      <c r="C48116" s="14" t="s">
        <v>150</v>
      </c>
      <c r="D48116" s="14" t="s">
        <v>274</v>
      </c>
      <c r="E48116" s="15">
        <v>45677</v>
      </c>
      <c r="F48116" s="14" t="s">
        <v>61</v>
      </c>
      <c r="G48116" s="16">
        <v>1.0958094266040423</v>
      </c>
    </row>
    <row r="48117" spans="1:7" x14ac:dyDescent="0.3">
      <c r="A48117" s="13" t="s">
        <v>273</v>
      </c>
      <c r="B48117" s="14" t="s">
        <v>1</v>
      </c>
      <c r="C48117" s="14" t="s">
        <v>150</v>
      </c>
      <c r="D48117" s="14" t="s">
        <v>274</v>
      </c>
      <c r="E48117" s="15">
        <v>45678</v>
      </c>
      <c r="F48117" s="14" t="s">
        <v>61</v>
      </c>
      <c r="G48117" s="16">
        <v>1.0974119237920696</v>
      </c>
    </row>
    <row r="48118" spans="1:7" x14ac:dyDescent="0.3">
      <c r="A48118" s="13" t="s">
        <v>273</v>
      </c>
      <c r="B48118" s="14" t="s">
        <v>1</v>
      </c>
      <c r="C48118" s="14" t="s">
        <v>150</v>
      </c>
      <c r="D48118" s="14" t="s">
        <v>274</v>
      </c>
      <c r="E48118" s="15">
        <v>45679</v>
      </c>
      <c r="F48118" s="14" t="s">
        <v>61</v>
      </c>
      <c r="G48118" s="16">
        <v>1.0980291252243597</v>
      </c>
    </row>
    <row r="48119" spans="1:7" x14ac:dyDescent="0.3">
      <c r="A48119" s="13" t="s">
        <v>273</v>
      </c>
      <c r="B48119" s="14" t="s">
        <v>1</v>
      </c>
      <c r="C48119" s="14" t="s">
        <v>150</v>
      </c>
      <c r="D48119" s="14" t="s">
        <v>274</v>
      </c>
      <c r="E48119" s="15">
        <v>45680</v>
      </c>
      <c r="F48119" s="14" t="s">
        <v>61</v>
      </c>
      <c r="G48119" s="16">
        <v>1.0986103216622227</v>
      </c>
    </row>
    <row r="48120" spans="1:7" x14ac:dyDescent="0.3">
      <c r="A48120" s="13" t="s">
        <v>273</v>
      </c>
      <c r="B48120" s="14" t="s">
        <v>1</v>
      </c>
      <c r="C48120" s="14" t="s">
        <v>150</v>
      </c>
      <c r="D48120" s="14" t="s">
        <v>274</v>
      </c>
      <c r="E48120" s="15">
        <v>45681</v>
      </c>
      <c r="F48120" s="14" t="s">
        <v>61</v>
      </c>
      <c r="G48120" s="16">
        <v>1.0991963873948758</v>
      </c>
    </row>
    <row r="48121" spans="1:7" x14ac:dyDescent="0.3">
      <c r="A48121" s="13" t="s">
        <v>273</v>
      </c>
      <c r="B48121" s="14" t="s">
        <v>1</v>
      </c>
      <c r="C48121" s="14" t="s">
        <v>150</v>
      </c>
      <c r="D48121" s="14" t="s">
        <v>274</v>
      </c>
      <c r="E48121" s="15">
        <v>45682</v>
      </c>
      <c r="F48121" s="14" t="s">
        <v>61</v>
      </c>
      <c r="G48121" s="16">
        <v>1.0991963873948758</v>
      </c>
    </row>
    <row r="48122" spans="1:7" x14ac:dyDescent="0.3">
      <c r="A48122" s="13" t="s">
        <v>273</v>
      </c>
      <c r="B48122" s="14" t="s">
        <v>1</v>
      </c>
      <c r="C48122" s="14" t="s">
        <v>150</v>
      </c>
      <c r="D48122" s="14" t="s">
        <v>274</v>
      </c>
      <c r="E48122" s="15">
        <v>45683</v>
      </c>
      <c r="F48122" s="14" t="s">
        <v>61</v>
      </c>
      <c r="G48122" s="16">
        <v>1.0991963873948758</v>
      </c>
    </row>
    <row r="48123" spans="1:7" x14ac:dyDescent="0.3">
      <c r="A48123" s="13" t="s">
        <v>273</v>
      </c>
      <c r="B48123" s="14" t="s">
        <v>1</v>
      </c>
      <c r="C48123" s="14" t="s">
        <v>150</v>
      </c>
      <c r="D48123" s="14" t="s">
        <v>274</v>
      </c>
      <c r="E48123" s="15">
        <v>45684</v>
      </c>
      <c r="F48123" s="14" t="s">
        <v>61</v>
      </c>
      <c r="G48123" s="16">
        <v>1.1033797627796682</v>
      </c>
    </row>
    <row r="48124" spans="1:7" x14ac:dyDescent="0.3">
      <c r="A48124" s="13" t="s">
        <v>273</v>
      </c>
      <c r="B48124" s="14" t="s">
        <v>1</v>
      </c>
      <c r="C48124" s="14" t="s">
        <v>150</v>
      </c>
      <c r="D48124" s="14" t="s">
        <v>274</v>
      </c>
      <c r="E48124" s="15">
        <v>45685</v>
      </c>
      <c r="F48124" s="14" t="s">
        <v>61</v>
      </c>
      <c r="G48124" s="16">
        <v>1.1049737344112394</v>
      </c>
    </row>
    <row r="48125" spans="1:7" x14ac:dyDescent="0.3">
      <c r="A48125" s="13" t="s">
        <v>273</v>
      </c>
      <c r="B48125" s="14" t="s">
        <v>1</v>
      </c>
      <c r="C48125" s="14" t="s">
        <v>150</v>
      </c>
      <c r="D48125" s="14" t="s">
        <v>274</v>
      </c>
      <c r="E48125" s="15">
        <v>45686</v>
      </c>
      <c r="F48125" s="14" t="s">
        <v>61</v>
      </c>
      <c r="G48125" s="16">
        <v>1.1055725310471882</v>
      </c>
    </row>
    <row r="48126" spans="1:7" x14ac:dyDescent="0.3">
      <c r="A48126" s="13" t="s">
        <v>273</v>
      </c>
      <c r="B48126" s="14" t="s">
        <v>1</v>
      </c>
      <c r="C48126" s="14" t="s">
        <v>150</v>
      </c>
      <c r="D48126" s="14" t="s">
        <v>274</v>
      </c>
      <c r="E48126" s="15">
        <v>45687</v>
      </c>
      <c r="F48126" s="14" t="s">
        <v>61</v>
      </c>
      <c r="G48126" s="16">
        <v>1.1061485197530998</v>
      </c>
    </row>
    <row r="48127" spans="1:7" x14ac:dyDescent="0.3">
      <c r="A48127" s="13" t="s">
        <v>273</v>
      </c>
      <c r="B48127" s="14" t="s">
        <v>1</v>
      </c>
      <c r="C48127" s="14" t="s">
        <v>150</v>
      </c>
      <c r="D48127" s="14" t="s">
        <v>274</v>
      </c>
      <c r="E48127" s="15">
        <v>45688</v>
      </c>
      <c r="F48127" s="14" t="s">
        <v>61</v>
      </c>
      <c r="G48127" s="16">
        <v>1.1067131595856115</v>
      </c>
    </row>
    <row r="48128" spans="1:7" x14ac:dyDescent="0.3">
      <c r="A48128" s="13" t="s">
        <v>273</v>
      </c>
      <c r="B48128" s="14" t="s">
        <v>1</v>
      </c>
      <c r="C48128" s="14" t="s">
        <v>150</v>
      </c>
      <c r="D48128" s="14" t="s">
        <v>274</v>
      </c>
      <c r="E48128" s="15">
        <v>45689</v>
      </c>
      <c r="F48128" s="14" t="s">
        <v>61</v>
      </c>
      <c r="G48128" s="16">
        <v>1.1067131595856115</v>
      </c>
    </row>
    <row r="48129" spans="1:7" x14ac:dyDescent="0.3">
      <c r="A48129" s="13" t="s">
        <v>273</v>
      </c>
      <c r="B48129" s="14" t="s">
        <v>1</v>
      </c>
      <c r="C48129" s="14" t="s">
        <v>150</v>
      </c>
      <c r="D48129" s="14" t="s">
        <v>274</v>
      </c>
      <c r="E48129" s="15">
        <v>45690</v>
      </c>
      <c r="F48129" s="14" t="s">
        <v>61</v>
      </c>
      <c r="G48129" s="16">
        <v>1.1067131595856115</v>
      </c>
    </row>
    <row r="48130" spans="1:7" x14ac:dyDescent="0.3">
      <c r="A48130" s="13" t="s">
        <v>273</v>
      </c>
      <c r="B48130" s="14" t="s">
        <v>1</v>
      </c>
      <c r="C48130" s="14" t="s">
        <v>150</v>
      </c>
      <c r="D48130" s="14" t="s">
        <v>274</v>
      </c>
      <c r="E48130" s="15">
        <v>45691</v>
      </c>
      <c r="F48130" s="14" t="s">
        <v>61</v>
      </c>
      <c r="G48130" s="16">
        <v>1.1067131595856115</v>
      </c>
    </row>
    <row r="48131" spans="1:7" x14ac:dyDescent="0.3">
      <c r="A48131" s="13" t="s">
        <v>273</v>
      </c>
      <c r="B48131" s="14" t="s">
        <v>1</v>
      </c>
      <c r="C48131" s="14" t="s">
        <v>150</v>
      </c>
      <c r="D48131" s="14" t="s">
        <v>274</v>
      </c>
      <c r="E48131" s="15">
        <v>45692</v>
      </c>
      <c r="F48131" s="14" t="s">
        <v>61</v>
      </c>
      <c r="G48131" s="16">
        <v>1.1309979364733325</v>
      </c>
    </row>
    <row r="48132" spans="1:7" x14ac:dyDescent="0.3">
      <c r="A48132" s="13" t="s">
        <v>273</v>
      </c>
      <c r="B48132" s="14" t="s">
        <v>1</v>
      </c>
      <c r="C48132" s="14" t="s">
        <v>150</v>
      </c>
      <c r="D48132" s="14" t="s">
        <v>274</v>
      </c>
      <c r="E48132" s="15">
        <v>45693</v>
      </c>
      <c r="F48132" s="14" t="s">
        <v>61</v>
      </c>
      <c r="G48132" s="16">
        <v>1.1358437459753437</v>
      </c>
    </row>
    <row r="48133" spans="1:7" x14ac:dyDescent="0.3">
      <c r="A48133" s="13" t="s">
        <v>273</v>
      </c>
      <c r="B48133" s="14" t="s">
        <v>1</v>
      </c>
      <c r="C48133" s="14" t="s">
        <v>150</v>
      </c>
      <c r="D48133" s="14" t="s">
        <v>274</v>
      </c>
      <c r="E48133" s="15">
        <v>45694</v>
      </c>
      <c r="F48133" s="14" t="s">
        <v>61</v>
      </c>
      <c r="G48133" s="16">
        <v>1.1366750292411376</v>
      </c>
    </row>
    <row r="48134" spans="1:7" x14ac:dyDescent="0.3">
      <c r="A48134" s="13" t="s">
        <v>273</v>
      </c>
      <c r="B48134" s="14" t="s">
        <v>1</v>
      </c>
      <c r="C48134" s="14" t="s">
        <v>150</v>
      </c>
      <c r="D48134" s="14" t="s">
        <v>274</v>
      </c>
      <c r="E48134" s="15">
        <v>45695</v>
      </c>
      <c r="F48134" s="14" t="s">
        <v>61</v>
      </c>
      <c r="G48134" s="16">
        <v>1.1452092225981607</v>
      </c>
    </row>
    <row r="48135" spans="1:7" x14ac:dyDescent="0.3">
      <c r="A48135" s="13" t="s">
        <v>273</v>
      </c>
      <c r="B48135" s="14" t="s">
        <v>1</v>
      </c>
      <c r="C48135" s="14" t="s">
        <v>150</v>
      </c>
      <c r="D48135" s="14" t="s">
        <v>274</v>
      </c>
      <c r="E48135" s="15">
        <v>45696</v>
      </c>
      <c r="F48135" s="14" t="s">
        <v>61</v>
      </c>
      <c r="G48135" s="16">
        <v>1.1452092225981607</v>
      </c>
    </row>
    <row r="48136" spans="1:7" x14ac:dyDescent="0.3">
      <c r="A48136" s="13" t="s">
        <v>273</v>
      </c>
      <c r="B48136" s="14" t="s">
        <v>1</v>
      </c>
      <c r="C48136" s="14" t="s">
        <v>150</v>
      </c>
      <c r="D48136" s="14" t="s">
        <v>274</v>
      </c>
      <c r="E48136" s="15">
        <v>45697</v>
      </c>
      <c r="F48136" s="14" t="s">
        <v>61</v>
      </c>
      <c r="G48136" s="16">
        <v>1.1452092225981607</v>
      </c>
    </row>
    <row r="48137" spans="1:7" x14ac:dyDescent="0.3">
      <c r="A48137" s="13" t="s">
        <v>273</v>
      </c>
      <c r="B48137" s="14" t="s">
        <v>1</v>
      </c>
      <c r="C48137" s="14" t="s">
        <v>150</v>
      </c>
      <c r="D48137" s="14" t="s">
        <v>274</v>
      </c>
      <c r="E48137" s="15">
        <v>45698</v>
      </c>
      <c r="F48137" s="14" t="s">
        <v>61</v>
      </c>
      <c r="G48137" s="16">
        <v>1.1460590166477527</v>
      </c>
    </row>
    <row r="48138" spans="1:7" x14ac:dyDescent="0.3">
      <c r="A48138" s="13" t="s">
        <v>273</v>
      </c>
      <c r="B48138" s="14" t="s">
        <v>1</v>
      </c>
      <c r="C48138" s="14" t="s">
        <v>150</v>
      </c>
      <c r="D48138" s="14" t="s">
        <v>274</v>
      </c>
      <c r="E48138" s="15">
        <v>45699</v>
      </c>
      <c r="F48138" s="14" t="s">
        <v>61</v>
      </c>
      <c r="G48138" s="16">
        <v>1.1487260628234306</v>
      </c>
    </row>
    <row r="48139" spans="1:7" x14ac:dyDescent="0.3">
      <c r="A48139" s="13" t="s">
        <v>273</v>
      </c>
      <c r="B48139" s="14" t="s">
        <v>1</v>
      </c>
      <c r="C48139" s="14" t="s">
        <v>150</v>
      </c>
      <c r="D48139" s="14" t="s">
        <v>274</v>
      </c>
      <c r="E48139" s="15">
        <v>45700</v>
      </c>
      <c r="F48139" s="14" t="s">
        <v>61</v>
      </c>
      <c r="G48139" s="16">
        <v>1.1495547016915393</v>
      </c>
    </row>
    <row r="48140" spans="1:7" x14ac:dyDescent="0.3">
      <c r="A48140" s="13" t="s">
        <v>273</v>
      </c>
      <c r="B48140" s="14" t="s">
        <v>1</v>
      </c>
      <c r="C48140" s="14" t="s">
        <v>150</v>
      </c>
      <c r="D48140" s="14" t="s">
        <v>274</v>
      </c>
      <c r="E48140" s="15">
        <v>45701</v>
      </c>
      <c r="F48140" s="14" t="s">
        <v>61</v>
      </c>
      <c r="G48140" s="16">
        <v>1.1503358515845465</v>
      </c>
    </row>
    <row r="48141" spans="1:7" x14ac:dyDescent="0.3">
      <c r="A48141" s="13" t="s">
        <v>273</v>
      </c>
      <c r="B48141" s="14" t="s">
        <v>1</v>
      </c>
      <c r="C48141" s="14" t="s">
        <v>150</v>
      </c>
      <c r="D48141" s="14" t="s">
        <v>274</v>
      </c>
      <c r="E48141" s="15">
        <v>45702</v>
      </c>
      <c r="F48141" s="14" t="s">
        <v>61</v>
      </c>
      <c r="G48141" s="16">
        <v>1.1510917695163052</v>
      </c>
    </row>
    <row r="48142" spans="1:7" x14ac:dyDescent="0.3">
      <c r="A48142" s="13" t="s">
        <v>273</v>
      </c>
      <c r="B48142" s="14" t="s">
        <v>1</v>
      </c>
      <c r="C48142" s="14" t="s">
        <v>150</v>
      </c>
      <c r="D48142" s="14" t="s">
        <v>274</v>
      </c>
      <c r="E48142" s="15">
        <v>45703</v>
      </c>
      <c r="F48142" s="14" t="s">
        <v>61</v>
      </c>
      <c r="G48142" s="16">
        <v>1.1510917695163052</v>
      </c>
    </row>
    <row r="48143" spans="1:7" x14ac:dyDescent="0.3">
      <c r="A48143" s="13" t="s">
        <v>273</v>
      </c>
      <c r="B48143" s="14" t="s">
        <v>1</v>
      </c>
      <c r="C48143" s="14" t="s">
        <v>150</v>
      </c>
      <c r="D48143" s="14" t="s">
        <v>274</v>
      </c>
      <c r="E48143" s="15">
        <v>45704</v>
      </c>
      <c r="F48143" s="14" t="s">
        <v>61</v>
      </c>
      <c r="G48143" s="16">
        <v>1.1510917695163052</v>
      </c>
    </row>
    <row r="48144" spans="1:7" x14ac:dyDescent="0.3">
      <c r="A48144" s="13" t="s">
        <v>273</v>
      </c>
      <c r="B48144" s="14" t="s">
        <v>1</v>
      </c>
      <c r="C48144" s="14" t="s">
        <v>150</v>
      </c>
      <c r="D48144" s="14" t="s">
        <v>274</v>
      </c>
      <c r="E48144" s="15">
        <v>45705</v>
      </c>
      <c r="F48144" s="14" t="s">
        <v>61</v>
      </c>
      <c r="G48144" s="16">
        <v>1.1517676944180797</v>
      </c>
    </row>
    <row r="48145" spans="1:7" x14ac:dyDescent="0.3">
      <c r="A48145" s="13" t="s">
        <v>273</v>
      </c>
      <c r="B48145" s="14" t="s">
        <v>1</v>
      </c>
      <c r="C48145" s="14" t="s">
        <v>150</v>
      </c>
      <c r="D48145" s="14" t="s">
        <v>274</v>
      </c>
      <c r="E48145" s="15">
        <v>45706</v>
      </c>
      <c r="F48145" s="14" t="s">
        <v>61</v>
      </c>
      <c r="G48145" s="16">
        <v>1.1539189728618584</v>
      </c>
    </row>
    <row r="48146" spans="1:7" x14ac:dyDescent="0.3">
      <c r="A48146" s="13" t="s">
        <v>273</v>
      </c>
      <c r="B48146" s="14" t="s">
        <v>1</v>
      </c>
      <c r="C48146" s="14" t="s">
        <v>150</v>
      </c>
      <c r="D48146" s="14" t="s">
        <v>274</v>
      </c>
      <c r="E48146" s="15">
        <v>45707</v>
      </c>
      <c r="F48146" s="14" t="s">
        <v>61</v>
      </c>
      <c r="G48146" s="16">
        <v>1.1530099119009187</v>
      </c>
    </row>
    <row r="48147" spans="1:7" x14ac:dyDescent="0.3">
      <c r="A48147" s="13" t="s">
        <v>273</v>
      </c>
      <c r="B48147" s="14" t="s">
        <v>1</v>
      </c>
      <c r="C48147" s="14" t="s">
        <v>150</v>
      </c>
      <c r="D48147" s="14" t="s">
        <v>274</v>
      </c>
      <c r="E48147" s="15">
        <v>45708</v>
      </c>
      <c r="F48147" s="14" t="s">
        <v>61</v>
      </c>
      <c r="G48147" s="16">
        <v>1.1581369090234821</v>
      </c>
    </row>
    <row r="48148" spans="1:7" x14ac:dyDescent="0.3">
      <c r="A48148" s="13" t="s">
        <v>273</v>
      </c>
      <c r="B48148" s="14" t="s">
        <v>1</v>
      </c>
      <c r="C48148" s="14" t="s">
        <v>150</v>
      </c>
      <c r="D48148" s="14" t="s">
        <v>274</v>
      </c>
      <c r="E48148" s="15">
        <v>45709</v>
      </c>
      <c r="F48148" s="14" t="s">
        <v>61</v>
      </c>
      <c r="G48148" s="16">
        <v>1.1588757485535226</v>
      </c>
    </row>
    <row r="48149" spans="1:7" x14ac:dyDescent="0.3">
      <c r="A48149" s="13" t="s">
        <v>273</v>
      </c>
      <c r="B48149" s="14" t="s">
        <v>1</v>
      </c>
      <c r="C48149" s="14" t="s">
        <v>150</v>
      </c>
      <c r="D48149" s="14" t="s">
        <v>274</v>
      </c>
      <c r="E48149" s="15">
        <v>45710</v>
      </c>
      <c r="F48149" s="14" t="s">
        <v>61</v>
      </c>
      <c r="G48149" s="16">
        <v>1.1588757485535226</v>
      </c>
    </row>
    <row r="48150" spans="1:7" x14ac:dyDescent="0.3">
      <c r="A48150" s="13" t="s">
        <v>273</v>
      </c>
      <c r="B48150" s="14" t="s">
        <v>1</v>
      </c>
      <c r="C48150" s="14" t="s">
        <v>150</v>
      </c>
      <c r="D48150" s="14" t="s">
        <v>274</v>
      </c>
      <c r="E48150" s="15">
        <v>45711</v>
      </c>
      <c r="F48150" s="14" t="s">
        <v>61</v>
      </c>
      <c r="G48150" s="16">
        <v>1.1588757485535226</v>
      </c>
    </row>
    <row r="48151" spans="1:7" x14ac:dyDescent="0.3">
      <c r="A48151" s="13" t="s">
        <v>273</v>
      </c>
      <c r="B48151" s="14" t="s">
        <v>1</v>
      </c>
      <c r="C48151" s="14" t="s">
        <v>150</v>
      </c>
      <c r="D48151" s="14" t="s">
        <v>274</v>
      </c>
      <c r="E48151" s="15">
        <v>45712</v>
      </c>
      <c r="F48151" s="14" t="s">
        <v>61</v>
      </c>
      <c r="G48151" s="16">
        <v>1.1594367638741032</v>
      </c>
    </row>
    <row r="48152" spans="1:7" x14ac:dyDescent="0.3">
      <c r="A48152" s="13" t="s">
        <v>273</v>
      </c>
      <c r="B48152" s="14" t="s">
        <v>1</v>
      </c>
      <c r="C48152" s="14" t="s">
        <v>150</v>
      </c>
      <c r="D48152" s="14" t="s">
        <v>274</v>
      </c>
      <c r="E48152" s="15">
        <v>45713</v>
      </c>
      <c r="F48152" s="14" t="s">
        <v>61</v>
      </c>
      <c r="G48152" s="16">
        <v>1.1611774865947009</v>
      </c>
    </row>
    <row r="48153" spans="1:7" x14ac:dyDescent="0.3">
      <c r="A48153" s="13" t="s">
        <v>273</v>
      </c>
      <c r="B48153" s="14" t="s">
        <v>1</v>
      </c>
      <c r="C48153" s="14" t="s">
        <v>150</v>
      </c>
      <c r="D48153" s="14" t="s">
        <v>274</v>
      </c>
      <c r="E48153" s="15">
        <v>45714</v>
      </c>
      <c r="F48153" s="14" t="s">
        <v>61</v>
      </c>
      <c r="G48153" s="16">
        <v>1.1617315760387685</v>
      </c>
    </row>
    <row r="48154" spans="1:7" x14ac:dyDescent="0.3">
      <c r="A48154" s="13" t="s">
        <v>273</v>
      </c>
      <c r="B48154" s="14" t="s">
        <v>1</v>
      </c>
      <c r="C48154" s="14" t="s">
        <v>150</v>
      </c>
      <c r="D48154" s="14" t="s">
        <v>274</v>
      </c>
      <c r="E48154" s="15">
        <v>45715</v>
      </c>
      <c r="F48154" s="14" t="s">
        <v>61</v>
      </c>
      <c r="G48154" s="16">
        <v>1.1707601742704183</v>
      </c>
    </row>
    <row r="48155" spans="1:7" x14ac:dyDescent="0.3">
      <c r="A48155" s="13" t="s">
        <v>273</v>
      </c>
      <c r="B48155" s="14" t="s">
        <v>1</v>
      </c>
      <c r="C48155" s="14" t="s">
        <v>150</v>
      </c>
      <c r="D48155" s="14" t="s">
        <v>274</v>
      </c>
      <c r="E48155" s="15">
        <v>45716</v>
      </c>
      <c r="F48155" s="14" t="s">
        <v>61</v>
      </c>
      <c r="G48155" s="16">
        <v>1.1713947491785599</v>
      </c>
    </row>
    <row r="48156" spans="1:7" x14ac:dyDescent="0.3">
      <c r="A48156" s="13" t="s">
        <v>273</v>
      </c>
      <c r="B48156" s="14" t="s">
        <v>1</v>
      </c>
      <c r="C48156" s="14" t="s">
        <v>150</v>
      </c>
      <c r="D48156" s="14" t="s">
        <v>274</v>
      </c>
      <c r="E48156" s="15">
        <v>45717</v>
      </c>
      <c r="F48156" s="14" t="s">
        <v>61</v>
      </c>
      <c r="G48156" s="16">
        <v>1.1713947491785599</v>
      </c>
    </row>
    <row r="48157" spans="1:7" x14ac:dyDescent="0.3">
      <c r="A48157" s="13" t="s">
        <v>273</v>
      </c>
      <c r="B48157" s="14" t="s">
        <v>1</v>
      </c>
      <c r="C48157" s="14" t="s">
        <v>150</v>
      </c>
      <c r="D48157" s="14" t="s">
        <v>274</v>
      </c>
      <c r="E48157" s="15">
        <v>45718</v>
      </c>
      <c r="F48157" s="14" t="s">
        <v>61</v>
      </c>
      <c r="G48157" s="16">
        <v>1.1713947491785599</v>
      </c>
    </row>
    <row r="48158" spans="1:7" x14ac:dyDescent="0.3">
      <c r="A48158" s="13" t="s">
        <v>273</v>
      </c>
      <c r="B48158" s="14" t="s">
        <v>1</v>
      </c>
      <c r="C48158" s="14" t="s">
        <v>150</v>
      </c>
      <c r="D48158" s="14" t="s">
        <v>274</v>
      </c>
      <c r="E48158" s="15">
        <v>45719</v>
      </c>
      <c r="F48158" s="14" t="s">
        <v>61</v>
      </c>
      <c r="G48158" s="16">
        <v>1.172028658000102</v>
      </c>
    </row>
    <row r="48159" spans="1:7" x14ac:dyDescent="0.3">
      <c r="A48159" s="13" t="s">
        <v>273</v>
      </c>
      <c r="B48159" s="14" t="s">
        <v>1</v>
      </c>
      <c r="C48159" s="14" t="s">
        <v>150</v>
      </c>
      <c r="D48159" s="14" t="s">
        <v>274</v>
      </c>
      <c r="E48159" s="15">
        <v>45720</v>
      </c>
      <c r="F48159" s="14" t="s">
        <v>61</v>
      </c>
      <c r="G48159" s="16">
        <v>1.1775434273919423</v>
      </c>
    </row>
    <row r="48160" spans="1:7" x14ac:dyDescent="0.3">
      <c r="A48160" s="13" t="s">
        <v>273</v>
      </c>
      <c r="B48160" s="14" t="s">
        <v>1</v>
      </c>
      <c r="C48160" s="14" t="s">
        <v>150</v>
      </c>
      <c r="D48160" s="14" t="s">
        <v>274</v>
      </c>
      <c r="E48160" s="15">
        <v>45721</v>
      </c>
      <c r="F48160" s="14" t="s">
        <v>61</v>
      </c>
      <c r="G48160" s="16">
        <v>1.1781539121680782</v>
      </c>
    </row>
    <row r="48161" spans="1:7" x14ac:dyDescent="0.3">
      <c r="A48161" s="13" t="s">
        <v>273</v>
      </c>
      <c r="B48161" s="14" t="s">
        <v>1</v>
      </c>
      <c r="C48161" s="14" t="s">
        <v>150</v>
      </c>
      <c r="D48161" s="14" t="s">
        <v>274</v>
      </c>
      <c r="E48161" s="15">
        <v>45722</v>
      </c>
      <c r="F48161" s="14" t="s">
        <v>61</v>
      </c>
      <c r="G48161" s="16">
        <v>1.1851924656700925</v>
      </c>
    </row>
    <row r="48162" spans="1:7" x14ac:dyDescent="0.3">
      <c r="A48162" s="13" t="s">
        <v>273</v>
      </c>
      <c r="B48162" s="14" t="s">
        <v>1</v>
      </c>
      <c r="C48162" s="14" t="s">
        <v>150</v>
      </c>
      <c r="D48162" s="14" t="s">
        <v>274</v>
      </c>
      <c r="E48162" s="15">
        <v>45723</v>
      </c>
      <c r="F48162" s="14" t="s">
        <v>61</v>
      </c>
      <c r="G48162" s="16">
        <v>1.1866804085262821</v>
      </c>
    </row>
    <row r="48163" spans="1:7" x14ac:dyDescent="0.3">
      <c r="A48163" s="13" t="s">
        <v>273</v>
      </c>
      <c r="B48163" s="14" t="s">
        <v>1</v>
      </c>
      <c r="C48163" s="14" t="s">
        <v>150</v>
      </c>
      <c r="D48163" s="14" t="s">
        <v>274</v>
      </c>
      <c r="E48163" s="15">
        <v>45724</v>
      </c>
      <c r="F48163" s="14" t="s">
        <v>61</v>
      </c>
      <c r="G48163" s="16">
        <v>1.1866804085262821</v>
      </c>
    </row>
    <row r="48164" spans="1:7" x14ac:dyDescent="0.3">
      <c r="A48164" s="13" t="s">
        <v>273</v>
      </c>
      <c r="B48164" s="14" t="s">
        <v>1</v>
      </c>
      <c r="C48164" s="14" t="s">
        <v>150</v>
      </c>
      <c r="D48164" s="14" t="s">
        <v>274</v>
      </c>
      <c r="E48164" s="15">
        <v>45725</v>
      </c>
      <c r="F48164" s="14" t="s">
        <v>61</v>
      </c>
      <c r="G48164" s="16">
        <v>1.1866804085262821</v>
      </c>
    </row>
    <row r="48165" spans="1:7" x14ac:dyDescent="0.3">
      <c r="A48165" s="13" t="s">
        <v>273</v>
      </c>
      <c r="B48165" s="14" t="s">
        <v>1</v>
      </c>
      <c r="C48165" s="14" t="s">
        <v>150</v>
      </c>
      <c r="D48165" s="14" t="s">
        <v>274</v>
      </c>
      <c r="E48165" s="15">
        <v>45726</v>
      </c>
      <c r="F48165" s="14" t="s">
        <v>61</v>
      </c>
      <c r="G48165" s="16">
        <v>1.1873215332859826</v>
      </c>
    </row>
    <row r="48166" spans="1:7" x14ac:dyDescent="0.3">
      <c r="A48166" s="13" t="s">
        <v>273</v>
      </c>
      <c r="B48166" s="14" t="s">
        <v>1</v>
      </c>
      <c r="C48166" s="14" t="s">
        <v>150</v>
      </c>
      <c r="D48166" s="14" t="s">
        <v>274</v>
      </c>
      <c r="E48166" s="15">
        <v>45727</v>
      </c>
      <c r="F48166" s="14" t="s">
        <v>61</v>
      </c>
      <c r="G48166" s="16">
        <v>1.1891867031862031</v>
      </c>
    </row>
    <row r="48167" spans="1:7" x14ac:dyDescent="0.3">
      <c r="A48167" s="13" t="s">
        <v>273</v>
      </c>
      <c r="B48167" s="14" t="s">
        <v>1</v>
      </c>
      <c r="C48167" s="14" t="s">
        <v>150</v>
      </c>
      <c r="D48167" s="14" t="s">
        <v>274</v>
      </c>
      <c r="E48167" s="15">
        <v>45728</v>
      </c>
      <c r="F48167" s="14" t="s">
        <v>61</v>
      </c>
      <c r="G48167" s="16">
        <v>1.189697052943588</v>
      </c>
    </row>
    <row r="48168" spans="1:7" x14ac:dyDescent="0.3">
      <c r="A48168" s="13" t="s">
        <v>273</v>
      </c>
      <c r="B48168" s="14" t="s">
        <v>1</v>
      </c>
      <c r="C48168" s="14" t="s">
        <v>150</v>
      </c>
      <c r="D48168" s="14" t="s">
        <v>274</v>
      </c>
      <c r="E48168" s="15">
        <v>45729</v>
      </c>
      <c r="F48168" s="14" t="s">
        <v>61</v>
      </c>
      <c r="G48168" s="16">
        <v>1.1902812272990542</v>
      </c>
    </row>
    <row r="48169" spans="1:7" x14ac:dyDescent="0.3">
      <c r="A48169" s="13" t="s">
        <v>273</v>
      </c>
      <c r="B48169" s="14" t="s">
        <v>1</v>
      </c>
      <c r="C48169" s="14" t="s">
        <v>150</v>
      </c>
      <c r="D48169" s="14" t="s">
        <v>274</v>
      </c>
      <c r="E48169" s="15">
        <v>45730</v>
      </c>
      <c r="F48169" s="14" t="s">
        <v>61</v>
      </c>
      <c r="G48169" s="16">
        <v>1.1916891287489026</v>
      </c>
    </row>
    <row r="48170" spans="1:7" x14ac:dyDescent="0.3">
      <c r="A48170" s="13" t="s">
        <v>273</v>
      </c>
      <c r="B48170" s="14" t="s">
        <v>1</v>
      </c>
      <c r="C48170" s="14" t="s">
        <v>150</v>
      </c>
      <c r="D48170" s="14" t="s">
        <v>274</v>
      </c>
      <c r="E48170" s="15">
        <v>45731</v>
      </c>
      <c r="F48170" s="14" t="s">
        <v>61</v>
      </c>
      <c r="G48170" s="16">
        <v>1.1916891287489026</v>
      </c>
    </row>
    <row r="48171" spans="1:7" x14ac:dyDescent="0.3">
      <c r="A48171" s="13" t="s">
        <v>273</v>
      </c>
      <c r="B48171" s="14" t="s">
        <v>1</v>
      </c>
      <c r="C48171" s="14" t="s">
        <v>150</v>
      </c>
      <c r="D48171" s="14" t="s">
        <v>274</v>
      </c>
      <c r="E48171" s="15">
        <v>45732</v>
      </c>
      <c r="F48171" s="14" t="s">
        <v>61</v>
      </c>
      <c r="G48171" s="16">
        <v>1.1916891287489026</v>
      </c>
    </row>
    <row r="48172" spans="1:7" x14ac:dyDescent="0.3">
      <c r="A48172" s="13" t="s">
        <v>273</v>
      </c>
      <c r="B48172" s="14" t="s">
        <v>1</v>
      </c>
      <c r="C48172" s="14" t="s">
        <v>150</v>
      </c>
      <c r="D48172" s="14" t="s">
        <v>274</v>
      </c>
      <c r="E48172" s="15">
        <v>45733</v>
      </c>
      <c r="F48172" s="14" t="s">
        <v>61</v>
      </c>
      <c r="G48172" s="16">
        <v>1.1916891287489026</v>
      </c>
    </row>
    <row r="48173" spans="1:7" x14ac:dyDescent="0.3">
      <c r="A48173" s="13" t="s">
        <v>273</v>
      </c>
      <c r="B48173" s="14" t="s">
        <v>1</v>
      </c>
      <c r="C48173" s="14" t="s">
        <v>150</v>
      </c>
      <c r="D48173" s="14" t="s">
        <v>274</v>
      </c>
      <c r="E48173" s="15">
        <v>45734</v>
      </c>
      <c r="F48173" s="14" t="s">
        <v>61</v>
      </c>
      <c r="G48173" s="16">
        <v>1.1922128806797281</v>
      </c>
    </row>
    <row r="48174" spans="1:7" x14ac:dyDescent="0.3">
      <c r="A48174" s="13" t="s">
        <v>273</v>
      </c>
      <c r="B48174" s="14" t="s">
        <v>1</v>
      </c>
      <c r="C48174" s="14" t="s">
        <v>150</v>
      </c>
      <c r="D48174" s="14" t="s">
        <v>274</v>
      </c>
      <c r="E48174" s="15">
        <v>45735</v>
      </c>
      <c r="F48174" s="14" t="s">
        <v>61</v>
      </c>
      <c r="G48174" s="16">
        <v>1.193966881523584</v>
      </c>
    </row>
    <row r="48175" spans="1:7" x14ac:dyDescent="0.3">
      <c r="A48175" s="13" t="s">
        <v>273</v>
      </c>
      <c r="B48175" s="14" t="s">
        <v>1</v>
      </c>
      <c r="C48175" s="14" t="s">
        <v>150</v>
      </c>
      <c r="D48175" s="14" t="s">
        <v>274</v>
      </c>
      <c r="E48175" s="15">
        <v>45736</v>
      </c>
      <c r="F48175" s="14" t="s">
        <v>61</v>
      </c>
      <c r="G48175" s="16">
        <v>1.1944250892116397</v>
      </c>
    </row>
    <row r="48176" spans="1:7" x14ac:dyDescent="0.3">
      <c r="A48176" s="13" t="s">
        <v>273</v>
      </c>
      <c r="B48176" s="14" t="s">
        <v>1</v>
      </c>
      <c r="C48176" s="14" t="s">
        <v>150</v>
      </c>
      <c r="D48176" s="14" t="s">
        <v>274</v>
      </c>
      <c r="E48176" s="15">
        <v>45737</v>
      </c>
      <c r="F48176" s="14" t="s">
        <v>61</v>
      </c>
      <c r="G48176" s="16">
        <v>1.1948747045451809</v>
      </c>
    </row>
    <row r="48177" spans="1:7" x14ac:dyDescent="0.3">
      <c r="A48177" s="13" t="s">
        <v>273</v>
      </c>
      <c r="B48177" s="14" t="s">
        <v>1</v>
      </c>
      <c r="C48177" s="14" t="s">
        <v>150</v>
      </c>
      <c r="D48177" s="14" t="s">
        <v>274</v>
      </c>
      <c r="E48177" s="15">
        <v>45738</v>
      </c>
      <c r="F48177" s="14" t="s">
        <v>61</v>
      </c>
      <c r="G48177" s="16">
        <v>1.1948747045451809</v>
      </c>
    </row>
    <row r="48178" spans="1:7" x14ac:dyDescent="0.3">
      <c r="A48178" s="13" t="s">
        <v>273</v>
      </c>
      <c r="B48178" s="14" t="s">
        <v>1</v>
      </c>
      <c r="C48178" s="14" t="s">
        <v>150</v>
      </c>
      <c r="D48178" s="14" t="s">
        <v>274</v>
      </c>
      <c r="E48178" s="15">
        <v>45739</v>
      </c>
      <c r="F48178" s="14" t="s">
        <v>61</v>
      </c>
      <c r="G48178" s="16">
        <v>1.1948747045451809</v>
      </c>
    </row>
    <row r="48179" spans="1:7" x14ac:dyDescent="0.3">
      <c r="A48179" s="13" t="s">
        <v>273</v>
      </c>
      <c r="B48179" s="14" t="s">
        <v>1</v>
      </c>
      <c r="C48179" s="14" t="s">
        <v>150</v>
      </c>
      <c r="D48179" s="14" t="s">
        <v>274</v>
      </c>
      <c r="E48179" s="15">
        <v>45740</v>
      </c>
      <c r="F48179" s="14" t="s">
        <v>61</v>
      </c>
      <c r="G48179" s="16">
        <v>1.1942715361339304</v>
      </c>
    </row>
    <row r="48180" spans="1:7" x14ac:dyDescent="0.3">
      <c r="A48180" s="13" t="s">
        <v>273</v>
      </c>
      <c r="B48180" s="14" t="s">
        <v>1</v>
      </c>
      <c r="C48180" s="14" t="s">
        <v>150</v>
      </c>
      <c r="D48180" s="14" t="s">
        <v>274</v>
      </c>
      <c r="E48180" s="15">
        <v>45741</v>
      </c>
      <c r="F48180" s="14" t="s">
        <v>61</v>
      </c>
      <c r="G48180" s="16">
        <v>1.1950347724072459</v>
      </c>
    </row>
    <row r="48181" spans="1:7" x14ac:dyDescent="0.3">
      <c r="A48181" s="13" t="s">
        <v>273</v>
      </c>
      <c r="B48181" s="14" t="s">
        <v>1</v>
      </c>
      <c r="C48181" s="14" t="s">
        <v>150</v>
      </c>
      <c r="D48181" s="14" t="s">
        <v>274</v>
      </c>
      <c r="E48181" s="15">
        <v>45742</v>
      </c>
      <c r="F48181" s="14" t="s">
        <v>61</v>
      </c>
      <c r="G48181" s="16">
        <v>1.1962451415904818</v>
      </c>
    </row>
    <row r="48182" spans="1:7" x14ac:dyDescent="0.3">
      <c r="A48182" s="13" t="s">
        <v>273</v>
      </c>
      <c r="B48182" s="14" t="s">
        <v>1</v>
      </c>
      <c r="C48182" s="14" t="s">
        <v>150</v>
      </c>
      <c r="D48182" s="14" t="s">
        <v>274</v>
      </c>
      <c r="E48182" s="15">
        <v>45743</v>
      </c>
      <c r="F48182" s="14" t="s">
        <v>61</v>
      </c>
      <c r="G48182" s="16">
        <v>1.2006888798725062</v>
      </c>
    </row>
    <row r="48183" spans="1:7" x14ac:dyDescent="0.3">
      <c r="A48183" s="13" t="s">
        <v>273</v>
      </c>
      <c r="B48183" s="14" t="s">
        <v>1</v>
      </c>
      <c r="C48183" s="14" t="s">
        <v>150</v>
      </c>
      <c r="D48183" s="14" t="s">
        <v>274</v>
      </c>
      <c r="E48183" s="15">
        <v>45744</v>
      </c>
      <c r="F48183" s="14" t="s">
        <v>61</v>
      </c>
      <c r="G48183" s="16">
        <v>1.2011777115933182</v>
      </c>
    </row>
    <row r="48184" spans="1:7" x14ac:dyDescent="0.3">
      <c r="A48184" s="13" t="s">
        <v>273</v>
      </c>
      <c r="B48184" s="14" t="s">
        <v>1</v>
      </c>
      <c r="C48184" s="14" t="s">
        <v>150</v>
      </c>
      <c r="D48184" s="14" t="s">
        <v>274</v>
      </c>
      <c r="E48184" s="15">
        <v>45745</v>
      </c>
      <c r="F48184" s="14" t="s">
        <v>61</v>
      </c>
      <c r="G48184" s="16">
        <v>1.2011777115933182</v>
      </c>
    </row>
    <row r="48185" spans="1:7" x14ac:dyDescent="0.3">
      <c r="A48185" s="13" t="s">
        <v>273</v>
      </c>
      <c r="B48185" s="14" t="s">
        <v>1</v>
      </c>
      <c r="C48185" s="14" t="s">
        <v>150</v>
      </c>
      <c r="D48185" s="14" t="s">
        <v>274</v>
      </c>
      <c r="E48185" s="15">
        <v>45746</v>
      </c>
      <c r="F48185" s="14" t="s">
        <v>61</v>
      </c>
      <c r="G48185" s="16">
        <v>1.2011777115933182</v>
      </c>
    </row>
    <row r="48186" spans="1:7" x14ac:dyDescent="0.3">
      <c r="A48186" s="13" t="s">
        <v>273</v>
      </c>
      <c r="B48186" s="14" t="s">
        <v>1</v>
      </c>
      <c r="C48186" s="14" t="s">
        <v>150</v>
      </c>
      <c r="D48186" s="14" t="s">
        <v>274</v>
      </c>
      <c r="E48186" s="15">
        <v>45747</v>
      </c>
      <c r="F48186" s="14" t="s">
        <v>61</v>
      </c>
      <c r="G48186" s="16">
        <v>1.2037998707182982</v>
      </c>
    </row>
    <row r="48187" spans="1:7" x14ac:dyDescent="0.3">
      <c r="A48187" s="13" t="s">
        <v>275</v>
      </c>
      <c r="B48187" s="14" t="s">
        <v>1</v>
      </c>
      <c r="C48187" s="14" t="s">
        <v>191</v>
      </c>
      <c r="D48187" s="14" t="s">
        <v>116</v>
      </c>
      <c r="E48187" s="15">
        <v>45383</v>
      </c>
      <c r="F48187" s="14" t="s">
        <v>15</v>
      </c>
      <c r="G48187" s="16">
        <v>0</v>
      </c>
    </row>
    <row r="48188" spans="1:7" x14ac:dyDescent="0.3">
      <c r="A48188" s="13" t="s">
        <v>275</v>
      </c>
      <c r="B48188" s="14" t="s">
        <v>1</v>
      </c>
      <c r="C48188" s="14" t="s">
        <v>191</v>
      </c>
      <c r="D48188" s="14" t="s">
        <v>116</v>
      </c>
      <c r="E48188" s="15">
        <v>45384</v>
      </c>
      <c r="F48188" s="14" t="s">
        <v>15</v>
      </c>
      <c r="G48188" s="16">
        <v>0</v>
      </c>
    </row>
    <row r="48189" spans="1:7" x14ac:dyDescent="0.3">
      <c r="A48189" s="13" t="s">
        <v>275</v>
      </c>
      <c r="B48189" s="14" t="s">
        <v>1</v>
      </c>
      <c r="C48189" s="14" t="s">
        <v>191</v>
      </c>
      <c r="D48189" s="14" t="s">
        <v>116</v>
      </c>
      <c r="E48189" s="15">
        <v>45385</v>
      </c>
      <c r="F48189" s="14" t="s">
        <v>15</v>
      </c>
      <c r="G48189" s="16">
        <v>0</v>
      </c>
    </row>
    <row r="48190" spans="1:7" x14ac:dyDescent="0.3">
      <c r="A48190" s="13" t="s">
        <v>275</v>
      </c>
      <c r="B48190" s="14" t="s">
        <v>1</v>
      </c>
      <c r="C48190" s="14" t="s">
        <v>191</v>
      </c>
      <c r="D48190" s="14" t="s">
        <v>116</v>
      </c>
      <c r="E48190" s="15">
        <v>45386</v>
      </c>
      <c r="F48190" s="14" t="s">
        <v>15</v>
      </c>
      <c r="G48190" s="16">
        <v>0</v>
      </c>
    </row>
    <row r="48191" spans="1:7" x14ac:dyDescent="0.3">
      <c r="A48191" s="13" t="s">
        <v>275</v>
      </c>
      <c r="B48191" s="14" t="s">
        <v>1</v>
      </c>
      <c r="C48191" s="14" t="s">
        <v>191</v>
      </c>
      <c r="D48191" s="14" t="s">
        <v>116</v>
      </c>
      <c r="E48191" s="15">
        <v>45387</v>
      </c>
      <c r="F48191" s="14" t="s">
        <v>15</v>
      </c>
      <c r="G48191" s="16">
        <v>0</v>
      </c>
    </row>
    <row r="48192" spans="1:7" x14ac:dyDescent="0.3">
      <c r="A48192" s="13" t="s">
        <v>275</v>
      </c>
      <c r="B48192" s="14" t="s">
        <v>1</v>
      </c>
      <c r="C48192" s="14" t="s">
        <v>191</v>
      </c>
      <c r="D48192" s="14" t="s">
        <v>116</v>
      </c>
      <c r="E48192" s="15">
        <v>45388</v>
      </c>
      <c r="F48192" s="14" t="s">
        <v>15</v>
      </c>
      <c r="G48192" s="16">
        <v>0</v>
      </c>
    </row>
    <row r="48193" spans="1:7" x14ac:dyDescent="0.3">
      <c r="A48193" s="13" t="s">
        <v>275</v>
      </c>
      <c r="B48193" s="14" t="s">
        <v>1</v>
      </c>
      <c r="C48193" s="14" t="s">
        <v>191</v>
      </c>
      <c r="D48193" s="14" t="s">
        <v>116</v>
      </c>
      <c r="E48193" s="15">
        <v>45389</v>
      </c>
      <c r="F48193" s="14" t="s">
        <v>15</v>
      </c>
      <c r="G48193" s="16">
        <v>0</v>
      </c>
    </row>
    <row r="48194" spans="1:7" x14ac:dyDescent="0.3">
      <c r="A48194" s="13" t="s">
        <v>275</v>
      </c>
      <c r="B48194" s="14" t="s">
        <v>1</v>
      </c>
      <c r="C48194" s="14" t="s">
        <v>191</v>
      </c>
      <c r="D48194" s="14" t="s">
        <v>116</v>
      </c>
      <c r="E48194" s="15">
        <v>45390</v>
      </c>
      <c r="F48194" s="14" t="s">
        <v>15</v>
      </c>
      <c r="G48194" s="16">
        <v>0</v>
      </c>
    </row>
    <row r="48195" spans="1:7" x14ac:dyDescent="0.3">
      <c r="A48195" s="13" t="s">
        <v>275</v>
      </c>
      <c r="B48195" s="14" t="s">
        <v>1</v>
      </c>
      <c r="C48195" s="14" t="s">
        <v>191</v>
      </c>
      <c r="D48195" s="14" t="s">
        <v>116</v>
      </c>
      <c r="E48195" s="15">
        <v>45391</v>
      </c>
      <c r="F48195" s="14" t="s">
        <v>15</v>
      </c>
      <c r="G48195" s="16">
        <v>0</v>
      </c>
    </row>
    <row r="48196" spans="1:7" x14ac:dyDescent="0.3">
      <c r="A48196" s="13" t="s">
        <v>275</v>
      </c>
      <c r="B48196" s="14" t="s">
        <v>1</v>
      </c>
      <c r="C48196" s="14" t="s">
        <v>191</v>
      </c>
      <c r="D48196" s="14" t="s">
        <v>116</v>
      </c>
      <c r="E48196" s="15">
        <v>45392</v>
      </c>
      <c r="F48196" s="14" t="s">
        <v>15</v>
      </c>
      <c r="G48196" s="16">
        <v>0</v>
      </c>
    </row>
    <row r="48197" spans="1:7" x14ac:dyDescent="0.3">
      <c r="A48197" s="13" t="s">
        <v>275</v>
      </c>
      <c r="B48197" s="14" t="s">
        <v>1</v>
      </c>
      <c r="C48197" s="14" t="s">
        <v>191</v>
      </c>
      <c r="D48197" s="14" t="s">
        <v>116</v>
      </c>
      <c r="E48197" s="15">
        <v>45393</v>
      </c>
      <c r="F48197" s="14" t="s">
        <v>15</v>
      </c>
      <c r="G48197" s="16">
        <v>0</v>
      </c>
    </row>
    <row r="48198" spans="1:7" x14ac:dyDescent="0.3">
      <c r="A48198" s="13" t="s">
        <v>275</v>
      </c>
      <c r="B48198" s="14" t="s">
        <v>1</v>
      </c>
      <c r="C48198" s="14" t="s">
        <v>191</v>
      </c>
      <c r="D48198" s="14" t="s">
        <v>116</v>
      </c>
      <c r="E48198" s="15">
        <v>45394</v>
      </c>
      <c r="F48198" s="14" t="s">
        <v>15</v>
      </c>
      <c r="G48198" s="16">
        <v>0</v>
      </c>
    </row>
    <row r="48199" spans="1:7" x14ac:dyDescent="0.3">
      <c r="A48199" s="13" t="s">
        <v>275</v>
      </c>
      <c r="B48199" s="14" t="s">
        <v>1</v>
      </c>
      <c r="C48199" s="14" t="s">
        <v>191</v>
      </c>
      <c r="D48199" s="14" t="s">
        <v>116</v>
      </c>
      <c r="E48199" s="15">
        <v>45395</v>
      </c>
      <c r="F48199" s="14" t="s">
        <v>15</v>
      </c>
      <c r="G48199" s="16">
        <v>0</v>
      </c>
    </row>
    <row r="48200" spans="1:7" x14ac:dyDescent="0.3">
      <c r="A48200" s="13" t="s">
        <v>275</v>
      </c>
      <c r="B48200" s="14" t="s">
        <v>1</v>
      </c>
      <c r="C48200" s="14" t="s">
        <v>191</v>
      </c>
      <c r="D48200" s="14" t="s">
        <v>116</v>
      </c>
      <c r="E48200" s="15">
        <v>45396</v>
      </c>
      <c r="F48200" s="14" t="s">
        <v>15</v>
      </c>
      <c r="G48200" s="16">
        <v>0</v>
      </c>
    </row>
    <row r="48201" spans="1:7" x14ac:dyDescent="0.3">
      <c r="A48201" s="13" t="s">
        <v>275</v>
      </c>
      <c r="B48201" s="14" t="s">
        <v>1</v>
      </c>
      <c r="C48201" s="14" t="s">
        <v>191</v>
      </c>
      <c r="D48201" s="14" t="s">
        <v>116</v>
      </c>
      <c r="E48201" s="15">
        <v>45397</v>
      </c>
      <c r="F48201" s="14" t="s">
        <v>15</v>
      </c>
      <c r="G48201" s="16">
        <v>0</v>
      </c>
    </row>
    <row r="48202" spans="1:7" x14ac:dyDescent="0.3">
      <c r="A48202" s="13" t="s">
        <v>275</v>
      </c>
      <c r="B48202" s="14" t="s">
        <v>1</v>
      </c>
      <c r="C48202" s="14" t="s">
        <v>191</v>
      </c>
      <c r="D48202" s="14" t="s">
        <v>116</v>
      </c>
      <c r="E48202" s="15">
        <v>45398</v>
      </c>
      <c r="F48202" s="14" t="s">
        <v>15</v>
      </c>
      <c r="G48202" s="16">
        <v>0</v>
      </c>
    </row>
    <row r="48203" spans="1:7" x14ac:dyDescent="0.3">
      <c r="A48203" s="13" t="s">
        <v>275</v>
      </c>
      <c r="B48203" s="14" t="s">
        <v>1</v>
      </c>
      <c r="C48203" s="14" t="s">
        <v>191</v>
      </c>
      <c r="D48203" s="14" t="s">
        <v>116</v>
      </c>
      <c r="E48203" s="15">
        <v>45399</v>
      </c>
      <c r="F48203" s="14" t="s">
        <v>15</v>
      </c>
      <c r="G48203" s="16">
        <v>0</v>
      </c>
    </row>
    <row r="48204" spans="1:7" x14ac:dyDescent="0.3">
      <c r="A48204" s="13" t="s">
        <v>275</v>
      </c>
      <c r="B48204" s="14" t="s">
        <v>1</v>
      </c>
      <c r="C48204" s="14" t="s">
        <v>191</v>
      </c>
      <c r="D48204" s="14" t="s">
        <v>116</v>
      </c>
      <c r="E48204" s="15">
        <v>45400</v>
      </c>
      <c r="F48204" s="14" t="s">
        <v>15</v>
      </c>
      <c r="G48204" s="16">
        <v>0</v>
      </c>
    </row>
    <row r="48205" spans="1:7" x14ac:dyDescent="0.3">
      <c r="A48205" s="13" t="s">
        <v>275</v>
      </c>
      <c r="B48205" s="14" t="s">
        <v>1</v>
      </c>
      <c r="C48205" s="14" t="s">
        <v>191</v>
      </c>
      <c r="D48205" s="14" t="s">
        <v>116</v>
      </c>
      <c r="E48205" s="15">
        <v>45401</v>
      </c>
      <c r="F48205" s="14" t="s">
        <v>15</v>
      </c>
      <c r="G48205" s="16">
        <v>0</v>
      </c>
    </row>
    <row r="48206" spans="1:7" x14ac:dyDescent="0.3">
      <c r="A48206" s="13" t="s">
        <v>275</v>
      </c>
      <c r="B48206" s="14" t="s">
        <v>1</v>
      </c>
      <c r="C48206" s="14" t="s">
        <v>191</v>
      </c>
      <c r="D48206" s="14" t="s">
        <v>116</v>
      </c>
      <c r="E48206" s="15">
        <v>45402</v>
      </c>
      <c r="F48206" s="14" t="s">
        <v>15</v>
      </c>
      <c r="G48206" s="16">
        <v>0</v>
      </c>
    </row>
    <row r="48207" spans="1:7" x14ac:dyDescent="0.3">
      <c r="A48207" s="13" t="s">
        <v>275</v>
      </c>
      <c r="B48207" s="14" t="s">
        <v>1</v>
      </c>
      <c r="C48207" s="14" t="s">
        <v>191</v>
      </c>
      <c r="D48207" s="14" t="s">
        <v>116</v>
      </c>
      <c r="E48207" s="15">
        <v>45403</v>
      </c>
      <c r="F48207" s="14" t="s">
        <v>15</v>
      </c>
      <c r="G48207" s="16">
        <v>0</v>
      </c>
    </row>
    <row r="48208" spans="1:7" x14ac:dyDescent="0.3">
      <c r="A48208" s="13" t="s">
        <v>275</v>
      </c>
      <c r="B48208" s="14" t="s">
        <v>1</v>
      </c>
      <c r="C48208" s="14" t="s">
        <v>191</v>
      </c>
      <c r="D48208" s="14" t="s">
        <v>116</v>
      </c>
      <c r="E48208" s="15">
        <v>45404</v>
      </c>
      <c r="F48208" s="14" t="s">
        <v>15</v>
      </c>
      <c r="G48208" s="16">
        <v>0</v>
      </c>
    </row>
    <row r="48209" spans="1:7" x14ac:dyDescent="0.3">
      <c r="A48209" s="13" t="s">
        <v>275</v>
      </c>
      <c r="B48209" s="14" t="s">
        <v>1</v>
      </c>
      <c r="C48209" s="14" t="s">
        <v>191</v>
      </c>
      <c r="D48209" s="14" t="s">
        <v>116</v>
      </c>
      <c r="E48209" s="15">
        <v>45405</v>
      </c>
      <c r="F48209" s="14" t="s">
        <v>15</v>
      </c>
      <c r="G48209" s="16">
        <v>0</v>
      </c>
    </row>
    <row r="48210" spans="1:7" x14ac:dyDescent="0.3">
      <c r="A48210" s="13" t="s">
        <v>275</v>
      </c>
      <c r="B48210" s="14" t="s">
        <v>1</v>
      </c>
      <c r="C48210" s="14" t="s">
        <v>191</v>
      </c>
      <c r="D48210" s="14" t="s">
        <v>116</v>
      </c>
      <c r="E48210" s="15">
        <v>45406</v>
      </c>
      <c r="F48210" s="14" t="s">
        <v>15</v>
      </c>
      <c r="G48210" s="16">
        <v>0</v>
      </c>
    </row>
    <row r="48211" spans="1:7" x14ac:dyDescent="0.3">
      <c r="A48211" s="13" t="s">
        <v>275</v>
      </c>
      <c r="B48211" s="14" t="s">
        <v>1</v>
      </c>
      <c r="C48211" s="14" t="s">
        <v>191</v>
      </c>
      <c r="D48211" s="14" t="s">
        <v>116</v>
      </c>
      <c r="E48211" s="15">
        <v>45407</v>
      </c>
      <c r="F48211" s="14" t="s">
        <v>15</v>
      </c>
      <c r="G48211" s="16">
        <v>0</v>
      </c>
    </row>
    <row r="48212" spans="1:7" x14ac:dyDescent="0.3">
      <c r="A48212" s="13" t="s">
        <v>275</v>
      </c>
      <c r="B48212" s="14" t="s">
        <v>1</v>
      </c>
      <c r="C48212" s="14" t="s">
        <v>191</v>
      </c>
      <c r="D48212" s="14" t="s">
        <v>116</v>
      </c>
      <c r="E48212" s="15">
        <v>45408</v>
      </c>
      <c r="F48212" s="14" t="s">
        <v>15</v>
      </c>
      <c r="G48212" s="16">
        <v>0</v>
      </c>
    </row>
    <row r="48213" spans="1:7" x14ac:dyDescent="0.3">
      <c r="A48213" s="13" t="s">
        <v>275</v>
      </c>
      <c r="B48213" s="14" t="s">
        <v>1</v>
      </c>
      <c r="C48213" s="14" t="s">
        <v>191</v>
      </c>
      <c r="D48213" s="14" t="s">
        <v>116</v>
      </c>
      <c r="E48213" s="15">
        <v>45409</v>
      </c>
      <c r="F48213" s="14" t="s">
        <v>15</v>
      </c>
      <c r="G48213" s="16">
        <v>0</v>
      </c>
    </row>
    <row r="48214" spans="1:7" x14ac:dyDescent="0.3">
      <c r="A48214" s="13" t="s">
        <v>275</v>
      </c>
      <c r="B48214" s="14" t="s">
        <v>1</v>
      </c>
      <c r="C48214" s="14" t="s">
        <v>191</v>
      </c>
      <c r="D48214" s="14" t="s">
        <v>116</v>
      </c>
      <c r="E48214" s="15">
        <v>45410</v>
      </c>
      <c r="F48214" s="14" t="s">
        <v>15</v>
      </c>
      <c r="G48214" s="16">
        <v>0</v>
      </c>
    </row>
    <row r="48215" spans="1:7" x14ac:dyDescent="0.3">
      <c r="A48215" s="13" t="s">
        <v>275</v>
      </c>
      <c r="B48215" s="14" t="s">
        <v>1</v>
      </c>
      <c r="C48215" s="14" t="s">
        <v>191</v>
      </c>
      <c r="D48215" s="14" t="s">
        <v>116</v>
      </c>
      <c r="E48215" s="15">
        <v>45411</v>
      </c>
      <c r="F48215" s="14" t="s">
        <v>15</v>
      </c>
      <c r="G48215" s="16">
        <v>0</v>
      </c>
    </row>
    <row r="48216" spans="1:7" x14ac:dyDescent="0.3">
      <c r="A48216" s="13" t="s">
        <v>275</v>
      </c>
      <c r="B48216" s="14" t="s">
        <v>1</v>
      </c>
      <c r="C48216" s="14" t="s">
        <v>191</v>
      </c>
      <c r="D48216" s="14" t="s">
        <v>116</v>
      </c>
      <c r="E48216" s="15">
        <v>45412</v>
      </c>
      <c r="F48216" s="14" t="s">
        <v>15</v>
      </c>
      <c r="G48216" s="16">
        <v>0</v>
      </c>
    </row>
    <row r="48217" spans="1:7" x14ac:dyDescent="0.3">
      <c r="A48217" s="13" t="s">
        <v>275</v>
      </c>
      <c r="B48217" s="14" t="s">
        <v>1</v>
      </c>
      <c r="C48217" s="14" t="s">
        <v>191</v>
      </c>
      <c r="D48217" s="14" t="s">
        <v>116</v>
      </c>
      <c r="E48217" s="15">
        <v>45413</v>
      </c>
      <c r="F48217" s="14" t="s">
        <v>15</v>
      </c>
      <c r="G48217" s="16">
        <v>0</v>
      </c>
    </row>
    <row r="48218" spans="1:7" x14ac:dyDescent="0.3">
      <c r="A48218" s="13" t="s">
        <v>275</v>
      </c>
      <c r="B48218" s="14" t="s">
        <v>1</v>
      </c>
      <c r="C48218" s="14" t="s">
        <v>191</v>
      </c>
      <c r="D48218" s="14" t="s">
        <v>116</v>
      </c>
      <c r="E48218" s="15">
        <v>45414</v>
      </c>
      <c r="F48218" s="14" t="s">
        <v>15</v>
      </c>
      <c r="G48218" s="16">
        <v>0</v>
      </c>
    </row>
    <row r="48219" spans="1:7" x14ac:dyDescent="0.3">
      <c r="A48219" s="13" t="s">
        <v>275</v>
      </c>
      <c r="B48219" s="14" t="s">
        <v>1</v>
      </c>
      <c r="C48219" s="14" t="s">
        <v>191</v>
      </c>
      <c r="D48219" s="14" t="s">
        <v>116</v>
      </c>
      <c r="E48219" s="15">
        <v>45415</v>
      </c>
      <c r="F48219" s="14" t="s">
        <v>15</v>
      </c>
      <c r="G48219" s="16">
        <v>0</v>
      </c>
    </row>
    <row r="48220" spans="1:7" x14ac:dyDescent="0.3">
      <c r="A48220" s="13" t="s">
        <v>275</v>
      </c>
      <c r="B48220" s="14" t="s">
        <v>1</v>
      </c>
      <c r="C48220" s="14" t="s">
        <v>191</v>
      </c>
      <c r="D48220" s="14" t="s">
        <v>116</v>
      </c>
      <c r="E48220" s="15">
        <v>45416</v>
      </c>
      <c r="F48220" s="14" t="s">
        <v>15</v>
      </c>
      <c r="G48220" s="16">
        <v>0</v>
      </c>
    </row>
    <row r="48221" spans="1:7" x14ac:dyDescent="0.3">
      <c r="A48221" s="13" t="s">
        <v>275</v>
      </c>
      <c r="B48221" s="14" t="s">
        <v>1</v>
      </c>
      <c r="C48221" s="14" t="s">
        <v>191</v>
      </c>
      <c r="D48221" s="14" t="s">
        <v>116</v>
      </c>
      <c r="E48221" s="15">
        <v>45417</v>
      </c>
      <c r="F48221" s="14" t="s">
        <v>15</v>
      </c>
      <c r="G48221" s="16">
        <v>0</v>
      </c>
    </row>
    <row r="48222" spans="1:7" x14ac:dyDescent="0.3">
      <c r="A48222" s="13" t="s">
        <v>275</v>
      </c>
      <c r="B48222" s="14" t="s">
        <v>1</v>
      </c>
      <c r="C48222" s="14" t="s">
        <v>191</v>
      </c>
      <c r="D48222" s="14" t="s">
        <v>116</v>
      </c>
      <c r="E48222" s="15">
        <v>45418</v>
      </c>
      <c r="F48222" s="14" t="s">
        <v>15</v>
      </c>
      <c r="G48222" s="16">
        <v>0</v>
      </c>
    </row>
    <row r="48223" spans="1:7" x14ac:dyDescent="0.3">
      <c r="A48223" s="13" t="s">
        <v>275</v>
      </c>
      <c r="B48223" s="14" t="s">
        <v>1</v>
      </c>
      <c r="C48223" s="14" t="s">
        <v>191</v>
      </c>
      <c r="D48223" s="14" t="s">
        <v>116</v>
      </c>
      <c r="E48223" s="15">
        <v>45419</v>
      </c>
      <c r="F48223" s="14" t="s">
        <v>15</v>
      </c>
      <c r="G48223" s="16">
        <v>0</v>
      </c>
    </row>
    <row r="48224" spans="1:7" x14ac:dyDescent="0.3">
      <c r="A48224" s="13" t="s">
        <v>275</v>
      </c>
      <c r="B48224" s="14" t="s">
        <v>1</v>
      </c>
      <c r="C48224" s="14" t="s">
        <v>191</v>
      </c>
      <c r="D48224" s="14" t="s">
        <v>116</v>
      </c>
      <c r="E48224" s="15">
        <v>45420</v>
      </c>
      <c r="F48224" s="14" t="s">
        <v>15</v>
      </c>
      <c r="G48224" s="16">
        <v>3.8652486213100628E-3</v>
      </c>
    </row>
    <row r="48225" spans="1:7" x14ac:dyDescent="0.3">
      <c r="A48225" s="13" t="s">
        <v>275</v>
      </c>
      <c r="B48225" s="14" t="s">
        <v>1</v>
      </c>
      <c r="C48225" s="14" t="s">
        <v>191</v>
      </c>
      <c r="D48225" s="14" t="s">
        <v>116</v>
      </c>
      <c r="E48225" s="15">
        <v>45421</v>
      </c>
      <c r="F48225" s="14" t="s">
        <v>15</v>
      </c>
      <c r="G48225" s="16">
        <v>7.7430051880294278E-4</v>
      </c>
    </row>
    <row r="48226" spans="1:7" x14ac:dyDescent="0.3">
      <c r="A48226" s="13" t="s">
        <v>275</v>
      </c>
      <c r="B48226" s="14" t="s">
        <v>1</v>
      </c>
      <c r="C48226" s="14" t="s">
        <v>191</v>
      </c>
      <c r="D48226" s="14" t="s">
        <v>116</v>
      </c>
      <c r="E48226" s="15">
        <v>45422</v>
      </c>
      <c r="F48226" s="14" t="s">
        <v>15</v>
      </c>
      <c r="G48226" s="16">
        <v>0</v>
      </c>
    </row>
    <row r="48227" spans="1:7" x14ac:dyDescent="0.3">
      <c r="A48227" s="13" t="s">
        <v>275</v>
      </c>
      <c r="B48227" s="14" t="s">
        <v>1</v>
      </c>
      <c r="C48227" s="14" t="s">
        <v>191</v>
      </c>
      <c r="D48227" s="14" t="s">
        <v>116</v>
      </c>
      <c r="E48227" s="15">
        <v>45423</v>
      </c>
      <c r="F48227" s="14" t="s">
        <v>15</v>
      </c>
      <c r="G48227" s="16">
        <v>0</v>
      </c>
    </row>
    <row r="48228" spans="1:7" x14ac:dyDescent="0.3">
      <c r="A48228" s="13" t="s">
        <v>275</v>
      </c>
      <c r="B48228" s="14" t="s">
        <v>1</v>
      </c>
      <c r="C48228" s="14" t="s">
        <v>191</v>
      </c>
      <c r="D48228" s="14" t="s">
        <v>116</v>
      </c>
      <c r="E48228" s="15">
        <v>45424</v>
      </c>
      <c r="F48228" s="14" t="s">
        <v>15</v>
      </c>
      <c r="G48228" s="16">
        <v>0</v>
      </c>
    </row>
    <row r="48229" spans="1:7" x14ac:dyDescent="0.3">
      <c r="A48229" s="13" t="s">
        <v>275</v>
      </c>
      <c r="B48229" s="14" t="s">
        <v>1</v>
      </c>
      <c r="C48229" s="14" t="s">
        <v>191</v>
      </c>
      <c r="D48229" s="14" t="s">
        <v>116</v>
      </c>
      <c r="E48229" s="15">
        <v>45425</v>
      </c>
      <c r="F48229" s="14" t="s">
        <v>15</v>
      </c>
      <c r="G48229" s="16">
        <v>0</v>
      </c>
    </row>
    <row r="48230" spans="1:7" x14ac:dyDescent="0.3">
      <c r="A48230" s="13" t="s">
        <v>275</v>
      </c>
      <c r="B48230" s="14" t="s">
        <v>1</v>
      </c>
      <c r="C48230" s="14" t="s">
        <v>191</v>
      </c>
      <c r="D48230" s="14" t="s">
        <v>116</v>
      </c>
      <c r="E48230" s="15">
        <v>45426</v>
      </c>
      <c r="F48230" s="14" t="s">
        <v>15</v>
      </c>
      <c r="G48230" s="16">
        <v>0</v>
      </c>
    </row>
    <row r="48231" spans="1:7" x14ac:dyDescent="0.3">
      <c r="A48231" s="13" t="s">
        <v>275</v>
      </c>
      <c r="B48231" s="14" t="s">
        <v>1</v>
      </c>
      <c r="C48231" s="14" t="s">
        <v>191</v>
      </c>
      <c r="D48231" s="14" t="s">
        <v>116</v>
      </c>
      <c r="E48231" s="15">
        <v>45427</v>
      </c>
      <c r="F48231" s="14" t="s">
        <v>15</v>
      </c>
      <c r="G48231" s="16">
        <v>0</v>
      </c>
    </row>
    <row r="48232" spans="1:7" x14ac:dyDescent="0.3">
      <c r="A48232" s="13" t="s">
        <v>275</v>
      </c>
      <c r="B48232" s="14" t="s">
        <v>1</v>
      </c>
      <c r="C48232" s="14" t="s">
        <v>191</v>
      </c>
      <c r="D48232" s="14" t="s">
        <v>116</v>
      </c>
      <c r="E48232" s="15">
        <v>45428</v>
      </c>
      <c r="F48232" s="14" t="s">
        <v>15</v>
      </c>
      <c r="G48232" s="16">
        <v>0</v>
      </c>
    </row>
    <row r="48233" spans="1:7" x14ac:dyDescent="0.3">
      <c r="A48233" s="13" t="s">
        <v>275</v>
      </c>
      <c r="B48233" s="14" t="s">
        <v>1</v>
      </c>
      <c r="C48233" s="14" t="s">
        <v>191</v>
      </c>
      <c r="D48233" s="14" t="s">
        <v>116</v>
      </c>
      <c r="E48233" s="15">
        <v>45429</v>
      </c>
      <c r="F48233" s="14" t="s">
        <v>15</v>
      </c>
      <c r="G48233" s="16">
        <v>0</v>
      </c>
    </row>
    <row r="48234" spans="1:7" x14ac:dyDescent="0.3">
      <c r="A48234" s="13" t="s">
        <v>275</v>
      </c>
      <c r="B48234" s="14" t="s">
        <v>1</v>
      </c>
      <c r="C48234" s="14" t="s">
        <v>191</v>
      </c>
      <c r="D48234" s="14" t="s">
        <v>116</v>
      </c>
      <c r="E48234" s="15">
        <v>45430</v>
      </c>
      <c r="F48234" s="14" t="s">
        <v>15</v>
      </c>
      <c r="G48234" s="16">
        <v>0</v>
      </c>
    </row>
    <row r="48235" spans="1:7" x14ac:dyDescent="0.3">
      <c r="A48235" s="13" t="s">
        <v>275</v>
      </c>
      <c r="B48235" s="14" t="s">
        <v>1</v>
      </c>
      <c r="C48235" s="14" t="s">
        <v>191</v>
      </c>
      <c r="D48235" s="14" t="s">
        <v>116</v>
      </c>
      <c r="E48235" s="15">
        <v>45431</v>
      </c>
      <c r="F48235" s="14" t="s">
        <v>15</v>
      </c>
      <c r="G48235" s="16">
        <v>0</v>
      </c>
    </row>
    <row r="48236" spans="1:7" x14ac:dyDescent="0.3">
      <c r="A48236" s="13" t="s">
        <v>275</v>
      </c>
      <c r="B48236" s="14" t="s">
        <v>1</v>
      </c>
      <c r="C48236" s="14" t="s">
        <v>191</v>
      </c>
      <c r="D48236" s="14" t="s">
        <v>116</v>
      </c>
      <c r="E48236" s="15">
        <v>45432</v>
      </c>
      <c r="F48236" s="14" t="s">
        <v>15</v>
      </c>
      <c r="G48236" s="16">
        <v>0</v>
      </c>
    </row>
    <row r="48237" spans="1:7" x14ac:dyDescent="0.3">
      <c r="A48237" s="13" t="s">
        <v>275</v>
      </c>
      <c r="B48237" s="14" t="s">
        <v>1</v>
      </c>
      <c r="C48237" s="14" t="s">
        <v>191</v>
      </c>
      <c r="D48237" s="14" t="s">
        <v>116</v>
      </c>
      <c r="E48237" s="15">
        <v>45433</v>
      </c>
      <c r="F48237" s="14" t="s">
        <v>15</v>
      </c>
      <c r="G48237" s="16">
        <v>0</v>
      </c>
    </row>
    <row r="48238" spans="1:7" x14ac:dyDescent="0.3">
      <c r="A48238" s="13" t="s">
        <v>275</v>
      </c>
      <c r="B48238" s="14" t="s">
        <v>1</v>
      </c>
      <c r="C48238" s="14" t="s">
        <v>191</v>
      </c>
      <c r="D48238" s="14" t="s">
        <v>116</v>
      </c>
      <c r="E48238" s="15">
        <v>45434</v>
      </c>
      <c r="F48238" s="14" t="s">
        <v>15</v>
      </c>
      <c r="G48238" s="16">
        <v>0</v>
      </c>
    </row>
    <row r="48239" spans="1:7" x14ac:dyDescent="0.3">
      <c r="A48239" s="13" t="s">
        <v>275</v>
      </c>
      <c r="B48239" s="14" t="s">
        <v>1</v>
      </c>
      <c r="C48239" s="14" t="s">
        <v>191</v>
      </c>
      <c r="D48239" s="14" t="s">
        <v>116</v>
      </c>
      <c r="E48239" s="15">
        <v>45435</v>
      </c>
      <c r="F48239" s="14" t="s">
        <v>15</v>
      </c>
      <c r="G48239" s="16">
        <v>0</v>
      </c>
    </row>
    <row r="48240" spans="1:7" x14ac:dyDescent="0.3">
      <c r="A48240" s="13" t="s">
        <v>275</v>
      </c>
      <c r="B48240" s="14" t="s">
        <v>1</v>
      </c>
      <c r="C48240" s="14" t="s">
        <v>191</v>
      </c>
      <c r="D48240" s="14" t="s">
        <v>116</v>
      </c>
      <c r="E48240" s="15">
        <v>45436</v>
      </c>
      <c r="F48240" s="14" t="s">
        <v>15</v>
      </c>
      <c r="G48240" s="16">
        <v>0</v>
      </c>
    </row>
    <row r="48241" spans="1:7" x14ac:dyDescent="0.3">
      <c r="A48241" s="13" t="s">
        <v>275</v>
      </c>
      <c r="B48241" s="14" t="s">
        <v>1</v>
      </c>
      <c r="C48241" s="14" t="s">
        <v>191</v>
      </c>
      <c r="D48241" s="14" t="s">
        <v>116</v>
      </c>
      <c r="E48241" s="15">
        <v>45437</v>
      </c>
      <c r="F48241" s="14" t="s">
        <v>15</v>
      </c>
      <c r="G48241" s="16">
        <v>0</v>
      </c>
    </row>
    <row r="48242" spans="1:7" x14ac:dyDescent="0.3">
      <c r="A48242" s="13" t="s">
        <v>275</v>
      </c>
      <c r="B48242" s="14" t="s">
        <v>1</v>
      </c>
      <c r="C48242" s="14" t="s">
        <v>191</v>
      </c>
      <c r="D48242" s="14" t="s">
        <v>116</v>
      </c>
      <c r="E48242" s="15">
        <v>45438</v>
      </c>
      <c r="F48242" s="14" t="s">
        <v>15</v>
      </c>
      <c r="G48242" s="16">
        <v>0</v>
      </c>
    </row>
    <row r="48243" spans="1:7" x14ac:dyDescent="0.3">
      <c r="A48243" s="13" t="s">
        <v>275</v>
      </c>
      <c r="B48243" s="14" t="s">
        <v>1</v>
      </c>
      <c r="C48243" s="14" t="s">
        <v>191</v>
      </c>
      <c r="D48243" s="14" t="s">
        <v>116</v>
      </c>
      <c r="E48243" s="15">
        <v>45439</v>
      </c>
      <c r="F48243" s="14" t="s">
        <v>15</v>
      </c>
      <c r="G48243" s="16">
        <v>0</v>
      </c>
    </row>
    <row r="48244" spans="1:7" x14ac:dyDescent="0.3">
      <c r="A48244" s="13" t="s">
        <v>275</v>
      </c>
      <c r="B48244" s="14" t="s">
        <v>1</v>
      </c>
      <c r="C48244" s="14" t="s">
        <v>191</v>
      </c>
      <c r="D48244" s="14" t="s">
        <v>116</v>
      </c>
      <c r="E48244" s="15">
        <v>45440</v>
      </c>
      <c r="F48244" s="14" t="s">
        <v>15</v>
      </c>
      <c r="G48244" s="16">
        <v>0</v>
      </c>
    </row>
    <row r="48245" spans="1:7" x14ac:dyDescent="0.3">
      <c r="A48245" s="13" t="s">
        <v>275</v>
      </c>
      <c r="B48245" s="14" t="s">
        <v>1</v>
      </c>
      <c r="C48245" s="14" t="s">
        <v>191</v>
      </c>
      <c r="D48245" s="14" t="s">
        <v>116</v>
      </c>
      <c r="E48245" s="15">
        <v>45441</v>
      </c>
      <c r="F48245" s="14" t="s">
        <v>15</v>
      </c>
      <c r="G48245" s="16">
        <v>0</v>
      </c>
    </row>
    <row r="48246" spans="1:7" x14ac:dyDescent="0.3">
      <c r="A48246" s="13" t="s">
        <v>275</v>
      </c>
      <c r="B48246" s="14" t="s">
        <v>1</v>
      </c>
      <c r="C48246" s="14" t="s">
        <v>191</v>
      </c>
      <c r="D48246" s="14" t="s">
        <v>116</v>
      </c>
      <c r="E48246" s="15">
        <v>45442</v>
      </c>
      <c r="F48246" s="14" t="s">
        <v>15</v>
      </c>
      <c r="G48246" s="16">
        <v>0</v>
      </c>
    </row>
    <row r="48247" spans="1:7" x14ac:dyDescent="0.3">
      <c r="A48247" s="13" t="s">
        <v>275</v>
      </c>
      <c r="B48247" s="14" t="s">
        <v>1</v>
      </c>
      <c r="C48247" s="14" t="s">
        <v>191</v>
      </c>
      <c r="D48247" s="14" t="s">
        <v>116</v>
      </c>
      <c r="E48247" s="15">
        <v>45443</v>
      </c>
      <c r="F48247" s="14" t="s">
        <v>15</v>
      </c>
      <c r="G48247" s="16">
        <v>0</v>
      </c>
    </row>
    <row r="48248" spans="1:7" x14ac:dyDescent="0.3">
      <c r="A48248" s="13" t="s">
        <v>275</v>
      </c>
      <c r="B48248" s="14" t="s">
        <v>1</v>
      </c>
      <c r="C48248" s="14" t="s">
        <v>191</v>
      </c>
      <c r="D48248" s="14" t="s">
        <v>116</v>
      </c>
      <c r="E48248" s="15">
        <v>45444</v>
      </c>
      <c r="F48248" s="14" t="s">
        <v>15</v>
      </c>
      <c r="G48248" s="16">
        <v>0</v>
      </c>
    </row>
    <row r="48249" spans="1:7" x14ac:dyDescent="0.3">
      <c r="A48249" s="13" t="s">
        <v>275</v>
      </c>
      <c r="B48249" s="14" t="s">
        <v>1</v>
      </c>
      <c r="C48249" s="14" t="s">
        <v>191</v>
      </c>
      <c r="D48249" s="14" t="s">
        <v>116</v>
      </c>
      <c r="E48249" s="15">
        <v>45445</v>
      </c>
      <c r="F48249" s="14" t="s">
        <v>15</v>
      </c>
      <c r="G48249" s="16">
        <v>0</v>
      </c>
    </row>
    <row r="48250" spans="1:7" x14ac:dyDescent="0.3">
      <c r="A48250" s="13" t="s">
        <v>275</v>
      </c>
      <c r="B48250" s="14" t="s">
        <v>1</v>
      </c>
      <c r="C48250" s="14" t="s">
        <v>191</v>
      </c>
      <c r="D48250" s="14" t="s">
        <v>116</v>
      </c>
      <c r="E48250" s="15">
        <v>45446</v>
      </c>
      <c r="F48250" s="14" t="s">
        <v>15</v>
      </c>
      <c r="G48250" s="16">
        <v>0</v>
      </c>
    </row>
    <row r="48251" spans="1:7" x14ac:dyDescent="0.3">
      <c r="A48251" s="13" t="s">
        <v>275</v>
      </c>
      <c r="B48251" s="14" t="s">
        <v>1</v>
      </c>
      <c r="C48251" s="14" t="s">
        <v>191</v>
      </c>
      <c r="D48251" s="14" t="s">
        <v>116</v>
      </c>
      <c r="E48251" s="15">
        <v>45447</v>
      </c>
      <c r="F48251" s="14" t="s">
        <v>15</v>
      </c>
      <c r="G48251" s="16">
        <v>0</v>
      </c>
    </row>
    <row r="48252" spans="1:7" x14ac:dyDescent="0.3">
      <c r="A48252" s="13" t="s">
        <v>275</v>
      </c>
      <c r="B48252" s="14" t="s">
        <v>1</v>
      </c>
      <c r="C48252" s="14" t="s">
        <v>191</v>
      </c>
      <c r="D48252" s="14" t="s">
        <v>116</v>
      </c>
      <c r="E48252" s="15">
        <v>45448</v>
      </c>
      <c r="F48252" s="14" t="s">
        <v>15</v>
      </c>
      <c r="G48252" s="16">
        <v>0</v>
      </c>
    </row>
    <row r="48253" spans="1:7" x14ac:dyDescent="0.3">
      <c r="A48253" s="13" t="s">
        <v>275</v>
      </c>
      <c r="B48253" s="14" t="s">
        <v>1</v>
      </c>
      <c r="C48253" s="14" t="s">
        <v>191</v>
      </c>
      <c r="D48253" s="14" t="s">
        <v>116</v>
      </c>
      <c r="E48253" s="15">
        <v>45449</v>
      </c>
      <c r="F48253" s="14" t="s">
        <v>15</v>
      </c>
      <c r="G48253" s="16">
        <v>0</v>
      </c>
    </row>
    <row r="48254" spans="1:7" x14ac:dyDescent="0.3">
      <c r="A48254" s="13" t="s">
        <v>275</v>
      </c>
      <c r="B48254" s="14" t="s">
        <v>1</v>
      </c>
      <c r="C48254" s="14" t="s">
        <v>191</v>
      </c>
      <c r="D48254" s="14" t="s">
        <v>116</v>
      </c>
      <c r="E48254" s="15">
        <v>45450</v>
      </c>
      <c r="F48254" s="14" t="s">
        <v>15</v>
      </c>
      <c r="G48254" s="16">
        <v>0</v>
      </c>
    </row>
    <row r="48255" spans="1:7" x14ac:dyDescent="0.3">
      <c r="A48255" s="13" t="s">
        <v>275</v>
      </c>
      <c r="B48255" s="14" t="s">
        <v>1</v>
      </c>
      <c r="C48255" s="14" t="s">
        <v>191</v>
      </c>
      <c r="D48255" s="14" t="s">
        <v>116</v>
      </c>
      <c r="E48255" s="15">
        <v>45451</v>
      </c>
      <c r="F48255" s="14" t="s">
        <v>15</v>
      </c>
      <c r="G48255" s="16">
        <v>0</v>
      </c>
    </row>
    <row r="48256" spans="1:7" x14ac:dyDescent="0.3">
      <c r="A48256" s="13" t="s">
        <v>275</v>
      </c>
      <c r="B48256" s="14" t="s">
        <v>1</v>
      </c>
      <c r="C48256" s="14" t="s">
        <v>191</v>
      </c>
      <c r="D48256" s="14" t="s">
        <v>116</v>
      </c>
      <c r="E48256" s="15">
        <v>45452</v>
      </c>
      <c r="F48256" s="14" t="s">
        <v>15</v>
      </c>
      <c r="G48256" s="16">
        <v>0</v>
      </c>
    </row>
    <row r="48257" spans="1:7" x14ac:dyDescent="0.3">
      <c r="A48257" s="13" t="s">
        <v>275</v>
      </c>
      <c r="B48257" s="14" t="s">
        <v>1</v>
      </c>
      <c r="C48257" s="14" t="s">
        <v>191</v>
      </c>
      <c r="D48257" s="14" t="s">
        <v>116</v>
      </c>
      <c r="E48257" s="15">
        <v>45453</v>
      </c>
      <c r="F48257" s="14" t="s">
        <v>15</v>
      </c>
      <c r="G48257" s="16">
        <v>0</v>
      </c>
    </row>
    <row r="48258" spans="1:7" x14ac:dyDescent="0.3">
      <c r="A48258" s="13" t="s">
        <v>275</v>
      </c>
      <c r="B48258" s="14" t="s">
        <v>1</v>
      </c>
      <c r="C48258" s="14" t="s">
        <v>191</v>
      </c>
      <c r="D48258" s="14" t="s">
        <v>116</v>
      </c>
      <c r="E48258" s="15">
        <v>45454</v>
      </c>
      <c r="F48258" s="14" t="s">
        <v>15</v>
      </c>
      <c r="G48258" s="16">
        <v>0</v>
      </c>
    </row>
    <row r="48259" spans="1:7" x14ac:dyDescent="0.3">
      <c r="A48259" s="13" t="s">
        <v>275</v>
      </c>
      <c r="B48259" s="14" t="s">
        <v>1</v>
      </c>
      <c r="C48259" s="14" t="s">
        <v>191</v>
      </c>
      <c r="D48259" s="14" t="s">
        <v>116</v>
      </c>
      <c r="E48259" s="15">
        <v>45455</v>
      </c>
      <c r="F48259" s="14" t="s">
        <v>15</v>
      </c>
      <c r="G48259" s="16">
        <v>0</v>
      </c>
    </row>
    <row r="48260" spans="1:7" x14ac:dyDescent="0.3">
      <c r="A48260" s="13" t="s">
        <v>275</v>
      </c>
      <c r="B48260" s="14" t="s">
        <v>1</v>
      </c>
      <c r="C48260" s="14" t="s">
        <v>191</v>
      </c>
      <c r="D48260" s="14" t="s">
        <v>116</v>
      </c>
      <c r="E48260" s="15">
        <v>45456</v>
      </c>
      <c r="F48260" s="14" t="s">
        <v>15</v>
      </c>
      <c r="G48260" s="16">
        <v>0</v>
      </c>
    </row>
    <row r="48261" spans="1:7" x14ac:dyDescent="0.3">
      <c r="A48261" s="13" t="s">
        <v>275</v>
      </c>
      <c r="B48261" s="14" t="s">
        <v>1</v>
      </c>
      <c r="C48261" s="14" t="s">
        <v>191</v>
      </c>
      <c r="D48261" s="14" t="s">
        <v>116</v>
      </c>
      <c r="E48261" s="15">
        <v>45457</v>
      </c>
      <c r="F48261" s="14" t="s">
        <v>15</v>
      </c>
      <c r="G48261" s="16">
        <v>0</v>
      </c>
    </row>
    <row r="48262" spans="1:7" x14ac:dyDescent="0.3">
      <c r="A48262" s="13" t="s">
        <v>275</v>
      </c>
      <c r="B48262" s="14" t="s">
        <v>1</v>
      </c>
      <c r="C48262" s="14" t="s">
        <v>191</v>
      </c>
      <c r="D48262" s="14" t="s">
        <v>116</v>
      </c>
      <c r="E48262" s="15">
        <v>45458</v>
      </c>
      <c r="F48262" s="14" t="s">
        <v>15</v>
      </c>
      <c r="G48262" s="16">
        <v>0</v>
      </c>
    </row>
    <row r="48263" spans="1:7" x14ac:dyDescent="0.3">
      <c r="A48263" s="13" t="s">
        <v>275</v>
      </c>
      <c r="B48263" s="14" t="s">
        <v>1</v>
      </c>
      <c r="C48263" s="14" t="s">
        <v>191</v>
      </c>
      <c r="D48263" s="14" t="s">
        <v>116</v>
      </c>
      <c r="E48263" s="15">
        <v>45459</v>
      </c>
      <c r="F48263" s="14" t="s">
        <v>15</v>
      </c>
      <c r="G48263" s="16">
        <v>0</v>
      </c>
    </row>
    <row r="48264" spans="1:7" x14ac:dyDescent="0.3">
      <c r="A48264" s="13" t="s">
        <v>275</v>
      </c>
      <c r="B48264" s="14" t="s">
        <v>1</v>
      </c>
      <c r="C48264" s="14" t="s">
        <v>191</v>
      </c>
      <c r="D48264" s="14" t="s">
        <v>116</v>
      </c>
      <c r="E48264" s="15">
        <v>45460</v>
      </c>
      <c r="F48264" s="14" t="s">
        <v>15</v>
      </c>
      <c r="G48264" s="16">
        <v>0</v>
      </c>
    </row>
    <row r="48265" spans="1:7" x14ac:dyDescent="0.3">
      <c r="A48265" s="13" t="s">
        <v>275</v>
      </c>
      <c r="B48265" s="14" t="s">
        <v>1</v>
      </c>
      <c r="C48265" s="14" t="s">
        <v>191</v>
      </c>
      <c r="D48265" s="14" t="s">
        <v>116</v>
      </c>
      <c r="E48265" s="15">
        <v>45461</v>
      </c>
      <c r="F48265" s="14" t="s">
        <v>15</v>
      </c>
      <c r="G48265" s="16">
        <v>0</v>
      </c>
    </row>
    <row r="48266" spans="1:7" x14ac:dyDescent="0.3">
      <c r="A48266" s="13" t="s">
        <v>275</v>
      </c>
      <c r="B48266" s="14" t="s">
        <v>1</v>
      </c>
      <c r="C48266" s="14" t="s">
        <v>191</v>
      </c>
      <c r="D48266" s="14" t="s">
        <v>116</v>
      </c>
      <c r="E48266" s="15">
        <v>45462</v>
      </c>
      <c r="F48266" s="14" t="s">
        <v>15</v>
      </c>
      <c r="G48266" s="16">
        <v>0</v>
      </c>
    </row>
    <row r="48267" spans="1:7" x14ac:dyDescent="0.3">
      <c r="A48267" s="13" t="s">
        <v>275</v>
      </c>
      <c r="B48267" s="14" t="s">
        <v>1</v>
      </c>
      <c r="C48267" s="14" t="s">
        <v>191</v>
      </c>
      <c r="D48267" s="14" t="s">
        <v>116</v>
      </c>
      <c r="E48267" s="15">
        <v>45463</v>
      </c>
      <c r="F48267" s="14" t="s">
        <v>15</v>
      </c>
      <c r="G48267" s="16">
        <v>0</v>
      </c>
    </row>
    <row r="48268" spans="1:7" x14ac:dyDescent="0.3">
      <c r="A48268" s="13" t="s">
        <v>275</v>
      </c>
      <c r="B48268" s="14" t="s">
        <v>1</v>
      </c>
      <c r="C48268" s="14" t="s">
        <v>191</v>
      </c>
      <c r="D48268" s="14" t="s">
        <v>116</v>
      </c>
      <c r="E48268" s="15">
        <v>45464</v>
      </c>
      <c r="F48268" s="14" t="s">
        <v>15</v>
      </c>
      <c r="G48268" s="16">
        <v>0</v>
      </c>
    </row>
    <row r="48269" spans="1:7" x14ac:dyDescent="0.3">
      <c r="A48269" s="13" t="s">
        <v>275</v>
      </c>
      <c r="B48269" s="14" t="s">
        <v>1</v>
      </c>
      <c r="C48269" s="14" t="s">
        <v>191</v>
      </c>
      <c r="D48269" s="14" t="s">
        <v>116</v>
      </c>
      <c r="E48269" s="15">
        <v>45465</v>
      </c>
      <c r="F48269" s="14" t="s">
        <v>15</v>
      </c>
      <c r="G48269" s="16">
        <v>0</v>
      </c>
    </row>
    <row r="48270" spans="1:7" x14ac:dyDescent="0.3">
      <c r="A48270" s="13" t="s">
        <v>275</v>
      </c>
      <c r="B48270" s="14" t="s">
        <v>1</v>
      </c>
      <c r="C48270" s="14" t="s">
        <v>191</v>
      </c>
      <c r="D48270" s="14" t="s">
        <v>116</v>
      </c>
      <c r="E48270" s="15">
        <v>45466</v>
      </c>
      <c r="F48270" s="14" t="s">
        <v>15</v>
      </c>
      <c r="G48270" s="16">
        <v>0</v>
      </c>
    </row>
    <row r="48271" spans="1:7" x14ac:dyDescent="0.3">
      <c r="A48271" s="13" t="s">
        <v>275</v>
      </c>
      <c r="B48271" s="14" t="s">
        <v>1</v>
      </c>
      <c r="C48271" s="14" t="s">
        <v>191</v>
      </c>
      <c r="D48271" s="14" t="s">
        <v>116</v>
      </c>
      <c r="E48271" s="15">
        <v>45467</v>
      </c>
      <c r="F48271" s="14" t="s">
        <v>15</v>
      </c>
      <c r="G48271" s="16">
        <v>0</v>
      </c>
    </row>
    <row r="48272" spans="1:7" x14ac:dyDescent="0.3">
      <c r="A48272" s="13" t="s">
        <v>275</v>
      </c>
      <c r="B48272" s="14" t="s">
        <v>1</v>
      </c>
      <c r="C48272" s="14" t="s">
        <v>191</v>
      </c>
      <c r="D48272" s="14" t="s">
        <v>116</v>
      </c>
      <c r="E48272" s="15">
        <v>45468</v>
      </c>
      <c r="F48272" s="14" t="s">
        <v>15</v>
      </c>
      <c r="G48272" s="16">
        <v>0</v>
      </c>
    </row>
    <row r="48273" spans="1:7" x14ac:dyDescent="0.3">
      <c r="A48273" s="13" t="s">
        <v>275</v>
      </c>
      <c r="B48273" s="14" t="s">
        <v>1</v>
      </c>
      <c r="C48273" s="14" t="s">
        <v>191</v>
      </c>
      <c r="D48273" s="14" t="s">
        <v>116</v>
      </c>
      <c r="E48273" s="15">
        <v>45469</v>
      </c>
      <c r="F48273" s="14" t="s">
        <v>15</v>
      </c>
      <c r="G48273" s="16">
        <v>0</v>
      </c>
    </row>
    <row r="48274" spans="1:7" x14ac:dyDescent="0.3">
      <c r="A48274" s="13" t="s">
        <v>275</v>
      </c>
      <c r="B48274" s="14" t="s">
        <v>1</v>
      </c>
      <c r="C48274" s="14" t="s">
        <v>191</v>
      </c>
      <c r="D48274" s="14" t="s">
        <v>116</v>
      </c>
      <c r="E48274" s="15">
        <v>45470</v>
      </c>
      <c r="F48274" s="14" t="s">
        <v>15</v>
      </c>
      <c r="G48274" s="16">
        <v>0</v>
      </c>
    </row>
    <row r="48275" spans="1:7" x14ac:dyDescent="0.3">
      <c r="A48275" s="13" t="s">
        <v>275</v>
      </c>
      <c r="B48275" s="14" t="s">
        <v>1</v>
      </c>
      <c r="C48275" s="14" t="s">
        <v>191</v>
      </c>
      <c r="D48275" s="14" t="s">
        <v>116</v>
      </c>
      <c r="E48275" s="15">
        <v>45471</v>
      </c>
      <c r="F48275" s="14" t="s">
        <v>15</v>
      </c>
      <c r="G48275" s="16">
        <v>0.5198726776670316</v>
      </c>
    </row>
    <row r="48276" spans="1:7" x14ac:dyDescent="0.3">
      <c r="A48276" s="13" t="s">
        <v>275</v>
      </c>
      <c r="B48276" s="14" t="s">
        <v>1</v>
      </c>
      <c r="C48276" s="14" t="s">
        <v>191</v>
      </c>
      <c r="D48276" s="14" t="s">
        <v>116</v>
      </c>
      <c r="E48276" s="15">
        <v>45472</v>
      </c>
      <c r="F48276" s="14" t="s">
        <v>15</v>
      </c>
      <c r="G48276" s="16">
        <v>0.5198726776670316</v>
      </c>
    </row>
    <row r="48277" spans="1:7" x14ac:dyDescent="0.3">
      <c r="A48277" s="13" t="s">
        <v>275</v>
      </c>
      <c r="B48277" s="14" t="s">
        <v>1</v>
      </c>
      <c r="C48277" s="14" t="s">
        <v>191</v>
      </c>
      <c r="D48277" s="14" t="s">
        <v>116</v>
      </c>
      <c r="E48277" s="15">
        <v>45473</v>
      </c>
      <c r="F48277" s="14" t="s">
        <v>15</v>
      </c>
      <c r="G48277" s="16">
        <v>0.5198726776670316</v>
      </c>
    </row>
    <row r="48278" spans="1:7" x14ac:dyDescent="0.3">
      <c r="A48278" s="13" t="s">
        <v>275</v>
      </c>
      <c r="B48278" s="14" t="s">
        <v>1</v>
      </c>
      <c r="C48278" s="14" t="s">
        <v>191</v>
      </c>
      <c r="D48278" s="14" t="s">
        <v>116</v>
      </c>
      <c r="E48278" s="15">
        <v>45474</v>
      </c>
      <c r="F48278" s="14" t="s">
        <v>15</v>
      </c>
      <c r="G48278" s="16">
        <v>0</v>
      </c>
    </row>
    <row r="48279" spans="1:7" x14ac:dyDescent="0.3">
      <c r="A48279" s="13" t="s">
        <v>275</v>
      </c>
      <c r="B48279" s="14" t="s">
        <v>1</v>
      </c>
      <c r="C48279" s="14" t="s">
        <v>191</v>
      </c>
      <c r="D48279" s="14" t="s">
        <v>116</v>
      </c>
      <c r="E48279" s="15">
        <v>45475</v>
      </c>
      <c r="F48279" s="14" t="s">
        <v>15</v>
      </c>
      <c r="G48279" s="16">
        <v>0</v>
      </c>
    </row>
    <row r="48280" spans="1:7" x14ac:dyDescent="0.3">
      <c r="A48280" s="13" t="s">
        <v>275</v>
      </c>
      <c r="B48280" s="14" t="s">
        <v>1</v>
      </c>
      <c r="C48280" s="14" t="s">
        <v>191</v>
      </c>
      <c r="D48280" s="14" t="s">
        <v>116</v>
      </c>
      <c r="E48280" s="15">
        <v>45476</v>
      </c>
      <c r="F48280" s="14" t="s">
        <v>15</v>
      </c>
      <c r="G48280" s="16">
        <v>0</v>
      </c>
    </row>
    <row r="48281" spans="1:7" x14ac:dyDescent="0.3">
      <c r="A48281" s="13" t="s">
        <v>275</v>
      </c>
      <c r="B48281" s="14" t="s">
        <v>1</v>
      </c>
      <c r="C48281" s="14" t="s">
        <v>191</v>
      </c>
      <c r="D48281" s="14" t="s">
        <v>116</v>
      </c>
      <c r="E48281" s="15">
        <v>45477</v>
      </c>
      <c r="F48281" s="14" t="s">
        <v>15</v>
      </c>
      <c r="G48281" s="16">
        <v>0</v>
      </c>
    </row>
    <row r="48282" spans="1:7" x14ac:dyDescent="0.3">
      <c r="A48282" s="13" t="s">
        <v>275</v>
      </c>
      <c r="B48282" s="14" t="s">
        <v>1</v>
      </c>
      <c r="C48282" s="14" t="s">
        <v>191</v>
      </c>
      <c r="D48282" s="14" t="s">
        <v>116</v>
      </c>
      <c r="E48282" s="15">
        <v>45478</v>
      </c>
      <c r="F48282" s="14" t="s">
        <v>15</v>
      </c>
      <c r="G48282" s="16">
        <v>0</v>
      </c>
    </row>
    <row r="48283" spans="1:7" x14ac:dyDescent="0.3">
      <c r="A48283" s="13" t="s">
        <v>275</v>
      </c>
      <c r="B48283" s="14" t="s">
        <v>1</v>
      </c>
      <c r="C48283" s="14" t="s">
        <v>191</v>
      </c>
      <c r="D48283" s="14" t="s">
        <v>116</v>
      </c>
      <c r="E48283" s="15">
        <v>45479</v>
      </c>
      <c r="F48283" s="14" t="s">
        <v>15</v>
      </c>
      <c r="G48283" s="16">
        <v>0</v>
      </c>
    </row>
    <row r="48284" spans="1:7" x14ac:dyDescent="0.3">
      <c r="A48284" s="13" t="s">
        <v>275</v>
      </c>
      <c r="B48284" s="14" t="s">
        <v>1</v>
      </c>
      <c r="C48284" s="14" t="s">
        <v>191</v>
      </c>
      <c r="D48284" s="14" t="s">
        <v>116</v>
      </c>
      <c r="E48284" s="15">
        <v>45480</v>
      </c>
      <c r="F48284" s="14" t="s">
        <v>15</v>
      </c>
      <c r="G48284" s="16">
        <v>0</v>
      </c>
    </row>
    <row r="48285" spans="1:7" x14ac:dyDescent="0.3">
      <c r="A48285" s="13" t="s">
        <v>275</v>
      </c>
      <c r="B48285" s="14" t="s">
        <v>1</v>
      </c>
      <c r="C48285" s="14" t="s">
        <v>191</v>
      </c>
      <c r="D48285" s="14" t="s">
        <v>116</v>
      </c>
      <c r="E48285" s="15">
        <v>45481</v>
      </c>
      <c r="F48285" s="14" t="s">
        <v>15</v>
      </c>
      <c r="G48285" s="16">
        <v>0</v>
      </c>
    </row>
    <row r="48286" spans="1:7" x14ac:dyDescent="0.3">
      <c r="A48286" s="13" t="s">
        <v>275</v>
      </c>
      <c r="B48286" s="14" t="s">
        <v>1</v>
      </c>
      <c r="C48286" s="14" t="s">
        <v>191</v>
      </c>
      <c r="D48286" s="14" t="s">
        <v>116</v>
      </c>
      <c r="E48286" s="15">
        <v>45482</v>
      </c>
      <c r="F48286" s="14" t="s">
        <v>15</v>
      </c>
      <c r="G48286" s="16">
        <v>0</v>
      </c>
    </row>
    <row r="48287" spans="1:7" x14ac:dyDescent="0.3">
      <c r="A48287" s="13" t="s">
        <v>275</v>
      </c>
      <c r="B48287" s="14" t="s">
        <v>1</v>
      </c>
      <c r="C48287" s="14" t="s">
        <v>191</v>
      </c>
      <c r="D48287" s="14" t="s">
        <v>116</v>
      </c>
      <c r="E48287" s="15">
        <v>45483</v>
      </c>
      <c r="F48287" s="14" t="s">
        <v>15</v>
      </c>
      <c r="G48287" s="16">
        <v>0</v>
      </c>
    </row>
    <row r="48288" spans="1:7" x14ac:dyDescent="0.3">
      <c r="A48288" s="13" t="s">
        <v>275</v>
      </c>
      <c r="B48288" s="14" t="s">
        <v>1</v>
      </c>
      <c r="C48288" s="14" t="s">
        <v>191</v>
      </c>
      <c r="D48288" s="14" t="s">
        <v>116</v>
      </c>
      <c r="E48288" s="15">
        <v>45484</v>
      </c>
      <c r="F48288" s="14" t="s">
        <v>15</v>
      </c>
      <c r="G48288" s="16">
        <v>0</v>
      </c>
    </row>
    <row r="48289" spans="1:7" x14ac:dyDescent="0.3">
      <c r="A48289" s="13" t="s">
        <v>275</v>
      </c>
      <c r="B48289" s="14" t="s">
        <v>1</v>
      </c>
      <c r="C48289" s="14" t="s">
        <v>191</v>
      </c>
      <c r="D48289" s="14" t="s">
        <v>116</v>
      </c>
      <c r="E48289" s="15">
        <v>45485</v>
      </c>
      <c r="F48289" s="14" t="s">
        <v>15</v>
      </c>
      <c r="G48289" s="16">
        <v>0</v>
      </c>
    </row>
    <row r="48290" spans="1:7" x14ac:dyDescent="0.3">
      <c r="A48290" s="13" t="s">
        <v>275</v>
      </c>
      <c r="B48290" s="14" t="s">
        <v>1</v>
      </c>
      <c r="C48290" s="14" t="s">
        <v>191</v>
      </c>
      <c r="D48290" s="14" t="s">
        <v>116</v>
      </c>
      <c r="E48290" s="15">
        <v>45486</v>
      </c>
      <c r="F48290" s="14" t="s">
        <v>15</v>
      </c>
      <c r="G48290" s="16">
        <v>0</v>
      </c>
    </row>
    <row r="48291" spans="1:7" x14ac:dyDescent="0.3">
      <c r="A48291" s="13" t="s">
        <v>275</v>
      </c>
      <c r="B48291" s="14" t="s">
        <v>1</v>
      </c>
      <c r="C48291" s="14" t="s">
        <v>191</v>
      </c>
      <c r="D48291" s="14" t="s">
        <v>116</v>
      </c>
      <c r="E48291" s="15">
        <v>45487</v>
      </c>
      <c r="F48291" s="14" t="s">
        <v>15</v>
      </c>
      <c r="G48291" s="16">
        <v>0</v>
      </c>
    </row>
    <row r="48292" spans="1:7" x14ac:dyDescent="0.3">
      <c r="A48292" s="13" t="s">
        <v>275</v>
      </c>
      <c r="B48292" s="14" t="s">
        <v>1</v>
      </c>
      <c r="C48292" s="14" t="s">
        <v>191</v>
      </c>
      <c r="D48292" s="14" t="s">
        <v>116</v>
      </c>
      <c r="E48292" s="15">
        <v>45488</v>
      </c>
      <c r="F48292" s="14" t="s">
        <v>15</v>
      </c>
      <c r="G48292" s="16">
        <v>0</v>
      </c>
    </row>
    <row r="48293" spans="1:7" x14ac:dyDescent="0.3">
      <c r="A48293" s="13" t="s">
        <v>275</v>
      </c>
      <c r="B48293" s="14" t="s">
        <v>1</v>
      </c>
      <c r="C48293" s="14" t="s">
        <v>191</v>
      </c>
      <c r="D48293" s="14" t="s">
        <v>116</v>
      </c>
      <c r="E48293" s="15">
        <v>45489</v>
      </c>
      <c r="F48293" s="14" t="s">
        <v>15</v>
      </c>
      <c r="G48293" s="16">
        <v>0</v>
      </c>
    </row>
    <row r="48294" spans="1:7" x14ac:dyDescent="0.3">
      <c r="A48294" s="13" t="s">
        <v>275</v>
      </c>
      <c r="B48294" s="14" t="s">
        <v>1</v>
      </c>
      <c r="C48294" s="14" t="s">
        <v>191</v>
      </c>
      <c r="D48294" s="14" t="s">
        <v>116</v>
      </c>
      <c r="E48294" s="15">
        <v>45490</v>
      </c>
      <c r="F48294" s="14" t="s">
        <v>15</v>
      </c>
      <c r="G48294" s="16">
        <v>0</v>
      </c>
    </row>
    <row r="48295" spans="1:7" x14ac:dyDescent="0.3">
      <c r="A48295" s="13" t="s">
        <v>275</v>
      </c>
      <c r="B48295" s="14" t="s">
        <v>1</v>
      </c>
      <c r="C48295" s="14" t="s">
        <v>191</v>
      </c>
      <c r="D48295" s="14" t="s">
        <v>116</v>
      </c>
      <c r="E48295" s="15">
        <v>45491</v>
      </c>
      <c r="F48295" s="14" t="s">
        <v>15</v>
      </c>
      <c r="G48295" s="16">
        <v>0</v>
      </c>
    </row>
    <row r="48296" spans="1:7" x14ac:dyDescent="0.3">
      <c r="A48296" s="13" t="s">
        <v>275</v>
      </c>
      <c r="B48296" s="14" t="s">
        <v>1</v>
      </c>
      <c r="C48296" s="14" t="s">
        <v>191</v>
      </c>
      <c r="D48296" s="14" t="s">
        <v>116</v>
      </c>
      <c r="E48296" s="15">
        <v>45492</v>
      </c>
      <c r="F48296" s="14" t="s">
        <v>15</v>
      </c>
      <c r="G48296" s="16">
        <v>0</v>
      </c>
    </row>
    <row r="48297" spans="1:7" x14ac:dyDescent="0.3">
      <c r="A48297" s="13" t="s">
        <v>275</v>
      </c>
      <c r="B48297" s="14" t="s">
        <v>1</v>
      </c>
      <c r="C48297" s="14" t="s">
        <v>191</v>
      </c>
      <c r="D48297" s="14" t="s">
        <v>116</v>
      </c>
      <c r="E48297" s="15">
        <v>45493</v>
      </c>
      <c r="F48297" s="14" t="s">
        <v>15</v>
      </c>
      <c r="G48297" s="16">
        <v>0</v>
      </c>
    </row>
    <row r="48298" spans="1:7" x14ac:dyDescent="0.3">
      <c r="A48298" s="13" t="s">
        <v>275</v>
      </c>
      <c r="B48298" s="14" t="s">
        <v>1</v>
      </c>
      <c r="C48298" s="14" t="s">
        <v>191</v>
      </c>
      <c r="D48298" s="14" t="s">
        <v>116</v>
      </c>
      <c r="E48298" s="15">
        <v>45494</v>
      </c>
      <c r="F48298" s="14" t="s">
        <v>15</v>
      </c>
      <c r="G48298" s="16">
        <v>0</v>
      </c>
    </row>
    <row r="48299" spans="1:7" x14ac:dyDescent="0.3">
      <c r="A48299" s="13" t="s">
        <v>275</v>
      </c>
      <c r="B48299" s="14" t="s">
        <v>1</v>
      </c>
      <c r="C48299" s="14" t="s">
        <v>191</v>
      </c>
      <c r="D48299" s="14" t="s">
        <v>116</v>
      </c>
      <c r="E48299" s="15">
        <v>45495</v>
      </c>
      <c r="F48299" s="14" t="s">
        <v>15</v>
      </c>
      <c r="G48299" s="16">
        <v>0</v>
      </c>
    </row>
    <row r="48300" spans="1:7" x14ac:dyDescent="0.3">
      <c r="A48300" s="13" t="s">
        <v>275</v>
      </c>
      <c r="B48300" s="14" t="s">
        <v>1</v>
      </c>
      <c r="C48300" s="14" t="s">
        <v>191</v>
      </c>
      <c r="D48300" s="14" t="s">
        <v>116</v>
      </c>
      <c r="E48300" s="15">
        <v>45496</v>
      </c>
      <c r="F48300" s="14" t="s">
        <v>15</v>
      </c>
      <c r="G48300" s="16">
        <v>0</v>
      </c>
    </row>
    <row r="48301" spans="1:7" x14ac:dyDescent="0.3">
      <c r="A48301" s="13" t="s">
        <v>275</v>
      </c>
      <c r="B48301" s="14" t="s">
        <v>1</v>
      </c>
      <c r="C48301" s="14" t="s">
        <v>191</v>
      </c>
      <c r="D48301" s="14" t="s">
        <v>116</v>
      </c>
      <c r="E48301" s="15">
        <v>45497</v>
      </c>
      <c r="F48301" s="14" t="s">
        <v>15</v>
      </c>
      <c r="G48301" s="16">
        <v>0</v>
      </c>
    </row>
    <row r="48302" spans="1:7" x14ac:dyDescent="0.3">
      <c r="A48302" s="13" t="s">
        <v>275</v>
      </c>
      <c r="B48302" s="14" t="s">
        <v>1</v>
      </c>
      <c r="C48302" s="14" t="s">
        <v>191</v>
      </c>
      <c r="D48302" s="14" t="s">
        <v>116</v>
      </c>
      <c r="E48302" s="15">
        <v>45498</v>
      </c>
      <c r="F48302" s="14" t="s">
        <v>15</v>
      </c>
      <c r="G48302" s="16">
        <v>0</v>
      </c>
    </row>
    <row r="48303" spans="1:7" x14ac:dyDescent="0.3">
      <c r="A48303" s="13" t="s">
        <v>275</v>
      </c>
      <c r="B48303" s="14" t="s">
        <v>1</v>
      </c>
      <c r="C48303" s="14" t="s">
        <v>191</v>
      </c>
      <c r="D48303" s="14" t="s">
        <v>116</v>
      </c>
      <c r="E48303" s="15">
        <v>45499</v>
      </c>
      <c r="F48303" s="14" t="s">
        <v>15</v>
      </c>
      <c r="G48303" s="16">
        <v>0</v>
      </c>
    </row>
    <row r="48304" spans="1:7" x14ac:dyDescent="0.3">
      <c r="A48304" s="13" t="s">
        <v>275</v>
      </c>
      <c r="B48304" s="14" t="s">
        <v>1</v>
      </c>
      <c r="C48304" s="14" t="s">
        <v>191</v>
      </c>
      <c r="D48304" s="14" t="s">
        <v>116</v>
      </c>
      <c r="E48304" s="15">
        <v>45500</v>
      </c>
      <c r="F48304" s="14" t="s">
        <v>15</v>
      </c>
      <c r="G48304" s="16">
        <v>0</v>
      </c>
    </row>
    <row r="48305" spans="1:7" x14ac:dyDescent="0.3">
      <c r="A48305" s="13" t="s">
        <v>275</v>
      </c>
      <c r="B48305" s="14" t="s">
        <v>1</v>
      </c>
      <c r="C48305" s="14" t="s">
        <v>191</v>
      </c>
      <c r="D48305" s="14" t="s">
        <v>116</v>
      </c>
      <c r="E48305" s="15">
        <v>45501</v>
      </c>
      <c r="F48305" s="14" t="s">
        <v>15</v>
      </c>
      <c r="G48305" s="16">
        <v>0</v>
      </c>
    </row>
    <row r="48306" spans="1:7" x14ac:dyDescent="0.3">
      <c r="A48306" s="13" t="s">
        <v>275</v>
      </c>
      <c r="B48306" s="14" t="s">
        <v>1</v>
      </c>
      <c r="C48306" s="14" t="s">
        <v>191</v>
      </c>
      <c r="D48306" s="14" t="s">
        <v>116</v>
      </c>
      <c r="E48306" s="15">
        <v>45502</v>
      </c>
      <c r="F48306" s="14" t="s">
        <v>15</v>
      </c>
      <c r="G48306" s="16">
        <v>0</v>
      </c>
    </row>
    <row r="48307" spans="1:7" x14ac:dyDescent="0.3">
      <c r="A48307" s="13" t="s">
        <v>275</v>
      </c>
      <c r="B48307" s="14" t="s">
        <v>1</v>
      </c>
      <c r="C48307" s="14" t="s">
        <v>191</v>
      </c>
      <c r="D48307" s="14" t="s">
        <v>116</v>
      </c>
      <c r="E48307" s="15">
        <v>45503</v>
      </c>
      <c r="F48307" s="14" t="s">
        <v>15</v>
      </c>
      <c r="G48307" s="16">
        <v>0</v>
      </c>
    </row>
    <row r="48308" spans="1:7" x14ac:dyDescent="0.3">
      <c r="A48308" s="13" t="s">
        <v>275</v>
      </c>
      <c r="B48308" s="14" t="s">
        <v>1</v>
      </c>
      <c r="C48308" s="14" t="s">
        <v>191</v>
      </c>
      <c r="D48308" s="14" t="s">
        <v>116</v>
      </c>
      <c r="E48308" s="15">
        <v>45504</v>
      </c>
      <c r="F48308" s="14" t="s">
        <v>15</v>
      </c>
      <c r="G48308" s="16">
        <v>0</v>
      </c>
    </row>
    <row r="48309" spans="1:7" x14ac:dyDescent="0.3">
      <c r="A48309" s="13" t="s">
        <v>275</v>
      </c>
      <c r="B48309" s="14" t="s">
        <v>1</v>
      </c>
      <c r="C48309" s="14" t="s">
        <v>191</v>
      </c>
      <c r="D48309" s="14" t="s">
        <v>116</v>
      </c>
      <c r="E48309" s="15">
        <v>45505</v>
      </c>
      <c r="F48309" s="14" t="s">
        <v>15</v>
      </c>
      <c r="G48309" s="16">
        <v>0</v>
      </c>
    </row>
    <row r="48310" spans="1:7" x14ac:dyDescent="0.3">
      <c r="A48310" s="13" t="s">
        <v>275</v>
      </c>
      <c r="B48310" s="14" t="s">
        <v>1</v>
      </c>
      <c r="C48310" s="14" t="s">
        <v>191</v>
      </c>
      <c r="D48310" s="14" t="s">
        <v>116</v>
      </c>
      <c r="E48310" s="15">
        <v>45506</v>
      </c>
      <c r="F48310" s="14" t="s">
        <v>15</v>
      </c>
      <c r="G48310" s="16">
        <v>0</v>
      </c>
    </row>
    <row r="48311" spans="1:7" x14ac:dyDescent="0.3">
      <c r="A48311" s="13" t="s">
        <v>275</v>
      </c>
      <c r="B48311" s="14" t="s">
        <v>1</v>
      </c>
      <c r="C48311" s="14" t="s">
        <v>191</v>
      </c>
      <c r="D48311" s="14" t="s">
        <v>116</v>
      </c>
      <c r="E48311" s="15">
        <v>45507</v>
      </c>
      <c r="F48311" s="14" t="s">
        <v>15</v>
      </c>
      <c r="G48311" s="16">
        <v>0</v>
      </c>
    </row>
    <row r="48312" spans="1:7" x14ac:dyDescent="0.3">
      <c r="A48312" s="13" t="s">
        <v>275</v>
      </c>
      <c r="B48312" s="14" t="s">
        <v>1</v>
      </c>
      <c r="C48312" s="14" t="s">
        <v>191</v>
      </c>
      <c r="D48312" s="14" t="s">
        <v>116</v>
      </c>
      <c r="E48312" s="15">
        <v>45508</v>
      </c>
      <c r="F48312" s="14" t="s">
        <v>15</v>
      </c>
      <c r="G48312" s="16">
        <v>0</v>
      </c>
    </row>
    <row r="48313" spans="1:7" x14ac:dyDescent="0.3">
      <c r="A48313" s="13" t="s">
        <v>275</v>
      </c>
      <c r="B48313" s="14" t="s">
        <v>1</v>
      </c>
      <c r="C48313" s="14" t="s">
        <v>191</v>
      </c>
      <c r="D48313" s="14" t="s">
        <v>116</v>
      </c>
      <c r="E48313" s="15">
        <v>45509</v>
      </c>
      <c r="F48313" s="14" t="s">
        <v>15</v>
      </c>
      <c r="G48313" s="16">
        <v>0</v>
      </c>
    </row>
    <row r="48314" spans="1:7" x14ac:dyDescent="0.3">
      <c r="A48314" s="13" t="s">
        <v>275</v>
      </c>
      <c r="B48314" s="14" t="s">
        <v>1</v>
      </c>
      <c r="C48314" s="14" t="s">
        <v>191</v>
      </c>
      <c r="D48314" s="14" t="s">
        <v>116</v>
      </c>
      <c r="E48314" s="15">
        <v>45510</v>
      </c>
      <c r="F48314" s="14" t="s">
        <v>15</v>
      </c>
      <c r="G48314" s="16">
        <v>0</v>
      </c>
    </row>
    <row r="48315" spans="1:7" x14ac:dyDescent="0.3">
      <c r="A48315" s="13" t="s">
        <v>275</v>
      </c>
      <c r="B48315" s="14" t="s">
        <v>1</v>
      </c>
      <c r="C48315" s="14" t="s">
        <v>191</v>
      </c>
      <c r="D48315" s="14" t="s">
        <v>116</v>
      </c>
      <c r="E48315" s="15">
        <v>45511</v>
      </c>
      <c r="F48315" s="14" t="s">
        <v>15</v>
      </c>
      <c r="G48315" s="16">
        <v>2.1490907005181303E-2</v>
      </c>
    </row>
    <row r="48316" spans="1:7" x14ac:dyDescent="0.3">
      <c r="A48316" s="13" t="s">
        <v>275</v>
      </c>
      <c r="B48316" s="14" t="s">
        <v>1</v>
      </c>
      <c r="C48316" s="14" t="s">
        <v>191</v>
      </c>
      <c r="D48316" s="14" t="s">
        <v>116</v>
      </c>
      <c r="E48316" s="15">
        <v>45512</v>
      </c>
      <c r="F48316" s="14" t="s">
        <v>15</v>
      </c>
      <c r="G48316" s="16">
        <v>1.8395740982147631E-2</v>
      </c>
    </row>
    <row r="48317" spans="1:7" x14ac:dyDescent="0.3">
      <c r="A48317" s="13" t="s">
        <v>275</v>
      </c>
      <c r="B48317" s="14" t="s">
        <v>1</v>
      </c>
      <c r="C48317" s="14" t="s">
        <v>191</v>
      </c>
      <c r="D48317" s="14" t="s">
        <v>116</v>
      </c>
      <c r="E48317" s="15">
        <v>45513</v>
      </c>
      <c r="F48317" s="14" t="s">
        <v>15</v>
      </c>
      <c r="G48317" s="16">
        <v>1.8395740982147631E-2</v>
      </c>
    </row>
    <row r="48318" spans="1:7" x14ac:dyDescent="0.3">
      <c r="A48318" s="13" t="s">
        <v>275</v>
      </c>
      <c r="B48318" s="14" t="s">
        <v>1</v>
      </c>
      <c r="C48318" s="14" t="s">
        <v>191</v>
      </c>
      <c r="D48318" s="14" t="s">
        <v>116</v>
      </c>
      <c r="E48318" s="15">
        <v>45514</v>
      </c>
      <c r="F48318" s="14" t="s">
        <v>15</v>
      </c>
      <c r="G48318" s="16">
        <v>1.8395740982147631E-2</v>
      </c>
    </row>
    <row r="48319" spans="1:7" x14ac:dyDescent="0.3">
      <c r="A48319" s="13" t="s">
        <v>275</v>
      </c>
      <c r="B48319" s="14" t="s">
        <v>1</v>
      </c>
      <c r="C48319" s="14" t="s">
        <v>191</v>
      </c>
      <c r="D48319" s="14" t="s">
        <v>116</v>
      </c>
      <c r="E48319" s="15">
        <v>45515</v>
      </c>
      <c r="F48319" s="14" t="s">
        <v>15</v>
      </c>
      <c r="G48319" s="16">
        <v>1.8395740982147631E-2</v>
      </c>
    </row>
    <row r="48320" spans="1:7" x14ac:dyDescent="0.3">
      <c r="A48320" s="13" t="s">
        <v>275</v>
      </c>
      <c r="B48320" s="14" t="s">
        <v>1</v>
      </c>
      <c r="C48320" s="14" t="s">
        <v>191</v>
      </c>
      <c r="D48320" s="14" t="s">
        <v>116</v>
      </c>
      <c r="E48320" s="15">
        <v>45516</v>
      </c>
      <c r="F48320" s="14" t="s">
        <v>15</v>
      </c>
      <c r="G48320" s="16">
        <v>1.9845960347070129E-2</v>
      </c>
    </row>
    <row r="48321" spans="1:7" x14ac:dyDescent="0.3">
      <c r="A48321" s="13" t="s">
        <v>275</v>
      </c>
      <c r="B48321" s="14" t="s">
        <v>1</v>
      </c>
      <c r="C48321" s="14" t="s">
        <v>191</v>
      </c>
      <c r="D48321" s="14" t="s">
        <v>116</v>
      </c>
      <c r="E48321" s="15">
        <v>45517</v>
      </c>
      <c r="F48321" s="14" t="s">
        <v>15</v>
      </c>
      <c r="G48321" s="16">
        <v>7.3861866223352123E-3</v>
      </c>
    </row>
    <row r="48322" spans="1:7" x14ac:dyDescent="0.3">
      <c r="A48322" s="13" t="s">
        <v>275</v>
      </c>
      <c r="B48322" s="14" t="s">
        <v>1</v>
      </c>
      <c r="C48322" s="14" t="s">
        <v>191</v>
      </c>
      <c r="D48322" s="14" t="s">
        <v>116</v>
      </c>
      <c r="E48322" s="15">
        <v>45518</v>
      </c>
      <c r="F48322" s="14" t="s">
        <v>15</v>
      </c>
      <c r="G48322" s="16">
        <v>4.2512089024029955E-3</v>
      </c>
    </row>
    <row r="48323" spans="1:7" x14ac:dyDescent="0.3">
      <c r="A48323" s="13" t="s">
        <v>275</v>
      </c>
      <c r="B48323" s="14" t="s">
        <v>1</v>
      </c>
      <c r="C48323" s="14" t="s">
        <v>191</v>
      </c>
      <c r="D48323" s="14" t="s">
        <v>116</v>
      </c>
      <c r="E48323" s="15">
        <v>45519</v>
      </c>
      <c r="F48323" s="14" t="s">
        <v>15</v>
      </c>
      <c r="G48323" s="16">
        <v>1.0898433835127438E-3</v>
      </c>
    </row>
    <row r="48324" spans="1:7" x14ac:dyDescent="0.3">
      <c r="A48324" s="13" t="s">
        <v>275</v>
      </c>
      <c r="B48324" s="14" t="s">
        <v>1</v>
      </c>
      <c r="C48324" s="14" t="s">
        <v>191</v>
      </c>
      <c r="D48324" s="14" t="s">
        <v>116</v>
      </c>
      <c r="E48324" s="15">
        <v>45520</v>
      </c>
      <c r="F48324" s="14" t="s">
        <v>15</v>
      </c>
      <c r="G48324" s="16">
        <v>0.14482452394581105</v>
      </c>
    </row>
    <row r="48325" spans="1:7" x14ac:dyDescent="0.3">
      <c r="A48325" s="13" t="s">
        <v>275</v>
      </c>
      <c r="B48325" s="14" t="s">
        <v>1</v>
      </c>
      <c r="C48325" s="14" t="s">
        <v>191</v>
      </c>
      <c r="D48325" s="14" t="s">
        <v>116</v>
      </c>
      <c r="E48325" s="15">
        <v>45521</v>
      </c>
      <c r="F48325" s="14" t="s">
        <v>15</v>
      </c>
      <c r="G48325" s="16">
        <v>0.14482452394581105</v>
      </c>
    </row>
    <row r="48326" spans="1:7" x14ac:dyDescent="0.3">
      <c r="A48326" s="13" t="s">
        <v>275</v>
      </c>
      <c r="B48326" s="14" t="s">
        <v>1</v>
      </c>
      <c r="C48326" s="14" t="s">
        <v>191</v>
      </c>
      <c r="D48326" s="14" t="s">
        <v>116</v>
      </c>
      <c r="E48326" s="15">
        <v>45522</v>
      </c>
      <c r="F48326" s="14" t="s">
        <v>15</v>
      </c>
      <c r="G48326" s="16">
        <v>0.14482452394581105</v>
      </c>
    </row>
    <row r="48327" spans="1:7" x14ac:dyDescent="0.3">
      <c r="A48327" s="13" t="s">
        <v>275</v>
      </c>
      <c r="B48327" s="14" t="s">
        <v>1</v>
      </c>
      <c r="C48327" s="14" t="s">
        <v>191</v>
      </c>
      <c r="D48327" s="14" t="s">
        <v>116</v>
      </c>
      <c r="E48327" s="15">
        <v>45523</v>
      </c>
      <c r="F48327" s="14" t="s">
        <v>15</v>
      </c>
      <c r="G48327" s="16">
        <v>0.14161678353081147</v>
      </c>
    </row>
    <row r="48328" spans="1:7" x14ac:dyDescent="0.3">
      <c r="A48328" s="13" t="s">
        <v>275</v>
      </c>
      <c r="B48328" s="14" t="s">
        <v>1</v>
      </c>
      <c r="C48328" s="14" t="s">
        <v>191</v>
      </c>
      <c r="D48328" s="14" t="s">
        <v>116</v>
      </c>
      <c r="E48328" s="15">
        <v>45524</v>
      </c>
      <c r="F48328" s="14" t="s">
        <v>15</v>
      </c>
      <c r="G48328" s="16">
        <v>0.13196220794885857</v>
      </c>
    </row>
    <row r="48329" spans="1:7" x14ac:dyDescent="0.3">
      <c r="A48329" s="13" t="s">
        <v>275</v>
      </c>
      <c r="B48329" s="14" t="s">
        <v>1</v>
      </c>
      <c r="C48329" s="14" t="s">
        <v>191</v>
      </c>
      <c r="D48329" s="14" t="s">
        <v>116</v>
      </c>
      <c r="E48329" s="15">
        <v>45525</v>
      </c>
      <c r="F48329" s="14" t="s">
        <v>15</v>
      </c>
      <c r="G48329" s="16">
        <v>0.28020847752523381</v>
      </c>
    </row>
    <row r="48330" spans="1:7" x14ac:dyDescent="0.3">
      <c r="A48330" s="13" t="s">
        <v>275</v>
      </c>
      <c r="B48330" s="14" t="s">
        <v>1</v>
      </c>
      <c r="C48330" s="14" t="s">
        <v>191</v>
      </c>
      <c r="D48330" s="14" t="s">
        <v>116</v>
      </c>
      <c r="E48330" s="15">
        <v>45526</v>
      </c>
      <c r="F48330" s="14" t="s">
        <v>15</v>
      </c>
      <c r="G48330" s="16">
        <v>0.27694711613660772</v>
      </c>
    </row>
    <row r="48331" spans="1:7" x14ac:dyDescent="0.3">
      <c r="A48331" s="13" t="s">
        <v>275</v>
      </c>
      <c r="B48331" s="14" t="s">
        <v>1</v>
      </c>
      <c r="C48331" s="14" t="s">
        <v>191</v>
      </c>
      <c r="D48331" s="14" t="s">
        <v>116</v>
      </c>
      <c r="E48331" s="15">
        <v>45527</v>
      </c>
      <c r="F48331" s="14" t="s">
        <v>15</v>
      </c>
      <c r="G48331" s="16">
        <v>0.2736843055324783</v>
      </c>
    </row>
    <row r="48332" spans="1:7" x14ac:dyDescent="0.3">
      <c r="A48332" s="13" t="s">
        <v>275</v>
      </c>
      <c r="B48332" s="14" t="s">
        <v>1</v>
      </c>
      <c r="C48332" s="14" t="s">
        <v>191</v>
      </c>
      <c r="D48332" s="14" t="s">
        <v>116</v>
      </c>
      <c r="E48332" s="15">
        <v>45528</v>
      </c>
      <c r="F48332" s="14" t="s">
        <v>15</v>
      </c>
      <c r="G48332" s="16">
        <v>0.2736843055324783</v>
      </c>
    </row>
    <row r="48333" spans="1:7" x14ac:dyDescent="0.3">
      <c r="A48333" s="13" t="s">
        <v>275</v>
      </c>
      <c r="B48333" s="14" t="s">
        <v>1</v>
      </c>
      <c r="C48333" s="14" t="s">
        <v>191</v>
      </c>
      <c r="D48333" s="14" t="s">
        <v>116</v>
      </c>
      <c r="E48333" s="15">
        <v>45529</v>
      </c>
      <c r="F48333" s="14" t="s">
        <v>15</v>
      </c>
      <c r="G48333" s="16">
        <v>0.2736843055324783</v>
      </c>
    </row>
    <row r="48334" spans="1:7" x14ac:dyDescent="0.3">
      <c r="A48334" s="13" t="s">
        <v>275</v>
      </c>
      <c r="B48334" s="14" t="s">
        <v>1</v>
      </c>
      <c r="C48334" s="14" t="s">
        <v>191</v>
      </c>
      <c r="D48334" s="14" t="s">
        <v>116</v>
      </c>
      <c r="E48334" s="15">
        <v>45530</v>
      </c>
      <c r="F48334" s="14" t="s">
        <v>15</v>
      </c>
      <c r="G48334" s="16">
        <v>0.35191523033203143</v>
      </c>
    </row>
    <row r="48335" spans="1:7" x14ac:dyDescent="0.3">
      <c r="A48335" s="13" t="s">
        <v>275</v>
      </c>
      <c r="B48335" s="14" t="s">
        <v>1</v>
      </c>
      <c r="C48335" s="14" t="s">
        <v>191</v>
      </c>
      <c r="D48335" s="14" t="s">
        <v>116</v>
      </c>
      <c r="E48335" s="15">
        <v>45531</v>
      </c>
      <c r="F48335" s="14" t="s">
        <v>15</v>
      </c>
      <c r="G48335" s="16">
        <v>0.34204103821733145</v>
      </c>
    </row>
    <row r="48336" spans="1:7" x14ac:dyDescent="0.3">
      <c r="A48336" s="13" t="s">
        <v>275</v>
      </c>
      <c r="B48336" s="14" t="s">
        <v>1</v>
      </c>
      <c r="C48336" s="14" t="s">
        <v>191</v>
      </c>
      <c r="D48336" s="14" t="s">
        <v>116</v>
      </c>
      <c r="E48336" s="15">
        <v>45532</v>
      </c>
      <c r="F48336" s="14" t="s">
        <v>15</v>
      </c>
      <c r="G48336" s="16">
        <v>0.3403963371067471</v>
      </c>
    </row>
    <row r="48337" spans="1:7" x14ac:dyDescent="0.3">
      <c r="A48337" s="13" t="s">
        <v>275</v>
      </c>
      <c r="B48337" s="14" t="s">
        <v>1</v>
      </c>
      <c r="C48337" s="14" t="s">
        <v>191</v>
      </c>
      <c r="D48337" s="14" t="s">
        <v>116</v>
      </c>
      <c r="E48337" s="15">
        <v>45533</v>
      </c>
      <c r="F48337" s="14" t="s">
        <v>15</v>
      </c>
      <c r="G48337" s="16">
        <v>0.337022601132627</v>
      </c>
    </row>
    <row r="48338" spans="1:7" x14ac:dyDescent="0.3">
      <c r="A48338" s="13" t="s">
        <v>275</v>
      </c>
      <c r="B48338" s="14" t="s">
        <v>1</v>
      </c>
      <c r="C48338" s="14" t="s">
        <v>191</v>
      </c>
      <c r="D48338" s="14" t="s">
        <v>116</v>
      </c>
      <c r="E48338" s="15">
        <v>45534</v>
      </c>
      <c r="F48338" s="14" t="s">
        <v>15</v>
      </c>
      <c r="G48338" s="16">
        <v>0.56843759731473886</v>
      </c>
    </row>
    <row r="48339" spans="1:7" x14ac:dyDescent="0.3">
      <c r="A48339" s="13" t="s">
        <v>275</v>
      </c>
      <c r="B48339" s="14" t="s">
        <v>1</v>
      </c>
      <c r="C48339" s="14" t="s">
        <v>191</v>
      </c>
      <c r="D48339" s="14" t="s">
        <v>116</v>
      </c>
      <c r="E48339" s="15">
        <v>45535</v>
      </c>
      <c r="F48339" s="14" t="s">
        <v>15</v>
      </c>
      <c r="G48339" s="16">
        <v>0.56843759731473886</v>
      </c>
    </row>
    <row r="48340" spans="1:7" x14ac:dyDescent="0.3">
      <c r="A48340" s="13" t="s">
        <v>275</v>
      </c>
      <c r="B48340" s="14" t="s">
        <v>1</v>
      </c>
      <c r="C48340" s="14" t="s">
        <v>191</v>
      </c>
      <c r="D48340" s="14" t="s">
        <v>116</v>
      </c>
      <c r="E48340" s="15">
        <v>45536</v>
      </c>
      <c r="F48340" s="14" t="s">
        <v>15</v>
      </c>
      <c r="G48340" s="16">
        <v>0.56843759731473886</v>
      </c>
    </row>
    <row r="48341" spans="1:7" x14ac:dyDescent="0.3">
      <c r="A48341" s="13" t="s">
        <v>275</v>
      </c>
      <c r="B48341" s="14" t="s">
        <v>1</v>
      </c>
      <c r="C48341" s="14" t="s">
        <v>191</v>
      </c>
      <c r="D48341" s="14" t="s">
        <v>116</v>
      </c>
      <c r="E48341" s="15">
        <v>45537</v>
      </c>
      <c r="F48341" s="14" t="s">
        <v>15</v>
      </c>
      <c r="G48341" s="16">
        <v>0.5692810180715846</v>
      </c>
    </row>
    <row r="48342" spans="1:7" x14ac:dyDescent="0.3">
      <c r="A48342" s="13" t="s">
        <v>275</v>
      </c>
      <c r="B48342" s="14" t="s">
        <v>1</v>
      </c>
      <c r="C48342" s="14" t="s">
        <v>191</v>
      </c>
      <c r="D48342" s="14" t="s">
        <v>116</v>
      </c>
      <c r="E48342" s="15">
        <v>45538</v>
      </c>
      <c r="F48342" s="14" t="s">
        <v>15</v>
      </c>
      <c r="G48342" s="16">
        <v>0.55915689666652446</v>
      </c>
    </row>
    <row r="48343" spans="1:7" x14ac:dyDescent="0.3">
      <c r="A48343" s="13" t="s">
        <v>275</v>
      </c>
      <c r="B48343" s="14" t="s">
        <v>1</v>
      </c>
      <c r="C48343" s="14" t="s">
        <v>191</v>
      </c>
      <c r="D48343" s="14" t="s">
        <v>116</v>
      </c>
      <c r="E48343" s="15">
        <v>45539</v>
      </c>
      <c r="F48343" s="14" t="s">
        <v>15</v>
      </c>
      <c r="G48343" s="16">
        <v>0.55461835373153223</v>
      </c>
    </row>
    <row r="48344" spans="1:7" x14ac:dyDescent="0.3">
      <c r="A48344" s="13" t="s">
        <v>275</v>
      </c>
      <c r="B48344" s="14" t="s">
        <v>1</v>
      </c>
      <c r="C48344" s="14" t="s">
        <v>191</v>
      </c>
      <c r="D48344" s="14" t="s">
        <v>116</v>
      </c>
      <c r="E48344" s="15">
        <v>45540</v>
      </c>
      <c r="F48344" s="14" t="s">
        <v>15</v>
      </c>
      <c r="G48344" s="16">
        <v>0.53902835268379912</v>
      </c>
    </row>
    <row r="48345" spans="1:7" x14ac:dyDescent="0.3">
      <c r="A48345" s="13" t="s">
        <v>275</v>
      </c>
      <c r="B48345" s="14" t="s">
        <v>1</v>
      </c>
      <c r="C48345" s="14" t="s">
        <v>191</v>
      </c>
      <c r="D48345" s="14" t="s">
        <v>116</v>
      </c>
      <c r="E48345" s="15">
        <v>45541</v>
      </c>
      <c r="F48345" s="14" t="s">
        <v>15</v>
      </c>
      <c r="G48345" s="16">
        <v>0.52938422480610781</v>
      </c>
    </row>
    <row r="48346" spans="1:7" x14ac:dyDescent="0.3">
      <c r="A48346" s="13" t="s">
        <v>275</v>
      </c>
      <c r="B48346" s="14" t="s">
        <v>1</v>
      </c>
      <c r="C48346" s="14" t="s">
        <v>191</v>
      </c>
      <c r="D48346" s="14" t="s">
        <v>116</v>
      </c>
      <c r="E48346" s="15">
        <v>45542</v>
      </c>
      <c r="F48346" s="14" t="s">
        <v>15</v>
      </c>
      <c r="G48346" s="16">
        <v>0.52938422480610781</v>
      </c>
    </row>
    <row r="48347" spans="1:7" x14ac:dyDescent="0.3">
      <c r="A48347" s="13" t="s">
        <v>275</v>
      </c>
      <c r="B48347" s="14" t="s">
        <v>1</v>
      </c>
      <c r="C48347" s="14" t="s">
        <v>191</v>
      </c>
      <c r="D48347" s="14" t="s">
        <v>116</v>
      </c>
      <c r="E48347" s="15">
        <v>45543</v>
      </c>
      <c r="F48347" s="14" t="s">
        <v>15</v>
      </c>
      <c r="G48347" s="16">
        <v>0.52938422480610781</v>
      </c>
    </row>
    <row r="48348" spans="1:7" x14ac:dyDescent="0.3">
      <c r="A48348" s="13" t="s">
        <v>275</v>
      </c>
      <c r="B48348" s="14" t="s">
        <v>1</v>
      </c>
      <c r="C48348" s="14" t="s">
        <v>191</v>
      </c>
      <c r="D48348" s="14" t="s">
        <v>116</v>
      </c>
      <c r="E48348" s="15">
        <v>45544</v>
      </c>
      <c r="F48348" s="14" t="s">
        <v>15</v>
      </c>
      <c r="G48348" s="16">
        <v>0.53201722505799398</v>
      </c>
    </row>
    <row r="48349" spans="1:7" x14ac:dyDescent="0.3">
      <c r="A48349" s="13" t="s">
        <v>275</v>
      </c>
      <c r="B48349" s="14" t="s">
        <v>1</v>
      </c>
      <c r="C48349" s="14" t="s">
        <v>191</v>
      </c>
      <c r="D48349" s="14" t="s">
        <v>116</v>
      </c>
      <c r="E48349" s="15">
        <v>45545</v>
      </c>
      <c r="F48349" s="14" t="s">
        <v>15</v>
      </c>
      <c r="G48349" s="16">
        <v>0.52167957946424248</v>
      </c>
    </row>
    <row r="48350" spans="1:7" x14ac:dyDescent="0.3">
      <c r="A48350" s="13" t="s">
        <v>275</v>
      </c>
      <c r="B48350" s="14" t="s">
        <v>1</v>
      </c>
      <c r="C48350" s="14" t="s">
        <v>191</v>
      </c>
      <c r="D48350" s="14" t="s">
        <v>116</v>
      </c>
      <c r="E48350" s="15">
        <v>45546</v>
      </c>
      <c r="F48350" s="14" t="s">
        <v>15</v>
      </c>
      <c r="G48350" s="16">
        <v>0.57889108003734069</v>
      </c>
    </row>
    <row r="48351" spans="1:7" x14ac:dyDescent="0.3">
      <c r="A48351" s="13" t="s">
        <v>275</v>
      </c>
      <c r="B48351" s="14" t="s">
        <v>1</v>
      </c>
      <c r="C48351" s="14" t="s">
        <v>191</v>
      </c>
      <c r="D48351" s="14" t="s">
        <v>116</v>
      </c>
      <c r="E48351" s="15">
        <v>45547</v>
      </c>
      <c r="F48351" s="14" t="s">
        <v>15</v>
      </c>
      <c r="G48351" s="16">
        <v>0.57544041583181993</v>
      </c>
    </row>
    <row r="48352" spans="1:7" x14ac:dyDescent="0.3">
      <c r="A48352" s="13" t="s">
        <v>275</v>
      </c>
      <c r="B48352" s="14" t="s">
        <v>1</v>
      </c>
      <c r="C48352" s="14" t="s">
        <v>191</v>
      </c>
      <c r="D48352" s="14" t="s">
        <v>116</v>
      </c>
      <c r="E48352" s="15">
        <v>45548</v>
      </c>
      <c r="F48352" s="14" t="s">
        <v>15</v>
      </c>
      <c r="G48352" s="16">
        <v>0.57197979671718147</v>
      </c>
    </row>
    <row r="48353" spans="1:7" x14ac:dyDescent="0.3">
      <c r="A48353" s="13" t="s">
        <v>275</v>
      </c>
      <c r="B48353" s="14" t="s">
        <v>1</v>
      </c>
      <c r="C48353" s="14" t="s">
        <v>191</v>
      </c>
      <c r="D48353" s="14" t="s">
        <v>116</v>
      </c>
      <c r="E48353" s="15">
        <v>45549</v>
      </c>
      <c r="F48353" s="14" t="s">
        <v>15</v>
      </c>
      <c r="G48353" s="16">
        <v>0.57197979671718147</v>
      </c>
    </row>
    <row r="48354" spans="1:7" x14ac:dyDescent="0.3">
      <c r="A48354" s="13" t="s">
        <v>275</v>
      </c>
      <c r="B48354" s="14" t="s">
        <v>1</v>
      </c>
      <c r="C48354" s="14" t="s">
        <v>191</v>
      </c>
      <c r="D48354" s="14" t="s">
        <v>116</v>
      </c>
      <c r="E48354" s="15">
        <v>45550</v>
      </c>
      <c r="F48354" s="14" t="s">
        <v>15</v>
      </c>
      <c r="G48354" s="16">
        <v>0.57197979671718147</v>
      </c>
    </row>
    <row r="48355" spans="1:7" x14ac:dyDescent="0.3">
      <c r="A48355" s="13" t="s">
        <v>275</v>
      </c>
      <c r="B48355" s="14" t="s">
        <v>1</v>
      </c>
      <c r="C48355" s="14" t="s">
        <v>191</v>
      </c>
      <c r="D48355" s="14" t="s">
        <v>116</v>
      </c>
      <c r="E48355" s="15">
        <v>45551</v>
      </c>
      <c r="F48355" s="14" t="s">
        <v>15</v>
      </c>
      <c r="G48355" s="16">
        <v>0.56849738606368161</v>
      </c>
    </row>
    <row r="48356" spans="1:7" x14ac:dyDescent="0.3">
      <c r="A48356" s="13" t="s">
        <v>275</v>
      </c>
      <c r="B48356" s="14" t="s">
        <v>1</v>
      </c>
      <c r="C48356" s="14" t="s">
        <v>191</v>
      </c>
      <c r="D48356" s="14" t="s">
        <v>116</v>
      </c>
      <c r="E48356" s="15">
        <v>45552</v>
      </c>
      <c r="F48356" s="14" t="s">
        <v>15</v>
      </c>
      <c r="G48356" s="16">
        <v>0.55017032419499068</v>
      </c>
    </row>
    <row r="48357" spans="1:7" x14ac:dyDescent="0.3">
      <c r="A48357" s="13" t="s">
        <v>275</v>
      </c>
      <c r="B48357" s="14" t="s">
        <v>1</v>
      </c>
      <c r="C48357" s="14" t="s">
        <v>191</v>
      </c>
      <c r="D48357" s="14" t="s">
        <v>116</v>
      </c>
      <c r="E48357" s="15">
        <v>45553</v>
      </c>
      <c r="F48357" s="14" t="s">
        <v>15</v>
      </c>
      <c r="G48357" s="16">
        <v>0.54485882039243483</v>
      </c>
    </row>
    <row r="48358" spans="1:7" x14ac:dyDescent="0.3">
      <c r="A48358" s="13" t="s">
        <v>275</v>
      </c>
      <c r="B48358" s="14" t="s">
        <v>1</v>
      </c>
      <c r="C48358" s="14" t="s">
        <v>191</v>
      </c>
      <c r="D48358" s="14" t="s">
        <v>116</v>
      </c>
      <c r="E48358" s="15">
        <v>45554</v>
      </c>
      <c r="F48358" s="14" t="s">
        <v>15</v>
      </c>
      <c r="G48358" s="16">
        <v>0.5395633415655321</v>
      </c>
    </row>
    <row r="48359" spans="1:7" x14ac:dyDescent="0.3">
      <c r="A48359" s="13" t="s">
        <v>275</v>
      </c>
      <c r="B48359" s="14" t="s">
        <v>1</v>
      </c>
      <c r="C48359" s="14" t="s">
        <v>191</v>
      </c>
      <c r="D48359" s="14" t="s">
        <v>116</v>
      </c>
      <c r="E48359" s="15">
        <v>45555</v>
      </c>
      <c r="F48359" s="14" t="s">
        <v>15</v>
      </c>
      <c r="G48359" s="16">
        <v>0.53728043676005566</v>
      </c>
    </row>
    <row r="48360" spans="1:7" x14ac:dyDescent="0.3">
      <c r="A48360" s="13" t="s">
        <v>275</v>
      </c>
      <c r="B48360" s="14" t="s">
        <v>1</v>
      </c>
      <c r="C48360" s="14" t="s">
        <v>191</v>
      </c>
      <c r="D48360" s="14" t="s">
        <v>116</v>
      </c>
      <c r="E48360" s="15">
        <v>45556</v>
      </c>
      <c r="F48360" s="14" t="s">
        <v>15</v>
      </c>
      <c r="G48360" s="16">
        <v>0.53728043676005566</v>
      </c>
    </row>
    <row r="48361" spans="1:7" x14ac:dyDescent="0.3">
      <c r="A48361" s="13" t="s">
        <v>275</v>
      </c>
      <c r="B48361" s="14" t="s">
        <v>1</v>
      </c>
      <c r="C48361" s="14" t="s">
        <v>191</v>
      </c>
      <c r="D48361" s="14" t="s">
        <v>116</v>
      </c>
      <c r="E48361" s="15">
        <v>45557</v>
      </c>
      <c r="F48361" s="14" t="s">
        <v>15</v>
      </c>
      <c r="G48361" s="16">
        <v>0.53728043676005566</v>
      </c>
    </row>
    <row r="48362" spans="1:7" x14ac:dyDescent="0.3">
      <c r="A48362" s="13" t="s">
        <v>275</v>
      </c>
      <c r="B48362" s="14" t="s">
        <v>1</v>
      </c>
      <c r="C48362" s="14" t="s">
        <v>191</v>
      </c>
      <c r="D48362" s="14" t="s">
        <v>116</v>
      </c>
      <c r="E48362" s="15">
        <v>45558</v>
      </c>
      <c r="F48362" s="14" t="s">
        <v>15</v>
      </c>
      <c r="G48362" s="16">
        <v>0.53234491551803176</v>
      </c>
    </row>
    <row r="48363" spans="1:7" x14ac:dyDescent="0.3">
      <c r="A48363" s="13" t="s">
        <v>275</v>
      </c>
      <c r="B48363" s="14" t="s">
        <v>1</v>
      </c>
      <c r="C48363" s="14" t="s">
        <v>191</v>
      </c>
      <c r="D48363" s="14" t="s">
        <v>116</v>
      </c>
      <c r="E48363" s="15">
        <v>45559</v>
      </c>
      <c r="F48363" s="14" t="s">
        <v>15</v>
      </c>
      <c r="G48363" s="16">
        <v>0.52174853461524084</v>
      </c>
    </row>
    <row r="48364" spans="1:7" x14ac:dyDescent="0.3">
      <c r="A48364" s="13" t="s">
        <v>275</v>
      </c>
      <c r="B48364" s="14" t="s">
        <v>1</v>
      </c>
      <c r="C48364" s="14" t="s">
        <v>191</v>
      </c>
      <c r="D48364" s="14" t="s">
        <v>116</v>
      </c>
      <c r="E48364" s="15">
        <v>45560</v>
      </c>
      <c r="F48364" s="14" t="s">
        <v>15</v>
      </c>
      <c r="G48364" s="16">
        <v>0.51822586087616096</v>
      </c>
    </row>
    <row r="48365" spans="1:7" x14ac:dyDescent="0.3">
      <c r="A48365" s="13" t="s">
        <v>275</v>
      </c>
      <c r="B48365" s="14" t="s">
        <v>1</v>
      </c>
      <c r="C48365" s="14" t="s">
        <v>191</v>
      </c>
      <c r="D48365" s="14" t="s">
        <v>116</v>
      </c>
      <c r="E48365" s="15">
        <v>45561</v>
      </c>
      <c r="F48365" s="14" t="s">
        <v>15</v>
      </c>
      <c r="G48365" s="16">
        <v>0.51469661266739963</v>
      </c>
    </row>
    <row r="48366" spans="1:7" x14ac:dyDescent="0.3">
      <c r="A48366" s="13" t="s">
        <v>275</v>
      </c>
      <c r="B48366" s="14" t="s">
        <v>1</v>
      </c>
      <c r="C48366" s="14" t="s">
        <v>191</v>
      </c>
      <c r="D48366" s="14" t="s">
        <v>116</v>
      </c>
      <c r="E48366" s="15">
        <v>45562</v>
      </c>
      <c r="F48366" s="14" t="s">
        <v>15</v>
      </c>
      <c r="G48366" s="16">
        <v>0.51557213851281325</v>
      </c>
    </row>
    <row r="48367" spans="1:7" x14ac:dyDescent="0.3">
      <c r="A48367" s="13" t="s">
        <v>275</v>
      </c>
      <c r="B48367" s="14" t="s">
        <v>1</v>
      </c>
      <c r="C48367" s="14" t="s">
        <v>191</v>
      </c>
      <c r="D48367" s="14" t="s">
        <v>116</v>
      </c>
      <c r="E48367" s="15">
        <v>45563</v>
      </c>
      <c r="F48367" s="14" t="s">
        <v>15</v>
      </c>
      <c r="G48367" s="16">
        <v>0.51557213851281325</v>
      </c>
    </row>
    <row r="48368" spans="1:7" x14ac:dyDescent="0.3">
      <c r="A48368" s="13" t="s">
        <v>275</v>
      </c>
      <c r="B48368" s="14" t="s">
        <v>1</v>
      </c>
      <c r="C48368" s="14" t="s">
        <v>191</v>
      </c>
      <c r="D48368" s="14" t="s">
        <v>116</v>
      </c>
      <c r="E48368" s="15">
        <v>45564</v>
      </c>
      <c r="F48368" s="14" t="s">
        <v>15</v>
      </c>
      <c r="G48368" s="16">
        <v>0.51557213851281325</v>
      </c>
    </row>
    <row r="48369" spans="1:7" x14ac:dyDescent="0.3">
      <c r="A48369" s="13" t="s">
        <v>275</v>
      </c>
      <c r="B48369" s="14" t="s">
        <v>1</v>
      </c>
      <c r="C48369" s="14" t="s">
        <v>191</v>
      </c>
      <c r="D48369" s="14" t="s">
        <v>116</v>
      </c>
      <c r="E48369" s="15">
        <v>45565</v>
      </c>
      <c r="F48369" s="14" t="s">
        <v>15</v>
      </c>
      <c r="G48369" s="16">
        <v>0.56143688102162448</v>
      </c>
    </row>
    <row r="48370" spans="1:7" x14ac:dyDescent="0.3">
      <c r="A48370" s="13" t="s">
        <v>275</v>
      </c>
      <c r="B48370" s="14" t="s">
        <v>1</v>
      </c>
      <c r="C48370" s="14" t="s">
        <v>191</v>
      </c>
      <c r="D48370" s="14" t="s">
        <v>116</v>
      </c>
      <c r="E48370" s="15">
        <v>45566</v>
      </c>
      <c r="F48370" s="14" t="s">
        <v>15</v>
      </c>
      <c r="G48370" s="16">
        <v>0</v>
      </c>
    </row>
    <row r="48371" spans="1:7" x14ac:dyDescent="0.3">
      <c r="A48371" s="13" t="s">
        <v>275</v>
      </c>
      <c r="B48371" s="14" t="s">
        <v>1</v>
      </c>
      <c r="C48371" s="14" t="s">
        <v>191</v>
      </c>
      <c r="D48371" s="14" t="s">
        <v>116</v>
      </c>
      <c r="E48371" s="15">
        <v>45567</v>
      </c>
      <c r="F48371" s="14" t="s">
        <v>15</v>
      </c>
      <c r="G48371" s="16">
        <v>0</v>
      </c>
    </row>
    <row r="48372" spans="1:7" x14ac:dyDescent="0.3">
      <c r="A48372" s="13" t="s">
        <v>275</v>
      </c>
      <c r="B48372" s="14" t="s">
        <v>1</v>
      </c>
      <c r="C48372" s="14" t="s">
        <v>191</v>
      </c>
      <c r="D48372" s="14" t="s">
        <v>116</v>
      </c>
      <c r="E48372" s="15">
        <v>45568</v>
      </c>
      <c r="F48372" s="14" t="s">
        <v>15</v>
      </c>
      <c r="G48372" s="16">
        <v>0</v>
      </c>
    </row>
    <row r="48373" spans="1:7" x14ac:dyDescent="0.3">
      <c r="A48373" s="13" t="s">
        <v>275</v>
      </c>
      <c r="B48373" s="14" t="s">
        <v>1</v>
      </c>
      <c r="C48373" s="14" t="s">
        <v>191</v>
      </c>
      <c r="D48373" s="14" t="s">
        <v>116</v>
      </c>
      <c r="E48373" s="15">
        <v>45569</v>
      </c>
      <c r="F48373" s="14" t="s">
        <v>15</v>
      </c>
      <c r="G48373" s="16">
        <v>0</v>
      </c>
    </row>
    <row r="48374" spans="1:7" x14ac:dyDescent="0.3">
      <c r="A48374" s="13" t="s">
        <v>275</v>
      </c>
      <c r="B48374" s="14" t="s">
        <v>1</v>
      </c>
      <c r="C48374" s="14" t="s">
        <v>191</v>
      </c>
      <c r="D48374" s="14" t="s">
        <v>116</v>
      </c>
      <c r="E48374" s="15">
        <v>45570</v>
      </c>
      <c r="F48374" s="14" t="s">
        <v>15</v>
      </c>
      <c r="G48374" s="16">
        <v>0</v>
      </c>
    </row>
    <row r="48375" spans="1:7" x14ac:dyDescent="0.3">
      <c r="A48375" s="13" t="s">
        <v>275</v>
      </c>
      <c r="B48375" s="14" t="s">
        <v>1</v>
      </c>
      <c r="C48375" s="14" t="s">
        <v>191</v>
      </c>
      <c r="D48375" s="14" t="s">
        <v>116</v>
      </c>
      <c r="E48375" s="15">
        <v>45571</v>
      </c>
      <c r="F48375" s="14" t="s">
        <v>15</v>
      </c>
      <c r="G48375" s="16">
        <v>0</v>
      </c>
    </row>
    <row r="48376" spans="1:7" x14ac:dyDescent="0.3">
      <c r="A48376" s="13" t="s">
        <v>275</v>
      </c>
      <c r="B48376" s="14" t="s">
        <v>1</v>
      </c>
      <c r="C48376" s="14" t="s">
        <v>191</v>
      </c>
      <c r="D48376" s="14" t="s">
        <v>116</v>
      </c>
      <c r="E48376" s="15">
        <v>45572</v>
      </c>
      <c r="F48376" s="14" t="s">
        <v>15</v>
      </c>
      <c r="G48376" s="16">
        <v>0</v>
      </c>
    </row>
    <row r="48377" spans="1:7" x14ac:dyDescent="0.3">
      <c r="A48377" s="13" t="s">
        <v>275</v>
      </c>
      <c r="B48377" s="14" t="s">
        <v>1</v>
      </c>
      <c r="C48377" s="14" t="s">
        <v>191</v>
      </c>
      <c r="D48377" s="14" t="s">
        <v>116</v>
      </c>
      <c r="E48377" s="15">
        <v>45573</v>
      </c>
      <c r="F48377" s="14" t="s">
        <v>15</v>
      </c>
      <c r="G48377" s="16">
        <v>0</v>
      </c>
    </row>
    <row r="48378" spans="1:7" x14ac:dyDescent="0.3">
      <c r="A48378" s="13" t="s">
        <v>275</v>
      </c>
      <c r="B48378" s="14" t="s">
        <v>1</v>
      </c>
      <c r="C48378" s="14" t="s">
        <v>191</v>
      </c>
      <c r="D48378" s="14" t="s">
        <v>116</v>
      </c>
      <c r="E48378" s="15">
        <v>45574</v>
      </c>
      <c r="F48378" s="14" t="s">
        <v>15</v>
      </c>
      <c r="G48378" s="16">
        <v>0</v>
      </c>
    </row>
    <row r="48379" spans="1:7" x14ac:dyDescent="0.3">
      <c r="A48379" s="13" t="s">
        <v>275</v>
      </c>
      <c r="B48379" s="14" t="s">
        <v>1</v>
      </c>
      <c r="C48379" s="14" t="s">
        <v>191</v>
      </c>
      <c r="D48379" s="14" t="s">
        <v>116</v>
      </c>
      <c r="E48379" s="15">
        <v>45575</v>
      </c>
      <c r="F48379" s="14" t="s">
        <v>15</v>
      </c>
      <c r="G48379" s="16">
        <v>0</v>
      </c>
    </row>
    <row r="48380" spans="1:7" x14ac:dyDescent="0.3">
      <c r="A48380" s="13" t="s">
        <v>275</v>
      </c>
      <c r="B48380" s="14" t="s">
        <v>1</v>
      </c>
      <c r="C48380" s="14" t="s">
        <v>191</v>
      </c>
      <c r="D48380" s="14" t="s">
        <v>116</v>
      </c>
      <c r="E48380" s="15">
        <v>45576</v>
      </c>
      <c r="F48380" s="14" t="s">
        <v>15</v>
      </c>
      <c r="G48380" s="16">
        <v>0</v>
      </c>
    </row>
    <row r="48381" spans="1:7" x14ac:dyDescent="0.3">
      <c r="A48381" s="13" t="s">
        <v>275</v>
      </c>
      <c r="B48381" s="14" t="s">
        <v>1</v>
      </c>
      <c r="C48381" s="14" t="s">
        <v>191</v>
      </c>
      <c r="D48381" s="14" t="s">
        <v>116</v>
      </c>
      <c r="E48381" s="15">
        <v>45577</v>
      </c>
      <c r="F48381" s="14" t="s">
        <v>15</v>
      </c>
      <c r="G48381" s="16">
        <v>0</v>
      </c>
    </row>
    <row r="48382" spans="1:7" x14ac:dyDescent="0.3">
      <c r="A48382" s="13" t="s">
        <v>275</v>
      </c>
      <c r="B48382" s="14" t="s">
        <v>1</v>
      </c>
      <c r="C48382" s="14" t="s">
        <v>191</v>
      </c>
      <c r="D48382" s="14" t="s">
        <v>116</v>
      </c>
      <c r="E48382" s="15">
        <v>45578</v>
      </c>
      <c r="F48382" s="14" t="s">
        <v>15</v>
      </c>
      <c r="G48382" s="16">
        <v>0</v>
      </c>
    </row>
    <row r="48383" spans="1:7" x14ac:dyDescent="0.3">
      <c r="A48383" s="13" t="s">
        <v>275</v>
      </c>
      <c r="B48383" s="14" t="s">
        <v>1</v>
      </c>
      <c r="C48383" s="14" t="s">
        <v>191</v>
      </c>
      <c r="D48383" s="14" t="s">
        <v>116</v>
      </c>
      <c r="E48383" s="15">
        <v>45579</v>
      </c>
      <c r="F48383" s="14" t="s">
        <v>15</v>
      </c>
      <c r="G48383" s="16">
        <v>0</v>
      </c>
    </row>
    <row r="48384" spans="1:7" x14ac:dyDescent="0.3">
      <c r="A48384" s="13" t="s">
        <v>275</v>
      </c>
      <c r="B48384" s="14" t="s">
        <v>1</v>
      </c>
      <c r="C48384" s="14" t="s">
        <v>191</v>
      </c>
      <c r="D48384" s="14" t="s">
        <v>116</v>
      </c>
      <c r="E48384" s="15">
        <v>45580</v>
      </c>
      <c r="F48384" s="14" t="s">
        <v>15</v>
      </c>
      <c r="G48384" s="16">
        <v>0</v>
      </c>
    </row>
    <row r="48385" spans="1:7" x14ac:dyDescent="0.3">
      <c r="A48385" s="13" t="s">
        <v>275</v>
      </c>
      <c r="B48385" s="14" t="s">
        <v>1</v>
      </c>
      <c r="C48385" s="14" t="s">
        <v>191</v>
      </c>
      <c r="D48385" s="14" t="s">
        <v>116</v>
      </c>
      <c r="E48385" s="15">
        <v>45581</v>
      </c>
      <c r="F48385" s="14" t="s">
        <v>15</v>
      </c>
      <c r="G48385" s="16">
        <v>0</v>
      </c>
    </row>
    <row r="48386" spans="1:7" x14ac:dyDescent="0.3">
      <c r="A48386" s="13" t="s">
        <v>275</v>
      </c>
      <c r="B48386" s="14" t="s">
        <v>1</v>
      </c>
      <c r="C48386" s="14" t="s">
        <v>191</v>
      </c>
      <c r="D48386" s="14" t="s">
        <v>116</v>
      </c>
      <c r="E48386" s="15">
        <v>45582</v>
      </c>
      <c r="F48386" s="14" t="s">
        <v>15</v>
      </c>
      <c r="G48386" s="16">
        <v>0</v>
      </c>
    </row>
    <row r="48387" spans="1:7" x14ac:dyDescent="0.3">
      <c r="A48387" s="13" t="s">
        <v>275</v>
      </c>
      <c r="B48387" s="14" t="s">
        <v>1</v>
      </c>
      <c r="C48387" s="14" t="s">
        <v>191</v>
      </c>
      <c r="D48387" s="14" t="s">
        <v>116</v>
      </c>
      <c r="E48387" s="15">
        <v>45583</v>
      </c>
      <c r="F48387" s="14" t="s">
        <v>15</v>
      </c>
      <c r="G48387" s="16">
        <v>0</v>
      </c>
    </row>
    <row r="48388" spans="1:7" x14ac:dyDescent="0.3">
      <c r="A48388" s="13" t="s">
        <v>275</v>
      </c>
      <c r="B48388" s="14" t="s">
        <v>1</v>
      </c>
      <c r="C48388" s="14" t="s">
        <v>191</v>
      </c>
      <c r="D48388" s="14" t="s">
        <v>116</v>
      </c>
      <c r="E48388" s="15">
        <v>45584</v>
      </c>
      <c r="F48388" s="14" t="s">
        <v>15</v>
      </c>
      <c r="G48388" s="16">
        <v>0</v>
      </c>
    </row>
    <row r="48389" spans="1:7" x14ac:dyDescent="0.3">
      <c r="A48389" s="13" t="s">
        <v>275</v>
      </c>
      <c r="B48389" s="14" t="s">
        <v>1</v>
      </c>
      <c r="C48389" s="14" t="s">
        <v>191</v>
      </c>
      <c r="D48389" s="14" t="s">
        <v>116</v>
      </c>
      <c r="E48389" s="15">
        <v>45585</v>
      </c>
      <c r="F48389" s="14" t="s">
        <v>15</v>
      </c>
      <c r="G48389" s="16">
        <v>0</v>
      </c>
    </row>
    <row r="48390" spans="1:7" x14ac:dyDescent="0.3">
      <c r="A48390" s="13" t="s">
        <v>275</v>
      </c>
      <c r="B48390" s="14" t="s">
        <v>1</v>
      </c>
      <c r="C48390" s="14" t="s">
        <v>191</v>
      </c>
      <c r="D48390" s="14" t="s">
        <v>116</v>
      </c>
      <c r="E48390" s="15">
        <v>45586</v>
      </c>
      <c r="F48390" s="14" t="s">
        <v>15</v>
      </c>
      <c r="G48390" s="16">
        <v>0</v>
      </c>
    </row>
    <row r="48391" spans="1:7" x14ac:dyDescent="0.3">
      <c r="A48391" s="13" t="s">
        <v>275</v>
      </c>
      <c r="B48391" s="14" t="s">
        <v>1</v>
      </c>
      <c r="C48391" s="14" t="s">
        <v>191</v>
      </c>
      <c r="D48391" s="14" t="s">
        <v>116</v>
      </c>
      <c r="E48391" s="15">
        <v>45587</v>
      </c>
      <c r="F48391" s="14" t="s">
        <v>15</v>
      </c>
      <c r="G48391" s="16">
        <v>0</v>
      </c>
    </row>
    <row r="48392" spans="1:7" x14ac:dyDescent="0.3">
      <c r="A48392" s="13" t="s">
        <v>275</v>
      </c>
      <c r="B48392" s="14" t="s">
        <v>1</v>
      </c>
      <c r="C48392" s="14" t="s">
        <v>191</v>
      </c>
      <c r="D48392" s="14" t="s">
        <v>116</v>
      </c>
      <c r="E48392" s="15">
        <v>45588</v>
      </c>
      <c r="F48392" s="14" t="s">
        <v>15</v>
      </c>
      <c r="G48392" s="16">
        <v>0</v>
      </c>
    </row>
    <row r="48393" spans="1:7" x14ac:dyDescent="0.3">
      <c r="A48393" s="13" t="s">
        <v>275</v>
      </c>
      <c r="B48393" s="14" t="s">
        <v>1</v>
      </c>
      <c r="C48393" s="14" t="s">
        <v>191</v>
      </c>
      <c r="D48393" s="14" t="s">
        <v>116</v>
      </c>
      <c r="E48393" s="15">
        <v>45589</v>
      </c>
      <c r="F48393" s="14" t="s">
        <v>15</v>
      </c>
      <c r="G48393" s="16">
        <v>0</v>
      </c>
    </row>
    <row r="48394" spans="1:7" x14ac:dyDescent="0.3">
      <c r="A48394" s="13" t="s">
        <v>275</v>
      </c>
      <c r="B48394" s="14" t="s">
        <v>1</v>
      </c>
      <c r="C48394" s="14" t="s">
        <v>191</v>
      </c>
      <c r="D48394" s="14" t="s">
        <v>116</v>
      </c>
      <c r="E48394" s="15">
        <v>45590</v>
      </c>
      <c r="F48394" s="14" t="s">
        <v>15</v>
      </c>
      <c r="G48394" s="16">
        <v>0</v>
      </c>
    </row>
    <row r="48395" spans="1:7" x14ac:dyDescent="0.3">
      <c r="A48395" s="13" t="s">
        <v>275</v>
      </c>
      <c r="B48395" s="14" t="s">
        <v>1</v>
      </c>
      <c r="C48395" s="14" t="s">
        <v>191</v>
      </c>
      <c r="D48395" s="14" t="s">
        <v>116</v>
      </c>
      <c r="E48395" s="15">
        <v>45591</v>
      </c>
      <c r="F48395" s="14" t="s">
        <v>15</v>
      </c>
      <c r="G48395" s="16">
        <v>0</v>
      </c>
    </row>
    <row r="48396" spans="1:7" x14ac:dyDescent="0.3">
      <c r="A48396" s="13" t="s">
        <v>275</v>
      </c>
      <c r="B48396" s="14" t="s">
        <v>1</v>
      </c>
      <c r="C48396" s="14" t="s">
        <v>191</v>
      </c>
      <c r="D48396" s="14" t="s">
        <v>116</v>
      </c>
      <c r="E48396" s="15">
        <v>45592</v>
      </c>
      <c r="F48396" s="14" t="s">
        <v>15</v>
      </c>
      <c r="G48396" s="16">
        <v>0</v>
      </c>
    </row>
    <row r="48397" spans="1:7" x14ac:dyDescent="0.3">
      <c r="A48397" s="13" t="s">
        <v>275</v>
      </c>
      <c r="B48397" s="14" t="s">
        <v>1</v>
      </c>
      <c r="C48397" s="14" t="s">
        <v>191</v>
      </c>
      <c r="D48397" s="14" t="s">
        <v>116</v>
      </c>
      <c r="E48397" s="15">
        <v>45593</v>
      </c>
      <c r="F48397" s="14" t="s">
        <v>15</v>
      </c>
      <c r="G48397" s="16">
        <v>0</v>
      </c>
    </row>
    <row r="48398" spans="1:7" x14ac:dyDescent="0.3">
      <c r="A48398" s="13" t="s">
        <v>275</v>
      </c>
      <c r="B48398" s="14" t="s">
        <v>1</v>
      </c>
      <c r="C48398" s="14" t="s">
        <v>191</v>
      </c>
      <c r="D48398" s="14" t="s">
        <v>116</v>
      </c>
      <c r="E48398" s="15">
        <v>45594</v>
      </c>
      <c r="F48398" s="14" t="s">
        <v>15</v>
      </c>
      <c r="G48398" s="16">
        <v>0</v>
      </c>
    </row>
    <row r="48399" spans="1:7" x14ac:dyDescent="0.3">
      <c r="A48399" s="13" t="s">
        <v>275</v>
      </c>
      <c r="B48399" s="14" t="s">
        <v>1</v>
      </c>
      <c r="C48399" s="14" t="s">
        <v>191</v>
      </c>
      <c r="D48399" s="14" t="s">
        <v>116</v>
      </c>
      <c r="E48399" s="15">
        <v>45595</v>
      </c>
      <c r="F48399" s="14" t="s">
        <v>15</v>
      </c>
      <c r="G48399" s="16">
        <v>0</v>
      </c>
    </row>
    <row r="48400" spans="1:7" x14ac:dyDescent="0.3">
      <c r="A48400" s="13" t="s">
        <v>275</v>
      </c>
      <c r="B48400" s="14" t="s">
        <v>1</v>
      </c>
      <c r="C48400" s="14" t="s">
        <v>191</v>
      </c>
      <c r="D48400" s="14" t="s">
        <v>116</v>
      </c>
      <c r="E48400" s="15">
        <v>45596</v>
      </c>
      <c r="F48400" s="14" t="s">
        <v>15</v>
      </c>
      <c r="G48400" s="16">
        <v>0</v>
      </c>
    </row>
    <row r="48401" spans="1:7" x14ac:dyDescent="0.3">
      <c r="A48401" s="13" t="s">
        <v>275</v>
      </c>
      <c r="B48401" s="14" t="s">
        <v>1</v>
      </c>
      <c r="C48401" s="14" t="s">
        <v>191</v>
      </c>
      <c r="D48401" s="14" t="s">
        <v>116</v>
      </c>
      <c r="E48401" s="15">
        <v>45597</v>
      </c>
      <c r="F48401" s="14" t="s">
        <v>15</v>
      </c>
      <c r="G48401" s="16">
        <v>0</v>
      </c>
    </row>
    <row r="48402" spans="1:7" x14ac:dyDescent="0.3">
      <c r="A48402" s="13" t="s">
        <v>275</v>
      </c>
      <c r="B48402" s="14" t="s">
        <v>1</v>
      </c>
      <c r="C48402" s="14" t="s">
        <v>191</v>
      </c>
      <c r="D48402" s="14" t="s">
        <v>116</v>
      </c>
      <c r="E48402" s="15">
        <v>45598</v>
      </c>
      <c r="F48402" s="14" t="s">
        <v>15</v>
      </c>
      <c r="G48402" s="16">
        <v>0</v>
      </c>
    </row>
    <row r="48403" spans="1:7" x14ac:dyDescent="0.3">
      <c r="A48403" s="13" t="s">
        <v>275</v>
      </c>
      <c r="B48403" s="14" t="s">
        <v>1</v>
      </c>
      <c r="C48403" s="14" t="s">
        <v>191</v>
      </c>
      <c r="D48403" s="14" t="s">
        <v>116</v>
      </c>
      <c r="E48403" s="15">
        <v>45599</v>
      </c>
      <c r="F48403" s="14" t="s">
        <v>15</v>
      </c>
      <c r="G48403" s="16">
        <v>0</v>
      </c>
    </row>
    <row r="48404" spans="1:7" x14ac:dyDescent="0.3">
      <c r="A48404" s="13" t="s">
        <v>275</v>
      </c>
      <c r="B48404" s="14" t="s">
        <v>1</v>
      </c>
      <c r="C48404" s="14" t="s">
        <v>191</v>
      </c>
      <c r="D48404" s="14" t="s">
        <v>116</v>
      </c>
      <c r="E48404" s="15">
        <v>45600</v>
      </c>
      <c r="F48404" s="14" t="s">
        <v>15</v>
      </c>
      <c r="G48404" s="16">
        <v>0</v>
      </c>
    </row>
    <row r="48405" spans="1:7" x14ac:dyDescent="0.3">
      <c r="A48405" s="13" t="s">
        <v>275</v>
      </c>
      <c r="B48405" s="14" t="s">
        <v>1</v>
      </c>
      <c r="C48405" s="14" t="s">
        <v>191</v>
      </c>
      <c r="D48405" s="14" t="s">
        <v>116</v>
      </c>
      <c r="E48405" s="15">
        <v>45601</v>
      </c>
      <c r="F48405" s="14" t="s">
        <v>15</v>
      </c>
      <c r="G48405" s="16">
        <v>0</v>
      </c>
    </row>
    <row r="48406" spans="1:7" x14ac:dyDescent="0.3">
      <c r="A48406" s="13" t="s">
        <v>275</v>
      </c>
      <c r="B48406" s="14" t="s">
        <v>1</v>
      </c>
      <c r="C48406" s="14" t="s">
        <v>191</v>
      </c>
      <c r="D48406" s="14" t="s">
        <v>116</v>
      </c>
      <c r="E48406" s="15">
        <v>45602</v>
      </c>
      <c r="F48406" s="14" t="s">
        <v>15</v>
      </c>
      <c r="G48406" s="16">
        <v>0</v>
      </c>
    </row>
    <row r="48407" spans="1:7" x14ac:dyDescent="0.3">
      <c r="A48407" s="13" t="s">
        <v>275</v>
      </c>
      <c r="B48407" s="14" t="s">
        <v>1</v>
      </c>
      <c r="C48407" s="14" t="s">
        <v>191</v>
      </c>
      <c r="D48407" s="14" t="s">
        <v>116</v>
      </c>
      <c r="E48407" s="15">
        <v>45603</v>
      </c>
      <c r="F48407" s="14" t="s">
        <v>15</v>
      </c>
      <c r="G48407" s="16">
        <v>0</v>
      </c>
    </row>
    <row r="48408" spans="1:7" x14ac:dyDescent="0.3">
      <c r="A48408" s="13" t="s">
        <v>275</v>
      </c>
      <c r="B48408" s="14" t="s">
        <v>1</v>
      </c>
      <c r="C48408" s="14" t="s">
        <v>191</v>
      </c>
      <c r="D48408" s="14" t="s">
        <v>116</v>
      </c>
      <c r="E48408" s="15">
        <v>45604</v>
      </c>
      <c r="F48408" s="14" t="s">
        <v>15</v>
      </c>
      <c r="G48408" s="16">
        <v>0</v>
      </c>
    </row>
    <row r="48409" spans="1:7" x14ac:dyDescent="0.3">
      <c r="A48409" s="13" t="s">
        <v>275</v>
      </c>
      <c r="B48409" s="14" t="s">
        <v>1</v>
      </c>
      <c r="C48409" s="14" t="s">
        <v>191</v>
      </c>
      <c r="D48409" s="14" t="s">
        <v>116</v>
      </c>
      <c r="E48409" s="15">
        <v>45605</v>
      </c>
      <c r="F48409" s="14" t="s">
        <v>15</v>
      </c>
      <c r="G48409" s="16">
        <v>0</v>
      </c>
    </row>
    <row r="48410" spans="1:7" x14ac:dyDescent="0.3">
      <c r="A48410" s="13" t="s">
        <v>275</v>
      </c>
      <c r="B48410" s="14" t="s">
        <v>1</v>
      </c>
      <c r="C48410" s="14" t="s">
        <v>191</v>
      </c>
      <c r="D48410" s="14" t="s">
        <v>116</v>
      </c>
      <c r="E48410" s="15">
        <v>45606</v>
      </c>
      <c r="F48410" s="14" t="s">
        <v>15</v>
      </c>
      <c r="G48410" s="16">
        <v>0</v>
      </c>
    </row>
    <row r="48411" spans="1:7" x14ac:dyDescent="0.3">
      <c r="A48411" s="13" t="s">
        <v>275</v>
      </c>
      <c r="B48411" s="14" t="s">
        <v>1</v>
      </c>
      <c r="C48411" s="14" t="s">
        <v>191</v>
      </c>
      <c r="D48411" s="14" t="s">
        <v>116</v>
      </c>
      <c r="E48411" s="15">
        <v>45607</v>
      </c>
      <c r="F48411" s="14" t="s">
        <v>15</v>
      </c>
      <c r="G48411" s="16">
        <v>0</v>
      </c>
    </row>
    <row r="48412" spans="1:7" x14ac:dyDescent="0.3">
      <c r="A48412" s="13" t="s">
        <v>275</v>
      </c>
      <c r="B48412" s="14" t="s">
        <v>1</v>
      </c>
      <c r="C48412" s="14" t="s">
        <v>191</v>
      </c>
      <c r="D48412" s="14" t="s">
        <v>116</v>
      </c>
      <c r="E48412" s="15">
        <v>45608</v>
      </c>
      <c r="F48412" s="14" t="s">
        <v>15</v>
      </c>
      <c r="G48412" s="16">
        <v>0</v>
      </c>
    </row>
    <row r="48413" spans="1:7" x14ac:dyDescent="0.3">
      <c r="A48413" s="13" t="s">
        <v>275</v>
      </c>
      <c r="B48413" s="14" t="s">
        <v>1</v>
      </c>
      <c r="C48413" s="14" t="s">
        <v>191</v>
      </c>
      <c r="D48413" s="14" t="s">
        <v>116</v>
      </c>
      <c r="E48413" s="15">
        <v>45609</v>
      </c>
      <c r="F48413" s="14" t="s">
        <v>15</v>
      </c>
      <c r="G48413" s="16">
        <v>0</v>
      </c>
    </row>
    <row r="48414" spans="1:7" x14ac:dyDescent="0.3">
      <c r="A48414" s="13" t="s">
        <v>275</v>
      </c>
      <c r="B48414" s="14" t="s">
        <v>1</v>
      </c>
      <c r="C48414" s="14" t="s">
        <v>191</v>
      </c>
      <c r="D48414" s="14" t="s">
        <v>116</v>
      </c>
      <c r="E48414" s="15">
        <v>45610</v>
      </c>
      <c r="F48414" s="14" t="s">
        <v>15</v>
      </c>
      <c r="G48414" s="16">
        <v>0</v>
      </c>
    </row>
    <row r="48415" spans="1:7" x14ac:dyDescent="0.3">
      <c r="A48415" s="13" t="s">
        <v>275</v>
      </c>
      <c r="B48415" s="14" t="s">
        <v>1</v>
      </c>
      <c r="C48415" s="14" t="s">
        <v>191</v>
      </c>
      <c r="D48415" s="14" t="s">
        <v>116</v>
      </c>
      <c r="E48415" s="15">
        <v>45611</v>
      </c>
      <c r="F48415" s="14" t="s">
        <v>15</v>
      </c>
      <c r="G48415" s="16">
        <v>0</v>
      </c>
    </row>
    <row r="48416" spans="1:7" x14ac:dyDescent="0.3">
      <c r="A48416" s="13" t="s">
        <v>275</v>
      </c>
      <c r="B48416" s="14" t="s">
        <v>1</v>
      </c>
      <c r="C48416" s="14" t="s">
        <v>191</v>
      </c>
      <c r="D48416" s="14" t="s">
        <v>116</v>
      </c>
      <c r="E48416" s="15">
        <v>45612</v>
      </c>
      <c r="F48416" s="14" t="s">
        <v>15</v>
      </c>
      <c r="G48416" s="16">
        <v>0</v>
      </c>
    </row>
    <row r="48417" spans="1:7" x14ac:dyDescent="0.3">
      <c r="A48417" s="13" t="s">
        <v>275</v>
      </c>
      <c r="B48417" s="14" t="s">
        <v>1</v>
      </c>
      <c r="C48417" s="14" t="s">
        <v>191</v>
      </c>
      <c r="D48417" s="14" t="s">
        <v>116</v>
      </c>
      <c r="E48417" s="15">
        <v>45613</v>
      </c>
      <c r="F48417" s="14" t="s">
        <v>15</v>
      </c>
      <c r="G48417" s="16">
        <v>0</v>
      </c>
    </row>
    <row r="48418" spans="1:7" x14ac:dyDescent="0.3">
      <c r="A48418" s="13" t="s">
        <v>275</v>
      </c>
      <c r="B48418" s="14" t="s">
        <v>1</v>
      </c>
      <c r="C48418" s="14" t="s">
        <v>191</v>
      </c>
      <c r="D48418" s="14" t="s">
        <v>116</v>
      </c>
      <c r="E48418" s="15">
        <v>45614</v>
      </c>
      <c r="F48418" s="14" t="s">
        <v>15</v>
      </c>
      <c r="G48418" s="16">
        <v>0</v>
      </c>
    </row>
    <row r="48419" spans="1:7" x14ac:dyDescent="0.3">
      <c r="A48419" s="13" t="s">
        <v>275</v>
      </c>
      <c r="B48419" s="14" t="s">
        <v>1</v>
      </c>
      <c r="C48419" s="14" t="s">
        <v>191</v>
      </c>
      <c r="D48419" s="14" t="s">
        <v>116</v>
      </c>
      <c r="E48419" s="15">
        <v>45615</v>
      </c>
      <c r="F48419" s="14" t="s">
        <v>15</v>
      </c>
      <c r="G48419" s="16">
        <v>0</v>
      </c>
    </row>
    <row r="48420" spans="1:7" x14ac:dyDescent="0.3">
      <c r="A48420" s="13" t="s">
        <v>275</v>
      </c>
      <c r="B48420" s="14" t="s">
        <v>1</v>
      </c>
      <c r="C48420" s="14" t="s">
        <v>191</v>
      </c>
      <c r="D48420" s="14" t="s">
        <v>116</v>
      </c>
      <c r="E48420" s="15">
        <v>45616</v>
      </c>
      <c r="F48420" s="14" t="s">
        <v>15</v>
      </c>
      <c r="G48420" s="16">
        <v>0</v>
      </c>
    </row>
    <row r="48421" spans="1:7" x14ac:dyDescent="0.3">
      <c r="A48421" s="13" t="s">
        <v>275</v>
      </c>
      <c r="B48421" s="14" t="s">
        <v>1</v>
      </c>
      <c r="C48421" s="14" t="s">
        <v>191</v>
      </c>
      <c r="D48421" s="14" t="s">
        <v>116</v>
      </c>
      <c r="E48421" s="15">
        <v>45617</v>
      </c>
      <c r="F48421" s="14" t="s">
        <v>15</v>
      </c>
      <c r="G48421" s="16">
        <v>0</v>
      </c>
    </row>
    <row r="48422" spans="1:7" x14ac:dyDescent="0.3">
      <c r="A48422" s="13" t="s">
        <v>275</v>
      </c>
      <c r="B48422" s="14" t="s">
        <v>1</v>
      </c>
      <c r="C48422" s="14" t="s">
        <v>191</v>
      </c>
      <c r="D48422" s="14" t="s">
        <v>116</v>
      </c>
      <c r="E48422" s="15">
        <v>45618</v>
      </c>
      <c r="F48422" s="14" t="s">
        <v>15</v>
      </c>
      <c r="G48422" s="16">
        <v>0</v>
      </c>
    </row>
    <row r="48423" spans="1:7" x14ac:dyDescent="0.3">
      <c r="A48423" s="13" t="s">
        <v>275</v>
      </c>
      <c r="B48423" s="14" t="s">
        <v>1</v>
      </c>
      <c r="C48423" s="14" t="s">
        <v>191</v>
      </c>
      <c r="D48423" s="14" t="s">
        <v>116</v>
      </c>
      <c r="E48423" s="15">
        <v>45619</v>
      </c>
      <c r="F48423" s="14" t="s">
        <v>15</v>
      </c>
      <c r="G48423" s="16">
        <v>0</v>
      </c>
    </row>
    <row r="48424" spans="1:7" x14ac:dyDescent="0.3">
      <c r="A48424" s="13" t="s">
        <v>275</v>
      </c>
      <c r="B48424" s="14" t="s">
        <v>1</v>
      </c>
      <c r="C48424" s="14" t="s">
        <v>191</v>
      </c>
      <c r="D48424" s="14" t="s">
        <v>116</v>
      </c>
      <c r="E48424" s="15">
        <v>45620</v>
      </c>
      <c r="F48424" s="14" t="s">
        <v>15</v>
      </c>
      <c r="G48424" s="16">
        <v>0</v>
      </c>
    </row>
    <row r="48425" spans="1:7" x14ac:dyDescent="0.3">
      <c r="A48425" s="13" t="s">
        <v>275</v>
      </c>
      <c r="B48425" s="14" t="s">
        <v>1</v>
      </c>
      <c r="C48425" s="14" t="s">
        <v>191</v>
      </c>
      <c r="D48425" s="14" t="s">
        <v>116</v>
      </c>
      <c r="E48425" s="15">
        <v>45621</v>
      </c>
      <c r="F48425" s="14" t="s">
        <v>15</v>
      </c>
      <c r="G48425" s="16">
        <v>0</v>
      </c>
    </row>
    <row r="48426" spans="1:7" x14ac:dyDescent="0.3">
      <c r="A48426" s="13" t="s">
        <v>275</v>
      </c>
      <c r="B48426" s="14" t="s">
        <v>1</v>
      </c>
      <c r="C48426" s="14" t="s">
        <v>191</v>
      </c>
      <c r="D48426" s="14" t="s">
        <v>116</v>
      </c>
      <c r="E48426" s="15">
        <v>45622</v>
      </c>
      <c r="F48426" s="14" t="s">
        <v>15</v>
      </c>
      <c r="G48426" s="16">
        <v>0</v>
      </c>
    </row>
    <row r="48427" spans="1:7" x14ac:dyDescent="0.3">
      <c r="A48427" s="13" t="s">
        <v>275</v>
      </c>
      <c r="B48427" s="14" t="s">
        <v>1</v>
      </c>
      <c r="C48427" s="14" t="s">
        <v>191</v>
      </c>
      <c r="D48427" s="14" t="s">
        <v>116</v>
      </c>
      <c r="E48427" s="15">
        <v>45623</v>
      </c>
      <c r="F48427" s="14" t="s">
        <v>15</v>
      </c>
      <c r="G48427" s="16">
        <v>0</v>
      </c>
    </row>
    <row r="48428" spans="1:7" x14ac:dyDescent="0.3">
      <c r="A48428" s="13" t="s">
        <v>275</v>
      </c>
      <c r="B48428" s="14" t="s">
        <v>1</v>
      </c>
      <c r="C48428" s="14" t="s">
        <v>191</v>
      </c>
      <c r="D48428" s="14" t="s">
        <v>116</v>
      </c>
      <c r="E48428" s="15">
        <v>45624</v>
      </c>
      <c r="F48428" s="14" t="s">
        <v>15</v>
      </c>
      <c r="G48428" s="16">
        <v>0</v>
      </c>
    </row>
    <row r="48429" spans="1:7" x14ac:dyDescent="0.3">
      <c r="A48429" s="13" t="s">
        <v>275</v>
      </c>
      <c r="B48429" s="14" t="s">
        <v>1</v>
      </c>
      <c r="C48429" s="14" t="s">
        <v>191</v>
      </c>
      <c r="D48429" s="14" t="s">
        <v>116</v>
      </c>
      <c r="E48429" s="15">
        <v>45625</v>
      </c>
      <c r="F48429" s="14" t="s">
        <v>15</v>
      </c>
      <c r="G48429" s="16">
        <v>0</v>
      </c>
    </row>
    <row r="48430" spans="1:7" x14ac:dyDescent="0.3">
      <c r="A48430" s="13" t="s">
        <v>275</v>
      </c>
      <c r="B48430" s="14" t="s">
        <v>1</v>
      </c>
      <c r="C48430" s="14" t="s">
        <v>191</v>
      </c>
      <c r="D48430" s="14" t="s">
        <v>116</v>
      </c>
      <c r="E48430" s="15">
        <v>45626</v>
      </c>
      <c r="F48430" s="14" t="s">
        <v>15</v>
      </c>
      <c r="G48430" s="16">
        <v>0</v>
      </c>
    </row>
    <row r="48431" spans="1:7" x14ac:dyDescent="0.3">
      <c r="A48431" s="13" t="s">
        <v>275</v>
      </c>
      <c r="B48431" s="14" t="s">
        <v>1</v>
      </c>
      <c r="C48431" s="14" t="s">
        <v>191</v>
      </c>
      <c r="D48431" s="14" t="s">
        <v>116</v>
      </c>
      <c r="E48431" s="15">
        <v>45627</v>
      </c>
      <c r="F48431" s="14" t="s">
        <v>15</v>
      </c>
      <c r="G48431" s="16">
        <v>0</v>
      </c>
    </row>
    <row r="48432" spans="1:7" x14ac:dyDescent="0.3">
      <c r="A48432" s="13" t="s">
        <v>275</v>
      </c>
      <c r="B48432" s="14" t="s">
        <v>1</v>
      </c>
      <c r="C48432" s="14" t="s">
        <v>191</v>
      </c>
      <c r="D48432" s="14" t="s">
        <v>116</v>
      </c>
      <c r="E48432" s="15">
        <v>45628</v>
      </c>
      <c r="F48432" s="14" t="s">
        <v>15</v>
      </c>
      <c r="G48432" s="16">
        <v>0</v>
      </c>
    </row>
    <row r="48433" spans="1:7" x14ac:dyDescent="0.3">
      <c r="A48433" s="13" t="s">
        <v>275</v>
      </c>
      <c r="B48433" s="14" t="s">
        <v>1</v>
      </c>
      <c r="C48433" s="14" t="s">
        <v>191</v>
      </c>
      <c r="D48433" s="14" t="s">
        <v>116</v>
      </c>
      <c r="E48433" s="15">
        <v>45629</v>
      </c>
      <c r="F48433" s="14" t="s">
        <v>15</v>
      </c>
      <c r="G48433" s="16">
        <v>0</v>
      </c>
    </row>
    <row r="48434" spans="1:7" x14ac:dyDescent="0.3">
      <c r="A48434" s="13" t="s">
        <v>275</v>
      </c>
      <c r="B48434" s="14" t="s">
        <v>1</v>
      </c>
      <c r="C48434" s="14" t="s">
        <v>191</v>
      </c>
      <c r="D48434" s="14" t="s">
        <v>116</v>
      </c>
      <c r="E48434" s="15">
        <v>45630</v>
      </c>
      <c r="F48434" s="14" t="s">
        <v>15</v>
      </c>
      <c r="G48434" s="16">
        <v>0</v>
      </c>
    </row>
    <row r="48435" spans="1:7" x14ac:dyDescent="0.3">
      <c r="A48435" s="13" t="s">
        <v>275</v>
      </c>
      <c r="B48435" s="14" t="s">
        <v>1</v>
      </c>
      <c r="C48435" s="14" t="s">
        <v>191</v>
      </c>
      <c r="D48435" s="14" t="s">
        <v>116</v>
      </c>
      <c r="E48435" s="15">
        <v>45631</v>
      </c>
      <c r="F48435" s="14" t="s">
        <v>15</v>
      </c>
      <c r="G48435" s="16">
        <v>0</v>
      </c>
    </row>
    <row r="48436" spans="1:7" x14ac:dyDescent="0.3">
      <c r="A48436" s="13" t="s">
        <v>275</v>
      </c>
      <c r="B48436" s="14" t="s">
        <v>1</v>
      </c>
      <c r="C48436" s="14" t="s">
        <v>191</v>
      </c>
      <c r="D48436" s="14" t="s">
        <v>116</v>
      </c>
      <c r="E48436" s="15">
        <v>45632</v>
      </c>
      <c r="F48436" s="14" t="s">
        <v>15</v>
      </c>
      <c r="G48436" s="16">
        <v>0</v>
      </c>
    </row>
    <row r="48437" spans="1:7" x14ac:dyDescent="0.3">
      <c r="A48437" s="13" t="s">
        <v>275</v>
      </c>
      <c r="B48437" s="14" t="s">
        <v>1</v>
      </c>
      <c r="C48437" s="14" t="s">
        <v>191</v>
      </c>
      <c r="D48437" s="14" t="s">
        <v>116</v>
      </c>
      <c r="E48437" s="15">
        <v>45633</v>
      </c>
      <c r="F48437" s="14" t="s">
        <v>15</v>
      </c>
      <c r="G48437" s="16">
        <v>0</v>
      </c>
    </row>
    <row r="48438" spans="1:7" x14ac:dyDescent="0.3">
      <c r="A48438" s="13" t="s">
        <v>275</v>
      </c>
      <c r="B48438" s="14" t="s">
        <v>1</v>
      </c>
      <c r="C48438" s="14" t="s">
        <v>191</v>
      </c>
      <c r="D48438" s="14" t="s">
        <v>116</v>
      </c>
      <c r="E48438" s="15">
        <v>45634</v>
      </c>
      <c r="F48438" s="14" t="s">
        <v>15</v>
      </c>
      <c r="G48438" s="16">
        <v>0</v>
      </c>
    </row>
    <row r="48439" spans="1:7" x14ac:dyDescent="0.3">
      <c r="A48439" s="13" t="s">
        <v>275</v>
      </c>
      <c r="B48439" s="14" t="s">
        <v>1</v>
      </c>
      <c r="C48439" s="14" t="s">
        <v>191</v>
      </c>
      <c r="D48439" s="14" t="s">
        <v>116</v>
      </c>
      <c r="E48439" s="15">
        <v>45635</v>
      </c>
      <c r="F48439" s="14" t="s">
        <v>15</v>
      </c>
      <c r="G48439" s="16">
        <v>0</v>
      </c>
    </row>
    <row r="48440" spans="1:7" x14ac:dyDescent="0.3">
      <c r="A48440" s="13" t="s">
        <v>275</v>
      </c>
      <c r="B48440" s="14" t="s">
        <v>1</v>
      </c>
      <c r="C48440" s="14" t="s">
        <v>191</v>
      </c>
      <c r="D48440" s="14" t="s">
        <v>116</v>
      </c>
      <c r="E48440" s="15">
        <v>45636</v>
      </c>
      <c r="F48440" s="14" t="s">
        <v>15</v>
      </c>
      <c r="G48440" s="16">
        <v>0</v>
      </c>
    </row>
    <row r="48441" spans="1:7" x14ac:dyDescent="0.3">
      <c r="A48441" s="13" t="s">
        <v>275</v>
      </c>
      <c r="B48441" s="14" t="s">
        <v>1</v>
      </c>
      <c r="C48441" s="14" t="s">
        <v>191</v>
      </c>
      <c r="D48441" s="14" t="s">
        <v>116</v>
      </c>
      <c r="E48441" s="15">
        <v>45637</v>
      </c>
      <c r="F48441" s="14" t="s">
        <v>15</v>
      </c>
      <c r="G48441" s="16">
        <v>0</v>
      </c>
    </row>
    <row r="48442" spans="1:7" x14ac:dyDescent="0.3">
      <c r="A48442" s="13" t="s">
        <v>275</v>
      </c>
      <c r="B48442" s="14" t="s">
        <v>1</v>
      </c>
      <c r="C48442" s="14" t="s">
        <v>191</v>
      </c>
      <c r="D48442" s="14" t="s">
        <v>116</v>
      </c>
      <c r="E48442" s="15">
        <v>45638</v>
      </c>
      <c r="F48442" s="14" t="s">
        <v>15</v>
      </c>
      <c r="G48442" s="16">
        <v>0</v>
      </c>
    </row>
    <row r="48443" spans="1:7" x14ac:dyDescent="0.3">
      <c r="A48443" s="13" t="s">
        <v>275</v>
      </c>
      <c r="B48443" s="14" t="s">
        <v>1</v>
      </c>
      <c r="C48443" s="14" t="s">
        <v>191</v>
      </c>
      <c r="D48443" s="14" t="s">
        <v>116</v>
      </c>
      <c r="E48443" s="15">
        <v>45639</v>
      </c>
      <c r="F48443" s="14" t="s">
        <v>15</v>
      </c>
      <c r="G48443" s="16">
        <v>0</v>
      </c>
    </row>
    <row r="48444" spans="1:7" x14ac:dyDescent="0.3">
      <c r="A48444" s="13" t="s">
        <v>275</v>
      </c>
      <c r="B48444" s="14" t="s">
        <v>1</v>
      </c>
      <c r="C48444" s="14" t="s">
        <v>191</v>
      </c>
      <c r="D48444" s="14" t="s">
        <v>116</v>
      </c>
      <c r="E48444" s="15">
        <v>45640</v>
      </c>
      <c r="F48444" s="14" t="s">
        <v>15</v>
      </c>
      <c r="G48444" s="16">
        <v>0</v>
      </c>
    </row>
    <row r="48445" spans="1:7" x14ac:dyDescent="0.3">
      <c r="A48445" s="13" t="s">
        <v>275</v>
      </c>
      <c r="B48445" s="14" t="s">
        <v>1</v>
      </c>
      <c r="C48445" s="14" t="s">
        <v>191</v>
      </c>
      <c r="D48445" s="14" t="s">
        <v>116</v>
      </c>
      <c r="E48445" s="15">
        <v>45641</v>
      </c>
      <c r="F48445" s="14" t="s">
        <v>15</v>
      </c>
      <c r="G48445" s="16">
        <v>0</v>
      </c>
    </row>
    <row r="48446" spans="1:7" x14ac:dyDescent="0.3">
      <c r="A48446" s="13" t="s">
        <v>275</v>
      </c>
      <c r="B48446" s="14" t="s">
        <v>1</v>
      </c>
      <c r="C48446" s="14" t="s">
        <v>191</v>
      </c>
      <c r="D48446" s="14" t="s">
        <v>116</v>
      </c>
      <c r="E48446" s="15">
        <v>45642</v>
      </c>
      <c r="F48446" s="14" t="s">
        <v>15</v>
      </c>
      <c r="G48446" s="16">
        <v>0</v>
      </c>
    </row>
    <row r="48447" spans="1:7" x14ac:dyDescent="0.3">
      <c r="A48447" s="13" t="s">
        <v>275</v>
      </c>
      <c r="B48447" s="14" t="s">
        <v>1</v>
      </c>
      <c r="C48447" s="14" t="s">
        <v>191</v>
      </c>
      <c r="D48447" s="14" t="s">
        <v>116</v>
      </c>
      <c r="E48447" s="15">
        <v>45643</v>
      </c>
      <c r="F48447" s="14" t="s">
        <v>15</v>
      </c>
      <c r="G48447" s="16">
        <v>0</v>
      </c>
    </row>
    <row r="48448" spans="1:7" x14ac:dyDescent="0.3">
      <c r="A48448" s="13" t="s">
        <v>275</v>
      </c>
      <c r="B48448" s="14" t="s">
        <v>1</v>
      </c>
      <c r="C48448" s="14" t="s">
        <v>191</v>
      </c>
      <c r="D48448" s="14" t="s">
        <v>116</v>
      </c>
      <c r="E48448" s="15">
        <v>45644</v>
      </c>
      <c r="F48448" s="14" t="s">
        <v>15</v>
      </c>
      <c r="G48448" s="16">
        <v>0</v>
      </c>
    </row>
    <row r="48449" spans="1:7" x14ac:dyDescent="0.3">
      <c r="A48449" s="13" t="s">
        <v>275</v>
      </c>
      <c r="B48449" s="14" t="s">
        <v>1</v>
      </c>
      <c r="C48449" s="14" t="s">
        <v>191</v>
      </c>
      <c r="D48449" s="14" t="s">
        <v>116</v>
      </c>
      <c r="E48449" s="15">
        <v>45645</v>
      </c>
      <c r="F48449" s="14" t="s">
        <v>15</v>
      </c>
      <c r="G48449" s="16">
        <v>0</v>
      </c>
    </row>
    <row r="48450" spans="1:7" x14ac:dyDescent="0.3">
      <c r="A48450" s="13" t="s">
        <v>275</v>
      </c>
      <c r="B48450" s="14" t="s">
        <v>1</v>
      </c>
      <c r="C48450" s="14" t="s">
        <v>191</v>
      </c>
      <c r="D48450" s="14" t="s">
        <v>116</v>
      </c>
      <c r="E48450" s="15">
        <v>45646</v>
      </c>
      <c r="F48450" s="14" t="s">
        <v>15</v>
      </c>
      <c r="G48450" s="16">
        <v>0</v>
      </c>
    </row>
    <row r="48451" spans="1:7" x14ac:dyDescent="0.3">
      <c r="A48451" s="13" t="s">
        <v>275</v>
      </c>
      <c r="B48451" s="14" t="s">
        <v>1</v>
      </c>
      <c r="C48451" s="14" t="s">
        <v>191</v>
      </c>
      <c r="D48451" s="14" t="s">
        <v>116</v>
      </c>
      <c r="E48451" s="15">
        <v>45647</v>
      </c>
      <c r="F48451" s="14" t="s">
        <v>15</v>
      </c>
      <c r="G48451" s="16">
        <v>0</v>
      </c>
    </row>
    <row r="48452" spans="1:7" x14ac:dyDescent="0.3">
      <c r="A48452" s="13" t="s">
        <v>275</v>
      </c>
      <c r="B48452" s="14" t="s">
        <v>1</v>
      </c>
      <c r="C48452" s="14" t="s">
        <v>191</v>
      </c>
      <c r="D48452" s="14" t="s">
        <v>116</v>
      </c>
      <c r="E48452" s="15">
        <v>45648</v>
      </c>
      <c r="F48452" s="14" t="s">
        <v>15</v>
      </c>
      <c r="G48452" s="16">
        <v>0</v>
      </c>
    </row>
    <row r="48453" spans="1:7" x14ac:dyDescent="0.3">
      <c r="A48453" s="13" t="s">
        <v>275</v>
      </c>
      <c r="B48453" s="14" t="s">
        <v>1</v>
      </c>
      <c r="C48453" s="14" t="s">
        <v>191</v>
      </c>
      <c r="D48453" s="14" t="s">
        <v>116</v>
      </c>
      <c r="E48453" s="15">
        <v>45649</v>
      </c>
      <c r="F48453" s="14" t="s">
        <v>15</v>
      </c>
      <c r="G48453" s="16">
        <v>0</v>
      </c>
    </row>
    <row r="48454" spans="1:7" x14ac:dyDescent="0.3">
      <c r="A48454" s="13" t="s">
        <v>275</v>
      </c>
      <c r="B48454" s="14" t="s">
        <v>1</v>
      </c>
      <c r="C48454" s="14" t="s">
        <v>191</v>
      </c>
      <c r="D48454" s="14" t="s">
        <v>116</v>
      </c>
      <c r="E48454" s="15">
        <v>45650</v>
      </c>
      <c r="F48454" s="14" t="s">
        <v>15</v>
      </c>
      <c r="G48454" s="16">
        <v>0</v>
      </c>
    </row>
    <row r="48455" spans="1:7" x14ac:dyDescent="0.3">
      <c r="A48455" s="13" t="s">
        <v>275</v>
      </c>
      <c r="B48455" s="14" t="s">
        <v>1</v>
      </c>
      <c r="C48455" s="14" t="s">
        <v>191</v>
      </c>
      <c r="D48455" s="14" t="s">
        <v>116</v>
      </c>
      <c r="E48455" s="15">
        <v>45651</v>
      </c>
      <c r="F48455" s="14" t="s">
        <v>15</v>
      </c>
      <c r="G48455" s="16">
        <v>0</v>
      </c>
    </row>
    <row r="48456" spans="1:7" x14ac:dyDescent="0.3">
      <c r="A48456" s="13" t="s">
        <v>275</v>
      </c>
      <c r="B48456" s="14" t="s">
        <v>1</v>
      </c>
      <c r="C48456" s="14" t="s">
        <v>191</v>
      </c>
      <c r="D48456" s="14" t="s">
        <v>116</v>
      </c>
      <c r="E48456" s="15">
        <v>45652</v>
      </c>
      <c r="F48456" s="14" t="s">
        <v>15</v>
      </c>
      <c r="G48456" s="16">
        <v>0</v>
      </c>
    </row>
    <row r="48457" spans="1:7" x14ac:dyDescent="0.3">
      <c r="A48457" s="13" t="s">
        <v>275</v>
      </c>
      <c r="B48457" s="14" t="s">
        <v>1</v>
      </c>
      <c r="C48457" s="14" t="s">
        <v>191</v>
      </c>
      <c r="D48457" s="14" t="s">
        <v>116</v>
      </c>
      <c r="E48457" s="15">
        <v>45653</v>
      </c>
      <c r="F48457" s="14" t="s">
        <v>15</v>
      </c>
      <c r="G48457" s="16">
        <v>0</v>
      </c>
    </row>
    <row r="48458" spans="1:7" x14ac:dyDescent="0.3">
      <c r="A48458" s="13" t="s">
        <v>275</v>
      </c>
      <c r="B48458" s="14" t="s">
        <v>1</v>
      </c>
      <c r="C48458" s="14" t="s">
        <v>191</v>
      </c>
      <c r="D48458" s="14" t="s">
        <v>116</v>
      </c>
      <c r="E48458" s="15">
        <v>45654</v>
      </c>
      <c r="F48458" s="14" t="s">
        <v>15</v>
      </c>
      <c r="G48458" s="16">
        <v>0</v>
      </c>
    </row>
    <row r="48459" spans="1:7" x14ac:dyDescent="0.3">
      <c r="A48459" s="13" t="s">
        <v>275</v>
      </c>
      <c r="B48459" s="14" t="s">
        <v>1</v>
      </c>
      <c r="C48459" s="14" t="s">
        <v>191</v>
      </c>
      <c r="D48459" s="14" t="s">
        <v>116</v>
      </c>
      <c r="E48459" s="15">
        <v>45655</v>
      </c>
      <c r="F48459" s="14" t="s">
        <v>15</v>
      </c>
      <c r="G48459" s="16">
        <v>0</v>
      </c>
    </row>
    <row r="48460" spans="1:7" x14ac:dyDescent="0.3">
      <c r="A48460" s="13" t="s">
        <v>275</v>
      </c>
      <c r="B48460" s="14" t="s">
        <v>1</v>
      </c>
      <c r="C48460" s="14" t="s">
        <v>191</v>
      </c>
      <c r="D48460" s="14" t="s">
        <v>116</v>
      </c>
      <c r="E48460" s="15">
        <v>45656</v>
      </c>
      <c r="F48460" s="14" t="s">
        <v>15</v>
      </c>
      <c r="G48460" s="16">
        <v>0</v>
      </c>
    </row>
    <row r="48461" spans="1:7" x14ac:dyDescent="0.3">
      <c r="A48461" s="13" t="s">
        <v>275</v>
      </c>
      <c r="B48461" s="14" t="s">
        <v>1</v>
      </c>
      <c r="C48461" s="14" t="s">
        <v>191</v>
      </c>
      <c r="D48461" s="14" t="s">
        <v>116</v>
      </c>
      <c r="E48461" s="15">
        <v>45657</v>
      </c>
      <c r="F48461" s="14" t="s">
        <v>15</v>
      </c>
      <c r="G48461" s="16">
        <v>0</v>
      </c>
    </row>
    <row r="48462" spans="1:7" x14ac:dyDescent="0.3">
      <c r="A48462" s="13" t="s">
        <v>275</v>
      </c>
      <c r="B48462" s="14" t="s">
        <v>1</v>
      </c>
      <c r="C48462" s="14" t="s">
        <v>191</v>
      </c>
      <c r="D48462" s="14" t="s">
        <v>116</v>
      </c>
      <c r="E48462" s="15">
        <v>45658</v>
      </c>
      <c r="F48462" s="14" t="s">
        <v>15</v>
      </c>
      <c r="G48462" s="16">
        <v>0</v>
      </c>
    </row>
    <row r="48463" spans="1:7" x14ac:dyDescent="0.3">
      <c r="A48463" s="13" t="s">
        <v>275</v>
      </c>
      <c r="B48463" s="14" t="s">
        <v>1</v>
      </c>
      <c r="C48463" s="14" t="s">
        <v>191</v>
      </c>
      <c r="D48463" s="14" t="s">
        <v>116</v>
      </c>
      <c r="E48463" s="15">
        <v>45659</v>
      </c>
      <c r="F48463" s="14" t="s">
        <v>15</v>
      </c>
      <c r="G48463" s="16">
        <v>0</v>
      </c>
    </row>
    <row r="48464" spans="1:7" x14ac:dyDescent="0.3">
      <c r="A48464" s="13" t="s">
        <v>275</v>
      </c>
      <c r="B48464" s="14" t="s">
        <v>1</v>
      </c>
      <c r="C48464" s="14" t="s">
        <v>191</v>
      </c>
      <c r="D48464" s="14" t="s">
        <v>116</v>
      </c>
      <c r="E48464" s="15">
        <v>45660</v>
      </c>
      <c r="F48464" s="14" t="s">
        <v>15</v>
      </c>
      <c r="G48464" s="16">
        <v>0</v>
      </c>
    </row>
    <row r="48465" spans="1:7" x14ac:dyDescent="0.3">
      <c r="A48465" s="13" t="s">
        <v>275</v>
      </c>
      <c r="B48465" s="14" t="s">
        <v>1</v>
      </c>
      <c r="C48465" s="14" t="s">
        <v>191</v>
      </c>
      <c r="D48465" s="14" t="s">
        <v>116</v>
      </c>
      <c r="E48465" s="15">
        <v>45661</v>
      </c>
      <c r="F48465" s="14" t="s">
        <v>15</v>
      </c>
      <c r="G48465" s="16">
        <v>0</v>
      </c>
    </row>
    <row r="48466" spans="1:7" x14ac:dyDescent="0.3">
      <c r="A48466" s="13" t="s">
        <v>275</v>
      </c>
      <c r="B48466" s="14" t="s">
        <v>1</v>
      </c>
      <c r="C48466" s="14" t="s">
        <v>191</v>
      </c>
      <c r="D48466" s="14" t="s">
        <v>116</v>
      </c>
      <c r="E48466" s="15">
        <v>45662</v>
      </c>
      <c r="F48466" s="14" t="s">
        <v>15</v>
      </c>
      <c r="G48466" s="16">
        <v>0</v>
      </c>
    </row>
    <row r="48467" spans="1:7" x14ac:dyDescent="0.3">
      <c r="A48467" s="13" t="s">
        <v>275</v>
      </c>
      <c r="B48467" s="14" t="s">
        <v>1</v>
      </c>
      <c r="C48467" s="14" t="s">
        <v>191</v>
      </c>
      <c r="D48467" s="14" t="s">
        <v>116</v>
      </c>
      <c r="E48467" s="15">
        <v>45663</v>
      </c>
      <c r="F48467" s="14" t="s">
        <v>15</v>
      </c>
      <c r="G48467" s="16">
        <v>0</v>
      </c>
    </row>
    <row r="48468" spans="1:7" x14ac:dyDescent="0.3">
      <c r="A48468" s="13" t="s">
        <v>275</v>
      </c>
      <c r="B48468" s="14" t="s">
        <v>1</v>
      </c>
      <c r="C48468" s="14" t="s">
        <v>191</v>
      </c>
      <c r="D48468" s="14" t="s">
        <v>116</v>
      </c>
      <c r="E48468" s="15">
        <v>45664</v>
      </c>
      <c r="F48468" s="14" t="s">
        <v>15</v>
      </c>
      <c r="G48468" s="16">
        <v>0</v>
      </c>
    </row>
    <row r="48469" spans="1:7" x14ac:dyDescent="0.3">
      <c r="A48469" s="13" t="s">
        <v>275</v>
      </c>
      <c r="B48469" s="14" t="s">
        <v>1</v>
      </c>
      <c r="C48469" s="14" t="s">
        <v>191</v>
      </c>
      <c r="D48469" s="14" t="s">
        <v>116</v>
      </c>
      <c r="E48469" s="15">
        <v>45665</v>
      </c>
      <c r="F48469" s="14" t="s">
        <v>15</v>
      </c>
      <c r="G48469" s="16">
        <v>0</v>
      </c>
    </row>
    <row r="48470" spans="1:7" x14ac:dyDescent="0.3">
      <c r="A48470" s="13" t="s">
        <v>275</v>
      </c>
      <c r="B48470" s="14" t="s">
        <v>1</v>
      </c>
      <c r="C48470" s="14" t="s">
        <v>191</v>
      </c>
      <c r="D48470" s="14" t="s">
        <v>116</v>
      </c>
      <c r="E48470" s="15">
        <v>45666</v>
      </c>
      <c r="F48470" s="14" t="s">
        <v>15</v>
      </c>
      <c r="G48470" s="16">
        <v>0</v>
      </c>
    </row>
    <row r="48471" spans="1:7" x14ac:dyDescent="0.3">
      <c r="A48471" s="13" t="s">
        <v>275</v>
      </c>
      <c r="B48471" s="14" t="s">
        <v>1</v>
      </c>
      <c r="C48471" s="14" t="s">
        <v>191</v>
      </c>
      <c r="D48471" s="14" t="s">
        <v>116</v>
      </c>
      <c r="E48471" s="15">
        <v>45667</v>
      </c>
      <c r="F48471" s="14" t="s">
        <v>15</v>
      </c>
      <c r="G48471" s="16">
        <v>0</v>
      </c>
    </row>
    <row r="48472" spans="1:7" x14ac:dyDescent="0.3">
      <c r="A48472" s="13" t="s">
        <v>275</v>
      </c>
      <c r="B48472" s="14" t="s">
        <v>1</v>
      </c>
      <c r="C48472" s="14" t="s">
        <v>191</v>
      </c>
      <c r="D48472" s="14" t="s">
        <v>116</v>
      </c>
      <c r="E48472" s="15">
        <v>45668</v>
      </c>
      <c r="F48472" s="14" t="s">
        <v>15</v>
      </c>
      <c r="G48472" s="16">
        <v>0</v>
      </c>
    </row>
    <row r="48473" spans="1:7" x14ac:dyDescent="0.3">
      <c r="A48473" s="13" t="s">
        <v>275</v>
      </c>
      <c r="B48473" s="14" t="s">
        <v>1</v>
      </c>
      <c r="C48473" s="14" t="s">
        <v>191</v>
      </c>
      <c r="D48473" s="14" t="s">
        <v>116</v>
      </c>
      <c r="E48473" s="15">
        <v>45669</v>
      </c>
      <c r="F48473" s="14" t="s">
        <v>15</v>
      </c>
      <c r="G48473" s="16">
        <v>0</v>
      </c>
    </row>
    <row r="48474" spans="1:7" x14ac:dyDescent="0.3">
      <c r="A48474" s="13" t="s">
        <v>275</v>
      </c>
      <c r="B48474" s="14" t="s">
        <v>1</v>
      </c>
      <c r="C48474" s="14" t="s">
        <v>191</v>
      </c>
      <c r="D48474" s="14" t="s">
        <v>116</v>
      </c>
      <c r="E48474" s="15">
        <v>45670</v>
      </c>
      <c r="F48474" s="14" t="s">
        <v>15</v>
      </c>
      <c r="G48474" s="16">
        <v>0</v>
      </c>
    </row>
    <row r="48475" spans="1:7" x14ac:dyDescent="0.3">
      <c r="A48475" s="13" t="s">
        <v>275</v>
      </c>
      <c r="B48475" s="14" t="s">
        <v>1</v>
      </c>
      <c r="C48475" s="14" t="s">
        <v>191</v>
      </c>
      <c r="D48475" s="14" t="s">
        <v>116</v>
      </c>
      <c r="E48475" s="15">
        <v>45671</v>
      </c>
      <c r="F48475" s="14" t="s">
        <v>15</v>
      </c>
      <c r="G48475" s="16">
        <v>0</v>
      </c>
    </row>
    <row r="48476" spans="1:7" x14ac:dyDescent="0.3">
      <c r="A48476" s="13" t="s">
        <v>275</v>
      </c>
      <c r="B48476" s="14" t="s">
        <v>1</v>
      </c>
      <c r="C48476" s="14" t="s">
        <v>191</v>
      </c>
      <c r="D48476" s="14" t="s">
        <v>116</v>
      </c>
      <c r="E48476" s="15">
        <v>45672</v>
      </c>
      <c r="F48476" s="14" t="s">
        <v>15</v>
      </c>
      <c r="G48476" s="16">
        <v>0</v>
      </c>
    </row>
    <row r="48477" spans="1:7" x14ac:dyDescent="0.3">
      <c r="A48477" s="13" t="s">
        <v>275</v>
      </c>
      <c r="B48477" s="14" t="s">
        <v>1</v>
      </c>
      <c r="C48477" s="14" t="s">
        <v>191</v>
      </c>
      <c r="D48477" s="14" t="s">
        <v>116</v>
      </c>
      <c r="E48477" s="15">
        <v>45673</v>
      </c>
      <c r="F48477" s="14" t="s">
        <v>15</v>
      </c>
      <c r="G48477" s="16">
        <v>0</v>
      </c>
    </row>
    <row r="48478" spans="1:7" x14ac:dyDescent="0.3">
      <c r="A48478" s="13" t="s">
        <v>275</v>
      </c>
      <c r="B48478" s="14" t="s">
        <v>1</v>
      </c>
      <c r="C48478" s="14" t="s">
        <v>191</v>
      </c>
      <c r="D48478" s="14" t="s">
        <v>116</v>
      </c>
      <c r="E48478" s="15">
        <v>45674</v>
      </c>
      <c r="F48478" s="14" t="s">
        <v>15</v>
      </c>
      <c r="G48478" s="16">
        <v>0</v>
      </c>
    </row>
    <row r="48479" spans="1:7" x14ac:dyDescent="0.3">
      <c r="A48479" s="13" t="s">
        <v>275</v>
      </c>
      <c r="B48479" s="14" t="s">
        <v>1</v>
      </c>
      <c r="C48479" s="14" t="s">
        <v>191</v>
      </c>
      <c r="D48479" s="14" t="s">
        <v>116</v>
      </c>
      <c r="E48479" s="15">
        <v>45675</v>
      </c>
      <c r="F48479" s="14" t="s">
        <v>15</v>
      </c>
      <c r="G48479" s="16">
        <v>0</v>
      </c>
    </row>
    <row r="48480" spans="1:7" x14ac:dyDescent="0.3">
      <c r="A48480" s="13" t="s">
        <v>275</v>
      </c>
      <c r="B48480" s="14" t="s">
        <v>1</v>
      </c>
      <c r="C48480" s="14" t="s">
        <v>191</v>
      </c>
      <c r="D48480" s="14" t="s">
        <v>116</v>
      </c>
      <c r="E48480" s="15">
        <v>45676</v>
      </c>
      <c r="F48480" s="14" t="s">
        <v>15</v>
      </c>
      <c r="G48480" s="16">
        <v>0</v>
      </c>
    </row>
    <row r="48481" spans="1:7" x14ac:dyDescent="0.3">
      <c r="A48481" s="13" t="s">
        <v>275</v>
      </c>
      <c r="B48481" s="14" t="s">
        <v>1</v>
      </c>
      <c r="C48481" s="14" t="s">
        <v>191</v>
      </c>
      <c r="D48481" s="14" t="s">
        <v>116</v>
      </c>
      <c r="E48481" s="15">
        <v>45677</v>
      </c>
      <c r="F48481" s="14" t="s">
        <v>15</v>
      </c>
      <c r="G48481" s="16">
        <v>0</v>
      </c>
    </row>
    <row r="48482" spans="1:7" x14ac:dyDescent="0.3">
      <c r="A48482" s="13" t="s">
        <v>275</v>
      </c>
      <c r="B48482" s="14" t="s">
        <v>1</v>
      </c>
      <c r="C48482" s="14" t="s">
        <v>191</v>
      </c>
      <c r="D48482" s="14" t="s">
        <v>116</v>
      </c>
      <c r="E48482" s="15">
        <v>45678</v>
      </c>
      <c r="F48482" s="14" t="s">
        <v>15</v>
      </c>
      <c r="G48482" s="16">
        <v>0</v>
      </c>
    </row>
    <row r="48483" spans="1:7" x14ac:dyDescent="0.3">
      <c r="A48483" s="13" t="s">
        <v>275</v>
      </c>
      <c r="B48483" s="14" t="s">
        <v>1</v>
      </c>
      <c r="C48483" s="14" t="s">
        <v>191</v>
      </c>
      <c r="D48483" s="14" t="s">
        <v>116</v>
      </c>
      <c r="E48483" s="15">
        <v>45679</v>
      </c>
      <c r="F48483" s="14" t="s">
        <v>15</v>
      </c>
      <c r="G48483" s="16">
        <v>0</v>
      </c>
    </row>
    <row r="48484" spans="1:7" x14ac:dyDescent="0.3">
      <c r="A48484" s="13" t="s">
        <v>275</v>
      </c>
      <c r="B48484" s="14" t="s">
        <v>1</v>
      </c>
      <c r="C48484" s="14" t="s">
        <v>191</v>
      </c>
      <c r="D48484" s="14" t="s">
        <v>116</v>
      </c>
      <c r="E48484" s="15">
        <v>45680</v>
      </c>
      <c r="F48484" s="14" t="s">
        <v>15</v>
      </c>
      <c r="G48484" s="16">
        <v>0</v>
      </c>
    </row>
    <row r="48485" spans="1:7" x14ac:dyDescent="0.3">
      <c r="A48485" s="13" t="s">
        <v>275</v>
      </c>
      <c r="B48485" s="14" t="s">
        <v>1</v>
      </c>
      <c r="C48485" s="14" t="s">
        <v>191</v>
      </c>
      <c r="D48485" s="14" t="s">
        <v>116</v>
      </c>
      <c r="E48485" s="15">
        <v>45681</v>
      </c>
      <c r="F48485" s="14" t="s">
        <v>15</v>
      </c>
      <c r="G48485" s="16">
        <v>0</v>
      </c>
    </row>
    <row r="48486" spans="1:7" x14ac:dyDescent="0.3">
      <c r="A48486" s="13" t="s">
        <v>275</v>
      </c>
      <c r="B48486" s="14" t="s">
        <v>1</v>
      </c>
      <c r="C48486" s="14" t="s">
        <v>191</v>
      </c>
      <c r="D48486" s="14" t="s">
        <v>116</v>
      </c>
      <c r="E48486" s="15">
        <v>45682</v>
      </c>
      <c r="F48486" s="14" t="s">
        <v>15</v>
      </c>
      <c r="G48486" s="16">
        <v>0</v>
      </c>
    </row>
    <row r="48487" spans="1:7" x14ac:dyDescent="0.3">
      <c r="A48487" s="13" t="s">
        <v>275</v>
      </c>
      <c r="B48487" s="14" t="s">
        <v>1</v>
      </c>
      <c r="C48487" s="14" t="s">
        <v>191</v>
      </c>
      <c r="D48487" s="14" t="s">
        <v>116</v>
      </c>
      <c r="E48487" s="15">
        <v>45683</v>
      </c>
      <c r="F48487" s="14" t="s">
        <v>15</v>
      </c>
      <c r="G48487" s="16">
        <v>0</v>
      </c>
    </row>
    <row r="48488" spans="1:7" x14ac:dyDescent="0.3">
      <c r="A48488" s="13" t="s">
        <v>275</v>
      </c>
      <c r="B48488" s="14" t="s">
        <v>1</v>
      </c>
      <c r="C48488" s="14" t="s">
        <v>191</v>
      </c>
      <c r="D48488" s="14" t="s">
        <v>116</v>
      </c>
      <c r="E48488" s="15">
        <v>45684</v>
      </c>
      <c r="F48488" s="14" t="s">
        <v>15</v>
      </c>
      <c r="G48488" s="16">
        <v>0</v>
      </c>
    </row>
    <row r="48489" spans="1:7" x14ac:dyDescent="0.3">
      <c r="A48489" s="13" t="s">
        <v>275</v>
      </c>
      <c r="B48489" s="14" t="s">
        <v>1</v>
      </c>
      <c r="C48489" s="14" t="s">
        <v>191</v>
      </c>
      <c r="D48489" s="14" t="s">
        <v>116</v>
      </c>
      <c r="E48489" s="15">
        <v>45685</v>
      </c>
      <c r="F48489" s="14" t="s">
        <v>15</v>
      </c>
      <c r="G48489" s="16">
        <v>0</v>
      </c>
    </row>
    <row r="48490" spans="1:7" x14ac:dyDescent="0.3">
      <c r="A48490" s="13" t="s">
        <v>275</v>
      </c>
      <c r="B48490" s="14" t="s">
        <v>1</v>
      </c>
      <c r="C48490" s="14" t="s">
        <v>191</v>
      </c>
      <c r="D48490" s="14" t="s">
        <v>116</v>
      </c>
      <c r="E48490" s="15">
        <v>45686</v>
      </c>
      <c r="F48490" s="14" t="s">
        <v>15</v>
      </c>
      <c r="G48490" s="16">
        <v>0</v>
      </c>
    </row>
    <row r="48491" spans="1:7" x14ac:dyDescent="0.3">
      <c r="A48491" s="13" t="s">
        <v>275</v>
      </c>
      <c r="B48491" s="14" t="s">
        <v>1</v>
      </c>
      <c r="C48491" s="14" t="s">
        <v>191</v>
      </c>
      <c r="D48491" s="14" t="s">
        <v>116</v>
      </c>
      <c r="E48491" s="15">
        <v>45687</v>
      </c>
      <c r="F48491" s="14" t="s">
        <v>15</v>
      </c>
      <c r="G48491" s="16">
        <v>0</v>
      </c>
    </row>
    <row r="48492" spans="1:7" x14ac:dyDescent="0.3">
      <c r="A48492" s="13" t="s">
        <v>275</v>
      </c>
      <c r="B48492" s="14" t="s">
        <v>1</v>
      </c>
      <c r="C48492" s="14" t="s">
        <v>191</v>
      </c>
      <c r="D48492" s="14" t="s">
        <v>116</v>
      </c>
      <c r="E48492" s="15">
        <v>45688</v>
      </c>
      <c r="F48492" s="14" t="s">
        <v>15</v>
      </c>
      <c r="G48492" s="16">
        <v>0</v>
      </c>
    </row>
    <row r="48493" spans="1:7" x14ac:dyDescent="0.3">
      <c r="A48493" s="13" t="s">
        <v>275</v>
      </c>
      <c r="B48493" s="14" t="s">
        <v>1</v>
      </c>
      <c r="C48493" s="14" t="s">
        <v>191</v>
      </c>
      <c r="D48493" s="14" t="s">
        <v>116</v>
      </c>
      <c r="E48493" s="15">
        <v>45689</v>
      </c>
      <c r="F48493" s="14" t="s">
        <v>15</v>
      </c>
      <c r="G48493" s="16">
        <v>0</v>
      </c>
    </row>
    <row r="48494" spans="1:7" x14ac:dyDescent="0.3">
      <c r="A48494" s="13" t="s">
        <v>275</v>
      </c>
      <c r="B48494" s="14" t="s">
        <v>1</v>
      </c>
      <c r="C48494" s="14" t="s">
        <v>191</v>
      </c>
      <c r="D48494" s="14" t="s">
        <v>116</v>
      </c>
      <c r="E48494" s="15">
        <v>45690</v>
      </c>
      <c r="F48494" s="14" t="s">
        <v>15</v>
      </c>
      <c r="G48494" s="16">
        <v>0</v>
      </c>
    </row>
    <row r="48495" spans="1:7" x14ac:dyDescent="0.3">
      <c r="A48495" s="13" t="s">
        <v>275</v>
      </c>
      <c r="B48495" s="14" t="s">
        <v>1</v>
      </c>
      <c r="C48495" s="14" t="s">
        <v>191</v>
      </c>
      <c r="D48495" s="14" t="s">
        <v>116</v>
      </c>
      <c r="E48495" s="15">
        <v>45691</v>
      </c>
      <c r="F48495" s="14" t="s">
        <v>15</v>
      </c>
      <c r="G48495" s="16">
        <v>0</v>
      </c>
    </row>
    <row r="48496" spans="1:7" x14ac:dyDescent="0.3">
      <c r="A48496" s="13" t="s">
        <v>275</v>
      </c>
      <c r="B48496" s="14" t="s">
        <v>1</v>
      </c>
      <c r="C48496" s="14" t="s">
        <v>191</v>
      </c>
      <c r="D48496" s="14" t="s">
        <v>116</v>
      </c>
      <c r="E48496" s="15">
        <v>45692</v>
      </c>
      <c r="F48496" s="14" t="s">
        <v>15</v>
      </c>
      <c r="G48496" s="16">
        <v>0</v>
      </c>
    </row>
    <row r="48497" spans="1:7" x14ac:dyDescent="0.3">
      <c r="A48497" s="13" t="s">
        <v>275</v>
      </c>
      <c r="B48497" s="14" t="s">
        <v>1</v>
      </c>
      <c r="C48497" s="14" t="s">
        <v>191</v>
      </c>
      <c r="D48497" s="14" t="s">
        <v>116</v>
      </c>
      <c r="E48497" s="15">
        <v>45693</v>
      </c>
      <c r="F48497" s="14" t="s">
        <v>15</v>
      </c>
      <c r="G48497" s="16">
        <v>0</v>
      </c>
    </row>
    <row r="48498" spans="1:7" x14ac:dyDescent="0.3">
      <c r="A48498" s="13" t="s">
        <v>275</v>
      </c>
      <c r="B48498" s="14" t="s">
        <v>1</v>
      </c>
      <c r="C48498" s="14" t="s">
        <v>191</v>
      </c>
      <c r="D48498" s="14" t="s">
        <v>116</v>
      </c>
      <c r="E48498" s="15">
        <v>45694</v>
      </c>
      <c r="F48498" s="14" t="s">
        <v>15</v>
      </c>
      <c r="G48498" s="16">
        <v>0</v>
      </c>
    </row>
    <row r="48499" spans="1:7" x14ac:dyDescent="0.3">
      <c r="A48499" s="13" t="s">
        <v>275</v>
      </c>
      <c r="B48499" s="14" t="s">
        <v>1</v>
      </c>
      <c r="C48499" s="14" t="s">
        <v>191</v>
      </c>
      <c r="D48499" s="14" t="s">
        <v>116</v>
      </c>
      <c r="E48499" s="15">
        <v>45695</v>
      </c>
      <c r="F48499" s="14" t="s">
        <v>15</v>
      </c>
      <c r="G48499" s="16">
        <v>0</v>
      </c>
    </row>
    <row r="48500" spans="1:7" x14ac:dyDescent="0.3">
      <c r="A48500" s="13" t="s">
        <v>275</v>
      </c>
      <c r="B48500" s="14" t="s">
        <v>1</v>
      </c>
      <c r="C48500" s="14" t="s">
        <v>191</v>
      </c>
      <c r="D48500" s="14" t="s">
        <v>116</v>
      </c>
      <c r="E48500" s="15">
        <v>45696</v>
      </c>
      <c r="F48500" s="14" t="s">
        <v>15</v>
      </c>
      <c r="G48500" s="16">
        <v>0</v>
      </c>
    </row>
    <row r="48501" spans="1:7" x14ac:dyDescent="0.3">
      <c r="A48501" s="13" t="s">
        <v>275</v>
      </c>
      <c r="B48501" s="14" t="s">
        <v>1</v>
      </c>
      <c r="C48501" s="14" t="s">
        <v>191</v>
      </c>
      <c r="D48501" s="14" t="s">
        <v>116</v>
      </c>
      <c r="E48501" s="15">
        <v>45697</v>
      </c>
      <c r="F48501" s="14" t="s">
        <v>15</v>
      </c>
      <c r="G48501" s="16">
        <v>0</v>
      </c>
    </row>
    <row r="48502" spans="1:7" x14ac:dyDescent="0.3">
      <c r="A48502" s="13" t="s">
        <v>275</v>
      </c>
      <c r="B48502" s="14" t="s">
        <v>1</v>
      </c>
      <c r="C48502" s="14" t="s">
        <v>191</v>
      </c>
      <c r="D48502" s="14" t="s">
        <v>116</v>
      </c>
      <c r="E48502" s="15">
        <v>45698</v>
      </c>
      <c r="F48502" s="14" t="s">
        <v>15</v>
      </c>
      <c r="G48502" s="16">
        <v>0</v>
      </c>
    </row>
    <row r="48503" spans="1:7" x14ac:dyDescent="0.3">
      <c r="A48503" s="13" t="s">
        <v>275</v>
      </c>
      <c r="B48503" s="14" t="s">
        <v>1</v>
      </c>
      <c r="C48503" s="14" t="s">
        <v>191</v>
      </c>
      <c r="D48503" s="14" t="s">
        <v>116</v>
      </c>
      <c r="E48503" s="15">
        <v>45699</v>
      </c>
      <c r="F48503" s="14" t="s">
        <v>15</v>
      </c>
      <c r="G48503" s="16">
        <v>0</v>
      </c>
    </row>
    <row r="48504" spans="1:7" x14ac:dyDescent="0.3">
      <c r="A48504" s="13" t="s">
        <v>275</v>
      </c>
      <c r="B48504" s="14" t="s">
        <v>1</v>
      </c>
      <c r="C48504" s="14" t="s">
        <v>191</v>
      </c>
      <c r="D48504" s="14" t="s">
        <v>116</v>
      </c>
      <c r="E48504" s="15">
        <v>45700</v>
      </c>
      <c r="F48504" s="14" t="s">
        <v>15</v>
      </c>
      <c r="G48504" s="16">
        <v>0</v>
      </c>
    </row>
    <row r="48505" spans="1:7" x14ac:dyDescent="0.3">
      <c r="A48505" s="13" t="s">
        <v>275</v>
      </c>
      <c r="B48505" s="14" t="s">
        <v>1</v>
      </c>
      <c r="C48505" s="14" t="s">
        <v>191</v>
      </c>
      <c r="D48505" s="14" t="s">
        <v>116</v>
      </c>
      <c r="E48505" s="15">
        <v>45701</v>
      </c>
      <c r="F48505" s="14" t="s">
        <v>15</v>
      </c>
      <c r="G48505" s="16">
        <v>0</v>
      </c>
    </row>
    <row r="48506" spans="1:7" x14ac:dyDescent="0.3">
      <c r="A48506" s="13" t="s">
        <v>275</v>
      </c>
      <c r="B48506" s="14" t="s">
        <v>1</v>
      </c>
      <c r="C48506" s="14" t="s">
        <v>191</v>
      </c>
      <c r="D48506" s="14" t="s">
        <v>116</v>
      </c>
      <c r="E48506" s="15">
        <v>45702</v>
      </c>
      <c r="F48506" s="14" t="s">
        <v>15</v>
      </c>
      <c r="G48506" s="16">
        <v>0</v>
      </c>
    </row>
    <row r="48507" spans="1:7" x14ac:dyDescent="0.3">
      <c r="A48507" s="13" t="s">
        <v>275</v>
      </c>
      <c r="B48507" s="14" t="s">
        <v>1</v>
      </c>
      <c r="C48507" s="14" t="s">
        <v>191</v>
      </c>
      <c r="D48507" s="14" t="s">
        <v>116</v>
      </c>
      <c r="E48507" s="15">
        <v>45703</v>
      </c>
      <c r="F48507" s="14" t="s">
        <v>15</v>
      </c>
      <c r="G48507" s="16">
        <v>0</v>
      </c>
    </row>
    <row r="48508" spans="1:7" x14ac:dyDescent="0.3">
      <c r="A48508" s="13" t="s">
        <v>275</v>
      </c>
      <c r="B48508" s="14" t="s">
        <v>1</v>
      </c>
      <c r="C48508" s="14" t="s">
        <v>191</v>
      </c>
      <c r="D48508" s="14" t="s">
        <v>116</v>
      </c>
      <c r="E48508" s="15">
        <v>45704</v>
      </c>
      <c r="F48508" s="14" t="s">
        <v>15</v>
      </c>
      <c r="G48508" s="16">
        <v>0</v>
      </c>
    </row>
    <row r="48509" spans="1:7" x14ac:dyDescent="0.3">
      <c r="A48509" s="13" t="s">
        <v>275</v>
      </c>
      <c r="B48509" s="14" t="s">
        <v>1</v>
      </c>
      <c r="C48509" s="14" t="s">
        <v>191</v>
      </c>
      <c r="D48509" s="14" t="s">
        <v>116</v>
      </c>
      <c r="E48509" s="15">
        <v>45705</v>
      </c>
      <c r="F48509" s="14" t="s">
        <v>15</v>
      </c>
      <c r="G48509" s="16">
        <v>0</v>
      </c>
    </row>
    <row r="48510" spans="1:7" x14ac:dyDescent="0.3">
      <c r="A48510" s="13" t="s">
        <v>275</v>
      </c>
      <c r="B48510" s="14" t="s">
        <v>1</v>
      </c>
      <c r="C48510" s="14" t="s">
        <v>191</v>
      </c>
      <c r="D48510" s="14" t="s">
        <v>116</v>
      </c>
      <c r="E48510" s="15">
        <v>45706</v>
      </c>
      <c r="F48510" s="14" t="s">
        <v>15</v>
      </c>
      <c r="G48510" s="16">
        <v>0</v>
      </c>
    </row>
    <row r="48511" spans="1:7" x14ac:dyDescent="0.3">
      <c r="A48511" s="13" t="s">
        <v>275</v>
      </c>
      <c r="B48511" s="14" t="s">
        <v>1</v>
      </c>
      <c r="C48511" s="14" t="s">
        <v>191</v>
      </c>
      <c r="D48511" s="14" t="s">
        <v>116</v>
      </c>
      <c r="E48511" s="15">
        <v>45707</v>
      </c>
      <c r="F48511" s="14" t="s">
        <v>15</v>
      </c>
      <c r="G48511" s="16">
        <v>0</v>
      </c>
    </row>
    <row r="48512" spans="1:7" x14ac:dyDescent="0.3">
      <c r="A48512" s="13" t="s">
        <v>275</v>
      </c>
      <c r="B48512" s="14" t="s">
        <v>1</v>
      </c>
      <c r="C48512" s="14" t="s">
        <v>191</v>
      </c>
      <c r="D48512" s="14" t="s">
        <v>116</v>
      </c>
      <c r="E48512" s="15">
        <v>45708</v>
      </c>
      <c r="F48512" s="14" t="s">
        <v>15</v>
      </c>
      <c r="G48512" s="16">
        <v>0</v>
      </c>
    </row>
    <row r="48513" spans="1:7" x14ac:dyDescent="0.3">
      <c r="A48513" s="13" t="s">
        <v>275</v>
      </c>
      <c r="B48513" s="14" t="s">
        <v>1</v>
      </c>
      <c r="C48513" s="14" t="s">
        <v>191</v>
      </c>
      <c r="D48513" s="14" t="s">
        <v>116</v>
      </c>
      <c r="E48513" s="15">
        <v>45709</v>
      </c>
      <c r="F48513" s="14" t="s">
        <v>15</v>
      </c>
      <c r="G48513" s="16">
        <v>0</v>
      </c>
    </row>
    <row r="48514" spans="1:7" x14ac:dyDescent="0.3">
      <c r="A48514" s="13" t="s">
        <v>275</v>
      </c>
      <c r="B48514" s="14" t="s">
        <v>1</v>
      </c>
      <c r="C48514" s="14" t="s">
        <v>191</v>
      </c>
      <c r="D48514" s="14" t="s">
        <v>116</v>
      </c>
      <c r="E48514" s="15">
        <v>45710</v>
      </c>
      <c r="F48514" s="14" t="s">
        <v>15</v>
      </c>
      <c r="G48514" s="16">
        <v>0</v>
      </c>
    </row>
    <row r="48515" spans="1:7" x14ac:dyDescent="0.3">
      <c r="A48515" s="13" t="s">
        <v>275</v>
      </c>
      <c r="B48515" s="14" t="s">
        <v>1</v>
      </c>
      <c r="C48515" s="14" t="s">
        <v>191</v>
      </c>
      <c r="D48515" s="14" t="s">
        <v>116</v>
      </c>
      <c r="E48515" s="15">
        <v>45711</v>
      </c>
      <c r="F48515" s="14" t="s">
        <v>15</v>
      </c>
      <c r="G48515" s="16">
        <v>0</v>
      </c>
    </row>
    <row r="48516" spans="1:7" x14ac:dyDescent="0.3">
      <c r="A48516" s="13" t="s">
        <v>275</v>
      </c>
      <c r="B48516" s="14" t="s">
        <v>1</v>
      </c>
      <c r="C48516" s="14" t="s">
        <v>191</v>
      </c>
      <c r="D48516" s="14" t="s">
        <v>116</v>
      </c>
      <c r="E48516" s="15">
        <v>45712</v>
      </c>
      <c r="F48516" s="14" t="s">
        <v>15</v>
      </c>
      <c r="G48516" s="16">
        <v>0</v>
      </c>
    </row>
    <row r="48517" spans="1:7" x14ac:dyDescent="0.3">
      <c r="A48517" s="13" t="s">
        <v>275</v>
      </c>
      <c r="B48517" s="14" t="s">
        <v>1</v>
      </c>
      <c r="C48517" s="14" t="s">
        <v>191</v>
      </c>
      <c r="D48517" s="14" t="s">
        <v>116</v>
      </c>
      <c r="E48517" s="15">
        <v>45713</v>
      </c>
      <c r="F48517" s="14" t="s">
        <v>15</v>
      </c>
      <c r="G48517" s="16">
        <v>0</v>
      </c>
    </row>
    <row r="48518" spans="1:7" x14ac:dyDescent="0.3">
      <c r="A48518" s="13" t="s">
        <v>275</v>
      </c>
      <c r="B48518" s="14" t="s">
        <v>1</v>
      </c>
      <c r="C48518" s="14" t="s">
        <v>191</v>
      </c>
      <c r="D48518" s="14" t="s">
        <v>116</v>
      </c>
      <c r="E48518" s="15">
        <v>45714</v>
      </c>
      <c r="F48518" s="14" t="s">
        <v>15</v>
      </c>
      <c r="G48518" s="16">
        <v>0</v>
      </c>
    </row>
    <row r="48519" spans="1:7" x14ac:dyDescent="0.3">
      <c r="A48519" s="13" t="s">
        <v>275</v>
      </c>
      <c r="B48519" s="14" t="s">
        <v>1</v>
      </c>
      <c r="C48519" s="14" t="s">
        <v>191</v>
      </c>
      <c r="D48519" s="14" t="s">
        <v>116</v>
      </c>
      <c r="E48519" s="15">
        <v>45715</v>
      </c>
      <c r="F48519" s="14" t="s">
        <v>15</v>
      </c>
      <c r="G48519" s="16">
        <v>0</v>
      </c>
    </row>
    <row r="48520" spans="1:7" x14ac:dyDescent="0.3">
      <c r="A48520" s="13" t="s">
        <v>275</v>
      </c>
      <c r="B48520" s="14" t="s">
        <v>1</v>
      </c>
      <c r="C48520" s="14" t="s">
        <v>191</v>
      </c>
      <c r="D48520" s="14" t="s">
        <v>116</v>
      </c>
      <c r="E48520" s="15">
        <v>45716</v>
      </c>
      <c r="F48520" s="14" t="s">
        <v>15</v>
      </c>
      <c r="G48520" s="16">
        <v>0</v>
      </c>
    </row>
    <row r="48521" spans="1:7" x14ac:dyDescent="0.3">
      <c r="A48521" s="13" t="s">
        <v>275</v>
      </c>
      <c r="B48521" s="14" t="s">
        <v>1</v>
      </c>
      <c r="C48521" s="14" t="s">
        <v>191</v>
      </c>
      <c r="D48521" s="14" t="s">
        <v>116</v>
      </c>
      <c r="E48521" s="15">
        <v>45717</v>
      </c>
      <c r="F48521" s="14" t="s">
        <v>15</v>
      </c>
      <c r="G48521" s="16">
        <v>0</v>
      </c>
    </row>
    <row r="48522" spans="1:7" x14ac:dyDescent="0.3">
      <c r="A48522" s="13" t="s">
        <v>275</v>
      </c>
      <c r="B48522" s="14" t="s">
        <v>1</v>
      </c>
      <c r="C48522" s="14" t="s">
        <v>191</v>
      </c>
      <c r="D48522" s="14" t="s">
        <v>116</v>
      </c>
      <c r="E48522" s="15">
        <v>45718</v>
      </c>
      <c r="F48522" s="14" t="s">
        <v>15</v>
      </c>
      <c r="G48522" s="16">
        <v>0</v>
      </c>
    </row>
    <row r="48523" spans="1:7" x14ac:dyDescent="0.3">
      <c r="A48523" s="13" t="s">
        <v>275</v>
      </c>
      <c r="B48523" s="14" t="s">
        <v>1</v>
      </c>
      <c r="C48523" s="14" t="s">
        <v>191</v>
      </c>
      <c r="D48523" s="14" t="s">
        <v>116</v>
      </c>
      <c r="E48523" s="15">
        <v>45719</v>
      </c>
      <c r="F48523" s="14" t="s">
        <v>15</v>
      </c>
      <c r="G48523" s="16">
        <v>0</v>
      </c>
    </row>
    <row r="48524" spans="1:7" x14ac:dyDescent="0.3">
      <c r="A48524" s="13" t="s">
        <v>275</v>
      </c>
      <c r="B48524" s="14" t="s">
        <v>1</v>
      </c>
      <c r="C48524" s="14" t="s">
        <v>191</v>
      </c>
      <c r="D48524" s="14" t="s">
        <v>116</v>
      </c>
      <c r="E48524" s="15">
        <v>45720</v>
      </c>
      <c r="F48524" s="14" t="s">
        <v>15</v>
      </c>
      <c r="G48524" s="16">
        <v>0</v>
      </c>
    </row>
    <row r="48525" spans="1:7" x14ac:dyDescent="0.3">
      <c r="A48525" s="13" t="s">
        <v>275</v>
      </c>
      <c r="B48525" s="14" t="s">
        <v>1</v>
      </c>
      <c r="C48525" s="14" t="s">
        <v>191</v>
      </c>
      <c r="D48525" s="14" t="s">
        <v>116</v>
      </c>
      <c r="E48525" s="15">
        <v>45721</v>
      </c>
      <c r="F48525" s="14" t="s">
        <v>15</v>
      </c>
      <c r="G48525" s="16">
        <v>0</v>
      </c>
    </row>
    <row r="48526" spans="1:7" x14ac:dyDescent="0.3">
      <c r="A48526" s="13" t="s">
        <v>275</v>
      </c>
      <c r="B48526" s="14" t="s">
        <v>1</v>
      </c>
      <c r="C48526" s="14" t="s">
        <v>191</v>
      </c>
      <c r="D48526" s="14" t="s">
        <v>116</v>
      </c>
      <c r="E48526" s="15">
        <v>45722</v>
      </c>
      <c r="F48526" s="14" t="s">
        <v>15</v>
      </c>
      <c r="G48526" s="16">
        <v>0</v>
      </c>
    </row>
    <row r="48527" spans="1:7" x14ac:dyDescent="0.3">
      <c r="A48527" s="13" t="s">
        <v>275</v>
      </c>
      <c r="B48527" s="14" t="s">
        <v>1</v>
      </c>
      <c r="C48527" s="14" t="s">
        <v>191</v>
      </c>
      <c r="D48527" s="14" t="s">
        <v>116</v>
      </c>
      <c r="E48527" s="15">
        <v>45723</v>
      </c>
      <c r="F48527" s="14" t="s">
        <v>15</v>
      </c>
      <c r="G48527" s="16">
        <v>0</v>
      </c>
    </row>
    <row r="48528" spans="1:7" x14ac:dyDescent="0.3">
      <c r="A48528" s="13" t="s">
        <v>275</v>
      </c>
      <c r="B48528" s="14" t="s">
        <v>1</v>
      </c>
      <c r="C48528" s="14" t="s">
        <v>191</v>
      </c>
      <c r="D48528" s="14" t="s">
        <v>116</v>
      </c>
      <c r="E48528" s="15">
        <v>45724</v>
      </c>
      <c r="F48528" s="14" t="s">
        <v>15</v>
      </c>
      <c r="G48528" s="16">
        <v>0</v>
      </c>
    </row>
    <row r="48529" spans="1:7" x14ac:dyDescent="0.3">
      <c r="A48529" s="13" t="s">
        <v>275</v>
      </c>
      <c r="B48529" s="14" t="s">
        <v>1</v>
      </c>
      <c r="C48529" s="14" t="s">
        <v>191</v>
      </c>
      <c r="D48529" s="14" t="s">
        <v>116</v>
      </c>
      <c r="E48529" s="15">
        <v>45725</v>
      </c>
      <c r="F48529" s="14" t="s">
        <v>15</v>
      </c>
      <c r="G48529" s="16">
        <v>0</v>
      </c>
    </row>
    <row r="48530" spans="1:7" x14ac:dyDescent="0.3">
      <c r="A48530" s="13" t="s">
        <v>275</v>
      </c>
      <c r="B48530" s="14" t="s">
        <v>1</v>
      </c>
      <c r="C48530" s="14" t="s">
        <v>191</v>
      </c>
      <c r="D48530" s="14" t="s">
        <v>116</v>
      </c>
      <c r="E48530" s="15">
        <v>45726</v>
      </c>
      <c r="F48530" s="14" t="s">
        <v>15</v>
      </c>
      <c r="G48530" s="16">
        <v>0</v>
      </c>
    </row>
    <row r="48531" spans="1:7" x14ac:dyDescent="0.3">
      <c r="A48531" s="13" t="s">
        <v>275</v>
      </c>
      <c r="B48531" s="14" t="s">
        <v>1</v>
      </c>
      <c r="C48531" s="14" t="s">
        <v>191</v>
      </c>
      <c r="D48531" s="14" t="s">
        <v>116</v>
      </c>
      <c r="E48531" s="15">
        <v>45727</v>
      </c>
      <c r="F48531" s="14" t="s">
        <v>15</v>
      </c>
      <c r="G48531" s="16">
        <v>0</v>
      </c>
    </row>
    <row r="48532" spans="1:7" x14ac:dyDescent="0.3">
      <c r="A48532" s="13" t="s">
        <v>275</v>
      </c>
      <c r="B48532" s="14" t="s">
        <v>1</v>
      </c>
      <c r="C48532" s="14" t="s">
        <v>191</v>
      </c>
      <c r="D48532" s="14" t="s">
        <v>116</v>
      </c>
      <c r="E48532" s="15">
        <v>45728</v>
      </c>
      <c r="F48532" s="14" t="s">
        <v>15</v>
      </c>
      <c r="G48532" s="16">
        <v>0</v>
      </c>
    </row>
    <row r="48533" spans="1:7" x14ac:dyDescent="0.3">
      <c r="A48533" s="13" t="s">
        <v>275</v>
      </c>
      <c r="B48533" s="14" t="s">
        <v>1</v>
      </c>
      <c r="C48533" s="14" t="s">
        <v>191</v>
      </c>
      <c r="D48533" s="14" t="s">
        <v>116</v>
      </c>
      <c r="E48533" s="15">
        <v>45729</v>
      </c>
      <c r="F48533" s="14" t="s">
        <v>15</v>
      </c>
      <c r="G48533" s="16">
        <v>0</v>
      </c>
    </row>
    <row r="48534" spans="1:7" x14ac:dyDescent="0.3">
      <c r="A48534" s="13" t="s">
        <v>275</v>
      </c>
      <c r="B48534" s="14" t="s">
        <v>1</v>
      </c>
      <c r="C48534" s="14" t="s">
        <v>191</v>
      </c>
      <c r="D48534" s="14" t="s">
        <v>116</v>
      </c>
      <c r="E48534" s="15">
        <v>45730</v>
      </c>
      <c r="F48534" s="14" t="s">
        <v>15</v>
      </c>
      <c r="G48534" s="16">
        <v>0</v>
      </c>
    </row>
    <row r="48535" spans="1:7" x14ac:dyDescent="0.3">
      <c r="A48535" s="13" t="s">
        <v>275</v>
      </c>
      <c r="B48535" s="14" t="s">
        <v>1</v>
      </c>
      <c r="C48535" s="14" t="s">
        <v>191</v>
      </c>
      <c r="D48535" s="14" t="s">
        <v>116</v>
      </c>
      <c r="E48535" s="15">
        <v>45731</v>
      </c>
      <c r="F48535" s="14" t="s">
        <v>15</v>
      </c>
      <c r="G48535" s="16">
        <v>0</v>
      </c>
    </row>
    <row r="48536" spans="1:7" x14ac:dyDescent="0.3">
      <c r="A48536" s="13" t="s">
        <v>275</v>
      </c>
      <c r="B48536" s="14" t="s">
        <v>1</v>
      </c>
      <c r="C48536" s="14" t="s">
        <v>191</v>
      </c>
      <c r="D48536" s="14" t="s">
        <v>116</v>
      </c>
      <c r="E48536" s="15">
        <v>45732</v>
      </c>
      <c r="F48536" s="14" t="s">
        <v>15</v>
      </c>
      <c r="G48536" s="16">
        <v>0</v>
      </c>
    </row>
    <row r="48537" spans="1:7" x14ac:dyDescent="0.3">
      <c r="A48537" s="13" t="s">
        <v>275</v>
      </c>
      <c r="B48537" s="14" t="s">
        <v>1</v>
      </c>
      <c r="C48537" s="14" t="s">
        <v>191</v>
      </c>
      <c r="D48537" s="14" t="s">
        <v>116</v>
      </c>
      <c r="E48537" s="15">
        <v>45733</v>
      </c>
      <c r="F48537" s="14" t="s">
        <v>15</v>
      </c>
      <c r="G48537" s="16">
        <v>0</v>
      </c>
    </row>
    <row r="48538" spans="1:7" x14ac:dyDescent="0.3">
      <c r="A48538" s="13" t="s">
        <v>275</v>
      </c>
      <c r="B48538" s="14" t="s">
        <v>1</v>
      </c>
      <c r="C48538" s="14" t="s">
        <v>191</v>
      </c>
      <c r="D48538" s="14" t="s">
        <v>116</v>
      </c>
      <c r="E48538" s="15">
        <v>45734</v>
      </c>
      <c r="F48538" s="14" t="s">
        <v>15</v>
      </c>
      <c r="G48538" s="16">
        <v>0</v>
      </c>
    </row>
    <row r="48539" spans="1:7" x14ac:dyDescent="0.3">
      <c r="A48539" s="13" t="s">
        <v>275</v>
      </c>
      <c r="B48539" s="14" t="s">
        <v>1</v>
      </c>
      <c r="C48539" s="14" t="s">
        <v>191</v>
      </c>
      <c r="D48539" s="14" t="s">
        <v>116</v>
      </c>
      <c r="E48539" s="15">
        <v>45735</v>
      </c>
      <c r="F48539" s="14" t="s">
        <v>15</v>
      </c>
      <c r="G48539" s="16">
        <v>0</v>
      </c>
    </row>
    <row r="48540" spans="1:7" x14ac:dyDescent="0.3">
      <c r="A48540" s="13" t="s">
        <v>275</v>
      </c>
      <c r="B48540" s="14" t="s">
        <v>1</v>
      </c>
      <c r="C48540" s="14" t="s">
        <v>191</v>
      </c>
      <c r="D48540" s="14" t="s">
        <v>116</v>
      </c>
      <c r="E48540" s="15">
        <v>45736</v>
      </c>
      <c r="F48540" s="14" t="s">
        <v>15</v>
      </c>
      <c r="G48540" s="16">
        <v>0</v>
      </c>
    </row>
    <row r="48541" spans="1:7" x14ac:dyDescent="0.3">
      <c r="A48541" s="13" t="s">
        <v>275</v>
      </c>
      <c r="B48541" s="14" t="s">
        <v>1</v>
      </c>
      <c r="C48541" s="14" t="s">
        <v>191</v>
      </c>
      <c r="D48541" s="14" t="s">
        <v>116</v>
      </c>
      <c r="E48541" s="15">
        <v>45737</v>
      </c>
      <c r="F48541" s="14" t="s">
        <v>15</v>
      </c>
      <c r="G48541" s="16">
        <v>0</v>
      </c>
    </row>
    <row r="48542" spans="1:7" x14ac:dyDescent="0.3">
      <c r="A48542" s="13" t="s">
        <v>275</v>
      </c>
      <c r="B48542" s="14" t="s">
        <v>1</v>
      </c>
      <c r="C48542" s="14" t="s">
        <v>191</v>
      </c>
      <c r="D48542" s="14" t="s">
        <v>116</v>
      </c>
      <c r="E48542" s="15">
        <v>45738</v>
      </c>
      <c r="F48542" s="14" t="s">
        <v>15</v>
      </c>
      <c r="G48542" s="16">
        <v>0</v>
      </c>
    </row>
    <row r="48543" spans="1:7" x14ac:dyDescent="0.3">
      <c r="A48543" s="13" t="s">
        <v>275</v>
      </c>
      <c r="B48543" s="14" t="s">
        <v>1</v>
      </c>
      <c r="C48543" s="14" t="s">
        <v>191</v>
      </c>
      <c r="D48543" s="14" t="s">
        <v>116</v>
      </c>
      <c r="E48543" s="15">
        <v>45739</v>
      </c>
      <c r="F48543" s="14" t="s">
        <v>15</v>
      </c>
      <c r="G48543" s="16">
        <v>0</v>
      </c>
    </row>
    <row r="48544" spans="1:7" x14ac:dyDescent="0.3">
      <c r="A48544" s="13" t="s">
        <v>275</v>
      </c>
      <c r="B48544" s="14" t="s">
        <v>1</v>
      </c>
      <c r="C48544" s="14" t="s">
        <v>191</v>
      </c>
      <c r="D48544" s="14" t="s">
        <v>116</v>
      </c>
      <c r="E48544" s="15">
        <v>45740</v>
      </c>
      <c r="F48544" s="14" t="s">
        <v>15</v>
      </c>
      <c r="G48544" s="16">
        <v>0</v>
      </c>
    </row>
    <row r="48545" spans="1:7" x14ac:dyDescent="0.3">
      <c r="A48545" s="13" t="s">
        <v>275</v>
      </c>
      <c r="B48545" s="14" t="s">
        <v>1</v>
      </c>
      <c r="C48545" s="14" t="s">
        <v>191</v>
      </c>
      <c r="D48545" s="14" t="s">
        <v>116</v>
      </c>
      <c r="E48545" s="15">
        <v>45741</v>
      </c>
      <c r="F48545" s="14" t="s">
        <v>15</v>
      </c>
      <c r="G48545" s="16">
        <v>0</v>
      </c>
    </row>
    <row r="48546" spans="1:7" x14ac:dyDescent="0.3">
      <c r="A48546" s="13" t="s">
        <v>275</v>
      </c>
      <c r="B48546" s="14" t="s">
        <v>1</v>
      </c>
      <c r="C48546" s="14" t="s">
        <v>191</v>
      </c>
      <c r="D48546" s="14" t="s">
        <v>116</v>
      </c>
      <c r="E48546" s="15">
        <v>45742</v>
      </c>
      <c r="F48546" s="14" t="s">
        <v>15</v>
      </c>
      <c r="G48546" s="16">
        <v>0</v>
      </c>
    </row>
    <row r="48547" spans="1:7" x14ac:dyDescent="0.3">
      <c r="A48547" s="13" t="s">
        <v>275</v>
      </c>
      <c r="B48547" s="14" t="s">
        <v>1</v>
      </c>
      <c r="C48547" s="14" t="s">
        <v>191</v>
      </c>
      <c r="D48547" s="14" t="s">
        <v>116</v>
      </c>
      <c r="E48547" s="15">
        <v>45743</v>
      </c>
      <c r="F48547" s="14" t="s">
        <v>15</v>
      </c>
      <c r="G48547" s="16">
        <v>0</v>
      </c>
    </row>
    <row r="48548" spans="1:7" x14ac:dyDescent="0.3">
      <c r="A48548" s="13" t="s">
        <v>275</v>
      </c>
      <c r="B48548" s="14" t="s">
        <v>1</v>
      </c>
      <c r="C48548" s="14" t="s">
        <v>191</v>
      </c>
      <c r="D48548" s="14" t="s">
        <v>116</v>
      </c>
      <c r="E48548" s="15">
        <v>45744</v>
      </c>
      <c r="F48548" s="14" t="s">
        <v>15</v>
      </c>
      <c r="G48548" s="16">
        <v>0</v>
      </c>
    </row>
    <row r="48549" spans="1:7" x14ac:dyDescent="0.3">
      <c r="A48549" s="13" t="s">
        <v>275</v>
      </c>
      <c r="B48549" s="14" t="s">
        <v>1</v>
      </c>
      <c r="C48549" s="14" t="s">
        <v>191</v>
      </c>
      <c r="D48549" s="14" t="s">
        <v>116</v>
      </c>
      <c r="E48549" s="15">
        <v>45745</v>
      </c>
      <c r="F48549" s="14" t="s">
        <v>15</v>
      </c>
      <c r="G48549" s="16">
        <v>0</v>
      </c>
    </row>
    <row r="48550" spans="1:7" x14ac:dyDescent="0.3">
      <c r="A48550" s="13" t="s">
        <v>275</v>
      </c>
      <c r="B48550" s="14" t="s">
        <v>1</v>
      </c>
      <c r="C48550" s="14" t="s">
        <v>191</v>
      </c>
      <c r="D48550" s="14" t="s">
        <v>116</v>
      </c>
      <c r="E48550" s="15">
        <v>45746</v>
      </c>
      <c r="F48550" s="14" t="s">
        <v>15</v>
      </c>
      <c r="G48550" s="16">
        <v>0</v>
      </c>
    </row>
    <row r="48551" spans="1:7" x14ac:dyDescent="0.3">
      <c r="A48551" s="13" t="s">
        <v>275</v>
      </c>
      <c r="B48551" s="14" t="s">
        <v>1</v>
      </c>
      <c r="C48551" s="14" t="s">
        <v>191</v>
      </c>
      <c r="D48551" s="14" t="s">
        <v>116</v>
      </c>
      <c r="E48551" s="15">
        <v>45747</v>
      </c>
      <c r="F48551" s="14" t="s">
        <v>15</v>
      </c>
      <c r="G48551" s="16">
        <v>0</v>
      </c>
    </row>
    <row r="48552" spans="1:7" x14ac:dyDescent="0.3">
      <c r="A48552" s="13" t="s">
        <v>276</v>
      </c>
      <c r="B48552" s="14" t="s">
        <v>1</v>
      </c>
      <c r="C48552" s="14" t="s">
        <v>106</v>
      </c>
      <c r="D48552" s="14" t="s">
        <v>277</v>
      </c>
      <c r="E48552" s="15">
        <v>45383</v>
      </c>
      <c r="F48552" s="14" t="s">
        <v>25</v>
      </c>
      <c r="G48552" s="16">
        <v>0</v>
      </c>
    </row>
    <row r="48553" spans="1:7" x14ac:dyDescent="0.3">
      <c r="A48553" s="13" t="s">
        <v>276</v>
      </c>
      <c r="B48553" s="14" t="s">
        <v>1</v>
      </c>
      <c r="C48553" s="14" t="s">
        <v>106</v>
      </c>
      <c r="D48553" s="14" t="s">
        <v>277</v>
      </c>
      <c r="E48553" s="15">
        <v>45384</v>
      </c>
      <c r="F48553" s="14" t="s">
        <v>25</v>
      </c>
      <c r="G48553" s="16">
        <v>0</v>
      </c>
    </row>
    <row r="48554" spans="1:7" x14ac:dyDescent="0.3">
      <c r="A48554" s="13" t="s">
        <v>276</v>
      </c>
      <c r="B48554" s="14" t="s">
        <v>1</v>
      </c>
      <c r="C48554" s="14" t="s">
        <v>106</v>
      </c>
      <c r="D48554" s="14" t="s">
        <v>277</v>
      </c>
      <c r="E48554" s="15">
        <v>45385</v>
      </c>
      <c r="F48554" s="14" t="s">
        <v>25</v>
      </c>
      <c r="G48554" s="16">
        <v>1.3460954667970934E-2</v>
      </c>
    </row>
    <row r="48555" spans="1:7" x14ac:dyDescent="0.3">
      <c r="A48555" s="13" t="s">
        <v>276</v>
      </c>
      <c r="B48555" s="14" t="s">
        <v>1</v>
      </c>
      <c r="C48555" s="14" t="s">
        <v>106</v>
      </c>
      <c r="D48555" s="14" t="s">
        <v>277</v>
      </c>
      <c r="E48555" s="15">
        <v>45386</v>
      </c>
      <c r="F48555" s="14" t="s">
        <v>25</v>
      </c>
      <c r="G48555" s="16">
        <v>2.3118155774887544E-2</v>
      </c>
    </row>
    <row r="48556" spans="1:7" x14ac:dyDescent="0.3">
      <c r="A48556" s="13" t="s">
        <v>276</v>
      </c>
      <c r="B48556" s="14" t="s">
        <v>1</v>
      </c>
      <c r="C48556" s="14" t="s">
        <v>106</v>
      </c>
      <c r="D48556" s="14" t="s">
        <v>277</v>
      </c>
      <c r="E48556" s="15">
        <v>45387</v>
      </c>
      <c r="F48556" s="14" t="s">
        <v>25</v>
      </c>
      <c r="G48556" s="16">
        <v>2.6611850626961121E-2</v>
      </c>
    </row>
    <row r="48557" spans="1:7" x14ac:dyDescent="0.3">
      <c r="A48557" s="13" t="s">
        <v>276</v>
      </c>
      <c r="B48557" s="14" t="s">
        <v>1</v>
      </c>
      <c r="C48557" s="14" t="s">
        <v>106</v>
      </c>
      <c r="D48557" s="14" t="s">
        <v>277</v>
      </c>
      <c r="E48557" s="15">
        <v>45388</v>
      </c>
      <c r="F48557" s="14" t="s">
        <v>25</v>
      </c>
      <c r="G48557" s="16">
        <v>2.6611850626961121E-2</v>
      </c>
    </row>
    <row r="48558" spans="1:7" x14ac:dyDescent="0.3">
      <c r="A48558" s="13" t="s">
        <v>276</v>
      </c>
      <c r="B48558" s="14" t="s">
        <v>1</v>
      </c>
      <c r="C48558" s="14" t="s">
        <v>106</v>
      </c>
      <c r="D48558" s="14" t="s">
        <v>277</v>
      </c>
      <c r="E48558" s="15">
        <v>45389</v>
      </c>
      <c r="F48558" s="14" t="s">
        <v>25</v>
      </c>
      <c r="G48558" s="16">
        <v>2.6611850626961121E-2</v>
      </c>
    </row>
    <row r="48559" spans="1:7" x14ac:dyDescent="0.3">
      <c r="A48559" s="13" t="s">
        <v>276</v>
      </c>
      <c r="B48559" s="14" t="s">
        <v>1</v>
      </c>
      <c r="C48559" s="14" t="s">
        <v>106</v>
      </c>
      <c r="D48559" s="14" t="s">
        <v>277</v>
      </c>
      <c r="E48559" s="15">
        <v>45390</v>
      </c>
      <c r="F48559" s="14" t="s">
        <v>25</v>
      </c>
      <c r="G48559" s="16">
        <v>3.8287179350139047E-2</v>
      </c>
    </row>
    <row r="48560" spans="1:7" x14ac:dyDescent="0.3">
      <c r="A48560" s="13" t="s">
        <v>276</v>
      </c>
      <c r="B48560" s="14" t="s">
        <v>1</v>
      </c>
      <c r="C48560" s="14" t="s">
        <v>106</v>
      </c>
      <c r="D48560" s="14" t="s">
        <v>277</v>
      </c>
      <c r="E48560" s="15">
        <v>45391</v>
      </c>
      <c r="F48560" s="14" t="s">
        <v>25</v>
      </c>
      <c r="G48560" s="16">
        <v>5.0919222139351697E-2</v>
      </c>
    </row>
    <row r="48561" spans="1:7" x14ac:dyDescent="0.3">
      <c r="A48561" s="13" t="s">
        <v>276</v>
      </c>
      <c r="B48561" s="14" t="s">
        <v>1</v>
      </c>
      <c r="C48561" s="14" t="s">
        <v>106</v>
      </c>
      <c r="D48561" s="14" t="s">
        <v>277</v>
      </c>
      <c r="E48561" s="15">
        <v>45392</v>
      </c>
      <c r="F48561" s="14" t="s">
        <v>25</v>
      </c>
      <c r="G48561" s="16">
        <v>5.4538752991205142E-2</v>
      </c>
    </row>
    <row r="48562" spans="1:7" x14ac:dyDescent="0.3">
      <c r="A48562" s="13" t="s">
        <v>276</v>
      </c>
      <c r="B48562" s="14" t="s">
        <v>1</v>
      </c>
      <c r="C48562" s="14" t="s">
        <v>106</v>
      </c>
      <c r="D48562" s="14" t="s">
        <v>277</v>
      </c>
      <c r="E48562" s="15">
        <v>45393</v>
      </c>
      <c r="F48562" s="14" t="s">
        <v>25</v>
      </c>
      <c r="G48562" s="16">
        <v>5.8007321929021492E-2</v>
      </c>
    </row>
    <row r="48563" spans="1:7" x14ac:dyDescent="0.3">
      <c r="A48563" s="13" t="s">
        <v>276</v>
      </c>
      <c r="B48563" s="14" t="s">
        <v>1</v>
      </c>
      <c r="C48563" s="14" t="s">
        <v>106</v>
      </c>
      <c r="D48563" s="14" t="s">
        <v>277</v>
      </c>
      <c r="E48563" s="15">
        <v>45394</v>
      </c>
      <c r="F48563" s="14" t="s">
        <v>25</v>
      </c>
      <c r="G48563" s="16">
        <v>6.1397080809311951E-2</v>
      </c>
    </row>
    <row r="48564" spans="1:7" x14ac:dyDescent="0.3">
      <c r="A48564" s="13" t="s">
        <v>276</v>
      </c>
      <c r="B48564" s="14" t="s">
        <v>1</v>
      </c>
      <c r="C48564" s="14" t="s">
        <v>106</v>
      </c>
      <c r="D48564" s="14" t="s">
        <v>277</v>
      </c>
      <c r="E48564" s="15">
        <v>45395</v>
      </c>
      <c r="F48564" s="14" t="s">
        <v>25</v>
      </c>
      <c r="G48564" s="16">
        <v>6.1397080809311951E-2</v>
      </c>
    </row>
    <row r="48565" spans="1:7" x14ac:dyDescent="0.3">
      <c r="A48565" s="13" t="s">
        <v>276</v>
      </c>
      <c r="B48565" s="14" t="s">
        <v>1</v>
      </c>
      <c r="C48565" s="14" t="s">
        <v>106</v>
      </c>
      <c r="D48565" s="14" t="s">
        <v>277</v>
      </c>
      <c r="E48565" s="15">
        <v>45396</v>
      </c>
      <c r="F48565" s="14" t="s">
        <v>25</v>
      </c>
      <c r="G48565" s="16">
        <v>6.1397080809311951E-2</v>
      </c>
    </row>
    <row r="48566" spans="1:7" x14ac:dyDescent="0.3">
      <c r="A48566" s="13" t="s">
        <v>276</v>
      </c>
      <c r="B48566" s="14" t="s">
        <v>1</v>
      </c>
      <c r="C48566" s="14" t="s">
        <v>106</v>
      </c>
      <c r="D48566" s="14" t="s">
        <v>277</v>
      </c>
      <c r="E48566" s="15">
        <v>45397</v>
      </c>
      <c r="F48566" s="14" t="s">
        <v>25</v>
      </c>
      <c r="G48566" s="16">
        <v>6.5552455472455695E-2</v>
      </c>
    </row>
    <row r="48567" spans="1:7" x14ac:dyDescent="0.3">
      <c r="A48567" s="13" t="s">
        <v>276</v>
      </c>
      <c r="B48567" s="14" t="s">
        <v>1</v>
      </c>
      <c r="C48567" s="14" t="s">
        <v>106</v>
      </c>
      <c r="D48567" s="14" t="s">
        <v>277</v>
      </c>
      <c r="E48567" s="15">
        <v>45398</v>
      </c>
      <c r="F48567" s="14" t="s">
        <v>25</v>
      </c>
      <c r="G48567" s="16">
        <v>7.5969821210666921E-2</v>
      </c>
    </row>
    <row r="48568" spans="1:7" x14ac:dyDescent="0.3">
      <c r="A48568" s="13" t="s">
        <v>276</v>
      </c>
      <c r="B48568" s="14" t="s">
        <v>1</v>
      </c>
      <c r="C48568" s="14" t="s">
        <v>106</v>
      </c>
      <c r="D48568" s="14" t="s">
        <v>277</v>
      </c>
      <c r="E48568" s="15">
        <v>45399</v>
      </c>
      <c r="F48568" s="14" t="s">
        <v>25</v>
      </c>
      <c r="G48568" s="16">
        <v>7.9446182228249229E-2</v>
      </c>
    </row>
    <row r="48569" spans="1:7" x14ac:dyDescent="0.3">
      <c r="A48569" s="13" t="s">
        <v>276</v>
      </c>
      <c r="B48569" s="14" t="s">
        <v>1</v>
      </c>
      <c r="C48569" s="14" t="s">
        <v>106</v>
      </c>
      <c r="D48569" s="14" t="s">
        <v>277</v>
      </c>
      <c r="E48569" s="15">
        <v>45400</v>
      </c>
      <c r="F48569" s="14" t="s">
        <v>25</v>
      </c>
      <c r="G48569" s="16">
        <v>8.1965738802721164E-2</v>
      </c>
    </row>
    <row r="48570" spans="1:7" x14ac:dyDescent="0.3">
      <c r="A48570" s="13" t="s">
        <v>276</v>
      </c>
      <c r="B48570" s="14" t="s">
        <v>1</v>
      </c>
      <c r="C48570" s="14" t="s">
        <v>106</v>
      </c>
      <c r="D48570" s="14" t="s">
        <v>277</v>
      </c>
      <c r="E48570" s="15">
        <v>45401</v>
      </c>
      <c r="F48570" s="14" t="s">
        <v>25</v>
      </c>
      <c r="G48570" s="16">
        <v>8.6639191726595524E-2</v>
      </c>
    </row>
    <row r="48571" spans="1:7" x14ac:dyDescent="0.3">
      <c r="A48571" s="13" t="s">
        <v>276</v>
      </c>
      <c r="B48571" s="14" t="s">
        <v>1</v>
      </c>
      <c r="C48571" s="14" t="s">
        <v>106</v>
      </c>
      <c r="D48571" s="14" t="s">
        <v>277</v>
      </c>
      <c r="E48571" s="15">
        <v>45402</v>
      </c>
      <c r="F48571" s="14" t="s">
        <v>25</v>
      </c>
      <c r="G48571" s="16">
        <v>8.6639191726595524E-2</v>
      </c>
    </row>
    <row r="48572" spans="1:7" x14ac:dyDescent="0.3">
      <c r="A48572" s="13" t="s">
        <v>276</v>
      </c>
      <c r="B48572" s="14" t="s">
        <v>1</v>
      </c>
      <c r="C48572" s="14" t="s">
        <v>106</v>
      </c>
      <c r="D48572" s="14" t="s">
        <v>277</v>
      </c>
      <c r="E48572" s="15">
        <v>45403</v>
      </c>
      <c r="F48572" s="14" t="s">
        <v>25</v>
      </c>
      <c r="G48572" s="16">
        <v>8.6639191726595524E-2</v>
      </c>
    </row>
    <row r="48573" spans="1:7" x14ac:dyDescent="0.3">
      <c r="A48573" s="13" t="s">
        <v>276</v>
      </c>
      <c r="B48573" s="14" t="s">
        <v>1</v>
      </c>
      <c r="C48573" s="14" t="s">
        <v>106</v>
      </c>
      <c r="D48573" s="14" t="s">
        <v>277</v>
      </c>
      <c r="E48573" s="15">
        <v>45404</v>
      </c>
      <c r="F48573" s="14" t="s">
        <v>25</v>
      </c>
      <c r="G48573" s="16">
        <v>8.9954571867429445E-2</v>
      </c>
    </row>
    <row r="48574" spans="1:7" x14ac:dyDescent="0.3">
      <c r="A48574" s="13" t="s">
        <v>276</v>
      </c>
      <c r="B48574" s="14" t="s">
        <v>1</v>
      </c>
      <c r="C48574" s="14" t="s">
        <v>106</v>
      </c>
      <c r="D48574" s="14" t="s">
        <v>277</v>
      </c>
      <c r="E48574" s="15">
        <v>45405</v>
      </c>
      <c r="F48574" s="14" t="s">
        <v>25</v>
      </c>
      <c r="G48574" s="16">
        <v>0.10747348832934109</v>
      </c>
    </row>
    <row r="48575" spans="1:7" x14ac:dyDescent="0.3">
      <c r="A48575" s="13" t="s">
        <v>276</v>
      </c>
      <c r="B48575" s="14" t="s">
        <v>1</v>
      </c>
      <c r="C48575" s="14" t="s">
        <v>106</v>
      </c>
      <c r="D48575" s="14" t="s">
        <v>277</v>
      </c>
      <c r="E48575" s="15">
        <v>45406</v>
      </c>
      <c r="F48575" s="14" t="s">
        <v>25</v>
      </c>
      <c r="G48575" s="16">
        <v>0.11215468243973062</v>
      </c>
    </row>
    <row r="48576" spans="1:7" x14ac:dyDescent="0.3">
      <c r="A48576" s="13" t="s">
        <v>276</v>
      </c>
      <c r="B48576" s="14" t="s">
        <v>1</v>
      </c>
      <c r="C48576" s="14" t="s">
        <v>106</v>
      </c>
      <c r="D48576" s="14" t="s">
        <v>277</v>
      </c>
      <c r="E48576" s="15">
        <v>45407</v>
      </c>
      <c r="F48576" s="14" t="s">
        <v>25</v>
      </c>
      <c r="G48576" s="16">
        <v>0.11557740769302947</v>
      </c>
    </row>
    <row r="48577" spans="1:7" x14ac:dyDescent="0.3">
      <c r="A48577" s="13" t="s">
        <v>276</v>
      </c>
      <c r="B48577" s="14" t="s">
        <v>1</v>
      </c>
      <c r="C48577" s="14" t="s">
        <v>106</v>
      </c>
      <c r="D48577" s="14" t="s">
        <v>277</v>
      </c>
      <c r="E48577" s="15">
        <v>45408</v>
      </c>
      <c r="F48577" s="14" t="s">
        <v>25</v>
      </c>
      <c r="G48577" s="16">
        <v>0.11982861244422234</v>
      </c>
    </row>
    <row r="48578" spans="1:7" x14ac:dyDescent="0.3">
      <c r="A48578" s="13" t="s">
        <v>276</v>
      </c>
      <c r="B48578" s="14" t="s">
        <v>1</v>
      </c>
      <c r="C48578" s="14" t="s">
        <v>106</v>
      </c>
      <c r="D48578" s="14" t="s">
        <v>277</v>
      </c>
      <c r="E48578" s="15">
        <v>45409</v>
      </c>
      <c r="F48578" s="14" t="s">
        <v>25</v>
      </c>
      <c r="G48578" s="16">
        <v>0.11982861244422234</v>
      </c>
    </row>
    <row r="48579" spans="1:7" x14ac:dyDescent="0.3">
      <c r="A48579" s="13" t="s">
        <v>276</v>
      </c>
      <c r="B48579" s="14" t="s">
        <v>1</v>
      </c>
      <c r="C48579" s="14" t="s">
        <v>106</v>
      </c>
      <c r="D48579" s="14" t="s">
        <v>277</v>
      </c>
      <c r="E48579" s="15">
        <v>45410</v>
      </c>
      <c r="F48579" s="14" t="s">
        <v>25</v>
      </c>
      <c r="G48579" s="16">
        <v>0.11982861244422234</v>
      </c>
    </row>
    <row r="48580" spans="1:7" x14ac:dyDescent="0.3">
      <c r="A48580" s="13" t="s">
        <v>276</v>
      </c>
      <c r="B48580" s="14" t="s">
        <v>1</v>
      </c>
      <c r="C48580" s="14" t="s">
        <v>106</v>
      </c>
      <c r="D48580" s="14" t="s">
        <v>277</v>
      </c>
      <c r="E48580" s="15">
        <v>45411</v>
      </c>
      <c r="F48580" s="14" t="s">
        <v>25</v>
      </c>
      <c r="G48580" s="16">
        <v>0.12327800370429308</v>
      </c>
    </row>
    <row r="48581" spans="1:7" x14ac:dyDescent="0.3">
      <c r="A48581" s="13" t="s">
        <v>276</v>
      </c>
      <c r="B48581" s="14" t="s">
        <v>1</v>
      </c>
      <c r="C48581" s="14" t="s">
        <v>106</v>
      </c>
      <c r="D48581" s="14" t="s">
        <v>277</v>
      </c>
      <c r="E48581" s="15">
        <v>45412</v>
      </c>
      <c r="F48581" s="14" t="s">
        <v>25</v>
      </c>
      <c r="G48581" s="16">
        <v>0.13477519580811895</v>
      </c>
    </row>
    <row r="48582" spans="1:7" x14ac:dyDescent="0.3">
      <c r="A48582" s="13" t="s">
        <v>276</v>
      </c>
      <c r="B48582" s="14" t="s">
        <v>1</v>
      </c>
      <c r="C48582" s="14" t="s">
        <v>106</v>
      </c>
      <c r="D48582" s="14" t="s">
        <v>277</v>
      </c>
      <c r="E48582" s="15">
        <v>45413</v>
      </c>
      <c r="F48582" s="14" t="s">
        <v>25</v>
      </c>
      <c r="G48582" s="16">
        <v>0.13477519580811895</v>
      </c>
    </row>
    <row r="48583" spans="1:7" x14ac:dyDescent="0.3">
      <c r="A48583" s="13" t="s">
        <v>276</v>
      </c>
      <c r="B48583" s="14" t="s">
        <v>1</v>
      </c>
      <c r="C48583" s="14" t="s">
        <v>106</v>
      </c>
      <c r="D48583" s="14" t="s">
        <v>277</v>
      </c>
      <c r="E48583" s="15">
        <v>45414</v>
      </c>
      <c r="F48583" s="14" t="s">
        <v>25</v>
      </c>
      <c r="G48583" s="16">
        <v>0.13910073205318851</v>
      </c>
    </row>
    <row r="48584" spans="1:7" x14ac:dyDescent="0.3">
      <c r="A48584" s="13" t="s">
        <v>276</v>
      </c>
      <c r="B48584" s="14" t="s">
        <v>1</v>
      </c>
      <c r="C48584" s="14" t="s">
        <v>106</v>
      </c>
      <c r="D48584" s="14" t="s">
        <v>277</v>
      </c>
      <c r="E48584" s="15">
        <v>45415</v>
      </c>
      <c r="F48584" s="14" t="s">
        <v>25</v>
      </c>
      <c r="G48584" s="16">
        <v>0.15360484974562913</v>
      </c>
    </row>
    <row r="48585" spans="1:7" x14ac:dyDescent="0.3">
      <c r="A48585" s="13" t="s">
        <v>276</v>
      </c>
      <c r="B48585" s="14" t="s">
        <v>1</v>
      </c>
      <c r="C48585" s="14" t="s">
        <v>106</v>
      </c>
      <c r="D48585" s="14" t="s">
        <v>277</v>
      </c>
      <c r="E48585" s="15">
        <v>45416</v>
      </c>
      <c r="F48585" s="14" t="s">
        <v>25</v>
      </c>
      <c r="G48585" s="16">
        <v>0.15360484974562913</v>
      </c>
    </row>
    <row r="48586" spans="1:7" x14ac:dyDescent="0.3">
      <c r="A48586" s="13" t="s">
        <v>276</v>
      </c>
      <c r="B48586" s="14" t="s">
        <v>1</v>
      </c>
      <c r="C48586" s="14" t="s">
        <v>106</v>
      </c>
      <c r="D48586" s="14" t="s">
        <v>277</v>
      </c>
      <c r="E48586" s="15">
        <v>45417</v>
      </c>
      <c r="F48586" s="14" t="s">
        <v>25</v>
      </c>
      <c r="G48586" s="16">
        <v>0.15360484974562913</v>
      </c>
    </row>
    <row r="48587" spans="1:7" x14ac:dyDescent="0.3">
      <c r="A48587" s="13" t="s">
        <v>276</v>
      </c>
      <c r="B48587" s="14" t="s">
        <v>1</v>
      </c>
      <c r="C48587" s="14" t="s">
        <v>106</v>
      </c>
      <c r="D48587" s="14" t="s">
        <v>277</v>
      </c>
      <c r="E48587" s="15">
        <v>45418</v>
      </c>
      <c r="F48587" s="14" t="s">
        <v>25</v>
      </c>
      <c r="G48587" s="16">
        <v>0.15360484974562913</v>
      </c>
    </row>
    <row r="48588" spans="1:7" x14ac:dyDescent="0.3">
      <c r="A48588" s="13" t="s">
        <v>276</v>
      </c>
      <c r="B48588" s="14" t="s">
        <v>1</v>
      </c>
      <c r="C48588" s="14" t="s">
        <v>106</v>
      </c>
      <c r="D48588" s="14" t="s">
        <v>277</v>
      </c>
      <c r="E48588" s="15">
        <v>45419</v>
      </c>
      <c r="F48588" s="14" t="s">
        <v>25</v>
      </c>
      <c r="G48588" s="16">
        <v>0.15715923840736415</v>
      </c>
    </row>
    <row r="48589" spans="1:7" x14ac:dyDescent="0.3">
      <c r="A48589" s="13" t="s">
        <v>276</v>
      </c>
      <c r="B48589" s="14" t="s">
        <v>1</v>
      </c>
      <c r="C48589" s="14" t="s">
        <v>106</v>
      </c>
      <c r="D48589" s="14" t="s">
        <v>277</v>
      </c>
      <c r="E48589" s="15">
        <v>45420</v>
      </c>
      <c r="F48589" s="14" t="s">
        <v>25</v>
      </c>
      <c r="G48589" s="16">
        <v>0.17129536520635275</v>
      </c>
    </row>
    <row r="48590" spans="1:7" x14ac:dyDescent="0.3">
      <c r="A48590" s="13" t="s">
        <v>276</v>
      </c>
      <c r="B48590" s="14" t="s">
        <v>1</v>
      </c>
      <c r="C48590" s="14" t="s">
        <v>106</v>
      </c>
      <c r="D48590" s="14" t="s">
        <v>277</v>
      </c>
      <c r="E48590" s="15">
        <v>45421</v>
      </c>
      <c r="F48590" s="14" t="s">
        <v>25</v>
      </c>
      <c r="G48590" s="16">
        <v>0.17129536520635275</v>
      </c>
    </row>
    <row r="48591" spans="1:7" x14ac:dyDescent="0.3">
      <c r="A48591" s="13" t="s">
        <v>276</v>
      </c>
      <c r="B48591" s="14" t="s">
        <v>1</v>
      </c>
      <c r="C48591" s="14" t="s">
        <v>106</v>
      </c>
      <c r="D48591" s="14" t="s">
        <v>277</v>
      </c>
      <c r="E48591" s="15">
        <v>45422</v>
      </c>
      <c r="F48591" s="14" t="s">
        <v>25</v>
      </c>
      <c r="G48591" s="16">
        <v>0.17478092223810787</v>
      </c>
    </row>
    <row r="48592" spans="1:7" x14ac:dyDescent="0.3">
      <c r="A48592" s="13" t="s">
        <v>276</v>
      </c>
      <c r="B48592" s="14" t="s">
        <v>1</v>
      </c>
      <c r="C48592" s="14" t="s">
        <v>106</v>
      </c>
      <c r="D48592" s="14" t="s">
        <v>277</v>
      </c>
      <c r="E48592" s="15">
        <v>45423</v>
      </c>
      <c r="F48592" s="14" t="s">
        <v>25</v>
      </c>
      <c r="G48592" s="16">
        <v>0.17478092223810787</v>
      </c>
    </row>
    <row r="48593" spans="1:7" x14ac:dyDescent="0.3">
      <c r="A48593" s="13" t="s">
        <v>276</v>
      </c>
      <c r="B48593" s="14" t="s">
        <v>1</v>
      </c>
      <c r="C48593" s="14" t="s">
        <v>106</v>
      </c>
      <c r="D48593" s="14" t="s">
        <v>277</v>
      </c>
      <c r="E48593" s="15">
        <v>45424</v>
      </c>
      <c r="F48593" s="14" t="s">
        <v>25</v>
      </c>
      <c r="G48593" s="16">
        <v>0.17478092223810787</v>
      </c>
    </row>
    <row r="48594" spans="1:7" x14ac:dyDescent="0.3">
      <c r="A48594" s="13" t="s">
        <v>276</v>
      </c>
      <c r="B48594" s="14" t="s">
        <v>1</v>
      </c>
      <c r="C48594" s="14" t="s">
        <v>106</v>
      </c>
      <c r="D48594" s="14" t="s">
        <v>277</v>
      </c>
      <c r="E48594" s="15">
        <v>45425</v>
      </c>
      <c r="F48594" s="14" t="s">
        <v>25</v>
      </c>
      <c r="G48594" s="16">
        <v>0.18480274020645826</v>
      </c>
    </row>
    <row r="48595" spans="1:7" x14ac:dyDescent="0.3">
      <c r="A48595" s="13" t="s">
        <v>276</v>
      </c>
      <c r="B48595" s="14" t="s">
        <v>1</v>
      </c>
      <c r="C48595" s="14" t="s">
        <v>106</v>
      </c>
      <c r="D48595" s="14" t="s">
        <v>277</v>
      </c>
      <c r="E48595" s="15">
        <v>45426</v>
      </c>
      <c r="F48595" s="14" t="s">
        <v>25</v>
      </c>
      <c r="G48595" s="16">
        <v>0.20049747831230053</v>
      </c>
    </row>
    <row r="48596" spans="1:7" x14ac:dyDescent="0.3">
      <c r="A48596" s="13" t="s">
        <v>276</v>
      </c>
      <c r="B48596" s="14" t="s">
        <v>1</v>
      </c>
      <c r="C48596" s="14" t="s">
        <v>106</v>
      </c>
      <c r="D48596" s="14" t="s">
        <v>277</v>
      </c>
      <c r="E48596" s="15">
        <v>45427</v>
      </c>
      <c r="F48596" s="14" t="s">
        <v>25</v>
      </c>
      <c r="G48596" s="16">
        <v>0.20388928908335485</v>
      </c>
    </row>
    <row r="48597" spans="1:7" x14ac:dyDescent="0.3">
      <c r="A48597" s="13" t="s">
        <v>276</v>
      </c>
      <c r="B48597" s="14" t="s">
        <v>1</v>
      </c>
      <c r="C48597" s="14" t="s">
        <v>106</v>
      </c>
      <c r="D48597" s="14" t="s">
        <v>277</v>
      </c>
      <c r="E48597" s="15">
        <v>45428</v>
      </c>
      <c r="F48597" s="14" t="s">
        <v>25</v>
      </c>
      <c r="G48597" s="16">
        <v>0.20736000558134457</v>
      </c>
    </row>
    <row r="48598" spans="1:7" x14ac:dyDescent="0.3">
      <c r="A48598" s="13" t="s">
        <v>276</v>
      </c>
      <c r="B48598" s="14" t="s">
        <v>1</v>
      </c>
      <c r="C48598" s="14" t="s">
        <v>106</v>
      </c>
      <c r="D48598" s="14" t="s">
        <v>277</v>
      </c>
      <c r="E48598" s="15">
        <v>45429</v>
      </c>
      <c r="F48598" s="14" t="s">
        <v>25</v>
      </c>
      <c r="G48598" s="16">
        <v>0.27464015842962602</v>
      </c>
    </row>
    <row r="48599" spans="1:7" x14ac:dyDescent="0.3">
      <c r="A48599" s="13" t="s">
        <v>276</v>
      </c>
      <c r="B48599" s="14" t="s">
        <v>1</v>
      </c>
      <c r="C48599" s="14" t="s">
        <v>106</v>
      </c>
      <c r="D48599" s="14" t="s">
        <v>277</v>
      </c>
      <c r="E48599" s="15">
        <v>45430</v>
      </c>
      <c r="F48599" s="14" t="s">
        <v>25</v>
      </c>
      <c r="G48599" s="16">
        <v>0.27464015842962602</v>
      </c>
    </row>
    <row r="48600" spans="1:7" x14ac:dyDescent="0.3">
      <c r="A48600" s="13" t="s">
        <v>276</v>
      </c>
      <c r="B48600" s="14" t="s">
        <v>1</v>
      </c>
      <c r="C48600" s="14" t="s">
        <v>106</v>
      </c>
      <c r="D48600" s="14" t="s">
        <v>277</v>
      </c>
      <c r="E48600" s="15">
        <v>45431</v>
      </c>
      <c r="F48600" s="14" t="s">
        <v>25</v>
      </c>
      <c r="G48600" s="16">
        <v>0.27464015842962602</v>
      </c>
    </row>
    <row r="48601" spans="1:7" x14ac:dyDescent="0.3">
      <c r="A48601" s="13" t="s">
        <v>276</v>
      </c>
      <c r="B48601" s="14" t="s">
        <v>1</v>
      </c>
      <c r="C48601" s="14" t="s">
        <v>106</v>
      </c>
      <c r="D48601" s="14" t="s">
        <v>277</v>
      </c>
      <c r="E48601" s="15">
        <v>45432</v>
      </c>
      <c r="F48601" s="14" t="s">
        <v>25</v>
      </c>
      <c r="G48601" s="16">
        <v>0.27464015842962602</v>
      </c>
    </row>
    <row r="48602" spans="1:7" x14ac:dyDescent="0.3">
      <c r="A48602" s="13" t="s">
        <v>276</v>
      </c>
      <c r="B48602" s="14" t="s">
        <v>1</v>
      </c>
      <c r="C48602" s="14" t="s">
        <v>106</v>
      </c>
      <c r="D48602" s="14" t="s">
        <v>277</v>
      </c>
      <c r="E48602" s="15">
        <v>45433</v>
      </c>
      <c r="F48602" s="14" t="s">
        <v>25</v>
      </c>
      <c r="G48602" s="16">
        <v>0.27823785367472098</v>
      </c>
    </row>
    <row r="48603" spans="1:7" x14ac:dyDescent="0.3">
      <c r="A48603" s="13" t="s">
        <v>276</v>
      </c>
      <c r="B48603" s="14" t="s">
        <v>1</v>
      </c>
      <c r="C48603" s="14" t="s">
        <v>106</v>
      </c>
      <c r="D48603" s="14" t="s">
        <v>277</v>
      </c>
      <c r="E48603" s="15">
        <v>45434</v>
      </c>
      <c r="F48603" s="14" t="s">
        <v>25</v>
      </c>
      <c r="G48603" s="16">
        <v>0.29276107257568723</v>
      </c>
    </row>
    <row r="48604" spans="1:7" x14ac:dyDescent="0.3">
      <c r="A48604" s="13" t="s">
        <v>276</v>
      </c>
      <c r="B48604" s="14" t="s">
        <v>1</v>
      </c>
      <c r="C48604" s="14" t="s">
        <v>106</v>
      </c>
      <c r="D48604" s="14" t="s">
        <v>277</v>
      </c>
      <c r="E48604" s="15">
        <v>45435</v>
      </c>
      <c r="F48604" s="14" t="s">
        <v>25</v>
      </c>
      <c r="G48604" s="16">
        <v>0.29640944102660066</v>
      </c>
    </row>
    <row r="48605" spans="1:7" x14ac:dyDescent="0.3">
      <c r="A48605" s="13" t="s">
        <v>276</v>
      </c>
      <c r="B48605" s="14" t="s">
        <v>1</v>
      </c>
      <c r="C48605" s="14" t="s">
        <v>106</v>
      </c>
      <c r="D48605" s="14" t="s">
        <v>277</v>
      </c>
      <c r="E48605" s="15">
        <v>45436</v>
      </c>
      <c r="F48605" s="14" t="s">
        <v>25</v>
      </c>
      <c r="G48605" s="16">
        <v>0.30005244814857085</v>
      </c>
    </row>
    <row r="48606" spans="1:7" x14ac:dyDescent="0.3">
      <c r="A48606" s="13" t="s">
        <v>276</v>
      </c>
      <c r="B48606" s="14" t="s">
        <v>1</v>
      </c>
      <c r="C48606" s="14" t="s">
        <v>106</v>
      </c>
      <c r="D48606" s="14" t="s">
        <v>277</v>
      </c>
      <c r="E48606" s="15">
        <v>45437</v>
      </c>
      <c r="F48606" s="14" t="s">
        <v>25</v>
      </c>
      <c r="G48606" s="16">
        <v>0.30005244814857085</v>
      </c>
    </row>
    <row r="48607" spans="1:7" x14ac:dyDescent="0.3">
      <c r="A48607" s="13" t="s">
        <v>276</v>
      </c>
      <c r="B48607" s="14" t="s">
        <v>1</v>
      </c>
      <c r="C48607" s="14" t="s">
        <v>106</v>
      </c>
      <c r="D48607" s="14" t="s">
        <v>277</v>
      </c>
      <c r="E48607" s="15">
        <v>45438</v>
      </c>
      <c r="F48607" s="14" t="s">
        <v>25</v>
      </c>
      <c r="G48607" s="16">
        <v>0.30005244814857085</v>
      </c>
    </row>
    <row r="48608" spans="1:7" x14ac:dyDescent="0.3">
      <c r="A48608" s="13" t="s">
        <v>276</v>
      </c>
      <c r="B48608" s="14" t="s">
        <v>1</v>
      </c>
      <c r="C48608" s="14" t="s">
        <v>106</v>
      </c>
      <c r="D48608" s="14" t="s">
        <v>277</v>
      </c>
      <c r="E48608" s="15">
        <v>45439</v>
      </c>
      <c r="F48608" s="14" t="s">
        <v>25</v>
      </c>
      <c r="G48608" s="16">
        <v>0.30372191602306742</v>
      </c>
    </row>
    <row r="48609" spans="1:7" x14ac:dyDescent="0.3">
      <c r="A48609" s="13" t="s">
        <v>276</v>
      </c>
      <c r="B48609" s="14" t="s">
        <v>1</v>
      </c>
      <c r="C48609" s="14" t="s">
        <v>106</v>
      </c>
      <c r="D48609" s="14" t="s">
        <v>277</v>
      </c>
      <c r="E48609" s="15">
        <v>45440</v>
      </c>
      <c r="F48609" s="14" t="s">
        <v>25</v>
      </c>
      <c r="G48609" s="16">
        <v>0.31468694196666425</v>
      </c>
    </row>
    <row r="48610" spans="1:7" x14ac:dyDescent="0.3">
      <c r="A48610" s="13" t="s">
        <v>276</v>
      </c>
      <c r="B48610" s="14" t="s">
        <v>1</v>
      </c>
      <c r="C48610" s="14" t="s">
        <v>106</v>
      </c>
      <c r="D48610" s="14" t="s">
        <v>277</v>
      </c>
      <c r="E48610" s="15">
        <v>45441</v>
      </c>
      <c r="F48610" s="14" t="s">
        <v>25</v>
      </c>
      <c r="G48610" s="16">
        <v>0.32009313452658428</v>
      </c>
    </row>
    <row r="48611" spans="1:7" x14ac:dyDescent="0.3">
      <c r="A48611" s="13" t="s">
        <v>276</v>
      </c>
      <c r="B48611" s="14" t="s">
        <v>1</v>
      </c>
      <c r="C48611" s="14" t="s">
        <v>106</v>
      </c>
      <c r="D48611" s="14" t="s">
        <v>277</v>
      </c>
      <c r="E48611" s="15">
        <v>45442</v>
      </c>
      <c r="F48611" s="14" t="s">
        <v>25</v>
      </c>
      <c r="G48611" s="16">
        <v>0.32402357805835069</v>
      </c>
    </row>
    <row r="48612" spans="1:7" x14ac:dyDescent="0.3">
      <c r="A48612" s="13" t="s">
        <v>276</v>
      </c>
      <c r="B48612" s="14" t="s">
        <v>1</v>
      </c>
      <c r="C48612" s="14" t="s">
        <v>106</v>
      </c>
      <c r="D48612" s="14" t="s">
        <v>277</v>
      </c>
      <c r="E48612" s="15">
        <v>45443</v>
      </c>
      <c r="F48612" s="14" t="s">
        <v>25</v>
      </c>
      <c r="G48612" s="16">
        <v>0.32760639993928053</v>
      </c>
    </row>
    <row r="48613" spans="1:7" x14ac:dyDescent="0.3">
      <c r="A48613" s="13" t="s">
        <v>276</v>
      </c>
      <c r="B48613" s="14" t="s">
        <v>1</v>
      </c>
      <c r="C48613" s="14" t="s">
        <v>106</v>
      </c>
      <c r="D48613" s="14" t="s">
        <v>277</v>
      </c>
      <c r="E48613" s="15">
        <v>45444</v>
      </c>
      <c r="F48613" s="14" t="s">
        <v>25</v>
      </c>
      <c r="G48613" s="16">
        <v>0.32760639993928053</v>
      </c>
    </row>
    <row r="48614" spans="1:7" x14ac:dyDescent="0.3">
      <c r="A48614" s="13" t="s">
        <v>276</v>
      </c>
      <c r="B48614" s="14" t="s">
        <v>1</v>
      </c>
      <c r="C48614" s="14" t="s">
        <v>106</v>
      </c>
      <c r="D48614" s="14" t="s">
        <v>277</v>
      </c>
      <c r="E48614" s="15">
        <v>45445</v>
      </c>
      <c r="F48614" s="14" t="s">
        <v>25</v>
      </c>
      <c r="G48614" s="16">
        <v>0.32760639993928053</v>
      </c>
    </row>
    <row r="48615" spans="1:7" x14ac:dyDescent="0.3">
      <c r="A48615" s="13" t="s">
        <v>276</v>
      </c>
      <c r="B48615" s="14" t="s">
        <v>1</v>
      </c>
      <c r="C48615" s="14" t="s">
        <v>106</v>
      </c>
      <c r="D48615" s="14" t="s">
        <v>277</v>
      </c>
      <c r="E48615" s="15">
        <v>45446</v>
      </c>
      <c r="F48615" s="14" t="s">
        <v>25</v>
      </c>
      <c r="G48615" s="16">
        <v>0.32760639993928053</v>
      </c>
    </row>
    <row r="48616" spans="1:7" x14ac:dyDescent="0.3">
      <c r="A48616" s="13" t="s">
        <v>276</v>
      </c>
      <c r="B48616" s="14" t="s">
        <v>1</v>
      </c>
      <c r="C48616" s="14" t="s">
        <v>106</v>
      </c>
      <c r="D48616" s="14" t="s">
        <v>277</v>
      </c>
      <c r="E48616" s="15">
        <v>45447</v>
      </c>
      <c r="F48616" s="14" t="s">
        <v>25</v>
      </c>
      <c r="G48616" s="16">
        <v>0.33120053652539239</v>
      </c>
    </row>
    <row r="48617" spans="1:7" x14ac:dyDescent="0.3">
      <c r="A48617" s="13" t="s">
        <v>276</v>
      </c>
      <c r="B48617" s="14" t="s">
        <v>1</v>
      </c>
      <c r="C48617" s="14" t="s">
        <v>106</v>
      </c>
      <c r="D48617" s="14" t="s">
        <v>277</v>
      </c>
      <c r="E48617" s="15">
        <v>45448</v>
      </c>
      <c r="F48617" s="14" t="s">
        <v>25</v>
      </c>
      <c r="G48617" s="16">
        <v>0.36760641190005605</v>
      </c>
    </row>
    <row r="48618" spans="1:7" x14ac:dyDescent="0.3">
      <c r="A48618" s="13" t="s">
        <v>276</v>
      </c>
      <c r="B48618" s="14" t="s">
        <v>1</v>
      </c>
      <c r="C48618" s="14" t="s">
        <v>106</v>
      </c>
      <c r="D48618" s="14" t="s">
        <v>277</v>
      </c>
      <c r="E48618" s="15">
        <v>45449</v>
      </c>
      <c r="F48618" s="14" t="s">
        <v>25</v>
      </c>
      <c r="G48618" s="16">
        <v>0.37092010076679621</v>
      </c>
    </row>
    <row r="48619" spans="1:7" x14ac:dyDescent="0.3">
      <c r="A48619" s="13" t="s">
        <v>276</v>
      </c>
      <c r="B48619" s="14" t="s">
        <v>1</v>
      </c>
      <c r="C48619" s="14" t="s">
        <v>106</v>
      </c>
      <c r="D48619" s="14" t="s">
        <v>277</v>
      </c>
      <c r="E48619" s="15">
        <v>45450</v>
      </c>
      <c r="F48619" s="14" t="s">
        <v>25</v>
      </c>
      <c r="G48619" s="16">
        <v>0.37417078136335197</v>
      </c>
    </row>
    <row r="48620" spans="1:7" x14ac:dyDescent="0.3">
      <c r="A48620" s="13" t="s">
        <v>276</v>
      </c>
      <c r="B48620" s="14" t="s">
        <v>1</v>
      </c>
      <c r="C48620" s="14" t="s">
        <v>106</v>
      </c>
      <c r="D48620" s="14" t="s">
        <v>277</v>
      </c>
      <c r="E48620" s="15">
        <v>45451</v>
      </c>
      <c r="F48620" s="14" t="s">
        <v>25</v>
      </c>
      <c r="G48620" s="16">
        <v>0.37417078136335197</v>
      </c>
    </row>
    <row r="48621" spans="1:7" x14ac:dyDescent="0.3">
      <c r="A48621" s="13" t="s">
        <v>276</v>
      </c>
      <c r="B48621" s="14" t="s">
        <v>1</v>
      </c>
      <c r="C48621" s="14" t="s">
        <v>106</v>
      </c>
      <c r="D48621" s="14" t="s">
        <v>277</v>
      </c>
      <c r="E48621" s="15">
        <v>45452</v>
      </c>
      <c r="F48621" s="14" t="s">
        <v>25</v>
      </c>
      <c r="G48621" s="16">
        <v>0.37417078136335197</v>
      </c>
    </row>
    <row r="48622" spans="1:7" x14ac:dyDescent="0.3">
      <c r="A48622" s="13" t="s">
        <v>276</v>
      </c>
      <c r="B48622" s="14" t="s">
        <v>1</v>
      </c>
      <c r="C48622" s="14" t="s">
        <v>106</v>
      </c>
      <c r="D48622" s="14" t="s">
        <v>277</v>
      </c>
      <c r="E48622" s="15">
        <v>45453</v>
      </c>
      <c r="F48622" s="14" t="s">
        <v>25</v>
      </c>
      <c r="G48622" s="16">
        <v>0.38001104979153405</v>
      </c>
    </row>
    <row r="48623" spans="1:7" x14ac:dyDescent="0.3">
      <c r="A48623" s="13" t="s">
        <v>276</v>
      </c>
      <c r="B48623" s="14" t="s">
        <v>1</v>
      </c>
      <c r="C48623" s="14" t="s">
        <v>106</v>
      </c>
      <c r="D48623" s="14" t="s">
        <v>277</v>
      </c>
      <c r="E48623" s="15">
        <v>45454</v>
      </c>
      <c r="F48623" s="14" t="s">
        <v>25</v>
      </c>
      <c r="G48623" s="16">
        <v>0.39135820631852791</v>
      </c>
    </row>
    <row r="48624" spans="1:7" x14ac:dyDescent="0.3">
      <c r="A48624" s="13" t="s">
        <v>276</v>
      </c>
      <c r="B48624" s="14" t="s">
        <v>1</v>
      </c>
      <c r="C48624" s="14" t="s">
        <v>106</v>
      </c>
      <c r="D48624" s="14" t="s">
        <v>277</v>
      </c>
      <c r="E48624" s="15">
        <v>45455</v>
      </c>
      <c r="F48624" s="14" t="s">
        <v>25</v>
      </c>
      <c r="G48624" s="16">
        <v>0.39459638940694802</v>
      </c>
    </row>
    <row r="48625" spans="1:7" x14ac:dyDescent="0.3">
      <c r="A48625" s="13" t="s">
        <v>276</v>
      </c>
      <c r="B48625" s="14" t="s">
        <v>1</v>
      </c>
      <c r="C48625" s="14" t="s">
        <v>106</v>
      </c>
      <c r="D48625" s="14" t="s">
        <v>277</v>
      </c>
      <c r="E48625" s="15">
        <v>45456</v>
      </c>
      <c r="F48625" s="14" t="s">
        <v>25</v>
      </c>
      <c r="G48625" s="16">
        <v>0.39776062890556491</v>
      </c>
    </row>
    <row r="48626" spans="1:7" x14ac:dyDescent="0.3">
      <c r="A48626" s="13" t="s">
        <v>276</v>
      </c>
      <c r="B48626" s="14" t="s">
        <v>1</v>
      </c>
      <c r="C48626" s="14" t="s">
        <v>106</v>
      </c>
      <c r="D48626" s="14" t="s">
        <v>277</v>
      </c>
      <c r="E48626" s="15">
        <v>45457</v>
      </c>
      <c r="F48626" s="14" t="s">
        <v>25</v>
      </c>
      <c r="G48626" s="16">
        <v>0.40676051039756439</v>
      </c>
    </row>
    <row r="48627" spans="1:7" x14ac:dyDescent="0.3">
      <c r="A48627" s="13" t="s">
        <v>276</v>
      </c>
      <c r="B48627" s="14" t="s">
        <v>1</v>
      </c>
      <c r="C48627" s="14" t="s">
        <v>106</v>
      </c>
      <c r="D48627" s="14" t="s">
        <v>277</v>
      </c>
      <c r="E48627" s="15">
        <v>45458</v>
      </c>
      <c r="F48627" s="14" t="s">
        <v>25</v>
      </c>
      <c r="G48627" s="16">
        <v>0.40676051039756439</v>
      </c>
    </row>
    <row r="48628" spans="1:7" x14ac:dyDescent="0.3">
      <c r="A48628" s="13" t="s">
        <v>276</v>
      </c>
      <c r="B48628" s="14" t="s">
        <v>1</v>
      </c>
      <c r="C48628" s="14" t="s">
        <v>106</v>
      </c>
      <c r="D48628" s="14" t="s">
        <v>277</v>
      </c>
      <c r="E48628" s="15">
        <v>45459</v>
      </c>
      <c r="F48628" s="14" t="s">
        <v>25</v>
      </c>
      <c r="G48628" s="16">
        <v>0.40676051039756439</v>
      </c>
    </row>
    <row r="48629" spans="1:7" x14ac:dyDescent="0.3">
      <c r="A48629" s="13" t="s">
        <v>276</v>
      </c>
      <c r="B48629" s="14" t="s">
        <v>1</v>
      </c>
      <c r="C48629" s="14" t="s">
        <v>106</v>
      </c>
      <c r="D48629" s="14" t="s">
        <v>277</v>
      </c>
      <c r="E48629" s="15">
        <v>45460</v>
      </c>
      <c r="F48629" s="14" t="s">
        <v>25</v>
      </c>
      <c r="G48629" s="16">
        <v>0.41063616549257992</v>
      </c>
    </row>
    <row r="48630" spans="1:7" x14ac:dyDescent="0.3">
      <c r="A48630" s="13" t="s">
        <v>276</v>
      </c>
      <c r="B48630" s="14" t="s">
        <v>1</v>
      </c>
      <c r="C48630" s="14" t="s">
        <v>106</v>
      </c>
      <c r="D48630" s="14" t="s">
        <v>277</v>
      </c>
      <c r="E48630" s="15">
        <v>45461</v>
      </c>
      <c r="F48630" s="14" t="s">
        <v>25</v>
      </c>
      <c r="G48630" s="16">
        <v>0.42014263276771163</v>
      </c>
    </row>
    <row r="48631" spans="1:7" x14ac:dyDescent="0.3">
      <c r="A48631" s="13" t="s">
        <v>276</v>
      </c>
      <c r="B48631" s="14" t="s">
        <v>1</v>
      </c>
      <c r="C48631" s="14" t="s">
        <v>106</v>
      </c>
      <c r="D48631" s="14" t="s">
        <v>277</v>
      </c>
      <c r="E48631" s="15">
        <v>45462</v>
      </c>
      <c r="F48631" s="14" t="s">
        <v>25</v>
      </c>
      <c r="G48631" s="16">
        <v>0.42370903935917081</v>
      </c>
    </row>
    <row r="48632" spans="1:7" x14ac:dyDescent="0.3">
      <c r="A48632" s="13" t="s">
        <v>276</v>
      </c>
      <c r="B48632" s="14" t="s">
        <v>1</v>
      </c>
      <c r="C48632" s="14" t="s">
        <v>106</v>
      </c>
      <c r="D48632" s="14" t="s">
        <v>277</v>
      </c>
      <c r="E48632" s="15">
        <v>45463</v>
      </c>
      <c r="F48632" s="14" t="s">
        <v>25</v>
      </c>
      <c r="G48632" s="16">
        <v>0.4267437278603316</v>
      </c>
    </row>
    <row r="48633" spans="1:7" x14ac:dyDescent="0.3">
      <c r="A48633" s="13" t="s">
        <v>276</v>
      </c>
      <c r="B48633" s="14" t="s">
        <v>1</v>
      </c>
      <c r="C48633" s="14" t="s">
        <v>106</v>
      </c>
      <c r="D48633" s="14" t="s">
        <v>277</v>
      </c>
      <c r="E48633" s="15">
        <v>45464</v>
      </c>
      <c r="F48633" s="14" t="s">
        <v>25</v>
      </c>
      <c r="G48633" s="16">
        <v>0.43092705366041589</v>
      </c>
    </row>
    <row r="48634" spans="1:7" x14ac:dyDescent="0.3">
      <c r="A48634" s="13" t="s">
        <v>276</v>
      </c>
      <c r="B48634" s="14" t="s">
        <v>1</v>
      </c>
      <c r="C48634" s="14" t="s">
        <v>106</v>
      </c>
      <c r="D48634" s="14" t="s">
        <v>277</v>
      </c>
      <c r="E48634" s="15">
        <v>45465</v>
      </c>
      <c r="F48634" s="14" t="s">
        <v>25</v>
      </c>
      <c r="G48634" s="16">
        <v>0.43092705366041589</v>
      </c>
    </row>
    <row r="48635" spans="1:7" x14ac:dyDescent="0.3">
      <c r="A48635" s="13" t="s">
        <v>276</v>
      </c>
      <c r="B48635" s="14" t="s">
        <v>1</v>
      </c>
      <c r="C48635" s="14" t="s">
        <v>106</v>
      </c>
      <c r="D48635" s="14" t="s">
        <v>277</v>
      </c>
      <c r="E48635" s="15">
        <v>45466</v>
      </c>
      <c r="F48635" s="14" t="s">
        <v>25</v>
      </c>
      <c r="G48635" s="16">
        <v>0.43092705366041589</v>
      </c>
    </row>
    <row r="48636" spans="1:7" x14ac:dyDescent="0.3">
      <c r="A48636" s="13" t="s">
        <v>276</v>
      </c>
      <c r="B48636" s="14" t="s">
        <v>1</v>
      </c>
      <c r="C48636" s="14" t="s">
        <v>106</v>
      </c>
      <c r="D48636" s="14" t="s">
        <v>277</v>
      </c>
      <c r="E48636" s="15">
        <v>45467</v>
      </c>
      <c r="F48636" s="14" t="s">
        <v>25</v>
      </c>
      <c r="G48636" s="16">
        <v>0.43417264122607691</v>
      </c>
    </row>
    <row r="48637" spans="1:7" x14ac:dyDescent="0.3">
      <c r="A48637" s="13" t="s">
        <v>276</v>
      </c>
      <c r="B48637" s="14" t="s">
        <v>1</v>
      </c>
      <c r="C48637" s="14" t="s">
        <v>106</v>
      </c>
      <c r="D48637" s="14" t="s">
        <v>277</v>
      </c>
      <c r="E48637" s="15">
        <v>45468</v>
      </c>
      <c r="F48637" s="14" t="s">
        <v>25</v>
      </c>
      <c r="G48637" s="16">
        <v>0.44396609251499641</v>
      </c>
    </row>
    <row r="48638" spans="1:7" x14ac:dyDescent="0.3">
      <c r="A48638" s="13" t="s">
        <v>276</v>
      </c>
      <c r="B48638" s="14" t="s">
        <v>1</v>
      </c>
      <c r="C48638" s="14" t="s">
        <v>106</v>
      </c>
      <c r="D48638" s="14" t="s">
        <v>277</v>
      </c>
      <c r="E48638" s="15">
        <v>45469</v>
      </c>
      <c r="F48638" s="14" t="s">
        <v>25</v>
      </c>
      <c r="G48638" s="16">
        <v>0.44721501098857552</v>
      </c>
    </row>
    <row r="48639" spans="1:7" x14ac:dyDescent="0.3">
      <c r="A48639" s="13" t="s">
        <v>276</v>
      </c>
      <c r="B48639" s="14" t="s">
        <v>1</v>
      </c>
      <c r="C48639" s="14" t="s">
        <v>106</v>
      </c>
      <c r="D48639" s="14" t="s">
        <v>277</v>
      </c>
      <c r="E48639" s="15">
        <v>45470</v>
      </c>
      <c r="F48639" s="14" t="s">
        <v>25</v>
      </c>
      <c r="G48639" s="16">
        <v>0.45049408294436077</v>
      </c>
    </row>
    <row r="48640" spans="1:7" x14ac:dyDescent="0.3">
      <c r="A48640" s="13" t="s">
        <v>276</v>
      </c>
      <c r="B48640" s="14" t="s">
        <v>1</v>
      </c>
      <c r="C48640" s="14" t="s">
        <v>106</v>
      </c>
      <c r="D48640" s="14" t="s">
        <v>277</v>
      </c>
      <c r="E48640" s="15">
        <v>45471</v>
      </c>
      <c r="F48640" s="14" t="s">
        <v>25</v>
      </c>
      <c r="G48640" s="16">
        <v>0.45178562462233646</v>
      </c>
    </row>
    <row r="48641" spans="1:7" x14ac:dyDescent="0.3">
      <c r="A48641" s="13" t="s">
        <v>276</v>
      </c>
      <c r="B48641" s="14" t="s">
        <v>1</v>
      </c>
      <c r="C48641" s="14" t="s">
        <v>106</v>
      </c>
      <c r="D48641" s="14" t="s">
        <v>277</v>
      </c>
      <c r="E48641" s="15">
        <v>45472</v>
      </c>
      <c r="F48641" s="14" t="s">
        <v>25</v>
      </c>
      <c r="G48641" s="16">
        <v>0.45178562462233646</v>
      </c>
    </row>
    <row r="48642" spans="1:7" x14ac:dyDescent="0.3">
      <c r="A48642" s="13" t="s">
        <v>276</v>
      </c>
      <c r="B48642" s="14" t="s">
        <v>1</v>
      </c>
      <c r="C48642" s="14" t="s">
        <v>106</v>
      </c>
      <c r="D48642" s="14" t="s">
        <v>277</v>
      </c>
      <c r="E48642" s="15">
        <v>45473</v>
      </c>
      <c r="F48642" s="14" t="s">
        <v>25</v>
      </c>
      <c r="G48642" s="16">
        <v>0.45178562462233646</v>
      </c>
    </row>
    <row r="48643" spans="1:7" x14ac:dyDescent="0.3">
      <c r="A48643" s="13" t="s">
        <v>276</v>
      </c>
      <c r="B48643" s="14" t="s">
        <v>1</v>
      </c>
      <c r="C48643" s="14" t="s">
        <v>106</v>
      </c>
      <c r="D48643" s="14" t="s">
        <v>277</v>
      </c>
      <c r="E48643" s="15">
        <v>45474</v>
      </c>
      <c r="F48643" s="14" t="s">
        <v>25</v>
      </c>
      <c r="G48643" s="16">
        <v>0.4552801519447609</v>
      </c>
    </row>
    <row r="48644" spans="1:7" x14ac:dyDescent="0.3">
      <c r="A48644" s="13" t="s">
        <v>276</v>
      </c>
      <c r="B48644" s="14" t="s">
        <v>1</v>
      </c>
      <c r="C48644" s="14" t="s">
        <v>106</v>
      </c>
      <c r="D48644" s="14" t="s">
        <v>277</v>
      </c>
      <c r="E48644" s="15">
        <v>45475</v>
      </c>
      <c r="F48644" s="14" t="s">
        <v>25</v>
      </c>
      <c r="G48644" s="16">
        <v>0.47187979493596582</v>
      </c>
    </row>
    <row r="48645" spans="1:7" x14ac:dyDescent="0.3">
      <c r="A48645" s="13" t="s">
        <v>276</v>
      </c>
      <c r="B48645" s="14" t="s">
        <v>1</v>
      </c>
      <c r="C48645" s="14" t="s">
        <v>106</v>
      </c>
      <c r="D48645" s="14" t="s">
        <v>277</v>
      </c>
      <c r="E48645" s="15">
        <v>45476</v>
      </c>
      <c r="F48645" s="14" t="s">
        <v>25</v>
      </c>
      <c r="G48645" s="16">
        <v>0.4744843918415812</v>
      </c>
    </row>
    <row r="48646" spans="1:7" x14ac:dyDescent="0.3">
      <c r="A48646" s="13" t="s">
        <v>276</v>
      </c>
      <c r="B48646" s="14" t="s">
        <v>1</v>
      </c>
      <c r="C48646" s="14" t="s">
        <v>106</v>
      </c>
      <c r="D48646" s="14" t="s">
        <v>277</v>
      </c>
      <c r="E48646" s="15">
        <v>45477</v>
      </c>
      <c r="F48646" s="14" t="s">
        <v>25</v>
      </c>
      <c r="G48646" s="16">
        <v>0.47764736614059361</v>
      </c>
    </row>
    <row r="48647" spans="1:7" x14ac:dyDescent="0.3">
      <c r="A48647" s="13" t="s">
        <v>276</v>
      </c>
      <c r="B48647" s="14" t="s">
        <v>1</v>
      </c>
      <c r="C48647" s="14" t="s">
        <v>106</v>
      </c>
      <c r="D48647" s="14" t="s">
        <v>277</v>
      </c>
      <c r="E48647" s="15">
        <v>45478</v>
      </c>
      <c r="F48647" s="14" t="s">
        <v>25</v>
      </c>
      <c r="G48647" s="16">
        <v>0.48097295930347</v>
      </c>
    </row>
    <row r="48648" spans="1:7" x14ac:dyDescent="0.3">
      <c r="A48648" s="13" t="s">
        <v>276</v>
      </c>
      <c r="B48648" s="14" t="s">
        <v>1</v>
      </c>
      <c r="C48648" s="14" t="s">
        <v>106</v>
      </c>
      <c r="D48648" s="14" t="s">
        <v>277</v>
      </c>
      <c r="E48648" s="15">
        <v>45479</v>
      </c>
      <c r="F48648" s="14" t="s">
        <v>25</v>
      </c>
      <c r="G48648" s="16">
        <v>0.48097295930347</v>
      </c>
    </row>
    <row r="48649" spans="1:7" x14ac:dyDescent="0.3">
      <c r="A48649" s="13" t="s">
        <v>276</v>
      </c>
      <c r="B48649" s="14" t="s">
        <v>1</v>
      </c>
      <c r="C48649" s="14" t="s">
        <v>106</v>
      </c>
      <c r="D48649" s="14" t="s">
        <v>277</v>
      </c>
      <c r="E48649" s="15">
        <v>45480</v>
      </c>
      <c r="F48649" s="14" t="s">
        <v>25</v>
      </c>
      <c r="G48649" s="16">
        <v>0.48097295930347</v>
      </c>
    </row>
    <row r="48650" spans="1:7" x14ac:dyDescent="0.3">
      <c r="A48650" s="13" t="s">
        <v>276</v>
      </c>
      <c r="B48650" s="14" t="s">
        <v>1</v>
      </c>
      <c r="C48650" s="14" t="s">
        <v>106</v>
      </c>
      <c r="D48650" s="14" t="s">
        <v>277</v>
      </c>
      <c r="E48650" s="15">
        <v>45481</v>
      </c>
      <c r="F48650" s="14" t="s">
        <v>25</v>
      </c>
      <c r="G48650" s="16">
        <v>0.48427153703480913</v>
      </c>
    </row>
    <row r="48651" spans="1:7" x14ac:dyDescent="0.3">
      <c r="A48651" s="13" t="s">
        <v>276</v>
      </c>
      <c r="B48651" s="14" t="s">
        <v>1</v>
      </c>
      <c r="C48651" s="14" t="s">
        <v>106</v>
      </c>
      <c r="D48651" s="14" t="s">
        <v>277</v>
      </c>
      <c r="E48651" s="15">
        <v>45482</v>
      </c>
      <c r="F48651" s="14" t="s">
        <v>25</v>
      </c>
      <c r="G48651" s="16">
        <v>0.49418398359613769</v>
      </c>
    </row>
    <row r="48652" spans="1:7" x14ac:dyDescent="0.3">
      <c r="A48652" s="13" t="s">
        <v>276</v>
      </c>
      <c r="B48652" s="14" t="s">
        <v>1</v>
      </c>
      <c r="C48652" s="14" t="s">
        <v>106</v>
      </c>
      <c r="D48652" s="14" t="s">
        <v>277</v>
      </c>
      <c r="E48652" s="15">
        <v>45483</v>
      </c>
      <c r="F48652" s="14" t="s">
        <v>25</v>
      </c>
      <c r="G48652" s="16">
        <v>0.50540281923966168</v>
      </c>
    </row>
    <row r="48653" spans="1:7" x14ac:dyDescent="0.3">
      <c r="A48653" s="13" t="s">
        <v>276</v>
      </c>
      <c r="B48653" s="14" t="s">
        <v>1</v>
      </c>
      <c r="C48653" s="14" t="s">
        <v>106</v>
      </c>
      <c r="D48653" s="14" t="s">
        <v>277</v>
      </c>
      <c r="E48653" s="15">
        <v>45484</v>
      </c>
      <c r="F48653" s="14" t="s">
        <v>25</v>
      </c>
      <c r="G48653" s="16">
        <v>0.50907329771683862</v>
      </c>
    </row>
    <row r="48654" spans="1:7" x14ac:dyDescent="0.3">
      <c r="A48654" s="13" t="s">
        <v>276</v>
      </c>
      <c r="B48654" s="14" t="s">
        <v>1</v>
      </c>
      <c r="C48654" s="14" t="s">
        <v>106</v>
      </c>
      <c r="D48654" s="14" t="s">
        <v>277</v>
      </c>
      <c r="E48654" s="15">
        <v>45485</v>
      </c>
      <c r="F48654" s="14" t="s">
        <v>25</v>
      </c>
      <c r="G48654" s="16">
        <v>0.51226083149906676</v>
      </c>
    </row>
    <row r="48655" spans="1:7" x14ac:dyDescent="0.3">
      <c r="A48655" s="13" t="s">
        <v>276</v>
      </c>
      <c r="B48655" s="14" t="s">
        <v>1</v>
      </c>
      <c r="C48655" s="14" t="s">
        <v>106</v>
      </c>
      <c r="D48655" s="14" t="s">
        <v>277</v>
      </c>
      <c r="E48655" s="15">
        <v>45486</v>
      </c>
      <c r="F48655" s="14" t="s">
        <v>25</v>
      </c>
      <c r="G48655" s="16">
        <v>0.51226083149906676</v>
      </c>
    </row>
    <row r="48656" spans="1:7" x14ac:dyDescent="0.3">
      <c r="A48656" s="13" t="s">
        <v>276</v>
      </c>
      <c r="B48656" s="14" t="s">
        <v>1</v>
      </c>
      <c r="C48656" s="14" t="s">
        <v>106</v>
      </c>
      <c r="D48656" s="14" t="s">
        <v>277</v>
      </c>
      <c r="E48656" s="15">
        <v>45487</v>
      </c>
      <c r="F48656" s="14" t="s">
        <v>25</v>
      </c>
      <c r="G48656" s="16">
        <v>0.51226083149906676</v>
      </c>
    </row>
    <row r="48657" spans="1:7" x14ac:dyDescent="0.3">
      <c r="A48657" s="13" t="s">
        <v>276</v>
      </c>
      <c r="B48657" s="14" t="s">
        <v>1</v>
      </c>
      <c r="C48657" s="14" t="s">
        <v>106</v>
      </c>
      <c r="D48657" s="14" t="s">
        <v>277</v>
      </c>
      <c r="E48657" s="15">
        <v>45488</v>
      </c>
      <c r="F48657" s="14" t="s">
        <v>25</v>
      </c>
      <c r="G48657" s="16">
        <v>0.51545608397601983</v>
      </c>
    </row>
    <row r="48658" spans="1:7" x14ac:dyDescent="0.3">
      <c r="A48658" s="13" t="s">
        <v>276</v>
      </c>
      <c r="B48658" s="14" t="s">
        <v>1</v>
      </c>
      <c r="C48658" s="14" t="s">
        <v>106</v>
      </c>
      <c r="D48658" s="14" t="s">
        <v>277</v>
      </c>
      <c r="E48658" s="15">
        <v>45489</v>
      </c>
      <c r="F48658" s="14" t="s">
        <v>25</v>
      </c>
      <c r="G48658" s="16">
        <v>0.52499610351687021</v>
      </c>
    </row>
    <row r="48659" spans="1:7" x14ac:dyDescent="0.3">
      <c r="A48659" s="13" t="s">
        <v>276</v>
      </c>
      <c r="B48659" s="14" t="s">
        <v>1</v>
      </c>
      <c r="C48659" s="14" t="s">
        <v>106</v>
      </c>
      <c r="D48659" s="14" t="s">
        <v>277</v>
      </c>
      <c r="E48659" s="15">
        <v>45490</v>
      </c>
      <c r="F48659" s="14" t="s">
        <v>25</v>
      </c>
      <c r="G48659" s="16">
        <v>0.52820819678231412</v>
      </c>
    </row>
    <row r="48660" spans="1:7" x14ac:dyDescent="0.3">
      <c r="A48660" s="13" t="s">
        <v>276</v>
      </c>
      <c r="B48660" s="14" t="s">
        <v>1</v>
      </c>
      <c r="C48660" s="14" t="s">
        <v>106</v>
      </c>
      <c r="D48660" s="14" t="s">
        <v>277</v>
      </c>
      <c r="E48660" s="15">
        <v>45491</v>
      </c>
      <c r="F48660" s="14" t="s">
        <v>25</v>
      </c>
      <c r="G48660" s="16">
        <v>0.53131293002112934</v>
      </c>
    </row>
    <row r="48661" spans="1:7" x14ac:dyDescent="0.3">
      <c r="A48661" s="13" t="s">
        <v>276</v>
      </c>
      <c r="B48661" s="14" t="s">
        <v>1</v>
      </c>
      <c r="C48661" s="14" t="s">
        <v>106</v>
      </c>
      <c r="D48661" s="14" t="s">
        <v>277</v>
      </c>
      <c r="E48661" s="15">
        <v>45492</v>
      </c>
      <c r="F48661" s="14" t="s">
        <v>25</v>
      </c>
      <c r="G48661" s="16">
        <v>0.57357442617466459</v>
      </c>
    </row>
    <row r="48662" spans="1:7" x14ac:dyDescent="0.3">
      <c r="A48662" s="13" t="s">
        <v>276</v>
      </c>
      <c r="B48662" s="14" t="s">
        <v>1</v>
      </c>
      <c r="C48662" s="14" t="s">
        <v>106</v>
      </c>
      <c r="D48662" s="14" t="s">
        <v>277</v>
      </c>
      <c r="E48662" s="15">
        <v>45493</v>
      </c>
      <c r="F48662" s="14" t="s">
        <v>25</v>
      </c>
      <c r="G48662" s="16">
        <v>0.57357442617466459</v>
      </c>
    </row>
    <row r="48663" spans="1:7" x14ac:dyDescent="0.3">
      <c r="A48663" s="13" t="s">
        <v>276</v>
      </c>
      <c r="B48663" s="14" t="s">
        <v>1</v>
      </c>
      <c r="C48663" s="14" t="s">
        <v>106</v>
      </c>
      <c r="D48663" s="14" t="s">
        <v>277</v>
      </c>
      <c r="E48663" s="15">
        <v>45494</v>
      </c>
      <c r="F48663" s="14" t="s">
        <v>25</v>
      </c>
      <c r="G48663" s="16">
        <v>0.57357442617466459</v>
      </c>
    </row>
    <row r="48664" spans="1:7" x14ac:dyDescent="0.3">
      <c r="A48664" s="13" t="s">
        <v>276</v>
      </c>
      <c r="B48664" s="14" t="s">
        <v>1</v>
      </c>
      <c r="C48664" s="14" t="s">
        <v>106</v>
      </c>
      <c r="D48664" s="14" t="s">
        <v>277</v>
      </c>
      <c r="E48664" s="15">
        <v>45495</v>
      </c>
      <c r="F48664" s="14" t="s">
        <v>25</v>
      </c>
      <c r="G48664" s="16">
        <v>0.57558801665918191</v>
      </c>
    </row>
    <row r="48665" spans="1:7" x14ac:dyDescent="0.3">
      <c r="A48665" s="13" t="s">
        <v>276</v>
      </c>
      <c r="B48665" s="14" t="s">
        <v>1</v>
      </c>
      <c r="C48665" s="14" t="s">
        <v>106</v>
      </c>
      <c r="D48665" s="14" t="s">
        <v>277</v>
      </c>
      <c r="E48665" s="15">
        <v>45496</v>
      </c>
      <c r="F48665" s="14" t="s">
        <v>25</v>
      </c>
      <c r="G48665" s="16">
        <v>0.58527784904764812</v>
      </c>
    </row>
    <row r="48666" spans="1:7" x14ac:dyDescent="0.3">
      <c r="A48666" s="13" t="s">
        <v>276</v>
      </c>
      <c r="B48666" s="14" t="s">
        <v>1</v>
      </c>
      <c r="C48666" s="14" t="s">
        <v>106</v>
      </c>
      <c r="D48666" s="14" t="s">
        <v>277</v>
      </c>
      <c r="E48666" s="15">
        <v>45497</v>
      </c>
      <c r="F48666" s="14" t="s">
        <v>25</v>
      </c>
      <c r="G48666" s="16">
        <v>0.58849678388341631</v>
      </c>
    </row>
    <row r="48667" spans="1:7" x14ac:dyDescent="0.3">
      <c r="A48667" s="13" t="s">
        <v>276</v>
      </c>
      <c r="B48667" s="14" t="s">
        <v>1</v>
      </c>
      <c r="C48667" s="14" t="s">
        <v>106</v>
      </c>
      <c r="D48667" s="14" t="s">
        <v>277</v>
      </c>
      <c r="E48667" s="15">
        <v>45498</v>
      </c>
      <c r="F48667" s="14" t="s">
        <v>25</v>
      </c>
      <c r="G48667" s="16">
        <v>0.59162993595280966</v>
      </c>
    </row>
    <row r="48668" spans="1:7" x14ac:dyDescent="0.3">
      <c r="A48668" s="13" t="s">
        <v>276</v>
      </c>
      <c r="B48668" s="14" t="s">
        <v>1</v>
      </c>
      <c r="C48668" s="14" t="s">
        <v>106</v>
      </c>
      <c r="D48668" s="14" t="s">
        <v>277</v>
      </c>
      <c r="E48668" s="15">
        <v>45499</v>
      </c>
      <c r="F48668" s="14" t="s">
        <v>25</v>
      </c>
      <c r="G48668" s="16">
        <v>0.59478729665565855</v>
      </c>
    </row>
    <row r="48669" spans="1:7" x14ac:dyDescent="0.3">
      <c r="A48669" s="13" t="s">
        <v>276</v>
      </c>
      <c r="B48669" s="14" t="s">
        <v>1</v>
      </c>
      <c r="C48669" s="14" t="s">
        <v>106</v>
      </c>
      <c r="D48669" s="14" t="s">
        <v>277</v>
      </c>
      <c r="E48669" s="15">
        <v>45500</v>
      </c>
      <c r="F48669" s="14" t="s">
        <v>25</v>
      </c>
      <c r="G48669" s="16">
        <v>0.59478729665565855</v>
      </c>
    </row>
    <row r="48670" spans="1:7" x14ac:dyDescent="0.3">
      <c r="A48670" s="13" t="s">
        <v>276</v>
      </c>
      <c r="B48670" s="14" t="s">
        <v>1</v>
      </c>
      <c r="C48670" s="14" t="s">
        <v>106</v>
      </c>
      <c r="D48670" s="14" t="s">
        <v>277</v>
      </c>
      <c r="E48670" s="15">
        <v>45501</v>
      </c>
      <c r="F48670" s="14" t="s">
        <v>25</v>
      </c>
      <c r="G48670" s="16">
        <v>0.59478729665565855</v>
      </c>
    </row>
    <row r="48671" spans="1:7" x14ac:dyDescent="0.3">
      <c r="A48671" s="13" t="s">
        <v>276</v>
      </c>
      <c r="B48671" s="14" t="s">
        <v>1</v>
      </c>
      <c r="C48671" s="14" t="s">
        <v>106</v>
      </c>
      <c r="D48671" s="14" t="s">
        <v>277</v>
      </c>
      <c r="E48671" s="15">
        <v>45502</v>
      </c>
      <c r="F48671" s="14" t="s">
        <v>25</v>
      </c>
      <c r="G48671" s="16">
        <v>0.5980216688808766</v>
      </c>
    </row>
    <row r="48672" spans="1:7" x14ac:dyDescent="0.3">
      <c r="A48672" s="13" t="s">
        <v>276</v>
      </c>
      <c r="B48672" s="14" t="s">
        <v>1</v>
      </c>
      <c r="C48672" s="14" t="s">
        <v>106</v>
      </c>
      <c r="D48672" s="14" t="s">
        <v>277</v>
      </c>
      <c r="E48672" s="15">
        <v>45503</v>
      </c>
      <c r="F48672" s="14" t="s">
        <v>25</v>
      </c>
      <c r="G48672" s="16">
        <v>0.60769290623205097</v>
      </c>
    </row>
    <row r="48673" spans="1:7" x14ac:dyDescent="0.3">
      <c r="A48673" s="13" t="s">
        <v>276</v>
      </c>
      <c r="B48673" s="14" t="s">
        <v>1</v>
      </c>
      <c r="C48673" s="14" t="s">
        <v>106</v>
      </c>
      <c r="D48673" s="14" t="s">
        <v>277</v>
      </c>
      <c r="E48673" s="15">
        <v>45504</v>
      </c>
      <c r="F48673" s="14" t="s">
        <v>25</v>
      </c>
      <c r="G48673" s="16">
        <v>0.61507853282024383</v>
      </c>
    </row>
    <row r="48674" spans="1:7" x14ac:dyDescent="0.3">
      <c r="A48674" s="13" t="s">
        <v>276</v>
      </c>
      <c r="B48674" s="14" t="s">
        <v>1</v>
      </c>
      <c r="C48674" s="14" t="s">
        <v>106</v>
      </c>
      <c r="D48674" s="14" t="s">
        <v>277</v>
      </c>
      <c r="E48674" s="15">
        <v>45505</v>
      </c>
      <c r="F48674" s="14" t="s">
        <v>25</v>
      </c>
      <c r="G48674" s="16">
        <v>0.61507853282024383</v>
      </c>
    </row>
    <row r="48675" spans="1:7" x14ac:dyDescent="0.3">
      <c r="A48675" s="13" t="s">
        <v>276</v>
      </c>
      <c r="B48675" s="14" t="s">
        <v>1</v>
      </c>
      <c r="C48675" s="14" t="s">
        <v>106</v>
      </c>
      <c r="D48675" s="14" t="s">
        <v>277</v>
      </c>
      <c r="E48675" s="15">
        <v>45506</v>
      </c>
      <c r="F48675" s="14" t="s">
        <v>25</v>
      </c>
      <c r="G48675" s="16">
        <v>0.61822098240828305</v>
      </c>
    </row>
    <row r="48676" spans="1:7" x14ac:dyDescent="0.3">
      <c r="A48676" s="13" t="s">
        <v>276</v>
      </c>
      <c r="B48676" s="14" t="s">
        <v>1</v>
      </c>
      <c r="C48676" s="14" t="s">
        <v>106</v>
      </c>
      <c r="D48676" s="14" t="s">
        <v>277</v>
      </c>
      <c r="E48676" s="15">
        <v>45507</v>
      </c>
      <c r="F48676" s="14" t="s">
        <v>25</v>
      </c>
      <c r="G48676" s="16">
        <v>0.61822098240828305</v>
      </c>
    </row>
    <row r="48677" spans="1:7" x14ac:dyDescent="0.3">
      <c r="A48677" s="13" t="s">
        <v>276</v>
      </c>
      <c r="B48677" s="14" t="s">
        <v>1</v>
      </c>
      <c r="C48677" s="14" t="s">
        <v>106</v>
      </c>
      <c r="D48677" s="14" t="s">
        <v>277</v>
      </c>
      <c r="E48677" s="15">
        <v>45508</v>
      </c>
      <c r="F48677" s="14" t="s">
        <v>25</v>
      </c>
      <c r="G48677" s="16">
        <v>0.61822098240828305</v>
      </c>
    </row>
    <row r="48678" spans="1:7" x14ac:dyDescent="0.3">
      <c r="A48678" s="13" t="s">
        <v>276</v>
      </c>
      <c r="B48678" s="14" t="s">
        <v>1</v>
      </c>
      <c r="C48678" s="14" t="s">
        <v>106</v>
      </c>
      <c r="D48678" s="14" t="s">
        <v>277</v>
      </c>
      <c r="E48678" s="15">
        <v>45509</v>
      </c>
      <c r="F48678" s="14" t="s">
        <v>25</v>
      </c>
      <c r="G48678" s="16">
        <v>0.61822098240828305</v>
      </c>
    </row>
    <row r="48679" spans="1:7" x14ac:dyDescent="0.3">
      <c r="A48679" s="13" t="s">
        <v>276</v>
      </c>
      <c r="B48679" s="14" t="s">
        <v>1</v>
      </c>
      <c r="C48679" s="14" t="s">
        <v>106</v>
      </c>
      <c r="D48679" s="14" t="s">
        <v>277</v>
      </c>
      <c r="E48679" s="15">
        <v>45510</v>
      </c>
      <c r="F48679" s="14" t="s">
        <v>25</v>
      </c>
      <c r="G48679" s="16">
        <v>0.62671897816126709</v>
      </c>
    </row>
    <row r="48680" spans="1:7" x14ac:dyDescent="0.3">
      <c r="A48680" s="13" t="s">
        <v>276</v>
      </c>
      <c r="B48680" s="14" t="s">
        <v>1</v>
      </c>
      <c r="C48680" s="14" t="s">
        <v>106</v>
      </c>
      <c r="D48680" s="14" t="s">
        <v>277</v>
      </c>
      <c r="E48680" s="15">
        <v>45511</v>
      </c>
      <c r="F48680" s="14" t="s">
        <v>25</v>
      </c>
      <c r="G48680" s="16">
        <v>0.65976593163714969</v>
      </c>
    </row>
    <row r="48681" spans="1:7" x14ac:dyDescent="0.3">
      <c r="A48681" s="13" t="s">
        <v>276</v>
      </c>
      <c r="B48681" s="14" t="s">
        <v>1</v>
      </c>
      <c r="C48681" s="14" t="s">
        <v>106</v>
      </c>
      <c r="D48681" s="14" t="s">
        <v>277</v>
      </c>
      <c r="E48681" s="15">
        <v>45512</v>
      </c>
      <c r="F48681" s="14" t="s">
        <v>25</v>
      </c>
      <c r="G48681" s="16">
        <v>0.6629073286759084</v>
      </c>
    </row>
    <row r="48682" spans="1:7" x14ac:dyDescent="0.3">
      <c r="A48682" s="13" t="s">
        <v>276</v>
      </c>
      <c r="B48682" s="14" t="s">
        <v>1</v>
      </c>
      <c r="C48682" s="14" t="s">
        <v>106</v>
      </c>
      <c r="D48682" s="14" t="s">
        <v>277</v>
      </c>
      <c r="E48682" s="15">
        <v>45513</v>
      </c>
      <c r="F48682" s="14" t="s">
        <v>25</v>
      </c>
      <c r="G48682" s="16">
        <v>0.66591171888329936</v>
      </c>
    </row>
    <row r="48683" spans="1:7" x14ac:dyDescent="0.3">
      <c r="A48683" s="13" t="s">
        <v>276</v>
      </c>
      <c r="B48683" s="14" t="s">
        <v>1</v>
      </c>
      <c r="C48683" s="14" t="s">
        <v>106</v>
      </c>
      <c r="D48683" s="14" t="s">
        <v>277</v>
      </c>
      <c r="E48683" s="15">
        <v>45514</v>
      </c>
      <c r="F48683" s="14" t="s">
        <v>25</v>
      </c>
      <c r="G48683" s="16">
        <v>0.66591171888329936</v>
      </c>
    </row>
    <row r="48684" spans="1:7" x14ac:dyDescent="0.3">
      <c r="A48684" s="13" t="s">
        <v>276</v>
      </c>
      <c r="B48684" s="14" t="s">
        <v>1</v>
      </c>
      <c r="C48684" s="14" t="s">
        <v>106</v>
      </c>
      <c r="D48684" s="14" t="s">
        <v>277</v>
      </c>
      <c r="E48684" s="15">
        <v>45515</v>
      </c>
      <c r="F48684" s="14" t="s">
        <v>25</v>
      </c>
      <c r="G48684" s="16">
        <v>0.66591171888329936</v>
      </c>
    </row>
    <row r="48685" spans="1:7" x14ac:dyDescent="0.3">
      <c r="A48685" s="13" t="s">
        <v>276</v>
      </c>
      <c r="B48685" s="14" t="s">
        <v>1</v>
      </c>
      <c r="C48685" s="14" t="s">
        <v>106</v>
      </c>
      <c r="D48685" s="14" t="s">
        <v>277</v>
      </c>
      <c r="E48685" s="15">
        <v>45516</v>
      </c>
      <c r="F48685" s="14" t="s">
        <v>25</v>
      </c>
      <c r="G48685" s="16">
        <v>0.66958798638152006</v>
      </c>
    </row>
    <row r="48686" spans="1:7" x14ac:dyDescent="0.3">
      <c r="A48686" s="13" t="s">
        <v>276</v>
      </c>
      <c r="B48686" s="14" t="s">
        <v>1</v>
      </c>
      <c r="C48686" s="14" t="s">
        <v>106</v>
      </c>
      <c r="D48686" s="14" t="s">
        <v>277</v>
      </c>
      <c r="E48686" s="15">
        <v>45517</v>
      </c>
      <c r="F48686" s="14" t="s">
        <v>25</v>
      </c>
      <c r="G48686" s="16">
        <v>0.67858526651998696</v>
      </c>
    </row>
    <row r="48687" spans="1:7" x14ac:dyDescent="0.3">
      <c r="A48687" s="13" t="s">
        <v>276</v>
      </c>
      <c r="B48687" s="14" t="s">
        <v>1</v>
      </c>
      <c r="C48687" s="14" t="s">
        <v>106</v>
      </c>
      <c r="D48687" s="14" t="s">
        <v>277</v>
      </c>
      <c r="E48687" s="15">
        <v>45518</v>
      </c>
      <c r="F48687" s="14" t="s">
        <v>25</v>
      </c>
      <c r="G48687" s="16">
        <v>0.68153903741693367</v>
      </c>
    </row>
    <row r="48688" spans="1:7" x14ac:dyDescent="0.3">
      <c r="A48688" s="13" t="s">
        <v>276</v>
      </c>
      <c r="B48688" s="14" t="s">
        <v>1</v>
      </c>
      <c r="C48688" s="14" t="s">
        <v>106</v>
      </c>
      <c r="D48688" s="14" t="s">
        <v>277</v>
      </c>
      <c r="E48688" s="15">
        <v>45519</v>
      </c>
      <c r="F48688" s="14" t="s">
        <v>25</v>
      </c>
      <c r="G48688" s="16">
        <v>0.68489214364537754</v>
      </c>
    </row>
    <row r="48689" spans="1:7" x14ac:dyDescent="0.3">
      <c r="A48689" s="13" t="s">
        <v>276</v>
      </c>
      <c r="B48689" s="14" t="s">
        <v>1</v>
      </c>
      <c r="C48689" s="14" t="s">
        <v>106</v>
      </c>
      <c r="D48689" s="14" t="s">
        <v>277</v>
      </c>
      <c r="E48689" s="15">
        <v>45520</v>
      </c>
      <c r="F48689" s="14" t="s">
        <v>25</v>
      </c>
      <c r="G48689" s="16">
        <v>0.68822413963603302</v>
      </c>
    </row>
    <row r="48690" spans="1:7" x14ac:dyDescent="0.3">
      <c r="A48690" s="13" t="s">
        <v>276</v>
      </c>
      <c r="B48690" s="14" t="s">
        <v>1</v>
      </c>
      <c r="C48690" s="14" t="s">
        <v>106</v>
      </c>
      <c r="D48690" s="14" t="s">
        <v>277</v>
      </c>
      <c r="E48690" s="15">
        <v>45521</v>
      </c>
      <c r="F48690" s="14" t="s">
        <v>25</v>
      </c>
      <c r="G48690" s="16">
        <v>0.68822413963603302</v>
      </c>
    </row>
    <row r="48691" spans="1:7" x14ac:dyDescent="0.3">
      <c r="A48691" s="13" t="s">
        <v>276</v>
      </c>
      <c r="B48691" s="14" t="s">
        <v>1</v>
      </c>
      <c r="C48691" s="14" t="s">
        <v>106</v>
      </c>
      <c r="D48691" s="14" t="s">
        <v>277</v>
      </c>
      <c r="E48691" s="15">
        <v>45522</v>
      </c>
      <c r="F48691" s="14" t="s">
        <v>25</v>
      </c>
      <c r="G48691" s="16">
        <v>0.68822413963603302</v>
      </c>
    </row>
    <row r="48692" spans="1:7" x14ac:dyDescent="0.3">
      <c r="A48692" s="13" t="s">
        <v>276</v>
      </c>
      <c r="B48692" s="14" t="s">
        <v>1</v>
      </c>
      <c r="C48692" s="14" t="s">
        <v>106</v>
      </c>
      <c r="D48692" s="14" t="s">
        <v>277</v>
      </c>
      <c r="E48692" s="15">
        <v>45523</v>
      </c>
      <c r="F48692" s="14" t="s">
        <v>25</v>
      </c>
      <c r="G48692" s="16">
        <v>0.69848310831965288</v>
      </c>
    </row>
    <row r="48693" spans="1:7" x14ac:dyDescent="0.3">
      <c r="A48693" s="13" t="s">
        <v>276</v>
      </c>
      <c r="B48693" s="14" t="s">
        <v>1</v>
      </c>
      <c r="C48693" s="14" t="s">
        <v>106</v>
      </c>
      <c r="D48693" s="14" t="s">
        <v>277</v>
      </c>
      <c r="E48693" s="15">
        <v>45524</v>
      </c>
      <c r="F48693" s="14" t="s">
        <v>25</v>
      </c>
      <c r="G48693" s="16">
        <v>0.70700101014167516</v>
      </c>
    </row>
    <row r="48694" spans="1:7" x14ac:dyDescent="0.3">
      <c r="A48694" s="13" t="s">
        <v>276</v>
      </c>
      <c r="B48694" s="14" t="s">
        <v>1</v>
      </c>
      <c r="C48694" s="14" t="s">
        <v>106</v>
      </c>
      <c r="D48694" s="14" t="s">
        <v>277</v>
      </c>
      <c r="E48694" s="15">
        <v>45525</v>
      </c>
      <c r="F48694" s="14" t="s">
        <v>25</v>
      </c>
      <c r="G48694" s="16">
        <v>0.7084561300742942</v>
      </c>
    </row>
    <row r="48695" spans="1:7" x14ac:dyDescent="0.3">
      <c r="A48695" s="13" t="s">
        <v>276</v>
      </c>
      <c r="B48695" s="14" t="s">
        <v>1</v>
      </c>
      <c r="C48695" s="14" t="s">
        <v>106</v>
      </c>
      <c r="D48695" s="14" t="s">
        <v>277</v>
      </c>
      <c r="E48695" s="15">
        <v>45526</v>
      </c>
      <c r="F48695" s="14" t="s">
        <v>25</v>
      </c>
      <c r="G48695" s="16">
        <v>0.71121124744051756</v>
      </c>
    </row>
    <row r="48696" spans="1:7" x14ac:dyDescent="0.3">
      <c r="A48696" s="13" t="s">
        <v>276</v>
      </c>
      <c r="B48696" s="14" t="s">
        <v>1</v>
      </c>
      <c r="C48696" s="14" t="s">
        <v>106</v>
      </c>
      <c r="D48696" s="14" t="s">
        <v>277</v>
      </c>
      <c r="E48696" s="15">
        <v>45527</v>
      </c>
      <c r="F48696" s="14" t="s">
        <v>25</v>
      </c>
      <c r="G48696" s="16">
        <v>0.71392387743234043</v>
      </c>
    </row>
    <row r="48697" spans="1:7" x14ac:dyDescent="0.3">
      <c r="A48697" s="13" t="s">
        <v>276</v>
      </c>
      <c r="B48697" s="14" t="s">
        <v>1</v>
      </c>
      <c r="C48697" s="14" t="s">
        <v>106</v>
      </c>
      <c r="D48697" s="14" t="s">
        <v>277</v>
      </c>
      <c r="E48697" s="15">
        <v>45528</v>
      </c>
      <c r="F48697" s="14" t="s">
        <v>25</v>
      </c>
      <c r="G48697" s="16">
        <v>0.71392387743234043</v>
      </c>
    </row>
    <row r="48698" spans="1:7" x14ac:dyDescent="0.3">
      <c r="A48698" s="13" t="s">
        <v>276</v>
      </c>
      <c r="B48698" s="14" t="s">
        <v>1</v>
      </c>
      <c r="C48698" s="14" t="s">
        <v>106</v>
      </c>
      <c r="D48698" s="14" t="s">
        <v>277</v>
      </c>
      <c r="E48698" s="15">
        <v>45529</v>
      </c>
      <c r="F48698" s="14" t="s">
        <v>25</v>
      </c>
      <c r="G48698" s="16">
        <v>0.71392387743234043</v>
      </c>
    </row>
    <row r="48699" spans="1:7" x14ac:dyDescent="0.3">
      <c r="A48699" s="13" t="s">
        <v>276</v>
      </c>
      <c r="B48699" s="14" t="s">
        <v>1</v>
      </c>
      <c r="C48699" s="14" t="s">
        <v>106</v>
      </c>
      <c r="D48699" s="14" t="s">
        <v>277</v>
      </c>
      <c r="E48699" s="15">
        <v>45530</v>
      </c>
      <c r="F48699" s="14" t="s">
        <v>25</v>
      </c>
      <c r="G48699" s="16">
        <v>0.71667734658145332</v>
      </c>
    </row>
    <row r="48700" spans="1:7" x14ac:dyDescent="0.3">
      <c r="A48700" s="13" t="s">
        <v>276</v>
      </c>
      <c r="B48700" s="14" t="s">
        <v>1</v>
      </c>
      <c r="C48700" s="14" t="s">
        <v>106</v>
      </c>
      <c r="D48700" s="14" t="s">
        <v>277</v>
      </c>
      <c r="E48700" s="15">
        <v>45531</v>
      </c>
      <c r="F48700" s="14" t="s">
        <v>25</v>
      </c>
      <c r="G48700" s="16">
        <v>0.72484539207335308</v>
      </c>
    </row>
    <row r="48701" spans="1:7" x14ac:dyDescent="0.3">
      <c r="A48701" s="13" t="s">
        <v>276</v>
      </c>
      <c r="B48701" s="14" t="s">
        <v>1</v>
      </c>
      <c r="C48701" s="14" t="s">
        <v>106</v>
      </c>
      <c r="D48701" s="14" t="s">
        <v>277</v>
      </c>
      <c r="E48701" s="15">
        <v>45532</v>
      </c>
      <c r="F48701" s="14" t="s">
        <v>25</v>
      </c>
      <c r="G48701" s="16">
        <v>0.7330799156553709</v>
      </c>
    </row>
    <row r="48702" spans="1:7" x14ac:dyDescent="0.3">
      <c r="A48702" s="13" t="s">
        <v>276</v>
      </c>
      <c r="B48702" s="14" t="s">
        <v>1</v>
      </c>
      <c r="C48702" s="14" t="s">
        <v>106</v>
      </c>
      <c r="D48702" s="14" t="s">
        <v>277</v>
      </c>
      <c r="E48702" s="15">
        <v>45533</v>
      </c>
      <c r="F48702" s="14" t="s">
        <v>25</v>
      </c>
      <c r="G48702" s="16">
        <v>0.735788882942504</v>
      </c>
    </row>
    <row r="48703" spans="1:7" x14ac:dyDescent="0.3">
      <c r="A48703" s="13" t="s">
        <v>276</v>
      </c>
      <c r="B48703" s="14" t="s">
        <v>1</v>
      </c>
      <c r="C48703" s="14" t="s">
        <v>106</v>
      </c>
      <c r="D48703" s="14" t="s">
        <v>277</v>
      </c>
      <c r="E48703" s="15">
        <v>45534</v>
      </c>
      <c r="F48703" s="14" t="s">
        <v>25</v>
      </c>
      <c r="G48703" s="16">
        <v>0.73856780788921028</v>
      </c>
    </row>
    <row r="48704" spans="1:7" x14ac:dyDescent="0.3">
      <c r="A48704" s="13" t="s">
        <v>276</v>
      </c>
      <c r="B48704" s="14" t="s">
        <v>1</v>
      </c>
      <c r="C48704" s="14" t="s">
        <v>106</v>
      </c>
      <c r="D48704" s="14" t="s">
        <v>277</v>
      </c>
      <c r="E48704" s="15">
        <v>45535</v>
      </c>
      <c r="F48704" s="14" t="s">
        <v>25</v>
      </c>
      <c r="G48704" s="16">
        <v>0.73856780788921028</v>
      </c>
    </row>
    <row r="48705" spans="1:7" x14ac:dyDescent="0.3">
      <c r="A48705" s="13" t="s">
        <v>276</v>
      </c>
      <c r="B48705" s="14" t="s">
        <v>1</v>
      </c>
      <c r="C48705" s="14" t="s">
        <v>106</v>
      </c>
      <c r="D48705" s="14" t="s">
        <v>277</v>
      </c>
      <c r="E48705" s="15">
        <v>45536</v>
      </c>
      <c r="F48705" s="14" t="s">
        <v>25</v>
      </c>
      <c r="G48705" s="16">
        <v>0.73856780788921028</v>
      </c>
    </row>
    <row r="48706" spans="1:7" x14ac:dyDescent="0.3">
      <c r="A48706" s="13" t="s">
        <v>276</v>
      </c>
      <c r="B48706" s="14" t="s">
        <v>1</v>
      </c>
      <c r="C48706" s="14" t="s">
        <v>106</v>
      </c>
      <c r="D48706" s="14" t="s">
        <v>277</v>
      </c>
      <c r="E48706" s="15">
        <v>45537</v>
      </c>
      <c r="F48706" s="14" t="s">
        <v>25</v>
      </c>
      <c r="G48706" s="16">
        <v>0.74132054449738527</v>
      </c>
    </row>
    <row r="48707" spans="1:7" x14ac:dyDescent="0.3">
      <c r="A48707" s="13" t="s">
        <v>276</v>
      </c>
      <c r="B48707" s="14" t="s">
        <v>1</v>
      </c>
      <c r="C48707" s="14" t="s">
        <v>106</v>
      </c>
      <c r="D48707" s="14" t="s">
        <v>277</v>
      </c>
      <c r="E48707" s="15">
        <v>45538</v>
      </c>
      <c r="F48707" s="14" t="s">
        <v>25</v>
      </c>
      <c r="G48707" s="16">
        <v>0.75409553994799239</v>
      </c>
    </row>
    <row r="48708" spans="1:7" x14ac:dyDescent="0.3">
      <c r="A48708" s="13" t="s">
        <v>276</v>
      </c>
      <c r="B48708" s="14" t="s">
        <v>1</v>
      </c>
      <c r="C48708" s="14" t="s">
        <v>106</v>
      </c>
      <c r="D48708" s="14" t="s">
        <v>277</v>
      </c>
      <c r="E48708" s="15">
        <v>45539</v>
      </c>
      <c r="F48708" s="14" t="s">
        <v>25</v>
      </c>
      <c r="G48708" s="16">
        <v>0.75674132557922813</v>
      </c>
    </row>
    <row r="48709" spans="1:7" x14ac:dyDescent="0.3">
      <c r="A48709" s="13" t="s">
        <v>276</v>
      </c>
      <c r="B48709" s="14" t="s">
        <v>1</v>
      </c>
      <c r="C48709" s="14" t="s">
        <v>106</v>
      </c>
      <c r="D48709" s="14" t="s">
        <v>277</v>
      </c>
      <c r="E48709" s="15">
        <v>45540</v>
      </c>
      <c r="F48709" s="14" t="s">
        <v>25</v>
      </c>
      <c r="G48709" s="16">
        <v>0.76821239816030129</v>
      </c>
    </row>
    <row r="48710" spans="1:7" x14ac:dyDescent="0.3">
      <c r="A48710" s="13" t="s">
        <v>276</v>
      </c>
      <c r="B48710" s="14" t="s">
        <v>1</v>
      </c>
      <c r="C48710" s="14" t="s">
        <v>106</v>
      </c>
      <c r="D48710" s="14" t="s">
        <v>277</v>
      </c>
      <c r="E48710" s="15">
        <v>45541</v>
      </c>
      <c r="F48710" s="14" t="s">
        <v>25</v>
      </c>
      <c r="G48710" s="16">
        <v>0.77113838070029916</v>
      </c>
    </row>
    <row r="48711" spans="1:7" x14ac:dyDescent="0.3">
      <c r="A48711" s="13" t="s">
        <v>276</v>
      </c>
      <c r="B48711" s="14" t="s">
        <v>1</v>
      </c>
      <c r="C48711" s="14" t="s">
        <v>106</v>
      </c>
      <c r="D48711" s="14" t="s">
        <v>277</v>
      </c>
      <c r="E48711" s="15">
        <v>45542</v>
      </c>
      <c r="F48711" s="14" t="s">
        <v>25</v>
      </c>
      <c r="G48711" s="16">
        <v>0.77113838070029916</v>
      </c>
    </row>
    <row r="48712" spans="1:7" x14ac:dyDescent="0.3">
      <c r="A48712" s="13" t="s">
        <v>276</v>
      </c>
      <c r="B48712" s="14" t="s">
        <v>1</v>
      </c>
      <c r="C48712" s="14" t="s">
        <v>106</v>
      </c>
      <c r="D48712" s="14" t="s">
        <v>277</v>
      </c>
      <c r="E48712" s="15">
        <v>45543</v>
      </c>
      <c r="F48712" s="14" t="s">
        <v>25</v>
      </c>
      <c r="G48712" s="16">
        <v>0.77113838070029916</v>
      </c>
    </row>
    <row r="48713" spans="1:7" x14ac:dyDescent="0.3">
      <c r="A48713" s="13" t="s">
        <v>276</v>
      </c>
      <c r="B48713" s="14" t="s">
        <v>1</v>
      </c>
      <c r="C48713" s="14" t="s">
        <v>106</v>
      </c>
      <c r="D48713" s="14" t="s">
        <v>277</v>
      </c>
      <c r="E48713" s="15">
        <v>45544</v>
      </c>
      <c r="F48713" s="14" t="s">
        <v>25</v>
      </c>
      <c r="G48713" s="16">
        <v>0.77411802186400125</v>
      </c>
    </row>
    <row r="48714" spans="1:7" x14ac:dyDescent="0.3">
      <c r="A48714" s="13" t="s">
        <v>276</v>
      </c>
      <c r="B48714" s="14" t="s">
        <v>1</v>
      </c>
      <c r="C48714" s="14" t="s">
        <v>106</v>
      </c>
      <c r="D48714" s="14" t="s">
        <v>277</v>
      </c>
      <c r="E48714" s="15">
        <v>45545</v>
      </c>
      <c r="F48714" s="14" t="s">
        <v>25</v>
      </c>
      <c r="G48714" s="16">
        <v>0.78317537205456056</v>
      </c>
    </row>
    <row r="48715" spans="1:7" x14ac:dyDescent="0.3">
      <c r="A48715" s="13" t="s">
        <v>276</v>
      </c>
      <c r="B48715" s="14" t="s">
        <v>1</v>
      </c>
      <c r="C48715" s="14" t="s">
        <v>106</v>
      </c>
      <c r="D48715" s="14" t="s">
        <v>277</v>
      </c>
      <c r="E48715" s="15">
        <v>45546</v>
      </c>
      <c r="F48715" s="14" t="s">
        <v>25</v>
      </c>
      <c r="G48715" s="16">
        <v>0.78613102250254507</v>
      </c>
    </row>
    <row r="48716" spans="1:7" x14ac:dyDescent="0.3">
      <c r="A48716" s="13" t="s">
        <v>276</v>
      </c>
      <c r="B48716" s="14" t="s">
        <v>1</v>
      </c>
      <c r="C48716" s="14" t="s">
        <v>106</v>
      </c>
      <c r="D48716" s="14" t="s">
        <v>277</v>
      </c>
      <c r="E48716" s="15">
        <v>45547</v>
      </c>
      <c r="F48716" s="14" t="s">
        <v>25</v>
      </c>
      <c r="G48716" s="16">
        <v>0.78924380298171792</v>
      </c>
    </row>
    <row r="48717" spans="1:7" x14ac:dyDescent="0.3">
      <c r="A48717" s="13" t="s">
        <v>276</v>
      </c>
      <c r="B48717" s="14" t="s">
        <v>1</v>
      </c>
      <c r="C48717" s="14" t="s">
        <v>106</v>
      </c>
      <c r="D48717" s="14" t="s">
        <v>277</v>
      </c>
      <c r="E48717" s="15">
        <v>45548</v>
      </c>
      <c r="F48717" s="14" t="s">
        <v>25</v>
      </c>
      <c r="G48717" s="16">
        <v>0.79334862702609643</v>
      </c>
    </row>
    <row r="48718" spans="1:7" x14ac:dyDescent="0.3">
      <c r="A48718" s="13" t="s">
        <v>276</v>
      </c>
      <c r="B48718" s="14" t="s">
        <v>1</v>
      </c>
      <c r="C48718" s="14" t="s">
        <v>106</v>
      </c>
      <c r="D48718" s="14" t="s">
        <v>277</v>
      </c>
      <c r="E48718" s="15">
        <v>45549</v>
      </c>
      <c r="F48718" s="14" t="s">
        <v>25</v>
      </c>
      <c r="G48718" s="16">
        <v>0.79334862702609643</v>
      </c>
    </row>
    <row r="48719" spans="1:7" x14ac:dyDescent="0.3">
      <c r="A48719" s="13" t="s">
        <v>276</v>
      </c>
      <c r="B48719" s="14" t="s">
        <v>1</v>
      </c>
      <c r="C48719" s="14" t="s">
        <v>106</v>
      </c>
      <c r="D48719" s="14" t="s">
        <v>277</v>
      </c>
      <c r="E48719" s="15">
        <v>45550</v>
      </c>
      <c r="F48719" s="14" t="s">
        <v>25</v>
      </c>
      <c r="G48719" s="16">
        <v>0.79334862702609643</v>
      </c>
    </row>
    <row r="48720" spans="1:7" x14ac:dyDescent="0.3">
      <c r="A48720" s="13" t="s">
        <v>276</v>
      </c>
      <c r="B48720" s="14" t="s">
        <v>1</v>
      </c>
      <c r="C48720" s="14" t="s">
        <v>106</v>
      </c>
      <c r="D48720" s="14" t="s">
        <v>277</v>
      </c>
      <c r="E48720" s="15">
        <v>45551</v>
      </c>
      <c r="F48720" s="14" t="s">
        <v>25</v>
      </c>
      <c r="G48720" s="16">
        <v>0.79624750555139057</v>
      </c>
    </row>
    <row r="48721" spans="1:7" x14ac:dyDescent="0.3">
      <c r="A48721" s="13" t="s">
        <v>276</v>
      </c>
      <c r="B48721" s="14" t="s">
        <v>1</v>
      </c>
      <c r="C48721" s="14" t="s">
        <v>106</v>
      </c>
      <c r="D48721" s="14" t="s">
        <v>277</v>
      </c>
      <c r="E48721" s="15">
        <v>45552</v>
      </c>
      <c r="F48721" s="14" t="s">
        <v>25</v>
      </c>
      <c r="G48721" s="16">
        <v>0.80583338402867399</v>
      </c>
    </row>
    <row r="48722" spans="1:7" x14ac:dyDescent="0.3">
      <c r="A48722" s="13" t="s">
        <v>276</v>
      </c>
      <c r="B48722" s="14" t="s">
        <v>1</v>
      </c>
      <c r="C48722" s="14" t="s">
        <v>106</v>
      </c>
      <c r="D48722" s="14" t="s">
        <v>277</v>
      </c>
      <c r="E48722" s="15">
        <v>45553</v>
      </c>
      <c r="F48722" s="14" t="s">
        <v>25</v>
      </c>
      <c r="G48722" s="16">
        <v>0.80873354450060964</v>
      </c>
    </row>
    <row r="48723" spans="1:7" x14ac:dyDescent="0.3">
      <c r="A48723" s="13" t="s">
        <v>276</v>
      </c>
      <c r="B48723" s="14" t="s">
        <v>1</v>
      </c>
      <c r="C48723" s="14" t="s">
        <v>106</v>
      </c>
      <c r="D48723" s="14" t="s">
        <v>277</v>
      </c>
      <c r="E48723" s="15">
        <v>45554</v>
      </c>
      <c r="F48723" s="14" t="s">
        <v>25</v>
      </c>
      <c r="G48723" s="16">
        <v>0.80805212919171987</v>
      </c>
    </row>
    <row r="48724" spans="1:7" x14ac:dyDescent="0.3">
      <c r="A48724" s="13" t="s">
        <v>276</v>
      </c>
      <c r="B48724" s="14" t="s">
        <v>1</v>
      </c>
      <c r="C48724" s="14" t="s">
        <v>106</v>
      </c>
      <c r="D48724" s="14" t="s">
        <v>277</v>
      </c>
      <c r="E48724" s="15">
        <v>45555</v>
      </c>
      <c r="F48724" s="14" t="s">
        <v>25</v>
      </c>
      <c r="G48724" s="16">
        <v>0.81254153722851719</v>
      </c>
    </row>
    <row r="48725" spans="1:7" x14ac:dyDescent="0.3">
      <c r="A48725" s="13" t="s">
        <v>276</v>
      </c>
      <c r="B48725" s="14" t="s">
        <v>1</v>
      </c>
      <c r="C48725" s="14" t="s">
        <v>106</v>
      </c>
      <c r="D48725" s="14" t="s">
        <v>277</v>
      </c>
      <c r="E48725" s="15">
        <v>45556</v>
      </c>
      <c r="F48725" s="14" t="s">
        <v>25</v>
      </c>
      <c r="G48725" s="16">
        <v>0.81254153722851719</v>
      </c>
    </row>
    <row r="48726" spans="1:7" x14ac:dyDescent="0.3">
      <c r="A48726" s="13" t="s">
        <v>276</v>
      </c>
      <c r="B48726" s="14" t="s">
        <v>1</v>
      </c>
      <c r="C48726" s="14" t="s">
        <v>106</v>
      </c>
      <c r="D48726" s="14" t="s">
        <v>277</v>
      </c>
      <c r="E48726" s="15">
        <v>45557</v>
      </c>
      <c r="F48726" s="14" t="s">
        <v>25</v>
      </c>
      <c r="G48726" s="16">
        <v>0.81254153722851719</v>
      </c>
    </row>
    <row r="48727" spans="1:7" x14ac:dyDescent="0.3">
      <c r="A48727" s="13" t="s">
        <v>276</v>
      </c>
      <c r="B48727" s="14" t="s">
        <v>1</v>
      </c>
      <c r="C48727" s="14" t="s">
        <v>106</v>
      </c>
      <c r="D48727" s="14" t="s">
        <v>277</v>
      </c>
      <c r="E48727" s="15">
        <v>45558</v>
      </c>
      <c r="F48727" s="14" t="s">
        <v>25</v>
      </c>
      <c r="G48727" s="16">
        <v>0.81353269601617983</v>
      </c>
    </row>
    <row r="48728" spans="1:7" x14ac:dyDescent="0.3">
      <c r="A48728" s="13" t="s">
        <v>276</v>
      </c>
      <c r="B48728" s="14" t="s">
        <v>1</v>
      </c>
      <c r="C48728" s="14" t="s">
        <v>106</v>
      </c>
      <c r="D48728" s="14" t="s">
        <v>277</v>
      </c>
      <c r="E48728" s="15">
        <v>45559</v>
      </c>
      <c r="F48728" s="14" t="s">
        <v>25</v>
      </c>
      <c r="G48728" s="16">
        <v>0.82198423485106242</v>
      </c>
    </row>
    <row r="48729" spans="1:7" x14ac:dyDescent="0.3">
      <c r="A48729" s="13" t="s">
        <v>276</v>
      </c>
      <c r="B48729" s="14" t="s">
        <v>1</v>
      </c>
      <c r="C48729" s="14" t="s">
        <v>106</v>
      </c>
      <c r="D48729" s="14" t="s">
        <v>277</v>
      </c>
      <c r="E48729" s="15">
        <v>45560</v>
      </c>
      <c r="F48729" s="14" t="s">
        <v>25</v>
      </c>
      <c r="G48729" s="16">
        <v>0.82476627309675499</v>
      </c>
    </row>
    <row r="48730" spans="1:7" x14ac:dyDescent="0.3">
      <c r="A48730" s="13" t="s">
        <v>276</v>
      </c>
      <c r="B48730" s="14" t="s">
        <v>1</v>
      </c>
      <c r="C48730" s="14" t="s">
        <v>106</v>
      </c>
      <c r="D48730" s="14" t="s">
        <v>277</v>
      </c>
      <c r="E48730" s="15">
        <v>45561</v>
      </c>
      <c r="F48730" s="14" t="s">
        <v>25</v>
      </c>
      <c r="G48730" s="16">
        <v>0.82756113080886162</v>
      </c>
    </row>
    <row r="48731" spans="1:7" x14ac:dyDescent="0.3">
      <c r="A48731" s="13" t="s">
        <v>276</v>
      </c>
      <c r="B48731" s="14" t="s">
        <v>1</v>
      </c>
      <c r="C48731" s="14" t="s">
        <v>106</v>
      </c>
      <c r="D48731" s="14" t="s">
        <v>277</v>
      </c>
      <c r="E48731" s="15">
        <v>45562</v>
      </c>
      <c r="F48731" s="14" t="s">
        <v>25</v>
      </c>
      <c r="G48731" s="16">
        <v>0.84203287420697326</v>
      </c>
    </row>
    <row r="48732" spans="1:7" x14ac:dyDescent="0.3">
      <c r="A48732" s="13" t="s">
        <v>276</v>
      </c>
      <c r="B48732" s="14" t="s">
        <v>1</v>
      </c>
      <c r="C48732" s="14" t="s">
        <v>106</v>
      </c>
      <c r="D48732" s="14" t="s">
        <v>277</v>
      </c>
      <c r="E48732" s="15">
        <v>45563</v>
      </c>
      <c r="F48732" s="14" t="s">
        <v>25</v>
      </c>
      <c r="G48732" s="16">
        <v>0.84203287420697326</v>
      </c>
    </row>
    <row r="48733" spans="1:7" x14ac:dyDescent="0.3">
      <c r="A48733" s="13" t="s">
        <v>276</v>
      </c>
      <c r="B48733" s="14" t="s">
        <v>1</v>
      </c>
      <c r="C48733" s="14" t="s">
        <v>106</v>
      </c>
      <c r="D48733" s="14" t="s">
        <v>277</v>
      </c>
      <c r="E48733" s="15">
        <v>45564</v>
      </c>
      <c r="F48733" s="14" t="s">
        <v>25</v>
      </c>
      <c r="G48733" s="16">
        <v>0.84203287420697326</v>
      </c>
    </row>
    <row r="48734" spans="1:7" x14ac:dyDescent="0.3">
      <c r="A48734" s="13" t="s">
        <v>276</v>
      </c>
      <c r="B48734" s="14" t="s">
        <v>1</v>
      </c>
      <c r="C48734" s="14" t="s">
        <v>106</v>
      </c>
      <c r="D48734" s="14" t="s">
        <v>277</v>
      </c>
      <c r="E48734" s="15">
        <v>45565</v>
      </c>
      <c r="F48734" s="14" t="s">
        <v>25</v>
      </c>
      <c r="G48734" s="16">
        <v>0.84568755184498745</v>
      </c>
    </row>
    <row r="48735" spans="1:7" x14ac:dyDescent="0.3">
      <c r="A48735" s="13" t="s">
        <v>276</v>
      </c>
      <c r="B48735" s="14" t="s">
        <v>1</v>
      </c>
      <c r="C48735" s="14" t="s">
        <v>106</v>
      </c>
      <c r="D48735" s="14" t="s">
        <v>277</v>
      </c>
      <c r="E48735" s="15">
        <v>45566</v>
      </c>
      <c r="F48735" s="14" t="s">
        <v>25</v>
      </c>
      <c r="G48735" s="16">
        <v>0.8539896523285303</v>
      </c>
    </row>
    <row r="48736" spans="1:7" x14ac:dyDescent="0.3">
      <c r="A48736" s="13" t="s">
        <v>276</v>
      </c>
      <c r="B48736" s="14" t="s">
        <v>1</v>
      </c>
      <c r="C48736" s="14" t="s">
        <v>106</v>
      </c>
      <c r="D48736" s="14" t="s">
        <v>277</v>
      </c>
      <c r="E48736" s="15">
        <v>45567</v>
      </c>
      <c r="F48736" s="14" t="s">
        <v>25</v>
      </c>
      <c r="G48736" s="16">
        <v>0.86040106465124877</v>
      </c>
    </row>
    <row r="48737" spans="1:7" x14ac:dyDescent="0.3">
      <c r="A48737" s="13" t="s">
        <v>276</v>
      </c>
      <c r="B48737" s="14" t="s">
        <v>1</v>
      </c>
      <c r="C48737" s="14" t="s">
        <v>106</v>
      </c>
      <c r="D48737" s="14" t="s">
        <v>277</v>
      </c>
      <c r="E48737" s="15">
        <v>45568</v>
      </c>
      <c r="F48737" s="14" t="s">
        <v>25</v>
      </c>
      <c r="G48737" s="16">
        <v>0.86317870765131377</v>
      </c>
    </row>
    <row r="48738" spans="1:7" x14ac:dyDescent="0.3">
      <c r="A48738" s="13" t="s">
        <v>276</v>
      </c>
      <c r="B48738" s="14" t="s">
        <v>1</v>
      </c>
      <c r="C48738" s="14" t="s">
        <v>106</v>
      </c>
      <c r="D48738" s="14" t="s">
        <v>277</v>
      </c>
      <c r="E48738" s="15">
        <v>45569</v>
      </c>
      <c r="F48738" s="14" t="s">
        <v>25</v>
      </c>
      <c r="G48738" s="16">
        <v>0.87427710003020964</v>
      </c>
    </row>
    <row r="48739" spans="1:7" x14ac:dyDescent="0.3">
      <c r="A48739" s="13" t="s">
        <v>276</v>
      </c>
      <c r="B48739" s="14" t="s">
        <v>1</v>
      </c>
      <c r="C48739" s="14" t="s">
        <v>106</v>
      </c>
      <c r="D48739" s="14" t="s">
        <v>277</v>
      </c>
      <c r="E48739" s="15">
        <v>45570</v>
      </c>
      <c r="F48739" s="14" t="s">
        <v>25</v>
      </c>
      <c r="G48739" s="16">
        <v>0.87427710003020964</v>
      </c>
    </row>
    <row r="48740" spans="1:7" x14ac:dyDescent="0.3">
      <c r="A48740" s="13" t="s">
        <v>276</v>
      </c>
      <c r="B48740" s="14" t="s">
        <v>1</v>
      </c>
      <c r="C48740" s="14" t="s">
        <v>106</v>
      </c>
      <c r="D48740" s="14" t="s">
        <v>277</v>
      </c>
      <c r="E48740" s="15">
        <v>45571</v>
      </c>
      <c r="F48740" s="14" t="s">
        <v>25</v>
      </c>
      <c r="G48740" s="16">
        <v>0.87427710003020964</v>
      </c>
    </row>
    <row r="48741" spans="1:7" x14ac:dyDescent="0.3">
      <c r="A48741" s="13" t="s">
        <v>276</v>
      </c>
      <c r="B48741" s="14" t="s">
        <v>1</v>
      </c>
      <c r="C48741" s="14" t="s">
        <v>106</v>
      </c>
      <c r="D48741" s="14" t="s">
        <v>277</v>
      </c>
      <c r="E48741" s="15">
        <v>45572</v>
      </c>
      <c r="F48741" s="14" t="s">
        <v>25</v>
      </c>
      <c r="G48741" s="16">
        <v>0.87714466243040679</v>
      </c>
    </row>
    <row r="48742" spans="1:7" x14ac:dyDescent="0.3">
      <c r="A48742" s="13" t="s">
        <v>276</v>
      </c>
      <c r="B48742" s="14" t="s">
        <v>1</v>
      </c>
      <c r="C48742" s="14" t="s">
        <v>106</v>
      </c>
      <c r="D48742" s="14" t="s">
        <v>277</v>
      </c>
      <c r="E48742" s="15">
        <v>45573</v>
      </c>
      <c r="F48742" s="14" t="s">
        <v>25</v>
      </c>
      <c r="G48742" s="16">
        <v>0.88569491115667687</v>
      </c>
    </row>
    <row r="48743" spans="1:7" x14ac:dyDescent="0.3">
      <c r="A48743" s="13" t="s">
        <v>276</v>
      </c>
      <c r="B48743" s="14" t="s">
        <v>1</v>
      </c>
      <c r="C48743" s="14" t="s">
        <v>106</v>
      </c>
      <c r="D48743" s="14" t="s">
        <v>277</v>
      </c>
      <c r="E48743" s="15">
        <v>45574</v>
      </c>
      <c r="F48743" s="14" t="s">
        <v>25</v>
      </c>
      <c r="G48743" s="16">
        <v>0.89048081513810562</v>
      </c>
    </row>
    <row r="48744" spans="1:7" x14ac:dyDescent="0.3">
      <c r="A48744" s="13" t="s">
        <v>276</v>
      </c>
      <c r="B48744" s="14" t="s">
        <v>1</v>
      </c>
      <c r="C48744" s="14" t="s">
        <v>106</v>
      </c>
      <c r="D48744" s="14" t="s">
        <v>277</v>
      </c>
      <c r="E48744" s="15">
        <v>45575</v>
      </c>
      <c r="F48744" s="14" t="s">
        <v>25</v>
      </c>
      <c r="G48744" s="16">
        <v>0.89335167397252357</v>
      </c>
    </row>
    <row r="48745" spans="1:7" x14ac:dyDescent="0.3">
      <c r="A48745" s="13" t="s">
        <v>276</v>
      </c>
      <c r="B48745" s="14" t="s">
        <v>1</v>
      </c>
      <c r="C48745" s="14" t="s">
        <v>106</v>
      </c>
      <c r="D48745" s="14" t="s">
        <v>277</v>
      </c>
      <c r="E48745" s="15">
        <v>45576</v>
      </c>
      <c r="F48745" s="14" t="s">
        <v>25</v>
      </c>
      <c r="G48745" s="16">
        <v>0.89672871859505843</v>
      </c>
    </row>
    <row r="48746" spans="1:7" x14ac:dyDescent="0.3">
      <c r="A48746" s="13" t="s">
        <v>276</v>
      </c>
      <c r="B48746" s="14" t="s">
        <v>1</v>
      </c>
      <c r="C48746" s="14" t="s">
        <v>106</v>
      </c>
      <c r="D48746" s="14" t="s">
        <v>277</v>
      </c>
      <c r="E48746" s="15">
        <v>45577</v>
      </c>
      <c r="F48746" s="14" t="s">
        <v>25</v>
      </c>
      <c r="G48746" s="16">
        <v>0.89672871859505843</v>
      </c>
    </row>
    <row r="48747" spans="1:7" x14ac:dyDescent="0.3">
      <c r="A48747" s="13" t="s">
        <v>276</v>
      </c>
      <c r="B48747" s="14" t="s">
        <v>1</v>
      </c>
      <c r="C48747" s="14" t="s">
        <v>106</v>
      </c>
      <c r="D48747" s="14" t="s">
        <v>277</v>
      </c>
      <c r="E48747" s="15">
        <v>45578</v>
      </c>
      <c r="F48747" s="14" t="s">
        <v>25</v>
      </c>
      <c r="G48747" s="16">
        <v>0.89672871859505843</v>
      </c>
    </row>
    <row r="48748" spans="1:7" x14ac:dyDescent="0.3">
      <c r="A48748" s="13" t="s">
        <v>276</v>
      </c>
      <c r="B48748" s="14" t="s">
        <v>1</v>
      </c>
      <c r="C48748" s="14" t="s">
        <v>106</v>
      </c>
      <c r="D48748" s="14" t="s">
        <v>277</v>
      </c>
      <c r="E48748" s="15">
        <v>45579</v>
      </c>
      <c r="F48748" s="14" t="s">
        <v>25</v>
      </c>
      <c r="G48748" s="16">
        <v>0.89957119146813114</v>
      </c>
    </row>
    <row r="48749" spans="1:7" x14ac:dyDescent="0.3">
      <c r="A48749" s="13" t="s">
        <v>276</v>
      </c>
      <c r="B48749" s="14" t="s">
        <v>1</v>
      </c>
      <c r="C48749" s="14" t="s">
        <v>106</v>
      </c>
      <c r="D48749" s="14" t="s">
        <v>277</v>
      </c>
      <c r="E48749" s="15">
        <v>45580</v>
      </c>
      <c r="F48749" s="14" t="s">
        <v>25</v>
      </c>
      <c r="G48749" s="16">
        <v>0.90812565230479436</v>
      </c>
    </row>
    <row r="48750" spans="1:7" x14ac:dyDescent="0.3">
      <c r="A48750" s="13" t="s">
        <v>276</v>
      </c>
      <c r="B48750" s="14" t="s">
        <v>1</v>
      </c>
      <c r="C48750" s="14" t="s">
        <v>106</v>
      </c>
      <c r="D48750" s="14" t="s">
        <v>277</v>
      </c>
      <c r="E48750" s="15">
        <v>45581</v>
      </c>
      <c r="F48750" s="14" t="s">
        <v>25</v>
      </c>
      <c r="G48750" s="16">
        <v>0.91132450634417506</v>
      </c>
    </row>
    <row r="48751" spans="1:7" x14ac:dyDescent="0.3">
      <c r="A48751" s="13" t="s">
        <v>276</v>
      </c>
      <c r="B48751" s="14" t="s">
        <v>1</v>
      </c>
      <c r="C48751" s="14" t="s">
        <v>106</v>
      </c>
      <c r="D48751" s="14" t="s">
        <v>277</v>
      </c>
      <c r="E48751" s="15">
        <v>45582</v>
      </c>
      <c r="F48751" s="14" t="s">
        <v>25</v>
      </c>
      <c r="G48751" s="16">
        <v>0.91419151933866871</v>
      </c>
    </row>
    <row r="48752" spans="1:7" x14ac:dyDescent="0.3">
      <c r="A48752" s="13" t="s">
        <v>276</v>
      </c>
      <c r="B48752" s="14" t="s">
        <v>1</v>
      </c>
      <c r="C48752" s="14" t="s">
        <v>106</v>
      </c>
      <c r="D48752" s="14" t="s">
        <v>277</v>
      </c>
      <c r="E48752" s="15">
        <v>45583</v>
      </c>
      <c r="F48752" s="14" t="s">
        <v>25</v>
      </c>
      <c r="G48752" s="16">
        <v>0.91706087198165753</v>
      </c>
    </row>
    <row r="48753" spans="1:7" x14ac:dyDescent="0.3">
      <c r="A48753" s="13" t="s">
        <v>276</v>
      </c>
      <c r="B48753" s="14" t="s">
        <v>1</v>
      </c>
      <c r="C48753" s="14" t="s">
        <v>106</v>
      </c>
      <c r="D48753" s="14" t="s">
        <v>277</v>
      </c>
      <c r="E48753" s="15">
        <v>45584</v>
      </c>
      <c r="F48753" s="14" t="s">
        <v>25</v>
      </c>
      <c r="G48753" s="16">
        <v>0.91706087198165753</v>
      </c>
    </row>
    <row r="48754" spans="1:7" x14ac:dyDescent="0.3">
      <c r="A48754" s="13" t="s">
        <v>276</v>
      </c>
      <c r="B48754" s="14" t="s">
        <v>1</v>
      </c>
      <c r="C48754" s="14" t="s">
        <v>106</v>
      </c>
      <c r="D48754" s="14" t="s">
        <v>277</v>
      </c>
      <c r="E48754" s="15">
        <v>45585</v>
      </c>
      <c r="F48754" s="14" t="s">
        <v>25</v>
      </c>
      <c r="G48754" s="16">
        <v>0.91706087198165753</v>
      </c>
    </row>
    <row r="48755" spans="1:7" x14ac:dyDescent="0.3">
      <c r="A48755" s="13" t="s">
        <v>276</v>
      </c>
      <c r="B48755" s="14" t="s">
        <v>1</v>
      </c>
      <c r="C48755" s="14" t="s">
        <v>106</v>
      </c>
      <c r="D48755" s="14" t="s">
        <v>277</v>
      </c>
      <c r="E48755" s="15">
        <v>45586</v>
      </c>
      <c r="F48755" s="14" t="s">
        <v>25</v>
      </c>
      <c r="G48755" s="16">
        <v>0.91773247369698796</v>
      </c>
    </row>
    <row r="48756" spans="1:7" x14ac:dyDescent="0.3">
      <c r="A48756" s="13" t="s">
        <v>276</v>
      </c>
      <c r="B48756" s="14" t="s">
        <v>1</v>
      </c>
      <c r="C48756" s="14" t="s">
        <v>106</v>
      </c>
      <c r="D48756" s="14" t="s">
        <v>277</v>
      </c>
      <c r="E48756" s="15">
        <v>45587</v>
      </c>
      <c r="F48756" s="14" t="s">
        <v>25</v>
      </c>
      <c r="G48756" s="16">
        <v>0.92561345102516079</v>
      </c>
    </row>
    <row r="48757" spans="1:7" x14ac:dyDescent="0.3">
      <c r="A48757" s="13" t="s">
        <v>276</v>
      </c>
      <c r="B48757" s="14" t="s">
        <v>1</v>
      </c>
      <c r="C48757" s="14" t="s">
        <v>106</v>
      </c>
      <c r="D48757" s="14" t="s">
        <v>277</v>
      </c>
      <c r="E48757" s="15">
        <v>45588</v>
      </c>
      <c r="F48757" s="14" t="s">
        <v>25</v>
      </c>
      <c r="G48757" s="16">
        <v>0.92840279913402002</v>
      </c>
    </row>
    <row r="48758" spans="1:7" x14ac:dyDescent="0.3">
      <c r="A48758" s="13" t="s">
        <v>276</v>
      </c>
      <c r="B48758" s="14" t="s">
        <v>1</v>
      </c>
      <c r="C48758" s="14" t="s">
        <v>106</v>
      </c>
      <c r="D48758" s="14" t="s">
        <v>277</v>
      </c>
      <c r="E48758" s="15">
        <v>45589</v>
      </c>
      <c r="F48758" s="14" t="s">
        <v>25</v>
      </c>
      <c r="G48758" s="16">
        <v>0.93109332845566894</v>
      </c>
    </row>
    <row r="48759" spans="1:7" x14ac:dyDescent="0.3">
      <c r="A48759" s="13" t="s">
        <v>276</v>
      </c>
      <c r="B48759" s="14" t="s">
        <v>1</v>
      </c>
      <c r="C48759" s="14" t="s">
        <v>106</v>
      </c>
      <c r="D48759" s="14" t="s">
        <v>277</v>
      </c>
      <c r="E48759" s="15">
        <v>45590</v>
      </c>
      <c r="F48759" s="14" t="s">
        <v>25</v>
      </c>
      <c r="G48759" s="16">
        <v>0.93379300115264663</v>
      </c>
    </row>
    <row r="48760" spans="1:7" x14ac:dyDescent="0.3">
      <c r="A48760" s="13" t="s">
        <v>276</v>
      </c>
      <c r="B48760" s="14" t="s">
        <v>1</v>
      </c>
      <c r="C48760" s="14" t="s">
        <v>106</v>
      </c>
      <c r="D48760" s="14" t="s">
        <v>277</v>
      </c>
      <c r="E48760" s="15">
        <v>45591</v>
      </c>
      <c r="F48760" s="14" t="s">
        <v>25</v>
      </c>
      <c r="G48760" s="16">
        <v>0.93379300115264663</v>
      </c>
    </row>
    <row r="48761" spans="1:7" x14ac:dyDescent="0.3">
      <c r="A48761" s="13" t="s">
        <v>276</v>
      </c>
      <c r="B48761" s="14" t="s">
        <v>1</v>
      </c>
      <c r="C48761" s="14" t="s">
        <v>106</v>
      </c>
      <c r="D48761" s="14" t="s">
        <v>277</v>
      </c>
      <c r="E48761" s="15">
        <v>45592</v>
      </c>
      <c r="F48761" s="14" t="s">
        <v>25</v>
      </c>
      <c r="G48761" s="16">
        <v>0.93379300115264663</v>
      </c>
    </row>
    <row r="48762" spans="1:7" x14ac:dyDescent="0.3">
      <c r="A48762" s="13" t="s">
        <v>276</v>
      </c>
      <c r="B48762" s="14" t="s">
        <v>1</v>
      </c>
      <c r="C48762" s="14" t="s">
        <v>106</v>
      </c>
      <c r="D48762" s="14" t="s">
        <v>277</v>
      </c>
      <c r="E48762" s="15">
        <v>45593</v>
      </c>
      <c r="F48762" s="14" t="s">
        <v>25</v>
      </c>
      <c r="G48762" s="16">
        <v>0.93379300115264663</v>
      </c>
    </row>
    <row r="48763" spans="1:7" x14ac:dyDescent="0.3">
      <c r="A48763" s="13" t="s">
        <v>276</v>
      </c>
      <c r="B48763" s="14" t="s">
        <v>1</v>
      </c>
      <c r="C48763" s="14" t="s">
        <v>106</v>
      </c>
      <c r="D48763" s="14" t="s">
        <v>277</v>
      </c>
      <c r="E48763" s="15">
        <v>45594</v>
      </c>
      <c r="F48763" s="14" t="s">
        <v>25</v>
      </c>
      <c r="G48763" s="16">
        <v>0.94287439816104379</v>
      </c>
    </row>
    <row r="48764" spans="1:7" x14ac:dyDescent="0.3">
      <c r="A48764" s="13" t="s">
        <v>276</v>
      </c>
      <c r="B48764" s="14" t="s">
        <v>1</v>
      </c>
      <c r="C48764" s="14" t="s">
        <v>106</v>
      </c>
      <c r="D48764" s="14" t="s">
        <v>277</v>
      </c>
      <c r="E48764" s="15">
        <v>45595</v>
      </c>
      <c r="F48764" s="14" t="s">
        <v>25</v>
      </c>
      <c r="G48764" s="16">
        <v>0.95294749972436466</v>
      </c>
    </row>
    <row r="48765" spans="1:7" x14ac:dyDescent="0.3">
      <c r="A48765" s="13" t="s">
        <v>276</v>
      </c>
      <c r="B48765" s="14" t="s">
        <v>1</v>
      </c>
      <c r="C48765" s="14" t="s">
        <v>106</v>
      </c>
      <c r="D48765" s="14" t="s">
        <v>277</v>
      </c>
      <c r="E48765" s="15">
        <v>45596</v>
      </c>
      <c r="F48765" s="14" t="s">
        <v>25</v>
      </c>
      <c r="G48765" s="16">
        <v>0.95563556736804023</v>
      </c>
    </row>
    <row r="48766" spans="1:7" x14ac:dyDescent="0.3">
      <c r="A48766" s="13" t="s">
        <v>276</v>
      </c>
      <c r="B48766" s="14" t="s">
        <v>1</v>
      </c>
      <c r="C48766" s="14" t="s">
        <v>106</v>
      </c>
      <c r="D48766" s="14" t="s">
        <v>277</v>
      </c>
      <c r="E48766" s="15">
        <v>45597</v>
      </c>
      <c r="F48766" s="14" t="s">
        <v>25</v>
      </c>
      <c r="G48766" s="16">
        <v>0.95835124097184399</v>
      </c>
    </row>
    <row r="48767" spans="1:7" x14ac:dyDescent="0.3">
      <c r="A48767" s="13" t="s">
        <v>276</v>
      </c>
      <c r="B48767" s="14" t="s">
        <v>1</v>
      </c>
      <c r="C48767" s="14" t="s">
        <v>106</v>
      </c>
      <c r="D48767" s="14" t="s">
        <v>277</v>
      </c>
      <c r="E48767" s="15">
        <v>45598</v>
      </c>
      <c r="F48767" s="14" t="s">
        <v>25</v>
      </c>
      <c r="G48767" s="16">
        <v>0.95835124097184399</v>
      </c>
    </row>
    <row r="48768" spans="1:7" x14ac:dyDescent="0.3">
      <c r="A48768" s="13" t="s">
        <v>276</v>
      </c>
      <c r="B48768" s="14" t="s">
        <v>1</v>
      </c>
      <c r="C48768" s="14" t="s">
        <v>106</v>
      </c>
      <c r="D48768" s="14" t="s">
        <v>277</v>
      </c>
      <c r="E48768" s="15">
        <v>45599</v>
      </c>
      <c r="F48768" s="14" t="s">
        <v>25</v>
      </c>
      <c r="G48768" s="16">
        <v>0.95835124097184399</v>
      </c>
    </row>
    <row r="48769" spans="1:7" x14ac:dyDescent="0.3">
      <c r="A48769" s="13" t="s">
        <v>276</v>
      </c>
      <c r="B48769" s="14" t="s">
        <v>1</v>
      </c>
      <c r="C48769" s="14" t="s">
        <v>106</v>
      </c>
      <c r="D48769" s="14" t="s">
        <v>277</v>
      </c>
      <c r="E48769" s="15">
        <v>45600</v>
      </c>
      <c r="F48769" s="14" t="s">
        <v>25</v>
      </c>
      <c r="G48769" s="16">
        <v>0.96398945383227685</v>
      </c>
    </row>
    <row r="48770" spans="1:7" x14ac:dyDescent="0.3">
      <c r="A48770" s="13" t="s">
        <v>276</v>
      </c>
      <c r="B48770" s="14" t="s">
        <v>1</v>
      </c>
      <c r="C48770" s="14" t="s">
        <v>106</v>
      </c>
      <c r="D48770" s="14" t="s">
        <v>277</v>
      </c>
      <c r="E48770" s="15">
        <v>45601</v>
      </c>
      <c r="F48770" s="14" t="s">
        <v>25</v>
      </c>
      <c r="G48770" s="16">
        <v>0.97167560693228394</v>
      </c>
    </row>
    <row r="48771" spans="1:7" x14ac:dyDescent="0.3">
      <c r="A48771" s="13" t="s">
        <v>276</v>
      </c>
      <c r="B48771" s="14" t="s">
        <v>1</v>
      </c>
      <c r="C48771" s="14" t="s">
        <v>106</v>
      </c>
      <c r="D48771" s="14" t="s">
        <v>277</v>
      </c>
      <c r="E48771" s="15">
        <v>45602</v>
      </c>
      <c r="F48771" s="14" t="s">
        <v>25</v>
      </c>
      <c r="G48771" s="16">
        <v>0.98257583229460521</v>
      </c>
    </row>
    <row r="48772" spans="1:7" x14ac:dyDescent="0.3">
      <c r="A48772" s="13" t="s">
        <v>276</v>
      </c>
      <c r="B48772" s="14" t="s">
        <v>1</v>
      </c>
      <c r="C48772" s="14" t="s">
        <v>106</v>
      </c>
      <c r="D48772" s="14" t="s">
        <v>277</v>
      </c>
      <c r="E48772" s="15">
        <v>45603</v>
      </c>
      <c r="F48772" s="14" t="s">
        <v>25</v>
      </c>
      <c r="G48772" s="16">
        <v>0.98523822815370288</v>
      </c>
    </row>
    <row r="48773" spans="1:7" x14ac:dyDescent="0.3">
      <c r="A48773" s="13" t="s">
        <v>276</v>
      </c>
      <c r="B48773" s="14" t="s">
        <v>1</v>
      </c>
      <c r="C48773" s="14" t="s">
        <v>106</v>
      </c>
      <c r="D48773" s="14" t="s">
        <v>277</v>
      </c>
      <c r="E48773" s="15">
        <v>45604</v>
      </c>
      <c r="F48773" s="14" t="s">
        <v>25</v>
      </c>
      <c r="G48773" s="16">
        <v>0.98782888368329547</v>
      </c>
    </row>
    <row r="48774" spans="1:7" x14ac:dyDescent="0.3">
      <c r="A48774" s="13" t="s">
        <v>276</v>
      </c>
      <c r="B48774" s="14" t="s">
        <v>1</v>
      </c>
      <c r="C48774" s="14" t="s">
        <v>106</v>
      </c>
      <c r="D48774" s="14" t="s">
        <v>277</v>
      </c>
      <c r="E48774" s="15">
        <v>45605</v>
      </c>
      <c r="F48774" s="14" t="s">
        <v>25</v>
      </c>
      <c r="G48774" s="16">
        <v>0.98782888368329547</v>
      </c>
    </row>
    <row r="48775" spans="1:7" x14ac:dyDescent="0.3">
      <c r="A48775" s="13" t="s">
        <v>276</v>
      </c>
      <c r="B48775" s="14" t="s">
        <v>1</v>
      </c>
      <c r="C48775" s="14" t="s">
        <v>106</v>
      </c>
      <c r="D48775" s="14" t="s">
        <v>277</v>
      </c>
      <c r="E48775" s="15">
        <v>45606</v>
      </c>
      <c r="F48775" s="14" t="s">
        <v>25</v>
      </c>
      <c r="G48775" s="16">
        <v>0.98782888368329547</v>
      </c>
    </row>
    <row r="48776" spans="1:7" x14ac:dyDescent="0.3">
      <c r="A48776" s="13" t="s">
        <v>276</v>
      </c>
      <c r="B48776" s="14" t="s">
        <v>1</v>
      </c>
      <c r="C48776" s="14" t="s">
        <v>106</v>
      </c>
      <c r="D48776" s="14" t="s">
        <v>277</v>
      </c>
      <c r="E48776" s="15">
        <v>45607</v>
      </c>
      <c r="F48776" s="14" t="s">
        <v>25</v>
      </c>
      <c r="G48776" s="16">
        <v>0.99027480510665522</v>
      </c>
    </row>
    <row r="48777" spans="1:7" x14ac:dyDescent="0.3">
      <c r="A48777" s="13" t="s">
        <v>276</v>
      </c>
      <c r="B48777" s="14" t="s">
        <v>1</v>
      </c>
      <c r="C48777" s="14" t="s">
        <v>106</v>
      </c>
      <c r="D48777" s="14" t="s">
        <v>277</v>
      </c>
      <c r="E48777" s="15">
        <v>45608</v>
      </c>
      <c r="F48777" s="14" t="s">
        <v>25</v>
      </c>
      <c r="G48777" s="16">
        <v>0.99786827106325837</v>
      </c>
    </row>
    <row r="48778" spans="1:7" x14ac:dyDescent="0.3">
      <c r="A48778" s="13" t="s">
        <v>276</v>
      </c>
      <c r="B48778" s="14" t="s">
        <v>1</v>
      </c>
      <c r="C48778" s="14" t="s">
        <v>106</v>
      </c>
      <c r="D48778" s="14" t="s">
        <v>277</v>
      </c>
      <c r="E48778" s="15">
        <v>45609</v>
      </c>
      <c r="F48778" s="14" t="s">
        <v>25</v>
      </c>
      <c r="G48778" s="16">
        <v>1.0003740601237046</v>
      </c>
    </row>
    <row r="48779" spans="1:7" x14ac:dyDescent="0.3">
      <c r="A48779" s="13" t="s">
        <v>276</v>
      </c>
      <c r="B48779" s="14" t="s">
        <v>1</v>
      </c>
      <c r="C48779" s="14" t="s">
        <v>106</v>
      </c>
      <c r="D48779" s="14" t="s">
        <v>277</v>
      </c>
      <c r="E48779" s="15">
        <v>45610</v>
      </c>
      <c r="F48779" s="14" t="s">
        <v>25</v>
      </c>
      <c r="G48779" s="16">
        <v>1.0029343555403041</v>
      </c>
    </row>
    <row r="48780" spans="1:7" x14ac:dyDescent="0.3">
      <c r="A48780" s="13" t="s">
        <v>276</v>
      </c>
      <c r="B48780" s="14" t="s">
        <v>1</v>
      </c>
      <c r="C48780" s="14" t="s">
        <v>106</v>
      </c>
      <c r="D48780" s="14" t="s">
        <v>277</v>
      </c>
      <c r="E48780" s="15">
        <v>45611</v>
      </c>
      <c r="F48780" s="14" t="s">
        <v>25</v>
      </c>
      <c r="G48780" s="16">
        <v>1.0694272112467818</v>
      </c>
    </row>
    <row r="48781" spans="1:7" x14ac:dyDescent="0.3">
      <c r="A48781" s="13" t="s">
        <v>276</v>
      </c>
      <c r="B48781" s="14" t="s">
        <v>1</v>
      </c>
      <c r="C48781" s="14" t="s">
        <v>106</v>
      </c>
      <c r="D48781" s="14" t="s">
        <v>277</v>
      </c>
      <c r="E48781" s="15">
        <v>45612</v>
      </c>
      <c r="F48781" s="14" t="s">
        <v>25</v>
      </c>
      <c r="G48781" s="16">
        <v>1.0694272112467818</v>
      </c>
    </row>
    <row r="48782" spans="1:7" x14ac:dyDescent="0.3">
      <c r="A48782" s="13" t="s">
        <v>276</v>
      </c>
      <c r="B48782" s="14" t="s">
        <v>1</v>
      </c>
      <c r="C48782" s="14" t="s">
        <v>106</v>
      </c>
      <c r="D48782" s="14" t="s">
        <v>277</v>
      </c>
      <c r="E48782" s="15">
        <v>45613</v>
      </c>
      <c r="F48782" s="14" t="s">
        <v>25</v>
      </c>
      <c r="G48782" s="16">
        <v>1.0694272112467818</v>
      </c>
    </row>
    <row r="48783" spans="1:7" x14ac:dyDescent="0.3">
      <c r="A48783" s="13" t="s">
        <v>276</v>
      </c>
      <c r="B48783" s="14" t="s">
        <v>1</v>
      </c>
      <c r="C48783" s="14" t="s">
        <v>106</v>
      </c>
      <c r="D48783" s="14" t="s">
        <v>277</v>
      </c>
      <c r="E48783" s="15">
        <v>45614</v>
      </c>
      <c r="F48783" s="14" t="s">
        <v>25</v>
      </c>
      <c r="G48783" s="16">
        <v>1.0718534746400536</v>
      </c>
    </row>
    <row r="48784" spans="1:7" x14ac:dyDescent="0.3">
      <c r="A48784" s="13" t="s">
        <v>276</v>
      </c>
      <c r="B48784" s="14" t="s">
        <v>1</v>
      </c>
      <c r="C48784" s="14" t="s">
        <v>106</v>
      </c>
      <c r="D48784" s="14" t="s">
        <v>277</v>
      </c>
      <c r="E48784" s="15">
        <v>45615</v>
      </c>
      <c r="F48784" s="14" t="s">
        <v>25</v>
      </c>
      <c r="G48784" s="16">
        <v>1.086404453572918</v>
      </c>
    </row>
    <row r="48785" spans="1:7" x14ac:dyDescent="0.3">
      <c r="A48785" s="13" t="s">
        <v>276</v>
      </c>
      <c r="B48785" s="14" t="s">
        <v>1</v>
      </c>
      <c r="C48785" s="14" t="s">
        <v>106</v>
      </c>
      <c r="D48785" s="14" t="s">
        <v>277</v>
      </c>
      <c r="E48785" s="15">
        <v>45616</v>
      </c>
      <c r="F48785" s="14" t="s">
        <v>25</v>
      </c>
      <c r="G48785" s="16">
        <v>1.0888005150836</v>
      </c>
    </row>
    <row r="48786" spans="1:7" x14ac:dyDescent="0.3">
      <c r="A48786" s="13" t="s">
        <v>276</v>
      </c>
      <c r="B48786" s="14" t="s">
        <v>1</v>
      </c>
      <c r="C48786" s="14" t="s">
        <v>106</v>
      </c>
      <c r="D48786" s="14" t="s">
        <v>277</v>
      </c>
      <c r="E48786" s="15">
        <v>45617</v>
      </c>
      <c r="F48786" s="14" t="s">
        <v>25</v>
      </c>
      <c r="G48786" s="16">
        <v>1.0912291016986093</v>
      </c>
    </row>
    <row r="48787" spans="1:7" x14ac:dyDescent="0.3">
      <c r="A48787" s="13" t="s">
        <v>276</v>
      </c>
      <c r="B48787" s="14" t="s">
        <v>1</v>
      </c>
      <c r="C48787" s="14" t="s">
        <v>106</v>
      </c>
      <c r="D48787" s="14" t="s">
        <v>277</v>
      </c>
      <c r="E48787" s="15">
        <v>45618</v>
      </c>
      <c r="F48787" s="14" t="s">
        <v>25</v>
      </c>
      <c r="G48787" s="16">
        <v>1.0937624120011789</v>
      </c>
    </row>
    <row r="48788" spans="1:7" x14ac:dyDescent="0.3">
      <c r="A48788" s="13" t="s">
        <v>276</v>
      </c>
      <c r="B48788" s="14" t="s">
        <v>1</v>
      </c>
      <c r="C48788" s="14" t="s">
        <v>106</v>
      </c>
      <c r="D48788" s="14" t="s">
        <v>277</v>
      </c>
      <c r="E48788" s="15">
        <v>45619</v>
      </c>
      <c r="F48788" s="14" t="s">
        <v>25</v>
      </c>
      <c r="G48788" s="16">
        <v>1.0937624120011789</v>
      </c>
    </row>
    <row r="48789" spans="1:7" x14ac:dyDescent="0.3">
      <c r="A48789" s="13" t="s">
        <v>276</v>
      </c>
      <c r="B48789" s="14" t="s">
        <v>1</v>
      </c>
      <c r="C48789" s="14" t="s">
        <v>106</v>
      </c>
      <c r="D48789" s="14" t="s">
        <v>277</v>
      </c>
      <c r="E48789" s="15">
        <v>45620</v>
      </c>
      <c r="F48789" s="14" t="s">
        <v>25</v>
      </c>
      <c r="G48789" s="16">
        <v>1.0937624120011789</v>
      </c>
    </row>
    <row r="48790" spans="1:7" x14ac:dyDescent="0.3">
      <c r="A48790" s="13" t="s">
        <v>276</v>
      </c>
      <c r="B48790" s="14" t="s">
        <v>1</v>
      </c>
      <c r="C48790" s="14" t="s">
        <v>106</v>
      </c>
      <c r="D48790" s="14" t="s">
        <v>277</v>
      </c>
      <c r="E48790" s="15">
        <v>45621</v>
      </c>
      <c r="F48790" s="14" t="s">
        <v>25</v>
      </c>
      <c r="G48790" s="16">
        <v>1.0962471133566216</v>
      </c>
    </row>
    <row r="48791" spans="1:7" x14ac:dyDescent="0.3">
      <c r="A48791" s="13" t="s">
        <v>276</v>
      </c>
      <c r="B48791" s="14" t="s">
        <v>1</v>
      </c>
      <c r="C48791" s="14" t="s">
        <v>106</v>
      </c>
      <c r="D48791" s="14" t="s">
        <v>277</v>
      </c>
      <c r="E48791" s="15">
        <v>45622</v>
      </c>
      <c r="F48791" s="14" t="s">
        <v>25</v>
      </c>
      <c r="G48791" s="16">
        <v>1.1034459890365478</v>
      </c>
    </row>
    <row r="48792" spans="1:7" x14ac:dyDescent="0.3">
      <c r="A48792" s="13" t="s">
        <v>276</v>
      </c>
      <c r="B48792" s="14" t="s">
        <v>1</v>
      </c>
      <c r="C48792" s="14" t="s">
        <v>106</v>
      </c>
      <c r="D48792" s="14" t="s">
        <v>277</v>
      </c>
      <c r="E48792" s="15">
        <v>45623</v>
      </c>
      <c r="F48792" s="14" t="s">
        <v>25</v>
      </c>
      <c r="G48792" s="16">
        <v>1.1061315597176178</v>
      </c>
    </row>
    <row r="48793" spans="1:7" x14ac:dyDescent="0.3">
      <c r="A48793" s="13" t="s">
        <v>276</v>
      </c>
      <c r="B48793" s="14" t="s">
        <v>1</v>
      </c>
      <c r="C48793" s="14" t="s">
        <v>106</v>
      </c>
      <c r="D48793" s="14" t="s">
        <v>277</v>
      </c>
      <c r="E48793" s="15">
        <v>45624</v>
      </c>
      <c r="F48793" s="14" t="s">
        <v>25</v>
      </c>
      <c r="G48793" s="16">
        <v>1.1111700178908652</v>
      </c>
    </row>
    <row r="48794" spans="1:7" x14ac:dyDescent="0.3">
      <c r="A48794" s="13" t="s">
        <v>276</v>
      </c>
      <c r="B48794" s="14" t="s">
        <v>1</v>
      </c>
      <c r="C48794" s="14" t="s">
        <v>106</v>
      </c>
      <c r="D48794" s="14" t="s">
        <v>277</v>
      </c>
      <c r="E48794" s="15">
        <v>45625</v>
      </c>
      <c r="F48794" s="14" t="s">
        <v>25</v>
      </c>
      <c r="G48794" s="16">
        <v>1.1145427260781953</v>
      </c>
    </row>
    <row r="48795" spans="1:7" x14ac:dyDescent="0.3">
      <c r="A48795" s="13" t="s">
        <v>276</v>
      </c>
      <c r="B48795" s="14" t="s">
        <v>1</v>
      </c>
      <c r="C48795" s="14" t="s">
        <v>106</v>
      </c>
      <c r="D48795" s="14" t="s">
        <v>277</v>
      </c>
      <c r="E48795" s="15">
        <v>45626</v>
      </c>
      <c r="F48795" s="14" t="s">
        <v>25</v>
      </c>
      <c r="G48795" s="16">
        <v>1.1145427260781953</v>
      </c>
    </row>
    <row r="48796" spans="1:7" x14ac:dyDescent="0.3">
      <c r="A48796" s="13" t="s">
        <v>276</v>
      </c>
      <c r="B48796" s="14" t="s">
        <v>1</v>
      </c>
      <c r="C48796" s="14" t="s">
        <v>106</v>
      </c>
      <c r="D48796" s="14" t="s">
        <v>277</v>
      </c>
      <c r="E48796" s="15">
        <v>45627</v>
      </c>
      <c r="F48796" s="14" t="s">
        <v>25</v>
      </c>
      <c r="G48796" s="16">
        <v>1.1145427260781953</v>
      </c>
    </row>
    <row r="48797" spans="1:7" x14ac:dyDescent="0.3">
      <c r="A48797" s="13" t="s">
        <v>276</v>
      </c>
      <c r="B48797" s="14" t="s">
        <v>1</v>
      </c>
      <c r="C48797" s="14" t="s">
        <v>106</v>
      </c>
      <c r="D48797" s="14" t="s">
        <v>277</v>
      </c>
      <c r="E48797" s="15">
        <v>45628</v>
      </c>
      <c r="F48797" s="14" t="s">
        <v>25</v>
      </c>
      <c r="G48797" s="16">
        <v>1.1354193016746716</v>
      </c>
    </row>
    <row r="48798" spans="1:7" x14ac:dyDescent="0.3">
      <c r="A48798" s="13" t="s">
        <v>276</v>
      </c>
      <c r="B48798" s="14" t="s">
        <v>1</v>
      </c>
      <c r="C48798" s="14" t="s">
        <v>106</v>
      </c>
      <c r="D48798" s="14" t="s">
        <v>277</v>
      </c>
      <c r="E48798" s="15">
        <v>45629</v>
      </c>
      <c r="F48798" s="14" t="s">
        <v>25</v>
      </c>
      <c r="G48798" s="16">
        <v>1.1398379957720515</v>
      </c>
    </row>
    <row r="48799" spans="1:7" x14ac:dyDescent="0.3">
      <c r="A48799" s="13" t="s">
        <v>276</v>
      </c>
      <c r="B48799" s="14" t="s">
        <v>1</v>
      </c>
      <c r="C48799" s="14" t="s">
        <v>106</v>
      </c>
      <c r="D48799" s="14" t="s">
        <v>277</v>
      </c>
      <c r="E48799" s="15">
        <v>45630</v>
      </c>
      <c r="F48799" s="14" t="s">
        <v>25</v>
      </c>
      <c r="G48799" s="16">
        <v>1.1441232639546013</v>
      </c>
    </row>
    <row r="48800" spans="1:7" x14ac:dyDescent="0.3">
      <c r="A48800" s="13" t="s">
        <v>276</v>
      </c>
      <c r="B48800" s="14" t="s">
        <v>1</v>
      </c>
      <c r="C48800" s="14" t="s">
        <v>106</v>
      </c>
      <c r="D48800" s="14" t="s">
        <v>277</v>
      </c>
      <c r="E48800" s="15">
        <v>45631</v>
      </c>
      <c r="F48800" s="14" t="s">
        <v>25</v>
      </c>
      <c r="G48800" s="16">
        <v>1.1538457782149676</v>
      </c>
    </row>
    <row r="48801" spans="1:7" x14ac:dyDescent="0.3">
      <c r="A48801" s="13" t="s">
        <v>276</v>
      </c>
      <c r="B48801" s="14" t="s">
        <v>1</v>
      </c>
      <c r="C48801" s="14" t="s">
        <v>106</v>
      </c>
      <c r="D48801" s="14" t="s">
        <v>277</v>
      </c>
      <c r="E48801" s="15">
        <v>45632</v>
      </c>
      <c r="F48801" s="14" t="s">
        <v>25</v>
      </c>
      <c r="G48801" s="16">
        <v>1.1559689839095832</v>
      </c>
    </row>
    <row r="48802" spans="1:7" x14ac:dyDescent="0.3">
      <c r="A48802" s="13" t="s">
        <v>276</v>
      </c>
      <c r="B48802" s="14" t="s">
        <v>1</v>
      </c>
      <c r="C48802" s="14" t="s">
        <v>106</v>
      </c>
      <c r="D48802" s="14" t="s">
        <v>277</v>
      </c>
      <c r="E48802" s="15">
        <v>45633</v>
      </c>
      <c r="F48802" s="14" t="s">
        <v>25</v>
      </c>
      <c r="G48802" s="16">
        <v>1.1559689839095832</v>
      </c>
    </row>
    <row r="48803" spans="1:7" x14ac:dyDescent="0.3">
      <c r="A48803" s="13" t="s">
        <v>276</v>
      </c>
      <c r="B48803" s="14" t="s">
        <v>1</v>
      </c>
      <c r="C48803" s="14" t="s">
        <v>106</v>
      </c>
      <c r="D48803" s="14" t="s">
        <v>277</v>
      </c>
      <c r="E48803" s="15">
        <v>45634</v>
      </c>
      <c r="F48803" s="14" t="s">
        <v>25</v>
      </c>
      <c r="G48803" s="16">
        <v>1.1559689839095832</v>
      </c>
    </row>
    <row r="48804" spans="1:7" x14ac:dyDescent="0.3">
      <c r="A48804" s="13" t="s">
        <v>276</v>
      </c>
      <c r="B48804" s="14" t="s">
        <v>1</v>
      </c>
      <c r="C48804" s="14" t="s">
        <v>106</v>
      </c>
      <c r="D48804" s="14" t="s">
        <v>277</v>
      </c>
      <c r="E48804" s="15">
        <v>45635</v>
      </c>
      <c r="F48804" s="14" t="s">
        <v>25</v>
      </c>
      <c r="G48804" s="16">
        <v>1.1581845030911329</v>
      </c>
    </row>
    <row r="48805" spans="1:7" x14ac:dyDescent="0.3">
      <c r="A48805" s="13" t="s">
        <v>276</v>
      </c>
      <c r="B48805" s="14" t="s">
        <v>1</v>
      </c>
      <c r="C48805" s="14" t="s">
        <v>106</v>
      </c>
      <c r="D48805" s="14" t="s">
        <v>277</v>
      </c>
      <c r="E48805" s="15">
        <v>45636</v>
      </c>
      <c r="F48805" s="14" t="s">
        <v>25</v>
      </c>
      <c r="G48805" s="16">
        <v>1.1647890027400776</v>
      </c>
    </row>
    <row r="48806" spans="1:7" x14ac:dyDescent="0.3">
      <c r="A48806" s="13" t="s">
        <v>276</v>
      </c>
      <c r="B48806" s="14" t="s">
        <v>1</v>
      </c>
      <c r="C48806" s="14" t="s">
        <v>106</v>
      </c>
      <c r="D48806" s="14" t="s">
        <v>277</v>
      </c>
      <c r="E48806" s="15">
        <v>45637</v>
      </c>
      <c r="F48806" s="14" t="s">
        <v>25</v>
      </c>
      <c r="G48806" s="16">
        <v>1.1669669343626012</v>
      </c>
    </row>
    <row r="48807" spans="1:7" x14ac:dyDescent="0.3">
      <c r="A48807" s="13" t="s">
        <v>276</v>
      </c>
      <c r="B48807" s="14" t="s">
        <v>1</v>
      </c>
      <c r="C48807" s="14" t="s">
        <v>106</v>
      </c>
      <c r="D48807" s="14" t="s">
        <v>277</v>
      </c>
      <c r="E48807" s="15">
        <v>45638</v>
      </c>
      <c r="F48807" s="14" t="s">
        <v>25</v>
      </c>
      <c r="G48807" s="16">
        <v>1.1691678469797624</v>
      </c>
    </row>
    <row r="48808" spans="1:7" x14ac:dyDescent="0.3">
      <c r="A48808" s="13" t="s">
        <v>276</v>
      </c>
      <c r="B48808" s="14" t="s">
        <v>1</v>
      </c>
      <c r="C48808" s="14" t="s">
        <v>106</v>
      </c>
      <c r="D48808" s="14" t="s">
        <v>277</v>
      </c>
      <c r="E48808" s="15">
        <v>45639</v>
      </c>
      <c r="F48808" s="14" t="s">
        <v>25</v>
      </c>
      <c r="G48808" s="16">
        <v>1.1713901825580266</v>
      </c>
    </row>
    <row r="48809" spans="1:7" x14ac:dyDescent="0.3">
      <c r="A48809" s="13" t="s">
        <v>276</v>
      </c>
      <c r="B48809" s="14" t="s">
        <v>1</v>
      </c>
      <c r="C48809" s="14" t="s">
        <v>106</v>
      </c>
      <c r="D48809" s="14" t="s">
        <v>277</v>
      </c>
      <c r="E48809" s="15">
        <v>45640</v>
      </c>
      <c r="F48809" s="14" t="s">
        <v>25</v>
      </c>
      <c r="G48809" s="16">
        <v>1.1713901825580266</v>
      </c>
    </row>
    <row r="48810" spans="1:7" x14ac:dyDescent="0.3">
      <c r="A48810" s="13" t="s">
        <v>276</v>
      </c>
      <c r="B48810" s="14" t="s">
        <v>1</v>
      </c>
      <c r="C48810" s="14" t="s">
        <v>106</v>
      </c>
      <c r="D48810" s="14" t="s">
        <v>277</v>
      </c>
      <c r="E48810" s="15">
        <v>45641</v>
      </c>
      <c r="F48810" s="14" t="s">
        <v>25</v>
      </c>
      <c r="G48810" s="16">
        <v>1.1713901825580266</v>
      </c>
    </row>
    <row r="48811" spans="1:7" x14ac:dyDescent="0.3">
      <c r="A48811" s="13" t="s">
        <v>276</v>
      </c>
      <c r="B48811" s="14" t="s">
        <v>1</v>
      </c>
      <c r="C48811" s="14" t="s">
        <v>106</v>
      </c>
      <c r="D48811" s="14" t="s">
        <v>277</v>
      </c>
      <c r="E48811" s="15">
        <v>45642</v>
      </c>
      <c r="F48811" s="14" t="s">
        <v>25</v>
      </c>
      <c r="G48811" s="16">
        <v>1.1734847593864413</v>
      </c>
    </row>
    <row r="48812" spans="1:7" x14ac:dyDescent="0.3">
      <c r="A48812" s="13" t="s">
        <v>276</v>
      </c>
      <c r="B48812" s="14" t="s">
        <v>1</v>
      </c>
      <c r="C48812" s="14" t="s">
        <v>106</v>
      </c>
      <c r="D48812" s="14" t="s">
        <v>277</v>
      </c>
      <c r="E48812" s="15">
        <v>45643</v>
      </c>
      <c r="F48812" s="14" t="s">
        <v>25</v>
      </c>
      <c r="G48812" s="16">
        <v>1.1797708359317212</v>
      </c>
    </row>
    <row r="48813" spans="1:7" x14ac:dyDescent="0.3">
      <c r="A48813" s="13" t="s">
        <v>276</v>
      </c>
      <c r="B48813" s="14" t="s">
        <v>1</v>
      </c>
      <c r="C48813" s="14" t="s">
        <v>106</v>
      </c>
      <c r="D48813" s="14" t="s">
        <v>277</v>
      </c>
      <c r="E48813" s="15">
        <v>45644</v>
      </c>
      <c r="F48813" s="14" t="s">
        <v>25</v>
      </c>
      <c r="G48813" s="16">
        <v>1.1812706334582443</v>
      </c>
    </row>
    <row r="48814" spans="1:7" x14ac:dyDescent="0.3">
      <c r="A48814" s="13" t="s">
        <v>276</v>
      </c>
      <c r="B48814" s="14" t="s">
        <v>1</v>
      </c>
      <c r="C48814" s="14" t="s">
        <v>106</v>
      </c>
      <c r="D48814" s="14" t="s">
        <v>277</v>
      </c>
      <c r="E48814" s="15">
        <v>45645</v>
      </c>
      <c r="F48814" s="14" t="s">
        <v>25</v>
      </c>
      <c r="G48814" s="16">
        <v>1.1833955919405865</v>
      </c>
    </row>
    <row r="48815" spans="1:7" x14ac:dyDescent="0.3">
      <c r="A48815" s="13" t="s">
        <v>276</v>
      </c>
      <c r="B48815" s="14" t="s">
        <v>1</v>
      </c>
      <c r="C48815" s="14" t="s">
        <v>106</v>
      </c>
      <c r="D48815" s="14" t="s">
        <v>277</v>
      </c>
      <c r="E48815" s="15">
        <v>45646</v>
      </c>
      <c r="F48815" s="14" t="s">
        <v>25</v>
      </c>
      <c r="G48815" s="16">
        <v>1.1856323831191558</v>
      </c>
    </row>
    <row r="48816" spans="1:7" x14ac:dyDescent="0.3">
      <c r="A48816" s="13" t="s">
        <v>276</v>
      </c>
      <c r="B48816" s="14" t="s">
        <v>1</v>
      </c>
      <c r="C48816" s="14" t="s">
        <v>106</v>
      </c>
      <c r="D48816" s="14" t="s">
        <v>277</v>
      </c>
      <c r="E48816" s="15">
        <v>45647</v>
      </c>
      <c r="F48816" s="14" t="s">
        <v>25</v>
      </c>
      <c r="G48816" s="16">
        <v>1.1856323831191558</v>
      </c>
    </row>
    <row r="48817" spans="1:7" x14ac:dyDescent="0.3">
      <c r="A48817" s="13" t="s">
        <v>276</v>
      </c>
      <c r="B48817" s="14" t="s">
        <v>1</v>
      </c>
      <c r="C48817" s="14" t="s">
        <v>106</v>
      </c>
      <c r="D48817" s="14" t="s">
        <v>277</v>
      </c>
      <c r="E48817" s="15">
        <v>45648</v>
      </c>
      <c r="F48817" s="14" t="s">
        <v>25</v>
      </c>
      <c r="G48817" s="16">
        <v>1.1856323831191558</v>
      </c>
    </row>
    <row r="48818" spans="1:7" x14ac:dyDescent="0.3">
      <c r="A48818" s="13" t="s">
        <v>276</v>
      </c>
      <c r="B48818" s="14" t="s">
        <v>1</v>
      </c>
      <c r="C48818" s="14" t="s">
        <v>106</v>
      </c>
      <c r="D48818" s="14" t="s">
        <v>277</v>
      </c>
      <c r="E48818" s="15">
        <v>45649</v>
      </c>
      <c r="F48818" s="14" t="s">
        <v>25</v>
      </c>
      <c r="G48818" s="16">
        <v>1.1879299387889946</v>
      </c>
    </row>
    <row r="48819" spans="1:7" x14ac:dyDescent="0.3">
      <c r="A48819" s="13" t="s">
        <v>276</v>
      </c>
      <c r="B48819" s="14" t="s">
        <v>1</v>
      </c>
      <c r="C48819" s="14" t="s">
        <v>106</v>
      </c>
      <c r="D48819" s="14" t="s">
        <v>277</v>
      </c>
      <c r="E48819" s="15">
        <v>45650</v>
      </c>
      <c r="F48819" s="14" t="s">
        <v>25</v>
      </c>
      <c r="G48819" s="16">
        <v>1.1946751825585633</v>
      </c>
    </row>
    <row r="48820" spans="1:7" x14ac:dyDescent="0.3">
      <c r="A48820" s="13" t="s">
        <v>276</v>
      </c>
      <c r="B48820" s="14" t="s">
        <v>1</v>
      </c>
      <c r="C48820" s="14" t="s">
        <v>106</v>
      </c>
      <c r="D48820" s="14" t="s">
        <v>277</v>
      </c>
      <c r="E48820" s="15">
        <v>45651</v>
      </c>
      <c r="F48820" s="14" t="s">
        <v>25</v>
      </c>
      <c r="G48820" s="16">
        <v>1.1946751825585633</v>
      </c>
    </row>
    <row r="48821" spans="1:7" x14ac:dyDescent="0.3">
      <c r="A48821" s="13" t="s">
        <v>276</v>
      </c>
      <c r="B48821" s="14" t="s">
        <v>1</v>
      </c>
      <c r="C48821" s="14" t="s">
        <v>106</v>
      </c>
      <c r="D48821" s="14" t="s">
        <v>277</v>
      </c>
      <c r="E48821" s="15">
        <v>45652</v>
      </c>
      <c r="F48821" s="14" t="s">
        <v>25</v>
      </c>
      <c r="G48821" s="16">
        <v>1.1946751825585633</v>
      </c>
    </row>
    <row r="48822" spans="1:7" x14ac:dyDescent="0.3">
      <c r="A48822" s="13" t="s">
        <v>276</v>
      </c>
      <c r="B48822" s="14" t="s">
        <v>1</v>
      </c>
      <c r="C48822" s="14" t="s">
        <v>106</v>
      </c>
      <c r="D48822" s="14" t="s">
        <v>277</v>
      </c>
      <c r="E48822" s="15">
        <v>45653</v>
      </c>
      <c r="F48822" s="14" t="s">
        <v>25</v>
      </c>
      <c r="G48822" s="16">
        <v>1.1946751825585633</v>
      </c>
    </row>
    <row r="48823" spans="1:7" x14ac:dyDescent="0.3">
      <c r="A48823" s="13" t="s">
        <v>276</v>
      </c>
      <c r="B48823" s="14" t="s">
        <v>1</v>
      </c>
      <c r="C48823" s="14" t="s">
        <v>106</v>
      </c>
      <c r="D48823" s="14" t="s">
        <v>277</v>
      </c>
      <c r="E48823" s="15">
        <v>45654</v>
      </c>
      <c r="F48823" s="14" t="s">
        <v>25</v>
      </c>
      <c r="G48823" s="16">
        <v>1.1946751825585633</v>
      </c>
    </row>
    <row r="48824" spans="1:7" x14ac:dyDescent="0.3">
      <c r="A48824" s="13" t="s">
        <v>276</v>
      </c>
      <c r="B48824" s="14" t="s">
        <v>1</v>
      </c>
      <c r="C48824" s="14" t="s">
        <v>106</v>
      </c>
      <c r="D48824" s="14" t="s">
        <v>277</v>
      </c>
      <c r="E48824" s="15">
        <v>45655</v>
      </c>
      <c r="F48824" s="14" t="s">
        <v>25</v>
      </c>
      <c r="G48824" s="16">
        <v>1.1946751825585633</v>
      </c>
    </row>
    <row r="48825" spans="1:7" x14ac:dyDescent="0.3">
      <c r="A48825" s="13" t="s">
        <v>276</v>
      </c>
      <c r="B48825" s="14" t="s">
        <v>1</v>
      </c>
      <c r="C48825" s="14" t="s">
        <v>106</v>
      </c>
      <c r="D48825" s="14" t="s">
        <v>277</v>
      </c>
      <c r="E48825" s="15">
        <v>45656</v>
      </c>
      <c r="F48825" s="14" t="s">
        <v>25</v>
      </c>
      <c r="G48825" s="16">
        <v>1.1968963930983458</v>
      </c>
    </row>
    <row r="48826" spans="1:7" x14ac:dyDescent="0.3">
      <c r="A48826" s="13" t="s">
        <v>276</v>
      </c>
      <c r="B48826" s="14" t="s">
        <v>1</v>
      </c>
      <c r="C48826" s="14" t="s">
        <v>106</v>
      </c>
      <c r="D48826" s="14" t="s">
        <v>277</v>
      </c>
      <c r="E48826" s="15">
        <v>45657</v>
      </c>
      <c r="F48826" s="14" t="s">
        <v>25</v>
      </c>
      <c r="G48826" s="16">
        <v>1.2114890203509656</v>
      </c>
    </row>
    <row r="48827" spans="1:7" x14ac:dyDescent="0.3">
      <c r="A48827" s="13" t="s">
        <v>276</v>
      </c>
      <c r="B48827" s="14" t="s">
        <v>1</v>
      </c>
      <c r="C48827" s="14" t="s">
        <v>106</v>
      </c>
      <c r="D48827" s="14" t="s">
        <v>277</v>
      </c>
      <c r="E48827" s="15">
        <v>45658</v>
      </c>
      <c r="F48827" s="14" t="s">
        <v>25</v>
      </c>
      <c r="G48827" s="16">
        <v>1.2114890203509656</v>
      </c>
    </row>
    <row r="48828" spans="1:7" x14ac:dyDescent="0.3">
      <c r="A48828" s="13" t="s">
        <v>276</v>
      </c>
      <c r="B48828" s="14" t="s">
        <v>1</v>
      </c>
      <c r="C48828" s="14" t="s">
        <v>106</v>
      </c>
      <c r="D48828" s="14" t="s">
        <v>277</v>
      </c>
      <c r="E48828" s="15">
        <v>45659</v>
      </c>
      <c r="F48828" s="14" t="s">
        <v>25</v>
      </c>
      <c r="G48828" s="16">
        <v>1.2114890203509656</v>
      </c>
    </row>
    <row r="48829" spans="1:7" x14ac:dyDescent="0.3">
      <c r="A48829" s="13" t="s">
        <v>276</v>
      </c>
      <c r="B48829" s="14" t="s">
        <v>1</v>
      </c>
      <c r="C48829" s="14" t="s">
        <v>106</v>
      </c>
      <c r="D48829" s="14" t="s">
        <v>277</v>
      </c>
      <c r="E48829" s="15">
        <v>45660</v>
      </c>
      <c r="F48829" s="14" t="s">
        <v>25</v>
      </c>
      <c r="G48829" s="16">
        <v>1.2139536783717948</v>
      </c>
    </row>
    <row r="48830" spans="1:7" x14ac:dyDescent="0.3">
      <c r="A48830" s="13" t="s">
        <v>276</v>
      </c>
      <c r="B48830" s="14" t="s">
        <v>1</v>
      </c>
      <c r="C48830" s="14" t="s">
        <v>106</v>
      </c>
      <c r="D48830" s="14" t="s">
        <v>277</v>
      </c>
      <c r="E48830" s="15">
        <v>45661</v>
      </c>
      <c r="F48830" s="14" t="s">
        <v>25</v>
      </c>
      <c r="G48830" s="16">
        <v>1.2139536783717948</v>
      </c>
    </row>
    <row r="48831" spans="1:7" x14ac:dyDescent="0.3">
      <c r="A48831" s="13" t="s">
        <v>276</v>
      </c>
      <c r="B48831" s="14" t="s">
        <v>1</v>
      </c>
      <c r="C48831" s="14" t="s">
        <v>106</v>
      </c>
      <c r="D48831" s="14" t="s">
        <v>277</v>
      </c>
      <c r="E48831" s="15">
        <v>45662</v>
      </c>
      <c r="F48831" s="14" t="s">
        <v>25</v>
      </c>
      <c r="G48831" s="16">
        <v>1.2139536783717948</v>
      </c>
    </row>
    <row r="48832" spans="1:7" x14ac:dyDescent="0.3">
      <c r="A48832" s="13" t="s">
        <v>276</v>
      </c>
      <c r="B48832" s="14" t="s">
        <v>1</v>
      </c>
      <c r="C48832" s="14" t="s">
        <v>106</v>
      </c>
      <c r="D48832" s="14" t="s">
        <v>277</v>
      </c>
      <c r="E48832" s="15">
        <v>45663</v>
      </c>
      <c r="F48832" s="14" t="s">
        <v>25</v>
      </c>
      <c r="G48832" s="16">
        <v>1.220734562852589</v>
      </c>
    </row>
    <row r="48833" spans="1:7" x14ac:dyDescent="0.3">
      <c r="A48833" s="13" t="s">
        <v>276</v>
      </c>
      <c r="B48833" s="14" t="s">
        <v>1</v>
      </c>
      <c r="C48833" s="14" t="s">
        <v>106</v>
      </c>
      <c r="D48833" s="14" t="s">
        <v>277</v>
      </c>
      <c r="E48833" s="15">
        <v>45664</v>
      </c>
      <c r="F48833" s="14" t="s">
        <v>25</v>
      </c>
      <c r="G48833" s="16">
        <v>1.2390248652053306</v>
      </c>
    </row>
    <row r="48834" spans="1:7" x14ac:dyDescent="0.3">
      <c r="A48834" s="13" t="s">
        <v>276</v>
      </c>
      <c r="B48834" s="14" t="s">
        <v>1</v>
      </c>
      <c r="C48834" s="14" t="s">
        <v>106</v>
      </c>
      <c r="D48834" s="14" t="s">
        <v>277</v>
      </c>
      <c r="E48834" s="15">
        <v>45665</v>
      </c>
      <c r="F48834" s="14" t="s">
        <v>25</v>
      </c>
      <c r="G48834" s="16">
        <v>1.2413021660447463</v>
      </c>
    </row>
    <row r="48835" spans="1:7" x14ac:dyDescent="0.3">
      <c r="A48835" s="13" t="s">
        <v>276</v>
      </c>
      <c r="B48835" s="14" t="s">
        <v>1</v>
      </c>
      <c r="C48835" s="14" t="s">
        <v>106</v>
      </c>
      <c r="D48835" s="14" t="s">
        <v>277</v>
      </c>
      <c r="E48835" s="15">
        <v>45666</v>
      </c>
      <c r="F48835" s="14" t="s">
        <v>25</v>
      </c>
      <c r="G48835" s="16">
        <v>1.2436077067919633</v>
      </c>
    </row>
    <row r="48836" spans="1:7" x14ac:dyDescent="0.3">
      <c r="A48836" s="13" t="s">
        <v>276</v>
      </c>
      <c r="B48836" s="14" t="s">
        <v>1</v>
      </c>
      <c r="C48836" s="14" t="s">
        <v>106</v>
      </c>
      <c r="D48836" s="14" t="s">
        <v>277</v>
      </c>
      <c r="E48836" s="15">
        <v>45667</v>
      </c>
      <c r="F48836" s="14" t="s">
        <v>25</v>
      </c>
      <c r="G48836" s="16">
        <v>1.2459229854384222</v>
      </c>
    </row>
    <row r="48837" spans="1:7" x14ac:dyDescent="0.3">
      <c r="A48837" s="13" t="s">
        <v>276</v>
      </c>
      <c r="B48837" s="14" t="s">
        <v>1</v>
      </c>
      <c r="C48837" s="14" t="s">
        <v>106</v>
      </c>
      <c r="D48837" s="14" t="s">
        <v>277</v>
      </c>
      <c r="E48837" s="15">
        <v>45668</v>
      </c>
      <c r="F48837" s="14" t="s">
        <v>25</v>
      </c>
      <c r="G48837" s="16">
        <v>1.2459229854384222</v>
      </c>
    </row>
    <row r="48838" spans="1:7" x14ac:dyDescent="0.3">
      <c r="A48838" s="13" t="s">
        <v>276</v>
      </c>
      <c r="B48838" s="14" t="s">
        <v>1</v>
      </c>
      <c r="C48838" s="14" t="s">
        <v>106</v>
      </c>
      <c r="D48838" s="14" t="s">
        <v>277</v>
      </c>
      <c r="E48838" s="15">
        <v>45669</v>
      </c>
      <c r="F48838" s="14" t="s">
        <v>25</v>
      </c>
      <c r="G48838" s="16">
        <v>1.2459229854384222</v>
      </c>
    </row>
    <row r="48839" spans="1:7" x14ac:dyDescent="0.3">
      <c r="A48839" s="13" t="s">
        <v>276</v>
      </c>
      <c r="B48839" s="14" t="s">
        <v>1</v>
      </c>
      <c r="C48839" s="14" t="s">
        <v>106</v>
      </c>
      <c r="D48839" s="14" t="s">
        <v>277</v>
      </c>
      <c r="E48839" s="15">
        <v>45670</v>
      </c>
      <c r="F48839" s="14" t="s">
        <v>25</v>
      </c>
      <c r="G48839" s="16">
        <v>1.2486369336798431</v>
      </c>
    </row>
    <row r="48840" spans="1:7" x14ac:dyDescent="0.3">
      <c r="A48840" s="13" t="s">
        <v>276</v>
      </c>
      <c r="B48840" s="14" t="s">
        <v>1</v>
      </c>
      <c r="C48840" s="14" t="s">
        <v>106</v>
      </c>
      <c r="D48840" s="14" t="s">
        <v>277</v>
      </c>
      <c r="E48840" s="15">
        <v>45671</v>
      </c>
      <c r="F48840" s="14" t="s">
        <v>25</v>
      </c>
      <c r="G48840" s="16">
        <v>1.2558149296917205</v>
      </c>
    </row>
    <row r="48841" spans="1:7" x14ac:dyDescent="0.3">
      <c r="A48841" s="13" t="s">
        <v>276</v>
      </c>
      <c r="B48841" s="14" t="s">
        <v>1</v>
      </c>
      <c r="C48841" s="14" t="s">
        <v>106</v>
      </c>
      <c r="D48841" s="14" t="s">
        <v>277</v>
      </c>
      <c r="E48841" s="15">
        <v>45672</v>
      </c>
      <c r="F48841" s="14" t="s">
        <v>25</v>
      </c>
      <c r="G48841" s="16">
        <v>1.2581615643737383</v>
      </c>
    </row>
    <row r="48842" spans="1:7" x14ac:dyDescent="0.3">
      <c r="A48842" s="13" t="s">
        <v>276</v>
      </c>
      <c r="B48842" s="14" t="s">
        <v>1</v>
      </c>
      <c r="C48842" s="14" t="s">
        <v>106</v>
      </c>
      <c r="D48842" s="14" t="s">
        <v>277</v>
      </c>
      <c r="E48842" s="15">
        <v>45673</v>
      </c>
      <c r="F48842" s="14" t="s">
        <v>25</v>
      </c>
      <c r="G48842" s="16">
        <v>1.2604895022892115</v>
      </c>
    </row>
    <row r="48843" spans="1:7" x14ac:dyDescent="0.3">
      <c r="A48843" s="13" t="s">
        <v>276</v>
      </c>
      <c r="B48843" s="14" t="s">
        <v>1</v>
      </c>
      <c r="C48843" s="14" t="s">
        <v>106</v>
      </c>
      <c r="D48843" s="14" t="s">
        <v>277</v>
      </c>
      <c r="E48843" s="15">
        <v>45674</v>
      </c>
      <c r="F48843" s="14" t="s">
        <v>25</v>
      </c>
      <c r="G48843" s="16">
        <v>1.2996240598854338</v>
      </c>
    </row>
    <row r="48844" spans="1:7" x14ac:dyDescent="0.3">
      <c r="A48844" s="13" t="s">
        <v>276</v>
      </c>
      <c r="B48844" s="14" t="s">
        <v>1</v>
      </c>
      <c r="C48844" s="14" t="s">
        <v>106</v>
      </c>
      <c r="D48844" s="14" t="s">
        <v>277</v>
      </c>
      <c r="E48844" s="15">
        <v>45675</v>
      </c>
      <c r="F48844" s="14" t="s">
        <v>25</v>
      </c>
      <c r="G48844" s="16">
        <v>1.2996240598854338</v>
      </c>
    </row>
    <row r="48845" spans="1:7" x14ac:dyDescent="0.3">
      <c r="A48845" s="13" t="s">
        <v>276</v>
      </c>
      <c r="B48845" s="14" t="s">
        <v>1</v>
      </c>
      <c r="C48845" s="14" t="s">
        <v>106</v>
      </c>
      <c r="D48845" s="14" t="s">
        <v>277</v>
      </c>
      <c r="E48845" s="15">
        <v>45676</v>
      </c>
      <c r="F48845" s="14" t="s">
        <v>25</v>
      </c>
      <c r="G48845" s="16">
        <v>1.2996240598854338</v>
      </c>
    </row>
    <row r="48846" spans="1:7" x14ac:dyDescent="0.3">
      <c r="A48846" s="13" t="s">
        <v>276</v>
      </c>
      <c r="B48846" s="14" t="s">
        <v>1</v>
      </c>
      <c r="C48846" s="14" t="s">
        <v>106</v>
      </c>
      <c r="D48846" s="14" t="s">
        <v>277</v>
      </c>
      <c r="E48846" s="15">
        <v>45677</v>
      </c>
      <c r="F48846" s="14" t="s">
        <v>25</v>
      </c>
      <c r="G48846" s="16">
        <v>1.3035334518235107</v>
      </c>
    </row>
    <row r="48847" spans="1:7" x14ac:dyDescent="0.3">
      <c r="A48847" s="13" t="s">
        <v>276</v>
      </c>
      <c r="B48847" s="14" t="s">
        <v>1</v>
      </c>
      <c r="C48847" s="14" t="s">
        <v>106</v>
      </c>
      <c r="D48847" s="14" t="s">
        <v>277</v>
      </c>
      <c r="E48847" s="15">
        <v>45678</v>
      </c>
      <c r="F48847" s="14" t="s">
        <v>25</v>
      </c>
      <c r="G48847" s="16">
        <v>1.3096731441958325</v>
      </c>
    </row>
    <row r="48848" spans="1:7" x14ac:dyDescent="0.3">
      <c r="A48848" s="13" t="s">
        <v>276</v>
      </c>
      <c r="B48848" s="14" t="s">
        <v>1</v>
      </c>
      <c r="C48848" s="14" t="s">
        <v>106</v>
      </c>
      <c r="D48848" s="14" t="s">
        <v>277</v>
      </c>
      <c r="E48848" s="15">
        <v>45679</v>
      </c>
      <c r="F48848" s="14" t="s">
        <v>25</v>
      </c>
      <c r="G48848" s="16">
        <v>1.3117916621931767</v>
      </c>
    </row>
    <row r="48849" spans="1:7" x14ac:dyDescent="0.3">
      <c r="A48849" s="13" t="s">
        <v>276</v>
      </c>
      <c r="B48849" s="14" t="s">
        <v>1</v>
      </c>
      <c r="C48849" s="14" t="s">
        <v>106</v>
      </c>
      <c r="D48849" s="14" t="s">
        <v>277</v>
      </c>
      <c r="E48849" s="15">
        <v>45680</v>
      </c>
      <c r="F48849" s="14" t="s">
        <v>25</v>
      </c>
      <c r="G48849" s="16">
        <v>1.3138789748254167</v>
      </c>
    </row>
    <row r="48850" spans="1:7" x14ac:dyDescent="0.3">
      <c r="A48850" s="13" t="s">
        <v>276</v>
      </c>
      <c r="B48850" s="14" t="s">
        <v>1</v>
      </c>
      <c r="C48850" s="14" t="s">
        <v>106</v>
      </c>
      <c r="D48850" s="14" t="s">
        <v>277</v>
      </c>
      <c r="E48850" s="15">
        <v>45681</v>
      </c>
      <c r="F48850" s="14" t="s">
        <v>25</v>
      </c>
      <c r="G48850" s="16">
        <v>1.3159727640428671</v>
      </c>
    </row>
    <row r="48851" spans="1:7" x14ac:dyDescent="0.3">
      <c r="A48851" s="13" t="s">
        <v>276</v>
      </c>
      <c r="B48851" s="14" t="s">
        <v>1</v>
      </c>
      <c r="C48851" s="14" t="s">
        <v>106</v>
      </c>
      <c r="D48851" s="14" t="s">
        <v>277</v>
      </c>
      <c r="E48851" s="15">
        <v>45682</v>
      </c>
      <c r="F48851" s="14" t="s">
        <v>25</v>
      </c>
      <c r="G48851" s="16">
        <v>1.3159727640428671</v>
      </c>
    </row>
    <row r="48852" spans="1:7" x14ac:dyDescent="0.3">
      <c r="A48852" s="13" t="s">
        <v>276</v>
      </c>
      <c r="B48852" s="14" t="s">
        <v>1</v>
      </c>
      <c r="C48852" s="14" t="s">
        <v>106</v>
      </c>
      <c r="D48852" s="14" t="s">
        <v>277</v>
      </c>
      <c r="E48852" s="15">
        <v>45683</v>
      </c>
      <c r="F48852" s="14" t="s">
        <v>25</v>
      </c>
      <c r="G48852" s="16">
        <v>1.3159727640428671</v>
      </c>
    </row>
    <row r="48853" spans="1:7" x14ac:dyDescent="0.3">
      <c r="A48853" s="13" t="s">
        <v>276</v>
      </c>
      <c r="B48853" s="14" t="s">
        <v>1</v>
      </c>
      <c r="C48853" s="14" t="s">
        <v>106</v>
      </c>
      <c r="D48853" s="14" t="s">
        <v>277</v>
      </c>
      <c r="E48853" s="15">
        <v>45684</v>
      </c>
      <c r="F48853" s="14" t="s">
        <v>25</v>
      </c>
      <c r="G48853" s="16">
        <v>1.3212636312323212</v>
      </c>
    </row>
    <row r="48854" spans="1:7" x14ac:dyDescent="0.3">
      <c r="A48854" s="13" t="s">
        <v>276</v>
      </c>
      <c r="B48854" s="14" t="s">
        <v>1</v>
      </c>
      <c r="C48854" s="14" t="s">
        <v>106</v>
      </c>
      <c r="D48854" s="14" t="s">
        <v>277</v>
      </c>
      <c r="E48854" s="15">
        <v>45685</v>
      </c>
      <c r="F48854" s="14" t="s">
        <v>25</v>
      </c>
      <c r="G48854" s="16">
        <v>1.3273104925499619</v>
      </c>
    </row>
    <row r="48855" spans="1:7" x14ac:dyDescent="0.3">
      <c r="A48855" s="13" t="s">
        <v>276</v>
      </c>
      <c r="B48855" s="14" t="s">
        <v>1</v>
      </c>
      <c r="C48855" s="14" t="s">
        <v>106</v>
      </c>
      <c r="D48855" s="14" t="s">
        <v>277</v>
      </c>
      <c r="E48855" s="15">
        <v>45686</v>
      </c>
      <c r="F48855" s="14" t="s">
        <v>25</v>
      </c>
      <c r="G48855" s="16">
        <v>1.3293736651827814</v>
      </c>
    </row>
    <row r="48856" spans="1:7" x14ac:dyDescent="0.3">
      <c r="A48856" s="13" t="s">
        <v>276</v>
      </c>
      <c r="B48856" s="14" t="s">
        <v>1</v>
      </c>
      <c r="C48856" s="14" t="s">
        <v>106</v>
      </c>
      <c r="D48856" s="14" t="s">
        <v>277</v>
      </c>
      <c r="E48856" s="15">
        <v>45687</v>
      </c>
      <c r="F48856" s="14" t="s">
        <v>25</v>
      </c>
      <c r="G48856" s="16">
        <v>1.3314205482224961</v>
      </c>
    </row>
    <row r="48857" spans="1:7" x14ac:dyDescent="0.3">
      <c r="A48857" s="13" t="s">
        <v>276</v>
      </c>
      <c r="B48857" s="14" t="s">
        <v>1</v>
      </c>
      <c r="C48857" s="14" t="s">
        <v>106</v>
      </c>
      <c r="D48857" s="14" t="s">
        <v>277</v>
      </c>
      <c r="E48857" s="15">
        <v>45688</v>
      </c>
      <c r="F48857" s="14" t="s">
        <v>25</v>
      </c>
      <c r="G48857" s="16">
        <v>1.3334703751645793</v>
      </c>
    </row>
    <row r="48858" spans="1:7" x14ac:dyDescent="0.3">
      <c r="A48858" s="13" t="s">
        <v>276</v>
      </c>
      <c r="B48858" s="14" t="s">
        <v>1</v>
      </c>
      <c r="C48858" s="14" t="s">
        <v>106</v>
      </c>
      <c r="D48858" s="14" t="s">
        <v>277</v>
      </c>
      <c r="E48858" s="15">
        <v>45689</v>
      </c>
      <c r="F48858" s="14" t="s">
        <v>25</v>
      </c>
      <c r="G48858" s="16">
        <v>1.3334703751645793</v>
      </c>
    </row>
    <row r="48859" spans="1:7" x14ac:dyDescent="0.3">
      <c r="A48859" s="13" t="s">
        <v>276</v>
      </c>
      <c r="B48859" s="14" t="s">
        <v>1</v>
      </c>
      <c r="C48859" s="14" t="s">
        <v>106</v>
      </c>
      <c r="D48859" s="14" t="s">
        <v>277</v>
      </c>
      <c r="E48859" s="15">
        <v>45690</v>
      </c>
      <c r="F48859" s="14" t="s">
        <v>25</v>
      </c>
      <c r="G48859" s="16">
        <v>1.3334703751645793</v>
      </c>
    </row>
    <row r="48860" spans="1:7" x14ac:dyDescent="0.3">
      <c r="A48860" s="13" t="s">
        <v>276</v>
      </c>
      <c r="B48860" s="14" t="s">
        <v>1</v>
      </c>
      <c r="C48860" s="14" t="s">
        <v>106</v>
      </c>
      <c r="D48860" s="14" t="s">
        <v>277</v>
      </c>
      <c r="E48860" s="15">
        <v>45691</v>
      </c>
      <c r="F48860" s="14" t="s">
        <v>25</v>
      </c>
      <c r="G48860" s="16">
        <v>1.3334703751645793</v>
      </c>
    </row>
    <row r="48861" spans="1:7" x14ac:dyDescent="0.3">
      <c r="A48861" s="13" t="s">
        <v>276</v>
      </c>
      <c r="B48861" s="14" t="s">
        <v>1</v>
      </c>
      <c r="C48861" s="14" t="s">
        <v>106</v>
      </c>
      <c r="D48861" s="14" t="s">
        <v>277</v>
      </c>
      <c r="E48861" s="15">
        <v>45692</v>
      </c>
      <c r="F48861" s="14" t="s">
        <v>25</v>
      </c>
      <c r="G48861" s="16">
        <v>1.3353861774079847</v>
      </c>
    </row>
    <row r="48862" spans="1:7" x14ac:dyDescent="0.3">
      <c r="A48862" s="13" t="s">
        <v>276</v>
      </c>
      <c r="B48862" s="14" t="s">
        <v>1</v>
      </c>
      <c r="C48862" s="14" t="s">
        <v>106</v>
      </c>
      <c r="D48862" s="14" t="s">
        <v>277</v>
      </c>
      <c r="E48862" s="15">
        <v>45693</v>
      </c>
      <c r="F48862" s="14" t="s">
        <v>25</v>
      </c>
      <c r="G48862" s="16">
        <v>1.3583316484324661</v>
      </c>
    </row>
    <row r="48863" spans="1:7" x14ac:dyDescent="0.3">
      <c r="A48863" s="13" t="s">
        <v>276</v>
      </c>
      <c r="B48863" s="14" t="s">
        <v>1</v>
      </c>
      <c r="C48863" s="14" t="s">
        <v>106</v>
      </c>
      <c r="D48863" s="14" t="s">
        <v>277</v>
      </c>
      <c r="E48863" s="15">
        <v>45694</v>
      </c>
      <c r="F48863" s="14" t="s">
        <v>25</v>
      </c>
      <c r="G48863" s="16">
        <v>1.3605856657790145</v>
      </c>
    </row>
    <row r="48864" spans="1:7" x14ac:dyDescent="0.3">
      <c r="A48864" s="13" t="s">
        <v>276</v>
      </c>
      <c r="B48864" s="14" t="s">
        <v>1</v>
      </c>
      <c r="C48864" s="14" t="s">
        <v>106</v>
      </c>
      <c r="D48864" s="14" t="s">
        <v>277</v>
      </c>
      <c r="E48864" s="15">
        <v>45695</v>
      </c>
      <c r="F48864" s="14" t="s">
        <v>25</v>
      </c>
      <c r="G48864" s="16">
        <v>1.3703285633902176</v>
      </c>
    </row>
    <row r="48865" spans="1:7" x14ac:dyDescent="0.3">
      <c r="A48865" s="13" t="s">
        <v>276</v>
      </c>
      <c r="B48865" s="14" t="s">
        <v>1</v>
      </c>
      <c r="C48865" s="14" t="s">
        <v>106</v>
      </c>
      <c r="D48865" s="14" t="s">
        <v>277</v>
      </c>
      <c r="E48865" s="15">
        <v>45696</v>
      </c>
      <c r="F48865" s="14" t="s">
        <v>25</v>
      </c>
      <c r="G48865" s="16">
        <v>1.3703285633902176</v>
      </c>
    </row>
    <row r="48866" spans="1:7" x14ac:dyDescent="0.3">
      <c r="A48866" s="13" t="s">
        <v>276</v>
      </c>
      <c r="B48866" s="14" t="s">
        <v>1</v>
      </c>
      <c r="C48866" s="14" t="s">
        <v>106</v>
      </c>
      <c r="D48866" s="14" t="s">
        <v>277</v>
      </c>
      <c r="E48866" s="15">
        <v>45697</v>
      </c>
      <c r="F48866" s="14" t="s">
        <v>25</v>
      </c>
      <c r="G48866" s="16">
        <v>1.3703285633902176</v>
      </c>
    </row>
    <row r="48867" spans="1:7" x14ac:dyDescent="0.3">
      <c r="A48867" s="13" t="s">
        <v>276</v>
      </c>
      <c r="B48867" s="14" t="s">
        <v>1</v>
      </c>
      <c r="C48867" s="14" t="s">
        <v>106</v>
      </c>
      <c r="D48867" s="14" t="s">
        <v>277</v>
      </c>
      <c r="E48867" s="15">
        <v>45698</v>
      </c>
      <c r="F48867" s="14" t="s">
        <v>25</v>
      </c>
      <c r="G48867" s="16">
        <v>1.3726242434920632</v>
      </c>
    </row>
    <row r="48868" spans="1:7" x14ac:dyDescent="0.3">
      <c r="A48868" s="13" t="s">
        <v>276</v>
      </c>
      <c r="B48868" s="14" t="s">
        <v>1</v>
      </c>
      <c r="C48868" s="14" t="s">
        <v>106</v>
      </c>
      <c r="D48868" s="14" t="s">
        <v>277</v>
      </c>
      <c r="E48868" s="15">
        <v>45699</v>
      </c>
      <c r="F48868" s="14" t="s">
        <v>25</v>
      </c>
      <c r="G48868" s="16">
        <v>1.3796107174910155</v>
      </c>
    </row>
    <row r="48869" spans="1:7" x14ac:dyDescent="0.3">
      <c r="A48869" s="13" t="s">
        <v>276</v>
      </c>
      <c r="B48869" s="14" t="s">
        <v>1</v>
      </c>
      <c r="C48869" s="14" t="s">
        <v>106</v>
      </c>
      <c r="D48869" s="14" t="s">
        <v>277</v>
      </c>
      <c r="E48869" s="15">
        <v>45700</v>
      </c>
      <c r="F48869" s="14" t="s">
        <v>25</v>
      </c>
      <c r="G48869" s="16">
        <v>1.3819335176882903</v>
      </c>
    </row>
    <row r="48870" spans="1:7" x14ac:dyDescent="0.3">
      <c r="A48870" s="13" t="s">
        <v>276</v>
      </c>
      <c r="B48870" s="14" t="s">
        <v>1</v>
      </c>
      <c r="C48870" s="14" t="s">
        <v>106</v>
      </c>
      <c r="D48870" s="14" t="s">
        <v>277</v>
      </c>
      <c r="E48870" s="15">
        <v>45701</v>
      </c>
      <c r="F48870" s="14" t="s">
        <v>25</v>
      </c>
      <c r="G48870" s="16">
        <v>1.3842264464761067</v>
      </c>
    </row>
    <row r="48871" spans="1:7" x14ac:dyDescent="0.3">
      <c r="A48871" s="13" t="s">
        <v>276</v>
      </c>
      <c r="B48871" s="14" t="s">
        <v>1</v>
      </c>
      <c r="C48871" s="14" t="s">
        <v>106</v>
      </c>
      <c r="D48871" s="14" t="s">
        <v>277</v>
      </c>
      <c r="E48871" s="15">
        <v>45702</v>
      </c>
      <c r="F48871" s="14" t="s">
        <v>25</v>
      </c>
      <c r="G48871" s="16">
        <v>1.3935350295155806</v>
      </c>
    </row>
    <row r="48872" spans="1:7" x14ac:dyDescent="0.3">
      <c r="A48872" s="13" t="s">
        <v>276</v>
      </c>
      <c r="B48872" s="14" t="s">
        <v>1</v>
      </c>
      <c r="C48872" s="14" t="s">
        <v>106</v>
      </c>
      <c r="D48872" s="14" t="s">
        <v>277</v>
      </c>
      <c r="E48872" s="15">
        <v>45703</v>
      </c>
      <c r="F48872" s="14" t="s">
        <v>25</v>
      </c>
      <c r="G48872" s="16">
        <v>1.3935350295155806</v>
      </c>
    </row>
    <row r="48873" spans="1:7" x14ac:dyDescent="0.3">
      <c r="A48873" s="13" t="s">
        <v>276</v>
      </c>
      <c r="B48873" s="14" t="s">
        <v>1</v>
      </c>
      <c r="C48873" s="14" t="s">
        <v>106</v>
      </c>
      <c r="D48873" s="14" t="s">
        <v>277</v>
      </c>
      <c r="E48873" s="15">
        <v>45704</v>
      </c>
      <c r="F48873" s="14" t="s">
        <v>25</v>
      </c>
      <c r="G48873" s="16">
        <v>1.3935350295155806</v>
      </c>
    </row>
    <row r="48874" spans="1:7" x14ac:dyDescent="0.3">
      <c r="A48874" s="13" t="s">
        <v>276</v>
      </c>
      <c r="B48874" s="14" t="s">
        <v>1</v>
      </c>
      <c r="C48874" s="14" t="s">
        <v>106</v>
      </c>
      <c r="D48874" s="14" t="s">
        <v>277</v>
      </c>
      <c r="E48874" s="15">
        <v>45705</v>
      </c>
      <c r="F48874" s="14" t="s">
        <v>25</v>
      </c>
      <c r="G48874" s="16">
        <v>1.3958676558343879</v>
      </c>
    </row>
    <row r="48875" spans="1:7" x14ac:dyDescent="0.3">
      <c r="A48875" s="13" t="s">
        <v>276</v>
      </c>
      <c r="B48875" s="14" t="s">
        <v>1</v>
      </c>
      <c r="C48875" s="14" t="s">
        <v>106</v>
      </c>
      <c r="D48875" s="14" t="s">
        <v>277</v>
      </c>
      <c r="E48875" s="15">
        <v>45706</v>
      </c>
      <c r="F48875" s="14" t="s">
        <v>25</v>
      </c>
      <c r="G48875" s="16">
        <v>1.4030925350570111</v>
      </c>
    </row>
    <row r="48876" spans="1:7" x14ac:dyDescent="0.3">
      <c r="A48876" s="13" t="s">
        <v>276</v>
      </c>
      <c r="B48876" s="14" t="s">
        <v>1</v>
      </c>
      <c r="C48876" s="14" t="s">
        <v>106</v>
      </c>
      <c r="D48876" s="14" t="s">
        <v>277</v>
      </c>
      <c r="E48876" s="15">
        <v>45707</v>
      </c>
      <c r="F48876" s="14" t="s">
        <v>25</v>
      </c>
      <c r="G48876" s="16">
        <v>1.4040420197703056</v>
      </c>
    </row>
    <row r="48877" spans="1:7" x14ac:dyDescent="0.3">
      <c r="A48877" s="13" t="s">
        <v>276</v>
      </c>
      <c r="B48877" s="14" t="s">
        <v>1</v>
      </c>
      <c r="C48877" s="14" t="s">
        <v>106</v>
      </c>
      <c r="D48877" s="14" t="s">
        <v>277</v>
      </c>
      <c r="E48877" s="15">
        <v>45708</v>
      </c>
      <c r="F48877" s="14" t="s">
        <v>25</v>
      </c>
      <c r="G48877" s="16">
        <v>1.4064174045434108</v>
      </c>
    </row>
    <row r="48878" spans="1:7" x14ac:dyDescent="0.3">
      <c r="A48878" s="13" t="s">
        <v>276</v>
      </c>
      <c r="B48878" s="14" t="s">
        <v>1</v>
      </c>
      <c r="C48878" s="14" t="s">
        <v>106</v>
      </c>
      <c r="D48878" s="14" t="s">
        <v>277</v>
      </c>
      <c r="E48878" s="15">
        <v>45709</v>
      </c>
      <c r="F48878" s="14" t="s">
        <v>25</v>
      </c>
      <c r="G48878" s="16">
        <v>1.4089577916204608</v>
      </c>
    </row>
    <row r="48879" spans="1:7" x14ac:dyDescent="0.3">
      <c r="A48879" s="13" t="s">
        <v>276</v>
      </c>
      <c r="B48879" s="14" t="s">
        <v>1</v>
      </c>
      <c r="C48879" s="14" t="s">
        <v>106</v>
      </c>
      <c r="D48879" s="14" t="s">
        <v>277</v>
      </c>
      <c r="E48879" s="15">
        <v>45710</v>
      </c>
      <c r="F48879" s="14" t="s">
        <v>25</v>
      </c>
      <c r="G48879" s="16">
        <v>1.4089577916204608</v>
      </c>
    </row>
    <row r="48880" spans="1:7" x14ac:dyDescent="0.3">
      <c r="A48880" s="13" t="s">
        <v>276</v>
      </c>
      <c r="B48880" s="14" t="s">
        <v>1</v>
      </c>
      <c r="C48880" s="14" t="s">
        <v>106</v>
      </c>
      <c r="D48880" s="14" t="s">
        <v>277</v>
      </c>
      <c r="E48880" s="15">
        <v>45711</v>
      </c>
      <c r="F48880" s="14" t="s">
        <v>25</v>
      </c>
      <c r="G48880" s="16">
        <v>1.4089577916204608</v>
      </c>
    </row>
    <row r="48881" spans="1:7" x14ac:dyDescent="0.3">
      <c r="A48881" s="13" t="s">
        <v>276</v>
      </c>
      <c r="B48881" s="14" t="s">
        <v>1</v>
      </c>
      <c r="C48881" s="14" t="s">
        <v>106</v>
      </c>
      <c r="D48881" s="14" t="s">
        <v>277</v>
      </c>
      <c r="E48881" s="15">
        <v>45712</v>
      </c>
      <c r="F48881" s="14" t="s">
        <v>25</v>
      </c>
      <c r="G48881" s="16">
        <v>1.4113696375768348</v>
      </c>
    </row>
    <row r="48882" spans="1:7" x14ac:dyDescent="0.3">
      <c r="A48882" s="13" t="s">
        <v>276</v>
      </c>
      <c r="B48882" s="14" t="s">
        <v>1</v>
      </c>
      <c r="C48882" s="14" t="s">
        <v>106</v>
      </c>
      <c r="D48882" s="14" t="s">
        <v>277</v>
      </c>
      <c r="E48882" s="15">
        <v>45713</v>
      </c>
      <c r="F48882" s="14" t="s">
        <v>25</v>
      </c>
      <c r="G48882" s="16">
        <v>1.4186166072263411</v>
      </c>
    </row>
    <row r="48883" spans="1:7" x14ac:dyDescent="0.3">
      <c r="A48883" s="13" t="s">
        <v>276</v>
      </c>
      <c r="B48883" s="14" t="s">
        <v>1</v>
      </c>
      <c r="C48883" s="14" t="s">
        <v>106</v>
      </c>
      <c r="D48883" s="14" t="s">
        <v>277</v>
      </c>
      <c r="E48883" s="15">
        <v>45714</v>
      </c>
      <c r="F48883" s="14" t="s">
        <v>25</v>
      </c>
      <c r="G48883" s="16">
        <v>1.4210208313534443</v>
      </c>
    </row>
    <row r="48884" spans="1:7" x14ac:dyDescent="0.3">
      <c r="A48884" s="13" t="s">
        <v>276</v>
      </c>
      <c r="B48884" s="14" t="s">
        <v>1</v>
      </c>
      <c r="C48884" s="14" t="s">
        <v>106</v>
      </c>
      <c r="D48884" s="14" t="s">
        <v>277</v>
      </c>
      <c r="E48884" s="15">
        <v>45715</v>
      </c>
      <c r="F48884" s="14" t="s">
        <v>25</v>
      </c>
      <c r="G48884" s="16">
        <v>1.4312592659940753</v>
      </c>
    </row>
    <row r="48885" spans="1:7" x14ac:dyDescent="0.3">
      <c r="A48885" s="13" t="s">
        <v>276</v>
      </c>
      <c r="B48885" s="14" t="s">
        <v>1</v>
      </c>
      <c r="C48885" s="14" t="s">
        <v>106</v>
      </c>
      <c r="D48885" s="14" t="s">
        <v>277</v>
      </c>
      <c r="E48885" s="15">
        <v>45716</v>
      </c>
      <c r="F48885" s="14" t="s">
        <v>25</v>
      </c>
      <c r="G48885" s="16">
        <v>1.4336910935028619</v>
      </c>
    </row>
    <row r="48886" spans="1:7" x14ac:dyDescent="0.3">
      <c r="A48886" s="13" t="s">
        <v>276</v>
      </c>
      <c r="B48886" s="14" t="s">
        <v>1</v>
      </c>
      <c r="C48886" s="14" t="s">
        <v>106</v>
      </c>
      <c r="D48886" s="14" t="s">
        <v>277</v>
      </c>
      <c r="E48886" s="15">
        <v>45717</v>
      </c>
      <c r="F48886" s="14" t="s">
        <v>25</v>
      </c>
      <c r="G48886" s="16">
        <v>1.4336910935028619</v>
      </c>
    </row>
    <row r="48887" spans="1:7" x14ac:dyDescent="0.3">
      <c r="A48887" s="13" t="s">
        <v>276</v>
      </c>
      <c r="B48887" s="14" t="s">
        <v>1</v>
      </c>
      <c r="C48887" s="14" t="s">
        <v>106</v>
      </c>
      <c r="D48887" s="14" t="s">
        <v>277</v>
      </c>
      <c r="E48887" s="15">
        <v>45718</v>
      </c>
      <c r="F48887" s="14" t="s">
        <v>25</v>
      </c>
      <c r="G48887" s="16">
        <v>1.4336910935028619</v>
      </c>
    </row>
    <row r="48888" spans="1:7" x14ac:dyDescent="0.3">
      <c r="A48888" s="13" t="s">
        <v>276</v>
      </c>
      <c r="B48888" s="14" t="s">
        <v>1</v>
      </c>
      <c r="C48888" s="14" t="s">
        <v>106</v>
      </c>
      <c r="D48888" s="14" t="s">
        <v>277</v>
      </c>
      <c r="E48888" s="15">
        <v>45719</v>
      </c>
      <c r="F48888" s="14" t="s">
        <v>25</v>
      </c>
      <c r="G48888" s="16">
        <v>1.4366414113974537</v>
      </c>
    </row>
    <row r="48889" spans="1:7" x14ac:dyDescent="0.3">
      <c r="A48889" s="13" t="s">
        <v>276</v>
      </c>
      <c r="B48889" s="14" t="s">
        <v>1</v>
      </c>
      <c r="C48889" s="14" t="s">
        <v>106</v>
      </c>
      <c r="D48889" s="14" t="s">
        <v>277</v>
      </c>
      <c r="E48889" s="15">
        <v>45720</v>
      </c>
      <c r="F48889" s="14" t="s">
        <v>25</v>
      </c>
      <c r="G48889" s="16">
        <v>1.4446728114757028</v>
      </c>
    </row>
    <row r="48890" spans="1:7" x14ac:dyDescent="0.3">
      <c r="A48890" s="13" t="s">
        <v>276</v>
      </c>
      <c r="B48890" s="14" t="s">
        <v>1</v>
      </c>
      <c r="C48890" s="14" t="s">
        <v>106</v>
      </c>
      <c r="D48890" s="14" t="s">
        <v>277</v>
      </c>
      <c r="E48890" s="15">
        <v>45721</v>
      </c>
      <c r="F48890" s="14" t="s">
        <v>25</v>
      </c>
      <c r="G48890" s="16">
        <v>1.4468187173891389</v>
      </c>
    </row>
    <row r="48891" spans="1:7" x14ac:dyDescent="0.3">
      <c r="A48891" s="13" t="s">
        <v>276</v>
      </c>
      <c r="B48891" s="14" t="s">
        <v>1</v>
      </c>
      <c r="C48891" s="14" t="s">
        <v>106</v>
      </c>
      <c r="D48891" s="14" t="s">
        <v>277</v>
      </c>
      <c r="E48891" s="15">
        <v>45722</v>
      </c>
      <c r="F48891" s="14" t="s">
        <v>25</v>
      </c>
      <c r="G48891" s="16">
        <v>1.4556111270884338</v>
      </c>
    </row>
    <row r="48892" spans="1:7" x14ac:dyDescent="0.3">
      <c r="A48892" s="13" t="s">
        <v>276</v>
      </c>
      <c r="B48892" s="14" t="s">
        <v>1</v>
      </c>
      <c r="C48892" s="14" t="s">
        <v>106</v>
      </c>
      <c r="D48892" s="14" t="s">
        <v>277</v>
      </c>
      <c r="E48892" s="15">
        <v>45723</v>
      </c>
      <c r="F48892" s="14" t="s">
        <v>25</v>
      </c>
      <c r="G48892" s="16">
        <v>1.4585527450975211</v>
      </c>
    </row>
    <row r="48893" spans="1:7" x14ac:dyDescent="0.3">
      <c r="A48893" s="13" t="s">
        <v>276</v>
      </c>
      <c r="B48893" s="14" t="s">
        <v>1</v>
      </c>
      <c r="C48893" s="14" t="s">
        <v>106</v>
      </c>
      <c r="D48893" s="14" t="s">
        <v>277</v>
      </c>
      <c r="E48893" s="15">
        <v>45724</v>
      </c>
      <c r="F48893" s="14" t="s">
        <v>25</v>
      </c>
      <c r="G48893" s="16">
        <v>1.4585527450975211</v>
      </c>
    </row>
    <row r="48894" spans="1:7" x14ac:dyDescent="0.3">
      <c r="A48894" s="13" t="s">
        <v>276</v>
      </c>
      <c r="B48894" s="14" t="s">
        <v>1</v>
      </c>
      <c r="C48894" s="14" t="s">
        <v>106</v>
      </c>
      <c r="D48894" s="14" t="s">
        <v>277</v>
      </c>
      <c r="E48894" s="15">
        <v>45725</v>
      </c>
      <c r="F48894" s="14" t="s">
        <v>25</v>
      </c>
      <c r="G48894" s="16">
        <v>1.4585527450975211</v>
      </c>
    </row>
    <row r="48895" spans="1:7" x14ac:dyDescent="0.3">
      <c r="A48895" s="13" t="s">
        <v>276</v>
      </c>
      <c r="B48895" s="14" t="s">
        <v>1</v>
      </c>
      <c r="C48895" s="14" t="s">
        <v>106</v>
      </c>
      <c r="D48895" s="14" t="s">
        <v>277</v>
      </c>
      <c r="E48895" s="15">
        <v>45726</v>
      </c>
      <c r="F48895" s="14" t="s">
        <v>25</v>
      </c>
      <c r="G48895" s="16">
        <v>1.4607735969859861</v>
      </c>
    </row>
    <row r="48896" spans="1:7" x14ac:dyDescent="0.3">
      <c r="A48896" s="13" t="s">
        <v>276</v>
      </c>
      <c r="B48896" s="14" t="s">
        <v>1</v>
      </c>
      <c r="C48896" s="14" t="s">
        <v>106</v>
      </c>
      <c r="D48896" s="14" t="s">
        <v>277</v>
      </c>
      <c r="E48896" s="15">
        <v>45727</v>
      </c>
      <c r="F48896" s="14" t="s">
        <v>25</v>
      </c>
      <c r="G48896" s="16">
        <v>1.4674434647856256</v>
      </c>
    </row>
    <row r="48897" spans="1:7" x14ac:dyDescent="0.3">
      <c r="A48897" s="13" t="s">
        <v>276</v>
      </c>
      <c r="B48897" s="14" t="s">
        <v>1</v>
      </c>
      <c r="C48897" s="14" t="s">
        <v>106</v>
      </c>
      <c r="D48897" s="14" t="s">
        <v>277</v>
      </c>
      <c r="E48897" s="15">
        <v>45728</v>
      </c>
      <c r="F48897" s="14" t="s">
        <v>25</v>
      </c>
      <c r="G48897" s="16">
        <v>1.4696138486262049</v>
      </c>
    </row>
    <row r="48898" spans="1:7" x14ac:dyDescent="0.3">
      <c r="A48898" s="13" t="s">
        <v>276</v>
      </c>
      <c r="B48898" s="14" t="s">
        <v>1</v>
      </c>
      <c r="C48898" s="14" t="s">
        <v>106</v>
      </c>
      <c r="D48898" s="14" t="s">
        <v>277</v>
      </c>
      <c r="E48898" s="15">
        <v>45729</v>
      </c>
      <c r="F48898" s="14" t="s">
        <v>25</v>
      </c>
      <c r="G48898" s="16">
        <v>1.4718616854708861</v>
      </c>
    </row>
    <row r="48899" spans="1:7" x14ac:dyDescent="0.3">
      <c r="A48899" s="13" t="s">
        <v>276</v>
      </c>
      <c r="B48899" s="14" t="s">
        <v>1</v>
      </c>
      <c r="C48899" s="14" t="s">
        <v>106</v>
      </c>
      <c r="D48899" s="14" t="s">
        <v>277</v>
      </c>
      <c r="E48899" s="15">
        <v>45730</v>
      </c>
      <c r="F48899" s="14" t="s">
        <v>25</v>
      </c>
      <c r="G48899" s="16">
        <v>1.4741049904908594</v>
      </c>
    </row>
    <row r="48900" spans="1:7" x14ac:dyDescent="0.3">
      <c r="A48900" s="13" t="s">
        <v>276</v>
      </c>
      <c r="B48900" s="14" t="s">
        <v>1</v>
      </c>
      <c r="C48900" s="14" t="s">
        <v>106</v>
      </c>
      <c r="D48900" s="14" t="s">
        <v>277</v>
      </c>
      <c r="E48900" s="15">
        <v>45731</v>
      </c>
      <c r="F48900" s="14" t="s">
        <v>25</v>
      </c>
      <c r="G48900" s="16">
        <v>1.4741049904908594</v>
      </c>
    </row>
    <row r="48901" spans="1:7" x14ac:dyDescent="0.3">
      <c r="A48901" s="13" t="s">
        <v>276</v>
      </c>
      <c r="B48901" s="14" t="s">
        <v>1</v>
      </c>
      <c r="C48901" s="14" t="s">
        <v>106</v>
      </c>
      <c r="D48901" s="14" t="s">
        <v>277</v>
      </c>
      <c r="E48901" s="15">
        <v>45732</v>
      </c>
      <c r="F48901" s="14" t="s">
        <v>25</v>
      </c>
      <c r="G48901" s="16">
        <v>1.4741049904908594</v>
      </c>
    </row>
    <row r="48902" spans="1:7" x14ac:dyDescent="0.3">
      <c r="A48902" s="13" t="s">
        <v>276</v>
      </c>
      <c r="B48902" s="14" t="s">
        <v>1</v>
      </c>
      <c r="C48902" s="14" t="s">
        <v>106</v>
      </c>
      <c r="D48902" s="14" t="s">
        <v>277</v>
      </c>
      <c r="E48902" s="15">
        <v>45733</v>
      </c>
      <c r="F48902" s="14" t="s">
        <v>25</v>
      </c>
      <c r="G48902" s="16">
        <v>1.4741049904908594</v>
      </c>
    </row>
    <row r="48903" spans="1:7" x14ac:dyDescent="0.3">
      <c r="A48903" s="13" t="s">
        <v>276</v>
      </c>
      <c r="B48903" s="14" t="s">
        <v>1</v>
      </c>
      <c r="C48903" s="14" t="s">
        <v>106</v>
      </c>
      <c r="D48903" s="14" t="s">
        <v>277</v>
      </c>
      <c r="E48903" s="15">
        <v>45734</v>
      </c>
      <c r="F48903" s="14" t="s">
        <v>25</v>
      </c>
      <c r="G48903" s="16">
        <v>1.4761497191918045</v>
      </c>
    </row>
    <row r="48904" spans="1:7" x14ac:dyDescent="0.3">
      <c r="A48904" s="13" t="s">
        <v>276</v>
      </c>
      <c r="B48904" s="14" t="s">
        <v>1</v>
      </c>
      <c r="C48904" s="14" t="s">
        <v>106</v>
      </c>
      <c r="D48904" s="14" t="s">
        <v>277</v>
      </c>
      <c r="E48904" s="15">
        <v>45735</v>
      </c>
      <c r="F48904" s="14" t="s">
        <v>25</v>
      </c>
      <c r="G48904" s="16">
        <v>1.4841855201568763</v>
      </c>
    </row>
    <row r="48905" spans="1:7" x14ac:dyDescent="0.3">
      <c r="A48905" s="13" t="s">
        <v>276</v>
      </c>
      <c r="B48905" s="14" t="s">
        <v>1</v>
      </c>
      <c r="C48905" s="14" t="s">
        <v>106</v>
      </c>
      <c r="D48905" s="14" t="s">
        <v>277</v>
      </c>
      <c r="E48905" s="15">
        <v>45736</v>
      </c>
      <c r="F48905" s="14" t="s">
        <v>25</v>
      </c>
      <c r="G48905" s="16">
        <v>1.4862601177024886</v>
      </c>
    </row>
    <row r="48906" spans="1:7" x14ac:dyDescent="0.3">
      <c r="A48906" s="13" t="s">
        <v>276</v>
      </c>
      <c r="B48906" s="14" t="s">
        <v>1</v>
      </c>
      <c r="C48906" s="14" t="s">
        <v>106</v>
      </c>
      <c r="D48906" s="14" t="s">
        <v>277</v>
      </c>
      <c r="E48906" s="15">
        <v>45737</v>
      </c>
      <c r="F48906" s="14" t="s">
        <v>25</v>
      </c>
      <c r="G48906" s="16">
        <v>1.4883123252848813</v>
      </c>
    </row>
    <row r="48907" spans="1:7" x14ac:dyDescent="0.3">
      <c r="A48907" s="13" t="s">
        <v>276</v>
      </c>
      <c r="B48907" s="14" t="s">
        <v>1</v>
      </c>
      <c r="C48907" s="14" t="s">
        <v>106</v>
      </c>
      <c r="D48907" s="14" t="s">
        <v>277</v>
      </c>
      <c r="E48907" s="15">
        <v>45738</v>
      </c>
      <c r="F48907" s="14" t="s">
        <v>25</v>
      </c>
      <c r="G48907" s="16">
        <v>1.4883123252848813</v>
      </c>
    </row>
    <row r="48908" spans="1:7" x14ac:dyDescent="0.3">
      <c r="A48908" s="13" t="s">
        <v>276</v>
      </c>
      <c r="B48908" s="14" t="s">
        <v>1</v>
      </c>
      <c r="C48908" s="14" t="s">
        <v>106</v>
      </c>
      <c r="D48908" s="14" t="s">
        <v>277</v>
      </c>
      <c r="E48908" s="15">
        <v>45739</v>
      </c>
      <c r="F48908" s="14" t="s">
        <v>25</v>
      </c>
      <c r="G48908" s="16">
        <v>1.4883123252848813</v>
      </c>
    </row>
    <row r="48909" spans="1:7" x14ac:dyDescent="0.3">
      <c r="A48909" s="13" t="s">
        <v>276</v>
      </c>
      <c r="B48909" s="14" t="s">
        <v>1</v>
      </c>
      <c r="C48909" s="14" t="s">
        <v>106</v>
      </c>
      <c r="D48909" s="14" t="s">
        <v>277</v>
      </c>
      <c r="E48909" s="15">
        <v>45740</v>
      </c>
      <c r="F48909" s="14" t="s">
        <v>25</v>
      </c>
      <c r="G48909" s="16">
        <v>1.4888221659400234</v>
      </c>
    </row>
    <row r="48910" spans="1:7" x14ac:dyDescent="0.3">
      <c r="A48910" s="13" t="s">
        <v>276</v>
      </c>
      <c r="B48910" s="14" t="s">
        <v>1</v>
      </c>
      <c r="C48910" s="14" t="s">
        <v>106</v>
      </c>
      <c r="D48910" s="14" t="s">
        <v>277</v>
      </c>
      <c r="E48910" s="15">
        <v>45741</v>
      </c>
      <c r="F48910" s="14" t="s">
        <v>25</v>
      </c>
      <c r="G48910" s="16">
        <v>1.4950669361812579</v>
      </c>
    </row>
    <row r="48911" spans="1:7" x14ac:dyDescent="0.3">
      <c r="A48911" s="13" t="s">
        <v>276</v>
      </c>
      <c r="B48911" s="14" t="s">
        <v>1</v>
      </c>
      <c r="C48911" s="14" t="s">
        <v>106</v>
      </c>
      <c r="D48911" s="14" t="s">
        <v>277</v>
      </c>
      <c r="E48911" s="15">
        <v>45742</v>
      </c>
      <c r="F48911" s="14" t="s">
        <v>25</v>
      </c>
      <c r="G48911" s="16">
        <v>1.497493782086861</v>
      </c>
    </row>
    <row r="48912" spans="1:7" x14ac:dyDescent="0.3">
      <c r="A48912" s="13" t="s">
        <v>276</v>
      </c>
      <c r="B48912" s="14" t="s">
        <v>1</v>
      </c>
      <c r="C48912" s="14" t="s">
        <v>106</v>
      </c>
      <c r="D48912" s="14" t="s">
        <v>277</v>
      </c>
      <c r="E48912" s="15">
        <v>45743</v>
      </c>
      <c r="F48912" s="14" t="s">
        <v>25</v>
      </c>
      <c r="G48912" s="16">
        <v>1.5025035158219191</v>
      </c>
    </row>
    <row r="48913" spans="1:7" x14ac:dyDescent="0.3">
      <c r="A48913" s="13" t="s">
        <v>276</v>
      </c>
      <c r="B48913" s="14" t="s">
        <v>1</v>
      </c>
      <c r="C48913" s="14" t="s">
        <v>106</v>
      </c>
      <c r="D48913" s="14" t="s">
        <v>277</v>
      </c>
      <c r="E48913" s="15">
        <v>45744</v>
      </c>
      <c r="F48913" s="14" t="s">
        <v>25</v>
      </c>
      <c r="G48913" s="16">
        <v>1.5045620732064</v>
      </c>
    </row>
    <row r="48914" spans="1:7" x14ac:dyDescent="0.3">
      <c r="A48914" s="13" t="s">
        <v>276</v>
      </c>
      <c r="B48914" s="14" t="s">
        <v>1</v>
      </c>
      <c r="C48914" s="14" t="s">
        <v>106</v>
      </c>
      <c r="D48914" s="14" t="s">
        <v>277</v>
      </c>
      <c r="E48914" s="15">
        <v>45745</v>
      </c>
      <c r="F48914" s="14" t="s">
        <v>25</v>
      </c>
      <c r="G48914" s="16">
        <v>1.5045620732064</v>
      </c>
    </row>
    <row r="48915" spans="1:7" x14ac:dyDescent="0.3">
      <c r="A48915" s="13" t="s">
        <v>276</v>
      </c>
      <c r="B48915" s="14" t="s">
        <v>1</v>
      </c>
      <c r="C48915" s="14" t="s">
        <v>106</v>
      </c>
      <c r="D48915" s="14" t="s">
        <v>277</v>
      </c>
      <c r="E48915" s="15">
        <v>45746</v>
      </c>
      <c r="F48915" s="14" t="s">
        <v>25</v>
      </c>
      <c r="G48915" s="16">
        <v>1.5045620732064</v>
      </c>
    </row>
    <row r="48916" spans="1:7" x14ac:dyDescent="0.3">
      <c r="A48916" s="13" t="s">
        <v>276</v>
      </c>
      <c r="B48916" s="14" t="s">
        <v>1</v>
      </c>
      <c r="C48916" s="14" t="s">
        <v>106</v>
      </c>
      <c r="D48916" s="14" t="s">
        <v>277</v>
      </c>
      <c r="E48916" s="15">
        <v>45747</v>
      </c>
      <c r="F48916" s="14" t="s">
        <v>25</v>
      </c>
      <c r="G48916" s="16">
        <v>1.5083793141092734</v>
      </c>
    </row>
    <row r="48917" spans="1:7" x14ac:dyDescent="0.3">
      <c r="A48917" s="13" t="s">
        <v>278</v>
      </c>
      <c r="B48917" s="14" t="s">
        <v>1</v>
      </c>
      <c r="C48917" s="14" t="s">
        <v>137</v>
      </c>
      <c r="D48917" s="14" t="s">
        <v>146</v>
      </c>
      <c r="E48917" s="15">
        <v>45383</v>
      </c>
      <c r="F48917" s="14" t="s">
        <v>61</v>
      </c>
      <c r="G48917" s="16">
        <v>0</v>
      </c>
    </row>
    <row r="48918" spans="1:7" x14ac:dyDescent="0.3">
      <c r="A48918" s="13" t="s">
        <v>278</v>
      </c>
      <c r="B48918" s="14" t="s">
        <v>1</v>
      </c>
      <c r="C48918" s="14" t="s">
        <v>137</v>
      </c>
      <c r="D48918" s="14" t="s">
        <v>146</v>
      </c>
      <c r="E48918" s="15">
        <v>45384</v>
      </c>
      <c r="F48918" s="14" t="s">
        <v>61</v>
      </c>
      <c r="G48918" s="16">
        <v>0</v>
      </c>
    </row>
    <row r="48919" spans="1:7" x14ac:dyDescent="0.3">
      <c r="A48919" s="13" t="s">
        <v>278</v>
      </c>
      <c r="B48919" s="14" t="s">
        <v>1</v>
      </c>
      <c r="C48919" s="14" t="s">
        <v>137</v>
      </c>
      <c r="D48919" s="14" t="s">
        <v>146</v>
      </c>
      <c r="E48919" s="15">
        <v>45385</v>
      </c>
      <c r="F48919" s="14" t="s">
        <v>61</v>
      </c>
      <c r="G48919" s="16">
        <v>6.817724766384646E-2</v>
      </c>
    </row>
    <row r="48920" spans="1:7" x14ac:dyDescent="0.3">
      <c r="A48920" s="13" t="s">
        <v>278</v>
      </c>
      <c r="B48920" s="14" t="s">
        <v>1</v>
      </c>
      <c r="C48920" s="14" t="s">
        <v>137</v>
      </c>
      <c r="D48920" s="14" t="s">
        <v>146</v>
      </c>
      <c r="E48920" s="15">
        <v>45386</v>
      </c>
      <c r="F48920" s="14" t="s">
        <v>61</v>
      </c>
      <c r="G48920" s="16">
        <v>8.5480969521642802E-2</v>
      </c>
    </row>
    <row r="48921" spans="1:7" x14ac:dyDescent="0.3">
      <c r="A48921" s="13" t="s">
        <v>278</v>
      </c>
      <c r="B48921" s="14" t="s">
        <v>1</v>
      </c>
      <c r="C48921" s="14" t="s">
        <v>137</v>
      </c>
      <c r="D48921" s="14" t="s">
        <v>146</v>
      </c>
      <c r="E48921" s="15">
        <v>45387</v>
      </c>
      <c r="F48921" s="14" t="s">
        <v>61</v>
      </c>
      <c r="G48921" s="16">
        <v>0.10457582312885191</v>
      </c>
    </row>
    <row r="48922" spans="1:7" x14ac:dyDescent="0.3">
      <c r="A48922" s="13" t="s">
        <v>278</v>
      </c>
      <c r="B48922" s="14" t="s">
        <v>1</v>
      </c>
      <c r="C48922" s="14" t="s">
        <v>137</v>
      </c>
      <c r="D48922" s="14" t="s">
        <v>146</v>
      </c>
      <c r="E48922" s="15">
        <v>45388</v>
      </c>
      <c r="F48922" s="14" t="s">
        <v>61</v>
      </c>
      <c r="G48922" s="16">
        <v>0.10457582312885191</v>
      </c>
    </row>
    <row r="48923" spans="1:7" x14ac:dyDescent="0.3">
      <c r="A48923" s="13" t="s">
        <v>278</v>
      </c>
      <c r="B48923" s="14" t="s">
        <v>1</v>
      </c>
      <c r="C48923" s="14" t="s">
        <v>137</v>
      </c>
      <c r="D48923" s="14" t="s">
        <v>146</v>
      </c>
      <c r="E48923" s="15">
        <v>45389</v>
      </c>
      <c r="F48923" s="14" t="s">
        <v>61</v>
      </c>
      <c r="G48923" s="16">
        <v>0.10457582312885191</v>
      </c>
    </row>
    <row r="48924" spans="1:7" x14ac:dyDescent="0.3">
      <c r="A48924" s="13" t="s">
        <v>278</v>
      </c>
      <c r="B48924" s="14" t="s">
        <v>1</v>
      </c>
      <c r="C48924" s="14" t="s">
        <v>137</v>
      </c>
      <c r="D48924" s="14" t="s">
        <v>146</v>
      </c>
      <c r="E48924" s="15">
        <v>45390</v>
      </c>
      <c r="F48924" s="14" t="s">
        <v>61</v>
      </c>
      <c r="G48924" s="16">
        <v>0.12099316681645331</v>
      </c>
    </row>
    <row r="48925" spans="1:7" x14ac:dyDescent="0.3">
      <c r="A48925" s="13" t="s">
        <v>278</v>
      </c>
      <c r="B48925" s="14" t="s">
        <v>1</v>
      </c>
      <c r="C48925" s="14" t="s">
        <v>137</v>
      </c>
      <c r="D48925" s="14" t="s">
        <v>146</v>
      </c>
      <c r="E48925" s="15">
        <v>45391</v>
      </c>
      <c r="F48925" s="14" t="s">
        <v>61</v>
      </c>
      <c r="G48925" s="16">
        <v>0.15811705898491094</v>
      </c>
    </row>
    <row r="48926" spans="1:7" x14ac:dyDescent="0.3">
      <c r="A48926" s="13" t="s">
        <v>278</v>
      </c>
      <c r="B48926" s="14" t="s">
        <v>1</v>
      </c>
      <c r="C48926" s="14" t="s">
        <v>137</v>
      </c>
      <c r="D48926" s="14" t="s">
        <v>146</v>
      </c>
      <c r="E48926" s="15">
        <v>45392</v>
      </c>
      <c r="F48926" s="14" t="s">
        <v>61</v>
      </c>
      <c r="G48926" s="16">
        <v>0.17408068749926425</v>
      </c>
    </row>
    <row r="48927" spans="1:7" x14ac:dyDescent="0.3">
      <c r="A48927" s="13" t="s">
        <v>278</v>
      </c>
      <c r="B48927" s="14" t="s">
        <v>1</v>
      </c>
      <c r="C48927" s="14" t="s">
        <v>137</v>
      </c>
      <c r="D48927" s="14" t="s">
        <v>146</v>
      </c>
      <c r="E48927" s="15">
        <v>45393</v>
      </c>
      <c r="F48927" s="14" t="s">
        <v>61</v>
      </c>
      <c r="G48927" s="16">
        <v>0.18618702536558537</v>
      </c>
    </row>
    <row r="48928" spans="1:7" x14ac:dyDescent="0.3">
      <c r="A48928" s="13" t="s">
        <v>278</v>
      </c>
      <c r="B48928" s="14" t="s">
        <v>1</v>
      </c>
      <c r="C48928" s="14" t="s">
        <v>137</v>
      </c>
      <c r="D48928" s="14" t="s">
        <v>146</v>
      </c>
      <c r="E48928" s="15">
        <v>45394</v>
      </c>
      <c r="F48928" s="14" t="s">
        <v>61</v>
      </c>
      <c r="G48928" s="16">
        <v>0.20215316614279136</v>
      </c>
    </row>
    <row r="48929" spans="1:7" x14ac:dyDescent="0.3">
      <c r="A48929" s="13" t="s">
        <v>278</v>
      </c>
      <c r="B48929" s="14" t="s">
        <v>1</v>
      </c>
      <c r="C48929" s="14" t="s">
        <v>137</v>
      </c>
      <c r="D48929" s="14" t="s">
        <v>146</v>
      </c>
      <c r="E48929" s="15">
        <v>45395</v>
      </c>
      <c r="F48929" s="14" t="s">
        <v>61</v>
      </c>
      <c r="G48929" s="16">
        <v>0.20215316614279136</v>
      </c>
    </row>
    <row r="48930" spans="1:7" x14ac:dyDescent="0.3">
      <c r="A48930" s="13" t="s">
        <v>278</v>
      </c>
      <c r="B48930" s="14" t="s">
        <v>1</v>
      </c>
      <c r="C48930" s="14" t="s">
        <v>137</v>
      </c>
      <c r="D48930" s="14" t="s">
        <v>146</v>
      </c>
      <c r="E48930" s="15">
        <v>45396</v>
      </c>
      <c r="F48930" s="14" t="s">
        <v>61</v>
      </c>
      <c r="G48930" s="16">
        <v>0.20215316614279136</v>
      </c>
    </row>
    <row r="48931" spans="1:7" x14ac:dyDescent="0.3">
      <c r="A48931" s="13" t="s">
        <v>278</v>
      </c>
      <c r="B48931" s="14" t="s">
        <v>1</v>
      </c>
      <c r="C48931" s="14" t="s">
        <v>137</v>
      </c>
      <c r="D48931" s="14" t="s">
        <v>146</v>
      </c>
      <c r="E48931" s="15">
        <v>45397</v>
      </c>
      <c r="F48931" s="14" t="s">
        <v>61</v>
      </c>
      <c r="G48931" s="16">
        <v>0.21714570871248826</v>
      </c>
    </row>
    <row r="48932" spans="1:7" x14ac:dyDescent="0.3">
      <c r="A48932" s="13" t="s">
        <v>278</v>
      </c>
      <c r="B48932" s="14" t="s">
        <v>1</v>
      </c>
      <c r="C48932" s="14" t="s">
        <v>137</v>
      </c>
      <c r="D48932" s="14" t="s">
        <v>146</v>
      </c>
      <c r="E48932" s="15">
        <v>45398</v>
      </c>
      <c r="F48932" s="14" t="s">
        <v>61</v>
      </c>
      <c r="G48932" s="16">
        <v>0.26402128796731555</v>
      </c>
    </row>
    <row r="48933" spans="1:7" x14ac:dyDescent="0.3">
      <c r="A48933" s="13" t="s">
        <v>278</v>
      </c>
      <c r="B48933" s="14" t="s">
        <v>1</v>
      </c>
      <c r="C48933" s="14" t="s">
        <v>137</v>
      </c>
      <c r="D48933" s="14" t="s">
        <v>146</v>
      </c>
      <c r="E48933" s="15">
        <v>45399</v>
      </c>
      <c r="F48933" s="14" t="s">
        <v>61</v>
      </c>
      <c r="G48933" s="16">
        <v>0.27814926920240646</v>
      </c>
    </row>
    <row r="48934" spans="1:7" x14ac:dyDescent="0.3">
      <c r="A48934" s="13" t="s">
        <v>278</v>
      </c>
      <c r="B48934" s="14" t="s">
        <v>1</v>
      </c>
      <c r="C48934" s="14" t="s">
        <v>137</v>
      </c>
      <c r="D48934" s="14" t="s">
        <v>146</v>
      </c>
      <c r="E48934" s="15">
        <v>45400</v>
      </c>
      <c r="F48934" s="14" t="s">
        <v>61</v>
      </c>
      <c r="G48934" s="16">
        <v>0.26000186925117791</v>
      </c>
    </row>
    <row r="48935" spans="1:7" x14ac:dyDescent="0.3">
      <c r="A48935" s="13" t="s">
        <v>278</v>
      </c>
      <c r="B48935" s="14" t="s">
        <v>1</v>
      </c>
      <c r="C48935" s="14" t="s">
        <v>137</v>
      </c>
      <c r="D48935" s="14" t="s">
        <v>146</v>
      </c>
      <c r="E48935" s="15">
        <v>45401</v>
      </c>
      <c r="F48935" s="14" t="s">
        <v>61</v>
      </c>
      <c r="G48935" s="16">
        <v>0.27514754493394705</v>
      </c>
    </row>
    <row r="48936" spans="1:7" x14ac:dyDescent="0.3">
      <c r="A48936" s="13" t="s">
        <v>278</v>
      </c>
      <c r="B48936" s="14" t="s">
        <v>1</v>
      </c>
      <c r="C48936" s="14" t="s">
        <v>137</v>
      </c>
      <c r="D48936" s="14" t="s">
        <v>146</v>
      </c>
      <c r="E48936" s="15">
        <v>45402</v>
      </c>
      <c r="F48936" s="14" t="s">
        <v>61</v>
      </c>
      <c r="G48936" s="16">
        <v>0.27514754493394705</v>
      </c>
    </row>
    <row r="48937" spans="1:7" x14ac:dyDescent="0.3">
      <c r="A48937" s="13" t="s">
        <v>278</v>
      </c>
      <c r="B48937" s="14" t="s">
        <v>1</v>
      </c>
      <c r="C48937" s="14" t="s">
        <v>137</v>
      </c>
      <c r="D48937" s="14" t="s">
        <v>146</v>
      </c>
      <c r="E48937" s="15">
        <v>45403</v>
      </c>
      <c r="F48937" s="14" t="s">
        <v>61</v>
      </c>
      <c r="G48937" s="16">
        <v>0.27514754493394705</v>
      </c>
    </row>
    <row r="48938" spans="1:7" x14ac:dyDescent="0.3">
      <c r="A48938" s="13" t="s">
        <v>278</v>
      </c>
      <c r="B48938" s="14" t="s">
        <v>1</v>
      </c>
      <c r="C48938" s="14" t="s">
        <v>137</v>
      </c>
      <c r="D48938" s="14" t="s">
        <v>146</v>
      </c>
      <c r="E48938" s="15">
        <v>45404</v>
      </c>
      <c r="F48938" s="14" t="s">
        <v>61</v>
      </c>
      <c r="G48938" s="16">
        <v>0.28991089804865999</v>
      </c>
    </row>
    <row r="48939" spans="1:7" x14ac:dyDescent="0.3">
      <c r="A48939" s="13" t="s">
        <v>278</v>
      </c>
      <c r="B48939" s="14" t="s">
        <v>1</v>
      </c>
      <c r="C48939" s="14" t="s">
        <v>137</v>
      </c>
      <c r="D48939" s="14" t="s">
        <v>146</v>
      </c>
      <c r="E48939" s="15">
        <v>45405</v>
      </c>
      <c r="F48939" s="14" t="s">
        <v>61</v>
      </c>
      <c r="G48939" s="16">
        <v>0.33689526187691748</v>
      </c>
    </row>
    <row r="48940" spans="1:7" x14ac:dyDescent="0.3">
      <c r="A48940" s="13" t="s">
        <v>278</v>
      </c>
      <c r="B48940" s="14" t="s">
        <v>1</v>
      </c>
      <c r="C48940" s="14" t="s">
        <v>137</v>
      </c>
      <c r="D48940" s="14" t="s">
        <v>146</v>
      </c>
      <c r="E48940" s="15">
        <v>45406</v>
      </c>
      <c r="F48940" s="14" t="s">
        <v>61</v>
      </c>
      <c r="G48940" s="16">
        <v>0.35492126010459701</v>
      </c>
    </row>
    <row r="48941" spans="1:7" x14ac:dyDescent="0.3">
      <c r="A48941" s="13" t="s">
        <v>278</v>
      </c>
      <c r="B48941" s="14" t="s">
        <v>1</v>
      </c>
      <c r="C48941" s="14" t="s">
        <v>137</v>
      </c>
      <c r="D48941" s="14" t="s">
        <v>146</v>
      </c>
      <c r="E48941" s="15">
        <v>45407</v>
      </c>
      <c r="F48941" s="14" t="s">
        <v>61</v>
      </c>
      <c r="G48941" s="16">
        <v>0.37385365647688978</v>
      </c>
    </row>
    <row r="48942" spans="1:7" x14ac:dyDescent="0.3">
      <c r="A48942" s="13" t="s">
        <v>278</v>
      </c>
      <c r="B48942" s="14" t="s">
        <v>1</v>
      </c>
      <c r="C48942" s="14" t="s">
        <v>137</v>
      </c>
      <c r="D48942" s="14" t="s">
        <v>146</v>
      </c>
      <c r="E48942" s="15">
        <v>45408</v>
      </c>
      <c r="F48942" s="14" t="s">
        <v>61</v>
      </c>
      <c r="G48942" s="16">
        <v>0.39414756336785794</v>
      </c>
    </row>
    <row r="48943" spans="1:7" x14ac:dyDescent="0.3">
      <c r="A48943" s="13" t="s">
        <v>278</v>
      </c>
      <c r="B48943" s="14" t="s">
        <v>1</v>
      </c>
      <c r="C48943" s="14" t="s">
        <v>137</v>
      </c>
      <c r="D48943" s="14" t="s">
        <v>146</v>
      </c>
      <c r="E48943" s="15">
        <v>45409</v>
      </c>
      <c r="F48943" s="14" t="s">
        <v>61</v>
      </c>
      <c r="G48943" s="16">
        <v>0.39414756336785794</v>
      </c>
    </row>
    <row r="48944" spans="1:7" x14ac:dyDescent="0.3">
      <c r="A48944" s="13" t="s">
        <v>278</v>
      </c>
      <c r="B48944" s="14" t="s">
        <v>1</v>
      </c>
      <c r="C48944" s="14" t="s">
        <v>137</v>
      </c>
      <c r="D48944" s="14" t="s">
        <v>146</v>
      </c>
      <c r="E48944" s="15">
        <v>45410</v>
      </c>
      <c r="F48944" s="14" t="s">
        <v>61</v>
      </c>
      <c r="G48944" s="16">
        <v>0.39414756336785794</v>
      </c>
    </row>
    <row r="48945" spans="1:7" x14ac:dyDescent="0.3">
      <c r="A48945" s="13" t="s">
        <v>278</v>
      </c>
      <c r="B48945" s="14" t="s">
        <v>1</v>
      </c>
      <c r="C48945" s="14" t="s">
        <v>137</v>
      </c>
      <c r="D48945" s="14" t="s">
        <v>146</v>
      </c>
      <c r="E48945" s="15">
        <v>45411</v>
      </c>
      <c r="F48945" s="14" t="s">
        <v>61</v>
      </c>
      <c r="G48945" s="16">
        <v>0.41764780482059599</v>
      </c>
    </row>
    <row r="48946" spans="1:7" x14ac:dyDescent="0.3">
      <c r="A48946" s="13" t="s">
        <v>278</v>
      </c>
      <c r="B48946" s="14" t="s">
        <v>1</v>
      </c>
      <c r="C48946" s="14" t="s">
        <v>137</v>
      </c>
      <c r="D48946" s="14" t="s">
        <v>146</v>
      </c>
      <c r="E48946" s="15">
        <v>45412</v>
      </c>
      <c r="F48946" s="14" t="s">
        <v>61</v>
      </c>
      <c r="G48946" s="16">
        <v>0.46464734171050526</v>
      </c>
    </row>
    <row r="48947" spans="1:7" x14ac:dyDescent="0.3">
      <c r="A48947" s="13" t="s">
        <v>278</v>
      </c>
      <c r="B48947" s="14" t="s">
        <v>1</v>
      </c>
      <c r="C48947" s="14" t="s">
        <v>137</v>
      </c>
      <c r="D48947" s="14" t="s">
        <v>146</v>
      </c>
      <c r="E48947" s="15">
        <v>45413</v>
      </c>
      <c r="F48947" s="14" t="s">
        <v>61</v>
      </c>
      <c r="G48947" s="16">
        <v>0.48018381238801461</v>
      </c>
    </row>
    <row r="48948" spans="1:7" x14ac:dyDescent="0.3">
      <c r="A48948" s="13" t="s">
        <v>278</v>
      </c>
      <c r="B48948" s="14" t="s">
        <v>1</v>
      </c>
      <c r="C48948" s="14" t="s">
        <v>137</v>
      </c>
      <c r="D48948" s="14" t="s">
        <v>146</v>
      </c>
      <c r="E48948" s="15">
        <v>45414</v>
      </c>
      <c r="F48948" s="14" t="s">
        <v>61</v>
      </c>
      <c r="G48948" s="16">
        <v>0.50181660232529124</v>
      </c>
    </row>
    <row r="48949" spans="1:7" x14ac:dyDescent="0.3">
      <c r="A48949" s="13" t="s">
        <v>278</v>
      </c>
      <c r="B48949" s="14" t="s">
        <v>1</v>
      </c>
      <c r="C48949" s="14" t="s">
        <v>137</v>
      </c>
      <c r="D48949" s="14" t="s">
        <v>146</v>
      </c>
      <c r="E48949" s="15">
        <v>45415</v>
      </c>
      <c r="F48949" s="14" t="s">
        <v>61</v>
      </c>
      <c r="G48949" s="16">
        <v>0.51661982384969041</v>
      </c>
    </row>
    <row r="48950" spans="1:7" x14ac:dyDescent="0.3">
      <c r="A48950" s="13" t="s">
        <v>278</v>
      </c>
      <c r="B48950" s="14" t="s">
        <v>1</v>
      </c>
      <c r="C48950" s="14" t="s">
        <v>137</v>
      </c>
      <c r="D48950" s="14" t="s">
        <v>146</v>
      </c>
      <c r="E48950" s="15">
        <v>45416</v>
      </c>
      <c r="F48950" s="14" t="s">
        <v>61</v>
      </c>
      <c r="G48950" s="16">
        <v>0.51661982384969041</v>
      </c>
    </row>
    <row r="48951" spans="1:7" x14ac:dyDescent="0.3">
      <c r="A48951" s="13" t="s">
        <v>278</v>
      </c>
      <c r="B48951" s="14" t="s">
        <v>1</v>
      </c>
      <c r="C48951" s="14" t="s">
        <v>137</v>
      </c>
      <c r="D48951" s="14" t="s">
        <v>146</v>
      </c>
      <c r="E48951" s="15">
        <v>45417</v>
      </c>
      <c r="F48951" s="14" t="s">
        <v>61</v>
      </c>
      <c r="G48951" s="16">
        <v>0.51661982384969041</v>
      </c>
    </row>
    <row r="48952" spans="1:7" x14ac:dyDescent="0.3">
      <c r="A48952" s="13" t="s">
        <v>278</v>
      </c>
      <c r="B48952" s="14" t="s">
        <v>1</v>
      </c>
      <c r="C48952" s="14" t="s">
        <v>137</v>
      </c>
      <c r="D48952" s="14" t="s">
        <v>146</v>
      </c>
      <c r="E48952" s="15">
        <v>45418</v>
      </c>
      <c r="F48952" s="14" t="s">
        <v>61</v>
      </c>
      <c r="G48952" s="16">
        <v>0.51661982384969041</v>
      </c>
    </row>
    <row r="48953" spans="1:7" x14ac:dyDescent="0.3">
      <c r="A48953" s="13" t="s">
        <v>278</v>
      </c>
      <c r="B48953" s="14" t="s">
        <v>1</v>
      </c>
      <c r="C48953" s="14" t="s">
        <v>137</v>
      </c>
      <c r="D48953" s="14" t="s">
        <v>146</v>
      </c>
      <c r="E48953" s="15">
        <v>45419</v>
      </c>
      <c r="F48953" s="14" t="s">
        <v>61</v>
      </c>
      <c r="G48953" s="16">
        <v>0.53311689594560341</v>
      </c>
    </row>
    <row r="48954" spans="1:7" x14ac:dyDescent="0.3">
      <c r="A48954" s="13" t="s">
        <v>278</v>
      </c>
      <c r="B48954" s="14" t="s">
        <v>1</v>
      </c>
      <c r="C48954" s="14" t="s">
        <v>137</v>
      </c>
      <c r="D48954" s="14" t="s">
        <v>146</v>
      </c>
      <c r="E48954" s="15">
        <v>45420</v>
      </c>
      <c r="F48954" s="14" t="s">
        <v>61</v>
      </c>
      <c r="G48954" s="16">
        <v>0.59493456541700074</v>
      </c>
    </row>
    <row r="48955" spans="1:7" x14ac:dyDescent="0.3">
      <c r="A48955" s="13" t="s">
        <v>278</v>
      </c>
      <c r="B48955" s="14" t="s">
        <v>1</v>
      </c>
      <c r="C48955" s="14" t="s">
        <v>137</v>
      </c>
      <c r="D48955" s="14" t="s">
        <v>146</v>
      </c>
      <c r="E48955" s="15">
        <v>45421</v>
      </c>
      <c r="F48955" s="14" t="s">
        <v>61</v>
      </c>
      <c r="G48955" s="16">
        <v>0.60970503280326938</v>
      </c>
    </row>
    <row r="48956" spans="1:7" x14ac:dyDescent="0.3">
      <c r="A48956" s="13" t="s">
        <v>278</v>
      </c>
      <c r="B48956" s="14" t="s">
        <v>1</v>
      </c>
      <c r="C48956" s="14" t="s">
        <v>137</v>
      </c>
      <c r="D48956" s="14" t="s">
        <v>146</v>
      </c>
      <c r="E48956" s="15">
        <v>45422</v>
      </c>
      <c r="F48956" s="14" t="s">
        <v>61</v>
      </c>
      <c r="G48956" s="16">
        <v>0.62629745538121029</v>
      </c>
    </row>
    <row r="48957" spans="1:7" x14ac:dyDescent="0.3">
      <c r="A48957" s="13" t="s">
        <v>278</v>
      </c>
      <c r="B48957" s="14" t="s">
        <v>1</v>
      </c>
      <c r="C48957" s="14" t="s">
        <v>137</v>
      </c>
      <c r="D48957" s="14" t="s">
        <v>146</v>
      </c>
      <c r="E48957" s="15">
        <v>45423</v>
      </c>
      <c r="F48957" s="14" t="s">
        <v>61</v>
      </c>
      <c r="G48957" s="16">
        <v>0.62629745538121029</v>
      </c>
    </row>
    <row r="48958" spans="1:7" x14ac:dyDescent="0.3">
      <c r="A48958" s="13" t="s">
        <v>278</v>
      </c>
      <c r="B48958" s="14" t="s">
        <v>1</v>
      </c>
      <c r="C48958" s="14" t="s">
        <v>137</v>
      </c>
      <c r="D48958" s="14" t="s">
        <v>146</v>
      </c>
      <c r="E48958" s="15">
        <v>45424</v>
      </c>
      <c r="F48958" s="14" t="s">
        <v>61</v>
      </c>
      <c r="G48958" s="16">
        <v>0.62629745538121029</v>
      </c>
    </row>
    <row r="48959" spans="1:7" x14ac:dyDescent="0.3">
      <c r="A48959" s="13" t="s">
        <v>278</v>
      </c>
      <c r="B48959" s="14" t="s">
        <v>1</v>
      </c>
      <c r="C48959" s="14" t="s">
        <v>137</v>
      </c>
      <c r="D48959" s="14" t="s">
        <v>146</v>
      </c>
      <c r="E48959" s="15">
        <v>45425</v>
      </c>
      <c r="F48959" s="14" t="s">
        <v>61</v>
      </c>
      <c r="G48959" s="16">
        <v>0.64672970068283342</v>
      </c>
    </row>
    <row r="48960" spans="1:7" x14ac:dyDescent="0.3">
      <c r="A48960" s="13" t="s">
        <v>278</v>
      </c>
      <c r="B48960" s="14" t="s">
        <v>1</v>
      </c>
      <c r="C48960" s="14" t="s">
        <v>137</v>
      </c>
      <c r="D48960" s="14" t="s">
        <v>146</v>
      </c>
      <c r="E48960" s="15">
        <v>45426</v>
      </c>
      <c r="F48960" s="14" t="s">
        <v>61</v>
      </c>
      <c r="G48960" s="16">
        <v>0.69465759615066547</v>
      </c>
    </row>
    <row r="48961" spans="1:7" x14ac:dyDescent="0.3">
      <c r="A48961" s="13" t="s">
        <v>278</v>
      </c>
      <c r="B48961" s="14" t="s">
        <v>1</v>
      </c>
      <c r="C48961" s="14" t="s">
        <v>137</v>
      </c>
      <c r="D48961" s="14" t="s">
        <v>146</v>
      </c>
      <c r="E48961" s="15">
        <v>45427</v>
      </c>
      <c r="F48961" s="14" t="s">
        <v>61</v>
      </c>
      <c r="G48961" s="16">
        <v>0.7065160229365226</v>
      </c>
    </row>
    <row r="48962" spans="1:7" x14ac:dyDescent="0.3">
      <c r="A48962" s="13" t="s">
        <v>278</v>
      </c>
      <c r="B48962" s="14" t="s">
        <v>1</v>
      </c>
      <c r="C48962" s="14" t="s">
        <v>137</v>
      </c>
      <c r="D48962" s="14" t="s">
        <v>146</v>
      </c>
      <c r="E48962" s="15">
        <v>45428</v>
      </c>
      <c r="F48962" s="14" t="s">
        <v>61</v>
      </c>
      <c r="G48962" s="16">
        <v>0.7236257569036314</v>
      </c>
    </row>
    <row r="48963" spans="1:7" x14ac:dyDescent="0.3">
      <c r="A48963" s="13" t="s">
        <v>278</v>
      </c>
      <c r="B48963" s="14" t="s">
        <v>1</v>
      </c>
      <c r="C48963" s="14" t="s">
        <v>137</v>
      </c>
      <c r="D48963" s="14" t="s">
        <v>146</v>
      </c>
      <c r="E48963" s="15">
        <v>45429</v>
      </c>
      <c r="F48963" s="14" t="s">
        <v>61</v>
      </c>
      <c r="G48963" s="16">
        <v>0.73806199388661464</v>
      </c>
    </row>
    <row r="48964" spans="1:7" x14ac:dyDescent="0.3">
      <c r="A48964" s="13" t="s">
        <v>278</v>
      </c>
      <c r="B48964" s="14" t="s">
        <v>1</v>
      </c>
      <c r="C48964" s="14" t="s">
        <v>137</v>
      </c>
      <c r="D48964" s="14" t="s">
        <v>146</v>
      </c>
      <c r="E48964" s="15">
        <v>45430</v>
      </c>
      <c r="F48964" s="14" t="s">
        <v>61</v>
      </c>
      <c r="G48964" s="16">
        <v>0.73806199388661464</v>
      </c>
    </row>
    <row r="48965" spans="1:7" x14ac:dyDescent="0.3">
      <c r="A48965" s="13" t="s">
        <v>278</v>
      </c>
      <c r="B48965" s="14" t="s">
        <v>1</v>
      </c>
      <c r="C48965" s="14" t="s">
        <v>137</v>
      </c>
      <c r="D48965" s="14" t="s">
        <v>146</v>
      </c>
      <c r="E48965" s="15">
        <v>45431</v>
      </c>
      <c r="F48965" s="14" t="s">
        <v>61</v>
      </c>
      <c r="G48965" s="16">
        <v>0.73806199388661464</v>
      </c>
    </row>
    <row r="48966" spans="1:7" x14ac:dyDescent="0.3">
      <c r="A48966" s="13" t="s">
        <v>278</v>
      </c>
      <c r="B48966" s="14" t="s">
        <v>1</v>
      </c>
      <c r="C48966" s="14" t="s">
        <v>137</v>
      </c>
      <c r="D48966" s="14" t="s">
        <v>146</v>
      </c>
      <c r="E48966" s="15">
        <v>45432</v>
      </c>
      <c r="F48966" s="14" t="s">
        <v>61</v>
      </c>
      <c r="G48966" s="16">
        <v>0.75509906229191714</v>
      </c>
    </row>
    <row r="48967" spans="1:7" x14ac:dyDescent="0.3">
      <c r="A48967" s="13" t="s">
        <v>278</v>
      </c>
      <c r="B48967" s="14" t="s">
        <v>1</v>
      </c>
      <c r="C48967" s="14" t="s">
        <v>137</v>
      </c>
      <c r="D48967" s="14" t="s">
        <v>146</v>
      </c>
      <c r="E48967" s="15">
        <v>45433</v>
      </c>
      <c r="F48967" s="14" t="s">
        <v>61</v>
      </c>
      <c r="G48967" s="16">
        <v>0.80329145372843536</v>
      </c>
    </row>
    <row r="48968" spans="1:7" x14ac:dyDescent="0.3">
      <c r="A48968" s="13" t="s">
        <v>278</v>
      </c>
      <c r="B48968" s="14" t="s">
        <v>1</v>
      </c>
      <c r="C48968" s="14" t="s">
        <v>137</v>
      </c>
      <c r="D48968" s="14" t="s">
        <v>146</v>
      </c>
      <c r="E48968" s="15">
        <v>45434</v>
      </c>
      <c r="F48968" s="14" t="s">
        <v>61</v>
      </c>
      <c r="G48968" s="16">
        <v>0.82155611497669356</v>
      </c>
    </row>
    <row r="48969" spans="1:7" x14ac:dyDescent="0.3">
      <c r="A48969" s="13" t="s">
        <v>278</v>
      </c>
      <c r="B48969" s="14" t="s">
        <v>1</v>
      </c>
      <c r="C48969" s="14" t="s">
        <v>137</v>
      </c>
      <c r="D48969" s="14" t="s">
        <v>146</v>
      </c>
      <c r="E48969" s="15">
        <v>45435</v>
      </c>
      <c r="F48969" s="14" t="s">
        <v>61</v>
      </c>
      <c r="G48969" s="16">
        <v>0.84085002024774691</v>
      </c>
    </row>
    <row r="48970" spans="1:7" x14ac:dyDescent="0.3">
      <c r="A48970" s="13" t="s">
        <v>278</v>
      </c>
      <c r="B48970" s="14" t="s">
        <v>1</v>
      </c>
      <c r="C48970" s="14" t="s">
        <v>137</v>
      </c>
      <c r="D48970" s="14" t="s">
        <v>146</v>
      </c>
      <c r="E48970" s="15">
        <v>45436</v>
      </c>
      <c r="F48970" s="14" t="s">
        <v>61</v>
      </c>
      <c r="G48970" s="16">
        <v>0.85563596547098719</v>
      </c>
    </row>
    <row r="48971" spans="1:7" x14ac:dyDescent="0.3">
      <c r="A48971" s="13" t="s">
        <v>278</v>
      </c>
      <c r="B48971" s="14" t="s">
        <v>1</v>
      </c>
      <c r="C48971" s="14" t="s">
        <v>137</v>
      </c>
      <c r="D48971" s="14" t="s">
        <v>146</v>
      </c>
      <c r="E48971" s="15">
        <v>45437</v>
      </c>
      <c r="F48971" s="14" t="s">
        <v>61</v>
      </c>
      <c r="G48971" s="16">
        <v>0.85563596547098719</v>
      </c>
    </row>
    <row r="48972" spans="1:7" x14ac:dyDescent="0.3">
      <c r="A48972" s="13" t="s">
        <v>278</v>
      </c>
      <c r="B48972" s="14" t="s">
        <v>1</v>
      </c>
      <c r="C48972" s="14" t="s">
        <v>137</v>
      </c>
      <c r="D48972" s="14" t="s">
        <v>146</v>
      </c>
      <c r="E48972" s="15">
        <v>45438</v>
      </c>
      <c r="F48972" s="14" t="s">
        <v>61</v>
      </c>
      <c r="G48972" s="16">
        <v>0.85563596547098719</v>
      </c>
    </row>
    <row r="48973" spans="1:7" x14ac:dyDescent="0.3">
      <c r="A48973" s="13" t="s">
        <v>278</v>
      </c>
      <c r="B48973" s="14" t="s">
        <v>1</v>
      </c>
      <c r="C48973" s="14" t="s">
        <v>137</v>
      </c>
      <c r="D48973" s="14" t="s">
        <v>146</v>
      </c>
      <c r="E48973" s="15">
        <v>45439</v>
      </c>
      <c r="F48973" s="14" t="s">
        <v>61</v>
      </c>
      <c r="G48973" s="16">
        <v>0.87316704920740462</v>
      </c>
    </row>
    <row r="48974" spans="1:7" x14ac:dyDescent="0.3">
      <c r="A48974" s="13" t="s">
        <v>278</v>
      </c>
      <c r="B48974" s="14" t="s">
        <v>1</v>
      </c>
      <c r="C48974" s="14" t="s">
        <v>137</v>
      </c>
      <c r="D48974" s="14" t="s">
        <v>146</v>
      </c>
      <c r="E48974" s="15">
        <v>45440</v>
      </c>
      <c r="F48974" s="14" t="s">
        <v>61</v>
      </c>
      <c r="G48974" s="16">
        <v>0.92277073192528603</v>
      </c>
    </row>
    <row r="48975" spans="1:7" x14ac:dyDescent="0.3">
      <c r="A48975" s="13" t="s">
        <v>278</v>
      </c>
      <c r="B48975" s="14" t="s">
        <v>1</v>
      </c>
      <c r="C48975" s="14" t="s">
        <v>137</v>
      </c>
      <c r="D48975" s="14" t="s">
        <v>146</v>
      </c>
      <c r="E48975" s="15">
        <v>45441</v>
      </c>
      <c r="F48975" s="14" t="s">
        <v>61</v>
      </c>
      <c r="G48975" s="16">
        <v>0.94405545324851392</v>
      </c>
    </row>
    <row r="48976" spans="1:7" x14ac:dyDescent="0.3">
      <c r="A48976" s="13" t="s">
        <v>278</v>
      </c>
      <c r="B48976" s="14" t="s">
        <v>1</v>
      </c>
      <c r="C48976" s="14" t="s">
        <v>137</v>
      </c>
      <c r="D48976" s="14" t="s">
        <v>146</v>
      </c>
      <c r="E48976" s="15">
        <v>45442</v>
      </c>
      <c r="F48976" s="14" t="s">
        <v>61</v>
      </c>
      <c r="G48976" s="16">
        <v>0.95832427325632907</v>
      </c>
    </row>
    <row r="48977" spans="1:7" x14ac:dyDescent="0.3">
      <c r="A48977" s="13" t="s">
        <v>278</v>
      </c>
      <c r="B48977" s="14" t="s">
        <v>1</v>
      </c>
      <c r="C48977" s="14" t="s">
        <v>137</v>
      </c>
      <c r="D48977" s="14" t="s">
        <v>146</v>
      </c>
      <c r="E48977" s="15">
        <v>45443</v>
      </c>
      <c r="F48977" s="14" t="s">
        <v>61</v>
      </c>
      <c r="G48977" s="16">
        <v>0.97395814093812161</v>
      </c>
    </row>
    <row r="48978" spans="1:7" x14ac:dyDescent="0.3">
      <c r="A48978" s="13" t="s">
        <v>278</v>
      </c>
      <c r="B48978" s="14" t="s">
        <v>1</v>
      </c>
      <c r="C48978" s="14" t="s">
        <v>137</v>
      </c>
      <c r="D48978" s="14" t="s">
        <v>146</v>
      </c>
      <c r="E48978" s="15">
        <v>45444</v>
      </c>
      <c r="F48978" s="14" t="s">
        <v>61</v>
      </c>
      <c r="G48978" s="16">
        <v>0.97395814093812161</v>
      </c>
    </row>
    <row r="48979" spans="1:7" x14ac:dyDescent="0.3">
      <c r="A48979" s="13" t="s">
        <v>278</v>
      </c>
      <c r="B48979" s="14" t="s">
        <v>1</v>
      </c>
      <c r="C48979" s="14" t="s">
        <v>137</v>
      </c>
      <c r="D48979" s="14" t="s">
        <v>146</v>
      </c>
      <c r="E48979" s="15">
        <v>45445</v>
      </c>
      <c r="F48979" s="14" t="s">
        <v>61</v>
      </c>
      <c r="G48979" s="16">
        <v>0.97395814093812161</v>
      </c>
    </row>
    <row r="48980" spans="1:7" x14ac:dyDescent="0.3">
      <c r="A48980" s="13" t="s">
        <v>278</v>
      </c>
      <c r="B48980" s="14" t="s">
        <v>1</v>
      </c>
      <c r="C48980" s="14" t="s">
        <v>137</v>
      </c>
      <c r="D48980" s="14" t="s">
        <v>146</v>
      </c>
      <c r="E48980" s="15">
        <v>45446</v>
      </c>
      <c r="F48980" s="14" t="s">
        <v>61</v>
      </c>
      <c r="G48980" s="16">
        <v>0.97395814093812161</v>
      </c>
    </row>
    <row r="48981" spans="1:7" x14ac:dyDescent="0.3">
      <c r="A48981" s="13" t="s">
        <v>278</v>
      </c>
      <c r="B48981" s="14" t="s">
        <v>1</v>
      </c>
      <c r="C48981" s="14" t="s">
        <v>137</v>
      </c>
      <c r="D48981" s="14" t="s">
        <v>146</v>
      </c>
      <c r="E48981" s="15">
        <v>45447</v>
      </c>
      <c r="F48981" s="14" t="s">
        <v>61</v>
      </c>
      <c r="G48981" s="16">
        <v>0.9860181239677952</v>
      </c>
    </row>
    <row r="48982" spans="1:7" x14ac:dyDescent="0.3">
      <c r="A48982" s="13" t="s">
        <v>278</v>
      </c>
      <c r="B48982" s="14" t="s">
        <v>1</v>
      </c>
      <c r="C48982" s="14" t="s">
        <v>137</v>
      </c>
      <c r="D48982" s="14" t="s">
        <v>146</v>
      </c>
      <c r="E48982" s="15">
        <v>45448</v>
      </c>
      <c r="F48982" s="14" t="s">
        <v>61</v>
      </c>
      <c r="G48982" s="16">
        <v>1.0420117837503429</v>
      </c>
    </row>
    <row r="48983" spans="1:7" x14ac:dyDescent="0.3">
      <c r="A48983" s="13" t="s">
        <v>278</v>
      </c>
      <c r="B48983" s="14" t="s">
        <v>1</v>
      </c>
      <c r="C48983" s="14" t="s">
        <v>137</v>
      </c>
      <c r="D48983" s="14" t="s">
        <v>146</v>
      </c>
      <c r="E48983" s="15">
        <v>45449</v>
      </c>
      <c r="F48983" s="14" t="s">
        <v>61</v>
      </c>
      <c r="G48983" s="16">
        <v>1.0570983963196343</v>
      </c>
    </row>
    <row r="48984" spans="1:7" x14ac:dyDescent="0.3">
      <c r="A48984" s="13" t="s">
        <v>278</v>
      </c>
      <c r="B48984" s="14" t="s">
        <v>1</v>
      </c>
      <c r="C48984" s="14" t="s">
        <v>137</v>
      </c>
      <c r="D48984" s="14" t="s">
        <v>146</v>
      </c>
      <c r="E48984" s="15">
        <v>45450</v>
      </c>
      <c r="F48984" s="14" t="s">
        <v>61</v>
      </c>
      <c r="G48984" s="16">
        <v>1.0829904443268112</v>
      </c>
    </row>
    <row r="48985" spans="1:7" x14ac:dyDescent="0.3">
      <c r="A48985" s="13" t="s">
        <v>278</v>
      </c>
      <c r="B48985" s="14" t="s">
        <v>1</v>
      </c>
      <c r="C48985" s="14" t="s">
        <v>137</v>
      </c>
      <c r="D48985" s="14" t="s">
        <v>146</v>
      </c>
      <c r="E48985" s="15">
        <v>45451</v>
      </c>
      <c r="F48985" s="14" t="s">
        <v>61</v>
      </c>
      <c r="G48985" s="16">
        <v>1.0829904443268112</v>
      </c>
    </row>
    <row r="48986" spans="1:7" x14ac:dyDescent="0.3">
      <c r="A48986" s="13" t="s">
        <v>278</v>
      </c>
      <c r="B48986" s="14" t="s">
        <v>1</v>
      </c>
      <c r="C48986" s="14" t="s">
        <v>137</v>
      </c>
      <c r="D48986" s="14" t="s">
        <v>146</v>
      </c>
      <c r="E48986" s="15">
        <v>45452</v>
      </c>
      <c r="F48986" s="14" t="s">
        <v>61</v>
      </c>
      <c r="G48986" s="16">
        <v>1.0829904443268112</v>
      </c>
    </row>
    <row r="48987" spans="1:7" x14ac:dyDescent="0.3">
      <c r="A48987" s="13" t="s">
        <v>278</v>
      </c>
      <c r="B48987" s="14" t="s">
        <v>1</v>
      </c>
      <c r="C48987" s="14" t="s">
        <v>137</v>
      </c>
      <c r="D48987" s="14" t="s">
        <v>146</v>
      </c>
      <c r="E48987" s="15">
        <v>45453</v>
      </c>
      <c r="F48987" s="14" t="s">
        <v>61</v>
      </c>
      <c r="G48987" s="16">
        <v>1.1109134518752177</v>
      </c>
    </row>
    <row r="48988" spans="1:7" x14ac:dyDescent="0.3">
      <c r="A48988" s="13" t="s">
        <v>278</v>
      </c>
      <c r="B48988" s="14" t="s">
        <v>1</v>
      </c>
      <c r="C48988" s="14" t="s">
        <v>137</v>
      </c>
      <c r="D48988" s="14" t="s">
        <v>146</v>
      </c>
      <c r="E48988" s="15">
        <v>45454</v>
      </c>
      <c r="F48988" s="14" t="s">
        <v>61</v>
      </c>
      <c r="G48988" s="16">
        <v>1.1654849698991552</v>
      </c>
    </row>
    <row r="48989" spans="1:7" x14ac:dyDescent="0.3">
      <c r="A48989" s="13" t="s">
        <v>278</v>
      </c>
      <c r="B48989" s="14" t="s">
        <v>1</v>
      </c>
      <c r="C48989" s="14" t="s">
        <v>137</v>
      </c>
      <c r="D48989" s="14" t="s">
        <v>146</v>
      </c>
      <c r="E48989" s="15">
        <v>45455</v>
      </c>
      <c r="F48989" s="14" t="s">
        <v>61</v>
      </c>
      <c r="G48989" s="16">
        <v>1.1750396095954712</v>
      </c>
    </row>
    <row r="48990" spans="1:7" x14ac:dyDescent="0.3">
      <c r="A48990" s="13" t="s">
        <v>278</v>
      </c>
      <c r="B48990" s="14" t="s">
        <v>1</v>
      </c>
      <c r="C48990" s="14" t="s">
        <v>137</v>
      </c>
      <c r="D48990" s="14" t="s">
        <v>146</v>
      </c>
      <c r="E48990" s="15">
        <v>45456</v>
      </c>
      <c r="F48990" s="14" t="s">
        <v>61</v>
      </c>
      <c r="G48990" s="16">
        <v>1.2000836230721985</v>
      </c>
    </row>
    <row r="48991" spans="1:7" x14ac:dyDescent="0.3">
      <c r="A48991" s="13" t="s">
        <v>278</v>
      </c>
      <c r="B48991" s="14" t="s">
        <v>1</v>
      </c>
      <c r="C48991" s="14" t="s">
        <v>137</v>
      </c>
      <c r="D48991" s="14" t="s">
        <v>146</v>
      </c>
      <c r="E48991" s="15">
        <v>45457</v>
      </c>
      <c r="F48991" s="14" t="s">
        <v>61</v>
      </c>
      <c r="G48991" s="16">
        <v>1.2211610787388707</v>
      </c>
    </row>
    <row r="48992" spans="1:7" x14ac:dyDescent="0.3">
      <c r="A48992" s="13" t="s">
        <v>278</v>
      </c>
      <c r="B48992" s="14" t="s">
        <v>1</v>
      </c>
      <c r="C48992" s="14" t="s">
        <v>137</v>
      </c>
      <c r="D48992" s="14" t="s">
        <v>146</v>
      </c>
      <c r="E48992" s="15">
        <v>45458</v>
      </c>
      <c r="F48992" s="14" t="s">
        <v>61</v>
      </c>
      <c r="G48992" s="16">
        <v>1.2211610787388707</v>
      </c>
    </row>
    <row r="48993" spans="1:7" x14ac:dyDescent="0.3">
      <c r="A48993" s="13" t="s">
        <v>278</v>
      </c>
      <c r="B48993" s="14" t="s">
        <v>1</v>
      </c>
      <c r="C48993" s="14" t="s">
        <v>137</v>
      </c>
      <c r="D48993" s="14" t="s">
        <v>146</v>
      </c>
      <c r="E48993" s="15">
        <v>45459</v>
      </c>
      <c r="F48993" s="14" t="s">
        <v>61</v>
      </c>
      <c r="G48993" s="16">
        <v>1.2211610787388707</v>
      </c>
    </row>
    <row r="48994" spans="1:7" x14ac:dyDescent="0.3">
      <c r="A48994" s="13" t="s">
        <v>278</v>
      </c>
      <c r="B48994" s="14" t="s">
        <v>1</v>
      </c>
      <c r="C48994" s="14" t="s">
        <v>137</v>
      </c>
      <c r="D48994" s="14" t="s">
        <v>146</v>
      </c>
      <c r="E48994" s="15">
        <v>45460</v>
      </c>
      <c r="F48994" s="14" t="s">
        <v>61</v>
      </c>
      <c r="G48994" s="16">
        <v>1.2347688954631384</v>
      </c>
    </row>
    <row r="48995" spans="1:7" x14ac:dyDescent="0.3">
      <c r="A48995" s="13" t="s">
        <v>278</v>
      </c>
      <c r="B48995" s="14" t="s">
        <v>1</v>
      </c>
      <c r="C48995" s="14" t="s">
        <v>137</v>
      </c>
      <c r="D48995" s="14" t="s">
        <v>146</v>
      </c>
      <c r="E48995" s="15">
        <v>45461</v>
      </c>
      <c r="F48995" s="14" t="s">
        <v>61</v>
      </c>
      <c r="G48995" s="16">
        <v>1.2853085567357616</v>
      </c>
    </row>
    <row r="48996" spans="1:7" x14ac:dyDescent="0.3">
      <c r="A48996" s="13" t="s">
        <v>278</v>
      </c>
      <c r="B48996" s="14" t="s">
        <v>1</v>
      </c>
      <c r="C48996" s="14" t="s">
        <v>137</v>
      </c>
      <c r="D48996" s="14" t="s">
        <v>146</v>
      </c>
      <c r="E48996" s="15">
        <v>45462</v>
      </c>
      <c r="F48996" s="14" t="s">
        <v>61</v>
      </c>
      <c r="G48996" s="16">
        <v>1.3018795246582811</v>
      </c>
    </row>
    <row r="48997" spans="1:7" x14ac:dyDescent="0.3">
      <c r="A48997" s="13" t="s">
        <v>278</v>
      </c>
      <c r="B48997" s="14" t="s">
        <v>1</v>
      </c>
      <c r="C48997" s="14" t="s">
        <v>137</v>
      </c>
      <c r="D48997" s="14" t="s">
        <v>146</v>
      </c>
      <c r="E48997" s="15">
        <v>45463</v>
      </c>
      <c r="F48997" s="14" t="s">
        <v>61</v>
      </c>
      <c r="G48997" s="16">
        <v>1.3242578572418318</v>
      </c>
    </row>
    <row r="48998" spans="1:7" x14ac:dyDescent="0.3">
      <c r="A48998" s="13" t="s">
        <v>278</v>
      </c>
      <c r="B48998" s="14" t="s">
        <v>1</v>
      </c>
      <c r="C48998" s="14" t="s">
        <v>137</v>
      </c>
      <c r="D48998" s="14" t="s">
        <v>146</v>
      </c>
      <c r="E48998" s="15">
        <v>45464</v>
      </c>
      <c r="F48998" s="14" t="s">
        <v>61</v>
      </c>
      <c r="G48998" s="16">
        <v>1.343144364117919</v>
      </c>
    </row>
    <row r="48999" spans="1:7" x14ac:dyDescent="0.3">
      <c r="A48999" s="13" t="s">
        <v>278</v>
      </c>
      <c r="B48999" s="14" t="s">
        <v>1</v>
      </c>
      <c r="C48999" s="14" t="s">
        <v>137</v>
      </c>
      <c r="D48999" s="14" t="s">
        <v>146</v>
      </c>
      <c r="E48999" s="15">
        <v>45465</v>
      </c>
      <c r="F48999" s="14" t="s">
        <v>61</v>
      </c>
      <c r="G48999" s="16">
        <v>1.343144364117919</v>
      </c>
    </row>
    <row r="49000" spans="1:7" x14ac:dyDescent="0.3">
      <c r="A49000" s="13" t="s">
        <v>278</v>
      </c>
      <c r="B49000" s="14" t="s">
        <v>1</v>
      </c>
      <c r="C49000" s="14" t="s">
        <v>137</v>
      </c>
      <c r="D49000" s="14" t="s">
        <v>146</v>
      </c>
      <c r="E49000" s="15">
        <v>45466</v>
      </c>
      <c r="F49000" s="14" t="s">
        <v>61</v>
      </c>
      <c r="G49000" s="16">
        <v>1.343144364117919</v>
      </c>
    </row>
    <row r="49001" spans="1:7" x14ac:dyDescent="0.3">
      <c r="A49001" s="13" t="s">
        <v>278</v>
      </c>
      <c r="B49001" s="14" t="s">
        <v>1</v>
      </c>
      <c r="C49001" s="14" t="s">
        <v>137</v>
      </c>
      <c r="D49001" s="14" t="s">
        <v>146</v>
      </c>
      <c r="E49001" s="15">
        <v>45467</v>
      </c>
      <c r="F49001" s="14" t="s">
        <v>61</v>
      </c>
      <c r="G49001" s="16">
        <v>1.3563315318058757</v>
      </c>
    </row>
    <row r="49002" spans="1:7" x14ac:dyDescent="0.3">
      <c r="A49002" s="13" t="s">
        <v>278</v>
      </c>
      <c r="B49002" s="14" t="s">
        <v>1</v>
      </c>
      <c r="C49002" s="14" t="s">
        <v>137</v>
      </c>
      <c r="D49002" s="14" t="s">
        <v>146</v>
      </c>
      <c r="E49002" s="15">
        <v>45468</v>
      </c>
      <c r="F49002" s="14" t="s">
        <v>61</v>
      </c>
      <c r="G49002" s="16">
        <v>1.4115067331320434</v>
      </c>
    </row>
    <row r="49003" spans="1:7" x14ac:dyDescent="0.3">
      <c r="A49003" s="13" t="s">
        <v>278</v>
      </c>
      <c r="B49003" s="14" t="s">
        <v>1</v>
      </c>
      <c r="C49003" s="14" t="s">
        <v>137</v>
      </c>
      <c r="D49003" s="14" t="s">
        <v>146</v>
      </c>
      <c r="E49003" s="15">
        <v>45469</v>
      </c>
      <c r="F49003" s="14" t="s">
        <v>61</v>
      </c>
      <c r="G49003" s="16">
        <v>1.4333585634070982</v>
      </c>
    </row>
    <row r="49004" spans="1:7" x14ac:dyDescent="0.3">
      <c r="A49004" s="13" t="s">
        <v>278</v>
      </c>
      <c r="B49004" s="14" t="s">
        <v>1</v>
      </c>
      <c r="C49004" s="14" t="s">
        <v>137</v>
      </c>
      <c r="D49004" s="14" t="s">
        <v>146</v>
      </c>
      <c r="E49004" s="15">
        <v>45470</v>
      </c>
      <c r="F49004" s="14" t="s">
        <v>61</v>
      </c>
      <c r="G49004" s="16">
        <v>1.4473847822600607</v>
      </c>
    </row>
    <row r="49005" spans="1:7" x14ac:dyDescent="0.3">
      <c r="A49005" s="13" t="s">
        <v>278</v>
      </c>
      <c r="B49005" s="14" t="s">
        <v>1</v>
      </c>
      <c r="C49005" s="14" t="s">
        <v>137</v>
      </c>
      <c r="D49005" s="14" t="s">
        <v>146</v>
      </c>
      <c r="E49005" s="15">
        <v>45471</v>
      </c>
      <c r="F49005" s="14" t="s">
        <v>61</v>
      </c>
      <c r="G49005" s="16">
        <v>1.4631001623931554</v>
      </c>
    </row>
    <row r="49006" spans="1:7" x14ac:dyDescent="0.3">
      <c r="A49006" s="13" t="s">
        <v>278</v>
      </c>
      <c r="B49006" s="14" t="s">
        <v>1</v>
      </c>
      <c r="C49006" s="14" t="s">
        <v>137</v>
      </c>
      <c r="D49006" s="14" t="s">
        <v>146</v>
      </c>
      <c r="E49006" s="15">
        <v>45472</v>
      </c>
      <c r="F49006" s="14" t="s">
        <v>61</v>
      </c>
      <c r="G49006" s="16">
        <v>1.4631001623931554</v>
      </c>
    </row>
    <row r="49007" spans="1:7" x14ac:dyDescent="0.3">
      <c r="A49007" s="13" t="s">
        <v>278</v>
      </c>
      <c r="B49007" s="14" t="s">
        <v>1</v>
      </c>
      <c r="C49007" s="14" t="s">
        <v>137</v>
      </c>
      <c r="D49007" s="14" t="s">
        <v>146</v>
      </c>
      <c r="E49007" s="15">
        <v>45473</v>
      </c>
      <c r="F49007" s="14" t="s">
        <v>61</v>
      </c>
      <c r="G49007" s="16">
        <v>1.4631001623931554</v>
      </c>
    </row>
    <row r="49008" spans="1:7" x14ac:dyDescent="0.3">
      <c r="A49008" s="13" t="s">
        <v>278</v>
      </c>
      <c r="B49008" s="14" t="s">
        <v>1</v>
      </c>
      <c r="C49008" s="14" t="s">
        <v>137</v>
      </c>
      <c r="D49008" s="14" t="s">
        <v>146</v>
      </c>
      <c r="E49008" s="15">
        <v>45474</v>
      </c>
      <c r="F49008" s="14" t="s">
        <v>61</v>
      </c>
      <c r="G49008" s="16">
        <v>1.4773188757157882</v>
      </c>
    </row>
    <row r="49009" spans="1:7" x14ac:dyDescent="0.3">
      <c r="A49009" s="13" t="s">
        <v>278</v>
      </c>
      <c r="B49009" s="14" t="s">
        <v>1</v>
      </c>
      <c r="C49009" s="14" t="s">
        <v>137</v>
      </c>
      <c r="D49009" s="14" t="s">
        <v>146</v>
      </c>
      <c r="E49009" s="15">
        <v>45475</v>
      </c>
      <c r="F49009" s="14" t="s">
        <v>61</v>
      </c>
      <c r="G49009" s="16">
        <v>1.5306664837275787</v>
      </c>
    </row>
    <row r="49010" spans="1:7" x14ac:dyDescent="0.3">
      <c r="A49010" s="13" t="s">
        <v>278</v>
      </c>
      <c r="B49010" s="14" t="s">
        <v>1</v>
      </c>
      <c r="C49010" s="14" t="s">
        <v>137</v>
      </c>
      <c r="D49010" s="14" t="s">
        <v>146</v>
      </c>
      <c r="E49010" s="15">
        <v>45476</v>
      </c>
      <c r="F49010" s="14" t="s">
        <v>61</v>
      </c>
      <c r="G49010" s="16">
        <v>1.5423708591927252</v>
      </c>
    </row>
    <row r="49011" spans="1:7" x14ac:dyDescent="0.3">
      <c r="A49011" s="13" t="s">
        <v>278</v>
      </c>
      <c r="B49011" s="14" t="s">
        <v>1</v>
      </c>
      <c r="C49011" s="14" t="s">
        <v>137</v>
      </c>
      <c r="D49011" s="14" t="s">
        <v>146</v>
      </c>
      <c r="E49011" s="15">
        <v>45477</v>
      </c>
      <c r="F49011" s="14" t="s">
        <v>61</v>
      </c>
      <c r="G49011" s="16">
        <v>1.5562456407508221</v>
      </c>
    </row>
    <row r="49012" spans="1:7" x14ac:dyDescent="0.3">
      <c r="A49012" s="13" t="s">
        <v>278</v>
      </c>
      <c r="B49012" s="14" t="s">
        <v>1</v>
      </c>
      <c r="C49012" s="14" t="s">
        <v>137</v>
      </c>
      <c r="D49012" s="14" t="s">
        <v>146</v>
      </c>
      <c r="E49012" s="15">
        <v>45478</v>
      </c>
      <c r="F49012" s="14" t="s">
        <v>61</v>
      </c>
      <c r="G49012" s="16">
        <v>1.5695550402596841</v>
      </c>
    </row>
    <row r="49013" spans="1:7" x14ac:dyDescent="0.3">
      <c r="A49013" s="13" t="s">
        <v>278</v>
      </c>
      <c r="B49013" s="14" t="s">
        <v>1</v>
      </c>
      <c r="C49013" s="14" t="s">
        <v>137</v>
      </c>
      <c r="D49013" s="14" t="s">
        <v>146</v>
      </c>
      <c r="E49013" s="15">
        <v>45479</v>
      </c>
      <c r="F49013" s="14" t="s">
        <v>61</v>
      </c>
      <c r="G49013" s="16">
        <v>1.5695550402596841</v>
      </c>
    </row>
    <row r="49014" spans="1:7" x14ac:dyDescent="0.3">
      <c r="A49014" s="13" t="s">
        <v>278</v>
      </c>
      <c r="B49014" s="14" t="s">
        <v>1</v>
      </c>
      <c r="C49014" s="14" t="s">
        <v>137</v>
      </c>
      <c r="D49014" s="14" t="s">
        <v>146</v>
      </c>
      <c r="E49014" s="15">
        <v>45480</v>
      </c>
      <c r="F49014" s="14" t="s">
        <v>61</v>
      </c>
      <c r="G49014" s="16">
        <v>1.5695550402596841</v>
      </c>
    </row>
    <row r="49015" spans="1:7" x14ac:dyDescent="0.3">
      <c r="A49015" s="13" t="s">
        <v>278</v>
      </c>
      <c r="B49015" s="14" t="s">
        <v>1</v>
      </c>
      <c r="C49015" s="14" t="s">
        <v>137</v>
      </c>
      <c r="D49015" s="14" t="s">
        <v>146</v>
      </c>
      <c r="E49015" s="15">
        <v>45481</v>
      </c>
      <c r="F49015" s="14" t="s">
        <v>61</v>
      </c>
      <c r="G49015" s="16">
        <v>1.5889418008891352</v>
      </c>
    </row>
    <row r="49016" spans="1:7" x14ac:dyDescent="0.3">
      <c r="A49016" s="13" t="s">
        <v>278</v>
      </c>
      <c r="B49016" s="14" t="s">
        <v>1</v>
      </c>
      <c r="C49016" s="14" t="s">
        <v>137</v>
      </c>
      <c r="D49016" s="14" t="s">
        <v>146</v>
      </c>
      <c r="E49016" s="15">
        <v>45482</v>
      </c>
      <c r="F49016" s="14" t="s">
        <v>61</v>
      </c>
      <c r="G49016" s="16">
        <v>1.6429830143110982</v>
      </c>
    </row>
    <row r="49017" spans="1:7" x14ac:dyDescent="0.3">
      <c r="A49017" s="13" t="s">
        <v>278</v>
      </c>
      <c r="B49017" s="14" t="s">
        <v>1</v>
      </c>
      <c r="C49017" s="14" t="s">
        <v>137</v>
      </c>
      <c r="D49017" s="14" t="s">
        <v>146</v>
      </c>
      <c r="E49017" s="15">
        <v>45483</v>
      </c>
      <c r="F49017" s="14" t="s">
        <v>61</v>
      </c>
      <c r="G49017" s="16">
        <v>1.6646464575243252</v>
      </c>
    </row>
    <row r="49018" spans="1:7" x14ac:dyDescent="0.3">
      <c r="A49018" s="13" t="s">
        <v>278</v>
      </c>
      <c r="B49018" s="14" t="s">
        <v>1</v>
      </c>
      <c r="C49018" s="14" t="s">
        <v>137</v>
      </c>
      <c r="D49018" s="14" t="s">
        <v>146</v>
      </c>
      <c r="E49018" s="15">
        <v>45484</v>
      </c>
      <c r="F49018" s="14" t="s">
        <v>61</v>
      </c>
      <c r="G49018" s="16">
        <v>1.6759240737092533</v>
      </c>
    </row>
    <row r="49019" spans="1:7" x14ac:dyDescent="0.3">
      <c r="A49019" s="13" t="s">
        <v>278</v>
      </c>
      <c r="B49019" s="14" t="s">
        <v>1</v>
      </c>
      <c r="C49019" s="14" t="s">
        <v>137</v>
      </c>
      <c r="D49019" s="14" t="s">
        <v>146</v>
      </c>
      <c r="E49019" s="15">
        <v>45485</v>
      </c>
      <c r="F49019" s="14" t="s">
        <v>61</v>
      </c>
      <c r="G49019" s="16">
        <v>1.6905575388427423</v>
      </c>
    </row>
    <row r="49020" spans="1:7" x14ac:dyDescent="0.3">
      <c r="A49020" s="13" t="s">
        <v>278</v>
      </c>
      <c r="B49020" s="14" t="s">
        <v>1</v>
      </c>
      <c r="C49020" s="14" t="s">
        <v>137</v>
      </c>
      <c r="D49020" s="14" t="s">
        <v>146</v>
      </c>
      <c r="E49020" s="15">
        <v>45486</v>
      </c>
      <c r="F49020" s="14" t="s">
        <v>61</v>
      </c>
      <c r="G49020" s="16">
        <v>1.6905575388427423</v>
      </c>
    </row>
    <row r="49021" spans="1:7" x14ac:dyDescent="0.3">
      <c r="A49021" s="13" t="s">
        <v>278</v>
      </c>
      <c r="B49021" s="14" t="s">
        <v>1</v>
      </c>
      <c r="C49021" s="14" t="s">
        <v>137</v>
      </c>
      <c r="D49021" s="14" t="s">
        <v>146</v>
      </c>
      <c r="E49021" s="15">
        <v>45487</v>
      </c>
      <c r="F49021" s="14" t="s">
        <v>61</v>
      </c>
      <c r="G49021" s="16">
        <v>1.6905575388427423</v>
      </c>
    </row>
    <row r="49022" spans="1:7" x14ac:dyDescent="0.3">
      <c r="A49022" s="13" t="s">
        <v>278</v>
      </c>
      <c r="B49022" s="14" t="s">
        <v>1</v>
      </c>
      <c r="C49022" s="14" t="s">
        <v>137</v>
      </c>
      <c r="D49022" s="14" t="s">
        <v>146</v>
      </c>
      <c r="E49022" s="15">
        <v>45488</v>
      </c>
      <c r="F49022" s="14" t="s">
        <v>61</v>
      </c>
      <c r="G49022" s="16">
        <v>1.7096309791001065</v>
      </c>
    </row>
    <row r="49023" spans="1:7" x14ac:dyDescent="0.3">
      <c r="A49023" s="13" t="s">
        <v>278</v>
      </c>
      <c r="B49023" s="14" t="s">
        <v>1</v>
      </c>
      <c r="C49023" s="14" t="s">
        <v>137</v>
      </c>
      <c r="D49023" s="14" t="s">
        <v>146</v>
      </c>
      <c r="E49023" s="15">
        <v>45489</v>
      </c>
      <c r="F49023" s="14" t="s">
        <v>61</v>
      </c>
      <c r="G49023" s="16">
        <v>1.7589499324376814</v>
      </c>
    </row>
    <row r="49024" spans="1:7" x14ac:dyDescent="0.3">
      <c r="A49024" s="13" t="s">
        <v>278</v>
      </c>
      <c r="B49024" s="14" t="s">
        <v>1</v>
      </c>
      <c r="C49024" s="14" t="s">
        <v>137</v>
      </c>
      <c r="D49024" s="14" t="s">
        <v>146</v>
      </c>
      <c r="E49024" s="15">
        <v>45490</v>
      </c>
      <c r="F49024" s="14" t="s">
        <v>61</v>
      </c>
      <c r="G49024" s="16">
        <v>1.7693452809156194</v>
      </c>
    </row>
    <row r="49025" spans="1:7" x14ac:dyDescent="0.3">
      <c r="A49025" s="13" t="s">
        <v>278</v>
      </c>
      <c r="B49025" s="14" t="s">
        <v>1</v>
      </c>
      <c r="C49025" s="14" t="s">
        <v>137</v>
      </c>
      <c r="D49025" s="14" t="s">
        <v>146</v>
      </c>
      <c r="E49025" s="15">
        <v>45491</v>
      </c>
      <c r="F49025" s="14" t="s">
        <v>61</v>
      </c>
      <c r="G49025" s="16">
        <v>1.7934782880385416</v>
      </c>
    </row>
    <row r="49026" spans="1:7" x14ac:dyDescent="0.3">
      <c r="A49026" s="13" t="s">
        <v>278</v>
      </c>
      <c r="B49026" s="14" t="s">
        <v>1</v>
      </c>
      <c r="C49026" s="14" t="s">
        <v>137</v>
      </c>
      <c r="D49026" s="14" t="s">
        <v>146</v>
      </c>
      <c r="E49026" s="15">
        <v>45492</v>
      </c>
      <c r="F49026" s="14" t="s">
        <v>61</v>
      </c>
      <c r="G49026" s="16">
        <v>1.8125902622960826</v>
      </c>
    </row>
    <row r="49027" spans="1:7" x14ac:dyDescent="0.3">
      <c r="A49027" s="13" t="s">
        <v>278</v>
      </c>
      <c r="B49027" s="14" t="s">
        <v>1</v>
      </c>
      <c r="C49027" s="14" t="s">
        <v>137</v>
      </c>
      <c r="D49027" s="14" t="s">
        <v>146</v>
      </c>
      <c r="E49027" s="15">
        <v>45493</v>
      </c>
      <c r="F49027" s="14" t="s">
        <v>61</v>
      </c>
      <c r="G49027" s="16">
        <v>1.8125902622960826</v>
      </c>
    </row>
    <row r="49028" spans="1:7" x14ac:dyDescent="0.3">
      <c r="A49028" s="13" t="s">
        <v>278</v>
      </c>
      <c r="B49028" s="14" t="s">
        <v>1</v>
      </c>
      <c r="C49028" s="14" t="s">
        <v>137</v>
      </c>
      <c r="D49028" s="14" t="s">
        <v>146</v>
      </c>
      <c r="E49028" s="15">
        <v>45494</v>
      </c>
      <c r="F49028" s="14" t="s">
        <v>61</v>
      </c>
      <c r="G49028" s="16">
        <v>1.8125902622960826</v>
      </c>
    </row>
    <row r="49029" spans="1:7" x14ac:dyDescent="0.3">
      <c r="A49029" s="13" t="s">
        <v>278</v>
      </c>
      <c r="B49029" s="14" t="s">
        <v>1</v>
      </c>
      <c r="C49029" s="14" t="s">
        <v>137</v>
      </c>
      <c r="D49029" s="14" t="s">
        <v>146</v>
      </c>
      <c r="E49029" s="15">
        <v>45495</v>
      </c>
      <c r="F49029" s="14" t="s">
        <v>61</v>
      </c>
      <c r="G49029" s="16">
        <v>1.8272737844800502</v>
      </c>
    </row>
    <row r="49030" spans="1:7" x14ac:dyDescent="0.3">
      <c r="A49030" s="13" t="s">
        <v>278</v>
      </c>
      <c r="B49030" s="14" t="s">
        <v>1</v>
      </c>
      <c r="C49030" s="14" t="s">
        <v>137</v>
      </c>
      <c r="D49030" s="14" t="s">
        <v>146</v>
      </c>
      <c r="E49030" s="15">
        <v>45496</v>
      </c>
      <c r="F49030" s="14" t="s">
        <v>61</v>
      </c>
      <c r="G49030" s="16">
        <v>1.8846978894548625</v>
      </c>
    </row>
    <row r="49031" spans="1:7" x14ac:dyDescent="0.3">
      <c r="A49031" s="13" t="s">
        <v>278</v>
      </c>
      <c r="B49031" s="14" t="s">
        <v>1</v>
      </c>
      <c r="C49031" s="14" t="s">
        <v>137</v>
      </c>
      <c r="D49031" s="14" t="s">
        <v>146</v>
      </c>
      <c r="E49031" s="15">
        <v>45497</v>
      </c>
      <c r="F49031" s="14" t="s">
        <v>61</v>
      </c>
      <c r="G49031" s="16">
        <v>1.9038982257992934</v>
      </c>
    </row>
    <row r="49032" spans="1:7" x14ac:dyDescent="0.3">
      <c r="A49032" s="13" t="s">
        <v>278</v>
      </c>
      <c r="B49032" s="14" t="s">
        <v>1</v>
      </c>
      <c r="C49032" s="14" t="s">
        <v>137</v>
      </c>
      <c r="D49032" s="14" t="s">
        <v>146</v>
      </c>
      <c r="E49032" s="15">
        <v>45498</v>
      </c>
      <c r="F49032" s="14" t="s">
        <v>61</v>
      </c>
      <c r="G49032" s="16">
        <v>1.9197852799528456</v>
      </c>
    </row>
    <row r="49033" spans="1:7" x14ac:dyDescent="0.3">
      <c r="A49033" s="13" t="s">
        <v>278</v>
      </c>
      <c r="B49033" s="14" t="s">
        <v>1</v>
      </c>
      <c r="C49033" s="14" t="s">
        <v>137</v>
      </c>
      <c r="D49033" s="14" t="s">
        <v>146</v>
      </c>
      <c r="E49033" s="15">
        <v>45499</v>
      </c>
      <c r="F49033" s="14" t="s">
        <v>61</v>
      </c>
      <c r="G49033" s="16">
        <v>1.934962033597128</v>
      </c>
    </row>
    <row r="49034" spans="1:7" x14ac:dyDescent="0.3">
      <c r="A49034" s="13" t="s">
        <v>278</v>
      </c>
      <c r="B49034" s="14" t="s">
        <v>1</v>
      </c>
      <c r="C49034" s="14" t="s">
        <v>137</v>
      </c>
      <c r="D49034" s="14" t="s">
        <v>146</v>
      </c>
      <c r="E49034" s="15">
        <v>45500</v>
      </c>
      <c r="F49034" s="14" t="s">
        <v>61</v>
      </c>
      <c r="G49034" s="16">
        <v>1.934962033597128</v>
      </c>
    </row>
    <row r="49035" spans="1:7" x14ac:dyDescent="0.3">
      <c r="A49035" s="13" t="s">
        <v>278</v>
      </c>
      <c r="B49035" s="14" t="s">
        <v>1</v>
      </c>
      <c r="C49035" s="14" t="s">
        <v>137</v>
      </c>
      <c r="D49035" s="14" t="s">
        <v>146</v>
      </c>
      <c r="E49035" s="15">
        <v>45501</v>
      </c>
      <c r="F49035" s="14" t="s">
        <v>61</v>
      </c>
      <c r="G49035" s="16">
        <v>1.934962033597128</v>
      </c>
    </row>
    <row r="49036" spans="1:7" x14ac:dyDescent="0.3">
      <c r="A49036" s="13" t="s">
        <v>278</v>
      </c>
      <c r="B49036" s="14" t="s">
        <v>1</v>
      </c>
      <c r="C49036" s="14" t="s">
        <v>137</v>
      </c>
      <c r="D49036" s="14" t="s">
        <v>146</v>
      </c>
      <c r="E49036" s="15">
        <v>45502</v>
      </c>
      <c r="F49036" s="14" t="s">
        <v>61</v>
      </c>
      <c r="G49036" s="16">
        <v>1.9540030338066636</v>
      </c>
    </row>
    <row r="49037" spans="1:7" x14ac:dyDescent="0.3">
      <c r="A49037" s="13" t="s">
        <v>278</v>
      </c>
      <c r="B49037" s="14" t="s">
        <v>1</v>
      </c>
      <c r="C49037" s="14" t="s">
        <v>137</v>
      </c>
      <c r="D49037" s="14" t="s">
        <v>146</v>
      </c>
      <c r="E49037" s="15">
        <v>45503</v>
      </c>
      <c r="F49037" s="14" t="s">
        <v>61</v>
      </c>
      <c r="G49037" s="16">
        <v>2.0072629468273466</v>
      </c>
    </row>
    <row r="49038" spans="1:7" x14ac:dyDescent="0.3">
      <c r="A49038" s="13" t="s">
        <v>278</v>
      </c>
      <c r="B49038" s="14" t="s">
        <v>1</v>
      </c>
      <c r="C49038" s="14" t="s">
        <v>137</v>
      </c>
      <c r="D49038" s="14" t="s">
        <v>146</v>
      </c>
      <c r="E49038" s="15">
        <v>45504</v>
      </c>
      <c r="F49038" s="14" t="s">
        <v>61</v>
      </c>
      <c r="G49038" s="16">
        <v>2.022557786293218</v>
      </c>
    </row>
    <row r="49039" spans="1:7" x14ac:dyDescent="0.3">
      <c r="A49039" s="13" t="s">
        <v>278</v>
      </c>
      <c r="B49039" s="14" t="s">
        <v>1</v>
      </c>
      <c r="C49039" s="14" t="s">
        <v>137</v>
      </c>
      <c r="D49039" s="14" t="s">
        <v>146</v>
      </c>
      <c r="E49039" s="15">
        <v>45505</v>
      </c>
      <c r="F49039" s="14" t="s">
        <v>61</v>
      </c>
      <c r="G49039" s="16">
        <v>2.0514355820808103</v>
      </c>
    </row>
    <row r="49040" spans="1:7" x14ac:dyDescent="0.3">
      <c r="A49040" s="13" t="s">
        <v>278</v>
      </c>
      <c r="B49040" s="14" t="s">
        <v>1</v>
      </c>
      <c r="C49040" s="14" t="s">
        <v>137</v>
      </c>
      <c r="D49040" s="14" t="s">
        <v>146</v>
      </c>
      <c r="E49040" s="15">
        <v>45506</v>
      </c>
      <c r="F49040" s="14" t="s">
        <v>61</v>
      </c>
      <c r="G49040" s="16">
        <v>2.0324697264518541</v>
      </c>
    </row>
    <row r="49041" spans="1:7" x14ac:dyDescent="0.3">
      <c r="A49041" s="13" t="s">
        <v>278</v>
      </c>
      <c r="B49041" s="14" t="s">
        <v>1</v>
      </c>
      <c r="C49041" s="14" t="s">
        <v>137</v>
      </c>
      <c r="D49041" s="14" t="s">
        <v>146</v>
      </c>
      <c r="E49041" s="15">
        <v>45507</v>
      </c>
      <c r="F49041" s="14" t="s">
        <v>61</v>
      </c>
      <c r="G49041" s="16">
        <v>2.0324697264518541</v>
      </c>
    </row>
    <row r="49042" spans="1:7" x14ac:dyDescent="0.3">
      <c r="A49042" s="13" t="s">
        <v>278</v>
      </c>
      <c r="B49042" s="14" t="s">
        <v>1</v>
      </c>
      <c r="C49042" s="14" t="s">
        <v>137</v>
      </c>
      <c r="D49042" s="14" t="s">
        <v>146</v>
      </c>
      <c r="E49042" s="15">
        <v>45508</v>
      </c>
      <c r="F49042" s="14" t="s">
        <v>61</v>
      </c>
      <c r="G49042" s="16">
        <v>2.0324697264518541</v>
      </c>
    </row>
    <row r="49043" spans="1:7" x14ac:dyDescent="0.3">
      <c r="A49043" s="13" t="s">
        <v>278</v>
      </c>
      <c r="B49043" s="14" t="s">
        <v>1</v>
      </c>
      <c r="C49043" s="14" t="s">
        <v>137</v>
      </c>
      <c r="D49043" s="14" t="s">
        <v>146</v>
      </c>
      <c r="E49043" s="15">
        <v>45509</v>
      </c>
      <c r="F49043" s="14" t="s">
        <v>61</v>
      </c>
      <c r="G49043" s="16">
        <v>2.0324697264518541</v>
      </c>
    </row>
    <row r="49044" spans="1:7" x14ac:dyDescent="0.3">
      <c r="A49044" s="13" t="s">
        <v>278</v>
      </c>
      <c r="B49044" s="14" t="s">
        <v>1</v>
      </c>
      <c r="C49044" s="14" t="s">
        <v>137</v>
      </c>
      <c r="D49044" s="14" t="s">
        <v>146</v>
      </c>
      <c r="E49044" s="15">
        <v>45510</v>
      </c>
      <c r="F49044" s="14" t="s">
        <v>61</v>
      </c>
      <c r="G49044" s="16">
        <v>2.0478550414460663</v>
      </c>
    </row>
    <row r="49045" spans="1:7" x14ac:dyDescent="0.3">
      <c r="A49045" s="13" t="s">
        <v>278</v>
      </c>
      <c r="B49045" s="14" t="s">
        <v>1</v>
      </c>
      <c r="C49045" s="14" t="s">
        <v>137</v>
      </c>
      <c r="D49045" s="14" t="s">
        <v>146</v>
      </c>
      <c r="E49045" s="15">
        <v>45511</v>
      </c>
      <c r="F49045" s="14" t="s">
        <v>61</v>
      </c>
      <c r="G49045" s="16">
        <v>2.1200913255183771</v>
      </c>
    </row>
    <row r="49046" spans="1:7" x14ac:dyDescent="0.3">
      <c r="A49046" s="13" t="s">
        <v>278</v>
      </c>
      <c r="B49046" s="14" t="s">
        <v>1</v>
      </c>
      <c r="C49046" s="14" t="s">
        <v>137</v>
      </c>
      <c r="D49046" s="14" t="s">
        <v>146</v>
      </c>
      <c r="E49046" s="15">
        <v>45512</v>
      </c>
      <c r="F49046" s="14" t="s">
        <v>61</v>
      </c>
      <c r="G49046" s="16">
        <v>2.1377332718761139</v>
      </c>
    </row>
    <row r="49047" spans="1:7" x14ac:dyDescent="0.3">
      <c r="A49047" s="13" t="s">
        <v>278</v>
      </c>
      <c r="B49047" s="14" t="s">
        <v>1</v>
      </c>
      <c r="C49047" s="14" t="s">
        <v>137</v>
      </c>
      <c r="D49047" s="14" t="s">
        <v>146</v>
      </c>
      <c r="E49047" s="15">
        <v>45513</v>
      </c>
      <c r="F49047" s="14" t="s">
        <v>61</v>
      </c>
      <c r="G49047" s="16">
        <v>2.1625720672477513</v>
      </c>
    </row>
    <row r="49048" spans="1:7" x14ac:dyDescent="0.3">
      <c r="A49048" s="13" t="s">
        <v>278</v>
      </c>
      <c r="B49048" s="14" t="s">
        <v>1</v>
      </c>
      <c r="C49048" s="14" t="s">
        <v>137</v>
      </c>
      <c r="D49048" s="14" t="s">
        <v>146</v>
      </c>
      <c r="E49048" s="15">
        <v>45514</v>
      </c>
      <c r="F49048" s="14" t="s">
        <v>61</v>
      </c>
      <c r="G49048" s="16">
        <v>2.1625720672477513</v>
      </c>
    </row>
    <row r="49049" spans="1:7" x14ac:dyDescent="0.3">
      <c r="A49049" s="13" t="s">
        <v>278</v>
      </c>
      <c r="B49049" s="14" t="s">
        <v>1</v>
      </c>
      <c r="C49049" s="14" t="s">
        <v>137</v>
      </c>
      <c r="D49049" s="14" t="s">
        <v>146</v>
      </c>
      <c r="E49049" s="15">
        <v>45515</v>
      </c>
      <c r="F49049" s="14" t="s">
        <v>61</v>
      </c>
      <c r="G49049" s="16">
        <v>2.1625720672477513</v>
      </c>
    </row>
    <row r="49050" spans="1:7" x14ac:dyDescent="0.3">
      <c r="A49050" s="13" t="s">
        <v>278</v>
      </c>
      <c r="B49050" s="14" t="s">
        <v>1</v>
      </c>
      <c r="C49050" s="14" t="s">
        <v>137</v>
      </c>
      <c r="D49050" s="14" t="s">
        <v>146</v>
      </c>
      <c r="E49050" s="15">
        <v>45516</v>
      </c>
      <c r="F49050" s="14" t="s">
        <v>61</v>
      </c>
      <c r="G49050" s="16">
        <v>2.1766589195505439</v>
      </c>
    </row>
    <row r="49051" spans="1:7" x14ac:dyDescent="0.3">
      <c r="A49051" s="13" t="s">
        <v>278</v>
      </c>
      <c r="B49051" s="14" t="s">
        <v>1</v>
      </c>
      <c r="C49051" s="14" t="s">
        <v>137</v>
      </c>
      <c r="D49051" s="14" t="s">
        <v>146</v>
      </c>
      <c r="E49051" s="15">
        <v>45517</v>
      </c>
      <c r="F49051" s="14" t="s">
        <v>61</v>
      </c>
      <c r="G49051" s="16">
        <v>2.2160451045262541</v>
      </c>
    </row>
    <row r="49052" spans="1:7" x14ac:dyDescent="0.3">
      <c r="A49052" s="13" t="s">
        <v>278</v>
      </c>
      <c r="B49052" s="14" t="s">
        <v>1</v>
      </c>
      <c r="C49052" s="14" t="s">
        <v>137</v>
      </c>
      <c r="D49052" s="14" t="s">
        <v>146</v>
      </c>
      <c r="E49052" s="15">
        <v>45518</v>
      </c>
      <c r="F49052" s="14" t="s">
        <v>61</v>
      </c>
      <c r="G49052" s="16">
        <v>2.2292196239162179</v>
      </c>
    </row>
    <row r="49053" spans="1:7" x14ac:dyDescent="0.3">
      <c r="A49053" s="13" t="s">
        <v>278</v>
      </c>
      <c r="B49053" s="14" t="s">
        <v>1</v>
      </c>
      <c r="C49053" s="14" t="s">
        <v>137</v>
      </c>
      <c r="D49053" s="14" t="s">
        <v>146</v>
      </c>
      <c r="E49053" s="15">
        <v>45519</v>
      </c>
      <c r="F49053" s="14" t="s">
        <v>61</v>
      </c>
      <c r="G49053" s="16">
        <v>2.2544469537183378</v>
      </c>
    </row>
    <row r="49054" spans="1:7" x14ac:dyDescent="0.3">
      <c r="A49054" s="13" t="s">
        <v>278</v>
      </c>
      <c r="B49054" s="14" t="s">
        <v>1</v>
      </c>
      <c r="C49054" s="14" t="s">
        <v>137</v>
      </c>
      <c r="D49054" s="14" t="s">
        <v>146</v>
      </c>
      <c r="E49054" s="15">
        <v>45520</v>
      </c>
      <c r="F49054" s="14" t="s">
        <v>61</v>
      </c>
      <c r="G49054" s="16">
        <v>2.2612684228852018</v>
      </c>
    </row>
    <row r="49055" spans="1:7" x14ac:dyDescent="0.3">
      <c r="A49055" s="13" t="s">
        <v>278</v>
      </c>
      <c r="B49055" s="14" t="s">
        <v>1</v>
      </c>
      <c r="C49055" s="14" t="s">
        <v>137</v>
      </c>
      <c r="D49055" s="14" t="s">
        <v>146</v>
      </c>
      <c r="E49055" s="15">
        <v>45521</v>
      </c>
      <c r="F49055" s="14" t="s">
        <v>61</v>
      </c>
      <c r="G49055" s="16">
        <v>2.2612684228852018</v>
      </c>
    </row>
    <row r="49056" spans="1:7" x14ac:dyDescent="0.3">
      <c r="A49056" s="13" t="s">
        <v>278</v>
      </c>
      <c r="B49056" s="14" t="s">
        <v>1</v>
      </c>
      <c r="C49056" s="14" t="s">
        <v>137</v>
      </c>
      <c r="D49056" s="14" t="s">
        <v>146</v>
      </c>
      <c r="E49056" s="15">
        <v>45522</v>
      </c>
      <c r="F49056" s="14" t="s">
        <v>61</v>
      </c>
      <c r="G49056" s="16">
        <v>2.2612684228852018</v>
      </c>
    </row>
    <row r="49057" spans="1:7" x14ac:dyDescent="0.3">
      <c r="A49057" s="13" t="s">
        <v>278</v>
      </c>
      <c r="B49057" s="14" t="s">
        <v>1</v>
      </c>
      <c r="C49057" s="14" t="s">
        <v>137</v>
      </c>
      <c r="D49057" s="14" t="s">
        <v>146</v>
      </c>
      <c r="E49057" s="15">
        <v>45523</v>
      </c>
      <c r="F49057" s="14" t="s">
        <v>61</v>
      </c>
      <c r="G49057" s="16">
        <v>2.267280993740215</v>
      </c>
    </row>
    <row r="49058" spans="1:7" x14ac:dyDescent="0.3">
      <c r="A49058" s="13" t="s">
        <v>278</v>
      </c>
      <c r="B49058" s="14" t="s">
        <v>1</v>
      </c>
      <c r="C49058" s="14" t="s">
        <v>137</v>
      </c>
      <c r="D49058" s="14" t="s">
        <v>146</v>
      </c>
      <c r="E49058" s="15">
        <v>45524</v>
      </c>
      <c r="F49058" s="14" t="s">
        <v>61</v>
      </c>
      <c r="G49058" s="16">
        <v>2.3085647440367558</v>
      </c>
    </row>
    <row r="49059" spans="1:7" x14ac:dyDescent="0.3">
      <c r="A49059" s="13" t="s">
        <v>278</v>
      </c>
      <c r="B49059" s="14" t="s">
        <v>1</v>
      </c>
      <c r="C49059" s="14" t="s">
        <v>137</v>
      </c>
      <c r="D49059" s="14" t="s">
        <v>146</v>
      </c>
      <c r="E49059" s="15">
        <v>45525</v>
      </c>
      <c r="F49059" s="14" t="s">
        <v>61</v>
      </c>
      <c r="G49059" s="16">
        <v>2.3218313767451861</v>
      </c>
    </row>
    <row r="49060" spans="1:7" x14ac:dyDescent="0.3">
      <c r="A49060" s="13" t="s">
        <v>278</v>
      </c>
      <c r="B49060" s="14" t="s">
        <v>1</v>
      </c>
      <c r="C49060" s="14" t="s">
        <v>137</v>
      </c>
      <c r="D49060" s="14" t="s">
        <v>146</v>
      </c>
      <c r="E49060" s="15">
        <v>45526</v>
      </c>
      <c r="F49060" s="14" t="s">
        <v>61</v>
      </c>
      <c r="G49060" s="16">
        <v>2.3463063610091832</v>
      </c>
    </row>
    <row r="49061" spans="1:7" x14ac:dyDescent="0.3">
      <c r="A49061" s="13" t="s">
        <v>278</v>
      </c>
      <c r="B49061" s="14" t="s">
        <v>1</v>
      </c>
      <c r="C49061" s="14" t="s">
        <v>137</v>
      </c>
      <c r="D49061" s="14" t="s">
        <v>146</v>
      </c>
      <c r="E49061" s="15">
        <v>45527</v>
      </c>
      <c r="F49061" s="14" t="s">
        <v>61</v>
      </c>
      <c r="G49061" s="16">
        <v>2.3464847328952843</v>
      </c>
    </row>
    <row r="49062" spans="1:7" x14ac:dyDescent="0.3">
      <c r="A49062" s="13" t="s">
        <v>278</v>
      </c>
      <c r="B49062" s="14" t="s">
        <v>1</v>
      </c>
      <c r="C49062" s="14" t="s">
        <v>137</v>
      </c>
      <c r="D49062" s="14" t="s">
        <v>146</v>
      </c>
      <c r="E49062" s="15">
        <v>45528</v>
      </c>
      <c r="F49062" s="14" t="s">
        <v>61</v>
      </c>
      <c r="G49062" s="16">
        <v>2.3464847328952843</v>
      </c>
    </row>
    <row r="49063" spans="1:7" x14ac:dyDescent="0.3">
      <c r="A49063" s="13" t="s">
        <v>278</v>
      </c>
      <c r="B49063" s="14" t="s">
        <v>1</v>
      </c>
      <c r="C49063" s="14" t="s">
        <v>137</v>
      </c>
      <c r="D49063" s="14" t="s">
        <v>146</v>
      </c>
      <c r="E49063" s="15">
        <v>45529</v>
      </c>
      <c r="F49063" s="14" t="s">
        <v>61</v>
      </c>
      <c r="G49063" s="16">
        <v>2.3464847328952843</v>
      </c>
    </row>
    <row r="49064" spans="1:7" x14ac:dyDescent="0.3">
      <c r="A49064" s="13" t="s">
        <v>278</v>
      </c>
      <c r="B49064" s="14" t="s">
        <v>1</v>
      </c>
      <c r="C49064" s="14" t="s">
        <v>137</v>
      </c>
      <c r="D49064" s="14" t="s">
        <v>146</v>
      </c>
      <c r="E49064" s="15">
        <v>45530</v>
      </c>
      <c r="F49064" s="14" t="s">
        <v>61</v>
      </c>
      <c r="G49064" s="16">
        <v>2.369586991935019</v>
      </c>
    </row>
    <row r="49065" spans="1:7" x14ac:dyDescent="0.3">
      <c r="A49065" s="13" t="s">
        <v>278</v>
      </c>
      <c r="B49065" s="14" t="s">
        <v>1</v>
      </c>
      <c r="C49065" s="14" t="s">
        <v>137</v>
      </c>
      <c r="D49065" s="14" t="s">
        <v>146</v>
      </c>
      <c r="E49065" s="15">
        <v>45531</v>
      </c>
      <c r="F49065" s="14" t="s">
        <v>61</v>
      </c>
      <c r="G49065" s="16">
        <v>2.4143250488187307</v>
      </c>
    </row>
    <row r="49066" spans="1:7" x14ac:dyDescent="0.3">
      <c r="A49066" s="13" t="s">
        <v>278</v>
      </c>
      <c r="B49066" s="14" t="s">
        <v>1</v>
      </c>
      <c r="C49066" s="14" t="s">
        <v>137</v>
      </c>
      <c r="D49066" s="14" t="s">
        <v>146</v>
      </c>
      <c r="E49066" s="15">
        <v>45532</v>
      </c>
      <c r="F49066" s="14" t="s">
        <v>61</v>
      </c>
      <c r="G49066" s="16">
        <v>2.4443140846498923</v>
      </c>
    </row>
    <row r="49067" spans="1:7" x14ac:dyDescent="0.3">
      <c r="A49067" s="13" t="s">
        <v>278</v>
      </c>
      <c r="B49067" s="14" t="s">
        <v>1</v>
      </c>
      <c r="C49067" s="14" t="s">
        <v>137</v>
      </c>
      <c r="D49067" s="14" t="s">
        <v>146</v>
      </c>
      <c r="E49067" s="15">
        <v>45533</v>
      </c>
      <c r="F49067" s="14" t="s">
        <v>61</v>
      </c>
      <c r="G49067" s="16">
        <v>2.4703596469856697</v>
      </c>
    </row>
    <row r="49068" spans="1:7" x14ac:dyDescent="0.3">
      <c r="A49068" s="13" t="s">
        <v>278</v>
      </c>
      <c r="B49068" s="14" t="s">
        <v>1</v>
      </c>
      <c r="C49068" s="14" t="s">
        <v>137</v>
      </c>
      <c r="D49068" s="14" t="s">
        <v>146</v>
      </c>
      <c r="E49068" s="15">
        <v>45534</v>
      </c>
      <c r="F49068" s="14" t="s">
        <v>61</v>
      </c>
      <c r="G49068" s="16">
        <v>2.4928768646821684</v>
      </c>
    </row>
    <row r="49069" spans="1:7" x14ac:dyDescent="0.3">
      <c r="A49069" s="13" t="s">
        <v>278</v>
      </c>
      <c r="B49069" s="14" t="s">
        <v>1</v>
      </c>
      <c r="C49069" s="14" t="s">
        <v>137</v>
      </c>
      <c r="D49069" s="14" t="s">
        <v>146</v>
      </c>
      <c r="E49069" s="15">
        <v>45535</v>
      </c>
      <c r="F49069" s="14" t="s">
        <v>61</v>
      </c>
      <c r="G49069" s="16">
        <v>2.4928768646821684</v>
      </c>
    </row>
    <row r="49070" spans="1:7" x14ac:dyDescent="0.3">
      <c r="A49070" s="13" t="s">
        <v>278</v>
      </c>
      <c r="B49070" s="14" t="s">
        <v>1</v>
      </c>
      <c r="C49070" s="14" t="s">
        <v>137</v>
      </c>
      <c r="D49070" s="14" t="s">
        <v>146</v>
      </c>
      <c r="E49070" s="15">
        <v>45536</v>
      </c>
      <c r="F49070" s="14" t="s">
        <v>61</v>
      </c>
      <c r="G49070" s="16">
        <v>2.4928768646821684</v>
      </c>
    </row>
    <row r="49071" spans="1:7" x14ac:dyDescent="0.3">
      <c r="A49071" s="13" t="s">
        <v>278</v>
      </c>
      <c r="B49071" s="14" t="s">
        <v>1</v>
      </c>
      <c r="C49071" s="14" t="s">
        <v>137</v>
      </c>
      <c r="D49071" s="14" t="s">
        <v>146</v>
      </c>
      <c r="E49071" s="15">
        <v>45537</v>
      </c>
      <c r="F49071" s="14" t="s">
        <v>61</v>
      </c>
      <c r="G49071" s="16">
        <v>2.5040619458089259</v>
      </c>
    </row>
    <row r="49072" spans="1:7" x14ac:dyDescent="0.3">
      <c r="A49072" s="13" t="s">
        <v>278</v>
      </c>
      <c r="B49072" s="14" t="s">
        <v>1</v>
      </c>
      <c r="C49072" s="14" t="s">
        <v>137</v>
      </c>
      <c r="D49072" s="14" t="s">
        <v>146</v>
      </c>
      <c r="E49072" s="15">
        <v>45538</v>
      </c>
      <c r="F49072" s="14" t="s">
        <v>61</v>
      </c>
      <c r="G49072" s="16">
        <v>2.5472498925215223</v>
      </c>
    </row>
    <row r="49073" spans="1:7" x14ac:dyDescent="0.3">
      <c r="A49073" s="13" t="s">
        <v>278</v>
      </c>
      <c r="B49073" s="14" t="s">
        <v>1</v>
      </c>
      <c r="C49073" s="14" t="s">
        <v>137</v>
      </c>
      <c r="D49073" s="14" t="s">
        <v>146</v>
      </c>
      <c r="E49073" s="15">
        <v>45539</v>
      </c>
      <c r="F49073" s="14" t="s">
        <v>61</v>
      </c>
      <c r="G49073" s="16">
        <v>2.5546384241161655</v>
      </c>
    </row>
    <row r="49074" spans="1:7" x14ac:dyDescent="0.3">
      <c r="A49074" s="13" t="s">
        <v>278</v>
      </c>
      <c r="B49074" s="14" t="s">
        <v>1</v>
      </c>
      <c r="C49074" s="14" t="s">
        <v>137</v>
      </c>
      <c r="D49074" s="14" t="s">
        <v>146</v>
      </c>
      <c r="E49074" s="15">
        <v>45540</v>
      </c>
      <c r="F49074" s="14" t="s">
        <v>61</v>
      </c>
      <c r="G49074" s="16">
        <v>2.5645589006681639</v>
      </c>
    </row>
    <row r="49075" spans="1:7" x14ac:dyDescent="0.3">
      <c r="A49075" s="13" t="s">
        <v>278</v>
      </c>
      <c r="B49075" s="14" t="s">
        <v>1</v>
      </c>
      <c r="C49075" s="14" t="s">
        <v>137</v>
      </c>
      <c r="D49075" s="14" t="s">
        <v>146</v>
      </c>
      <c r="E49075" s="15">
        <v>45541</v>
      </c>
      <c r="F49075" s="14" t="s">
        <v>61</v>
      </c>
      <c r="G49075" s="16">
        <v>2.5865691561828701</v>
      </c>
    </row>
    <row r="49076" spans="1:7" x14ac:dyDescent="0.3">
      <c r="A49076" s="13" t="s">
        <v>278</v>
      </c>
      <c r="B49076" s="14" t="s">
        <v>1</v>
      </c>
      <c r="C49076" s="14" t="s">
        <v>137</v>
      </c>
      <c r="D49076" s="14" t="s">
        <v>146</v>
      </c>
      <c r="E49076" s="15">
        <v>45542</v>
      </c>
      <c r="F49076" s="14" t="s">
        <v>61</v>
      </c>
      <c r="G49076" s="16">
        <v>2.5865691561828701</v>
      </c>
    </row>
    <row r="49077" spans="1:7" x14ac:dyDescent="0.3">
      <c r="A49077" s="13" t="s">
        <v>278</v>
      </c>
      <c r="B49077" s="14" t="s">
        <v>1</v>
      </c>
      <c r="C49077" s="14" t="s">
        <v>137</v>
      </c>
      <c r="D49077" s="14" t="s">
        <v>146</v>
      </c>
      <c r="E49077" s="15">
        <v>45543</v>
      </c>
      <c r="F49077" s="14" t="s">
        <v>61</v>
      </c>
      <c r="G49077" s="16">
        <v>2.5865691561828701</v>
      </c>
    </row>
    <row r="49078" spans="1:7" x14ac:dyDescent="0.3">
      <c r="A49078" s="13" t="s">
        <v>278</v>
      </c>
      <c r="B49078" s="14" t="s">
        <v>1</v>
      </c>
      <c r="C49078" s="14" t="s">
        <v>137</v>
      </c>
      <c r="D49078" s="14" t="s">
        <v>146</v>
      </c>
      <c r="E49078" s="15">
        <v>45544</v>
      </c>
      <c r="F49078" s="14" t="s">
        <v>61</v>
      </c>
      <c r="G49078" s="16">
        <v>2.6215747014549637</v>
      </c>
    </row>
    <row r="49079" spans="1:7" x14ac:dyDescent="0.3">
      <c r="A49079" s="13" t="s">
        <v>278</v>
      </c>
      <c r="B49079" s="14" t="s">
        <v>1</v>
      </c>
      <c r="C49079" s="14" t="s">
        <v>137</v>
      </c>
      <c r="D49079" s="14" t="s">
        <v>146</v>
      </c>
      <c r="E49079" s="15">
        <v>45545</v>
      </c>
      <c r="F49079" s="14" t="s">
        <v>61</v>
      </c>
      <c r="G49079" s="16">
        <v>2.6698710435326887</v>
      </c>
    </row>
    <row r="49080" spans="1:7" x14ac:dyDescent="0.3">
      <c r="A49080" s="13" t="s">
        <v>278</v>
      </c>
      <c r="B49080" s="14" t="s">
        <v>1</v>
      </c>
      <c r="C49080" s="14" t="s">
        <v>137</v>
      </c>
      <c r="D49080" s="14" t="s">
        <v>146</v>
      </c>
      <c r="E49080" s="15">
        <v>45546</v>
      </c>
      <c r="F49080" s="14" t="s">
        <v>61</v>
      </c>
      <c r="G49080" s="16">
        <v>2.6881571065064866</v>
      </c>
    </row>
    <row r="49081" spans="1:7" x14ac:dyDescent="0.3">
      <c r="A49081" s="13" t="s">
        <v>278</v>
      </c>
      <c r="B49081" s="14" t="s">
        <v>1</v>
      </c>
      <c r="C49081" s="14" t="s">
        <v>137</v>
      </c>
      <c r="D49081" s="14" t="s">
        <v>146</v>
      </c>
      <c r="E49081" s="15">
        <v>45547</v>
      </c>
      <c r="F49081" s="14" t="s">
        <v>61</v>
      </c>
      <c r="G49081" s="16">
        <v>2.6897607562834884</v>
      </c>
    </row>
    <row r="49082" spans="1:7" x14ac:dyDescent="0.3">
      <c r="A49082" s="13" t="s">
        <v>278</v>
      </c>
      <c r="B49082" s="14" t="s">
        <v>1</v>
      </c>
      <c r="C49082" s="14" t="s">
        <v>137</v>
      </c>
      <c r="D49082" s="14" t="s">
        <v>146</v>
      </c>
      <c r="E49082" s="15">
        <v>45548</v>
      </c>
      <c r="F49082" s="14" t="s">
        <v>61</v>
      </c>
      <c r="G49082" s="16">
        <v>2.7071617467801246</v>
      </c>
    </row>
    <row r="49083" spans="1:7" x14ac:dyDescent="0.3">
      <c r="A49083" s="13" t="s">
        <v>278</v>
      </c>
      <c r="B49083" s="14" t="s">
        <v>1</v>
      </c>
      <c r="C49083" s="14" t="s">
        <v>137</v>
      </c>
      <c r="D49083" s="14" t="s">
        <v>146</v>
      </c>
      <c r="E49083" s="15">
        <v>45549</v>
      </c>
      <c r="F49083" s="14" t="s">
        <v>61</v>
      </c>
      <c r="G49083" s="16">
        <v>2.7071617467801246</v>
      </c>
    </row>
    <row r="49084" spans="1:7" x14ac:dyDescent="0.3">
      <c r="A49084" s="13" t="s">
        <v>278</v>
      </c>
      <c r="B49084" s="14" t="s">
        <v>1</v>
      </c>
      <c r="C49084" s="14" t="s">
        <v>137</v>
      </c>
      <c r="D49084" s="14" t="s">
        <v>146</v>
      </c>
      <c r="E49084" s="15">
        <v>45550</v>
      </c>
      <c r="F49084" s="14" t="s">
        <v>61</v>
      </c>
      <c r="G49084" s="16">
        <v>2.7071617467801246</v>
      </c>
    </row>
    <row r="49085" spans="1:7" x14ac:dyDescent="0.3">
      <c r="A49085" s="13" t="s">
        <v>278</v>
      </c>
      <c r="B49085" s="14" t="s">
        <v>1</v>
      </c>
      <c r="C49085" s="14" t="s">
        <v>137</v>
      </c>
      <c r="D49085" s="14" t="s">
        <v>146</v>
      </c>
      <c r="E49085" s="15">
        <v>45551</v>
      </c>
      <c r="F49085" s="14" t="s">
        <v>61</v>
      </c>
      <c r="G49085" s="16">
        <v>2.7101841493170196</v>
      </c>
    </row>
    <row r="49086" spans="1:7" x14ac:dyDescent="0.3">
      <c r="A49086" s="13" t="s">
        <v>278</v>
      </c>
      <c r="B49086" s="14" t="s">
        <v>1</v>
      </c>
      <c r="C49086" s="14" t="s">
        <v>137</v>
      </c>
      <c r="D49086" s="14" t="s">
        <v>146</v>
      </c>
      <c r="E49086" s="15">
        <v>45552</v>
      </c>
      <c r="F49086" s="14" t="s">
        <v>61</v>
      </c>
      <c r="G49086" s="16">
        <v>2.7655032307980365</v>
      </c>
    </row>
    <row r="49087" spans="1:7" x14ac:dyDescent="0.3">
      <c r="A49087" s="13" t="s">
        <v>278</v>
      </c>
      <c r="B49087" s="14" t="s">
        <v>1</v>
      </c>
      <c r="C49087" s="14" t="s">
        <v>137</v>
      </c>
      <c r="D49087" s="14" t="s">
        <v>146</v>
      </c>
      <c r="E49087" s="15">
        <v>45553</v>
      </c>
      <c r="F49087" s="14" t="s">
        <v>61</v>
      </c>
      <c r="G49087" s="16">
        <v>2.7804788966576606</v>
      </c>
    </row>
    <row r="49088" spans="1:7" x14ac:dyDescent="0.3">
      <c r="A49088" s="13" t="s">
        <v>278</v>
      </c>
      <c r="B49088" s="14" t="s">
        <v>1</v>
      </c>
      <c r="C49088" s="14" t="s">
        <v>137</v>
      </c>
      <c r="D49088" s="14" t="s">
        <v>146</v>
      </c>
      <c r="E49088" s="15">
        <v>45554</v>
      </c>
      <c r="F49088" s="14" t="s">
        <v>61</v>
      </c>
      <c r="G49088" s="16">
        <v>2.7862025429330144</v>
      </c>
    </row>
    <row r="49089" spans="1:7" x14ac:dyDescent="0.3">
      <c r="A49089" s="13" t="s">
        <v>278</v>
      </c>
      <c r="B49089" s="14" t="s">
        <v>1</v>
      </c>
      <c r="C49089" s="14" t="s">
        <v>137</v>
      </c>
      <c r="D49089" s="14" t="s">
        <v>146</v>
      </c>
      <c r="E49089" s="15">
        <v>45555</v>
      </c>
      <c r="F49089" s="14" t="s">
        <v>61</v>
      </c>
      <c r="G49089" s="16">
        <v>2.8077807280144564</v>
      </c>
    </row>
    <row r="49090" spans="1:7" x14ac:dyDescent="0.3">
      <c r="A49090" s="13" t="s">
        <v>278</v>
      </c>
      <c r="B49090" s="14" t="s">
        <v>1</v>
      </c>
      <c r="C49090" s="14" t="s">
        <v>137</v>
      </c>
      <c r="D49090" s="14" t="s">
        <v>146</v>
      </c>
      <c r="E49090" s="15">
        <v>45556</v>
      </c>
      <c r="F49090" s="14" t="s">
        <v>61</v>
      </c>
      <c r="G49090" s="16">
        <v>2.8077807280144564</v>
      </c>
    </row>
    <row r="49091" spans="1:7" x14ac:dyDescent="0.3">
      <c r="A49091" s="13" t="s">
        <v>278</v>
      </c>
      <c r="B49091" s="14" t="s">
        <v>1</v>
      </c>
      <c r="C49091" s="14" t="s">
        <v>137</v>
      </c>
      <c r="D49091" s="14" t="s">
        <v>146</v>
      </c>
      <c r="E49091" s="15">
        <v>45557</v>
      </c>
      <c r="F49091" s="14" t="s">
        <v>61</v>
      </c>
      <c r="G49091" s="16">
        <v>2.8077807280144564</v>
      </c>
    </row>
    <row r="49092" spans="1:7" x14ac:dyDescent="0.3">
      <c r="A49092" s="13" t="s">
        <v>278</v>
      </c>
      <c r="B49092" s="14" t="s">
        <v>1</v>
      </c>
      <c r="C49092" s="14" t="s">
        <v>137</v>
      </c>
      <c r="D49092" s="14" t="s">
        <v>146</v>
      </c>
      <c r="E49092" s="15">
        <v>45558</v>
      </c>
      <c r="F49092" s="14" t="s">
        <v>61</v>
      </c>
      <c r="G49092" s="16">
        <v>2.837291666352157</v>
      </c>
    </row>
    <row r="49093" spans="1:7" x14ac:dyDescent="0.3">
      <c r="A49093" s="13" t="s">
        <v>278</v>
      </c>
      <c r="B49093" s="14" t="s">
        <v>1</v>
      </c>
      <c r="C49093" s="14" t="s">
        <v>137</v>
      </c>
      <c r="D49093" s="14" t="s">
        <v>146</v>
      </c>
      <c r="E49093" s="15">
        <v>45559</v>
      </c>
      <c r="F49093" s="14" t="s">
        <v>61</v>
      </c>
      <c r="G49093" s="16">
        <v>2.8666178255086647</v>
      </c>
    </row>
    <row r="49094" spans="1:7" x14ac:dyDescent="0.3">
      <c r="A49094" s="13" t="s">
        <v>278</v>
      </c>
      <c r="B49094" s="14" t="s">
        <v>1</v>
      </c>
      <c r="C49094" s="14" t="s">
        <v>137</v>
      </c>
      <c r="D49094" s="14" t="s">
        <v>146</v>
      </c>
      <c r="E49094" s="15">
        <v>45560</v>
      </c>
      <c r="F49094" s="14" t="s">
        <v>61</v>
      </c>
      <c r="G49094" s="16">
        <v>2.8944257725452811</v>
      </c>
    </row>
    <row r="49095" spans="1:7" x14ac:dyDescent="0.3">
      <c r="A49095" s="13" t="s">
        <v>278</v>
      </c>
      <c r="B49095" s="14" t="s">
        <v>1</v>
      </c>
      <c r="C49095" s="14" t="s">
        <v>137</v>
      </c>
      <c r="D49095" s="14" t="s">
        <v>146</v>
      </c>
      <c r="E49095" s="15">
        <v>45561</v>
      </c>
      <c r="F49095" s="14" t="s">
        <v>61</v>
      </c>
      <c r="G49095" s="16">
        <v>2.8999916588085837</v>
      </c>
    </row>
    <row r="49096" spans="1:7" x14ac:dyDescent="0.3">
      <c r="A49096" s="13" t="s">
        <v>278</v>
      </c>
      <c r="B49096" s="14" t="s">
        <v>1</v>
      </c>
      <c r="C49096" s="14" t="s">
        <v>137</v>
      </c>
      <c r="D49096" s="14" t="s">
        <v>146</v>
      </c>
      <c r="E49096" s="15">
        <v>45562</v>
      </c>
      <c r="F49096" s="14" t="s">
        <v>61</v>
      </c>
      <c r="G49096" s="16">
        <v>2.9205160037008597</v>
      </c>
    </row>
    <row r="49097" spans="1:7" x14ac:dyDescent="0.3">
      <c r="A49097" s="13" t="s">
        <v>278</v>
      </c>
      <c r="B49097" s="14" t="s">
        <v>1</v>
      </c>
      <c r="C49097" s="14" t="s">
        <v>137</v>
      </c>
      <c r="D49097" s="14" t="s">
        <v>146</v>
      </c>
      <c r="E49097" s="15">
        <v>45563</v>
      </c>
      <c r="F49097" s="14" t="s">
        <v>61</v>
      </c>
      <c r="G49097" s="16">
        <v>2.9205160037008597</v>
      </c>
    </row>
    <row r="49098" spans="1:7" x14ac:dyDescent="0.3">
      <c r="A49098" s="13" t="s">
        <v>278</v>
      </c>
      <c r="B49098" s="14" t="s">
        <v>1</v>
      </c>
      <c r="C49098" s="14" t="s">
        <v>137</v>
      </c>
      <c r="D49098" s="14" t="s">
        <v>146</v>
      </c>
      <c r="E49098" s="15">
        <v>45564</v>
      </c>
      <c r="F49098" s="14" t="s">
        <v>61</v>
      </c>
      <c r="G49098" s="16">
        <v>2.9205160037008597</v>
      </c>
    </row>
    <row r="49099" spans="1:7" x14ac:dyDescent="0.3">
      <c r="A49099" s="13" t="s">
        <v>278</v>
      </c>
      <c r="B49099" s="14" t="s">
        <v>1</v>
      </c>
      <c r="C49099" s="14" t="s">
        <v>137</v>
      </c>
      <c r="D49099" s="14" t="s">
        <v>146</v>
      </c>
      <c r="E49099" s="15">
        <v>45565</v>
      </c>
      <c r="F49099" s="14" t="s">
        <v>61</v>
      </c>
      <c r="G49099" s="16">
        <v>2.944815731588835</v>
      </c>
    </row>
    <row r="49100" spans="1:7" x14ac:dyDescent="0.3">
      <c r="A49100" s="13" t="s">
        <v>278</v>
      </c>
      <c r="B49100" s="14" t="s">
        <v>1</v>
      </c>
      <c r="C49100" s="14" t="s">
        <v>137</v>
      </c>
      <c r="D49100" s="14" t="s">
        <v>146</v>
      </c>
      <c r="E49100" s="15">
        <v>45566</v>
      </c>
      <c r="F49100" s="14" t="s">
        <v>61</v>
      </c>
      <c r="G49100" s="16">
        <v>3.0130888547443004</v>
      </c>
    </row>
    <row r="49101" spans="1:7" x14ac:dyDescent="0.3">
      <c r="A49101" s="13" t="s">
        <v>278</v>
      </c>
      <c r="B49101" s="14" t="s">
        <v>1</v>
      </c>
      <c r="C49101" s="14" t="s">
        <v>137</v>
      </c>
      <c r="D49101" s="14" t="s">
        <v>146</v>
      </c>
      <c r="E49101" s="15">
        <v>45567</v>
      </c>
      <c r="F49101" s="14" t="s">
        <v>61</v>
      </c>
      <c r="G49101" s="16">
        <v>3.0363396767630619</v>
      </c>
    </row>
    <row r="49102" spans="1:7" x14ac:dyDescent="0.3">
      <c r="A49102" s="13" t="s">
        <v>278</v>
      </c>
      <c r="B49102" s="14" t="s">
        <v>1</v>
      </c>
      <c r="C49102" s="14" t="s">
        <v>137</v>
      </c>
      <c r="D49102" s="14" t="s">
        <v>146</v>
      </c>
      <c r="E49102" s="15">
        <v>45568</v>
      </c>
      <c r="F49102" s="14" t="s">
        <v>61</v>
      </c>
      <c r="G49102" s="16">
        <v>3.0569821765310805</v>
      </c>
    </row>
    <row r="49103" spans="1:7" x14ac:dyDescent="0.3">
      <c r="A49103" s="13" t="s">
        <v>278</v>
      </c>
      <c r="B49103" s="14" t="s">
        <v>1</v>
      </c>
      <c r="C49103" s="14" t="s">
        <v>137</v>
      </c>
      <c r="D49103" s="14" t="s">
        <v>146</v>
      </c>
      <c r="E49103" s="15">
        <v>45569</v>
      </c>
      <c r="F49103" s="14" t="s">
        <v>61</v>
      </c>
      <c r="G49103" s="16">
        <v>3.0868123012000543</v>
      </c>
    </row>
    <row r="49104" spans="1:7" x14ac:dyDescent="0.3">
      <c r="A49104" s="13" t="s">
        <v>278</v>
      </c>
      <c r="B49104" s="14" t="s">
        <v>1</v>
      </c>
      <c r="C49104" s="14" t="s">
        <v>137</v>
      </c>
      <c r="D49104" s="14" t="s">
        <v>146</v>
      </c>
      <c r="E49104" s="15">
        <v>45570</v>
      </c>
      <c r="F49104" s="14" t="s">
        <v>61</v>
      </c>
      <c r="G49104" s="16">
        <v>3.0868123012000543</v>
      </c>
    </row>
    <row r="49105" spans="1:7" x14ac:dyDescent="0.3">
      <c r="A49105" s="13" t="s">
        <v>278</v>
      </c>
      <c r="B49105" s="14" t="s">
        <v>1</v>
      </c>
      <c r="C49105" s="14" t="s">
        <v>137</v>
      </c>
      <c r="D49105" s="14" t="s">
        <v>146</v>
      </c>
      <c r="E49105" s="15">
        <v>45571</v>
      </c>
      <c r="F49105" s="14" t="s">
        <v>61</v>
      </c>
      <c r="G49105" s="16">
        <v>3.0868123012000543</v>
      </c>
    </row>
    <row r="49106" spans="1:7" x14ac:dyDescent="0.3">
      <c r="A49106" s="13" t="s">
        <v>278</v>
      </c>
      <c r="B49106" s="14" t="s">
        <v>1</v>
      </c>
      <c r="C49106" s="14" t="s">
        <v>137</v>
      </c>
      <c r="D49106" s="14" t="s">
        <v>146</v>
      </c>
      <c r="E49106" s="15">
        <v>45572</v>
      </c>
      <c r="F49106" s="14" t="s">
        <v>61</v>
      </c>
      <c r="G49106" s="16">
        <v>3.1082820426145377</v>
      </c>
    </row>
    <row r="49107" spans="1:7" x14ac:dyDescent="0.3">
      <c r="A49107" s="13" t="s">
        <v>278</v>
      </c>
      <c r="B49107" s="14" t="s">
        <v>1</v>
      </c>
      <c r="C49107" s="14" t="s">
        <v>137</v>
      </c>
      <c r="D49107" s="14" t="s">
        <v>146</v>
      </c>
      <c r="E49107" s="15">
        <v>45573</v>
      </c>
      <c r="F49107" s="14" t="s">
        <v>61</v>
      </c>
      <c r="G49107" s="16">
        <v>3.1576054616773495</v>
      </c>
    </row>
    <row r="49108" spans="1:7" x14ac:dyDescent="0.3">
      <c r="A49108" s="13" t="s">
        <v>278</v>
      </c>
      <c r="B49108" s="14" t="s">
        <v>1</v>
      </c>
      <c r="C49108" s="14" t="s">
        <v>137</v>
      </c>
      <c r="D49108" s="14" t="s">
        <v>146</v>
      </c>
      <c r="E49108" s="15">
        <v>45574</v>
      </c>
      <c r="F49108" s="14" t="s">
        <v>61</v>
      </c>
      <c r="G49108" s="16">
        <v>3.1934410689122106</v>
      </c>
    </row>
    <row r="49109" spans="1:7" x14ac:dyDescent="0.3">
      <c r="A49109" s="13" t="s">
        <v>278</v>
      </c>
      <c r="B49109" s="14" t="s">
        <v>1</v>
      </c>
      <c r="C49109" s="14" t="s">
        <v>137</v>
      </c>
      <c r="D49109" s="14" t="s">
        <v>146</v>
      </c>
      <c r="E49109" s="15">
        <v>45575</v>
      </c>
      <c r="F49109" s="14" t="s">
        <v>61</v>
      </c>
      <c r="G49109" s="16">
        <v>3.2114916433835257</v>
      </c>
    </row>
    <row r="49110" spans="1:7" x14ac:dyDescent="0.3">
      <c r="A49110" s="13" t="s">
        <v>278</v>
      </c>
      <c r="B49110" s="14" t="s">
        <v>1</v>
      </c>
      <c r="C49110" s="14" t="s">
        <v>137</v>
      </c>
      <c r="D49110" s="14" t="s">
        <v>146</v>
      </c>
      <c r="E49110" s="15">
        <v>45576</v>
      </c>
      <c r="F49110" s="14" t="s">
        <v>61</v>
      </c>
      <c r="G49110" s="16">
        <v>3.2281249901318523</v>
      </c>
    </row>
    <row r="49111" spans="1:7" x14ac:dyDescent="0.3">
      <c r="A49111" s="13" t="s">
        <v>278</v>
      </c>
      <c r="B49111" s="14" t="s">
        <v>1</v>
      </c>
      <c r="C49111" s="14" t="s">
        <v>137</v>
      </c>
      <c r="D49111" s="14" t="s">
        <v>146</v>
      </c>
      <c r="E49111" s="15">
        <v>45577</v>
      </c>
      <c r="F49111" s="14" t="s">
        <v>61</v>
      </c>
      <c r="G49111" s="16">
        <v>3.2281249901318523</v>
      </c>
    </row>
    <row r="49112" spans="1:7" x14ac:dyDescent="0.3">
      <c r="A49112" s="13" t="s">
        <v>278</v>
      </c>
      <c r="B49112" s="14" t="s">
        <v>1</v>
      </c>
      <c r="C49112" s="14" t="s">
        <v>137</v>
      </c>
      <c r="D49112" s="14" t="s">
        <v>146</v>
      </c>
      <c r="E49112" s="15">
        <v>45578</v>
      </c>
      <c r="F49112" s="14" t="s">
        <v>61</v>
      </c>
      <c r="G49112" s="16">
        <v>3.2281249901318523</v>
      </c>
    </row>
    <row r="49113" spans="1:7" x14ac:dyDescent="0.3">
      <c r="A49113" s="13" t="s">
        <v>278</v>
      </c>
      <c r="B49113" s="14" t="s">
        <v>1</v>
      </c>
      <c r="C49113" s="14" t="s">
        <v>137</v>
      </c>
      <c r="D49113" s="14" t="s">
        <v>146</v>
      </c>
      <c r="E49113" s="15">
        <v>45579</v>
      </c>
      <c r="F49113" s="14" t="s">
        <v>61</v>
      </c>
      <c r="G49113" s="16">
        <v>3.25354456115975</v>
      </c>
    </row>
    <row r="49114" spans="1:7" x14ac:dyDescent="0.3">
      <c r="A49114" s="13" t="s">
        <v>278</v>
      </c>
      <c r="B49114" s="14" t="s">
        <v>1</v>
      </c>
      <c r="C49114" s="14" t="s">
        <v>137</v>
      </c>
      <c r="D49114" s="14" t="s">
        <v>146</v>
      </c>
      <c r="E49114" s="15">
        <v>45580</v>
      </c>
      <c r="F49114" s="14" t="s">
        <v>61</v>
      </c>
      <c r="G49114" s="16">
        <v>3.3097645466019658</v>
      </c>
    </row>
    <row r="49115" spans="1:7" x14ac:dyDescent="0.3">
      <c r="A49115" s="13" t="s">
        <v>278</v>
      </c>
      <c r="B49115" s="14" t="s">
        <v>1</v>
      </c>
      <c r="C49115" s="14" t="s">
        <v>137</v>
      </c>
      <c r="D49115" s="14" t="s">
        <v>146</v>
      </c>
      <c r="E49115" s="15">
        <v>45581</v>
      </c>
      <c r="F49115" s="14" t="s">
        <v>61</v>
      </c>
      <c r="G49115" s="16">
        <v>3.3357441599197073</v>
      </c>
    </row>
    <row r="49116" spans="1:7" x14ac:dyDescent="0.3">
      <c r="A49116" s="13" t="s">
        <v>278</v>
      </c>
      <c r="B49116" s="14" t="s">
        <v>1</v>
      </c>
      <c r="C49116" s="14" t="s">
        <v>137</v>
      </c>
      <c r="D49116" s="14" t="s">
        <v>146</v>
      </c>
      <c r="E49116" s="15">
        <v>45582</v>
      </c>
      <c r="F49116" s="14" t="s">
        <v>61</v>
      </c>
      <c r="G49116" s="16">
        <v>3.3632985304907437</v>
      </c>
    </row>
    <row r="49117" spans="1:7" x14ac:dyDescent="0.3">
      <c r="A49117" s="13" t="s">
        <v>278</v>
      </c>
      <c r="B49117" s="14" t="s">
        <v>1</v>
      </c>
      <c r="C49117" s="14" t="s">
        <v>137</v>
      </c>
      <c r="D49117" s="14" t="s">
        <v>146</v>
      </c>
      <c r="E49117" s="15">
        <v>45583</v>
      </c>
      <c r="F49117" s="14" t="s">
        <v>61</v>
      </c>
      <c r="G49117" s="16">
        <v>3.3691999261565915</v>
      </c>
    </row>
    <row r="49118" spans="1:7" x14ac:dyDescent="0.3">
      <c r="A49118" s="13" t="s">
        <v>278</v>
      </c>
      <c r="B49118" s="14" t="s">
        <v>1</v>
      </c>
      <c r="C49118" s="14" t="s">
        <v>137</v>
      </c>
      <c r="D49118" s="14" t="s">
        <v>146</v>
      </c>
      <c r="E49118" s="15">
        <v>45584</v>
      </c>
      <c r="F49118" s="14" t="s">
        <v>61</v>
      </c>
      <c r="G49118" s="16">
        <v>3.3691999261565915</v>
      </c>
    </row>
    <row r="49119" spans="1:7" x14ac:dyDescent="0.3">
      <c r="A49119" s="13" t="s">
        <v>278</v>
      </c>
      <c r="B49119" s="14" t="s">
        <v>1</v>
      </c>
      <c r="C49119" s="14" t="s">
        <v>137</v>
      </c>
      <c r="D49119" s="14" t="s">
        <v>146</v>
      </c>
      <c r="E49119" s="15">
        <v>45585</v>
      </c>
      <c r="F49119" s="14" t="s">
        <v>61</v>
      </c>
      <c r="G49119" s="16">
        <v>3.3691999261565915</v>
      </c>
    </row>
    <row r="49120" spans="1:7" x14ac:dyDescent="0.3">
      <c r="A49120" s="13" t="s">
        <v>278</v>
      </c>
      <c r="B49120" s="14" t="s">
        <v>1</v>
      </c>
      <c r="C49120" s="14" t="s">
        <v>137</v>
      </c>
      <c r="D49120" s="14" t="s">
        <v>146</v>
      </c>
      <c r="E49120" s="15">
        <v>45586</v>
      </c>
      <c r="F49120" s="14" t="s">
        <v>61</v>
      </c>
      <c r="G49120" s="16">
        <v>3.4035531512027331</v>
      </c>
    </row>
    <row r="49121" spans="1:7" x14ac:dyDescent="0.3">
      <c r="A49121" s="13" t="s">
        <v>278</v>
      </c>
      <c r="B49121" s="14" t="s">
        <v>1</v>
      </c>
      <c r="C49121" s="14" t="s">
        <v>137</v>
      </c>
      <c r="D49121" s="14" t="s">
        <v>146</v>
      </c>
      <c r="E49121" s="15">
        <v>45587</v>
      </c>
      <c r="F49121" s="14" t="s">
        <v>61</v>
      </c>
      <c r="G49121" s="16">
        <v>3.459870609339323</v>
      </c>
    </row>
    <row r="49122" spans="1:7" x14ac:dyDescent="0.3">
      <c r="A49122" s="13" t="s">
        <v>278</v>
      </c>
      <c r="B49122" s="14" t="s">
        <v>1</v>
      </c>
      <c r="C49122" s="14" t="s">
        <v>137</v>
      </c>
      <c r="D49122" s="14" t="s">
        <v>146</v>
      </c>
      <c r="E49122" s="15">
        <v>45588</v>
      </c>
      <c r="F49122" s="14" t="s">
        <v>61</v>
      </c>
      <c r="G49122" s="16">
        <v>3.4872696634774201</v>
      </c>
    </row>
    <row r="49123" spans="1:7" x14ac:dyDescent="0.3">
      <c r="A49123" s="13" t="s">
        <v>278</v>
      </c>
      <c r="B49123" s="14" t="s">
        <v>1</v>
      </c>
      <c r="C49123" s="14" t="s">
        <v>137</v>
      </c>
      <c r="D49123" s="14" t="s">
        <v>146</v>
      </c>
      <c r="E49123" s="15">
        <v>45589</v>
      </c>
      <c r="F49123" s="14" t="s">
        <v>61</v>
      </c>
      <c r="G49123" s="16">
        <v>3.4905484313520776</v>
      </c>
    </row>
    <row r="49124" spans="1:7" x14ac:dyDescent="0.3">
      <c r="A49124" s="13" t="s">
        <v>278</v>
      </c>
      <c r="B49124" s="14" t="s">
        <v>1</v>
      </c>
      <c r="C49124" s="14" t="s">
        <v>137</v>
      </c>
      <c r="D49124" s="14" t="s">
        <v>146</v>
      </c>
      <c r="E49124" s="15">
        <v>45590</v>
      </c>
      <c r="F49124" s="14" t="s">
        <v>61</v>
      </c>
      <c r="G49124" s="16">
        <v>3.5176772218482446</v>
      </c>
    </row>
    <row r="49125" spans="1:7" x14ac:dyDescent="0.3">
      <c r="A49125" s="13" t="s">
        <v>278</v>
      </c>
      <c r="B49125" s="14" t="s">
        <v>1</v>
      </c>
      <c r="C49125" s="14" t="s">
        <v>137</v>
      </c>
      <c r="D49125" s="14" t="s">
        <v>146</v>
      </c>
      <c r="E49125" s="15">
        <v>45591</v>
      </c>
      <c r="F49125" s="14" t="s">
        <v>61</v>
      </c>
      <c r="G49125" s="16">
        <v>3.5176772218482446</v>
      </c>
    </row>
    <row r="49126" spans="1:7" x14ac:dyDescent="0.3">
      <c r="A49126" s="13" t="s">
        <v>278</v>
      </c>
      <c r="B49126" s="14" t="s">
        <v>1</v>
      </c>
      <c r="C49126" s="14" t="s">
        <v>137</v>
      </c>
      <c r="D49126" s="14" t="s">
        <v>146</v>
      </c>
      <c r="E49126" s="15">
        <v>45592</v>
      </c>
      <c r="F49126" s="14" t="s">
        <v>61</v>
      </c>
      <c r="G49126" s="16">
        <v>3.5176772218482446</v>
      </c>
    </row>
    <row r="49127" spans="1:7" x14ac:dyDescent="0.3">
      <c r="A49127" s="13" t="s">
        <v>278</v>
      </c>
      <c r="B49127" s="14" t="s">
        <v>1</v>
      </c>
      <c r="C49127" s="14" t="s">
        <v>137</v>
      </c>
      <c r="D49127" s="14" t="s">
        <v>146</v>
      </c>
      <c r="E49127" s="15">
        <v>45593</v>
      </c>
      <c r="F49127" s="14" t="s">
        <v>61</v>
      </c>
      <c r="G49127" s="16">
        <v>3.5176772218482446</v>
      </c>
    </row>
    <row r="49128" spans="1:7" x14ac:dyDescent="0.3">
      <c r="A49128" s="13" t="s">
        <v>278</v>
      </c>
      <c r="B49128" s="14" t="s">
        <v>1</v>
      </c>
      <c r="C49128" s="14" t="s">
        <v>137</v>
      </c>
      <c r="D49128" s="14" t="s">
        <v>146</v>
      </c>
      <c r="E49128" s="15">
        <v>45594</v>
      </c>
      <c r="F49128" s="14" t="s">
        <v>61</v>
      </c>
      <c r="G49128" s="16">
        <v>3.5281233641674001</v>
      </c>
    </row>
    <row r="49129" spans="1:7" x14ac:dyDescent="0.3">
      <c r="A49129" s="13" t="s">
        <v>278</v>
      </c>
      <c r="B49129" s="14" t="s">
        <v>1</v>
      </c>
      <c r="C49129" s="14" t="s">
        <v>137</v>
      </c>
      <c r="D49129" s="14" t="s">
        <v>146</v>
      </c>
      <c r="E49129" s="15">
        <v>45595</v>
      </c>
      <c r="F49129" s="14" t="s">
        <v>61</v>
      </c>
      <c r="G49129" s="16">
        <v>3.5852022940249846</v>
      </c>
    </row>
    <row r="49130" spans="1:7" x14ac:dyDescent="0.3">
      <c r="A49130" s="13" t="s">
        <v>278</v>
      </c>
      <c r="B49130" s="14" t="s">
        <v>1</v>
      </c>
      <c r="C49130" s="14" t="s">
        <v>137</v>
      </c>
      <c r="D49130" s="14" t="s">
        <v>146</v>
      </c>
      <c r="E49130" s="15">
        <v>45596</v>
      </c>
      <c r="F49130" s="14" t="s">
        <v>61</v>
      </c>
      <c r="G49130" s="16">
        <v>3.593316875175002</v>
      </c>
    </row>
    <row r="49131" spans="1:7" x14ac:dyDescent="0.3">
      <c r="A49131" s="13" t="s">
        <v>278</v>
      </c>
      <c r="B49131" s="14" t="s">
        <v>1</v>
      </c>
      <c r="C49131" s="14" t="s">
        <v>137</v>
      </c>
      <c r="D49131" s="14" t="s">
        <v>146</v>
      </c>
      <c r="E49131" s="15">
        <v>45597</v>
      </c>
      <c r="F49131" s="14" t="s">
        <v>61</v>
      </c>
      <c r="G49131" s="16">
        <v>3.6256067373596439</v>
      </c>
    </row>
    <row r="49132" spans="1:7" x14ac:dyDescent="0.3">
      <c r="A49132" s="13" t="s">
        <v>278</v>
      </c>
      <c r="B49132" s="14" t="s">
        <v>1</v>
      </c>
      <c r="C49132" s="14" t="s">
        <v>137</v>
      </c>
      <c r="D49132" s="14" t="s">
        <v>146</v>
      </c>
      <c r="E49132" s="15">
        <v>45598</v>
      </c>
      <c r="F49132" s="14" t="s">
        <v>61</v>
      </c>
      <c r="G49132" s="16">
        <v>3.6256067373596439</v>
      </c>
    </row>
    <row r="49133" spans="1:7" x14ac:dyDescent="0.3">
      <c r="A49133" s="13" t="s">
        <v>278</v>
      </c>
      <c r="B49133" s="14" t="s">
        <v>1</v>
      </c>
      <c r="C49133" s="14" t="s">
        <v>137</v>
      </c>
      <c r="D49133" s="14" t="s">
        <v>146</v>
      </c>
      <c r="E49133" s="15">
        <v>45599</v>
      </c>
      <c r="F49133" s="14" t="s">
        <v>61</v>
      </c>
      <c r="G49133" s="16">
        <v>3.6256067373596439</v>
      </c>
    </row>
    <row r="49134" spans="1:7" x14ac:dyDescent="0.3">
      <c r="A49134" s="13" t="s">
        <v>278</v>
      </c>
      <c r="B49134" s="14" t="s">
        <v>1</v>
      </c>
      <c r="C49134" s="14" t="s">
        <v>137</v>
      </c>
      <c r="D49134" s="14" t="s">
        <v>146</v>
      </c>
      <c r="E49134" s="15">
        <v>45600</v>
      </c>
      <c r="F49134" s="14" t="s">
        <v>61</v>
      </c>
      <c r="G49134" s="16">
        <v>3.6124626565008269</v>
      </c>
    </row>
    <row r="49135" spans="1:7" x14ac:dyDescent="0.3">
      <c r="A49135" s="13" t="s">
        <v>278</v>
      </c>
      <c r="B49135" s="14" t="s">
        <v>1</v>
      </c>
      <c r="C49135" s="14" t="s">
        <v>137</v>
      </c>
      <c r="D49135" s="14" t="s">
        <v>146</v>
      </c>
      <c r="E49135" s="15">
        <v>45601</v>
      </c>
      <c r="F49135" s="14" t="s">
        <v>61</v>
      </c>
      <c r="G49135" s="16">
        <v>3.6454980150192253</v>
      </c>
    </row>
    <row r="49136" spans="1:7" x14ac:dyDescent="0.3">
      <c r="A49136" s="13" t="s">
        <v>278</v>
      </c>
      <c r="B49136" s="14" t="s">
        <v>1</v>
      </c>
      <c r="C49136" s="14" t="s">
        <v>137</v>
      </c>
      <c r="D49136" s="14" t="s">
        <v>146</v>
      </c>
      <c r="E49136" s="15">
        <v>45602</v>
      </c>
      <c r="F49136" s="14" t="s">
        <v>61</v>
      </c>
      <c r="G49136" s="16">
        <v>3.7318167669753874</v>
      </c>
    </row>
    <row r="49137" spans="1:7" x14ac:dyDescent="0.3">
      <c r="A49137" s="13" t="s">
        <v>278</v>
      </c>
      <c r="B49137" s="14" t="s">
        <v>1</v>
      </c>
      <c r="C49137" s="14" t="s">
        <v>137</v>
      </c>
      <c r="D49137" s="14" t="s">
        <v>146</v>
      </c>
      <c r="E49137" s="15">
        <v>45603</v>
      </c>
      <c r="F49137" s="14" t="s">
        <v>61</v>
      </c>
      <c r="G49137" s="16">
        <v>3.722566972386895</v>
      </c>
    </row>
    <row r="49138" spans="1:7" x14ac:dyDescent="0.3">
      <c r="A49138" s="13" t="s">
        <v>278</v>
      </c>
      <c r="B49138" s="14" t="s">
        <v>1</v>
      </c>
      <c r="C49138" s="14" t="s">
        <v>137</v>
      </c>
      <c r="D49138" s="14" t="s">
        <v>146</v>
      </c>
      <c r="E49138" s="15">
        <v>45604</v>
      </c>
      <c r="F49138" s="14" t="s">
        <v>61</v>
      </c>
      <c r="G49138" s="16">
        <v>3.7692986320802317</v>
      </c>
    </row>
    <row r="49139" spans="1:7" x14ac:dyDescent="0.3">
      <c r="A49139" s="13" t="s">
        <v>278</v>
      </c>
      <c r="B49139" s="14" t="s">
        <v>1</v>
      </c>
      <c r="C49139" s="14" t="s">
        <v>137</v>
      </c>
      <c r="D49139" s="14" t="s">
        <v>146</v>
      </c>
      <c r="E49139" s="15">
        <v>45605</v>
      </c>
      <c r="F49139" s="14" t="s">
        <v>61</v>
      </c>
      <c r="G49139" s="16">
        <v>3.7692986320802317</v>
      </c>
    </row>
    <row r="49140" spans="1:7" x14ac:dyDescent="0.3">
      <c r="A49140" s="13" t="s">
        <v>278</v>
      </c>
      <c r="B49140" s="14" t="s">
        <v>1</v>
      </c>
      <c r="C49140" s="14" t="s">
        <v>137</v>
      </c>
      <c r="D49140" s="14" t="s">
        <v>146</v>
      </c>
      <c r="E49140" s="15">
        <v>45606</v>
      </c>
      <c r="F49140" s="14" t="s">
        <v>61</v>
      </c>
      <c r="G49140" s="16">
        <v>3.7692986320802317</v>
      </c>
    </row>
    <row r="49141" spans="1:7" x14ac:dyDescent="0.3">
      <c r="A49141" s="13" t="s">
        <v>278</v>
      </c>
      <c r="B49141" s="14" t="s">
        <v>1</v>
      </c>
      <c r="C49141" s="14" t="s">
        <v>137</v>
      </c>
      <c r="D49141" s="14" t="s">
        <v>146</v>
      </c>
      <c r="E49141" s="15">
        <v>45607</v>
      </c>
      <c r="F49141" s="14" t="s">
        <v>61</v>
      </c>
      <c r="G49141" s="16">
        <v>3.8082912047122655</v>
      </c>
    </row>
    <row r="49142" spans="1:7" x14ac:dyDescent="0.3">
      <c r="A49142" s="13" t="s">
        <v>278</v>
      </c>
      <c r="B49142" s="14" t="s">
        <v>1</v>
      </c>
      <c r="C49142" s="14" t="s">
        <v>137</v>
      </c>
      <c r="D49142" s="14" t="s">
        <v>146</v>
      </c>
      <c r="E49142" s="15">
        <v>45608</v>
      </c>
      <c r="F49142" s="14" t="s">
        <v>61</v>
      </c>
      <c r="G49142" s="16">
        <v>3.8720214222648197</v>
      </c>
    </row>
    <row r="49143" spans="1:7" x14ac:dyDescent="0.3">
      <c r="A49143" s="13" t="s">
        <v>278</v>
      </c>
      <c r="B49143" s="14" t="s">
        <v>1</v>
      </c>
      <c r="C49143" s="14" t="s">
        <v>137</v>
      </c>
      <c r="D49143" s="14" t="s">
        <v>146</v>
      </c>
      <c r="E49143" s="15">
        <v>45609</v>
      </c>
      <c r="F49143" s="14" t="s">
        <v>61</v>
      </c>
      <c r="G49143" s="16">
        <v>3.9163992028532952</v>
      </c>
    </row>
    <row r="49144" spans="1:7" x14ac:dyDescent="0.3">
      <c r="A49144" s="13" t="s">
        <v>278</v>
      </c>
      <c r="B49144" s="14" t="s">
        <v>1</v>
      </c>
      <c r="C49144" s="14" t="s">
        <v>137</v>
      </c>
      <c r="D49144" s="14" t="s">
        <v>146</v>
      </c>
      <c r="E49144" s="15">
        <v>45610</v>
      </c>
      <c r="F49144" s="14" t="s">
        <v>61</v>
      </c>
      <c r="G49144" s="16">
        <v>3.9465706491883967</v>
      </c>
    </row>
    <row r="49145" spans="1:7" x14ac:dyDescent="0.3">
      <c r="A49145" s="13" t="s">
        <v>278</v>
      </c>
      <c r="B49145" s="14" t="s">
        <v>1</v>
      </c>
      <c r="C49145" s="14" t="s">
        <v>137</v>
      </c>
      <c r="D49145" s="14" t="s">
        <v>146</v>
      </c>
      <c r="E49145" s="15">
        <v>45611</v>
      </c>
      <c r="F49145" s="14" t="s">
        <v>61</v>
      </c>
      <c r="G49145" s="16">
        <v>3.9596318321455639</v>
      </c>
    </row>
    <row r="49146" spans="1:7" x14ac:dyDescent="0.3">
      <c r="A49146" s="13" t="s">
        <v>278</v>
      </c>
      <c r="B49146" s="14" t="s">
        <v>1</v>
      </c>
      <c r="C49146" s="14" t="s">
        <v>137</v>
      </c>
      <c r="D49146" s="14" t="s">
        <v>146</v>
      </c>
      <c r="E49146" s="15">
        <v>45612</v>
      </c>
      <c r="F49146" s="14" t="s">
        <v>61</v>
      </c>
      <c r="G49146" s="16">
        <v>3.9596318321455639</v>
      </c>
    </row>
    <row r="49147" spans="1:7" x14ac:dyDescent="0.3">
      <c r="A49147" s="13" t="s">
        <v>278</v>
      </c>
      <c r="B49147" s="14" t="s">
        <v>1</v>
      </c>
      <c r="C49147" s="14" t="s">
        <v>137</v>
      </c>
      <c r="D49147" s="14" t="s">
        <v>146</v>
      </c>
      <c r="E49147" s="15">
        <v>45613</v>
      </c>
      <c r="F49147" s="14" t="s">
        <v>61</v>
      </c>
      <c r="G49147" s="16">
        <v>3.9596318321455639</v>
      </c>
    </row>
    <row r="49148" spans="1:7" x14ac:dyDescent="0.3">
      <c r="A49148" s="13" t="s">
        <v>278</v>
      </c>
      <c r="B49148" s="14" t="s">
        <v>1</v>
      </c>
      <c r="C49148" s="14" t="s">
        <v>137</v>
      </c>
      <c r="D49148" s="14" t="s">
        <v>146</v>
      </c>
      <c r="E49148" s="15">
        <v>45614</v>
      </c>
      <c r="F49148" s="14" t="s">
        <v>61</v>
      </c>
      <c r="G49148" s="16">
        <v>3.9546500073639366</v>
      </c>
    </row>
    <row r="49149" spans="1:7" x14ac:dyDescent="0.3">
      <c r="A49149" s="13" t="s">
        <v>278</v>
      </c>
      <c r="B49149" s="14" t="s">
        <v>1</v>
      </c>
      <c r="C49149" s="14" t="s">
        <v>137</v>
      </c>
      <c r="D49149" s="14" t="s">
        <v>146</v>
      </c>
      <c r="E49149" s="15">
        <v>45615</v>
      </c>
      <c r="F49149" s="14" t="s">
        <v>61</v>
      </c>
      <c r="G49149" s="16">
        <v>4.0078111838791735</v>
      </c>
    </row>
    <row r="49150" spans="1:7" x14ac:dyDescent="0.3">
      <c r="A49150" s="13" t="s">
        <v>278</v>
      </c>
      <c r="B49150" s="14" t="s">
        <v>1</v>
      </c>
      <c r="C49150" s="14" t="s">
        <v>137</v>
      </c>
      <c r="D49150" s="14" t="s">
        <v>146</v>
      </c>
      <c r="E49150" s="15">
        <v>45616</v>
      </c>
      <c r="F49150" s="14" t="s">
        <v>61</v>
      </c>
      <c r="G49150" s="16">
        <v>4.044611082674054</v>
      </c>
    </row>
    <row r="49151" spans="1:7" x14ac:dyDescent="0.3">
      <c r="A49151" s="13" t="s">
        <v>278</v>
      </c>
      <c r="B49151" s="14" t="s">
        <v>1</v>
      </c>
      <c r="C49151" s="14" t="s">
        <v>137</v>
      </c>
      <c r="D49151" s="14" t="s">
        <v>146</v>
      </c>
      <c r="E49151" s="15">
        <v>45617</v>
      </c>
      <c r="F49151" s="14" t="s">
        <v>61</v>
      </c>
      <c r="G49151" s="16">
        <v>4.0908840653602514</v>
      </c>
    </row>
    <row r="49152" spans="1:7" x14ac:dyDescent="0.3">
      <c r="A49152" s="13" t="s">
        <v>278</v>
      </c>
      <c r="B49152" s="14" t="s">
        <v>1</v>
      </c>
      <c r="C49152" s="14" t="s">
        <v>137</v>
      </c>
      <c r="D49152" s="14" t="s">
        <v>146</v>
      </c>
      <c r="E49152" s="15">
        <v>45618</v>
      </c>
      <c r="F49152" s="14" t="s">
        <v>61</v>
      </c>
      <c r="G49152" s="16">
        <v>4.1293863124829429</v>
      </c>
    </row>
    <row r="49153" spans="1:7" x14ac:dyDescent="0.3">
      <c r="A49153" s="13" t="s">
        <v>278</v>
      </c>
      <c r="B49153" s="14" t="s">
        <v>1</v>
      </c>
      <c r="C49153" s="14" t="s">
        <v>137</v>
      </c>
      <c r="D49153" s="14" t="s">
        <v>146</v>
      </c>
      <c r="E49153" s="15">
        <v>45619</v>
      </c>
      <c r="F49153" s="14" t="s">
        <v>61</v>
      </c>
      <c r="G49153" s="16">
        <v>4.1293863124829429</v>
      </c>
    </row>
    <row r="49154" spans="1:7" x14ac:dyDescent="0.3">
      <c r="A49154" s="13" t="s">
        <v>278</v>
      </c>
      <c r="B49154" s="14" t="s">
        <v>1</v>
      </c>
      <c r="C49154" s="14" t="s">
        <v>137</v>
      </c>
      <c r="D49154" s="14" t="s">
        <v>146</v>
      </c>
      <c r="E49154" s="15">
        <v>45620</v>
      </c>
      <c r="F49154" s="14" t="s">
        <v>61</v>
      </c>
      <c r="G49154" s="16">
        <v>4.1293863124829429</v>
      </c>
    </row>
    <row r="49155" spans="1:7" x14ac:dyDescent="0.3">
      <c r="A49155" s="13" t="s">
        <v>278</v>
      </c>
      <c r="B49155" s="14" t="s">
        <v>1</v>
      </c>
      <c r="C49155" s="14" t="s">
        <v>137</v>
      </c>
      <c r="D49155" s="14" t="s">
        <v>146</v>
      </c>
      <c r="E49155" s="15">
        <v>45621</v>
      </c>
      <c r="F49155" s="14" t="s">
        <v>61</v>
      </c>
      <c r="G49155" s="16">
        <v>4.1176446153769204</v>
      </c>
    </row>
    <row r="49156" spans="1:7" x14ac:dyDescent="0.3">
      <c r="A49156" s="13" t="s">
        <v>278</v>
      </c>
      <c r="B49156" s="14" t="s">
        <v>1</v>
      </c>
      <c r="C49156" s="14" t="s">
        <v>137</v>
      </c>
      <c r="D49156" s="14" t="s">
        <v>146</v>
      </c>
      <c r="E49156" s="15">
        <v>45622</v>
      </c>
      <c r="F49156" s="14" t="s">
        <v>61</v>
      </c>
      <c r="G49156" s="16">
        <v>4.1701908558142744</v>
      </c>
    </row>
    <row r="49157" spans="1:7" x14ac:dyDescent="0.3">
      <c r="A49157" s="13" t="s">
        <v>278</v>
      </c>
      <c r="B49157" s="14" t="s">
        <v>1</v>
      </c>
      <c r="C49157" s="14" t="s">
        <v>137</v>
      </c>
      <c r="D49157" s="14" t="s">
        <v>146</v>
      </c>
      <c r="E49157" s="15">
        <v>45623</v>
      </c>
      <c r="F49157" s="14" t="s">
        <v>61</v>
      </c>
      <c r="G49157" s="16">
        <v>4.1901401883542349</v>
      </c>
    </row>
    <row r="49158" spans="1:7" x14ac:dyDescent="0.3">
      <c r="A49158" s="13" t="s">
        <v>278</v>
      </c>
      <c r="B49158" s="14" t="s">
        <v>1</v>
      </c>
      <c r="C49158" s="14" t="s">
        <v>137</v>
      </c>
      <c r="D49158" s="14" t="s">
        <v>146</v>
      </c>
      <c r="E49158" s="15">
        <v>45624</v>
      </c>
      <c r="F49158" s="14" t="s">
        <v>61</v>
      </c>
      <c r="G49158" s="16">
        <v>4.2107676884306686</v>
      </c>
    </row>
    <row r="49159" spans="1:7" x14ac:dyDescent="0.3">
      <c r="A49159" s="13" t="s">
        <v>278</v>
      </c>
      <c r="B49159" s="14" t="s">
        <v>1</v>
      </c>
      <c r="C49159" s="14" t="s">
        <v>137</v>
      </c>
      <c r="D49159" s="14" t="s">
        <v>146</v>
      </c>
      <c r="E49159" s="15">
        <v>45625</v>
      </c>
      <c r="F49159" s="14" t="s">
        <v>61</v>
      </c>
      <c r="G49159" s="16">
        <v>4.2193449576398159</v>
      </c>
    </row>
    <row r="49160" spans="1:7" x14ac:dyDescent="0.3">
      <c r="A49160" s="13" t="s">
        <v>278</v>
      </c>
      <c r="B49160" s="14" t="s">
        <v>1</v>
      </c>
      <c r="C49160" s="14" t="s">
        <v>137</v>
      </c>
      <c r="D49160" s="14" t="s">
        <v>146</v>
      </c>
      <c r="E49160" s="15">
        <v>45626</v>
      </c>
      <c r="F49160" s="14" t="s">
        <v>61</v>
      </c>
      <c r="G49160" s="16">
        <v>4.2193449576398159</v>
      </c>
    </row>
    <row r="49161" spans="1:7" x14ac:dyDescent="0.3">
      <c r="A49161" s="13" t="s">
        <v>278</v>
      </c>
      <c r="B49161" s="14" t="s">
        <v>1</v>
      </c>
      <c r="C49161" s="14" t="s">
        <v>137</v>
      </c>
      <c r="D49161" s="14" t="s">
        <v>146</v>
      </c>
      <c r="E49161" s="15">
        <v>45627</v>
      </c>
      <c r="F49161" s="14" t="s">
        <v>61</v>
      </c>
      <c r="G49161" s="16">
        <v>4.2193449576398159</v>
      </c>
    </row>
    <row r="49162" spans="1:7" x14ac:dyDescent="0.3">
      <c r="A49162" s="13" t="s">
        <v>278</v>
      </c>
      <c r="B49162" s="14" t="s">
        <v>1</v>
      </c>
      <c r="C49162" s="14" t="s">
        <v>137</v>
      </c>
      <c r="D49162" s="14" t="s">
        <v>146</v>
      </c>
      <c r="E49162" s="15">
        <v>45628</v>
      </c>
      <c r="F49162" s="14" t="s">
        <v>61</v>
      </c>
      <c r="G49162" s="16">
        <v>4.2682051162473549</v>
      </c>
    </row>
    <row r="49163" spans="1:7" x14ac:dyDescent="0.3">
      <c r="A49163" s="13" t="s">
        <v>278</v>
      </c>
      <c r="B49163" s="14" t="s">
        <v>1</v>
      </c>
      <c r="C49163" s="14" t="s">
        <v>137</v>
      </c>
      <c r="D49163" s="14" t="s">
        <v>146</v>
      </c>
      <c r="E49163" s="15">
        <v>45629</v>
      </c>
      <c r="F49163" s="14" t="s">
        <v>61</v>
      </c>
      <c r="G49163" s="16">
        <v>4.3129298580086131</v>
      </c>
    </row>
    <row r="49164" spans="1:7" x14ac:dyDescent="0.3">
      <c r="A49164" s="13" t="s">
        <v>278</v>
      </c>
      <c r="B49164" s="14" t="s">
        <v>1</v>
      </c>
      <c r="C49164" s="14" t="s">
        <v>137</v>
      </c>
      <c r="D49164" s="14" t="s">
        <v>146</v>
      </c>
      <c r="E49164" s="15">
        <v>45630</v>
      </c>
      <c r="F49164" s="14" t="s">
        <v>61</v>
      </c>
      <c r="G49164" s="16">
        <v>4.3285268323012707</v>
      </c>
    </row>
    <row r="49165" spans="1:7" x14ac:dyDescent="0.3">
      <c r="A49165" s="13" t="s">
        <v>278</v>
      </c>
      <c r="B49165" s="14" t="s">
        <v>1</v>
      </c>
      <c r="C49165" s="14" t="s">
        <v>137</v>
      </c>
      <c r="D49165" s="14" t="s">
        <v>146</v>
      </c>
      <c r="E49165" s="15">
        <v>45631</v>
      </c>
      <c r="F49165" s="14" t="s">
        <v>61</v>
      </c>
      <c r="G49165" s="16">
        <v>4.3144729925920036</v>
      </c>
    </row>
    <row r="49166" spans="1:7" x14ac:dyDescent="0.3">
      <c r="A49166" s="13" t="s">
        <v>278</v>
      </c>
      <c r="B49166" s="14" t="s">
        <v>1</v>
      </c>
      <c r="C49166" s="14" t="s">
        <v>137</v>
      </c>
      <c r="D49166" s="14" t="s">
        <v>146</v>
      </c>
      <c r="E49166" s="15">
        <v>45632</v>
      </c>
      <c r="F49166" s="14" t="s">
        <v>61</v>
      </c>
      <c r="G49166" s="16">
        <v>4.3378180121530612</v>
      </c>
    </row>
    <row r="49167" spans="1:7" x14ac:dyDescent="0.3">
      <c r="A49167" s="13" t="s">
        <v>278</v>
      </c>
      <c r="B49167" s="14" t="s">
        <v>1</v>
      </c>
      <c r="C49167" s="14" t="s">
        <v>137</v>
      </c>
      <c r="D49167" s="14" t="s">
        <v>146</v>
      </c>
      <c r="E49167" s="15">
        <v>45633</v>
      </c>
      <c r="F49167" s="14" t="s">
        <v>61</v>
      </c>
      <c r="G49167" s="16">
        <v>4.3378180121530612</v>
      </c>
    </row>
    <row r="49168" spans="1:7" x14ac:dyDescent="0.3">
      <c r="A49168" s="13" t="s">
        <v>278</v>
      </c>
      <c r="B49168" s="14" t="s">
        <v>1</v>
      </c>
      <c r="C49168" s="14" t="s">
        <v>137</v>
      </c>
      <c r="D49168" s="14" t="s">
        <v>146</v>
      </c>
      <c r="E49168" s="15">
        <v>45634</v>
      </c>
      <c r="F49168" s="14" t="s">
        <v>61</v>
      </c>
      <c r="G49168" s="16">
        <v>4.3378180121530612</v>
      </c>
    </row>
    <row r="49169" spans="1:7" x14ac:dyDescent="0.3">
      <c r="A49169" s="13" t="s">
        <v>278</v>
      </c>
      <c r="B49169" s="14" t="s">
        <v>1</v>
      </c>
      <c r="C49169" s="14" t="s">
        <v>137</v>
      </c>
      <c r="D49169" s="14" t="s">
        <v>146</v>
      </c>
      <c r="E49169" s="15">
        <v>45635</v>
      </c>
      <c r="F49169" s="14" t="s">
        <v>61</v>
      </c>
      <c r="G49169" s="16">
        <v>4.3657848053092945</v>
      </c>
    </row>
    <row r="49170" spans="1:7" x14ac:dyDescent="0.3">
      <c r="A49170" s="13" t="s">
        <v>278</v>
      </c>
      <c r="B49170" s="14" t="s">
        <v>1</v>
      </c>
      <c r="C49170" s="14" t="s">
        <v>137</v>
      </c>
      <c r="D49170" s="14" t="s">
        <v>146</v>
      </c>
      <c r="E49170" s="15">
        <v>45636</v>
      </c>
      <c r="F49170" s="14" t="s">
        <v>61</v>
      </c>
      <c r="G49170" s="16">
        <v>4.4262504745994597</v>
      </c>
    </row>
    <row r="49171" spans="1:7" x14ac:dyDescent="0.3">
      <c r="A49171" s="13" t="s">
        <v>278</v>
      </c>
      <c r="B49171" s="14" t="s">
        <v>1</v>
      </c>
      <c r="C49171" s="14" t="s">
        <v>137</v>
      </c>
      <c r="D49171" s="14" t="s">
        <v>146</v>
      </c>
      <c r="E49171" s="15">
        <v>45637</v>
      </c>
      <c r="F49171" s="14" t="s">
        <v>61</v>
      </c>
      <c r="G49171" s="16">
        <v>4.4562325970375731</v>
      </c>
    </row>
    <row r="49172" spans="1:7" x14ac:dyDescent="0.3">
      <c r="A49172" s="13" t="s">
        <v>278</v>
      </c>
      <c r="B49172" s="14" t="s">
        <v>1</v>
      </c>
      <c r="C49172" s="14" t="s">
        <v>137</v>
      </c>
      <c r="D49172" s="14" t="s">
        <v>146</v>
      </c>
      <c r="E49172" s="15">
        <v>45638</v>
      </c>
      <c r="F49172" s="14" t="s">
        <v>61</v>
      </c>
      <c r="G49172" s="16">
        <v>4.4848529513555464</v>
      </c>
    </row>
    <row r="49173" spans="1:7" x14ac:dyDescent="0.3">
      <c r="A49173" s="13" t="s">
        <v>278</v>
      </c>
      <c r="B49173" s="14" t="s">
        <v>1</v>
      </c>
      <c r="C49173" s="14" t="s">
        <v>137</v>
      </c>
      <c r="D49173" s="14" t="s">
        <v>146</v>
      </c>
      <c r="E49173" s="15">
        <v>45639</v>
      </c>
      <c r="F49173" s="14" t="s">
        <v>61</v>
      </c>
      <c r="G49173" s="16">
        <v>4.4869015356615378</v>
      </c>
    </row>
    <row r="49174" spans="1:7" x14ac:dyDescent="0.3">
      <c r="A49174" s="13" t="s">
        <v>278</v>
      </c>
      <c r="B49174" s="14" t="s">
        <v>1</v>
      </c>
      <c r="C49174" s="14" t="s">
        <v>137</v>
      </c>
      <c r="D49174" s="14" t="s">
        <v>146</v>
      </c>
      <c r="E49174" s="15">
        <v>45640</v>
      </c>
      <c r="F49174" s="14" t="s">
        <v>61</v>
      </c>
      <c r="G49174" s="16">
        <v>4.4869015356615378</v>
      </c>
    </row>
    <row r="49175" spans="1:7" x14ac:dyDescent="0.3">
      <c r="A49175" s="13" t="s">
        <v>278</v>
      </c>
      <c r="B49175" s="14" t="s">
        <v>1</v>
      </c>
      <c r="C49175" s="14" t="s">
        <v>137</v>
      </c>
      <c r="D49175" s="14" t="s">
        <v>146</v>
      </c>
      <c r="E49175" s="15">
        <v>45641</v>
      </c>
      <c r="F49175" s="14" t="s">
        <v>61</v>
      </c>
      <c r="G49175" s="16">
        <v>4.4869015356615378</v>
      </c>
    </row>
    <row r="49176" spans="1:7" x14ac:dyDescent="0.3">
      <c r="A49176" s="13" t="s">
        <v>278</v>
      </c>
      <c r="B49176" s="14" t="s">
        <v>1</v>
      </c>
      <c r="C49176" s="14" t="s">
        <v>137</v>
      </c>
      <c r="D49176" s="14" t="s">
        <v>146</v>
      </c>
      <c r="E49176" s="15">
        <v>45642</v>
      </c>
      <c r="F49176" s="14" t="s">
        <v>61</v>
      </c>
      <c r="G49176" s="16">
        <v>4.4985754502134352</v>
      </c>
    </row>
    <row r="49177" spans="1:7" x14ac:dyDescent="0.3">
      <c r="A49177" s="13" t="s">
        <v>278</v>
      </c>
      <c r="B49177" s="14" t="s">
        <v>1</v>
      </c>
      <c r="C49177" s="14" t="s">
        <v>137</v>
      </c>
      <c r="D49177" s="14" t="s">
        <v>146</v>
      </c>
      <c r="E49177" s="15">
        <v>45643</v>
      </c>
      <c r="F49177" s="14" t="s">
        <v>61</v>
      </c>
      <c r="G49177" s="16">
        <v>4.5572197049088707</v>
      </c>
    </row>
    <row r="49178" spans="1:7" x14ac:dyDescent="0.3">
      <c r="A49178" s="13" t="s">
        <v>278</v>
      </c>
      <c r="B49178" s="14" t="s">
        <v>1</v>
      </c>
      <c r="C49178" s="14" t="s">
        <v>137</v>
      </c>
      <c r="D49178" s="14" t="s">
        <v>146</v>
      </c>
      <c r="E49178" s="15">
        <v>45644</v>
      </c>
      <c r="F49178" s="14" t="s">
        <v>61</v>
      </c>
      <c r="G49178" s="16">
        <v>4.635593132252021</v>
      </c>
    </row>
    <row r="49179" spans="1:7" x14ac:dyDescent="0.3">
      <c r="A49179" s="13" t="s">
        <v>278</v>
      </c>
      <c r="B49179" s="14" t="s">
        <v>1</v>
      </c>
      <c r="C49179" s="14" t="s">
        <v>137</v>
      </c>
      <c r="D49179" s="14" t="s">
        <v>146</v>
      </c>
      <c r="E49179" s="15">
        <v>45645</v>
      </c>
      <c r="F49179" s="14" t="s">
        <v>61</v>
      </c>
      <c r="G49179" s="16">
        <v>4.6486016984684611</v>
      </c>
    </row>
    <row r="49180" spans="1:7" x14ac:dyDescent="0.3">
      <c r="A49180" s="13" t="s">
        <v>278</v>
      </c>
      <c r="B49180" s="14" t="s">
        <v>1</v>
      </c>
      <c r="C49180" s="14" t="s">
        <v>137</v>
      </c>
      <c r="D49180" s="14" t="s">
        <v>146</v>
      </c>
      <c r="E49180" s="15">
        <v>45646</v>
      </c>
      <c r="F49180" s="14" t="s">
        <v>61</v>
      </c>
      <c r="G49180" s="16">
        <v>4.6356472011954875</v>
      </c>
    </row>
    <row r="49181" spans="1:7" x14ac:dyDescent="0.3">
      <c r="A49181" s="13" t="s">
        <v>278</v>
      </c>
      <c r="B49181" s="14" t="s">
        <v>1</v>
      </c>
      <c r="C49181" s="14" t="s">
        <v>137</v>
      </c>
      <c r="D49181" s="14" t="s">
        <v>146</v>
      </c>
      <c r="E49181" s="15">
        <v>45647</v>
      </c>
      <c r="F49181" s="14" t="s">
        <v>61</v>
      </c>
      <c r="G49181" s="16">
        <v>4.6356472011954875</v>
      </c>
    </row>
    <row r="49182" spans="1:7" x14ac:dyDescent="0.3">
      <c r="A49182" s="13" t="s">
        <v>278</v>
      </c>
      <c r="B49182" s="14" t="s">
        <v>1</v>
      </c>
      <c r="C49182" s="14" t="s">
        <v>137</v>
      </c>
      <c r="D49182" s="14" t="s">
        <v>146</v>
      </c>
      <c r="E49182" s="15">
        <v>45648</v>
      </c>
      <c r="F49182" s="14" t="s">
        <v>61</v>
      </c>
      <c r="G49182" s="16">
        <v>4.6356472011954875</v>
      </c>
    </row>
    <row r="49183" spans="1:7" x14ac:dyDescent="0.3">
      <c r="A49183" s="13" t="s">
        <v>278</v>
      </c>
      <c r="B49183" s="14" t="s">
        <v>1</v>
      </c>
      <c r="C49183" s="14" t="s">
        <v>137</v>
      </c>
      <c r="D49183" s="14" t="s">
        <v>146</v>
      </c>
      <c r="E49183" s="15">
        <v>45649</v>
      </c>
      <c r="F49183" s="14" t="s">
        <v>61</v>
      </c>
      <c r="G49183" s="16">
        <v>4.6633353149731258</v>
      </c>
    </row>
    <row r="49184" spans="1:7" x14ac:dyDescent="0.3">
      <c r="A49184" s="13" t="s">
        <v>278</v>
      </c>
      <c r="B49184" s="14" t="s">
        <v>1</v>
      </c>
      <c r="C49184" s="14" t="s">
        <v>137</v>
      </c>
      <c r="D49184" s="14" t="s">
        <v>146</v>
      </c>
      <c r="E49184" s="15">
        <v>45650</v>
      </c>
      <c r="F49184" s="14" t="s">
        <v>61</v>
      </c>
      <c r="G49184" s="16">
        <v>4.7171772171960846</v>
      </c>
    </row>
    <row r="49185" spans="1:7" x14ac:dyDescent="0.3">
      <c r="A49185" s="13" t="s">
        <v>278</v>
      </c>
      <c r="B49185" s="14" t="s">
        <v>1</v>
      </c>
      <c r="C49185" s="14" t="s">
        <v>137</v>
      </c>
      <c r="D49185" s="14" t="s">
        <v>146</v>
      </c>
      <c r="E49185" s="15">
        <v>45651</v>
      </c>
      <c r="F49185" s="14" t="s">
        <v>61</v>
      </c>
      <c r="G49185" s="16">
        <v>4.7171772171960846</v>
      </c>
    </row>
    <row r="49186" spans="1:7" x14ac:dyDescent="0.3">
      <c r="A49186" s="13" t="s">
        <v>278</v>
      </c>
      <c r="B49186" s="14" t="s">
        <v>1</v>
      </c>
      <c r="C49186" s="14" t="s">
        <v>137</v>
      </c>
      <c r="D49186" s="14" t="s">
        <v>146</v>
      </c>
      <c r="E49186" s="15">
        <v>45652</v>
      </c>
      <c r="F49186" s="14" t="s">
        <v>61</v>
      </c>
      <c r="G49186" s="16">
        <v>4.7171772171960846</v>
      </c>
    </row>
    <row r="49187" spans="1:7" x14ac:dyDescent="0.3">
      <c r="A49187" s="13" t="s">
        <v>278</v>
      </c>
      <c r="B49187" s="14" t="s">
        <v>1</v>
      </c>
      <c r="C49187" s="14" t="s">
        <v>137</v>
      </c>
      <c r="D49187" s="14" t="s">
        <v>146</v>
      </c>
      <c r="E49187" s="15">
        <v>45653</v>
      </c>
      <c r="F49187" s="14" t="s">
        <v>61</v>
      </c>
      <c r="G49187" s="16">
        <v>4.7171772171960846</v>
      </c>
    </row>
    <row r="49188" spans="1:7" x14ac:dyDescent="0.3">
      <c r="A49188" s="13" t="s">
        <v>278</v>
      </c>
      <c r="B49188" s="14" t="s">
        <v>1</v>
      </c>
      <c r="C49188" s="14" t="s">
        <v>137</v>
      </c>
      <c r="D49188" s="14" t="s">
        <v>146</v>
      </c>
      <c r="E49188" s="15">
        <v>45654</v>
      </c>
      <c r="F49188" s="14" t="s">
        <v>61</v>
      </c>
      <c r="G49188" s="16">
        <v>4.7171772171960846</v>
      </c>
    </row>
    <row r="49189" spans="1:7" x14ac:dyDescent="0.3">
      <c r="A49189" s="13" t="s">
        <v>278</v>
      </c>
      <c r="B49189" s="14" t="s">
        <v>1</v>
      </c>
      <c r="C49189" s="14" t="s">
        <v>137</v>
      </c>
      <c r="D49189" s="14" t="s">
        <v>146</v>
      </c>
      <c r="E49189" s="15">
        <v>45655</v>
      </c>
      <c r="F49189" s="14" t="s">
        <v>61</v>
      </c>
      <c r="G49189" s="16">
        <v>4.7171772171960846</v>
      </c>
    </row>
    <row r="49190" spans="1:7" x14ac:dyDescent="0.3">
      <c r="A49190" s="13" t="s">
        <v>278</v>
      </c>
      <c r="B49190" s="14" t="s">
        <v>1</v>
      </c>
      <c r="C49190" s="14" t="s">
        <v>137</v>
      </c>
      <c r="D49190" s="14" t="s">
        <v>146</v>
      </c>
      <c r="E49190" s="15">
        <v>45656</v>
      </c>
      <c r="F49190" s="14" t="s">
        <v>61</v>
      </c>
      <c r="G49190" s="16">
        <v>4.7298508134354345</v>
      </c>
    </row>
    <row r="49191" spans="1:7" x14ac:dyDescent="0.3">
      <c r="A49191" s="13" t="s">
        <v>278</v>
      </c>
      <c r="B49191" s="14" t="s">
        <v>1</v>
      </c>
      <c r="C49191" s="14" t="s">
        <v>137</v>
      </c>
      <c r="D49191" s="14" t="s">
        <v>146</v>
      </c>
      <c r="E49191" s="15">
        <v>45657</v>
      </c>
      <c r="F49191" s="14" t="s">
        <v>61</v>
      </c>
      <c r="G49191" s="16">
        <v>4.8548207459492341</v>
      </c>
    </row>
    <row r="49192" spans="1:7" x14ac:dyDescent="0.3">
      <c r="A49192" s="13" t="s">
        <v>278</v>
      </c>
      <c r="B49192" s="14" t="s">
        <v>1</v>
      </c>
      <c r="C49192" s="14" t="s">
        <v>137</v>
      </c>
      <c r="D49192" s="14" t="s">
        <v>146</v>
      </c>
      <c r="E49192" s="15">
        <v>45658</v>
      </c>
      <c r="F49192" s="14" t="s">
        <v>61</v>
      </c>
      <c r="G49192" s="16">
        <v>4.8548207459492341</v>
      </c>
    </row>
    <row r="49193" spans="1:7" x14ac:dyDescent="0.3">
      <c r="A49193" s="13" t="s">
        <v>278</v>
      </c>
      <c r="B49193" s="14" t="s">
        <v>1</v>
      </c>
      <c r="C49193" s="14" t="s">
        <v>137</v>
      </c>
      <c r="D49193" s="14" t="s">
        <v>146</v>
      </c>
      <c r="E49193" s="15">
        <v>45659</v>
      </c>
      <c r="F49193" s="14" t="s">
        <v>61</v>
      </c>
      <c r="G49193" s="16">
        <v>4.9123788275160223</v>
      </c>
    </row>
    <row r="49194" spans="1:7" x14ac:dyDescent="0.3">
      <c r="A49194" s="13" t="s">
        <v>278</v>
      </c>
      <c r="B49194" s="14" t="s">
        <v>1</v>
      </c>
      <c r="C49194" s="14" t="s">
        <v>137</v>
      </c>
      <c r="D49194" s="14" t="s">
        <v>146</v>
      </c>
      <c r="E49194" s="15">
        <v>45660</v>
      </c>
      <c r="F49194" s="14" t="s">
        <v>61</v>
      </c>
      <c r="G49194" s="16">
        <v>4.9102054691981385</v>
      </c>
    </row>
    <row r="49195" spans="1:7" x14ac:dyDescent="0.3">
      <c r="A49195" s="13" t="s">
        <v>278</v>
      </c>
      <c r="B49195" s="14" t="s">
        <v>1</v>
      </c>
      <c r="C49195" s="14" t="s">
        <v>137</v>
      </c>
      <c r="D49195" s="14" t="s">
        <v>146</v>
      </c>
      <c r="E49195" s="15">
        <v>45661</v>
      </c>
      <c r="F49195" s="14" t="s">
        <v>61</v>
      </c>
      <c r="G49195" s="16">
        <v>4.9102054691981385</v>
      </c>
    </row>
    <row r="49196" spans="1:7" x14ac:dyDescent="0.3">
      <c r="A49196" s="13" t="s">
        <v>278</v>
      </c>
      <c r="B49196" s="14" t="s">
        <v>1</v>
      </c>
      <c r="C49196" s="14" t="s">
        <v>137</v>
      </c>
      <c r="D49196" s="14" t="s">
        <v>146</v>
      </c>
      <c r="E49196" s="15">
        <v>45662</v>
      </c>
      <c r="F49196" s="14" t="s">
        <v>61</v>
      </c>
      <c r="G49196" s="16">
        <v>4.9102054691981385</v>
      </c>
    </row>
    <row r="49197" spans="1:7" x14ac:dyDescent="0.3">
      <c r="A49197" s="13" t="s">
        <v>278</v>
      </c>
      <c r="B49197" s="14" t="s">
        <v>1</v>
      </c>
      <c r="C49197" s="14" t="s">
        <v>137</v>
      </c>
      <c r="D49197" s="14" t="s">
        <v>146</v>
      </c>
      <c r="E49197" s="15">
        <v>45663</v>
      </c>
      <c r="F49197" s="14" t="s">
        <v>61</v>
      </c>
      <c r="G49197" s="16">
        <v>4.8884278472899947</v>
      </c>
    </row>
    <row r="49198" spans="1:7" x14ac:dyDescent="0.3">
      <c r="A49198" s="13" t="s">
        <v>278</v>
      </c>
      <c r="B49198" s="14" t="s">
        <v>1</v>
      </c>
      <c r="C49198" s="14" t="s">
        <v>137</v>
      </c>
      <c r="D49198" s="14" t="s">
        <v>146</v>
      </c>
      <c r="E49198" s="15">
        <v>45664</v>
      </c>
      <c r="F49198" s="14" t="s">
        <v>61</v>
      </c>
      <c r="G49198" s="16">
        <v>4.9651711362758952</v>
      </c>
    </row>
    <row r="49199" spans="1:7" x14ac:dyDescent="0.3">
      <c r="A49199" s="13" t="s">
        <v>278</v>
      </c>
      <c r="B49199" s="14" t="s">
        <v>1</v>
      </c>
      <c r="C49199" s="14" t="s">
        <v>137</v>
      </c>
      <c r="D49199" s="14" t="s">
        <v>146</v>
      </c>
      <c r="E49199" s="15">
        <v>45665</v>
      </c>
      <c r="F49199" s="14" t="s">
        <v>61</v>
      </c>
      <c r="G49199" s="16">
        <v>4.9922398060369702</v>
      </c>
    </row>
    <row r="49200" spans="1:7" x14ac:dyDescent="0.3">
      <c r="A49200" s="13" t="s">
        <v>278</v>
      </c>
      <c r="B49200" s="14" t="s">
        <v>1</v>
      </c>
      <c r="C49200" s="14" t="s">
        <v>137</v>
      </c>
      <c r="D49200" s="14" t="s">
        <v>146</v>
      </c>
      <c r="E49200" s="15">
        <v>45666</v>
      </c>
      <c r="F49200" s="14" t="s">
        <v>61</v>
      </c>
      <c r="G49200" s="16">
        <v>5.0192883912335242</v>
      </c>
    </row>
    <row r="49201" spans="1:7" x14ac:dyDescent="0.3">
      <c r="A49201" s="13" t="s">
        <v>278</v>
      </c>
      <c r="B49201" s="14" t="s">
        <v>1</v>
      </c>
      <c r="C49201" s="14" t="s">
        <v>137</v>
      </c>
      <c r="D49201" s="14" t="s">
        <v>146</v>
      </c>
      <c r="E49201" s="15">
        <v>45667</v>
      </c>
      <c r="F49201" s="14" t="s">
        <v>61</v>
      </c>
      <c r="G49201" s="16">
        <v>5.0672617768211277</v>
      </c>
    </row>
    <row r="49202" spans="1:7" x14ac:dyDescent="0.3">
      <c r="A49202" s="13" t="s">
        <v>278</v>
      </c>
      <c r="B49202" s="14" t="s">
        <v>1</v>
      </c>
      <c r="C49202" s="14" t="s">
        <v>137</v>
      </c>
      <c r="D49202" s="14" t="s">
        <v>146</v>
      </c>
      <c r="E49202" s="15">
        <v>45668</v>
      </c>
      <c r="F49202" s="14" t="s">
        <v>61</v>
      </c>
      <c r="G49202" s="16">
        <v>5.0672617768211277</v>
      </c>
    </row>
    <row r="49203" spans="1:7" x14ac:dyDescent="0.3">
      <c r="A49203" s="13" t="s">
        <v>278</v>
      </c>
      <c r="B49203" s="14" t="s">
        <v>1</v>
      </c>
      <c r="C49203" s="14" t="s">
        <v>137</v>
      </c>
      <c r="D49203" s="14" t="s">
        <v>146</v>
      </c>
      <c r="E49203" s="15">
        <v>45669</v>
      </c>
      <c r="F49203" s="14" t="s">
        <v>61</v>
      </c>
      <c r="G49203" s="16">
        <v>5.0672617768211277</v>
      </c>
    </row>
    <row r="49204" spans="1:7" x14ac:dyDescent="0.3">
      <c r="A49204" s="13" t="s">
        <v>278</v>
      </c>
      <c r="B49204" s="14" t="s">
        <v>1</v>
      </c>
      <c r="C49204" s="14" t="s">
        <v>137</v>
      </c>
      <c r="D49204" s="14" t="s">
        <v>146</v>
      </c>
      <c r="E49204" s="15">
        <v>45670</v>
      </c>
      <c r="F49204" s="14" t="s">
        <v>61</v>
      </c>
      <c r="G49204" s="16">
        <v>5.0847746487215471</v>
      </c>
    </row>
    <row r="49205" spans="1:7" x14ac:dyDescent="0.3">
      <c r="A49205" s="13" t="s">
        <v>278</v>
      </c>
      <c r="B49205" s="14" t="s">
        <v>1</v>
      </c>
      <c r="C49205" s="14" t="s">
        <v>137</v>
      </c>
      <c r="D49205" s="14" t="s">
        <v>146</v>
      </c>
      <c r="E49205" s="15">
        <v>45671</v>
      </c>
      <c r="F49205" s="14" t="s">
        <v>61</v>
      </c>
      <c r="G49205" s="16">
        <v>5.1060151951231143</v>
      </c>
    </row>
    <row r="49206" spans="1:7" x14ac:dyDescent="0.3">
      <c r="A49206" s="13" t="s">
        <v>278</v>
      </c>
      <c r="B49206" s="14" t="s">
        <v>1</v>
      </c>
      <c r="C49206" s="14" t="s">
        <v>137</v>
      </c>
      <c r="D49206" s="14" t="s">
        <v>146</v>
      </c>
      <c r="E49206" s="15">
        <v>45672</v>
      </c>
      <c r="F49206" s="14" t="s">
        <v>61</v>
      </c>
      <c r="G49206" s="16">
        <v>5.1336015466350444</v>
      </c>
    </row>
    <row r="49207" spans="1:7" x14ac:dyDescent="0.3">
      <c r="A49207" s="13" t="s">
        <v>278</v>
      </c>
      <c r="B49207" s="14" t="s">
        <v>1</v>
      </c>
      <c r="C49207" s="14" t="s">
        <v>137</v>
      </c>
      <c r="D49207" s="14" t="s">
        <v>146</v>
      </c>
      <c r="E49207" s="15">
        <v>45673</v>
      </c>
      <c r="F49207" s="14" t="s">
        <v>61</v>
      </c>
      <c r="G49207" s="16">
        <v>5.1455167942789526</v>
      </c>
    </row>
    <row r="49208" spans="1:7" x14ac:dyDescent="0.3">
      <c r="A49208" s="13" t="s">
        <v>278</v>
      </c>
      <c r="B49208" s="14" t="s">
        <v>1</v>
      </c>
      <c r="C49208" s="14" t="s">
        <v>137</v>
      </c>
      <c r="D49208" s="14" t="s">
        <v>146</v>
      </c>
      <c r="E49208" s="15">
        <v>45674</v>
      </c>
      <c r="F49208" s="14" t="s">
        <v>61</v>
      </c>
      <c r="G49208" s="16">
        <v>5.1753595769689893</v>
      </c>
    </row>
    <row r="49209" spans="1:7" x14ac:dyDescent="0.3">
      <c r="A49209" s="13" t="s">
        <v>278</v>
      </c>
      <c r="B49209" s="14" t="s">
        <v>1</v>
      </c>
      <c r="C49209" s="14" t="s">
        <v>137</v>
      </c>
      <c r="D49209" s="14" t="s">
        <v>146</v>
      </c>
      <c r="E49209" s="15">
        <v>45675</v>
      </c>
      <c r="F49209" s="14" t="s">
        <v>61</v>
      </c>
      <c r="G49209" s="16">
        <v>5.1753595769689893</v>
      </c>
    </row>
    <row r="49210" spans="1:7" x14ac:dyDescent="0.3">
      <c r="A49210" s="13" t="s">
        <v>278</v>
      </c>
      <c r="B49210" s="14" t="s">
        <v>1</v>
      </c>
      <c r="C49210" s="14" t="s">
        <v>137</v>
      </c>
      <c r="D49210" s="14" t="s">
        <v>146</v>
      </c>
      <c r="E49210" s="15">
        <v>45676</v>
      </c>
      <c r="F49210" s="14" t="s">
        <v>61</v>
      </c>
      <c r="G49210" s="16">
        <v>5.1753595769689893</v>
      </c>
    </row>
    <row r="49211" spans="1:7" x14ac:dyDescent="0.3">
      <c r="A49211" s="13" t="s">
        <v>278</v>
      </c>
      <c r="B49211" s="14" t="s">
        <v>1</v>
      </c>
      <c r="C49211" s="14" t="s">
        <v>137</v>
      </c>
      <c r="D49211" s="14" t="s">
        <v>146</v>
      </c>
      <c r="E49211" s="15">
        <v>45677</v>
      </c>
      <c r="F49211" s="14" t="s">
        <v>61</v>
      </c>
      <c r="G49211" s="16">
        <v>5.1205776630959887</v>
      </c>
    </row>
    <row r="49212" spans="1:7" x14ac:dyDescent="0.3">
      <c r="A49212" s="13" t="s">
        <v>278</v>
      </c>
      <c r="B49212" s="14" t="s">
        <v>1</v>
      </c>
      <c r="C49212" s="14" t="s">
        <v>137</v>
      </c>
      <c r="D49212" s="14" t="s">
        <v>146</v>
      </c>
      <c r="E49212" s="15">
        <v>45678</v>
      </c>
      <c r="F49212" s="14" t="s">
        <v>61</v>
      </c>
      <c r="G49212" s="16">
        <v>5.165012297523071</v>
      </c>
    </row>
    <row r="49213" spans="1:7" x14ac:dyDescent="0.3">
      <c r="A49213" s="13" t="s">
        <v>278</v>
      </c>
      <c r="B49213" s="14" t="s">
        <v>1</v>
      </c>
      <c r="C49213" s="14" t="s">
        <v>137</v>
      </c>
      <c r="D49213" s="14" t="s">
        <v>146</v>
      </c>
      <c r="E49213" s="15">
        <v>45679</v>
      </c>
      <c r="F49213" s="14" t="s">
        <v>61</v>
      </c>
      <c r="G49213" s="16">
        <v>5.1924352133276068</v>
      </c>
    </row>
    <row r="49214" spans="1:7" x14ac:dyDescent="0.3">
      <c r="A49214" s="13" t="s">
        <v>278</v>
      </c>
      <c r="B49214" s="14" t="s">
        <v>1</v>
      </c>
      <c r="C49214" s="14" t="s">
        <v>137</v>
      </c>
      <c r="D49214" s="14" t="s">
        <v>146</v>
      </c>
      <c r="E49214" s="15">
        <v>45680</v>
      </c>
      <c r="F49214" s="14" t="s">
        <v>61</v>
      </c>
      <c r="G49214" s="16">
        <v>5.2056958759706653</v>
      </c>
    </row>
    <row r="49215" spans="1:7" x14ac:dyDescent="0.3">
      <c r="A49215" s="13" t="s">
        <v>278</v>
      </c>
      <c r="B49215" s="14" t="s">
        <v>1</v>
      </c>
      <c r="C49215" s="14" t="s">
        <v>137</v>
      </c>
      <c r="D49215" s="14" t="s">
        <v>146</v>
      </c>
      <c r="E49215" s="15">
        <v>45681</v>
      </c>
      <c r="F49215" s="14" t="s">
        <v>61</v>
      </c>
      <c r="G49215" s="16">
        <v>5.1836069467787365</v>
      </c>
    </row>
    <row r="49216" spans="1:7" x14ac:dyDescent="0.3">
      <c r="A49216" s="13" t="s">
        <v>278</v>
      </c>
      <c r="B49216" s="14" t="s">
        <v>1</v>
      </c>
      <c r="C49216" s="14" t="s">
        <v>137</v>
      </c>
      <c r="D49216" s="14" t="s">
        <v>146</v>
      </c>
      <c r="E49216" s="15">
        <v>45682</v>
      </c>
      <c r="F49216" s="14" t="s">
        <v>61</v>
      </c>
      <c r="G49216" s="16">
        <v>5.1836069467787365</v>
      </c>
    </row>
    <row r="49217" spans="1:7" x14ac:dyDescent="0.3">
      <c r="A49217" s="13" t="s">
        <v>278</v>
      </c>
      <c r="B49217" s="14" t="s">
        <v>1</v>
      </c>
      <c r="C49217" s="14" t="s">
        <v>137</v>
      </c>
      <c r="D49217" s="14" t="s">
        <v>146</v>
      </c>
      <c r="E49217" s="15">
        <v>45683</v>
      </c>
      <c r="F49217" s="14" t="s">
        <v>61</v>
      </c>
      <c r="G49217" s="16">
        <v>5.1836069467787365</v>
      </c>
    </row>
    <row r="49218" spans="1:7" x14ac:dyDescent="0.3">
      <c r="A49218" s="13" t="s">
        <v>278</v>
      </c>
      <c r="B49218" s="14" t="s">
        <v>1</v>
      </c>
      <c r="C49218" s="14" t="s">
        <v>137</v>
      </c>
      <c r="D49218" s="14" t="s">
        <v>146</v>
      </c>
      <c r="E49218" s="15">
        <v>45684</v>
      </c>
      <c r="F49218" s="14" t="s">
        <v>61</v>
      </c>
      <c r="G49218" s="16">
        <v>5.2010333033855911</v>
      </c>
    </row>
    <row r="49219" spans="1:7" x14ac:dyDescent="0.3">
      <c r="A49219" s="13" t="s">
        <v>278</v>
      </c>
      <c r="B49219" s="14" t="s">
        <v>1</v>
      </c>
      <c r="C49219" s="14" t="s">
        <v>137</v>
      </c>
      <c r="D49219" s="14" t="s">
        <v>146</v>
      </c>
      <c r="E49219" s="15">
        <v>45685</v>
      </c>
      <c r="F49219" s="14" t="s">
        <v>61</v>
      </c>
      <c r="G49219" s="16">
        <v>5.2813996688453324</v>
      </c>
    </row>
    <row r="49220" spans="1:7" x14ac:dyDescent="0.3">
      <c r="A49220" s="13" t="s">
        <v>278</v>
      </c>
      <c r="B49220" s="14" t="s">
        <v>1</v>
      </c>
      <c r="C49220" s="14" t="s">
        <v>137</v>
      </c>
      <c r="D49220" s="14" t="s">
        <v>146</v>
      </c>
      <c r="E49220" s="15">
        <v>45686</v>
      </c>
      <c r="F49220" s="14" t="s">
        <v>61</v>
      </c>
      <c r="G49220" s="16">
        <v>5.306742326550447</v>
      </c>
    </row>
    <row r="49221" spans="1:7" x14ac:dyDescent="0.3">
      <c r="A49221" s="13" t="s">
        <v>278</v>
      </c>
      <c r="B49221" s="14" t="s">
        <v>1</v>
      </c>
      <c r="C49221" s="14" t="s">
        <v>137</v>
      </c>
      <c r="D49221" s="14" t="s">
        <v>146</v>
      </c>
      <c r="E49221" s="15">
        <v>45687</v>
      </c>
      <c r="F49221" s="14" t="s">
        <v>61</v>
      </c>
      <c r="G49221" s="16">
        <v>5.3431383555483674</v>
      </c>
    </row>
    <row r="49222" spans="1:7" x14ac:dyDescent="0.3">
      <c r="A49222" s="13" t="s">
        <v>278</v>
      </c>
      <c r="B49222" s="14" t="s">
        <v>1</v>
      </c>
      <c r="C49222" s="14" t="s">
        <v>137</v>
      </c>
      <c r="D49222" s="14" t="s">
        <v>146</v>
      </c>
      <c r="E49222" s="15">
        <v>45688</v>
      </c>
      <c r="F49222" s="14" t="s">
        <v>61</v>
      </c>
      <c r="G49222" s="16">
        <v>5.373337676453728</v>
      </c>
    </row>
    <row r="49223" spans="1:7" x14ac:dyDescent="0.3">
      <c r="A49223" s="13" t="s">
        <v>278</v>
      </c>
      <c r="B49223" s="14" t="s">
        <v>1</v>
      </c>
      <c r="C49223" s="14" t="s">
        <v>137</v>
      </c>
      <c r="D49223" s="14" t="s">
        <v>146</v>
      </c>
      <c r="E49223" s="15">
        <v>45689</v>
      </c>
      <c r="F49223" s="14" t="s">
        <v>61</v>
      </c>
      <c r="G49223" s="16">
        <v>5.373337676453728</v>
      </c>
    </row>
    <row r="49224" spans="1:7" x14ac:dyDescent="0.3">
      <c r="A49224" s="13" t="s">
        <v>278</v>
      </c>
      <c r="B49224" s="14" t="s">
        <v>1</v>
      </c>
      <c r="C49224" s="14" t="s">
        <v>137</v>
      </c>
      <c r="D49224" s="14" t="s">
        <v>146</v>
      </c>
      <c r="E49224" s="15">
        <v>45690</v>
      </c>
      <c r="F49224" s="14" t="s">
        <v>61</v>
      </c>
      <c r="G49224" s="16">
        <v>5.373337676453728</v>
      </c>
    </row>
    <row r="49225" spans="1:7" x14ac:dyDescent="0.3">
      <c r="A49225" s="13" t="s">
        <v>278</v>
      </c>
      <c r="B49225" s="14" t="s">
        <v>1</v>
      </c>
      <c r="C49225" s="14" t="s">
        <v>137</v>
      </c>
      <c r="D49225" s="14" t="s">
        <v>146</v>
      </c>
      <c r="E49225" s="15">
        <v>45691</v>
      </c>
      <c r="F49225" s="14" t="s">
        <v>61</v>
      </c>
      <c r="G49225" s="16">
        <v>5.373337676453728</v>
      </c>
    </row>
    <row r="49226" spans="1:7" x14ac:dyDescent="0.3">
      <c r="A49226" s="13" t="s">
        <v>278</v>
      </c>
      <c r="B49226" s="14" t="s">
        <v>1</v>
      </c>
      <c r="C49226" s="14" t="s">
        <v>137</v>
      </c>
      <c r="D49226" s="14" t="s">
        <v>146</v>
      </c>
      <c r="E49226" s="15">
        <v>45692</v>
      </c>
      <c r="F49226" s="14" t="s">
        <v>61</v>
      </c>
      <c r="G49226" s="16">
        <v>5.3806048241169089</v>
      </c>
    </row>
    <row r="49227" spans="1:7" x14ac:dyDescent="0.3">
      <c r="A49227" s="13" t="s">
        <v>278</v>
      </c>
      <c r="B49227" s="14" t="s">
        <v>1</v>
      </c>
      <c r="C49227" s="14" t="s">
        <v>137</v>
      </c>
      <c r="D49227" s="14" t="s">
        <v>146</v>
      </c>
      <c r="E49227" s="15">
        <v>45693</v>
      </c>
      <c r="F49227" s="14" t="s">
        <v>61</v>
      </c>
      <c r="G49227" s="16">
        <v>5.4224363598627479</v>
      </c>
    </row>
    <row r="49228" spans="1:7" x14ac:dyDescent="0.3">
      <c r="A49228" s="13" t="s">
        <v>278</v>
      </c>
      <c r="B49228" s="14" t="s">
        <v>1</v>
      </c>
      <c r="C49228" s="14" t="s">
        <v>137</v>
      </c>
      <c r="D49228" s="14" t="s">
        <v>146</v>
      </c>
      <c r="E49228" s="15">
        <v>45694</v>
      </c>
      <c r="F49228" s="14" t="s">
        <v>61</v>
      </c>
      <c r="G49228" s="16">
        <v>5.4483394691324261</v>
      </c>
    </row>
    <row r="49229" spans="1:7" x14ac:dyDescent="0.3">
      <c r="A49229" s="13" t="s">
        <v>278</v>
      </c>
      <c r="B49229" s="14" t="s">
        <v>1</v>
      </c>
      <c r="C49229" s="14" t="s">
        <v>137</v>
      </c>
      <c r="D49229" s="14" t="s">
        <v>146</v>
      </c>
      <c r="E49229" s="15">
        <v>45695</v>
      </c>
      <c r="F49229" s="14" t="s">
        <v>61</v>
      </c>
      <c r="G49229" s="16">
        <v>5.4962140557029873</v>
      </c>
    </row>
    <row r="49230" spans="1:7" x14ac:dyDescent="0.3">
      <c r="A49230" s="13" t="s">
        <v>278</v>
      </c>
      <c r="B49230" s="14" t="s">
        <v>1</v>
      </c>
      <c r="C49230" s="14" t="s">
        <v>137</v>
      </c>
      <c r="D49230" s="14" t="s">
        <v>146</v>
      </c>
      <c r="E49230" s="15">
        <v>45696</v>
      </c>
      <c r="F49230" s="14" t="s">
        <v>61</v>
      </c>
      <c r="G49230" s="16">
        <v>5.4962140557029873</v>
      </c>
    </row>
    <row r="49231" spans="1:7" x14ac:dyDescent="0.3">
      <c r="A49231" s="13" t="s">
        <v>278</v>
      </c>
      <c r="B49231" s="14" t="s">
        <v>1</v>
      </c>
      <c r="C49231" s="14" t="s">
        <v>137</v>
      </c>
      <c r="D49231" s="14" t="s">
        <v>146</v>
      </c>
      <c r="E49231" s="15">
        <v>45697</v>
      </c>
      <c r="F49231" s="14" t="s">
        <v>61</v>
      </c>
      <c r="G49231" s="16">
        <v>5.4962140557029873</v>
      </c>
    </row>
    <row r="49232" spans="1:7" x14ac:dyDescent="0.3">
      <c r="A49232" s="13" t="s">
        <v>278</v>
      </c>
      <c r="B49232" s="14" t="s">
        <v>1</v>
      </c>
      <c r="C49232" s="14" t="s">
        <v>137</v>
      </c>
      <c r="D49232" s="14" t="s">
        <v>146</v>
      </c>
      <c r="E49232" s="15">
        <v>45698</v>
      </c>
      <c r="F49232" s="14" t="s">
        <v>61</v>
      </c>
      <c r="G49232" s="16">
        <v>5.530141501322122</v>
      </c>
    </row>
    <row r="49233" spans="1:7" x14ac:dyDescent="0.3">
      <c r="A49233" s="13" t="s">
        <v>278</v>
      </c>
      <c r="B49233" s="14" t="s">
        <v>1</v>
      </c>
      <c r="C49233" s="14" t="s">
        <v>137</v>
      </c>
      <c r="D49233" s="14" t="s">
        <v>146</v>
      </c>
      <c r="E49233" s="15">
        <v>45699</v>
      </c>
      <c r="F49233" s="14" t="s">
        <v>61</v>
      </c>
      <c r="G49233" s="16">
        <v>5.5524175914373401</v>
      </c>
    </row>
    <row r="49234" spans="1:7" x14ac:dyDescent="0.3">
      <c r="A49234" s="13" t="s">
        <v>278</v>
      </c>
      <c r="B49234" s="14" t="s">
        <v>1</v>
      </c>
      <c r="C49234" s="14" t="s">
        <v>137</v>
      </c>
      <c r="D49234" s="14" t="s">
        <v>146</v>
      </c>
      <c r="E49234" s="15">
        <v>45700</v>
      </c>
      <c r="F49234" s="14" t="s">
        <v>61</v>
      </c>
      <c r="G49234" s="16">
        <v>5.5585390094658491</v>
      </c>
    </row>
    <row r="49235" spans="1:7" x14ac:dyDescent="0.3">
      <c r="A49235" s="13" t="s">
        <v>278</v>
      </c>
      <c r="B49235" s="14" t="s">
        <v>1</v>
      </c>
      <c r="C49235" s="14" t="s">
        <v>137</v>
      </c>
      <c r="D49235" s="14" t="s">
        <v>146</v>
      </c>
      <c r="E49235" s="15">
        <v>45701</v>
      </c>
      <c r="F49235" s="14" t="s">
        <v>61</v>
      </c>
      <c r="G49235" s="16">
        <v>5.5317464252186124</v>
      </c>
    </row>
    <row r="49236" spans="1:7" x14ac:dyDescent="0.3">
      <c r="A49236" s="13" t="s">
        <v>278</v>
      </c>
      <c r="B49236" s="14" t="s">
        <v>1</v>
      </c>
      <c r="C49236" s="14" t="s">
        <v>137</v>
      </c>
      <c r="D49236" s="14" t="s">
        <v>146</v>
      </c>
      <c r="E49236" s="15">
        <v>45702</v>
      </c>
      <c r="F49236" s="14" t="s">
        <v>61</v>
      </c>
      <c r="G49236" s="16">
        <v>5.4036516378948454</v>
      </c>
    </row>
    <row r="49237" spans="1:7" x14ac:dyDescent="0.3">
      <c r="A49237" s="13" t="s">
        <v>278</v>
      </c>
      <c r="B49237" s="14" t="s">
        <v>1</v>
      </c>
      <c r="C49237" s="14" t="s">
        <v>137</v>
      </c>
      <c r="D49237" s="14" t="s">
        <v>146</v>
      </c>
      <c r="E49237" s="15">
        <v>45703</v>
      </c>
      <c r="F49237" s="14" t="s">
        <v>61</v>
      </c>
      <c r="G49237" s="16">
        <v>5.4036516378948454</v>
      </c>
    </row>
    <row r="49238" spans="1:7" x14ac:dyDescent="0.3">
      <c r="A49238" s="13" t="s">
        <v>278</v>
      </c>
      <c r="B49238" s="14" t="s">
        <v>1</v>
      </c>
      <c r="C49238" s="14" t="s">
        <v>137</v>
      </c>
      <c r="D49238" s="14" t="s">
        <v>146</v>
      </c>
      <c r="E49238" s="15">
        <v>45704</v>
      </c>
      <c r="F49238" s="14" t="s">
        <v>61</v>
      </c>
      <c r="G49238" s="16">
        <v>5.4036516378948454</v>
      </c>
    </row>
    <row r="49239" spans="1:7" x14ac:dyDescent="0.3">
      <c r="A49239" s="13" t="s">
        <v>278</v>
      </c>
      <c r="B49239" s="14" t="s">
        <v>1</v>
      </c>
      <c r="C49239" s="14" t="s">
        <v>137</v>
      </c>
      <c r="D49239" s="14" t="s">
        <v>146</v>
      </c>
      <c r="E49239" s="15">
        <v>45705</v>
      </c>
      <c r="F49239" s="14" t="s">
        <v>61</v>
      </c>
      <c r="G49239" s="16">
        <v>5.5607116325404462</v>
      </c>
    </row>
    <row r="49240" spans="1:7" x14ac:dyDescent="0.3">
      <c r="A49240" s="13" t="s">
        <v>278</v>
      </c>
      <c r="B49240" s="14" t="s">
        <v>1</v>
      </c>
      <c r="C49240" s="14" t="s">
        <v>137</v>
      </c>
      <c r="D49240" s="14" t="s">
        <v>146</v>
      </c>
      <c r="E49240" s="15">
        <v>45706</v>
      </c>
      <c r="F49240" s="14" t="s">
        <v>61</v>
      </c>
      <c r="G49240" s="16">
        <v>5.6316140115524895</v>
      </c>
    </row>
    <row r="49241" spans="1:7" x14ac:dyDescent="0.3">
      <c r="A49241" s="13" t="s">
        <v>278</v>
      </c>
      <c r="B49241" s="14" t="s">
        <v>1</v>
      </c>
      <c r="C49241" s="14" t="s">
        <v>137</v>
      </c>
      <c r="D49241" s="14" t="s">
        <v>146</v>
      </c>
      <c r="E49241" s="15">
        <v>45707</v>
      </c>
      <c r="F49241" s="14" t="s">
        <v>61</v>
      </c>
      <c r="G49241" s="16">
        <v>5.6630442004514956</v>
      </c>
    </row>
    <row r="49242" spans="1:7" x14ac:dyDescent="0.3">
      <c r="A49242" s="13" t="s">
        <v>278</v>
      </c>
      <c r="B49242" s="14" t="s">
        <v>1</v>
      </c>
      <c r="C49242" s="14" t="s">
        <v>137</v>
      </c>
      <c r="D49242" s="14" t="s">
        <v>146</v>
      </c>
      <c r="E49242" s="15">
        <v>45708</v>
      </c>
      <c r="F49242" s="14" t="s">
        <v>61</v>
      </c>
      <c r="G49242" s="16">
        <v>5.6378251868548448</v>
      </c>
    </row>
    <row r="49243" spans="1:7" x14ac:dyDescent="0.3">
      <c r="A49243" s="13" t="s">
        <v>278</v>
      </c>
      <c r="B49243" s="14" t="s">
        <v>1</v>
      </c>
      <c r="C49243" s="14" t="s">
        <v>137</v>
      </c>
      <c r="D49243" s="14" t="s">
        <v>146</v>
      </c>
      <c r="E49243" s="15">
        <v>45709</v>
      </c>
      <c r="F49243" s="14" t="s">
        <v>61</v>
      </c>
      <c r="G49243" s="16">
        <v>5.6777610070841282</v>
      </c>
    </row>
    <row r="49244" spans="1:7" x14ac:dyDescent="0.3">
      <c r="A49244" s="13" t="s">
        <v>278</v>
      </c>
      <c r="B49244" s="14" t="s">
        <v>1</v>
      </c>
      <c r="C49244" s="14" t="s">
        <v>137</v>
      </c>
      <c r="D49244" s="14" t="s">
        <v>146</v>
      </c>
      <c r="E49244" s="15">
        <v>45710</v>
      </c>
      <c r="F49244" s="14" t="s">
        <v>61</v>
      </c>
      <c r="G49244" s="16">
        <v>5.6777610070841282</v>
      </c>
    </row>
    <row r="49245" spans="1:7" x14ac:dyDescent="0.3">
      <c r="A49245" s="13" t="s">
        <v>278</v>
      </c>
      <c r="B49245" s="14" t="s">
        <v>1</v>
      </c>
      <c r="C49245" s="14" t="s">
        <v>137</v>
      </c>
      <c r="D49245" s="14" t="s">
        <v>146</v>
      </c>
      <c r="E49245" s="15">
        <v>45711</v>
      </c>
      <c r="F49245" s="14" t="s">
        <v>61</v>
      </c>
      <c r="G49245" s="16">
        <v>5.6777610070841282</v>
      </c>
    </row>
    <row r="49246" spans="1:7" x14ac:dyDescent="0.3">
      <c r="A49246" s="13" t="s">
        <v>278</v>
      </c>
      <c r="B49246" s="14" t="s">
        <v>1</v>
      </c>
      <c r="C49246" s="14" t="s">
        <v>137</v>
      </c>
      <c r="D49246" s="14" t="s">
        <v>146</v>
      </c>
      <c r="E49246" s="15">
        <v>45712</v>
      </c>
      <c r="F49246" s="14" t="s">
        <v>61</v>
      </c>
      <c r="G49246" s="16">
        <v>5.6898391903684971</v>
      </c>
    </row>
    <row r="49247" spans="1:7" x14ac:dyDescent="0.3">
      <c r="A49247" s="13" t="s">
        <v>278</v>
      </c>
      <c r="B49247" s="14" t="s">
        <v>1</v>
      </c>
      <c r="C49247" s="14" t="s">
        <v>137</v>
      </c>
      <c r="D49247" s="14" t="s">
        <v>146</v>
      </c>
      <c r="E49247" s="15">
        <v>45713</v>
      </c>
      <c r="F49247" s="14" t="s">
        <v>61</v>
      </c>
      <c r="G49247" s="16">
        <v>5.7275494219957332</v>
      </c>
    </row>
    <row r="49248" spans="1:7" x14ac:dyDescent="0.3">
      <c r="A49248" s="13" t="s">
        <v>278</v>
      </c>
      <c r="B49248" s="14" t="s">
        <v>1</v>
      </c>
      <c r="C49248" s="14" t="s">
        <v>137</v>
      </c>
      <c r="D49248" s="14" t="s">
        <v>146</v>
      </c>
      <c r="E49248" s="15">
        <v>45714</v>
      </c>
      <c r="F49248" s="14" t="s">
        <v>61</v>
      </c>
      <c r="G49248" s="16">
        <v>5.7609802434052106</v>
      </c>
    </row>
    <row r="49249" spans="1:7" x14ac:dyDescent="0.3">
      <c r="A49249" s="13" t="s">
        <v>278</v>
      </c>
      <c r="B49249" s="14" t="s">
        <v>1</v>
      </c>
      <c r="C49249" s="14" t="s">
        <v>137</v>
      </c>
      <c r="D49249" s="14" t="s">
        <v>146</v>
      </c>
      <c r="E49249" s="15">
        <v>45715</v>
      </c>
      <c r="F49249" s="14" t="s">
        <v>61</v>
      </c>
      <c r="G49249" s="16">
        <v>5.8257607077437017</v>
      </c>
    </row>
    <row r="49250" spans="1:7" x14ac:dyDescent="0.3">
      <c r="A49250" s="13" t="s">
        <v>278</v>
      </c>
      <c r="B49250" s="14" t="s">
        <v>1</v>
      </c>
      <c r="C49250" s="14" t="s">
        <v>137</v>
      </c>
      <c r="D49250" s="14" t="s">
        <v>146</v>
      </c>
      <c r="E49250" s="15">
        <v>45716</v>
      </c>
      <c r="F49250" s="14" t="s">
        <v>61</v>
      </c>
      <c r="G49250" s="16">
        <v>5.8588035788153974</v>
      </c>
    </row>
    <row r="49251" spans="1:7" x14ac:dyDescent="0.3">
      <c r="A49251" s="13" t="s">
        <v>278</v>
      </c>
      <c r="B49251" s="14" t="s">
        <v>1</v>
      </c>
      <c r="C49251" s="14" t="s">
        <v>137</v>
      </c>
      <c r="D49251" s="14" t="s">
        <v>146</v>
      </c>
      <c r="E49251" s="15">
        <v>45717</v>
      </c>
      <c r="F49251" s="14" t="s">
        <v>61</v>
      </c>
      <c r="G49251" s="16">
        <v>5.8588035788153974</v>
      </c>
    </row>
    <row r="49252" spans="1:7" x14ac:dyDescent="0.3">
      <c r="A49252" s="13" t="s">
        <v>278</v>
      </c>
      <c r="B49252" s="14" t="s">
        <v>1</v>
      </c>
      <c r="C49252" s="14" t="s">
        <v>137</v>
      </c>
      <c r="D49252" s="14" t="s">
        <v>146</v>
      </c>
      <c r="E49252" s="15">
        <v>45718</v>
      </c>
      <c r="F49252" s="14" t="s">
        <v>61</v>
      </c>
      <c r="G49252" s="16">
        <v>5.8588035788153974</v>
      </c>
    </row>
    <row r="49253" spans="1:7" x14ac:dyDescent="0.3">
      <c r="A49253" s="13" t="s">
        <v>278</v>
      </c>
      <c r="B49253" s="14" t="s">
        <v>1</v>
      </c>
      <c r="C49253" s="14" t="s">
        <v>137</v>
      </c>
      <c r="D49253" s="14" t="s">
        <v>146</v>
      </c>
      <c r="E49253" s="15">
        <v>45719</v>
      </c>
      <c r="F49253" s="14" t="s">
        <v>61</v>
      </c>
      <c r="G49253" s="16">
        <v>5.8543809850599553</v>
      </c>
    </row>
    <row r="49254" spans="1:7" x14ac:dyDescent="0.3">
      <c r="A49254" s="13" t="s">
        <v>278</v>
      </c>
      <c r="B49254" s="14" t="s">
        <v>1</v>
      </c>
      <c r="C49254" s="14" t="s">
        <v>137</v>
      </c>
      <c r="D49254" s="14" t="s">
        <v>146</v>
      </c>
      <c r="E49254" s="15">
        <v>45720</v>
      </c>
      <c r="F49254" s="14" t="s">
        <v>61</v>
      </c>
      <c r="G49254" s="16">
        <v>5.8280204892342704</v>
      </c>
    </row>
    <row r="49255" spans="1:7" x14ac:dyDescent="0.3">
      <c r="A49255" s="13" t="s">
        <v>278</v>
      </c>
      <c r="B49255" s="14" t="s">
        <v>1</v>
      </c>
      <c r="C49255" s="14" t="s">
        <v>137</v>
      </c>
      <c r="D49255" s="14" t="s">
        <v>146</v>
      </c>
      <c r="E49255" s="15">
        <v>45721</v>
      </c>
      <c r="F49255" s="14" t="s">
        <v>61</v>
      </c>
      <c r="G49255" s="16">
        <v>5.7588867224228242</v>
      </c>
    </row>
    <row r="49256" spans="1:7" x14ac:dyDescent="0.3">
      <c r="A49256" s="13" t="s">
        <v>278</v>
      </c>
      <c r="B49256" s="14" t="s">
        <v>1</v>
      </c>
      <c r="C49256" s="14" t="s">
        <v>137</v>
      </c>
      <c r="D49256" s="14" t="s">
        <v>146</v>
      </c>
      <c r="E49256" s="15">
        <v>45722</v>
      </c>
      <c r="F49256" s="14" t="s">
        <v>61</v>
      </c>
      <c r="G49256" s="16">
        <v>5.777231399876567</v>
      </c>
    </row>
    <row r="49257" spans="1:7" x14ac:dyDescent="0.3">
      <c r="A49257" s="13" t="s">
        <v>278</v>
      </c>
      <c r="B49257" s="14" t="s">
        <v>1</v>
      </c>
      <c r="C49257" s="14" t="s">
        <v>137</v>
      </c>
      <c r="D49257" s="14" t="s">
        <v>146</v>
      </c>
      <c r="E49257" s="15">
        <v>45723</v>
      </c>
      <c r="F49257" s="14" t="s">
        <v>61</v>
      </c>
      <c r="G49257" s="16">
        <v>5.7673975309470764</v>
      </c>
    </row>
    <row r="49258" spans="1:7" x14ac:dyDescent="0.3">
      <c r="A49258" s="13" t="s">
        <v>278</v>
      </c>
      <c r="B49258" s="14" t="s">
        <v>1</v>
      </c>
      <c r="C49258" s="14" t="s">
        <v>137</v>
      </c>
      <c r="D49258" s="14" t="s">
        <v>146</v>
      </c>
      <c r="E49258" s="15">
        <v>45724</v>
      </c>
      <c r="F49258" s="14" t="s">
        <v>61</v>
      </c>
      <c r="G49258" s="16">
        <v>5.7673975309470764</v>
      </c>
    </row>
    <row r="49259" spans="1:7" x14ac:dyDescent="0.3">
      <c r="A49259" s="13" t="s">
        <v>278</v>
      </c>
      <c r="B49259" s="14" t="s">
        <v>1</v>
      </c>
      <c r="C49259" s="14" t="s">
        <v>137</v>
      </c>
      <c r="D49259" s="14" t="s">
        <v>146</v>
      </c>
      <c r="E49259" s="15">
        <v>45725</v>
      </c>
      <c r="F49259" s="14" t="s">
        <v>61</v>
      </c>
      <c r="G49259" s="16">
        <v>5.7673975309470764</v>
      </c>
    </row>
    <row r="49260" spans="1:7" x14ac:dyDescent="0.3">
      <c r="A49260" s="13" t="s">
        <v>278</v>
      </c>
      <c r="B49260" s="14" t="s">
        <v>1</v>
      </c>
      <c r="C49260" s="14" t="s">
        <v>137</v>
      </c>
      <c r="D49260" s="14" t="s">
        <v>146</v>
      </c>
      <c r="E49260" s="15">
        <v>45726</v>
      </c>
      <c r="F49260" s="14" t="s">
        <v>61</v>
      </c>
      <c r="G49260" s="16">
        <v>5.7856246833821565</v>
      </c>
    </row>
    <row r="49261" spans="1:7" x14ac:dyDescent="0.3">
      <c r="A49261" s="13" t="s">
        <v>278</v>
      </c>
      <c r="B49261" s="14" t="s">
        <v>1</v>
      </c>
      <c r="C49261" s="14" t="s">
        <v>137</v>
      </c>
      <c r="D49261" s="14" t="s">
        <v>146</v>
      </c>
      <c r="E49261" s="15">
        <v>45727</v>
      </c>
      <c r="F49261" s="14" t="s">
        <v>61</v>
      </c>
      <c r="G49261" s="16">
        <v>5.7903772055251563</v>
      </c>
    </row>
    <row r="49262" spans="1:7" x14ac:dyDescent="0.3">
      <c r="A49262" s="13" t="s">
        <v>278</v>
      </c>
      <c r="B49262" s="14" t="s">
        <v>1</v>
      </c>
      <c r="C49262" s="14" t="s">
        <v>137</v>
      </c>
      <c r="D49262" s="14" t="s">
        <v>146</v>
      </c>
      <c r="E49262" s="15">
        <v>45728</v>
      </c>
      <c r="F49262" s="14" t="s">
        <v>61</v>
      </c>
      <c r="G49262" s="16">
        <v>5.823056302466834</v>
      </c>
    </row>
    <row r="49263" spans="1:7" x14ac:dyDescent="0.3">
      <c r="A49263" s="13" t="s">
        <v>278</v>
      </c>
      <c r="B49263" s="14" t="s">
        <v>1</v>
      </c>
      <c r="C49263" s="14" t="s">
        <v>137</v>
      </c>
      <c r="D49263" s="14" t="s">
        <v>146</v>
      </c>
      <c r="E49263" s="15">
        <v>45729</v>
      </c>
      <c r="F49263" s="14" t="s">
        <v>61</v>
      </c>
      <c r="G49263" s="16">
        <v>5.8584341142550462</v>
      </c>
    </row>
    <row r="49264" spans="1:7" x14ac:dyDescent="0.3">
      <c r="A49264" s="13" t="s">
        <v>278</v>
      </c>
      <c r="B49264" s="14" t="s">
        <v>1</v>
      </c>
      <c r="C49264" s="14" t="s">
        <v>137</v>
      </c>
      <c r="D49264" s="14" t="s">
        <v>146</v>
      </c>
      <c r="E49264" s="15">
        <v>45730</v>
      </c>
      <c r="F49264" s="14" t="s">
        <v>61</v>
      </c>
      <c r="G49264" s="16">
        <v>5.8595922429556317</v>
      </c>
    </row>
    <row r="49265" spans="1:7" x14ac:dyDescent="0.3">
      <c r="A49265" s="13" t="s">
        <v>278</v>
      </c>
      <c r="B49265" s="14" t="s">
        <v>1</v>
      </c>
      <c r="C49265" s="14" t="s">
        <v>137</v>
      </c>
      <c r="D49265" s="14" t="s">
        <v>146</v>
      </c>
      <c r="E49265" s="15">
        <v>45731</v>
      </c>
      <c r="F49265" s="14" t="s">
        <v>61</v>
      </c>
      <c r="G49265" s="16">
        <v>5.8595922429556317</v>
      </c>
    </row>
    <row r="49266" spans="1:7" x14ac:dyDescent="0.3">
      <c r="A49266" s="13" t="s">
        <v>278</v>
      </c>
      <c r="B49266" s="14" t="s">
        <v>1</v>
      </c>
      <c r="C49266" s="14" t="s">
        <v>137</v>
      </c>
      <c r="D49266" s="14" t="s">
        <v>146</v>
      </c>
      <c r="E49266" s="15">
        <v>45732</v>
      </c>
      <c r="F49266" s="14" t="s">
        <v>61</v>
      </c>
      <c r="G49266" s="16">
        <v>5.8595922429556317</v>
      </c>
    </row>
    <row r="49267" spans="1:7" x14ac:dyDescent="0.3">
      <c r="A49267" s="13" t="s">
        <v>278</v>
      </c>
      <c r="B49267" s="14" t="s">
        <v>1</v>
      </c>
      <c r="C49267" s="14" t="s">
        <v>137</v>
      </c>
      <c r="D49267" s="14" t="s">
        <v>146</v>
      </c>
      <c r="E49267" s="15">
        <v>45733</v>
      </c>
      <c r="F49267" s="14" t="s">
        <v>61</v>
      </c>
      <c r="G49267" s="16">
        <v>5.8595922429556317</v>
      </c>
    </row>
    <row r="49268" spans="1:7" x14ac:dyDescent="0.3">
      <c r="A49268" s="13" t="s">
        <v>278</v>
      </c>
      <c r="B49268" s="14" t="s">
        <v>1</v>
      </c>
      <c r="C49268" s="14" t="s">
        <v>137</v>
      </c>
      <c r="D49268" s="14" t="s">
        <v>146</v>
      </c>
      <c r="E49268" s="15">
        <v>45734</v>
      </c>
      <c r="F49268" s="14" t="s">
        <v>61</v>
      </c>
      <c r="G49268" s="16">
        <v>5.842871922181665</v>
      </c>
    </row>
    <row r="49269" spans="1:7" x14ac:dyDescent="0.3">
      <c r="A49269" s="13" t="s">
        <v>278</v>
      </c>
      <c r="B49269" s="14" t="s">
        <v>1</v>
      </c>
      <c r="C49269" s="14" t="s">
        <v>137</v>
      </c>
      <c r="D49269" s="14" t="s">
        <v>146</v>
      </c>
      <c r="E49269" s="15">
        <v>45735</v>
      </c>
      <c r="F49269" s="14" t="s">
        <v>61</v>
      </c>
      <c r="G49269" s="16">
        <v>5.9308706483490932</v>
      </c>
    </row>
    <row r="49270" spans="1:7" x14ac:dyDescent="0.3">
      <c r="A49270" s="13" t="s">
        <v>278</v>
      </c>
      <c r="B49270" s="14" t="s">
        <v>1</v>
      </c>
      <c r="C49270" s="14" t="s">
        <v>137</v>
      </c>
      <c r="D49270" s="14" t="s">
        <v>146</v>
      </c>
      <c r="E49270" s="15">
        <v>45736</v>
      </c>
      <c r="F49270" s="14" t="s">
        <v>61</v>
      </c>
      <c r="G49270" s="16">
        <v>5.9743651394077224</v>
      </c>
    </row>
    <row r="49271" spans="1:7" x14ac:dyDescent="0.3">
      <c r="A49271" s="13" t="s">
        <v>278</v>
      </c>
      <c r="B49271" s="14" t="s">
        <v>1</v>
      </c>
      <c r="C49271" s="14" t="s">
        <v>137</v>
      </c>
      <c r="D49271" s="14" t="s">
        <v>146</v>
      </c>
      <c r="E49271" s="15">
        <v>45737</v>
      </c>
      <c r="F49271" s="14" t="s">
        <v>61</v>
      </c>
      <c r="G49271" s="16">
        <v>6.0163749062110972</v>
      </c>
    </row>
    <row r="49272" spans="1:7" x14ac:dyDescent="0.3">
      <c r="A49272" s="13" t="s">
        <v>278</v>
      </c>
      <c r="B49272" s="14" t="s">
        <v>1</v>
      </c>
      <c r="C49272" s="14" t="s">
        <v>137</v>
      </c>
      <c r="D49272" s="14" t="s">
        <v>146</v>
      </c>
      <c r="E49272" s="15">
        <v>45738</v>
      </c>
      <c r="F49272" s="14" t="s">
        <v>61</v>
      </c>
      <c r="G49272" s="16">
        <v>6.0163749062110972</v>
      </c>
    </row>
    <row r="49273" spans="1:7" x14ac:dyDescent="0.3">
      <c r="A49273" s="13" t="s">
        <v>278</v>
      </c>
      <c r="B49273" s="14" t="s">
        <v>1</v>
      </c>
      <c r="C49273" s="14" t="s">
        <v>137</v>
      </c>
      <c r="D49273" s="14" t="s">
        <v>146</v>
      </c>
      <c r="E49273" s="15">
        <v>45739</v>
      </c>
      <c r="F49273" s="14" t="s">
        <v>61</v>
      </c>
      <c r="G49273" s="16">
        <v>6.0163749062110972</v>
      </c>
    </row>
    <row r="49274" spans="1:7" x14ac:dyDescent="0.3">
      <c r="A49274" s="13" t="s">
        <v>278</v>
      </c>
      <c r="B49274" s="14" t="s">
        <v>1</v>
      </c>
      <c r="C49274" s="14" t="s">
        <v>137</v>
      </c>
      <c r="D49274" s="14" t="s">
        <v>146</v>
      </c>
      <c r="E49274" s="15">
        <v>45740</v>
      </c>
      <c r="F49274" s="14" t="s">
        <v>61</v>
      </c>
      <c r="G49274" s="16">
        <v>6.0404661887214584</v>
      </c>
    </row>
    <row r="49275" spans="1:7" x14ac:dyDescent="0.3">
      <c r="A49275" s="13" t="s">
        <v>278</v>
      </c>
      <c r="B49275" s="14" t="s">
        <v>1</v>
      </c>
      <c r="C49275" s="14" t="s">
        <v>137</v>
      </c>
      <c r="D49275" s="14" t="s">
        <v>146</v>
      </c>
      <c r="E49275" s="15">
        <v>45741</v>
      </c>
      <c r="F49275" s="14" t="s">
        <v>61</v>
      </c>
      <c r="G49275" s="16">
        <v>6.0944232310444137</v>
      </c>
    </row>
    <row r="49276" spans="1:7" x14ac:dyDescent="0.3">
      <c r="A49276" s="13" t="s">
        <v>278</v>
      </c>
      <c r="B49276" s="14" t="s">
        <v>1</v>
      </c>
      <c r="C49276" s="14" t="s">
        <v>137</v>
      </c>
      <c r="D49276" s="14" t="s">
        <v>146</v>
      </c>
      <c r="E49276" s="15">
        <v>45742</v>
      </c>
      <c r="F49276" s="14" t="s">
        <v>61</v>
      </c>
      <c r="G49276" s="16">
        <v>6.1311736053741193</v>
      </c>
    </row>
    <row r="49277" spans="1:7" x14ac:dyDescent="0.3">
      <c r="A49277" s="13" t="s">
        <v>278</v>
      </c>
      <c r="B49277" s="14" t="s">
        <v>1</v>
      </c>
      <c r="C49277" s="14" t="s">
        <v>137</v>
      </c>
      <c r="D49277" s="14" t="s">
        <v>146</v>
      </c>
      <c r="E49277" s="15">
        <v>45743</v>
      </c>
      <c r="F49277" s="14" t="s">
        <v>61</v>
      </c>
      <c r="G49277" s="16">
        <v>6.1214128141786608</v>
      </c>
    </row>
    <row r="49278" spans="1:7" x14ac:dyDescent="0.3">
      <c r="A49278" s="13" t="s">
        <v>278</v>
      </c>
      <c r="B49278" s="14" t="s">
        <v>1</v>
      </c>
      <c r="C49278" s="14" t="s">
        <v>137</v>
      </c>
      <c r="D49278" s="14" t="s">
        <v>146</v>
      </c>
      <c r="E49278" s="15">
        <v>45744</v>
      </c>
      <c r="F49278" s="14" t="s">
        <v>61</v>
      </c>
      <c r="G49278" s="16">
        <v>6.1216922206652544</v>
      </c>
    </row>
    <row r="49279" spans="1:7" x14ac:dyDescent="0.3">
      <c r="A49279" s="13" t="s">
        <v>278</v>
      </c>
      <c r="B49279" s="14" t="s">
        <v>1</v>
      </c>
      <c r="C49279" s="14" t="s">
        <v>137</v>
      </c>
      <c r="D49279" s="14" t="s">
        <v>146</v>
      </c>
      <c r="E49279" s="15">
        <v>45745</v>
      </c>
      <c r="F49279" s="14" t="s">
        <v>61</v>
      </c>
      <c r="G49279" s="16">
        <v>6.1216922206652544</v>
      </c>
    </row>
    <row r="49280" spans="1:7" x14ac:dyDescent="0.3">
      <c r="A49280" s="13" t="s">
        <v>278</v>
      </c>
      <c r="B49280" s="14" t="s">
        <v>1</v>
      </c>
      <c r="C49280" s="14" t="s">
        <v>137</v>
      </c>
      <c r="D49280" s="14" t="s">
        <v>146</v>
      </c>
      <c r="E49280" s="15">
        <v>45746</v>
      </c>
      <c r="F49280" s="14" t="s">
        <v>61</v>
      </c>
      <c r="G49280" s="16">
        <v>6.1216922206652544</v>
      </c>
    </row>
    <row r="49281" spans="1:7" x14ac:dyDescent="0.3">
      <c r="A49281" s="13" t="s">
        <v>278</v>
      </c>
      <c r="B49281" s="14" t="s">
        <v>1</v>
      </c>
      <c r="C49281" s="14" t="s">
        <v>137</v>
      </c>
      <c r="D49281" s="14" t="s">
        <v>146</v>
      </c>
      <c r="E49281" s="15">
        <v>45747</v>
      </c>
      <c r="F49281" s="14" t="s">
        <v>61</v>
      </c>
      <c r="G49281" s="16">
        <v>6.145859027057095</v>
      </c>
    </row>
    <row r="49282" spans="1:7" x14ac:dyDescent="0.3">
      <c r="A49282" s="13" t="s">
        <v>279</v>
      </c>
      <c r="B49282" s="14" t="s">
        <v>1</v>
      </c>
      <c r="C49282" s="14" t="s">
        <v>47</v>
      </c>
      <c r="D49282" s="14" t="s">
        <v>197</v>
      </c>
      <c r="E49282" s="15">
        <v>45383</v>
      </c>
      <c r="F49282" s="14" t="s">
        <v>15</v>
      </c>
      <c r="G49282" s="16">
        <v>0</v>
      </c>
    </row>
    <row r="49283" spans="1:7" x14ac:dyDescent="0.3">
      <c r="A49283" s="13" t="s">
        <v>279</v>
      </c>
      <c r="B49283" s="14" t="s">
        <v>1</v>
      </c>
      <c r="C49283" s="14" t="s">
        <v>47</v>
      </c>
      <c r="D49283" s="14" t="s">
        <v>197</v>
      </c>
      <c r="E49283" s="15">
        <v>45384</v>
      </c>
      <c r="F49283" s="14" t="s">
        <v>15</v>
      </c>
      <c r="G49283" s="16">
        <v>0</v>
      </c>
    </row>
    <row r="49284" spans="1:7" x14ac:dyDescent="0.3">
      <c r="A49284" s="13" t="s">
        <v>279</v>
      </c>
      <c r="B49284" s="14" t="s">
        <v>1</v>
      </c>
      <c r="C49284" s="14" t="s">
        <v>47</v>
      </c>
      <c r="D49284" s="14" t="s">
        <v>197</v>
      </c>
      <c r="E49284" s="15">
        <v>45385</v>
      </c>
      <c r="F49284" s="14" t="s">
        <v>15</v>
      </c>
      <c r="G49284" s="16">
        <v>0</v>
      </c>
    </row>
    <row r="49285" spans="1:7" x14ac:dyDescent="0.3">
      <c r="A49285" s="13" t="s">
        <v>279</v>
      </c>
      <c r="B49285" s="14" t="s">
        <v>1</v>
      </c>
      <c r="C49285" s="14" t="s">
        <v>47</v>
      </c>
      <c r="D49285" s="14" t="s">
        <v>197</v>
      </c>
      <c r="E49285" s="15">
        <v>45386</v>
      </c>
      <c r="F49285" s="14" t="s">
        <v>15</v>
      </c>
      <c r="G49285" s="16">
        <v>0</v>
      </c>
    </row>
    <row r="49286" spans="1:7" x14ac:dyDescent="0.3">
      <c r="A49286" s="13" t="s">
        <v>279</v>
      </c>
      <c r="B49286" s="14" t="s">
        <v>1</v>
      </c>
      <c r="C49286" s="14" t="s">
        <v>47</v>
      </c>
      <c r="D49286" s="14" t="s">
        <v>197</v>
      </c>
      <c r="E49286" s="15">
        <v>45387</v>
      </c>
      <c r="F49286" s="14" t="s">
        <v>15</v>
      </c>
      <c r="G49286" s="16">
        <v>0</v>
      </c>
    </row>
    <row r="49287" spans="1:7" x14ac:dyDescent="0.3">
      <c r="A49287" s="13" t="s">
        <v>279</v>
      </c>
      <c r="B49287" s="14" t="s">
        <v>1</v>
      </c>
      <c r="C49287" s="14" t="s">
        <v>47</v>
      </c>
      <c r="D49287" s="14" t="s">
        <v>197</v>
      </c>
      <c r="E49287" s="15">
        <v>45388</v>
      </c>
      <c r="F49287" s="14" t="s">
        <v>15</v>
      </c>
      <c r="G49287" s="16">
        <v>0</v>
      </c>
    </row>
    <row r="49288" spans="1:7" x14ac:dyDescent="0.3">
      <c r="A49288" s="13" t="s">
        <v>279</v>
      </c>
      <c r="B49288" s="14" t="s">
        <v>1</v>
      </c>
      <c r="C49288" s="14" t="s">
        <v>47</v>
      </c>
      <c r="D49288" s="14" t="s">
        <v>197</v>
      </c>
      <c r="E49288" s="15">
        <v>45389</v>
      </c>
      <c r="F49288" s="14" t="s">
        <v>15</v>
      </c>
      <c r="G49288" s="16">
        <v>0</v>
      </c>
    </row>
    <row r="49289" spans="1:7" x14ac:dyDescent="0.3">
      <c r="A49289" s="13" t="s">
        <v>279</v>
      </c>
      <c r="B49289" s="14" t="s">
        <v>1</v>
      </c>
      <c r="C49289" s="14" t="s">
        <v>47</v>
      </c>
      <c r="D49289" s="14" t="s">
        <v>197</v>
      </c>
      <c r="E49289" s="15">
        <v>45390</v>
      </c>
      <c r="F49289" s="14" t="s">
        <v>15</v>
      </c>
      <c r="G49289" s="16">
        <v>0</v>
      </c>
    </row>
    <row r="49290" spans="1:7" x14ac:dyDescent="0.3">
      <c r="A49290" s="13" t="s">
        <v>279</v>
      </c>
      <c r="B49290" s="14" t="s">
        <v>1</v>
      </c>
      <c r="C49290" s="14" t="s">
        <v>47</v>
      </c>
      <c r="D49290" s="14" t="s">
        <v>197</v>
      </c>
      <c r="E49290" s="15">
        <v>45391</v>
      </c>
      <c r="F49290" s="14" t="s">
        <v>15</v>
      </c>
      <c r="G49290" s="16">
        <v>0</v>
      </c>
    </row>
    <row r="49291" spans="1:7" x14ac:dyDescent="0.3">
      <c r="A49291" s="13" t="s">
        <v>279</v>
      </c>
      <c r="B49291" s="14" t="s">
        <v>1</v>
      </c>
      <c r="C49291" s="14" t="s">
        <v>47</v>
      </c>
      <c r="D49291" s="14" t="s">
        <v>197</v>
      </c>
      <c r="E49291" s="15">
        <v>45392</v>
      </c>
      <c r="F49291" s="14" t="s">
        <v>15</v>
      </c>
      <c r="G49291" s="16">
        <v>0</v>
      </c>
    </row>
    <row r="49292" spans="1:7" x14ac:dyDescent="0.3">
      <c r="A49292" s="13" t="s">
        <v>279</v>
      </c>
      <c r="B49292" s="14" t="s">
        <v>1</v>
      </c>
      <c r="C49292" s="14" t="s">
        <v>47</v>
      </c>
      <c r="D49292" s="14" t="s">
        <v>197</v>
      </c>
      <c r="E49292" s="15">
        <v>45393</v>
      </c>
      <c r="F49292" s="14" t="s">
        <v>15</v>
      </c>
      <c r="G49292" s="16">
        <v>0</v>
      </c>
    </row>
    <row r="49293" spans="1:7" x14ac:dyDescent="0.3">
      <c r="A49293" s="13" t="s">
        <v>279</v>
      </c>
      <c r="B49293" s="14" t="s">
        <v>1</v>
      </c>
      <c r="C49293" s="14" t="s">
        <v>47</v>
      </c>
      <c r="D49293" s="14" t="s">
        <v>197</v>
      </c>
      <c r="E49293" s="15">
        <v>45394</v>
      </c>
      <c r="F49293" s="14" t="s">
        <v>15</v>
      </c>
      <c r="G49293" s="16">
        <v>0</v>
      </c>
    </row>
    <row r="49294" spans="1:7" x14ac:dyDescent="0.3">
      <c r="A49294" s="13" t="s">
        <v>279</v>
      </c>
      <c r="B49294" s="14" t="s">
        <v>1</v>
      </c>
      <c r="C49294" s="14" t="s">
        <v>47</v>
      </c>
      <c r="D49294" s="14" t="s">
        <v>197</v>
      </c>
      <c r="E49294" s="15">
        <v>45395</v>
      </c>
      <c r="F49294" s="14" t="s">
        <v>15</v>
      </c>
      <c r="G49294" s="16">
        <v>0</v>
      </c>
    </row>
    <row r="49295" spans="1:7" x14ac:dyDescent="0.3">
      <c r="A49295" s="13" t="s">
        <v>279</v>
      </c>
      <c r="B49295" s="14" t="s">
        <v>1</v>
      </c>
      <c r="C49295" s="14" t="s">
        <v>47</v>
      </c>
      <c r="D49295" s="14" t="s">
        <v>197</v>
      </c>
      <c r="E49295" s="15">
        <v>45396</v>
      </c>
      <c r="F49295" s="14" t="s">
        <v>15</v>
      </c>
      <c r="G49295" s="16">
        <v>0</v>
      </c>
    </row>
    <row r="49296" spans="1:7" x14ac:dyDescent="0.3">
      <c r="A49296" s="13" t="s">
        <v>279</v>
      </c>
      <c r="B49296" s="14" t="s">
        <v>1</v>
      </c>
      <c r="C49296" s="14" t="s">
        <v>47</v>
      </c>
      <c r="D49296" s="14" t="s">
        <v>197</v>
      </c>
      <c r="E49296" s="15">
        <v>45397</v>
      </c>
      <c r="F49296" s="14" t="s">
        <v>15</v>
      </c>
      <c r="G49296" s="16">
        <v>0</v>
      </c>
    </row>
    <row r="49297" spans="1:7" x14ac:dyDescent="0.3">
      <c r="A49297" s="13" t="s">
        <v>279</v>
      </c>
      <c r="B49297" s="14" t="s">
        <v>1</v>
      </c>
      <c r="C49297" s="14" t="s">
        <v>47</v>
      </c>
      <c r="D49297" s="14" t="s">
        <v>197</v>
      </c>
      <c r="E49297" s="15">
        <v>45398</v>
      </c>
      <c r="F49297" s="14" t="s">
        <v>15</v>
      </c>
      <c r="G49297" s="16">
        <v>0</v>
      </c>
    </row>
    <row r="49298" spans="1:7" x14ac:dyDescent="0.3">
      <c r="A49298" s="13" t="s">
        <v>279</v>
      </c>
      <c r="B49298" s="14" t="s">
        <v>1</v>
      </c>
      <c r="C49298" s="14" t="s">
        <v>47</v>
      </c>
      <c r="D49298" s="14" t="s">
        <v>197</v>
      </c>
      <c r="E49298" s="15">
        <v>45399</v>
      </c>
      <c r="F49298" s="14" t="s">
        <v>15</v>
      </c>
      <c r="G49298" s="16">
        <v>0</v>
      </c>
    </row>
    <row r="49299" spans="1:7" x14ac:dyDescent="0.3">
      <c r="A49299" s="13" t="s">
        <v>279</v>
      </c>
      <c r="B49299" s="14" t="s">
        <v>1</v>
      </c>
      <c r="C49299" s="14" t="s">
        <v>47</v>
      </c>
      <c r="D49299" s="14" t="s">
        <v>197</v>
      </c>
      <c r="E49299" s="15">
        <v>45400</v>
      </c>
      <c r="F49299" s="14" t="s">
        <v>15</v>
      </c>
      <c r="G49299" s="16">
        <v>0</v>
      </c>
    </row>
    <row r="49300" spans="1:7" x14ac:dyDescent="0.3">
      <c r="A49300" s="13" t="s">
        <v>279</v>
      </c>
      <c r="B49300" s="14" t="s">
        <v>1</v>
      </c>
      <c r="C49300" s="14" t="s">
        <v>47</v>
      </c>
      <c r="D49300" s="14" t="s">
        <v>197</v>
      </c>
      <c r="E49300" s="15">
        <v>45401</v>
      </c>
      <c r="F49300" s="14" t="s">
        <v>15</v>
      </c>
      <c r="G49300" s="16">
        <v>0</v>
      </c>
    </row>
    <row r="49301" spans="1:7" x14ac:dyDescent="0.3">
      <c r="A49301" s="13" t="s">
        <v>279</v>
      </c>
      <c r="B49301" s="14" t="s">
        <v>1</v>
      </c>
      <c r="C49301" s="14" t="s">
        <v>47</v>
      </c>
      <c r="D49301" s="14" t="s">
        <v>197</v>
      </c>
      <c r="E49301" s="15">
        <v>45402</v>
      </c>
      <c r="F49301" s="14" t="s">
        <v>15</v>
      </c>
      <c r="G49301" s="16">
        <v>0</v>
      </c>
    </row>
    <row r="49302" spans="1:7" x14ac:dyDescent="0.3">
      <c r="A49302" s="13" t="s">
        <v>279</v>
      </c>
      <c r="B49302" s="14" t="s">
        <v>1</v>
      </c>
      <c r="C49302" s="14" t="s">
        <v>47</v>
      </c>
      <c r="D49302" s="14" t="s">
        <v>197</v>
      </c>
      <c r="E49302" s="15">
        <v>45403</v>
      </c>
      <c r="F49302" s="14" t="s">
        <v>15</v>
      </c>
      <c r="G49302" s="16">
        <v>0</v>
      </c>
    </row>
    <row r="49303" spans="1:7" x14ac:dyDescent="0.3">
      <c r="A49303" s="13" t="s">
        <v>279</v>
      </c>
      <c r="B49303" s="14" t="s">
        <v>1</v>
      </c>
      <c r="C49303" s="14" t="s">
        <v>47</v>
      </c>
      <c r="D49303" s="14" t="s">
        <v>197</v>
      </c>
      <c r="E49303" s="15">
        <v>45404</v>
      </c>
      <c r="F49303" s="14" t="s">
        <v>15</v>
      </c>
      <c r="G49303" s="16">
        <v>0</v>
      </c>
    </row>
    <row r="49304" spans="1:7" x14ac:dyDescent="0.3">
      <c r="A49304" s="13" t="s">
        <v>279</v>
      </c>
      <c r="B49304" s="14" t="s">
        <v>1</v>
      </c>
      <c r="C49304" s="14" t="s">
        <v>47</v>
      </c>
      <c r="D49304" s="14" t="s">
        <v>197</v>
      </c>
      <c r="E49304" s="15">
        <v>45405</v>
      </c>
      <c r="F49304" s="14" t="s">
        <v>15</v>
      </c>
      <c r="G49304" s="16">
        <v>0</v>
      </c>
    </row>
    <row r="49305" spans="1:7" x14ac:dyDescent="0.3">
      <c r="A49305" s="13" t="s">
        <v>279</v>
      </c>
      <c r="B49305" s="14" t="s">
        <v>1</v>
      </c>
      <c r="C49305" s="14" t="s">
        <v>47</v>
      </c>
      <c r="D49305" s="14" t="s">
        <v>197</v>
      </c>
      <c r="E49305" s="15">
        <v>45406</v>
      </c>
      <c r="F49305" s="14" t="s">
        <v>15</v>
      </c>
      <c r="G49305" s="16">
        <v>0</v>
      </c>
    </row>
    <row r="49306" spans="1:7" x14ac:dyDescent="0.3">
      <c r="A49306" s="13" t="s">
        <v>279</v>
      </c>
      <c r="B49306" s="14" t="s">
        <v>1</v>
      </c>
      <c r="C49306" s="14" t="s">
        <v>47</v>
      </c>
      <c r="D49306" s="14" t="s">
        <v>197</v>
      </c>
      <c r="E49306" s="15">
        <v>45407</v>
      </c>
      <c r="F49306" s="14" t="s">
        <v>15</v>
      </c>
      <c r="G49306" s="16">
        <v>0</v>
      </c>
    </row>
    <row r="49307" spans="1:7" x14ac:dyDescent="0.3">
      <c r="A49307" s="13" t="s">
        <v>279</v>
      </c>
      <c r="B49307" s="14" t="s">
        <v>1</v>
      </c>
      <c r="C49307" s="14" t="s">
        <v>47</v>
      </c>
      <c r="D49307" s="14" t="s">
        <v>197</v>
      </c>
      <c r="E49307" s="15">
        <v>45408</v>
      </c>
      <c r="F49307" s="14" t="s">
        <v>15</v>
      </c>
      <c r="G49307" s="16">
        <v>0</v>
      </c>
    </row>
    <row r="49308" spans="1:7" x14ac:dyDescent="0.3">
      <c r="A49308" s="13" t="s">
        <v>279</v>
      </c>
      <c r="B49308" s="14" t="s">
        <v>1</v>
      </c>
      <c r="C49308" s="14" t="s">
        <v>47</v>
      </c>
      <c r="D49308" s="14" t="s">
        <v>197</v>
      </c>
      <c r="E49308" s="15">
        <v>45409</v>
      </c>
      <c r="F49308" s="14" t="s">
        <v>15</v>
      </c>
      <c r="G49308" s="16">
        <v>0</v>
      </c>
    </row>
    <row r="49309" spans="1:7" x14ac:dyDescent="0.3">
      <c r="A49309" s="13" t="s">
        <v>279</v>
      </c>
      <c r="B49309" s="14" t="s">
        <v>1</v>
      </c>
      <c r="C49309" s="14" t="s">
        <v>47</v>
      </c>
      <c r="D49309" s="14" t="s">
        <v>197</v>
      </c>
      <c r="E49309" s="15">
        <v>45410</v>
      </c>
      <c r="F49309" s="14" t="s">
        <v>15</v>
      </c>
      <c r="G49309" s="16">
        <v>0</v>
      </c>
    </row>
    <row r="49310" spans="1:7" x14ac:dyDescent="0.3">
      <c r="A49310" s="13" t="s">
        <v>279</v>
      </c>
      <c r="B49310" s="14" t="s">
        <v>1</v>
      </c>
      <c r="C49310" s="14" t="s">
        <v>47</v>
      </c>
      <c r="D49310" s="14" t="s">
        <v>197</v>
      </c>
      <c r="E49310" s="15">
        <v>45411</v>
      </c>
      <c r="F49310" s="14" t="s">
        <v>15</v>
      </c>
      <c r="G49310" s="16">
        <v>0</v>
      </c>
    </row>
    <row r="49311" spans="1:7" x14ac:dyDescent="0.3">
      <c r="A49311" s="13" t="s">
        <v>279</v>
      </c>
      <c r="B49311" s="14" t="s">
        <v>1</v>
      </c>
      <c r="C49311" s="14" t="s">
        <v>47</v>
      </c>
      <c r="D49311" s="14" t="s">
        <v>197</v>
      </c>
      <c r="E49311" s="15">
        <v>45412</v>
      </c>
      <c r="F49311" s="14" t="s">
        <v>15</v>
      </c>
      <c r="G49311" s="16">
        <v>0</v>
      </c>
    </row>
    <row r="49312" spans="1:7" x14ac:dyDescent="0.3">
      <c r="A49312" s="13" t="s">
        <v>279</v>
      </c>
      <c r="B49312" s="14" t="s">
        <v>1</v>
      </c>
      <c r="C49312" s="14" t="s">
        <v>47</v>
      </c>
      <c r="D49312" s="14" t="s">
        <v>197</v>
      </c>
      <c r="E49312" s="15">
        <v>45413</v>
      </c>
      <c r="F49312" s="14" t="s">
        <v>15</v>
      </c>
      <c r="G49312" s="16">
        <v>0</v>
      </c>
    </row>
    <row r="49313" spans="1:7" x14ac:dyDescent="0.3">
      <c r="A49313" s="13" t="s">
        <v>279</v>
      </c>
      <c r="B49313" s="14" t="s">
        <v>1</v>
      </c>
      <c r="C49313" s="14" t="s">
        <v>47</v>
      </c>
      <c r="D49313" s="14" t="s">
        <v>197</v>
      </c>
      <c r="E49313" s="15">
        <v>45414</v>
      </c>
      <c r="F49313" s="14" t="s">
        <v>15</v>
      </c>
      <c r="G49313" s="16">
        <v>0</v>
      </c>
    </row>
    <row r="49314" spans="1:7" x14ac:dyDescent="0.3">
      <c r="A49314" s="13" t="s">
        <v>279</v>
      </c>
      <c r="B49314" s="14" t="s">
        <v>1</v>
      </c>
      <c r="C49314" s="14" t="s">
        <v>47</v>
      </c>
      <c r="D49314" s="14" t="s">
        <v>197</v>
      </c>
      <c r="E49314" s="15">
        <v>45415</v>
      </c>
      <c r="F49314" s="14" t="s">
        <v>15</v>
      </c>
      <c r="G49314" s="16">
        <v>0</v>
      </c>
    </row>
    <row r="49315" spans="1:7" x14ac:dyDescent="0.3">
      <c r="A49315" s="13" t="s">
        <v>279</v>
      </c>
      <c r="B49315" s="14" t="s">
        <v>1</v>
      </c>
      <c r="C49315" s="14" t="s">
        <v>47</v>
      </c>
      <c r="D49315" s="14" t="s">
        <v>197</v>
      </c>
      <c r="E49315" s="15">
        <v>45416</v>
      </c>
      <c r="F49315" s="14" t="s">
        <v>15</v>
      </c>
      <c r="G49315" s="16">
        <v>0</v>
      </c>
    </row>
    <row r="49316" spans="1:7" x14ac:dyDescent="0.3">
      <c r="A49316" s="13" t="s">
        <v>279</v>
      </c>
      <c r="B49316" s="14" t="s">
        <v>1</v>
      </c>
      <c r="C49316" s="14" t="s">
        <v>47</v>
      </c>
      <c r="D49316" s="14" t="s">
        <v>197</v>
      </c>
      <c r="E49316" s="15">
        <v>45417</v>
      </c>
      <c r="F49316" s="14" t="s">
        <v>15</v>
      </c>
      <c r="G49316" s="16">
        <v>0</v>
      </c>
    </row>
    <row r="49317" spans="1:7" x14ac:dyDescent="0.3">
      <c r="A49317" s="13" t="s">
        <v>279</v>
      </c>
      <c r="B49317" s="14" t="s">
        <v>1</v>
      </c>
      <c r="C49317" s="14" t="s">
        <v>47</v>
      </c>
      <c r="D49317" s="14" t="s">
        <v>197</v>
      </c>
      <c r="E49317" s="15">
        <v>45418</v>
      </c>
      <c r="F49317" s="14" t="s">
        <v>15</v>
      </c>
      <c r="G49317" s="16">
        <v>0</v>
      </c>
    </row>
    <row r="49318" spans="1:7" x14ac:dyDescent="0.3">
      <c r="A49318" s="13" t="s">
        <v>279</v>
      </c>
      <c r="B49318" s="14" t="s">
        <v>1</v>
      </c>
      <c r="C49318" s="14" t="s">
        <v>47</v>
      </c>
      <c r="D49318" s="14" t="s">
        <v>197</v>
      </c>
      <c r="E49318" s="15">
        <v>45419</v>
      </c>
      <c r="F49318" s="14" t="s">
        <v>15</v>
      </c>
      <c r="G49318" s="16">
        <v>0</v>
      </c>
    </row>
    <row r="49319" spans="1:7" x14ac:dyDescent="0.3">
      <c r="A49319" s="13" t="s">
        <v>279</v>
      </c>
      <c r="B49319" s="14" t="s">
        <v>1</v>
      </c>
      <c r="C49319" s="14" t="s">
        <v>47</v>
      </c>
      <c r="D49319" s="14" t="s">
        <v>197</v>
      </c>
      <c r="E49319" s="15">
        <v>45420</v>
      </c>
      <c r="F49319" s="14" t="s">
        <v>15</v>
      </c>
      <c r="G49319" s="16">
        <v>0</v>
      </c>
    </row>
    <row r="49320" spans="1:7" x14ac:dyDescent="0.3">
      <c r="A49320" s="13" t="s">
        <v>279</v>
      </c>
      <c r="B49320" s="14" t="s">
        <v>1</v>
      </c>
      <c r="C49320" s="14" t="s">
        <v>47</v>
      </c>
      <c r="D49320" s="14" t="s">
        <v>197</v>
      </c>
      <c r="E49320" s="15">
        <v>45421</v>
      </c>
      <c r="F49320" s="14" t="s">
        <v>15</v>
      </c>
      <c r="G49320" s="16">
        <v>0</v>
      </c>
    </row>
    <row r="49321" spans="1:7" x14ac:dyDescent="0.3">
      <c r="A49321" s="13" t="s">
        <v>279</v>
      </c>
      <c r="B49321" s="14" t="s">
        <v>1</v>
      </c>
      <c r="C49321" s="14" t="s">
        <v>47</v>
      </c>
      <c r="D49321" s="14" t="s">
        <v>197</v>
      </c>
      <c r="E49321" s="15">
        <v>45422</v>
      </c>
      <c r="F49321" s="14" t="s">
        <v>15</v>
      </c>
      <c r="G49321" s="16">
        <v>0</v>
      </c>
    </row>
    <row r="49322" spans="1:7" x14ac:dyDescent="0.3">
      <c r="A49322" s="13" t="s">
        <v>279</v>
      </c>
      <c r="B49322" s="14" t="s">
        <v>1</v>
      </c>
      <c r="C49322" s="14" t="s">
        <v>47</v>
      </c>
      <c r="D49322" s="14" t="s">
        <v>197</v>
      </c>
      <c r="E49322" s="15">
        <v>45423</v>
      </c>
      <c r="F49322" s="14" t="s">
        <v>15</v>
      </c>
      <c r="G49322" s="16">
        <v>0</v>
      </c>
    </row>
    <row r="49323" spans="1:7" x14ac:dyDescent="0.3">
      <c r="A49323" s="13" t="s">
        <v>279</v>
      </c>
      <c r="B49323" s="14" t="s">
        <v>1</v>
      </c>
      <c r="C49323" s="14" t="s">
        <v>47</v>
      </c>
      <c r="D49323" s="14" t="s">
        <v>197</v>
      </c>
      <c r="E49323" s="15">
        <v>45424</v>
      </c>
      <c r="F49323" s="14" t="s">
        <v>15</v>
      </c>
      <c r="G49323" s="16">
        <v>0</v>
      </c>
    </row>
    <row r="49324" spans="1:7" x14ac:dyDescent="0.3">
      <c r="A49324" s="13" t="s">
        <v>279</v>
      </c>
      <c r="B49324" s="14" t="s">
        <v>1</v>
      </c>
      <c r="C49324" s="14" t="s">
        <v>47</v>
      </c>
      <c r="D49324" s="14" t="s">
        <v>197</v>
      </c>
      <c r="E49324" s="15">
        <v>45425</v>
      </c>
      <c r="F49324" s="14" t="s">
        <v>15</v>
      </c>
      <c r="G49324" s="16">
        <v>0</v>
      </c>
    </row>
    <row r="49325" spans="1:7" x14ac:dyDescent="0.3">
      <c r="A49325" s="13" t="s">
        <v>279</v>
      </c>
      <c r="B49325" s="14" t="s">
        <v>1</v>
      </c>
      <c r="C49325" s="14" t="s">
        <v>47</v>
      </c>
      <c r="D49325" s="14" t="s">
        <v>197</v>
      </c>
      <c r="E49325" s="15">
        <v>45426</v>
      </c>
      <c r="F49325" s="14" t="s">
        <v>15</v>
      </c>
      <c r="G49325" s="16">
        <v>0</v>
      </c>
    </row>
    <row r="49326" spans="1:7" x14ac:dyDescent="0.3">
      <c r="A49326" s="13" t="s">
        <v>279</v>
      </c>
      <c r="B49326" s="14" t="s">
        <v>1</v>
      </c>
      <c r="C49326" s="14" t="s">
        <v>47</v>
      </c>
      <c r="D49326" s="14" t="s">
        <v>197</v>
      </c>
      <c r="E49326" s="15">
        <v>45427</v>
      </c>
      <c r="F49326" s="14" t="s">
        <v>15</v>
      </c>
      <c r="G49326" s="16">
        <v>0</v>
      </c>
    </row>
    <row r="49327" spans="1:7" x14ac:dyDescent="0.3">
      <c r="A49327" s="13" t="s">
        <v>279</v>
      </c>
      <c r="B49327" s="14" t="s">
        <v>1</v>
      </c>
      <c r="C49327" s="14" t="s">
        <v>47</v>
      </c>
      <c r="D49327" s="14" t="s">
        <v>197</v>
      </c>
      <c r="E49327" s="15">
        <v>45428</v>
      </c>
      <c r="F49327" s="14" t="s">
        <v>15</v>
      </c>
      <c r="G49327" s="16">
        <v>0</v>
      </c>
    </row>
    <row r="49328" spans="1:7" x14ac:dyDescent="0.3">
      <c r="A49328" s="13" t="s">
        <v>279</v>
      </c>
      <c r="B49328" s="14" t="s">
        <v>1</v>
      </c>
      <c r="C49328" s="14" t="s">
        <v>47</v>
      </c>
      <c r="D49328" s="14" t="s">
        <v>197</v>
      </c>
      <c r="E49328" s="15">
        <v>45429</v>
      </c>
      <c r="F49328" s="14" t="s">
        <v>15</v>
      </c>
      <c r="G49328" s="16">
        <v>0</v>
      </c>
    </row>
    <row r="49329" spans="1:7" x14ac:dyDescent="0.3">
      <c r="A49329" s="13" t="s">
        <v>279</v>
      </c>
      <c r="B49329" s="14" t="s">
        <v>1</v>
      </c>
      <c r="C49329" s="14" t="s">
        <v>47</v>
      </c>
      <c r="D49329" s="14" t="s">
        <v>197</v>
      </c>
      <c r="E49329" s="15">
        <v>45430</v>
      </c>
      <c r="F49329" s="14" t="s">
        <v>15</v>
      </c>
      <c r="G49329" s="16">
        <v>0</v>
      </c>
    </row>
    <row r="49330" spans="1:7" x14ac:dyDescent="0.3">
      <c r="A49330" s="13" t="s">
        <v>279</v>
      </c>
      <c r="B49330" s="14" t="s">
        <v>1</v>
      </c>
      <c r="C49330" s="14" t="s">
        <v>47</v>
      </c>
      <c r="D49330" s="14" t="s">
        <v>197</v>
      </c>
      <c r="E49330" s="15">
        <v>45431</v>
      </c>
      <c r="F49330" s="14" t="s">
        <v>15</v>
      </c>
      <c r="G49330" s="16">
        <v>0</v>
      </c>
    </row>
    <row r="49331" spans="1:7" x14ac:dyDescent="0.3">
      <c r="A49331" s="13" t="s">
        <v>279</v>
      </c>
      <c r="B49331" s="14" t="s">
        <v>1</v>
      </c>
      <c r="C49331" s="14" t="s">
        <v>47</v>
      </c>
      <c r="D49331" s="14" t="s">
        <v>197</v>
      </c>
      <c r="E49331" s="15">
        <v>45432</v>
      </c>
      <c r="F49331" s="14" t="s">
        <v>15</v>
      </c>
      <c r="G49331" s="16">
        <v>0</v>
      </c>
    </row>
    <row r="49332" spans="1:7" x14ac:dyDescent="0.3">
      <c r="A49332" s="13" t="s">
        <v>279</v>
      </c>
      <c r="B49332" s="14" t="s">
        <v>1</v>
      </c>
      <c r="C49332" s="14" t="s">
        <v>47</v>
      </c>
      <c r="D49332" s="14" t="s">
        <v>197</v>
      </c>
      <c r="E49332" s="15">
        <v>45433</v>
      </c>
      <c r="F49332" s="14" t="s">
        <v>15</v>
      </c>
      <c r="G49332" s="16">
        <v>0</v>
      </c>
    </row>
    <row r="49333" spans="1:7" x14ac:dyDescent="0.3">
      <c r="A49333" s="13" t="s">
        <v>279</v>
      </c>
      <c r="B49333" s="14" t="s">
        <v>1</v>
      </c>
      <c r="C49333" s="14" t="s">
        <v>47</v>
      </c>
      <c r="D49333" s="14" t="s">
        <v>197</v>
      </c>
      <c r="E49333" s="15">
        <v>45434</v>
      </c>
      <c r="F49333" s="14" t="s">
        <v>15</v>
      </c>
      <c r="G49333" s="16">
        <v>0</v>
      </c>
    </row>
    <row r="49334" spans="1:7" x14ac:dyDescent="0.3">
      <c r="A49334" s="13" t="s">
        <v>279</v>
      </c>
      <c r="B49334" s="14" t="s">
        <v>1</v>
      </c>
      <c r="C49334" s="14" t="s">
        <v>47</v>
      </c>
      <c r="D49334" s="14" t="s">
        <v>197</v>
      </c>
      <c r="E49334" s="15">
        <v>45435</v>
      </c>
      <c r="F49334" s="14" t="s">
        <v>15</v>
      </c>
      <c r="G49334" s="16">
        <v>0</v>
      </c>
    </row>
    <row r="49335" spans="1:7" x14ac:dyDescent="0.3">
      <c r="A49335" s="13" t="s">
        <v>279</v>
      </c>
      <c r="B49335" s="14" t="s">
        <v>1</v>
      </c>
      <c r="C49335" s="14" t="s">
        <v>47</v>
      </c>
      <c r="D49335" s="14" t="s">
        <v>197</v>
      </c>
      <c r="E49335" s="15">
        <v>45436</v>
      </c>
      <c r="F49335" s="14" t="s">
        <v>15</v>
      </c>
      <c r="G49335" s="16">
        <v>0</v>
      </c>
    </row>
    <row r="49336" spans="1:7" x14ac:dyDescent="0.3">
      <c r="A49336" s="13" t="s">
        <v>279</v>
      </c>
      <c r="B49336" s="14" t="s">
        <v>1</v>
      </c>
      <c r="C49336" s="14" t="s">
        <v>47</v>
      </c>
      <c r="D49336" s="14" t="s">
        <v>197</v>
      </c>
      <c r="E49336" s="15">
        <v>45437</v>
      </c>
      <c r="F49336" s="14" t="s">
        <v>15</v>
      </c>
      <c r="G49336" s="16">
        <v>0</v>
      </c>
    </row>
    <row r="49337" spans="1:7" x14ac:dyDescent="0.3">
      <c r="A49337" s="13" t="s">
        <v>279</v>
      </c>
      <c r="B49337" s="14" t="s">
        <v>1</v>
      </c>
      <c r="C49337" s="14" t="s">
        <v>47</v>
      </c>
      <c r="D49337" s="14" t="s">
        <v>197</v>
      </c>
      <c r="E49337" s="15">
        <v>45438</v>
      </c>
      <c r="F49337" s="14" t="s">
        <v>15</v>
      </c>
      <c r="G49337" s="16">
        <v>0</v>
      </c>
    </row>
    <row r="49338" spans="1:7" x14ac:dyDescent="0.3">
      <c r="A49338" s="13" t="s">
        <v>279</v>
      </c>
      <c r="B49338" s="14" t="s">
        <v>1</v>
      </c>
      <c r="C49338" s="14" t="s">
        <v>47</v>
      </c>
      <c r="D49338" s="14" t="s">
        <v>197</v>
      </c>
      <c r="E49338" s="15">
        <v>45439</v>
      </c>
      <c r="F49338" s="14" t="s">
        <v>15</v>
      </c>
      <c r="G49338" s="16">
        <v>0</v>
      </c>
    </row>
    <row r="49339" spans="1:7" x14ac:dyDescent="0.3">
      <c r="A49339" s="13" t="s">
        <v>279</v>
      </c>
      <c r="B49339" s="14" t="s">
        <v>1</v>
      </c>
      <c r="C49339" s="14" t="s">
        <v>47</v>
      </c>
      <c r="D49339" s="14" t="s">
        <v>197</v>
      </c>
      <c r="E49339" s="15">
        <v>45440</v>
      </c>
      <c r="F49339" s="14" t="s">
        <v>15</v>
      </c>
      <c r="G49339" s="16">
        <v>0</v>
      </c>
    </row>
    <row r="49340" spans="1:7" x14ac:dyDescent="0.3">
      <c r="A49340" s="13" t="s">
        <v>279</v>
      </c>
      <c r="B49340" s="14" t="s">
        <v>1</v>
      </c>
      <c r="C49340" s="14" t="s">
        <v>47</v>
      </c>
      <c r="D49340" s="14" t="s">
        <v>197</v>
      </c>
      <c r="E49340" s="15">
        <v>45441</v>
      </c>
      <c r="F49340" s="14" t="s">
        <v>15</v>
      </c>
      <c r="G49340" s="16">
        <v>0</v>
      </c>
    </row>
    <row r="49341" spans="1:7" x14ac:dyDescent="0.3">
      <c r="A49341" s="13" t="s">
        <v>279</v>
      </c>
      <c r="B49341" s="14" t="s">
        <v>1</v>
      </c>
      <c r="C49341" s="14" t="s">
        <v>47</v>
      </c>
      <c r="D49341" s="14" t="s">
        <v>197</v>
      </c>
      <c r="E49341" s="15">
        <v>45442</v>
      </c>
      <c r="F49341" s="14" t="s">
        <v>15</v>
      </c>
      <c r="G49341" s="16">
        <v>2.7136070678771707E-3</v>
      </c>
    </row>
    <row r="49342" spans="1:7" x14ac:dyDescent="0.3">
      <c r="A49342" s="13" t="s">
        <v>279</v>
      </c>
      <c r="B49342" s="14" t="s">
        <v>1</v>
      </c>
      <c r="C49342" s="14" t="s">
        <v>47</v>
      </c>
      <c r="D49342" s="14" t="s">
        <v>197</v>
      </c>
      <c r="E49342" s="15">
        <v>45443</v>
      </c>
      <c r="F49342" s="14" t="s">
        <v>15</v>
      </c>
      <c r="G49342" s="16">
        <v>0</v>
      </c>
    </row>
    <row r="49343" spans="1:7" x14ac:dyDescent="0.3">
      <c r="A49343" s="13" t="s">
        <v>279</v>
      </c>
      <c r="B49343" s="14" t="s">
        <v>1</v>
      </c>
      <c r="C49343" s="14" t="s">
        <v>47</v>
      </c>
      <c r="D49343" s="14" t="s">
        <v>197</v>
      </c>
      <c r="E49343" s="15">
        <v>45444</v>
      </c>
      <c r="F49343" s="14" t="s">
        <v>15</v>
      </c>
      <c r="G49343" s="16">
        <v>0</v>
      </c>
    </row>
    <row r="49344" spans="1:7" x14ac:dyDescent="0.3">
      <c r="A49344" s="13" t="s">
        <v>279</v>
      </c>
      <c r="B49344" s="14" t="s">
        <v>1</v>
      </c>
      <c r="C49344" s="14" t="s">
        <v>47</v>
      </c>
      <c r="D49344" s="14" t="s">
        <v>197</v>
      </c>
      <c r="E49344" s="15">
        <v>45445</v>
      </c>
      <c r="F49344" s="14" t="s">
        <v>15</v>
      </c>
      <c r="G49344" s="16">
        <v>0</v>
      </c>
    </row>
    <row r="49345" spans="1:7" x14ac:dyDescent="0.3">
      <c r="A49345" s="13" t="s">
        <v>279</v>
      </c>
      <c r="B49345" s="14" t="s">
        <v>1</v>
      </c>
      <c r="C49345" s="14" t="s">
        <v>47</v>
      </c>
      <c r="D49345" s="14" t="s">
        <v>197</v>
      </c>
      <c r="E49345" s="15">
        <v>45446</v>
      </c>
      <c r="F49345" s="14" t="s">
        <v>15</v>
      </c>
      <c r="G49345" s="16">
        <v>0</v>
      </c>
    </row>
    <row r="49346" spans="1:7" x14ac:dyDescent="0.3">
      <c r="A49346" s="13" t="s">
        <v>279</v>
      </c>
      <c r="B49346" s="14" t="s">
        <v>1</v>
      </c>
      <c r="C49346" s="14" t="s">
        <v>47</v>
      </c>
      <c r="D49346" s="14" t="s">
        <v>197</v>
      </c>
      <c r="E49346" s="15">
        <v>45447</v>
      </c>
      <c r="F49346" s="14" t="s">
        <v>15</v>
      </c>
      <c r="G49346" s="16">
        <v>2.2514612123154983E-2</v>
      </c>
    </row>
    <row r="49347" spans="1:7" x14ac:dyDescent="0.3">
      <c r="A49347" s="13" t="s">
        <v>279</v>
      </c>
      <c r="B49347" s="14" t="s">
        <v>1</v>
      </c>
      <c r="C49347" s="14" t="s">
        <v>47</v>
      </c>
      <c r="D49347" s="14" t="s">
        <v>197</v>
      </c>
      <c r="E49347" s="15">
        <v>45448</v>
      </c>
      <c r="F49347" s="14" t="s">
        <v>15</v>
      </c>
      <c r="G49347" s="16">
        <v>3.4454620395822928E-2</v>
      </c>
    </row>
    <row r="49348" spans="1:7" x14ac:dyDescent="0.3">
      <c r="A49348" s="13" t="s">
        <v>279</v>
      </c>
      <c r="B49348" s="14" t="s">
        <v>1</v>
      </c>
      <c r="C49348" s="14" t="s">
        <v>47</v>
      </c>
      <c r="D49348" s="14" t="s">
        <v>197</v>
      </c>
      <c r="E49348" s="15">
        <v>45449</v>
      </c>
      <c r="F49348" s="14" t="s">
        <v>15</v>
      </c>
      <c r="G49348" s="16">
        <v>3.0425950717384267E-2</v>
      </c>
    </row>
    <row r="49349" spans="1:7" x14ac:dyDescent="0.3">
      <c r="A49349" s="13" t="s">
        <v>279</v>
      </c>
      <c r="B49349" s="14" t="s">
        <v>1</v>
      </c>
      <c r="C49349" s="14" t="s">
        <v>47</v>
      </c>
      <c r="D49349" s="14" t="s">
        <v>197</v>
      </c>
      <c r="E49349" s="15">
        <v>45450</v>
      </c>
      <c r="F49349" s="14" t="s">
        <v>15</v>
      </c>
      <c r="G49349" s="16">
        <v>2.631402546580414E-2</v>
      </c>
    </row>
    <row r="49350" spans="1:7" x14ac:dyDescent="0.3">
      <c r="A49350" s="13" t="s">
        <v>279</v>
      </c>
      <c r="B49350" s="14" t="s">
        <v>1</v>
      </c>
      <c r="C49350" s="14" t="s">
        <v>47</v>
      </c>
      <c r="D49350" s="14" t="s">
        <v>197</v>
      </c>
      <c r="E49350" s="15">
        <v>45451</v>
      </c>
      <c r="F49350" s="14" t="s">
        <v>15</v>
      </c>
      <c r="G49350" s="16">
        <v>2.631402546580414E-2</v>
      </c>
    </row>
    <row r="49351" spans="1:7" x14ac:dyDescent="0.3">
      <c r="A49351" s="13" t="s">
        <v>279</v>
      </c>
      <c r="B49351" s="14" t="s">
        <v>1</v>
      </c>
      <c r="C49351" s="14" t="s">
        <v>47</v>
      </c>
      <c r="D49351" s="14" t="s">
        <v>197</v>
      </c>
      <c r="E49351" s="15">
        <v>45452</v>
      </c>
      <c r="F49351" s="14" t="s">
        <v>15</v>
      </c>
      <c r="G49351" s="16">
        <v>2.631402546580414E-2</v>
      </c>
    </row>
    <row r="49352" spans="1:7" x14ac:dyDescent="0.3">
      <c r="A49352" s="13" t="s">
        <v>279</v>
      </c>
      <c r="B49352" s="14" t="s">
        <v>1</v>
      </c>
      <c r="C49352" s="14" t="s">
        <v>47</v>
      </c>
      <c r="D49352" s="14" t="s">
        <v>197</v>
      </c>
      <c r="E49352" s="15">
        <v>45453</v>
      </c>
      <c r="F49352" s="14" t="s">
        <v>15</v>
      </c>
      <c r="G49352" s="16">
        <v>2.2224597246341203E-2</v>
      </c>
    </row>
    <row r="49353" spans="1:7" x14ac:dyDescent="0.3">
      <c r="A49353" s="13" t="s">
        <v>279</v>
      </c>
      <c r="B49353" s="14" t="s">
        <v>1</v>
      </c>
      <c r="C49353" s="14" t="s">
        <v>47</v>
      </c>
      <c r="D49353" s="14" t="s">
        <v>197</v>
      </c>
      <c r="E49353" s="15">
        <v>45454</v>
      </c>
      <c r="F49353" s="14" t="s">
        <v>15</v>
      </c>
      <c r="G49353" s="16">
        <v>1.0051005757108385E-2</v>
      </c>
    </row>
    <row r="49354" spans="1:7" x14ac:dyDescent="0.3">
      <c r="A49354" s="13" t="s">
        <v>279</v>
      </c>
      <c r="B49354" s="14" t="s">
        <v>1</v>
      </c>
      <c r="C49354" s="14" t="s">
        <v>47</v>
      </c>
      <c r="D49354" s="14" t="s">
        <v>197</v>
      </c>
      <c r="E49354" s="15">
        <v>45455</v>
      </c>
      <c r="F49354" s="14" t="s">
        <v>15</v>
      </c>
      <c r="G49354" s="16">
        <v>5.9729157702761194E-3</v>
      </c>
    </row>
    <row r="49355" spans="1:7" x14ac:dyDescent="0.3">
      <c r="A49355" s="13" t="s">
        <v>279</v>
      </c>
      <c r="B49355" s="14" t="s">
        <v>1</v>
      </c>
      <c r="C49355" s="14" t="s">
        <v>47</v>
      </c>
      <c r="D49355" s="14" t="s">
        <v>197</v>
      </c>
      <c r="E49355" s="15">
        <v>45456</v>
      </c>
      <c r="F49355" s="14" t="s">
        <v>15</v>
      </c>
      <c r="G49355" s="16">
        <v>3.3433138431398224E-2</v>
      </c>
    </row>
    <row r="49356" spans="1:7" x14ac:dyDescent="0.3">
      <c r="A49356" s="13" t="s">
        <v>279</v>
      </c>
      <c r="B49356" s="14" t="s">
        <v>1</v>
      </c>
      <c r="C49356" s="14" t="s">
        <v>47</v>
      </c>
      <c r="D49356" s="14" t="s">
        <v>197</v>
      </c>
      <c r="E49356" s="15">
        <v>45457</v>
      </c>
      <c r="F49356" s="14" t="s">
        <v>15</v>
      </c>
      <c r="G49356" s="16">
        <v>3.5647516583786371E-2</v>
      </c>
    </row>
    <row r="49357" spans="1:7" x14ac:dyDescent="0.3">
      <c r="A49357" s="13" t="s">
        <v>279</v>
      </c>
      <c r="B49357" s="14" t="s">
        <v>1</v>
      </c>
      <c r="C49357" s="14" t="s">
        <v>47</v>
      </c>
      <c r="D49357" s="14" t="s">
        <v>197</v>
      </c>
      <c r="E49357" s="15">
        <v>45458</v>
      </c>
      <c r="F49357" s="14" t="s">
        <v>15</v>
      </c>
      <c r="G49357" s="16">
        <v>3.5647516583786371E-2</v>
      </c>
    </row>
    <row r="49358" spans="1:7" x14ac:dyDescent="0.3">
      <c r="A49358" s="13" t="s">
        <v>279</v>
      </c>
      <c r="B49358" s="14" t="s">
        <v>1</v>
      </c>
      <c r="C49358" s="14" t="s">
        <v>47</v>
      </c>
      <c r="D49358" s="14" t="s">
        <v>197</v>
      </c>
      <c r="E49358" s="15">
        <v>45459</v>
      </c>
      <c r="F49358" s="14" t="s">
        <v>15</v>
      </c>
      <c r="G49358" s="16">
        <v>3.5647516583786371E-2</v>
      </c>
    </row>
    <row r="49359" spans="1:7" x14ac:dyDescent="0.3">
      <c r="A49359" s="13" t="s">
        <v>279</v>
      </c>
      <c r="B49359" s="14" t="s">
        <v>1</v>
      </c>
      <c r="C49359" s="14" t="s">
        <v>47</v>
      </c>
      <c r="D49359" s="14" t="s">
        <v>197</v>
      </c>
      <c r="E49359" s="15">
        <v>45460</v>
      </c>
      <c r="F49359" s="14" t="s">
        <v>15</v>
      </c>
      <c r="G49359" s="16">
        <v>3.2650555707696413E-2</v>
      </c>
    </row>
    <row r="49360" spans="1:7" x14ac:dyDescent="0.3">
      <c r="A49360" s="13" t="s">
        <v>279</v>
      </c>
      <c r="B49360" s="14" t="s">
        <v>1</v>
      </c>
      <c r="C49360" s="14" t="s">
        <v>47</v>
      </c>
      <c r="D49360" s="14" t="s">
        <v>197</v>
      </c>
      <c r="E49360" s="15">
        <v>45461</v>
      </c>
      <c r="F49360" s="14" t="s">
        <v>15</v>
      </c>
      <c r="G49360" s="16">
        <v>2.8077860818295046E-2</v>
      </c>
    </row>
    <row r="49361" spans="1:7" x14ac:dyDescent="0.3">
      <c r="A49361" s="13" t="s">
        <v>279</v>
      </c>
      <c r="B49361" s="14" t="s">
        <v>1</v>
      </c>
      <c r="C49361" s="14" t="s">
        <v>47</v>
      </c>
      <c r="D49361" s="14" t="s">
        <v>197</v>
      </c>
      <c r="E49361" s="15">
        <v>45462</v>
      </c>
      <c r="F49361" s="14" t="s">
        <v>15</v>
      </c>
      <c r="G49361" s="16">
        <v>2.8077860818295046E-2</v>
      </c>
    </row>
    <row r="49362" spans="1:7" x14ac:dyDescent="0.3">
      <c r="A49362" s="13" t="s">
        <v>279</v>
      </c>
      <c r="B49362" s="14" t="s">
        <v>1</v>
      </c>
      <c r="C49362" s="14" t="s">
        <v>47</v>
      </c>
      <c r="D49362" s="14" t="s">
        <v>197</v>
      </c>
      <c r="E49362" s="15">
        <v>45463</v>
      </c>
      <c r="F49362" s="14" t="s">
        <v>15</v>
      </c>
      <c r="G49362" s="16">
        <v>6.3421258323578575E-2</v>
      </c>
    </row>
    <row r="49363" spans="1:7" x14ac:dyDescent="0.3">
      <c r="A49363" s="13" t="s">
        <v>279</v>
      </c>
      <c r="B49363" s="14" t="s">
        <v>1</v>
      </c>
      <c r="C49363" s="14" t="s">
        <v>47</v>
      </c>
      <c r="D49363" s="14" t="s">
        <v>197</v>
      </c>
      <c r="E49363" s="15">
        <v>45464</v>
      </c>
      <c r="F49363" s="14" t="s">
        <v>15</v>
      </c>
      <c r="G49363" s="16">
        <v>5.5265132600996782E-2</v>
      </c>
    </row>
    <row r="49364" spans="1:7" x14ac:dyDescent="0.3">
      <c r="A49364" s="13" t="s">
        <v>279</v>
      </c>
      <c r="B49364" s="14" t="s">
        <v>1</v>
      </c>
      <c r="C49364" s="14" t="s">
        <v>47</v>
      </c>
      <c r="D49364" s="14" t="s">
        <v>197</v>
      </c>
      <c r="E49364" s="15">
        <v>45465</v>
      </c>
      <c r="F49364" s="14" t="s">
        <v>15</v>
      </c>
      <c r="G49364" s="16">
        <v>5.5265132600996782E-2</v>
      </c>
    </row>
    <row r="49365" spans="1:7" x14ac:dyDescent="0.3">
      <c r="A49365" s="13" t="s">
        <v>279</v>
      </c>
      <c r="B49365" s="14" t="s">
        <v>1</v>
      </c>
      <c r="C49365" s="14" t="s">
        <v>47</v>
      </c>
      <c r="D49365" s="14" t="s">
        <v>197</v>
      </c>
      <c r="E49365" s="15">
        <v>45466</v>
      </c>
      <c r="F49365" s="14" t="s">
        <v>15</v>
      </c>
      <c r="G49365" s="16">
        <v>5.5265132600996782E-2</v>
      </c>
    </row>
    <row r="49366" spans="1:7" x14ac:dyDescent="0.3">
      <c r="A49366" s="13" t="s">
        <v>279</v>
      </c>
      <c r="B49366" s="14" t="s">
        <v>1</v>
      </c>
      <c r="C49366" s="14" t="s">
        <v>47</v>
      </c>
      <c r="D49366" s="14" t="s">
        <v>197</v>
      </c>
      <c r="E49366" s="15">
        <v>45467</v>
      </c>
      <c r="F49366" s="14" t="s">
        <v>15</v>
      </c>
      <c r="G49366" s="16">
        <v>5.4246670926106764E-2</v>
      </c>
    </row>
    <row r="49367" spans="1:7" x14ac:dyDescent="0.3">
      <c r="A49367" s="13" t="s">
        <v>279</v>
      </c>
      <c r="B49367" s="14" t="s">
        <v>1</v>
      </c>
      <c r="C49367" s="14" t="s">
        <v>47</v>
      </c>
      <c r="D49367" s="14" t="s">
        <v>197</v>
      </c>
      <c r="E49367" s="15">
        <v>45468</v>
      </c>
      <c r="F49367" s="14" t="s">
        <v>15</v>
      </c>
      <c r="G49367" s="16">
        <v>4.5354149289356493E-2</v>
      </c>
    </row>
    <row r="49368" spans="1:7" x14ac:dyDescent="0.3">
      <c r="A49368" s="13" t="s">
        <v>279</v>
      </c>
      <c r="B49368" s="14" t="s">
        <v>1</v>
      </c>
      <c r="C49368" s="14" t="s">
        <v>47</v>
      </c>
      <c r="D49368" s="14" t="s">
        <v>197</v>
      </c>
      <c r="E49368" s="15">
        <v>45469</v>
      </c>
      <c r="F49368" s="14" t="s">
        <v>15</v>
      </c>
      <c r="G49368" s="16">
        <v>4.1393301768791801E-2</v>
      </c>
    </row>
    <row r="49369" spans="1:7" x14ac:dyDescent="0.3">
      <c r="A49369" s="13" t="s">
        <v>279</v>
      </c>
      <c r="B49369" s="14" t="s">
        <v>1</v>
      </c>
      <c r="C49369" s="14" t="s">
        <v>47</v>
      </c>
      <c r="D49369" s="14" t="s">
        <v>197</v>
      </c>
      <c r="E49369" s="15">
        <v>45470</v>
      </c>
      <c r="F49369" s="14" t="s">
        <v>15</v>
      </c>
      <c r="G49369" s="16">
        <v>3.7442038238983677E-2</v>
      </c>
    </row>
    <row r="49370" spans="1:7" x14ac:dyDescent="0.3">
      <c r="A49370" s="13" t="s">
        <v>279</v>
      </c>
      <c r="B49370" s="14" t="s">
        <v>1</v>
      </c>
      <c r="C49370" s="14" t="s">
        <v>47</v>
      </c>
      <c r="D49370" s="14" t="s">
        <v>197</v>
      </c>
      <c r="E49370" s="15">
        <v>45471</v>
      </c>
      <c r="F49370" s="14" t="s">
        <v>15</v>
      </c>
      <c r="G49370" s="16">
        <v>3.3498544906994873E-2</v>
      </c>
    </row>
    <row r="49371" spans="1:7" x14ac:dyDescent="0.3">
      <c r="A49371" s="13" t="s">
        <v>279</v>
      </c>
      <c r="B49371" s="14" t="s">
        <v>1</v>
      </c>
      <c r="C49371" s="14" t="s">
        <v>47</v>
      </c>
      <c r="D49371" s="14" t="s">
        <v>197</v>
      </c>
      <c r="E49371" s="15">
        <v>45472</v>
      </c>
      <c r="F49371" s="14" t="s">
        <v>15</v>
      </c>
      <c r="G49371" s="16">
        <v>3.3498544906994873E-2</v>
      </c>
    </row>
    <row r="49372" spans="1:7" x14ac:dyDescent="0.3">
      <c r="A49372" s="13" t="s">
        <v>279</v>
      </c>
      <c r="B49372" s="14" t="s">
        <v>1</v>
      </c>
      <c r="C49372" s="14" t="s">
        <v>47</v>
      </c>
      <c r="D49372" s="14" t="s">
        <v>197</v>
      </c>
      <c r="E49372" s="15">
        <v>45473</v>
      </c>
      <c r="F49372" s="14" t="s">
        <v>15</v>
      </c>
      <c r="G49372" s="16">
        <v>3.3498544906994873E-2</v>
      </c>
    </row>
    <row r="49373" spans="1:7" x14ac:dyDescent="0.3">
      <c r="A49373" s="13" t="s">
        <v>279</v>
      </c>
      <c r="B49373" s="14" t="s">
        <v>1</v>
      </c>
      <c r="C49373" s="14" t="s">
        <v>47</v>
      </c>
      <c r="D49373" s="14" t="s">
        <v>197</v>
      </c>
      <c r="E49373" s="15">
        <v>45474</v>
      </c>
      <c r="F49373" s="14" t="s">
        <v>15</v>
      </c>
      <c r="G49373" s="16">
        <v>3.8682032343915984E-2</v>
      </c>
    </row>
    <row r="49374" spans="1:7" x14ac:dyDescent="0.3">
      <c r="A49374" s="13" t="s">
        <v>279</v>
      </c>
      <c r="B49374" s="14" t="s">
        <v>1</v>
      </c>
      <c r="C49374" s="14" t="s">
        <v>47</v>
      </c>
      <c r="D49374" s="14" t="s">
        <v>197</v>
      </c>
      <c r="E49374" s="15">
        <v>45475</v>
      </c>
      <c r="F49374" s="14" t="s">
        <v>15</v>
      </c>
      <c r="G49374" s="16">
        <v>2.8175763761223618E-2</v>
      </c>
    </row>
    <row r="49375" spans="1:7" x14ac:dyDescent="0.3">
      <c r="A49375" s="13" t="s">
        <v>279</v>
      </c>
      <c r="B49375" s="14" t="s">
        <v>1</v>
      </c>
      <c r="C49375" s="14" t="s">
        <v>47</v>
      </c>
      <c r="D49375" s="14" t="s">
        <v>197</v>
      </c>
      <c r="E49375" s="15">
        <v>45476</v>
      </c>
      <c r="F49375" s="14" t="s">
        <v>15</v>
      </c>
      <c r="G49375" s="16">
        <v>3.5375974908102049E-2</v>
      </c>
    </row>
    <row r="49376" spans="1:7" x14ac:dyDescent="0.3">
      <c r="A49376" s="13" t="s">
        <v>279</v>
      </c>
      <c r="B49376" s="14" t="s">
        <v>1</v>
      </c>
      <c r="C49376" s="14" t="s">
        <v>47</v>
      </c>
      <c r="D49376" s="14" t="s">
        <v>197</v>
      </c>
      <c r="E49376" s="15">
        <v>45477</v>
      </c>
      <c r="F49376" s="14" t="s">
        <v>15</v>
      </c>
      <c r="G49376" s="16">
        <v>3.5375974908102049E-2</v>
      </c>
    </row>
    <row r="49377" spans="1:7" x14ac:dyDescent="0.3">
      <c r="A49377" s="13" t="s">
        <v>279</v>
      </c>
      <c r="B49377" s="14" t="s">
        <v>1</v>
      </c>
      <c r="C49377" s="14" t="s">
        <v>47</v>
      </c>
      <c r="D49377" s="14" t="s">
        <v>197</v>
      </c>
      <c r="E49377" s="15">
        <v>45478</v>
      </c>
      <c r="F49377" s="14" t="s">
        <v>15</v>
      </c>
      <c r="G49377" s="16">
        <v>3.1431090590056721E-2</v>
      </c>
    </row>
    <row r="49378" spans="1:7" x14ac:dyDescent="0.3">
      <c r="A49378" s="13" t="s">
        <v>279</v>
      </c>
      <c r="B49378" s="14" t="s">
        <v>1</v>
      </c>
      <c r="C49378" s="14" t="s">
        <v>47</v>
      </c>
      <c r="D49378" s="14" t="s">
        <v>197</v>
      </c>
      <c r="E49378" s="15">
        <v>45479</v>
      </c>
      <c r="F49378" s="14" t="s">
        <v>15</v>
      </c>
      <c r="G49378" s="16">
        <v>3.1431090590056721E-2</v>
      </c>
    </row>
    <row r="49379" spans="1:7" x14ac:dyDescent="0.3">
      <c r="A49379" s="13" t="s">
        <v>279</v>
      </c>
      <c r="B49379" s="14" t="s">
        <v>1</v>
      </c>
      <c r="C49379" s="14" t="s">
        <v>47</v>
      </c>
      <c r="D49379" s="14" t="s">
        <v>197</v>
      </c>
      <c r="E49379" s="15">
        <v>45480</v>
      </c>
      <c r="F49379" s="14" t="s">
        <v>15</v>
      </c>
      <c r="G49379" s="16">
        <v>3.1431090590056721E-2</v>
      </c>
    </row>
    <row r="49380" spans="1:7" x14ac:dyDescent="0.3">
      <c r="A49380" s="13" t="s">
        <v>279</v>
      </c>
      <c r="B49380" s="14" t="s">
        <v>1</v>
      </c>
      <c r="C49380" s="14" t="s">
        <v>47</v>
      </c>
      <c r="D49380" s="14" t="s">
        <v>197</v>
      </c>
      <c r="E49380" s="15">
        <v>45481</v>
      </c>
      <c r="F49380" s="14" t="s">
        <v>15</v>
      </c>
      <c r="G49380" s="16">
        <v>2.341607803460611E-2</v>
      </c>
    </row>
    <row r="49381" spans="1:7" x14ac:dyDescent="0.3">
      <c r="A49381" s="13" t="s">
        <v>279</v>
      </c>
      <c r="B49381" s="14" t="s">
        <v>1</v>
      </c>
      <c r="C49381" s="14" t="s">
        <v>47</v>
      </c>
      <c r="D49381" s="14" t="s">
        <v>197</v>
      </c>
      <c r="E49381" s="15">
        <v>45482</v>
      </c>
      <c r="F49381" s="14" t="s">
        <v>15</v>
      </c>
      <c r="G49381" s="16">
        <v>1.1345565172096506E-2</v>
      </c>
    </row>
    <row r="49382" spans="1:7" x14ac:dyDescent="0.3">
      <c r="A49382" s="13" t="s">
        <v>279</v>
      </c>
      <c r="B49382" s="14" t="s">
        <v>1</v>
      </c>
      <c r="C49382" s="14" t="s">
        <v>47</v>
      </c>
      <c r="D49382" s="14" t="s">
        <v>197</v>
      </c>
      <c r="E49382" s="15">
        <v>45483</v>
      </c>
      <c r="F49382" s="14" t="s">
        <v>15</v>
      </c>
      <c r="G49382" s="16">
        <v>7.2803942280419698E-3</v>
      </c>
    </row>
    <row r="49383" spans="1:7" x14ac:dyDescent="0.3">
      <c r="A49383" s="13" t="s">
        <v>279</v>
      </c>
      <c r="B49383" s="14" t="s">
        <v>1</v>
      </c>
      <c r="C49383" s="14" t="s">
        <v>47</v>
      </c>
      <c r="D49383" s="14" t="s">
        <v>197</v>
      </c>
      <c r="E49383" s="15">
        <v>45484</v>
      </c>
      <c r="F49383" s="14" t="s">
        <v>15</v>
      </c>
      <c r="G49383" s="16">
        <v>3.2477316460628419E-3</v>
      </c>
    </row>
    <row r="49384" spans="1:7" x14ac:dyDescent="0.3">
      <c r="A49384" s="13" t="s">
        <v>279</v>
      </c>
      <c r="B49384" s="14" t="s">
        <v>1</v>
      </c>
      <c r="C49384" s="14" t="s">
        <v>47</v>
      </c>
      <c r="D49384" s="14" t="s">
        <v>197</v>
      </c>
      <c r="E49384" s="15">
        <v>45485</v>
      </c>
      <c r="F49384" s="14" t="s">
        <v>15</v>
      </c>
      <c r="G49384" s="16">
        <v>0</v>
      </c>
    </row>
    <row r="49385" spans="1:7" x14ac:dyDescent="0.3">
      <c r="A49385" s="13" t="s">
        <v>279</v>
      </c>
      <c r="B49385" s="14" t="s">
        <v>1</v>
      </c>
      <c r="C49385" s="14" t="s">
        <v>47</v>
      </c>
      <c r="D49385" s="14" t="s">
        <v>197</v>
      </c>
      <c r="E49385" s="15">
        <v>45486</v>
      </c>
      <c r="F49385" s="14" t="s">
        <v>15</v>
      </c>
      <c r="G49385" s="16">
        <v>0</v>
      </c>
    </row>
    <row r="49386" spans="1:7" x14ac:dyDescent="0.3">
      <c r="A49386" s="13" t="s">
        <v>279</v>
      </c>
      <c r="B49386" s="14" t="s">
        <v>1</v>
      </c>
      <c r="C49386" s="14" t="s">
        <v>47</v>
      </c>
      <c r="D49386" s="14" t="s">
        <v>197</v>
      </c>
      <c r="E49386" s="15">
        <v>45487</v>
      </c>
      <c r="F49386" s="14" t="s">
        <v>15</v>
      </c>
      <c r="G49386" s="16">
        <v>0</v>
      </c>
    </row>
    <row r="49387" spans="1:7" x14ac:dyDescent="0.3">
      <c r="A49387" s="13" t="s">
        <v>279</v>
      </c>
      <c r="B49387" s="14" t="s">
        <v>1</v>
      </c>
      <c r="C49387" s="14" t="s">
        <v>47</v>
      </c>
      <c r="D49387" s="14" t="s">
        <v>197</v>
      </c>
      <c r="E49387" s="15">
        <v>45488</v>
      </c>
      <c r="F49387" s="14" t="s">
        <v>15</v>
      </c>
      <c r="G49387" s="16">
        <v>0</v>
      </c>
    </row>
    <row r="49388" spans="1:7" x14ac:dyDescent="0.3">
      <c r="A49388" s="13" t="s">
        <v>279</v>
      </c>
      <c r="B49388" s="14" t="s">
        <v>1</v>
      </c>
      <c r="C49388" s="14" t="s">
        <v>47</v>
      </c>
      <c r="D49388" s="14" t="s">
        <v>197</v>
      </c>
      <c r="E49388" s="15">
        <v>45489</v>
      </c>
      <c r="F49388" s="14" t="s">
        <v>15</v>
      </c>
      <c r="G49388" s="16">
        <v>0</v>
      </c>
    </row>
    <row r="49389" spans="1:7" x14ac:dyDescent="0.3">
      <c r="A49389" s="13" t="s">
        <v>279</v>
      </c>
      <c r="B49389" s="14" t="s">
        <v>1</v>
      </c>
      <c r="C49389" s="14" t="s">
        <v>47</v>
      </c>
      <c r="D49389" s="14" t="s">
        <v>197</v>
      </c>
      <c r="E49389" s="15">
        <v>45490</v>
      </c>
      <c r="F49389" s="14" t="s">
        <v>15</v>
      </c>
      <c r="G49389" s="16">
        <v>0</v>
      </c>
    </row>
    <row r="49390" spans="1:7" x14ac:dyDescent="0.3">
      <c r="A49390" s="13" t="s">
        <v>279</v>
      </c>
      <c r="B49390" s="14" t="s">
        <v>1</v>
      </c>
      <c r="C49390" s="14" t="s">
        <v>47</v>
      </c>
      <c r="D49390" s="14" t="s">
        <v>197</v>
      </c>
      <c r="E49390" s="15">
        <v>45491</v>
      </c>
      <c r="F49390" s="14" t="s">
        <v>15</v>
      </c>
      <c r="G49390" s="16">
        <v>0</v>
      </c>
    </row>
    <row r="49391" spans="1:7" x14ac:dyDescent="0.3">
      <c r="A49391" s="13" t="s">
        <v>279</v>
      </c>
      <c r="B49391" s="14" t="s">
        <v>1</v>
      </c>
      <c r="C49391" s="14" t="s">
        <v>47</v>
      </c>
      <c r="D49391" s="14" t="s">
        <v>197</v>
      </c>
      <c r="E49391" s="15">
        <v>45492</v>
      </c>
      <c r="F49391" s="14" t="s">
        <v>15</v>
      </c>
      <c r="G49391" s="16">
        <v>0</v>
      </c>
    </row>
    <row r="49392" spans="1:7" x14ac:dyDescent="0.3">
      <c r="A49392" s="13" t="s">
        <v>279</v>
      </c>
      <c r="B49392" s="14" t="s">
        <v>1</v>
      </c>
      <c r="C49392" s="14" t="s">
        <v>47</v>
      </c>
      <c r="D49392" s="14" t="s">
        <v>197</v>
      </c>
      <c r="E49392" s="15">
        <v>45493</v>
      </c>
      <c r="F49392" s="14" t="s">
        <v>15</v>
      </c>
      <c r="G49392" s="16">
        <v>0</v>
      </c>
    </row>
    <row r="49393" spans="1:7" x14ac:dyDescent="0.3">
      <c r="A49393" s="13" t="s">
        <v>279</v>
      </c>
      <c r="B49393" s="14" t="s">
        <v>1</v>
      </c>
      <c r="C49393" s="14" t="s">
        <v>47</v>
      </c>
      <c r="D49393" s="14" t="s">
        <v>197</v>
      </c>
      <c r="E49393" s="15">
        <v>45494</v>
      </c>
      <c r="F49393" s="14" t="s">
        <v>15</v>
      </c>
      <c r="G49393" s="16">
        <v>0</v>
      </c>
    </row>
    <row r="49394" spans="1:7" x14ac:dyDescent="0.3">
      <c r="A49394" s="13" t="s">
        <v>279</v>
      </c>
      <c r="B49394" s="14" t="s">
        <v>1</v>
      </c>
      <c r="C49394" s="14" t="s">
        <v>47</v>
      </c>
      <c r="D49394" s="14" t="s">
        <v>197</v>
      </c>
      <c r="E49394" s="15">
        <v>45495</v>
      </c>
      <c r="F49394" s="14" t="s">
        <v>15</v>
      </c>
      <c r="G49394" s="16">
        <v>0</v>
      </c>
    </row>
    <row r="49395" spans="1:7" x14ac:dyDescent="0.3">
      <c r="A49395" s="13" t="s">
        <v>279</v>
      </c>
      <c r="B49395" s="14" t="s">
        <v>1</v>
      </c>
      <c r="C49395" s="14" t="s">
        <v>47</v>
      </c>
      <c r="D49395" s="14" t="s">
        <v>197</v>
      </c>
      <c r="E49395" s="15">
        <v>45496</v>
      </c>
      <c r="F49395" s="14" t="s">
        <v>15</v>
      </c>
      <c r="G49395" s="16">
        <v>0</v>
      </c>
    </row>
    <row r="49396" spans="1:7" x14ac:dyDescent="0.3">
      <c r="A49396" s="13" t="s">
        <v>279</v>
      </c>
      <c r="B49396" s="14" t="s">
        <v>1</v>
      </c>
      <c r="C49396" s="14" t="s">
        <v>47</v>
      </c>
      <c r="D49396" s="14" t="s">
        <v>197</v>
      </c>
      <c r="E49396" s="15">
        <v>45497</v>
      </c>
      <c r="F49396" s="14" t="s">
        <v>15</v>
      </c>
      <c r="G49396" s="16">
        <v>0</v>
      </c>
    </row>
    <row r="49397" spans="1:7" x14ac:dyDescent="0.3">
      <c r="A49397" s="13" t="s">
        <v>279</v>
      </c>
      <c r="B49397" s="14" t="s">
        <v>1</v>
      </c>
      <c r="C49397" s="14" t="s">
        <v>47</v>
      </c>
      <c r="D49397" s="14" t="s">
        <v>197</v>
      </c>
      <c r="E49397" s="15">
        <v>45498</v>
      </c>
      <c r="F49397" s="14" t="s">
        <v>15</v>
      </c>
      <c r="G49397" s="16">
        <v>0</v>
      </c>
    </row>
    <row r="49398" spans="1:7" x14ac:dyDescent="0.3">
      <c r="A49398" s="13" t="s">
        <v>279</v>
      </c>
      <c r="B49398" s="14" t="s">
        <v>1</v>
      </c>
      <c r="C49398" s="14" t="s">
        <v>47</v>
      </c>
      <c r="D49398" s="14" t="s">
        <v>197</v>
      </c>
      <c r="E49398" s="15">
        <v>45499</v>
      </c>
      <c r="F49398" s="14" t="s">
        <v>15</v>
      </c>
      <c r="G49398" s="16">
        <v>0</v>
      </c>
    </row>
    <row r="49399" spans="1:7" x14ac:dyDescent="0.3">
      <c r="A49399" s="13" t="s">
        <v>279</v>
      </c>
      <c r="B49399" s="14" t="s">
        <v>1</v>
      </c>
      <c r="C49399" s="14" t="s">
        <v>47</v>
      </c>
      <c r="D49399" s="14" t="s">
        <v>197</v>
      </c>
      <c r="E49399" s="15">
        <v>45500</v>
      </c>
      <c r="F49399" s="14" t="s">
        <v>15</v>
      </c>
      <c r="G49399" s="16">
        <v>0</v>
      </c>
    </row>
    <row r="49400" spans="1:7" x14ac:dyDescent="0.3">
      <c r="A49400" s="13" t="s">
        <v>279</v>
      </c>
      <c r="B49400" s="14" t="s">
        <v>1</v>
      </c>
      <c r="C49400" s="14" t="s">
        <v>47</v>
      </c>
      <c r="D49400" s="14" t="s">
        <v>197</v>
      </c>
      <c r="E49400" s="15">
        <v>45501</v>
      </c>
      <c r="F49400" s="14" t="s">
        <v>15</v>
      </c>
      <c r="G49400" s="16">
        <v>0</v>
      </c>
    </row>
    <row r="49401" spans="1:7" x14ac:dyDescent="0.3">
      <c r="A49401" s="13" t="s">
        <v>279</v>
      </c>
      <c r="B49401" s="14" t="s">
        <v>1</v>
      </c>
      <c r="C49401" s="14" t="s">
        <v>47</v>
      </c>
      <c r="D49401" s="14" t="s">
        <v>197</v>
      </c>
      <c r="E49401" s="15">
        <v>45502</v>
      </c>
      <c r="F49401" s="14" t="s">
        <v>15</v>
      </c>
      <c r="G49401" s="16">
        <v>0</v>
      </c>
    </row>
    <row r="49402" spans="1:7" x14ac:dyDescent="0.3">
      <c r="A49402" s="13" t="s">
        <v>279</v>
      </c>
      <c r="B49402" s="14" t="s">
        <v>1</v>
      </c>
      <c r="C49402" s="14" t="s">
        <v>47</v>
      </c>
      <c r="D49402" s="14" t="s">
        <v>197</v>
      </c>
      <c r="E49402" s="15">
        <v>45503</v>
      </c>
      <c r="F49402" s="14" t="s">
        <v>15</v>
      </c>
      <c r="G49402" s="16">
        <v>0</v>
      </c>
    </row>
    <row r="49403" spans="1:7" x14ac:dyDescent="0.3">
      <c r="A49403" s="13" t="s">
        <v>279</v>
      </c>
      <c r="B49403" s="14" t="s">
        <v>1</v>
      </c>
      <c r="C49403" s="14" t="s">
        <v>47</v>
      </c>
      <c r="D49403" s="14" t="s">
        <v>197</v>
      </c>
      <c r="E49403" s="15">
        <v>45504</v>
      </c>
      <c r="F49403" s="14" t="s">
        <v>15</v>
      </c>
      <c r="G49403" s="16">
        <v>0</v>
      </c>
    </row>
    <row r="49404" spans="1:7" x14ac:dyDescent="0.3">
      <c r="A49404" s="13" t="s">
        <v>279</v>
      </c>
      <c r="B49404" s="14" t="s">
        <v>1</v>
      </c>
      <c r="C49404" s="14" t="s">
        <v>47</v>
      </c>
      <c r="D49404" s="14" t="s">
        <v>197</v>
      </c>
      <c r="E49404" s="15">
        <v>45505</v>
      </c>
      <c r="F49404" s="14" t="s">
        <v>15</v>
      </c>
      <c r="G49404" s="16">
        <v>0</v>
      </c>
    </row>
    <row r="49405" spans="1:7" x14ac:dyDescent="0.3">
      <c r="A49405" s="13" t="s">
        <v>279</v>
      </c>
      <c r="B49405" s="14" t="s">
        <v>1</v>
      </c>
      <c r="C49405" s="14" t="s">
        <v>47</v>
      </c>
      <c r="D49405" s="14" t="s">
        <v>197</v>
      </c>
      <c r="E49405" s="15">
        <v>45506</v>
      </c>
      <c r="F49405" s="14" t="s">
        <v>15</v>
      </c>
      <c r="G49405" s="16">
        <v>0</v>
      </c>
    </row>
    <row r="49406" spans="1:7" x14ac:dyDescent="0.3">
      <c r="A49406" s="13" t="s">
        <v>279</v>
      </c>
      <c r="B49406" s="14" t="s">
        <v>1</v>
      </c>
      <c r="C49406" s="14" t="s">
        <v>47</v>
      </c>
      <c r="D49406" s="14" t="s">
        <v>197</v>
      </c>
      <c r="E49406" s="15">
        <v>45507</v>
      </c>
      <c r="F49406" s="14" t="s">
        <v>15</v>
      </c>
      <c r="G49406" s="16">
        <v>0</v>
      </c>
    </row>
    <row r="49407" spans="1:7" x14ac:dyDescent="0.3">
      <c r="A49407" s="13" t="s">
        <v>279</v>
      </c>
      <c r="B49407" s="14" t="s">
        <v>1</v>
      </c>
      <c r="C49407" s="14" t="s">
        <v>47</v>
      </c>
      <c r="D49407" s="14" t="s">
        <v>197</v>
      </c>
      <c r="E49407" s="15">
        <v>45508</v>
      </c>
      <c r="F49407" s="14" t="s">
        <v>15</v>
      </c>
      <c r="G49407" s="16">
        <v>0</v>
      </c>
    </row>
    <row r="49408" spans="1:7" x14ac:dyDescent="0.3">
      <c r="A49408" s="13" t="s">
        <v>279</v>
      </c>
      <c r="B49408" s="14" t="s">
        <v>1</v>
      </c>
      <c r="C49408" s="14" t="s">
        <v>47</v>
      </c>
      <c r="D49408" s="14" t="s">
        <v>197</v>
      </c>
      <c r="E49408" s="15">
        <v>45509</v>
      </c>
      <c r="F49408" s="14" t="s">
        <v>15</v>
      </c>
      <c r="G49408" s="16">
        <v>0</v>
      </c>
    </row>
    <row r="49409" spans="1:7" x14ac:dyDescent="0.3">
      <c r="A49409" s="13" t="s">
        <v>279</v>
      </c>
      <c r="B49409" s="14" t="s">
        <v>1</v>
      </c>
      <c r="C49409" s="14" t="s">
        <v>47</v>
      </c>
      <c r="D49409" s="14" t="s">
        <v>197</v>
      </c>
      <c r="E49409" s="15">
        <v>45510</v>
      </c>
      <c r="F49409" s="14" t="s">
        <v>15</v>
      </c>
      <c r="G49409" s="16">
        <v>0</v>
      </c>
    </row>
    <row r="49410" spans="1:7" x14ac:dyDescent="0.3">
      <c r="A49410" s="13" t="s">
        <v>279</v>
      </c>
      <c r="B49410" s="14" t="s">
        <v>1</v>
      </c>
      <c r="C49410" s="14" t="s">
        <v>47</v>
      </c>
      <c r="D49410" s="14" t="s">
        <v>197</v>
      </c>
      <c r="E49410" s="15">
        <v>45511</v>
      </c>
      <c r="F49410" s="14" t="s">
        <v>15</v>
      </c>
      <c r="G49410" s="16">
        <v>0</v>
      </c>
    </row>
    <row r="49411" spans="1:7" x14ac:dyDescent="0.3">
      <c r="A49411" s="13" t="s">
        <v>279</v>
      </c>
      <c r="B49411" s="14" t="s">
        <v>1</v>
      </c>
      <c r="C49411" s="14" t="s">
        <v>47</v>
      </c>
      <c r="D49411" s="14" t="s">
        <v>197</v>
      </c>
      <c r="E49411" s="15">
        <v>45512</v>
      </c>
      <c r="F49411" s="14" t="s">
        <v>15</v>
      </c>
      <c r="G49411" s="16">
        <v>0</v>
      </c>
    </row>
    <row r="49412" spans="1:7" x14ac:dyDescent="0.3">
      <c r="A49412" s="13" t="s">
        <v>279</v>
      </c>
      <c r="B49412" s="14" t="s">
        <v>1</v>
      </c>
      <c r="C49412" s="14" t="s">
        <v>47</v>
      </c>
      <c r="D49412" s="14" t="s">
        <v>197</v>
      </c>
      <c r="E49412" s="15">
        <v>45513</v>
      </c>
      <c r="F49412" s="14" t="s">
        <v>15</v>
      </c>
      <c r="G49412" s="16">
        <v>0</v>
      </c>
    </row>
    <row r="49413" spans="1:7" x14ac:dyDescent="0.3">
      <c r="A49413" s="13" t="s">
        <v>279</v>
      </c>
      <c r="B49413" s="14" t="s">
        <v>1</v>
      </c>
      <c r="C49413" s="14" t="s">
        <v>47</v>
      </c>
      <c r="D49413" s="14" t="s">
        <v>197</v>
      </c>
      <c r="E49413" s="15">
        <v>45514</v>
      </c>
      <c r="F49413" s="14" t="s">
        <v>15</v>
      </c>
      <c r="G49413" s="16">
        <v>0</v>
      </c>
    </row>
    <row r="49414" spans="1:7" x14ac:dyDescent="0.3">
      <c r="A49414" s="13" t="s">
        <v>279</v>
      </c>
      <c r="B49414" s="14" t="s">
        <v>1</v>
      </c>
      <c r="C49414" s="14" t="s">
        <v>47</v>
      </c>
      <c r="D49414" s="14" t="s">
        <v>197</v>
      </c>
      <c r="E49414" s="15">
        <v>45515</v>
      </c>
      <c r="F49414" s="14" t="s">
        <v>15</v>
      </c>
      <c r="G49414" s="16">
        <v>0</v>
      </c>
    </row>
    <row r="49415" spans="1:7" x14ac:dyDescent="0.3">
      <c r="A49415" s="13" t="s">
        <v>279</v>
      </c>
      <c r="B49415" s="14" t="s">
        <v>1</v>
      </c>
      <c r="C49415" s="14" t="s">
        <v>47</v>
      </c>
      <c r="D49415" s="14" t="s">
        <v>197</v>
      </c>
      <c r="E49415" s="15">
        <v>45516</v>
      </c>
      <c r="F49415" s="14" t="s">
        <v>15</v>
      </c>
      <c r="G49415" s="16">
        <v>0</v>
      </c>
    </row>
    <row r="49416" spans="1:7" x14ac:dyDescent="0.3">
      <c r="A49416" s="13" t="s">
        <v>279</v>
      </c>
      <c r="B49416" s="14" t="s">
        <v>1</v>
      </c>
      <c r="C49416" s="14" t="s">
        <v>47</v>
      </c>
      <c r="D49416" s="14" t="s">
        <v>197</v>
      </c>
      <c r="E49416" s="15">
        <v>45517</v>
      </c>
      <c r="F49416" s="14" t="s">
        <v>15</v>
      </c>
      <c r="G49416" s="16">
        <v>0</v>
      </c>
    </row>
    <row r="49417" spans="1:7" x14ac:dyDescent="0.3">
      <c r="A49417" s="13" t="s">
        <v>279</v>
      </c>
      <c r="B49417" s="14" t="s">
        <v>1</v>
      </c>
      <c r="C49417" s="14" t="s">
        <v>47</v>
      </c>
      <c r="D49417" s="14" t="s">
        <v>197</v>
      </c>
      <c r="E49417" s="15">
        <v>45518</v>
      </c>
      <c r="F49417" s="14" t="s">
        <v>15</v>
      </c>
      <c r="G49417" s="16">
        <v>0</v>
      </c>
    </row>
    <row r="49418" spans="1:7" x14ac:dyDescent="0.3">
      <c r="A49418" s="13" t="s">
        <v>279</v>
      </c>
      <c r="B49418" s="14" t="s">
        <v>1</v>
      </c>
      <c r="C49418" s="14" t="s">
        <v>47</v>
      </c>
      <c r="D49418" s="14" t="s">
        <v>197</v>
      </c>
      <c r="E49418" s="15">
        <v>45519</v>
      </c>
      <c r="F49418" s="14" t="s">
        <v>15</v>
      </c>
      <c r="G49418" s="16">
        <v>0</v>
      </c>
    </row>
    <row r="49419" spans="1:7" x14ac:dyDescent="0.3">
      <c r="A49419" s="13" t="s">
        <v>279</v>
      </c>
      <c r="B49419" s="14" t="s">
        <v>1</v>
      </c>
      <c r="C49419" s="14" t="s">
        <v>47</v>
      </c>
      <c r="D49419" s="14" t="s">
        <v>197</v>
      </c>
      <c r="E49419" s="15">
        <v>45520</v>
      </c>
      <c r="F49419" s="14" t="s">
        <v>15</v>
      </c>
      <c r="G49419" s="16">
        <v>0</v>
      </c>
    </row>
    <row r="49420" spans="1:7" x14ac:dyDescent="0.3">
      <c r="A49420" s="13" t="s">
        <v>279</v>
      </c>
      <c r="B49420" s="14" t="s">
        <v>1</v>
      </c>
      <c r="C49420" s="14" t="s">
        <v>47</v>
      </c>
      <c r="D49420" s="14" t="s">
        <v>197</v>
      </c>
      <c r="E49420" s="15">
        <v>45521</v>
      </c>
      <c r="F49420" s="14" t="s">
        <v>15</v>
      </c>
      <c r="G49420" s="16">
        <v>0</v>
      </c>
    </row>
    <row r="49421" spans="1:7" x14ac:dyDescent="0.3">
      <c r="A49421" s="13" t="s">
        <v>279</v>
      </c>
      <c r="B49421" s="14" t="s">
        <v>1</v>
      </c>
      <c r="C49421" s="14" t="s">
        <v>47</v>
      </c>
      <c r="D49421" s="14" t="s">
        <v>197</v>
      </c>
      <c r="E49421" s="15">
        <v>45522</v>
      </c>
      <c r="F49421" s="14" t="s">
        <v>15</v>
      </c>
      <c r="G49421" s="16">
        <v>0</v>
      </c>
    </row>
    <row r="49422" spans="1:7" x14ac:dyDescent="0.3">
      <c r="A49422" s="13" t="s">
        <v>279</v>
      </c>
      <c r="B49422" s="14" t="s">
        <v>1</v>
      </c>
      <c r="C49422" s="14" t="s">
        <v>47</v>
      </c>
      <c r="D49422" s="14" t="s">
        <v>197</v>
      </c>
      <c r="E49422" s="15">
        <v>45523</v>
      </c>
      <c r="F49422" s="14" t="s">
        <v>15</v>
      </c>
      <c r="G49422" s="16">
        <v>0</v>
      </c>
    </row>
    <row r="49423" spans="1:7" x14ac:dyDescent="0.3">
      <c r="A49423" s="13" t="s">
        <v>279</v>
      </c>
      <c r="B49423" s="14" t="s">
        <v>1</v>
      </c>
      <c r="C49423" s="14" t="s">
        <v>47</v>
      </c>
      <c r="D49423" s="14" t="s">
        <v>197</v>
      </c>
      <c r="E49423" s="15">
        <v>45524</v>
      </c>
      <c r="F49423" s="14" t="s">
        <v>15</v>
      </c>
      <c r="G49423" s="16">
        <v>0</v>
      </c>
    </row>
    <row r="49424" spans="1:7" x14ac:dyDescent="0.3">
      <c r="A49424" s="13" t="s">
        <v>279</v>
      </c>
      <c r="B49424" s="14" t="s">
        <v>1</v>
      </c>
      <c r="C49424" s="14" t="s">
        <v>47</v>
      </c>
      <c r="D49424" s="14" t="s">
        <v>197</v>
      </c>
      <c r="E49424" s="15">
        <v>45525</v>
      </c>
      <c r="F49424" s="14" t="s">
        <v>15</v>
      </c>
      <c r="G49424" s="16">
        <v>0</v>
      </c>
    </row>
    <row r="49425" spans="1:7" x14ac:dyDescent="0.3">
      <c r="A49425" s="13" t="s">
        <v>279</v>
      </c>
      <c r="B49425" s="14" t="s">
        <v>1</v>
      </c>
      <c r="C49425" s="14" t="s">
        <v>47</v>
      </c>
      <c r="D49425" s="14" t="s">
        <v>197</v>
      </c>
      <c r="E49425" s="15">
        <v>45526</v>
      </c>
      <c r="F49425" s="14" t="s">
        <v>15</v>
      </c>
      <c r="G49425" s="16">
        <v>0</v>
      </c>
    </row>
    <row r="49426" spans="1:7" x14ac:dyDescent="0.3">
      <c r="A49426" s="13" t="s">
        <v>279</v>
      </c>
      <c r="B49426" s="14" t="s">
        <v>1</v>
      </c>
      <c r="C49426" s="14" t="s">
        <v>47</v>
      </c>
      <c r="D49426" s="14" t="s">
        <v>197</v>
      </c>
      <c r="E49426" s="15">
        <v>45527</v>
      </c>
      <c r="F49426" s="14" t="s">
        <v>15</v>
      </c>
      <c r="G49426" s="16">
        <v>0</v>
      </c>
    </row>
    <row r="49427" spans="1:7" x14ac:dyDescent="0.3">
      <c r="A49427" s="13" t="s">
        <v>279</v>
      </c>
      <c r="B49427" s="14" t="s">
        <v>1</v>
      </c>
      <c r="C49427" s="14" t="s">
        <v>47</v>
      </c>
      <c r="D49427" s="14" t="s">
        <v>197</v>
      </c>
      <c r="E49427" s="15">
        <v>45528</v>
      </c>
      <c r="F49427" s="14" t="s">
        <v>15</v>
      </c>
      <c r="G49427" s="16">
        <v>0</v>
      </c>
    </row>
    <row r="49428" spans="1:7" x14ac:dyDescent="0.3">
      <c r="A49428" s="13" t="s">
        <v>279</v>
      </c>
      <c r="B49428" s="14" t="s">
        <v>1</v>
      </c>
      <c r="C49428" s="14" t="s">
        <v>47</v>
      </c>
      <c r="D49428" s="14" t="s">
        <v>197</v>
      </c>
      <c r="E49428" s="15">
        <v>45529</v>
      </c>
      <c r="F49428" s="14" t="s">
        <v>15</v>
      </c>
      <c r="G49428" s="16">
        <v>0</v>
      </c>
    </row>
    <row r="49429" spans="1:7" x14ac:dyDescent="0.3">
      <c r="A49429" s="13" t="s">
        <v>279</v>
      </c>
      <c r="B49429" s="14" t="s">
        <v>1</v>
      </c>
      <c r="C49429" s="14" t="s">
        <v>47</v>
      </c>
      <c r="D49429" s="14" t="s">
        <v>197</v>
      </c>
      <c r="E49429" s="15">
        <v>45530</v>
      </c>
      <c r="F49429" s="14" t="s">
        <v>15</v>
      </c>
      <c r="G49429" s="16">
        <v>0</v>
      </c>
    </row>
    <row r="49430" spans="1:7" x14ac:dyDescent="0.3">
      <c r="A49430" s="13" t="s">
        <v>279</v>
      </c>
      <c r="B49430" s="14" t="s">
        <v>1</v>
      </c>
      <c r="C49430" s="14" t="s">
        <v>47</v>
      </c>
      <c r="D49430" s="14" t="s">
        <v>197</v>
      </c>
      <c r="E49430" s="15">
        <v>45531</v>
      </c>
      <c r="F49430" s="14" t="s">
        <v>15</v>
      </c>
      <c r="G49430" s="16">
        <v>0</v>
      </c>
    </row>
    <row r="49431" spans="1:7" x14ac:dyDescent="0.3">
      <c r="A49431" s="13" t="s">
        <v>279</v>
      </c>
      <c r="B49431" s="14" t="s">
        <v>1</v>
      </c>
      <c r="C49431" s="14" t="s">
        <v>47</v>
      </c>
      <c r="D49431" s="14" t="s">
        <v>197</v>
      </c>
      <c r="E49431" s="15">
        <v>45532</v>
      </c>
      <c r="F49431" s="14" t="s">
        <v>15</v>
      </c>
      <c r="G49431" s="16">
        <v>0</v>
      </c>
    </row>
    <row r="49432" spans="1:7" x14ac:dyDescent="0.3">
      <c r="A49432" s="13" t="s">
        <v>279</v>
      </c>
      <c r="B49432" s="14" t="s">
        <v>1</v>
      </c>
      <c r="C49432" s="14" t="s">
        <v>47</v>
      </c>
      <c r="D49432" s="14" t="s">
        <v>197</v>
      </c>
      <c r="E49432" s="15">
        <v>45533</v>
      </c>
      <c r="F49432" s="14" t="s">
        <v>15</v>
      </c>
      <c r="G49432" s="16">
        <v>0</v>
      </c>
    </row>
    <row r="49433" spans="1:7" x14ac:dyDescent="0.3">
      <c r="A49433" s="13" t="s">
        <v>279</v>
      </c>
      <c r="B49433" s="14" t="s">
        <v>1</v>
      </c>
      <c r="C49433" s="14" t="s">
        <v>47</v>
      </c>
      <c r="D49433" s="14" t="s">
        <v>197</v>
      </c>
      <c r="E49433" s="15">
        <v>45534</v>
      </c>
      <c r="F49433" s="14" t="s">
        <v>15</v>
      </c>
      <c r="G49433" s="16">
        <v>0</v>
      </c>
    </row>
    <row r="49434" spans="1:7" x14ac:dyDescent="0.3">
      <c r="A49434" s="13" t="s">
        <v>279</v>
      </c>
      <c r="B49434" s="14" t="s">
        <v>1</v>
      </c>
      <c r="C49434" s="14" t="s">
        <v>47</v>
      </c>
      <c r="D49434" s="14" t="s">
        <v>197</v>
      </c>
      <c r="E49434" s="15">
        <v>45535</v>
      </c>
      <c r="F49434" s="14" t="s">
        <v>15</v>
      </c>
      <c r="G49434" s="16">
        <v>0</v>
      </c>
    </row>
    <row r="49435" spans="1:7" x14ac:dyDescent="0.3">
      <c r="A49435" s="13" t="s">
        <v>279</v>
      </c>
      <c r="B49435" s="14" t="s">
        <v>1</v>
      </c>
      <c r="C49435" s="14" t="s">
        <v>47</v>
      </c>
      <c r="D49435" s="14" t="s">
        <v>197</v>
      </c>
      <c r="E49435" s="15">
        <v>45536</v>
      </c>
      <c r="F49435" s="14" t="s">
        <v>15</v>
      </c>
      <c r="G49435" s="16">
        <v>0</v>
      </c>
    </row>
    <row r="49436" spans="1:7" x14ac:dyDescent="0.3">
      <c r="A49436" s="13" t="s">
        <v>279</v>
      </c>
      <c r="B49436" s="14" t="s">
        <v>1</v>
      </c>
      <c r="C49436" s="14" t="s">
        <v>47</v>
      </c>
      <c r="D49436" s="14" t="s">
        <v>197</v>
      </c>
      <c r="E49436" s="15">
        <v>45537</v>
      </c>
      <c r="F49436" s="14" t="s">
        <v>15</v>
      </c>
      <c r="G49436" s="16">
        <v>0</v>
      </c>
    </row>
    <row r="49437" spans="1:7" x14ac:dyDescent="0.3">
      <c r="A49437" s="13" t="s">
        <v>279</v>
      </c>
      <c r="B49437" s="14" t="s">
        <v>1</v>
      </c>
      <c r="C49437" s="14" t="s">
        <v>47</v>
      </c>
      <c r="D49437" s="14" t="s">
        <v>197</v>
      </c>
      <c r="E49437" s="15">
        <v>45538</v>
      </c>
      <c r="F49437" s="14" t="s">
        <v>15</v>
      </c>
      <c r="G49437" s="16">
        <v>0</v>
      </c>
    </row>
    <row r="49438" spans="1:7" x14ac:dyDescent="0.3">
      <c r="A49438" s="13" t="s">
        <v>279</v>
      </c>
      <c r="B49438" s="14" t="s">
        <v>1</v>
      </c>
      <c r="C49438" s="14" t="s">
        <v>47</v>
      </c>
      <c r="D49438" s="14" t="s">
        <v>197</v>
      </c>
      <c r="E49438" s="15">
        <v>45539</v>
      </c>
      <c r="F49438" s="14" t="s">
        <v>15</v>
      </c>
      <c r="G49438" s="16">
        <v>0</v>
      </c>
    </row>
    <row r="49439" spans="1:7" x14ac:dyDescent="0.3">
      <c r="A49439" s="13" t="s">
        <v>279</v>
      </c>
      <c r="B49439" s="14" t="s">
        <v>1</v>
      </c>
      <c r="C49439" s="14" t="s">
        <v>47</v>
      </c>
      <c r="D49439" s="14" t="s">
        <v>197</v>
      </c>
      <c r="E49439" s="15">
        <v>45540</v>
      </c>
      <c r="F49439" s="14" t="s">
        <v>15</v>
      </c>
      <c r="G49439" s="16">
        <v>0</v>
      </c>
    </row>
    <row r="49440" spans="1:7" x14ac:dyDescent="0.3">
      <c r="A49440" s="13" t="s">
        <v>279</v>
      </c>
      <c r="B49440" s="14" t="s">
        <v>1</v>
      </c>
      <c r="C49440" s="14" t="s">
        <v>47</v>
      </c>
      <c r="D49440" s="14" t="s">
        <v>197</v>
      </c>
      <c r="E49440" s="15">
        <v>45541</v>
      </c>
      <c r="F49440" s="14" t="s">
        <v>15</v>
      </c>
      <c r="G49440" s="16">
        <v>0</v>
      </c>
    </row>
    <row r="49441" spans="1:7" x14ac:dyDescent="0.3">
      <c r="A49441" s="13" t="s">
        <v>279</v>
      </c>
      <c r="B49441" s="14" t="s">
        <v>1</v>
      </c>
      <c r="C49441" s="14" t="s">
        <v>47</v>
      </c>
      <c r="D49441" s="14" t="s">
        <v>197</v>
      </c>
      <c r="E49441" s="15">
        <v>45542</v>
      </c>
      <c r="F49441" s="14" t="s">
        <v>15</v>
      </c>
      <c r="G49441" s="16">
        <v>0</v>
      </c>
    </row>
    <row r="49442" spans="1:7" x14ac:dyDescent="0.3">
      <c r="A49442" s="13" t="s">
        <v>279</v>
      </c>
      <c r="B49442" s="14" t="s">
        <v>1</v>
      </c>
      <c r="C49442" s="14" t="s">
        <v>47</v>
      </c>
      <c r="D49442" s="14" t="s">
        <v>197</v>
      </c>
      <c r="E49442" s="15">
        <v>45543</v>
      </c>
      <c r="F49442" s="14" t="s">
        <v>15</v>
      </c>
      <c r="G49442" s="16">
        <v>0</v>
      </c>
    </row>
    <row r="49443" spans="1:7" x14ac:dyDescent="0.3">
      <c r="A49443" s="13" t="s">
        <v>279</v>
      </c>
      <c r="B49443" s="14" t="s">
        <v>1</v>
      </c>
      <c r="C49443" s="14" t="s">
        <v>47</v>
      </c>
      <c r="D49443" s="14" t="s">
        <v>197</v>
      </c>
      <c r="E49443" s="15">
        <v>45544</v>
      </c>
      <c r="F49443" s="14" t="s">
        <v>15</v>
      </c>
      <c r="G49443" s="16">
        <v>0</v>
      </c>
    </row>
    <row r="49444" spans="1:7" x14ac:dyDescent="0.3">
      <c r="A49444" s="13" t="s">
        <v>279</v>
      </c>
      <c r="B49444" s="14" t="s">
        <v>1</v>
      </c>
      <c r="C49444" s="14" t="s">
        <v>47</v>
      </c>
      <c r="D49444" s="14" t="s">
        <v>197</v>
      </c>
      <c r="E49444" s="15">
        <v>45545</v>
      </c>
      <c r="F49444" s="14" t="s">
        <v>15</v>
      </c>
      <c r="G49444" s="16">
        <v>0</v>
      </c>
    </row>
    <row r="49445" spans="1:7" x14ac:dyDescent="0.3">
      <c r="A49445" s="13" t="s">
        <v>279</v>
      </c>
      <c r="B49445" s="14" t="s">
        <v>1</v>
      </c>
      <c r="C49445" s="14" t="s">
        <v>47</v>
      </c>
      <c r="D49445" s="14" t="s">
        <v>197</v>
      </c>
      <c r="E49445" s="15">
        <v>45546</v>
      </c>
      <c r="F49445" s="14" t="s">
        <v>15</v>
      </c>
      <c r="G49445" s="16">
        <v>0</v>
      </c>
    </row>
    <row r="49446" spans="1:7" x14ac:dyDescent="0.3">
      <c r="A49446" s="13" t="s">
        <v>279</v>
      </c>
      <c r="B49446" s="14" t="s">
        <v>1</v>
      </c>
      <c r="C49446" s="14" t="s">
        <v>47</v>
      </c>
      <c r="D49446" s="14" t="s">
        <v>197</v>
      </c>
      <c r="E49446" s="15">
        <v>45547</v>
      </c>
      <c r="F49446" s="14" t="s">
        <v>15</v>
      </c>
      <c r="G49446" s="16">
        <v>0</v>
      </c>
    </row>
    <row r="49447" spans="1:7" x14ac:dyDescent="0.3">
      <c r="A49447" s="13" t="s">
        <v>279</v>
      </c>
      <c r="B49447" s="14" t="s">
        <v>1</v>
      </c>
      <c r="C49447" s="14" t="s">
        <v>47</v>
      </c>
      <c r="D49447" s="14" t="s">
        <v>197</v>
      </c>
      <c r="E49447" s="15">
        <v>45548</v>
      </c>
      <c r="F49447" s="14" t="s">
        <v>15</v>
      </c>
      <c r="G49447" s="16">
        <v>0</v>
      </c>
    </row>
    <row r="49448" spans="1:7" x14ac:dyDescent="0.3">
      <c r="A49448" s="13" t="s">
        <v>279</v>
      </c>
      <c r="B49448" s="14" t="s">
        <v>1</v>
      </c>
      <c r="C49448" s="14" t="s">
        <v>47</v>
      </c>
      <c r="D49448" s="14" t="s">
        <v>197</v>
      </c>
      <c r="E49448" s="15">
        <v>45549</v>
      </c>
      <c r="F49448" s="14" t="s">
        <v>15</v>
      </c>
      <c r="G49448" s="16">
        <v>0</v>
      </c>
    </row>
    <row r="49449" spans="1:7" x14ac:dyDescent="0.3">
      <c r="A49449" s="13" t="s">
        <v>279</v>
      </c>
      <c r="B49449" s="14" t="s">
        <v>1</v>
      </c>
      <c r="C49449" s="14" t="s">
        <v>47</v>
      </c>
      <c r="D49449" s="14" t="s">
        <v>197</v>
      </c>
      <c r="E49449" s="15">
        <v>45550</v>
      </c>
      <c r="F49449" s="14" t="s">
        <v>15</v>
      </c>
      <c r="G49449" s="16">
        <v>0</v>
      </c>
    </row>
    <row r="49450" spans="1:7" x14ac:dyDescent="0.3">
      <c r="A49450" s="13" t="s">
        <v>279</v>
      </c>
      <c r="B49450" s="14" t="s">
        <v>1</v>
      </c>
      <c r="C49450" s="14" t="s">
        <v>47</v>
      </c>
      <c r="D49450" s="14" t="s">
        <v>197</v>
      </c>
      <c r="E49450" s="15">
        <v>45551</v>
      </c>
      <c r="F49450" s="14" t="s">
        <v>15</v>
      </c>
      <c r="G49450" s="16">
        <v>0</v>
      </c>
    </row>
    <row r="49451" spans="1:7" x14ac:dyDescent="0.3">
      <c r="A49451" s="13" t="s">
        <v>279</v>
      </c>
      <c r="B49451" s="14" t="s">
        <v>1</v>
      </c>
      <c r="C49451" s="14" t="s">
        <v>47</v>
      </c>
      <c r="D49451" s="14" t="s">
        <v>197</v>
      </c>
      <c r="E49451" s="15">
        <v>45552</v>
      </c>
      <c r="F49451" s="14" t="s">
        <v>15</v>
      </c>
      <c r="G49451" s="16">
        <v>0</v>
      </c>
    </row>
    <row r="49452" spans="1:7" x14ac:dyDescent="0.3">
      <c r="A49452" s="13" t="s">
        <v>279</v>
      </c>
      <c r="B49452" s="14" t="s">
        <v>1</v>
      </c>
      <c r="C49452" s="14" t="s">
        <v>47</v>
      </c>
      <c r="D49452" s="14" t="s">
        <v>197</v>
      </c>
      <c r="E49452" s="15">
        <v>45553</v>
      </c>
      <c r="F49452" s="14" t="s">
        <v>15</v>
      </c>
      <c r="G49452" s="16">
        <v>0</v>
      </c>
    </row>
    <row r="49453" spans="1:7" x14ac:dyDescent="0.3">
      <c r="A49453" s="13" t="s">
        <v>279</v>
      </c>
      <c r="B49453" s="14" t="s">
        <v>1</v>
      </c>
      <c r="C49453" s="14" t="s">
        <v>47</v>
      </c>
      <c r="D49453" s="14" t="s">
        <v>197</v>
      </c>
      <c r="E49453" s="15">
        <v>45554</v>
      </c>
      <c r="F49453" s="14" t="s">
        <v>15</v>
      </c>
      <c r="G49453" s="16">
        <v>0</v>
      </c>
    </row>
    <row r="49454" spans="1:7" x14ac:dyDescent="0.3">
      <c r="A49454" s="13" t="s">
        <v>279</v>
      </c>
      <c r="B49454" s="14" t="s">
        <v>1</v>
      </c>
      <c r="C49454" s="14" t="s">
        <v>47</v>
      </c>
      <c r="D49454" s="14" t="s">
        <v>197</v>
      </c>
      <c r="E49454" s="15">
        <v>45555</v>
      </c>
      <c r="F49454" s="14" t="s">
        <v>15</v>
      </c>
      <c r="G49454" s="16">
        <v>0</v>
      </c>
    </row>
    <row r="49455" spans="1:7" x14ac:dyDescent="0.3">
      <c r="A49455" s="13" t="s">
        <v>279</v>
      </c>
      <c r="B49455" s="14" t="s">
        <v>1</v>
      </c>
      <c r="C49455" s="14" t="s">
        <v>47</v>
      </c>
      <c r="D49455" s="14" t="s">
        <v>197</v>
      </c>
      <c r="E49455" s="15">
        <v>45556</v>
      </c>
      <c r="F49455" s="14" t="s">
        <v>15</v>
      </c>
      <c r="G49455" s="16">
        <v>0</v>
      </c>
    </row>
    <row r="49456" spans="1:7" x14ac:dyDescent="0.3">
      <c r="A49456" s="13" t="s">
        <v>279</v>
      </c>
      <c r="B49456" s="14" t="s">
        <v>1</v>
      </c>
      <c r="C49456" s="14" t="s">
        <v>47</v>
      </c>
      <c r="D49456" s="14" t="s">
        <v>197</v>
      </c>
      <c r="E49456" s="15">
        <v>45557</v>
      </c>
      <c r="F49456" s="14" t="s">
        <v>15</v>
      </c>
      <c r="G49456" s="16">
        <v>0</v>
      </c>
    </row>
    <row r="49457" spans="1:7" x14ac:dyDescent="0.3">
      <c r="A49457" s="13" t="s">
        <v>279</v>
      </c>
      <c r="B49457" s="14" t="s">
        <v>1</v>
      </c>
      <c r="C49457" s="14" t="s">
        <v>47</v>
      </c>
      <c r="D49457" s="14" t="s">
        <v>197</v>
      </c>
      <c r="E49457" s="15">
        <v>45558</v>
      </c>
      <c r="F49457" s="14" t="s">
        <v>15</v>
      </c>
      <c r="G49457" s="16">
        <v>0</v>
      </c>
    </row>
    <row r="49458" spans="1:7" x14ac:dyDescent="0.3">
      <c r="A49458" s="13" t="s">
        <v>279</v>
      </c>
      <c r="B49458" s="14" t="s">
        <v>1</v>
      </c>
      <c r="C49458" s="14" t="s">
        <v>47</v>
      </c>
      <c r="D49458" s="14" t="s">
        <v>197</v>
      </c>
      <c r="E49458" s="15">
        <v>45559</v>
      </c>
      <c r="F49458" s="14" t="s">
        <v>15</v>
      </c>
      <c r="G49458" s="16">
        <v>0</v>
      </c>
    </row>
    <row r="49459" spans="1:7" x14ac:dyDescent="0.3">
      <c r="A49459" s="13" t="s">
        <v>279</v>
      </c>
      <c r="B49459" s="14" t="s">
        <v>1</v>
      </c>
      <c r="C49459" s="14" t="s">
        <v>47</v>
      </c>
      <c r="D49459" s="14" t="s">
        <v>197</v>
      </c>
      <c r="E49459" s="15">
        <v>45560</v>
      </c>
      <c r="F49459" s="14" t="s">
        <v>15</v>
      </c>
      <c r="G49459" s="16">
        <v>0</v>
      </c>
    </row>
    <row r="49460" spans="1:7" x14ac:dyDescent="0.3">
      <c r="A49460" s="13" t="s">
        <v>279</v>
      </c>
      <c r="B49460" s="14" t="s">
        <v>1</v>
      </c>
      <c r="C49460" s="14" t="s">
        <v>47</v>
      </c>
      <c r="D49460" s="14" t="s">
        <v>197</v>
      </c>
      <c r="E49460" s="15">
        <v>45561</v>
      </c>
      <c r="F49460" s="14" t="s">
        <v>15</v>
      </c>
      <c r="G49460" s="16">
        <v>0</v>
      </c>
    </row>
    <row r="49461" spans="1:7" x14ac:dyDescent="0.3">
      <c r="A49461" s="13" t="s">
        <v>279</v>
      </c>
      <c r="B49461" s="14" t="s">
        <v>1</v>
      </c>
      <c r="C49461" s="14" t="s">
        <v>47</v>
      </c>
      <c r="D49461" s="14" t="s">
        <v>197</v>
      </c>
      <c r="E49461" s="15">
        <v>45562</v>
      </c>
      <c r="F49461" s="14" t="s">
        <v>15</v>
      </c>
      <c r="G49461" s="16">
        <v>0</v>
      </c>
    </row>
    <row r="49462" spans="1:7" x14ac:dyDescent="0.3">
      <c r="A49462" s="13" t="s">
        <v>279</v>
      </c>
      <c r="B49462" s="14" t="s">
        <v>1</v>
      </c>
      <c r="C49462" s="14" t="s">
        <v>47</v>
      </c>
      <c r="D49462" s="14" t="s">
        <v>197</v>
      </c>
      <c r="E49462" s="15">
        <v>45563</v>
      </c>
      <c r="F49462" s="14" t="s">
        <v>15</v>
      </c>
      <c r="G49462" s="16">
        <v>0</v>
      </c>
    </row>
    <row r="49463" spans="1:7" x14ac:dyDescent="0.3">
      <c r="A49463" s="13" t="s">
        <v>279</v>
      </c>
      <c r="B49463" s="14" t="s">
        <v>1</v>
      </c>
      <c r="C49463" s="14" t="s">
        <v>47</v>
      </c>
      <c r="D49463" s="14" t="s">
        <v>197</v>
      </c>
      <c r="E49463" s="15">
        <v>45564</v>
      </c>
      <c r="F49463" s="14" t="s">
        <v>15</v>
      </c>
      <c r="G49463" s="16">
        <v>0</v>
      </c>
    </row>
    <row r="49464" spans="1:7" x14ac:dyDescent="0.3">
      <c r="A49464" s="13" t="s">
        <v>279</v>
      </c>
      <c r="B49464" s="14" t="s">
        <v>1</v>
      </c>
      <c r="C49464" s="14" t="s">
        <v>47</v>
      </c>
      <c r="D49464" s="14" t="s">
        <v>197</v>
      </c>
      <c r="E49464" s="15">
        <v>45565</v>
      </c>
      <c r="F49464" s="14" t="s">
        <v>15</v>
      </c>
      <c r="G49464" s="16">
        <v>0</v>
      </c>
    </row>
    <row r="49465" spans="1:7" x14ac:dyDescent="0.3">
      <c r="A49465" s="13" t="s">
        <v>279</v>
      </c>
      <c r="B49465" s="14" t="s">
        <v>1</v>
      </c>
      <c r="C49465" s="14" t="s">
        <v>47</v>
      </c>
      <c r="D49465" s="14" t="s">
        <v>197</v>
      </c>
      <c r="E49465" s="15">
        <v>45566</v>
      </c>
      <c r="F49465" s="14" t="s">
        <v>15</v>
      </c>
      <c r="G49465" s="16">
        <v>0</v>
      </c>
    </row>
    <row r="49466" spans="1:7" x14ac:dyDescent="0.3">
      <c r="A49466" s="13" t="s">
        <v>279</v>
      </c>
      <c r="B49466" s="14" t="s">
        <v>1</v>
      </c>
      <c r="C49466" s="14" t="s">
        <v>47</v>
      </c>
      <c r="D49466" s="14" t="s">
        <v>197</v>
      </c>
      <c r="E49466" s="15">
        <v>45567</v>
      </c>
      <c r="F49466" s="14" t="s">
        <v>15</v>
      </c>
      <c r="G49466" s="16">
        <v>0</v>
      </c>
    </row>
    <row r="49467" spans="1:7" x14ac:dyDescent="0.3">
      <c r="A49467" s="13" t="s">
        <v>279</v>
      </c>
      <c r="B49467" s="14" t="s">
        <v>1</v>
      </c>
      <c r="C49467" s="14" t="s">
        <v>47</v>
      </c>
      <c r="D49467" s="14" t="s">
        <v>197</v>
      </c>
      <c r="E49467" s="15">
        <v>45568</v>
      </c>
      <c r="F49467" s="14" t="s">
        <v>15</v>
      </c>
      <c r="G49467" s="16">
        <v>0</v>
      </c>
    </row>
    <row r="49468" spans="1:7" x14ac:dyDescent="0.3">
      <c r="A49468" s="13" t="s">
        <v>279</v>
      </c>
      <c r="B49468" s="14" t="s">
        <v>1</v>
      </c>
      <c r="C49468" s="14" t="s">
        <v>47</v>
      </c>
      <c r="D49468" s="14" t="s">
        <v>197</v>
      </c>
      <c r="E49468" s="15">
        <v>45569</v>
      </c>
      <c r="F49468" s="14" t="s">
        <v>15</v>
      </c>
      <c r="G49468" s="16">
        <v>0</v>
      </c>
    </row>
    <row r="49469" spans="1:7" x14ac:dyDescent="0.3">
      <c r="A49469" s="13" t="s">
        <v>279</v>
      </c>
      <c r="B49469" s="14" t="s">
        <v>1</v>
      </c>
      <c r="C49469" s="14" t="s">
        <v>47</v>
      </c>
      <c r="D49469" s="14" t="s">
        <v>197</v>
      </c>
      <c r="E49469" s="15">
        <v>45570</v>
      </c>
      <c r="F49469" s="14" t="s">
        <v>15</v>
      </c>
      <c r="G49469" s="16">
        <v>0</v>
      </c>
    </row>
    <row r="49470" spans="1:7" x14ac:dyDescent="0.3">
      <c r="A49470" s="13" t="s">
        <v>279</v>
      </c>
      <c r="B49470" s="14" t="s">
        <v>1</v>
      </c>
      <c r="C49470" s="14" t="s">
        <v>47</v>
      </c>
      <c r="D49470" s="14" t="s">
        <v>197</v>
      </c>
      <c r="E49470" s="15">
        <v>45571</v>
      </c>
      <c r="F49470" s="14" t="s">
        <v>15</v>
      </c>
      <c r="G49470" s="16">
        <v>0</v>
      </c>
    </row>
    <row r="49471" spans="1:7" x14ac:dyDescent="0.3">
      <c r="A49471" s="13" t="s">
        <v>279</v>
      </c>
      <c r="B49471" s="14" t="s">
        <v>1</v>
      </c>
      <c r="C49471" s="14" t="s">
        <v>47</v>
      </c>
      <c r="D49471" s="14" t="s">
        <v>197</v>
      </c>
      <c r="E49471" s="15">
        <v>45572</v>
      </c>
      <c r="F49471" s="14" t="s">
        <v>15</v>
      </c>
      <c r="G49471" s="16">
        <v>0</v>
      </c>
    </row>
    <row r="49472" spans="1:7" x14ac:dyDescent="0.3">
      <c r="A49472" s="13" t="s">
        <v>279</v>
      </c>
      <c r="B49472" s="14" t="s">
        <v>1</v>
      </c>
      <c r="C49472" s="14" t="s">
        <v>47</v>
      </c>
      <c r="D49472" s="14" t="s">
        <v>197</v>
      </c>
      <c r="E49472" s="15">
        <v>45573</v>
      </c>
      <c r="F49472" s="14" t="s">
        <v>15</v>
      </c>
      <c r="G49472" s="16">
        <v>0</v>
      </c>
    </row>
    <row r="49473" spans="1:7" x14ac:dyDescent="0.3">
      <c r="A49473" s="13" t="s">
        <v>279</v>
      </c>
      <c r="B49473" s="14" t="s">
        <v>1</v>
      </c>
      <c r="C49473" s="14" t="s">
        <v>47</v>
      </c>
      <c r="D49473" s="14" t="s">
        <v>197</v>
      </c>
      <c r="E49473" s="15">
        <v>45574</v>
      </c>
      <c r="F49473" s="14" t="s">
        <v>15</v>
      </c>
      <c r="G49473" s="16">
        <v>0</v>
      </c>
    </row>
    <row r="49474" spans="1:7" x14ac:dyDescent="0.3">
      <c r="A49474" s="13" t="s">
        <v>279</v>
      </c>
      <c r="B49474" s="14" t="s">
        <v>1</v>
      </c>
      <c r="C49474" s="14" t="s">
        <v>47</v>
      </c>
      <c r="D49474" s="14" t="s">
        <v>197</v>
      </c>
      <c r="E49474" s="15">
        <v>45575</v>
      </c>
      <c r="F49474" s="14" t="s">
        <v>15</v>
      </c>
      <c r="G49474" s="16">
        <v>0</v>
      </c>
    </row>
    <row r="49475" spans="1:7" x14ac:dyDescent="0.3">
      <c r="A49475" s="13" t="s">
        <v>279</v>
      </c>
      <c r="B49475" s="14" t="s">
        <v>1</v>
      </c>
      <c r="C49475" s="14" t="s">
        <v>47</v>
      </c>
      <c r="D49475" s="14" t="s">
        <v>197</v>
      </c>
      <c r="E49475" s="15">
        <v>45576</v>
      </c>
      <c r="F49475" s="14" t="s">
        <v>15</v>
      </c>
      <c r="G49475" s="16">
        <v>0</v>
      </c>
    </row>
    <row r="49476" spans="1:7" x14ac:dyDescent="0.3">
      <c r="A49476" s="13" t="s">
        <v>279</v>
      </c>
      <c r="B49476" s="14" t="s">
        <v>1</v>
      </c>
      <c r="C49476" s="14" t="s">
        <v>47</v>
      </c>
      <c r="D49476" s="14" t="s">
        <v>197</v>
      </c>
      <c r="E49476" s="15">
        <v>45577</v>
      </c>
      <c r="F49476" s="14" t="s">
        <v>15</v>
      </c>
      <c r="G49476" s="16">
        <v>0</v>
      </c>
    </row>
    <row r="49477" spans="1:7" x14ac:dyDescent="0.3">
      <c r="A49477" s="13" t="s">
        <v>279</v>
      </c>
      <c r="B49477" s="14" t="s">
        <v>1</v>
      </c>
      <c r="C49477" s="14" t="s">
        <v>47</v>
      </c>
      <c r="D49477" s="14" t="s">
        <v>197</v>
      </c>
      <c r="E49477" s="15">
        <v>45578</v>
      </c>
      <c r="F49477" s="14" t="s">
        <v>15</v>
      </c>
      <c r="G49477" s="16">
        <v>0</v>
      </c>
    </row>
    <row r="49478" spans="1:7" x14ac:dyDescent="0.3">
      <c r="A49478" s="13" t="s">
        <v>279</v>
      </c>
      <c r="B49478" s="14" t="s">
        <v>1</v>
      </c>
      <c r="C49478" s="14" t="s">
        <v>47</v>
      </c>
      <c r="D49478" s="14" t="s">
        <v>197</v>
      </c>
      <c r="E49478" s="15">
        <v>45579</v>
      </c>
      <c r="F49478" s="14" t="s">
        <v>15</v>
      </c>
      <c r="G49478" s="16">
        <v>0</v>
      </c>
    </row>
    <row r="49479" spans="1:7" x14ac:dyDescent="0.3">
      <c r="A49479" s="13" t="s">
        <v>279</v>
      </c>
      <c r="B49479" s="14" t="s">
        <v>1</v>
      </c>
      <c r="C49479" s="14" t="s">
        <v>47</v>
      </c>
      <c r="D49479" s="14" t="s">
        <v>197</v>
      </c>
      <c r="E49479" s="15">
        <v>45580</v>
      </c>
      <c r="F49479" s="14" t="s">
        <v>15</v>
      </c>
      <c r="G49479" s="16">
        <v>0</v>
      </c>
    </row>
    <row r="49480" spans="1:7" x14ac:dyDescent="0.3">
      <c r="A49480" s="13" t="s">
        <v>279</v>
      </c>
      <c r="B49480" s="14" t="s">
        <v>1</v>
      </c>
      <c r="C49480" s="14" t="s">
        <v>47</v>
      </c>
      <c r="D49480" s="14" t="s">
        <v>197</v>
      </c>
      <c r="E49480" s="15">
        <v>45581</v>
      </c>
      <c r="F49480" s="14" t="s">
        <v>15</v>
      </c>
      <c r="G49480" s="16">
        <v>0</v>
      </c>
    </row>
    <row r="49481" spans="1:7" x14ac:dyDescent="0.3">
      <c r="A49481" s="13" t="s">
        <v>279</v>
      </c>
      <c r="B49481" s="14" t="s">
        <v>1</v>
      </c>
      <c r="C49481" s="14" t="s">
        <v>47</v>
      </c>
      <c r="D49481" s="14" t="s">
        <v>197</v>
      </c>
      <c r="E49481" s="15">
        <v>45582</v>
      </c>
      <c r="F49481" s="14" t="s">
        <v>15</v>
      </c>
      <c r="G49481" s="16">
        <v>0</v>
      </c>
    </row>
    <row r="49482" spans="1:7" x14ac:dyDescent="0.3">
      <c r="A49482" s="13" t="s">
        <v>279</v>
      </c>
      <c r="B49482" s="14" t="s">
        <v>1</v>
      </c>
      <c r="C49482" s="14" t="s">
        <v>47</v>
      </c>
      <c r="D49482" s="14" t="s">
        <v>197</v>
      </c>
      <c r="E49482" s="15">
        <v>45583</v>
      </c>
      <c r="F49482" s="14" t="s">
        <v>15</v>
      </c>
      <c r="G49482" s="16">
        <v>0</v>
      </c>
    </row>
    <row r="49483" spans="1:7" x14ac:dyDescent="0.3">
      <c r="A49483" s="13" t="s">
        <v>279</v>
      </c>
      <c r="B49483" s="14" t="s">
        <v>1</v>
      </c>
      <c r="C49483" s="14" t="s">
        <v>47</v>
      </c>
      <c r="D49483" s="14" t="s">
        <v>197</v>
      </c>
      <c r="E49483" s="15">
        <v>45584</v>
      </c>
      <c r="F49483" s="14" t="s">
        <v>15</v>
      </c>
      <c r="G49483" s="16">
        <v>0</v>
      </c>
    </row>
    <row r="49484" spans="1:7" x14ac:dyDescent="0.3">
      <c r="A49484" s="13" t="s">
        <v>279</v>
      </c>
      <c r="B49484" s="14" t="s">
        <v>1</v>
      </c>
      <c r="C49484" s="14" t="s">
        <v>47</v>
      </c>
      <c r="D49484" s="14" t="s">
        <v>197</v>
      </c>
      <c r="E49484" s="15">
        <v>45585</v>
      </c>
      <c r="F49484" s="14" t="s">
        <v>15</v>
      </c>
      <c r="G49484" s="16">
        <v>0</v>
      </c>
    </row>
    <row r="49485" spans="1:7" x14ac:dyDescent="0.3">
      <c r="A49485" s="13" t="s">
        <v>279</v>
      </c>
      <c r="B49485" s="14" t="s">
        <v>1</v>
      </c>
      <c r="C49485" s="14" t="s">
        <v>47</v>
      </c>
      <c r="D49485" s="14" t="s">
        <v>197</v>
      </c>
      <c r="E49485" s="15">
        <v>45586</v>
      </c>
      <c r="F49485" s="14" t="s">
        <v>15</v>
      </c>
      <c r="G49485" s="16">
        <v>0</v>
      </c>
    </row>
    <row r="49486" spans="1:7" x14ac:dyDescent="0.3">
      <c r="A49486" s="13" t="s">
        <v>279</v>
      </c>
      <c r="B49486" s="14" t="s">
        <v>1</v>
      </c>
      <c r="C49486" s="14" t="s">
        <v>47</v>
      </c>
      <c r="D49486" s="14" t="s">
        <v>197</v>
      </c>
      <c r="E49486" s="15">
        <v>45587</v>
      </c>
      <c r="F49486" s="14" t="s">
        <v>15</v>
      </c>
      <c r="G49486" s="16">
        <v>0</v>
      </c>
    </row>
    <row r="49487" spans="1:7" x14ac:dyDescent="0.3">
      <c r="A49487" s="13" t="s">
        <v>279</v>
      </c>
      <c r="B49487" s="14" t="s">
        <v>1</v>
      </c>
      <c r="C49487" s="14" t="s">
        <v>47</v>
      </c>
      <c r="D49487" s="14" t="s">
        <v>197</v>
      </c>
      <c r="E49487" s="15">
        <v>45588</v>
      </c>
      <c r="F49487" s="14" t="s">
        <v>15</v>
      </c>
      <c r="G49487" s="16">
        <v>0</v>
      </c>
    </row>
    <row r="49488" spans="1:7" x14ac:dyDescent="0.3">
      <c r="A49488" s="13" t="s">
        <v>279</v>
      </c>
      <c r="B49488" s="14" t="s">
        <v>1</v>
      </c>
      <c r="C49488" s="14" t="s">
        <v>47</v>
      </c>
      <c r="D49488" s="14" t="s">
        <v>197</v>
      </c>
      <c r="E49488" s="15">
        <v>45589</v>
      </c>
      <c r="F49488" s="14" t="s">
        <v>15</v>
      </c>
      <c r="G49488" s="16">
        <v>0</v>
      </c>
    </row>
    <row r="49489" spans="1:7" x14ac:dyDescent="0.3">
      <c r="A49489" s="13" t="s">
        <v>279</v>
      </c>
      <c r="B49489" s="14" t="s">
        <v>1</v>
      </c>
      <c r="C49489" s="14" t="s">
        <v>47</v>
      </c>
      <c r="D49489" s="14" t="s">
        <v>197</v>
      </c>
      <c r="E49489" s="15">
        <v>45590</v>
      </c>
      <c r="F49489" s="14" t="s">
        <v>15</v>
      </c>
      <c r="G49489" s="16">
        <v>0</v>
      </c>
    </row>
    <row r="49490" spans="1:7" x14ac:dyDescent="0.3">
      <c r="A49490" s="13" t="s">
        <v>279</v>
      </c>
      <c r="B49490" s="14" t="s">
        <v>1</v>
      </c>
      <c r="C49490" s="14" t="s">
        <v>47</v>
      </c>
      <c r="D49490" s="14" t="s">
        <v>197</v>
      </c>
      <c r="E49490" s="15">
        <v>45591</v>
      </c>
      <c r="F49490" s="14" t="s">
        <v>15</v>
      </c>
      <c r="G49490" s="16">
        <v>0</v>
      </c>
    </row>
    <row r="49491" spans="1:7" x14ac:dyDescent="0.3">
      <c r="A49491" s="13" t="s">
        <v>279</v>
      </c>
      <c r="B49491" s="14" t="s">
        <v>1</v>
      </c>
      <c r="C49491" s="14" t="s">
        <v>47</v>
      </c>
      <c r="D49491" s="14" t="s">
        <v>197</v>
      </c>
      <c r="E49491" s="15">
        <v>45592</v>
      </c>
      <c r="F49491" s="14" t="s">
        <v>15</v>
      </c>
      <c r="G49491" s="16">
        <v>0</v>
      </c>
    </row>
    <row r="49492" spans="1:7" x14ac:dyDescent="0.3">
      <c r="A49492" s="13" t="s">
        <v>279</v>
      </c>
      <c r="B49492" s="14" t="s">
        <v>1</v>
      </c>
      <c r="C49492" s="14" t="s">
        <v>47</v>
      </c>
      <c r="D49492" s="14" t="s">
        <v>197</v>
      </c>
      <c r="E49492" s="15">
        <v>45593</v>
      </c>
      <c r="F49492" s="14" t="s">
        <v>15</v>
      </c>
      <c r="G49492" s="16">
        <v>0</v>
      </c>
    </row>
    <row r="49493" spans="1:7" x14ac:dyDescent="0.3">
      <c r="A49493" s="13" t="s">
        <v>279</v>
      </c>
      <c r="B49493" s="14" t="s">
        <v>1</v>
      </c>
      <c r="C49493" s="14" t="s">
        <v>47</v>
      </c>
      <c r="D49493" s="14" t="s">
        <v>197</v>
      </c>
      <c r="E49493" s="15">
        <v>45594</v>
      </c>
      <c r="F49493" s="14" t="s">
        <v>15</v>
      </c>
      <c r="G49493" s="16">
        <v>0</v>
      </c>
    </row>
    <row r="49494" spans="1:7" x14ac:dyDescent="0.3">
      <c r="A49494" s="13" t="s">
        <v>279</v>
      </c>
      <c r="B49494" s="14" t="s">
        <v>1</v>
      </c>
      <c r="C49494" s="14" t="s">
        <v>47</v>
      </c>
      <c r="D49494" s="14" t="s">
        <v>197</v>
      </c>
      <c r="E49494" s="15">
        <v>45595</v>
      </c>
      <c r="F49494" s="14" t="s">
        <v>15</v>
      </c>
      <c r="G49494" s="16">
        <v>0</v>
      </c>
    </row>
    <row r="49495" spans="1:7" x14ac:dyDescent="0.3">
      <c r="A49495" s="13" t="s">
        <v>279</v>
      </c>
      <c r="B49495" s="14" t="s">
        <v>1</v>
      </c>
      <c r="C49495" s="14" t="s">
        <v>47</v>
      </c>
      <c r="D49495" s="14" t="s">
        <v>197</v>
      </c>
      <c r="E49495" s="15">
        <v>45596</v>
      </c>
      <c r="F49495" s="14" t="s">
        <v>15</v>
      </c>
      <c r="G49495" s="16">
        <v>0</v>
      </c>
    </row>
    <row r="49496" spans="1:7" x14ac:dyDescent="0.3">
      <c r="A49496" s="13" t="s">
        <v>279</v>
      </c>
      <c r="B49496" s="14" t="s">
        <v>1</v>
      </c>
      <c r="C49496" s="14" t="s">
        <v>47</v>
      </c>
      <c r="D49496" s="14" t="s">
        <v>197</v>
      </c>
      <c r="E49496" s="15">
        <v>45597</v>
      </c>
      <c r="F49496" s="14" t="s">
        <v>15</v>
      </c>
      <c r="G49496" s="16">
        <v>0</v>
      </c>
    </row>
    <row r="49497" spans="1:7" x14ac:dyDescent="0.3">
      <c r="A49497" s="13" t="s">
        <v>279</v>
      </c>
      <c r="B49497" s="14" t="s">
        <v>1</v>
      </c>
      <c r="C49497" s="14" t="s">
        <v>47</v>
      </c>
      <c r="D49497" s="14" t="s">
        <v>197</v>
      </c>
      <c r="E49497" s="15">
        <v>45598</v>
      </c>
      <c r="F49497" s="14" t="s">
        <v>15</v>
      </c>
      <c r="G49497" s="16">
        <v>0</v>
      </c>
    </row>
    <row r="49498" spans="1:7" x14ac:dyDescent="0.3">
      <c r="A49498" s="13" t="s">
        <v>279</v>
      </c>
      <c r="B49498" s="14" t="s">
        <v>1</v>
      </c>
      <c r="C49498" s="14" t="s">
        <v>47</v>
      </c>
      <c r="D49498" s="14" t="s">
        <v>197</v>
      </c>
      <c r="E49498" s="15">
        <v>45599</v>
      </c>
      <c r="F49498" s="14" t="s">
        <v>15</v>
      </c>
      <c r="G49498" s="16">
        <v>0</v>
      </c>
    </row>
    <row r="49499" spans="1:7" x14ac:dyDescent="0.3">
      <c r="A49499" s="13" t="s">
        <v>279</v>
      </c>
      <c r="B49499" s="14" t="s">
        <v>1</v>
      </c>
      <c r="C49499" s="14" t="s">
        <v>47</v>
      </c>
      <c r="D49499" s="14" t="s">
        <v>197</v>
      </c>
      <c r="E49499" s="15">
        <v>45600</v>
      </c>
      <c r="F49499" s="14" t="s">
        <v>15</v>
      </c>
      <c r="G49499" s="16">
        <v>0</v>
      </c>
    </row>
    <row r="49500" spans="1:7" x14ac:dyDescent="0.3">
      <c r="A49500" s="13" t="s">
        <v>279</v>
      </c>
      <c r="B49500" s="14" t="s">
        <v>1</v>
      </c>
      <c r="C49500" s="14" t="s">
        <v>47</v>
      </c>
      <c r="D49500" s="14" t="s">
        <v>197</v>
      </c>
      <c r="E49500" s="15">
        <v>45601</v>
      </c>
      <c r="F49500" s="14" t="s">
        <v>15</v>
      </c>
      <c r="G49500" s="16">
        <v>0</v>
      </c>
    </row>
    <row r="49501" spans="1:7" x14ac:dyDescent="0.3">
      <c r="A49501" s="13" t="s">
        <v>279</v>
      </c>
      <c r="B49501" s="14" t="s">
        <v>1</v>
      </c>
      <c r="C49501" s="14" t="s">
        <v>47</v>
      </c>
      <c r="D49501" s="14" t="s">
        <v>197</v>
      </c>
      <c r="E49501" s="15">
        <v>45602</v>
      </c>
      <c r="F49501" s="14" t="s">
        <v>15</v>
      </c>
      <c r="G49501" s="16">
        <v>0</v>
      </c>
    </row>
    <row r="49502" spans="1:7" x14ac:dyDescent="0.3">
      <c r="A49502" s="13" t="s">
        <v>279</v>
      </c>
      <c r="B49502" s="14" t="s">
        <v>1</v>
      </c>
      <c r="C49502" s="14" t="s">
        <v>47</v>
      </c>
      <c r="D49502" s="14" t="s">
        <v>197</v>
      </c>
      <c r="E49502" s="15">
        <v>45603</v>
      </c>
      <c r="F49502" s="14" t="s">
        <v>15</v>
      </c>
      <c r="G49502" s="16">
        <v>0</v>
      </c>
    </row>
    <row r="49503" spans="1:7" x14ac:dyDescent="0.3">
      <c r="A49503" s="13" t="s">
        <v>279</v>
      </c>
      <c r="B49503" s="14" t="s">
        <v>1</v>
      </c>
      <c r="C49503" s="14" t="s">
        <v>47</v>
      </c>
      <c r="D49503" s="14" t="s">
        <v>197</v>
      </c>
      <c r="E49503" s="15">
        <v>45604</v>
      </c>
      <c r="F49503" s="14" t="s">
        <v>15</v>
      </c>
      <c r="G49503" s="16">
        <v>0</v>
      </c>
    </row>
    <row r="49504" spans="1:7" x14ac:dyDescent="0.3">
      <c r="A49504" s="13" t="s">
        <v>279</v>
      </c>
      <c r="B49504" s="14" t="s">
        <v>1</v>
      </c>
      <c r="C49504" s="14" t="s">
        <v>47</v>
      </c>
      <c r="D49504" s="14" t="s">
        <v>197</v>
      </c>
      <c r="E49504" s="15">
        <v>45605</v>
      </c>
      <c r="F49504" s="14" t="s">
        <v>15</v>
      </c>
      <c r="G49504" s="16">
        <v>0</v>
      </c>
    </row>
    <row r="49505" spans="1:7" x14ac:dyDescent="0.3">
      <c r="A49505" s="13" t="s">
        <v>279</v>
      </c>
      <c r="B49505" s="14" t="s">
        <v>1</v>
      </c>
      <c r="C49505" s="14" t="s">
        <v>47</v>
      </c>
      <c r="D49505" s="14" t="s">
        <v>197</v>
      </c>
      <c r="E49505" s="15">
        <v>45606</v>
      </c>
      <c r="F49505" s="14" t="s">
        <v>15</v>
      </c>
      <c r="G49505" s="16">
        <v>0</v>
      </c>
    </row>
    <row r="49506" spans="1:7" x14ac:dyDescent="0.3">
      <c r="A49506" s="13" t="s">
        <v>279</v>
      </c>
      <c r="B49506" s="14" t="s">
        <v>1</v>
      </c>
      <c r="C49506" s="14" t="s">
        <v>47</v>
      </c>
      <c r="D49506" s="14" t="s">
        <v>197</v>
      </c>
      <c r="E49506" s="15">
        <v>45607</v>
      </c>
      <c r="F49506" s="14" t="s">
        <v>15</v>
      </c>
      <c r="G49506" s="16">
        <v>0</v>
      </c>
    </row>
    <row r="49507" spans="1:7" x14ac:dyDescent="0.3">
      <c r="A49507" s="13" t="s">
        <v>279</v>
      </c>
      <c r="B49507" s="14" t="s">
        <v>1</v>
      </c>
      <c r="C49507" s="14" t="s">
        <v>47</v>
      </c>
      <c r="D49507" s="14" t="s">
        <v>197</v>
      </c>
      <c r="E49507" s="15">
        <v>45608</v>
      </c>
      <c r="F49507" s="14" t="s">
        <v>15</v>
      </c>
      <c r="G49507" s="16">
        <v>0</v>
      </c>
    </row>
    <row r="49508" spans="1:7" x14ac:dyDescent="0.3">
      <c r="A49508" s="13" t="s">
        <v>279</v>
      </c>
      <c r="B49508" s="14" t="s">
        <v>1</v>
      </c>
      <c r="C49508" s="14" t="s">
        <v>47</v>
      </c>
      <c r="D49508" s="14" t="s">
        <v>197</v>
      </c>
      <c r="E49508" s="15">
        <v>45609</v>
      </c>
      <c r="F49508" s="14" t="s">
        <v>15</v>
      </c>
      <c r="G49508" s="16">
        <v>0</v>
      </c>
    </row>
    <row r="49509" spans="1:7" x14ac:dyDescent="0.3">
      <c r="A49509" s="13" t="s">
        <v>279</v>
      </c>
      <c r="B49509" s="14" t="s">
        <v>1</v>
      </c>
      <c r="C49509" s="14" t="s">
        <v>47</v>
      </c>
      <c r="D49509" s="14" t="s">
        <v>197</v>
      </c>
      <c r="E49509" s="15">
        <v>45610</v>
      </c>
      <c r="F49509" s="14" t="s">
        <v>15</v>
      </c>
      <c r="G49509" s="16">
        <v>0</v>
      </c>
    </row>
    <row r="49510" spans="1:7" x14ac:dyDescent="0.3">
      <c r="A49510" s="13" t="s">
        <v>279</v>
      </c>
      <c r="B49510" s="14" t="s">
        <v>1</v>
      </c>
      <c r="C49510" s="14" t="s">
        <v>47</v>
      </c>
      <c r="D49510" s="14" t="s">
        <v>197</v>
      </c>
      <c r="E49510" s="15">
        <v>45611</v>
      </c>
      <c r="F49510" s="14" t="s">
        <v>15</v>
      </c>
      <c r="G49510" s="16">
        <v>0</v>
      </c>
    </row>
    <row r="49511" spans="1:7" x14ac:dyDescent="0.3">
      <c r="A49511" s="13" t="s">
        <v>279</v>
      </c>
      <c r="B49511" s="14" t="s">
        <v>1</v>
      </c>
      <c r="C49511" s="14" t="s">
        <v>47</v>
      </c>
      <c r="D49511" s="14" t="s">
        <v>197</v>
      </c>
      <c r="E49511" s="15">
        <v>45612</v>
      </c>
      <c r="F49511" s="14" t="s">
        <v>15</v>
      </c>
      <c r="G49511" s="16">
        <v>0</v>
      </c>
    </row>
    <row r="49512" spans="1:7" x14ac:dyDescent="0.3">
      <c r="A49512" s="13" t="s">
        <v>279</v>
      </c>
      <c r="B49512" s="14" t="s">
        <v>1</v>
      </c>
      <c r="C49512" s="14" t="s">
        <v>47</v>
      </c>
      <c r="D49512" s="14" t="s">
        <v>197</v>
      </c>
      <c r="E49512" s="15">
        <v>45613</v>
      </c>
      <c r="F49512" s="14" t="s">
        <v>15</v>
      </c>
      <c r="G49512" s="16">
        <v>0</v>
      </c>
    </row>
    <row r="49513" spans="1:7" x14ac:dyDescent="0.3">
      <c r="A49513" s="13" t="s">
        <v>279</v>
      </c>
      <c r="B49513" s="14" t="s">
        <v>1</v>
      </c>
      <c r="C49513" s="14" t="s">
        <v>47</v>
      </c>
      <c r="D49513" s="14" t="s">
        <v>197</v>
      </c>
      <c r="E49513" s="15">
        <v>45614</v>
      </c>
      <c r="F49513" s="14" t="s">
        <v>15</v>
      </c>
      <c r="G49513" s="16">
        <v>0</v>
      </c>
    </row>
    <row r="49514" spans="1:7" x14ac:dyDescent="0.3">
      <c r="A49514" s="13" t="s">
        <v>279</v>
      </c>
      <c r="B49514" s="14" t="s">
        <v>1</v>
      </c>
      <c r="C49514" s="14" t="s">
        <v>47</v>
      </c>
      <c r="D49514" s="14" t="s">
        <v>197</v>
      </c>
      <c r="E49514" s="15">
        <v>45615</v>
      </c>
      <c r="F49514" s="14" t="s">
        <v>15</v>
      </c>
      <c r="G49514" s="16">
        <v>0</v>
      </c>
    </row>
    <row r="49515" spans="1:7" x14ac:dyDescent="0.3">
      <c r="A49515" s="13" t="s">
        <v>279</v>
      </c>
      <c r="B49515" s="14" t="s">
        <v>1</v>
      </c>
      <c r="C49515" s="14" t="s">
        <v>47</v>
      </c>
      <c r="D49515" s="14" t="s">
        <v>197</v>
      </c>
      <c r="E49515" s="15">
        <v>45616</v>
      </c>
      <c r="F49515" s="14" t="s">
        <v>15</v>
      </c>
      <c r="G49515" s="16">
        <v>0</v>
      </c>
    </row>
    <row r="49516" spans="1:7" x14ac:dyDescent="0.3">
      <c r="A49516" s="13" t="s">
        <v>279</v>
      </c>
      <c r="B49516" s="14" t="s">
        <v>1</v>
      </c>
      <c r="C49516" s="14" t="s">
        <v>47</v>
      </c>
      <c r="D49516" s="14" t="s">
        <v>197</v>
      </c>
      <c r="E49516" s="15">
        <v>45617</v>
      </c>
      <c r="F49516" s="14" t="s">
        <v>15</v>
      </c>
      <c r="G49516" s="16">
        <v>0</v>
      </c>
    </row>
    <row r="49517" spans="1:7" x14ac:dyDescent="0.3">
      <c r="A49517" s="13" t="s">
        <v>279</v>
      </c>
      <c r="B49517" s="14" t="s">
        <v>1</v>
      </c>
      <c r="C49517" s="14" t="s">
        <v>47</v>
      </c>
      <c r="D49517" s="14" t="s">
        <v>197</v>
      </c>
      <c r="E49517" s="15">
        <v>45618</v>
      </c>
      <c r="F49517" s="14" t="s">
        <v>15</v>
      </c>
      <c r="G49517" s="16">
        <v>0</v>
      </c>
    </row>
    <row r="49518" spans="1:7" x14ac:dyDescent="0.3">
      <c r="A49518" s="13" t="s">
        <v>279</v>
      </c>
      <c r="B49518" s="14" t="s">
        <v>1</v>
      </c>
      <c r="C49518" s="14" t="s">
        <v>47</v>
      </c>
      <c r="D49518" s="14" t="s">
        <v>197</v>
      </c>
      <c r="E49518" s="15">
        <v>45619</v>
      </c>
      <c r="F49518" s="14" t="s">
        <v>15</v>
      </c>
      <c r="G49518" s="16">
        <v>0</v>
      </c>
    </row>
    <row r="49519" spans="1:7" x14ac:dyDescent="0.3">
      <c r="A49519" s="13" t="s">
        <v>279</v>
      </c>
      <c r="B49519" s="14" t="s">
        <v>1</v>
      </c>
      <c r="C49519" s="14" t="s">
        <v>47</v>
      </c>
      <c r="D49519" s="14" t="s">
        <v>197</v>
      </c>
      <c r="E49519" s="15">
        <v>45620</v>
      </c>
      <c r="F49519" s="14" t="s">
        <v>15</v>
      </c>
      <c r="G49519" s="16">
        <v>0</v>
      </c>
    </row>
    <row r="49520" spans="1:7" x14ac:dyDescent="0.3">
      <c r="A49520" s="13" t="s">
        <v>279</v>
      </c>
      <c r="B49520" s="14" t="s">
        <v>1</v>
      </c>
      <c r="C49520" s="14" t="s">
        <v>47</v>
      </c>
      <c r="D49520" s="14" t="s">
        <v>197</v>
      </c>
      <c r="E49520" s="15">
        <v>45621</v>
      </c>
      <c r="F49520" s="14" t="s">
        <v>15</v>
      </c>
      <c r="G49520" s="16">
        <v>0</v>
      </c>
    </row>
    <row r="49521" spans="1:7" x14ac:dyDescent="0.3">
      <c r="A49521" s="13" t="s">
        <v>279</v>
      </c>
      <c r="B49521" s="14" t="s">
        <v>1</v>
      </c>
      <c r="C49521" s="14" t="s">
        <v>47</v>
      </c>
      <c r="D49521" s="14" t="s">
        <v>197</v>
      </c>
      <c r="E49521" s="15">
        <v>45622</v>
      </c>
      <c r="F49521" s="14" t="s">
        <v>15</v>
      </c>
      <c r="G49521" s="16">
        <v>0</v>
      </c>
    </row>
    <row r="49522" spans="1:7" x14ac:dyDescent="0.3">
      <c r="A49522" s="13" t="s">
        <v>279</v>
      </c>
      <c r="B49522" s="14" t="s">
        <v>1</v>
      </c>
      <c r="C49522" s="14" t="s">
        <v>47</v>
      </c>
      <c r="D49522" s="14" t="s">
        <v>197</v>
      </c>
      <c r="E49522" s="15">
        <v>45623</v>
      </c>
      <c r="F49522" s="14" t="s">
        <v>15</v>
      </c>
      <c r="G49522" s="16">
        <v>0</v>
      </c>
    </row>
    <row r="49523" spans="1:7" x14ac:dyDescent="0.3">
      <c r="A49523" s="13" t="s">
        <v>279</v>
      </c>
      <c r="B49523" s="14" t="s">
        <v>1</v>
      </c>
      <c r="C49523" s="14" t="s">
        <v>47</v>
      </c>
      <c r="D49523" s="14" t="s">
        <v>197</v>
      </c>
      <c r="E49523" s="15">
        <v>45624</v>
      </c>
      <c r="F49523" s="14" t="s">
        <v>15</v>
      </c>
      <c r="G49523" s="16">
        <v>0</v>
      </c>
    </row>
    <row r="49524" spans="1:7" x14ac:dyDescent="0.3">
      <c r="A49524" s="13" t="s">
        <v>279</v>
      </c>
      <c r="B49524" s="14" t="s">
        <v>1</v>
      </c>
      <c r="C49524" s="14" t="s">
        <v>47</v>
      </c>
      <c r="D49524" s="14" t="s">
        <v>197</v>
      </c>
      <c r="E49524" s="15">
        <v>45625</v>
      </c>
      <c r="F49524" s="14" t="s">
        <v>15</v>
      </c>
      <c r="G49524" s="16">
        <v>0</v>
      </c>
    </row>
    <row r="49525" spans="1:7" x14ac:dyDescent="0.3">
      <c r="A49525" s="13" t="s">
        <v>279</v>
      </c>
      <c r="B49525" s="14" t="s">
        <v>1</v>
      </c>
      <c r="C49525" s="14" t="s">
        <v>47</v>
      </c>
      <c r="D49525" s="14" t="s">
        <v>197</v>
      </c>
      <c r="E49525" s="15">
        <v>45626</v>
      </c>
      <c r="F49525" s="14" t="s">
        <v>15</v>
      </c>
      <c r="G49525" s="16">
        <v>0</v>
      </c>
    </row>
    <row r="49526" spans="1:7" x14ac:dyDescent="0.3">
      <c r="A49526" s="13" t="s">
        <v>279</v>
      </c>
      <c r="B49526" s="14" t="s">
        <v>1</v>
      </c>
      <c r="C49526" s="14" t="s">
        <v>47</v>
      </c>
      <c r="D49526" s="14" t="s">
        <v>197</v>
      </c>
      <c r="E49526" s="15">
        <v>45627</v>
      </c>
      <c r="F49526" s="14" t="s">
        <v>15</v>
      </c>
      <c r="G49526" s="16">
        <v>0</v>
      </c>
    </row>
    <row r="49527" spans="1:7" x14ac:dyDescent="0.3">
      <c r="A49527" s="13" t="s">
        <v>279</v>
      </c>
      <c r="B49527" s="14" t="s">
        <v>1</v>
      </c>
      <c r="C49527" s="14" t="s">
        <v>47</v>
      </c>
      <c r="D49527" s="14" t="s">
        <v>197</v>
      </c>
      <c r="E49527" s="15">
        <v>45628</v>
      </c>
      <c r="F49527" s="14" t="s">
        <v>15</v>
      </c>
      <c r="G49527" s="16">
        <v>0</v>
      </c>
    </row>
    <row r="49528" spans="1:7" x14ac:dyDescent="0.3">
      <c r="A49528" s="13" t="s">
        <v>279</v>
      </c>
      <c r="B49528" s="14" t="s">
        <v>1</v>
      </c>
      <c r="C49528" s="14" t="s">
        <v>47</v>
      </c>
      <c r="D49528" s="14" t="s">
        <v>197</v>
      </c>
      <c r="E49528" s="15">
        <v>45629</v>
      </c>
      <c r="F49528" s="14" t="s">
        <v>15</v>
      </c>
      <c r="G49528" s="16">
        <v>0</v>
      </c>
    </row>
    <row r="49529" spans="1:7" x14ac:dyDescent="0.3">
      <c r="A49529" s="13" t="s">
        <v>279</v>
      </c>
      <c r="B49529" s="14" t="s">
        <v>1</v>
      </c>
      <c r="C49529" s="14" t="s">
        <v>47</v>
      </c>
      <c r="D49529" s="14" t="s">
        <v>197</v>
      </c>
      <c r="E49529" s="15">
        <v>45630</v>
      </c>
      <c r="F49529" s="14" t="s">
        <v>15</v>
      </c>
      <c r="G49529" s="16">
        <v>0</v>
      </c>
    </row>
    <row r="49530" spans="1:7" x14ac:dyDescent="0.3">
      <c r="A49530" s="13" t="s">
        <v>279</v>
      </c>
      <c r="B49530" s="14" t="s">
        <v>1</v>
      </c>
      <c r="C49530" s="14" t="s">
        <v>47</v>
      </c>
      <c r="D49530" s="14" t="s">
        <v>197</v>
      </c>
      <c r="E49530" s="15">
        <v>45631</v>
      </c>
      <c r="F49530" s="14" t="s">
        <v>15</v>
      </c>
      <c r="G49530" s="16">
        <v>0</v>
      </c>
    </row>
    <row r="49531" spans="1:7" x14ac:dyDescent="0.3">
      <c r="A49531" s="13" t="s">
        <v>279</v>
      </c>
      <c r="B49531" s="14" t="s">
        <v>1</v>
      </c>
      <c r="C49531" s="14" t="s">
        <v>47</v>
      </c>
      <c r="D49531" s="14" t="s">
        <v>197</v>
      </c>
      <c r="E49531" s="15">
        <v>45632</v>
      </c>
      <c r="F49531" s="14" t="s">
        <v>15</v>
      </c>
      <c r="G49531" s="16">
        <v>0</v>
      </c>
    </row>
    <row r="49532" spans="1:7" x14ac:dyDescent="0.3">
      <c r="A49532" s="13" t="s">
        <v>279</v>
      </c>
      <c r="B49532" s="14" t="s">
        <v>1</v>
      </c>
      <c r="C49532" s="14" t="s">
        <v>47</v>
      </c>
      <c r="D49532" s="14" t="s">
        <v>197</v>
      </c>
      <c r="E49532" s="15">
        <v>45633</v>
      </c>
      <c r="F49532" s="14" t="s">
        <v>15</v>
      </c>
      <c r="G49532" s="16">
        <v>0</v>
      </c>
    </row>
    <row r="49533" spans="1:7" x14ac:dyDescent="0.3">
      <c r="A49533" s="13" t="s">
        <v>279</v>
      </c>
      <c r="B49533" s="14" t="s">
        <v>1</v>
      </c>
      <c r="C49533" s="14" t="s">
        <v>47</v>
      </c>
      <c r="D49533" s="14" t="s">
        <v>197</v>
      </c>
      <c r="E49533" s="15">
        <v>45634</v>
      </c>
      <c r="F49533" s="14" t="s">
        <v>15</v>
      </c>
      <c r="G49533" s="16">
        <v>0</v>
      </c>
    </row>
    <row r="49534" spans="1:7" x14ac:dyDescent="0.3">
      <c r="A49534" s="13" t="s">
        <v>279</v>
      </c>
      <c r="B49534" s="14" t="s">
        <v>1</v>
      </c>
      <c r="C49534" s="14" t="s">
        <v>47</v>
      </c>
      <c r="D49534" s="14" t="s">
        <v>197</v>
      </c>
      <c r="E49534" s="15">
        <v>45635</v>
      </c>
      <c r="F49534" s="14" t="s">
        <v>15</v>
      </c>
      <c r="G49534" s="16">
        <v>0</v>
      </c>
    </row>
    <row r="49535" spans="1:7" x14ac:dyDescent="0.3">
      <c r="A49535" s="13" t="s">
        <v>279</v>
      </c>
      <c r="B49535" s="14" t="s">
        <v>1</v>
      </c>
      <c r="C49535" s="14" t="s">
        <v>47</v>
      </c>
      <c r="D49535" s="14" t="s">
        <v>197</v>
      </c>
      <c r="E49535" s="15">
        <v>45636</v>
      </c>
      <c r="F49535" s="14" t="s">
        <v>15</v>
      </c>
      <c r="G49535" s="16">
        <v>0</v>
      </c>
    </row>
    <row r="49536" spans="1:7" x14ac:dyDescent="0.3">
      <c r="A49536" s="13" t="s">
        <v>279</v>
      </c>
      <c r="B49536" s="14" t="s">
        <v>1</v>
      </c>
      <c r="C49536" s="14" t="s">
        <v>47</v>
      </c>
      <c r="D49536" s="14" t="s">
        <v>197</v>
      </c>
      <c r="E49536" s="15">
        <v>45637</v>
      </c>
      <c r="F49536" s="14" t="s">
        <v>15</v>
      </c>
      <c r="G49536" s="16">
        <v>0</v>
      </c>
    </row>
    <row r="49537" spans="1:7" x14ac:dyDescent="0.3">
      <c r="A49537" s="13" t="s">
        <v>279</v>
      </c>
      <c r="B49537" s="14" t="s">
        <v>1</v>
      </c>
      <c r="C49537" s="14" t="s">
        <v>47</v>
      </c>
      <c r="D49537" s="14" t="s">
        <v>197</v>
      </c>
      <c r="E49537" s="15">
        <v>45638</v>
      </c>
      <c r="F49537" s="14" t="s">
        <v>15</v>
      </c>
      <c r="G49537" s="16">
        <v>0</v>
      </c>
    </row>
    <row r="49538" spans="1:7" x14ac:dyDescent="0.3">
      <c r="A49538" s="13" t="s">
        <v>279</v>
      </c>
      <c r="B49538" s="14" t="s">
        <v>1</v>
      </c>
      <c r="C49538" s="14" t="s">
        <v>47</v>
      </c>
      <c r="D49538" s="14" t="s">
        <v>197</v>
      </c>
      <c r="E49538" s="15">
        <v>45639</v>
      </c>
      <c r="F49538" s="14" t="s">
        <v>15</v>
      </c>
      <c r="G49538" s="16">
        <v>0</v>
      </c>
    </row>
    <row r="49539" spans="1:7" x14ac:dyDescent="0.3">
      <c r="A49539" s="13" t="s">
        <v>279</v>
      </c>
      <c r="B49539" s="14" t="s">
        <v>1</v>
      </c>
      <c r="C49539" s="14" t="s">
        <v>47</v>
      </c>
      <c r="D49539" s="14" t="s">
        <v>197</v>
      </c>
      <c r="E49539" s="15">
        <v>45640</v>
      </c>
      <c r="F49539" s="14" t="s">
        <v>15</v>
      </c>
      <c r="G49539" s="16">
        <v>0</v>
      </c>
    </row>
    <row r="49540" spans="1:7" x14ac:dyDescent="0.3">
      <c r="A49540" s="13" t="s">
        <v>279</v>
      </c>
      <c r="B49540" s="14" t="s">
        <v>1</v>
      </c>
      <c r="C49540" s="14" t="s">
        <v>47</v>
      </c>
      <c r="D49540" s="14" t="s">
        <v>197</v>
      </c>
      <c r="E49540" s="15">
        <v>45641</v>
      </c>
      <c r="F49540" s="14" t="s">
        <v>15</v>
      </c>
      <c r="G49540" s="16">
        <v>0</v>
      </c>
    </row>
    <row r="49541" spans="1:7" x14ac:dyDescent="0.3">
      <c r="A49541" s="13" t="s">
        <v>279</v>
      </c>
      <c r="B49541" s="14" t="s">
        <v>1</v>
      </c>
      <c r="C49541" s="14" t="s">
        <v>47</v>
      </c>
      <c r="D49541" s="14" t="s">
        <v>197</v>
      </c>
      <c r="E49541" s="15">
        <v>45642</v>
      </c>
      <c r="F49541" s="14" t="s">
        <v>15</v>
      </c>
      <c r="G49541" s="16">
        <v>0</v>
      </c>
    </row>
    <row r="49542" spans="1:7" x14ac:dyDescent="0.3">
      <c r="A49542" s="13" t="s">
        <v>279</v>
      </c>
      <c r="B49542" s="14" t="s">
        <v>1</v>
      </c>
      <c r="C49542" s="14" t="s">
        <v>47</v>
      </c>
      <c r="D49542" s="14" t="s">
        <v>197</v>
      </c>
      <c r="E49542" s="15">
        <v>45643</v>
      </c>
      <c r="F49542" s="14" t="s">
        <v>15</v>
      </c>
      <c r="G49542" s="16">
        <v>0</v>
      </c>
    </row>
    <row r="49543" spans="1:7" x14ac:dyDescent="0.3">
      <c r="A49543" s="13" t="s">
        <v>279</v>
      </c>
      <c r="B49543" s="14" t="s">
        <v>1</v>
      </c>
      <c r="C49543" s="14" t="s">
        <v>47</v>
      </c>
      <c r="D49543" s="14" t="s">
        <v>197</v>
      </c>
      <c r="E49543" s="15">
        <v>45644</v>
      </c>
      <c r="F49543" s="14" t="s">
        <v>15</v>
      </c>
      <c r="G49543" s="16">
        <v>0</v>
      </c>
    </row>
    <row r="49544" spans="1:7" x14ac:dyDescent="0.3">
      <c r="A49544" s="13" t="s">
        <v>279</v>
      </c>
      <c r="B49544" s="14" t="s">
        <v>1</v>
      </c>
      <c r="C49544" s="14" t="s">
        <v>47</v>
      </c>
      <c r="D49544" s="14" t="s">
        <v>197</v>
      </c>
      <c r="E49544" s="15">
        <v>45645</v>
      </c>
      <c r="F49544" s="14" t="s">
        <v>15</v>
      </c>
      <c r="G49544" s="16">
        <v>0</v>
      </c>
    </row>
    <row r="49545" spans="1:7" x14ac:dyDescent="0.3">
      <c r="A49545" s="13" t="s">
        <v>279</v>
      </c>
      <c r="B49545" s="14" t="s">
        <v>1</v>
      </c>
      <c r="C49545" s="14" t="s">
        <v>47</v>
      </c>
      <c r="D49545" s="14" t="s">
        <v>197</v>
      </c>
      <c r="E49545" s="15">
        <v>45646</v>
      </c>
      <c r="F49545" s="14" t="s">
        <v>15</v>
      </c>
      <c r="G49545" s="16">
        <v>0</v>
      </c>
    </row>
    <row r="49546" spans="1:7" x14ac:dyDescent="0.3">
      <c r="A49546" s="13" t="s">
        <v>279</v>
      </c>
      <c r="B49546" s="14" t="s">
        <v>1</v>
      </c>
      <c r="C49546" s="14" t="s">
        <v>47</v>
      </c>
      <c r="D49546" s="14" t="s">
        <v>197</v>
      </c>
      <c r="E49546" s="15">
        <v>45647</v>
      </c>
      <c r="F49546" s="14" t="s">
        <v>15</v>
      </c>
      <c r="G49546" s="16">
        <v>0</v>
      </c>
    </row>
    <row r="49547" spans="1:7" x14ac:dyDescent="0.3">
      <c r="A49547" s="13" t="s">
        <v>279</v>
      </c>
      <c r="B49547" s="14" t="s">
        <v>1</v>
      </c>
      <c r="C49547" s="14" t="s">
        <v>47</v>
      </c>
      <c r="D49547" s="14" t="s">
        <v>197</v>
      </c>
      <c r="E49547" s="15">
        <v>45648</v>
      </c>
      <c r="F49547" s="14" t="s">
        <v>15</v>
      </c>
      <c r="G49547" s="16">
        <v>0</v>
      </c>
    </row>
    <row r="49548" spans="1:7" x14ac:dyDescent="0.3">
      <c r="A49548" s="13" t="s">
        <v>279</v>
      </c>
      <c r="B49548" s="14" t="s">
        <v>1</v>
      </c>
      <c r="C49548" s="14" t="s">
        <v>47</v>
      </c>
      <c r="D49548" s="14" t="s">
        <v>197</v>
      </c>
      <c r="E49548" s="15">
        <v>45649</v>
      </c>
      <c r="F49548" s="14" t="s">
        <v>15</v>
      </c>
      <c r="G49548" s="16">
        <v>0</v>
      </c>
    </row>
    <row r="49549" spans="1:7" x14ac:dyDescent="0.3">
      <c r="A49549" s="13" t="s">
        <v>279</v>
      </c>
      <c r="B49549" s="14" t="s">
        <v>1</v>
      </c>
      <c r="C49549" s="14" t="s">
        <v>47</v>
      </c>
      <c r="D49549" s="14" t="s">
        <v>197</v>
      </c>
      <c r="E49549" s="15">
        <v>45650</v>
      </c>
      <c r="F49549" s="14" t="s">
        <v>15</v>
      </c>
      <c r="G49549" s="16">
        <v>0</v>
      </c>
    </row>
    <row r="49550" spans="1:7" x14ac:dyDescent="0.3">
      <c r="A49550" s="13" t="s">
        <v>279</v>
      </c>
      <c r="B49550" s="14" t="s">
        <v>1</v>
      </c>
      <c r="C49550" s="14" t="s">
        <v>47</v>
      </c>
      <c r="D49550" s="14" t="s">
        <v>197</v>
      </c>
      <c r="E49550" s="15">
        <v>45651</v>
      </c>
      <c r="F49550" s="14" t="s">
        <v>15</v>
      </c>
      <c r="G49550" s="16">
        <v>0</v>
      </c>
    </row>
    <row r="49551" spans="1:7" x14ac:dyDescent="0.3">
      <c r="A49551" s="13" t="s">
        <v>279</v>
      </c>
      <c r="B49551" s="14" t="s">
        <v>1</v>
      </c>
      <c r="C49551" s="14" t="s">
        <v>47</v>
      </c>
      <c r="D49551" s="14" t="s">
        <v>197</v>
      </c>
      <c r="E49551" s="15">
        <v>45652</v>
      </c>
      <c r="F49551" s="14" t="s">
        <v>15</v>
      </c>
      <c r="G49551" s="16">
        <v>0</v>
      </c>
    </row>
    <row r="49552" spans="1:7" x14ac:dyDescent="0.3">
      <c r="A49552" s="13" t="s">
        <v>279</v>
      </c>
      <c r="B49552" s="14" t="s">
        <v>1</v>
      </c>
      <c r="C49552" s="14" t="s">
        <v>47</v>
      </c>
      <c r="D49552" s="14" t="s">
        <v>197</v>
      </c>
      <c r="E49552" s="15">
        <v>45653</v>
      </c>
      <c r="F49552" s="14" t="s">
        <v>15</v>
      </c>
      <c r="G49552" s="16">
        <v>0</v>
      </c>
    </row>
    <row r="49553" spans="1:7" x14ac:dyDescent="0.3">
      <c r="A49553" s="13" t="s">
        <v>279</v>
      </c>
      <c r="B49553" s="14" t="s">
        <v>1</v>
      </c>
      <c r="C49553" s="14" t="s">
        <v>47</v>
      </c>
      <c r="D49553" s="14" t="s">
        <v>197</v>
      </c>
      <c r="E49553" s="15">
        <v>45654</v>
      </c>
      <c r="F49553" s="14" t="s">
        <v>15</v>
      </c>
      <c r="G49553" s="16">
        <v>0</v>
      </c>
    </row>
    <row r="49554" spans="1:7" x14ac:dyDescent="0.3">
      <c r="A49554" s="13" t="s">
        <v>279</v>
      </c>
      <c r="B49554" s="14" t="s">
        <v>1</v>
      </c>
      <c r="C49554" s="14" t="s">
        <v>47</v>
      </c>
      <c r="D49554" s="14" t="s">
        <v>197</v>
      </c>
      <c r="E49554" s="15">
        <v>45655</v>
      </c>
      <c r="F49554" s="14" t="s">
        <v>15</v>
      </c>
      <c r="G49554" s="16">
        <v>0</v>
      </c>
    </row>
    <row r="49555" spans="1:7" x14ac:dyDescent="0.3">
      <c r="A49555" s="13" t="s">
        <v>279</v>
      </c>
      <c r="B49555" s="14" t="s">
        <v>1</v>
      </c>
      <c r="C49555" s="14" t="s">
        <v>47</v>
      </c>
      <c r="D49555" s="14" t="s">
        <v>197</v>
      </c>
      <c r="E49555" s="15">
        <v>45656</v>
      </c>
      <c r="F49555" s="14" t="s">
        <v>15</v>
      </c>
      <c r="G49555" s="16">
        <v>0</v>
      </c>
    </row>
    <row r="49556" spans="1:7" x14ac:dyDescent="0.3">
      <c r="A49556" s="13" t="s">
        <v>279</v>
      </c>
      <c r="B49556" s="14" t="s">
        <v>1</v>
      </c>
      <c r="C49556" s="14" t="s">
        <v>47</v>
      </c>
      <c r="D49556" s="14" t="s">
        <v>197</v>
      </c>
      <c r="E49556" s="15">
        <v>45657</v>
      </c>
      <c r="F49556" s="14" t="s">
        <v>15</v>
      </c>
      <c r="G49556" s="16">
        <v>0</v>
      </c>
    </row>
    <row r="49557" spans="1:7" x14ac:dyDescent="0.3">
      <c r="A49557" s="13" t="s">
        <v>279</v>
      </c>
      <c r="B49557" s="14" t="s">
        <v>1</v>
      </c>
      <c r="C49557" s="14" t="s">
        <v>47</v>
      </c>
      <c r="D49557" s="14" t="s">
        <v>197</v>
      </c>
      <c r="E49557" s="15">
        <v>45658</v>
      </c>
      <c r="F49557" s="14" t="s">
        <v>15</v>
      </c>
      <c r="G49557" s="16">
        <v>0</v>
      </c>
    </row>
    <row r="49558" spans="1:7" x14ac:dyDescent="0.3">
      <c r="A49558" s="13" t="s">
        <v>279</v>
      </c>
      <c r="B49558" s="14" t="s">
        <v>1</v>
      </c>
      <c r="C49558" s="14" t="s">
        <v>47</v>
      </c>
      <c r="D49558" s="14" t="s">
        <v>197</v>
      </c>
      <c r="E49558" s="15">
        <v>45659</v>
      </c>
      <c r="F49558" s="14" t="s">
        <v>15</v>
      </c>
      <c r="G49558" s="16">
        <v>0</v>
      </c>
    </row>
    <row r="49559" spans="1:7" x14ac:dyDescent="0.3">
      <c r="A49559" s="13" t="s">
        <v>279</v>
      </c>
      <c r="B49559" s="14" t="s">
        <v>1</v>
      </c>
      <c r="C49559" s="14" t="s">
        <v>47</v>
      </c>
      <c r="D49559" s="14" t="s">
        <v>197</v>
      </c>
      <c r="E49559" s="15">
        <v>45660</v>
      </c>
      <c r="F49559" s="14" t="s">
        <v>15</v>
      </c>
      <c r="G49559" s="16">
        <v>0</v>
      </c>
    </row>
    <row r="49560" spans="1:7" x14ac:dyDescent="0.3">
      <c r="A49560" s="13" t="s">
        <v>279</v>
      </c>
      <c r="B49560" s="14" t="s">
        <v>1</v>
      </c>
      <c r="C49560" s="14" t="s">
        <v>47</v>
      </c>
      <c r="D49560" s="14" t="s">
        <v>197</v>
      </c>
      <c r="E49560" s="15">
        <v>45661</v>
      </c>
      <c r="F49560" s="14" t="s">
        <v>15</v>
      </c>
      <c r="G49560" s="16">
        <v>0</v>
      </c>
    </row>
    <row r="49561" spans="1:7" x14ac:dyDescent="0.3">
      <c r="A49561" s="13" t="s">
        <v>279</v>
      </c>
      <c r="B49561" s="14" t="s">
        <v>1</v>
      </c>
      <c r="C49561" s="14" t="s">
        <v>47</v>
      </c>
      <c r="D49561" s="14" t="s">
        <v>197</v>
      </c>
      <c r="E49561" s="15">
        <v>45662</v>
      </c>
      <c r="F49561" s="14" t="s">
        <v>15</v>
      </c>
      <c r="G49561" s="16">
        <v>0</v>
      </c>
    </row>
    <row r="49562" spans="1:7" x14ac:dyDescent="0.3">
      <c r="A49562" s="13" t="s">
        <v>279</v>
      </c>
      <c r="B49562" s="14" t="s">
        <v>1</v>
      </c>
      <c r="C49562" s="14" t="s">
        <v>47</v>
      </c>
      <c r="D49562" s="14" t="s">
        <v>197</v>
      </c>
      <c r="E49562" s="15">
        <v>45663</v>
      </c>
      <c r="F49562" s="14" t="s">
        <v>15</v>
      </c>
      <c r="G49562" s="16">
        <v>0</v>
      </c>
    </row>
    <row r="49563" spans="1:7" x14ac:dyDescent="0.3">
      <c r="A49563" s="13" t="s">
        <v>279</v>
      </c>
      <c r="B49563" s="14" t="s">
        <v>1</v>
      </c>
      <c r="C49563" s="14" t="s">
        <v>47</v>
      </c>
      <c r="D49563" s="14" t="s">
        <v>197</v>
      </c>
      <c r="E49563" s="15">
        <v>45664</v>
      </c>
      <c r="F49563" s="14" t="s">
        <v>15</v>
      </c>
      <c r="G49563" s="16">
        <v>0</v>
      </c>
    </row>
    <row r="49564" spans="1:7" x14ac:dyDescent="0.3">
      <c r="A49564" s="13" t="s">
        <v>279</v>
      </c>
      <c r="B49564" s="14" t="s">
        <v>1</v>
      </c>
      <c r="C49564" s="14" t="s">
        <v>47</v>
      </c>
      <c r="D49564" s="14" t="s">
        <v>197</v>
      </c>
      <c r="E49564" s="15">
        <v>45665</v>
      </c>
      <c r="F49564" s="14" t="s">
        <v>15</v>
      </c>
      <c r="G49564" s="16">
        <v>0</v>
      </c>
    </row>
    <row r="49565" spans="1:7" x14ac:dyDescent="0.3">
      <c r="A49565" s="13" t="s">
        <v>279</v>
      </c>
      <c r="B49565" s="14" t="s">
        <v>1</v>
      </c>
      <c r="C49565" s="14" t="s">
        <v>47</v>
      </c>
      <c r="D49565" s="14" t="s">
        <v>197</v>
      </c>
      <c r="E49565" s="15">
        <v>45666</v>
      </c>
      <c r="F49565" s="14" t="s">
        <v>15</v>
      </c>
      <c r="G49565" s="16">
        <v>0</v>
      </c>
    </row>
    <row r="49566" spans="1:7" x14ac:dyDescent="0.3">
      <c r="A49566" s="13" t="s">
        <v>279</v>
      </c>
      <c r="B49566" s="14" t="s">
        <v>1</v>
      </c>
      <c r="C49566" s="14" t="s">
        <v>47</v>
      </c>
      <c r="D49566" s="14" t="s">
        <v>197</v>
      </c>
      <c r="E49566" s="15">
        <v>45667</v>
      </c>
      <c r="F49566" s="14" t="s">
        <v>15</v>
      </c>
      <c r="G49566" s="16">
        <v>0</v>
      </c>
    </row>
    <row r="49567" spans="1:7" x14ac:dyDescent="0.3">
      <c r="A49567" s="13" t="s">
        <v>279</v>
      </c>
      <c r="B49567" s="14" t="s">
        <v>1</v>
      </c>
      <c r="C49567" s="14" t="s">
        <v>47</v>
      </c>
      <c r="D49567" s="14" t="s">
        <v>197</v>
      </c>
      <c r="E49567" s="15">
        <v>45668</v>
      </c>
      <c r="F49567" s="14" t="s">
        <v>15</v>
      </c>
      <c r="G49567" s="16">
        <v>0</v>
      </c>
    </row>
    <row r="49568" spans="1:7" x14ac:dyDescent="0.3">
      <c r="A49568" s="13" t="s">
        <v>279</v>
      </c>
      <c r="B49568" s="14" t="s">
        <v>1</v>
      </c>
      <c r="C49568" s="14" t="s">
        <v>47</v>
      </c>
      <c r="D49568" s="14" t="s">
        <v>197</v>
      </c>
      <c r="E49568" s="15">
        <v>45669</v>
      </c>
      <c r="F49568" s="14" t="s">
        <v>15</v>
      </c>
      <c r="G49568" s="16">
        <v>0</v>
      </c>
    </row>
    <row r="49569" spans="1:7" x14ac:dyDescent="0.3">
      <c r="A49569" s="13" t="s">
        <v>279</v>
      </c>
      <c r="B49569" s="14" t="s">
        <v>1</v>
      </c>
      <c r="C49569" s="14" t="s">
        <v>47</v>
      </c>
      <c r="D49569" s="14" t="s">
        <v>197</v>
      </c>
      <c r="E49569" s="15">
        <v>45670</v>
      </c>
      <c r="F49569" s="14" t="s">
        <v>15</v>
      </c>
      <c r="G49569" s="16">
        <v>0</v>
      </c>
    </row>
    <row r="49570" spans="1:7" x14ac:dyDescent="0.3">
      <c r="A49570" s="13" t="s">
        <v>279</v>
      </c>
      <c r="B49570" s="14" t="s">
        <v>1</v>
      </c>
      <c r="C49570" s="14" t="s">
        <v>47</v>
      </c>
      <c r="D49570" s="14" t="s">
        <v>197</v>
      </c>
      <c r="E49570" s="15">
        <v>45671</v>
      </c>
      <c r="F49570" s="14" t="s">
        <v>15</v>
      </c>
      <c r="G49570" s="16">
        <v>0</v>
      </c>
    </row>
    <row r="49571" spans="1:7" x14ac:dyDescent="0.3">
      <c r="A49571" s="13" t="s">
        <v>279</v>
      </c>
      <c r="B49571" s="14" t="s">
        <v>1</v>
      </c>
      <c r="C49571" s="14" t="s">
        <v>47</v>
      </c>
      <c r="D49571" s="14" t="s">
        <v>197</v>
      </c>
      <c r="E49571" s="15">
        <v>45672</v>
      </c>
      <c r="F49571" s="14" t="s">
        <v>15</v>
      </c>
      <c r="G49571" s="16">
        <v>0</v>
      </c>
    </row>
    <row r="49572" spans="1:7" x14ac:dyDescent="0.3">
      <c r="A49572" s="13" t="s">
        <v>279</v>
      </c>
      <c r="B49572" s="14" t="s">
        <v>1</v>
      </c>
      <c r="C49572" s="14" t="s">
        <v>47</v>
      </c>
      <c r="D49572" s="14" t="s">
        <v>197</v>
      </c>
      <c r="E49572" s="15">
        <v>45673</v>
      </c>
      <c r="F49572" s="14" t="s">
        <v>15</v>
      </c>
      <c r="G49572" s="16">
        <v>0</v>
      </c>
    </row>
    <row r="49573" spans="1:7" x14ac:dyDescent="0.3">
      <c r="A49573" s="13" t="s">
        <v>279</v>
      </c>
      <c r="B49573" s="14" t="s">
        <v>1</v>
      </c>
      <c r="C49573" s="14" t="s">
        <v>47</v>
      </c>
      <c r="D49573" s="14" t="s">
        <v>197</v>
      </c>
      <c r="E49573" s="15">
        <v>45674</v>
      </c>
      <c r="F49573" s="14" t="s">
        <v>15</v>
      </c>
      <c r="G49573" s="16">
        <v>0</v>
      </c>
    </row>
    <row r="49574" spans="1:7" x14ac:dyDescent="0.3">
      <c r="A49574" s="13" t="s">
        <v>279</v>
      </c>
      <c r="B49574" s="14" t="s">
        <v>1</v>
      </c>
      <c r="C49574" s="14" t="s">
        <v>47</v>
      </c>
      <c r="D49574" s="14" t="s">
        <v>197</v>
      </c>
      <c r="E49574" s="15">
        <v>45675</v>
      </c>
      <c r="F49574" s="14" t="s">
        <v>15</v>
      </c>
      <c r="G49574" s="16">
        <v>0</v>
      </c>
    </row>
    <row r="49575" spans="1:7" x14ac:dyDescent="0.3">
      <c r="A49575" s="13" t="s">
        <v>279</v>
      </c>
      <c r="B49575" s="14" t="s">
        <v>1</v>
      </c>
      <c r="C49575" s="14" t="s">
        <v>47</v>
      </c>
      <c r="D49575" s="14" t="s">
        <v>197</v>
      </c>
      <c r="E49575" s="15">
        <v>45676</v>
      </c>
      <c r="F49575" s="14" t="s">
        <v>15</v>
      </c>
      <c r="G49575" s="16">
        <v>0</v>
      </c>
    </row>
    <row r="49576" spans="1:7" x14ac:dyDescent="0.3">
      <c r="A49576" s="13" t="s">
        <v>279</v>
      </c>
      <c r="B49576" s="14" t="s">
        <v>1</v>
      </c>
      <c r="C49576" s="14" t="s">
        <v>47</v>
      </c>
      <c r="D49576" s="14" t="s">
        <v>197</v>
      </c>
      <c r="E49576" s="15">
        <v>45677</v>
      </c>
      <c r="F49576" s="14" t="s">
        <v>15</v>
      </c>
      <c r="G49576" s="16">
        <v>0</v>
      </c>
    </row>
    <row r="49577" spans="1:7" x14ac:dyDescent="0.3">
      <c r="A49577" s="13" t="s">
        <v>279</v>
      </c>
      <c r="B49577" s="14" t="s">
        <v>1</v>
      </c>
      <c r="C49577" s="14" t="s">
        <v>47</v>
      </c>
      <c r="D49577" s="14" t="s">
        <v>197</v>
      </c>
      <c r="E49577" s="15">
        <v>45678</v>
      </c>
      <c r="F49577" s="14" t="s">
        <v>15</v>
      </c>
      <c r="G49577" s="16">
        <v>0</v>
      </c>
    </row>
    <row r="49578" spans="1:7" x14ac:dyDescent="0.3">
      <c r="A49578" s="13" t="s">
        <v>279</v>
      </c>
      <c r="B49578" s="14" t="s">
        <v>1</v>
      </c>
      <c r="C49578" s="14" t="s">
        <v>47</v>
      </c>
      <c r="D49578" s="14" t="s">
        <v>197</v>
      </c>
      <c r="E49578" s="15">
        <v>45679</v>
      </c>
      <c r="F49578" s="14" t="s">
        <v>15</v>
      </c>
      <c r="G49578" s="16">
        <v>0</v>
      </c>
    </row>
    <row r="49579" spans="1:7" x14ac:dyDescent="0.3">
      <c r="A49579" s="13" t="s">
        <v>279</v>
      </c>
      <c r="B49579" s="14" t="s">
        <v>1</v>
      </c>
      <c r="C49579" s="14" t="s">
        <v>47</v>
      </c>
      <c r="D49579" s="14" t="s">
        <v>197</v>
      </c>
      <c r="E49579" s="15">
        <v>45680</v>
      </c>
      <c r="F49579" s="14" t="s">
        <v>15</v>
      </c>
      <c r="G49579" s="16">
        <v>0</v>
      </c>
    </row>
    <row r="49580" spans="1:7" x14ac:dyDescent="0.3">
      <c r="A49580" s="13" t="s">
        <v>279</v>
      </c>
      <c r="B49580" s="14" t="s">
        <v>1</v>
      </c>
      <c r="C49580" s="14" t="s">
        <v>47</v>
      </c>
      <c r="D49580" s="14" t="s">
        <v>197</v>
      </c>
      <c r="E49580" s="15">
        <v>45681</v>
      </c>
      <c r="F49580" s="14" t="s">
        <v>15</v>
      </c>
      <c r="G49580" s="16">
        <v>0</v>
      </c>
    </row>
    <row r="49581" spans="1:7" x14ac:dyDescent="0.3">
      <c r="A49581" s="13" t="s">
        <v>279</v>
      </c>
      <c r="B49581" s="14" t="s">
        <v>1</v>
      </c>
      <c r="C49581" s="14" t="s">
        <v>47</v>
      </c>
      <c r="D49581" s="14" t="s">
        <v>197</v>
      </c>
      <c r="E49581" s="15">
        <v>45682</v>
      </c>
      <c r="F49581" s="14" t="s">
        <v>15</v>
      </c>
      <c r="G49581" s="16">
        <v>0</v>
      </c>
    </row>
    <row r="49582" spans="1:7" x14ac:dyDescent="0.3">
      <c r="A49582" s="13" t="s">
        <v>279</v>
      </c>
      <c r="B49582" s="14" t="s">
        <v>1</v>
      </c>
      <c r="C49582" s="14" t="s">
        <v>47</v>
      </c>
      <c r="D49582" s="14" t="s">
        <v>197</v>
      </c>
      <c r="E49582" s="15">
        <v>45683</v>
      </c>
      <c r="F49582" s="14" t="s">
        <v>15</v>
      </c>
      <c r="G49582" s="16">
        <v>0</v>
      </c>
    </row>
    <row r="49583" spans="1:7" x14ac:dyDescent="0.3">
      <c r="A49583" s="13" t="s">
        <v>279</v>
      </c>
      <c r="B49583" s="14" t="s">
        <v>1</v>
      </c>
      <c r="C49583" s="14" t="s">
        <v>47</v>
      </c>
      <c r="D49583" s="14" t="s">
        <v>197</v>
      </c>
      <c r="E49583" s="15">
        <v>45684</v>
      </c>
      <c r="F49583" s="14" t="s">
        <v>15</v>
      </c>
      <c r="G49583" s="16">
        <v>0</v>
      </c>
    </row>
    <row r="49584" spans="1:7" x14ac:dyDescent="0.3">
      <c r="A49584" s="13" t="s">
        <v>279</v>
      </c>
      <c r="B49584" s="14" t="s">
        <v>1</v>
      </c>
      <c r="C49584" s="14" t="s">
        <v>47</v>
      </c>
      <c r="D49584" s="14" t="s">
        <v>197</v>
      </c>
      <c r="E49584" s="15">
        <v>45685</v>
      </c>
      <c r="F49584" s="14" t="s">
        <v>15</v>
      </c>
      <c r="G49584" s="16">
        <v>0</v>
      </c>
    </row>
    <row r="49585" spans="1:7" x14ac:dyDescent="0.3">
      <c r="A49585" s="13" t="s">
        <v>279</v>
      </c>
      <c r="B49585" s="14" t="s">
        <v>1</v>
      </c>
      <c r="C49585" s="14" t="s">
        <v>47</v>
      </c>
      <c r="D49585" s="14" t="s">
        <v>197</v>
      </c>
      <c r="E49585" s="15">
        <v>45686</v>
      </c>
      <c r="F49585" s="14" t="s">
        <v>15</v>
      </c>
      <c r="G49585" s="16">
        <v>0</v>
      </c>
    </row>
    <row r="49586" spans="1:7" x14ac:dyDescent="0.3">
      <c r="A49586" s="13" t="s">
        <v>279</v>
      </c>
      <c r="B49586" s="14" t="s">
        <v>1</v>
      </c>
      <c r="C49586" s="14" t="s">
        <v>47</v>
      </c>
      <c r="D49586" s="14" t="s">
        <v>197</v>
      </c>
      <c r="E49586" s="15">
        <v>45687</v>
      </c>
      <c r="F49586" s="14" t="s">
        <v>15</v>
      </c>
      <c r="G49586" s="16">
        <v>0</v>
      </c>
    </row>
    <row r="49587" spans="1:7" x14ac:dyDescent="0.3">
      <c r="A49587" s="13" t="s">
        <v>279</v>
      </c>
      <c r="B49587" s="14" t="s">
        <v>1</v>
      </c>
      <c r="C49587" s="14" t="s">
        <v>47</v>
      </c>
      <c r="D49587" s="14" t="s">
        <v>197</v>
      </c>
      <c r="E49587" s="15">
        <v>45688</v>
      </c>
      <c r="F49587" s="14" t="s">
        <v>15</v>
      </c>
      <c r="G49587" s="16">
        <v>0</v>
      </c>
    </row>
    <row r="49588" spans="1:7" x14ac:dyDescent="0.3">
      <c r="A49588" s="13" t="s">
        <v>279</v>
      </c>
      <c r="B49588" s="14" t="s">
        <v>1</v>
      </c>
      <c r="C49588" s="14" t="s">
        <v>47</v>
      </c>
      <c r="D49588" s="14" t="s">
        <v>197</v>
      </c>
      <c r="E49588" s="15">
        <v>45689</v>
      </c>
      <c r="F49588" s="14" t="s">
        <v>15</v>
      </c>
      <c r="G49588" s="16">
        <v>0</v>
      </c>
    </row>
    <row r="49589" spans="1:7" x14ac:dyDescent="0.3">
      <c r="A49589" s="13" t="s">
        <v>279</v>
      </c>
      <c r="B49589" s="14" t="s">
        <v>1</v>
      </c>
      <c r="C49589" s="14" t="s">
        <v>47</v>
      </c>
      <c r="D49589" s="14" t="s">
        <v>197</v>
      </c>
      <c r="E49589" s="15">
        <v>45690</v>
      </c>
      <c r="F49589" s="14" t="s">
        <v>15</v>
      </c>
      <c r="G49589" s="16">
        <v>0</v>
      </c>
    </row>
    <row r="49590" spans="1:7" x14ac:dyDescent="0.3">
      <c r="A49590" s="13" t="s">
        <v>279</v>
      </c>
      <c r="B49590" s="14" t="s">
        <v>1</v>
      </c>
      <c r="C49590" s="14" t="s">
        <v>47</v>
      </c>
      <c r="D49590" s="14" t="s">
        <v>197</v>
      </c>
      <c r="E49590" s="15">
        <v>45691</v>
      </c>
      <c r="F49590" s="14" t="s">
        <v>15</v>
      </c>
      <c r="G49590" s="16">
        <v>0</v>
      </c>
    </row>
    <row r="49591" spans="1:7" x14ac:dyDescent="0.3">
      <c r="A49591" s="13" t="s">
        <v>279</v>
      </c>
      <c r="B49591" s="14" t="s">
        <v>1</v>
      </c>
      <c r="C49591" s="14" t="s">
        <v>47</v>
      </c>
      <c r="D49591" s="14" t="s">
        <v>197</v>
      </c>
      <c r="E49591" s="15">
        <v>45692</v>
      </c>
      <c r="F49591" s="14" t="s">
        <v>15</v>
      </c>
      <c r="G49591" s="16">
        <v>0</v>
      </c>
    </row>
    <row r="49592" spans="1:7" x14ac:dyDescent="0.3">
      <c r="A49592" s="13" t="s">
        <v>279</v>
      </c>
      <c r="B49592" s="14" t="s">
        <v>1</v>
      </c>
      <c r="C49592" s="14" t="s">
        <v>47</v>
      </c>
      <c r="D49592" s="14" t="s">
        <v>197</v>
      </c>
      <c r="E49592" s="15">
        <v>45693</v>
      </c>
      <c r="F49592" s="14" t="s">
        <v>15</v>
      </c>
      <c r="G49592" s="16">
        <v>0</v>
      </c>
    </row>
    <row r="49593" spans="1:7" x14ac:dyDescent="0.3">
      <c r="A49593" s="13" t="s">
        <v>279</v>
      </c>
      <c r="B49593" s="14" t="s">
        <v>1</v>
      </c>
      <c r="C49593" s="14" t="s">
        <v>47</v>
      </c>
      <c r="D49593" s="14" t="s">
        <v>197</v>
      </c>
      <c r="E49593" s="15">
        <v>45694</v>
      </c>
      <c r="F49593" s="14" t="s">
        <v>15</v>
      </c>
      <c r="G49593" s="16">
        <v>0</v>
      </c>
    </row>
    <row r="49594" spans="1:7" x14ac:dyDescent="0.3">
      <c r="A49594" s="13" t="s">
        <v>279</v>
      </c>
      <c r="B49594" s="14" t="s">
        <v>1</v>
      </c>
      <c r="C49594" s="14" t="s">
        <v>47</v>
      </c>
      <c r="D49594" s="14" t="s">
        <v>197</v>
      </c>
      <c r="E49594" s="15">
        <v>45695</v>
      </c>
      <c r="F49594" s="14" t="s">
        <v>15</v>
      </c>
      <c r="G49594" s="16">
        <v>0</v>
      </c>
    </row>
    <row r="49595" spans="1:7" x14ac:dyDescent="0.3">
      <c r="A49595" s="13" t="s">
        <v>279</v>
      </c>
      <c r="B49595" s="14" t="s">
        <v>1</v>
      </c>
      <c r="C49595" s="14" t="s">
        <v>47</v>
      </c>
      <c r="D49595" s="14" t="s">
        <v>197</v>
      </c>
      <c r="E49595" s="15">
        <v>45696</v>
      </c>
      <c r="F49595" s="14" t="s">
        <v>15</v>
      </c>
      <c r="G49595" s="16">
        <v>0</v>
      </c>
    </row>
    <row r="49596" spans="1:7" x14ac:dyDescent="0.3">
      <c r="A49596" s="13" t="s">
        <v>279</v>
      </c>
      <c r="B49596" s="14" t="s">
        <v>1</v>
      </c>
      <c r="C49596" s="14" t="s">
        <v>47</v>
      </c>
      <c r="D49596" s="14" t="s">
        <v>197</v>
      </c>
      <c r="E49596" s="15">
        <v>45697</v>
      </c>
      <c r="F49596" s="14" t="s">
        <v>15</v>
      </c>
      <c r="G49596" s="16">
        <v>0</v>
      </c>
    </row>
    <row r="49597" spans="1:7" x14ac:dyDescent="0.3">
      <c r="A49597" s="13" t="s">
        <v>279</v>
      </c>
      <c r="B49597" s="14" t="s">
        <v>1</v>
      </c>
      <c r="C49597" s="14" t="s">
        <v>47</v>
      </c>
      <c r="D49597" s="14" t="s">
        <v>197</v>
      </c>
      <c r="E49597" s="15">
        <v>45698</v>
      </c>
      <c r="F49597" s="14" t="s">
        <v>15</v>
      </c>
      <c r="G49597" s="16">
        <v>0</v>
      </c>
    </row>
    <row r="49598" spans="1:7" x14ac:dyDescent="0.3">
      <c r="A49598" s="13" t="s">
        <v>279</v>
      </c>
      <c r="B49598" s="14" t="s">
        <v>1</v>
      </c>
      <c r="C49598" s="14" t="s">
        <v>47</v>
      </c>
      <c r="D49598" s="14" t="s">
        <v>197</v>
      </c>
      <c r="E49598" s="15">
        <v>45699</v>
      </c>
      <c r="F49598" s="14" t="s">
        <v>15</v>
      </c>
      <c r="G49598" s="16">
        <v>0</v>
      </c>
    </row>
    <row r="49599" spans="1:7" x14ac:dyDescent="0.3">
      <c r="A49599" s="13" t="s">
        <v>279</v>
      </c>
      <c r="B49599" s="14" t="s">
        <v>1</v>
      </c>
      <c r="C49599" s="14" t="s">
        <v>47</v>
      </c>
      <c r="D49599" s="14" t="s">
        <v>197</v>
      </c>
      <c r="E49599" s="15">
        <v>45700</v>
      </c>
      <c r="F49599" s="14" t="s">
        <v>15</v>
      </c>
      <c r="G49599" s="16">
        <v>0</v>
      </c>
    </row>
    <row r="49600" spans="1:7" x14ac:dyDescent="0.3">
      <c r="A49600" s="13" t="s">
        <v>279</v>
      </c>
      <c r="B49600" s="14" t="s">
        <v>1</v>
      </c>
      <c r="C49600" s="14" t="s">
        <v>47</v>
      </c>
      <c r="D49600" s="14" t="s">
        <v>197</v>
      </c>
      <c r="E49600" s="15">
        <v>45701</v>
      </c>
      <c r="F49600" s="14" t="s">
        <v>15</v>
      </c>
      <c r="G49600" s="16">
        <v>0</v>
      </c>
    </row>
    <row r="49601" spans="1:7" x14ac:dyDescent="0.3">
      <c r="A49601" s="13" t="s">
        <v>279</v>
      </c>
      <c r="B49601" s="14" t="s">
        <v>1</v>
      </c>
      <c r="C49601" s="14" t="s">
        <v>47</v>
      </c>
      <c r="D49601" s="14" t="s">
        <v>197</v>
      </c>
      <c r="E49601" s="15">
        <v>45702</v>
      </c>
      <c r="F49601" s="14" t="s">
        <v>15</v>
      </c>
      <c r="G49601" s="16">
        <v>0</v>
      </c>
    </row>
    <row r="49602" spans="1:7" x14ac:dyDescent="0.3">
      <c r="A49602" s="13" t="s">
        <v>279</v>
      </c>
      <c r="B49602" s="14" t="s">
        <v>1</v>
      </c>
      <c r="C49602" s="14" t="s">
        <v>47</v>
      </c>
      <c r="D49602" s="14" t="s">
        <v>197</v>
      </c>
      <c r="E49602" s="15">
        <v>45703</v>
      </c>
      <c r="F49602" s="14" t="s">
        <v>15</v>
      </c>
      <c r="G49602" s="16">
        <v>0</v>
      </c>
    </row>
    <row r="49603" spans="1:7" x14ac:dyDescent="0.3">
      <c r="A49603" s="13" t="s">
        <v>279</v>
      </c>
      <c r="B49603" s="14" t="s">
        <v>1</v>
      </c>
      <c r="C49603" s="14" t="s">
        <v>47</v>
      </c>
      <c r="D49603" s="14" t="s">
        <v>197</v>
      </c>
      <c r="E49603" s="15">
        <v>45704</v>
      </c>
      <c r="F49603" s="14" t="s">
        <v>15</v>
      </c>
      <c r="G49603" s="16">
        <v>0</v>
      </c>
    </row>
    <row r="49604" spans="1:7" x14ac:dyDescent="0.3">
      <c r="A49604" s="13" t="s">
        <v>279</v>
      </c>
      <c r="B49604" s="14" t="s">
        <v>1</v>
      </c>
      <c r="C49604" s="14" t="s">
        <v>47</v>
      </c>
      <c r="D49604" s="14" t="s">
        <v>197</v>
      </c>
      <c r="E49604" s="15">
        <v>45705</v>
      </c>
      <c r="F49604" s="14" t="s">
        <v>15</v>
      </c>
      <c r="G49604" s="16">
        <v>0</v>
      </c>
    </row>
    <row r="49605" spans="1:7" x14ac:dyDescent="0.3">
      <c r="A49605" s="13" t="s">
        <v>279</v>
      </c>
      <c r="B49605" s="14" t="s">
        <v>1</v>
      </c>
      <c r="C49605" s="14" t="s">
        <v>47</v>
      </c>
      <c r="D49605" s="14" t="s">
        <v>197</v>
      </c>
      <c r="E49605" s="15">
        <v>45706</v>
      </c>
      <c r="F49605" s="14" t="s">
        <v>15</v>
      </c>
      <c r="G49605" s="16">
        <v>0</v>
      </c>
    </row>
    <row r="49606" spans="1:7" x14ac:dyDescent="0.3">
      <c r="A49606" s="13" t="s">
        <v>279</v>
      </c>
      <c r="B49606" s="14" t="s">
        <v>1</v>
      </c>
      <c r="C49606" s="14" t="s">
        <v>47</v>
      </c>
      <c r="D49606" s="14" t="s">
        <v>197</v>
      </c>
      <c r="E49606" s="15">
        <v>45707</v>
      </c>
      <c r="F49606" s="14" t="s">
        <v>15</v>
      </c>
      <c r="G49606" s="16">
        <v>0</v>
      </c>
    </row>
    <row r="49607" spans="1:7" x14ac:dyDescent="0.3">
      <c r="A49607" s="13" t="s">
        <v>279</v>
      </c>
      <c r="B49607" s="14" t="s">
        <v>1</v>
      </c>
      <c r="C49607" s="14" t="s">
        <v>47</v>
      </c>
      <c r="D49607" s="14" t="s">
        <v>197</v>
      </c>
      <c r="E49607" s="15">
        <v>45708</v>
      </c>
      <c r="F49607" s="14" t="s">
        <v>15</v>
      </c>
      <c r="G49607" s="16">
        <v>0</v>
      </c>
    </row>
    <row r="49608" spans="1:7" x14ac:dyDescent="0.3">
      <c r="A49608" s="13" t="s">
        <v>279</v>
      </c>
      <c r="B49608" s="14" t="s">
        <v>1</v>
      </c>
      <c r="C49608" s="14" t="s">
        <v>47</v>
      </c>
      <c r="D49608" s="14" t="s">
        <v>197</v>
      </c>
      <c r="E49608" s="15">
        <v>45709</v>
      </c>
      <c r="F49608" s="14" t="s">
        <v>15</v>
      </c>
      <c r="G49608" s="16">
        <v>0</v>
      </c>
    </row>
    <row r="49609" spans="1:7" x14ac:dyDescent="0.3">
      <c r="A49609" s="13" t="s">
        <v>279</v>
      </c>
      <c r="B49609" s="14" t="s">
        <v>1</v>
      </c>
      <c r="C49609" s="14" t="s">
        <v>47</v>
      </c>
      <c r="D49609" s="14" t="s">
        <v>197</v>
      </c>
      <c r="E49609" s="15">
        <v>45710</v>
      </c>
      <c r="F49609" s="14" t="s">
        <v>15</v>
      </c>
      <c r="G49609" s="16">
        <v>0</v>
      </c>
    </row>
    <row r="49610" spans="1:7" x14ac:dyDescent="0.3">
      <c r="A49610" s="13" t="s">
        <v>279</v>
      </c>
      <c r="B49610" s="14" t="s">
        <v>1</v>
      </c>
      <c r="C49610" s="14" t="s">
        <v>47</v>
      </c>
      <c r="D49610" s="14" t="s">
        <v>197</v>
      </c>
      <c r="E49610" s="15">
        <v>45711</v>
      </c>
      <c r="F49610" s="14" t="s">
        <v>15</v>
      </c>
      <c r="G49610" s="16">
        <v>0</v>
      </c>
    </row>
    <row r="49611" spans="1:7" x14ac:dyDescent="0.3">
      <c r="A49611" s="13" t="s">
        <v>279</v>
      </c>
      <c r="B49611" s="14" t="s">
        <v>1</v>
      </c>
      <c r="C49611" s="14" t="s">
        <v>47</v>
      </c>
      <c r="D49611" s="14" t="s">
        <v>197</v>
      </c>
      <c r="E49611" s="15">
        <v>45712</v>
      </c>
      <c r="F49611" s="14" t="s">
        <v>15</v>
      </c>
      <c r="G49611" s="16">
        <v>0</v>
      </c>
    </row>
    <row r="49612" spans="1:7" x14ac:dyDescent="0.3">
      <c r="A49612" s="13" t="s">
        <v>279</v>
      </c>
      <c r="B49612" s="14" t="s">
        <v>1</v>
      </c>
      <c r="C49612" s="14" t="s">
        <v>47</v>
      </c>
      <c r="D49612" s="14" t="s">
        <v>197</v>
      </c>
      <c r="E49612" s="15">
        <v>45713</v>
      </c>
      <c r="F49612" s="14" t="s">
        <v>15</v>
      </c>
      <c r="G49612" s="16">
        <v>0</v>
      </c>
    </row>
    <row r="49613" spans="1:7" x14ac:dyDescent="0.3">
      <c r="A49613" s="13" t="s">
        <v>279</v>
      </c>
      <c r="B49613" s="14" t="s">
        <v>1</v>
      </c>
      <c r="C49613" s="14" t="s">
        <v>47</v>
      </c>
      <c r="D49613" s="14" t="s">
        <v>197</v>
      </c>
      <c r="E49613" s="15">
        <v>45714</v>
      </c>
      <c r="F49613" s="14" t="s">
        <v>15</v>
      </c>
      <c r="G49613" s="16">
        <v>0</v>
      </c>
    </row>
    <row r="49614" spans="1:7" x14ac:dyDescent="0.3">
      <c r="A49614" s="13" t="s">
        <v>279</v>
      </c>
      <c r="B49614" s="14" t="s">
        <v>1</v>
      </c>
      <c r="C49614" s="14" t="s">
        <v>47</v>
      </c>
      <c r="D49614" s="14" t="s">
        <v>197</v>
      </c>
      <c r="E49614" s="15">
        <v>45715</v>
      </c>
      <c r="F49614" s="14" t="s">
        <v>15</v>
      </c>
      <c r="G49614" s="16">
        <v>0</v>
      </c>
    </row>
    <row r="49615" spans="1:7" x14ac:dyDescent="0.3">
      <c r="A49615" s="13" t="s">
        <v>279</v>
      </c>
      <c r="B49615" s="14" t="s">
        <v>1</v>
      </c>
      <c r="C49615" s="14" t="s">
        <v>47</v>
      </c>
      <c r="D49615" s="14" t="s">
        <v>197</v>
      </c>
      <c r="E49615" s="15">
        <v>45716</v>
      </c>
      <c r="F49615" s="14" t="s">
        <v>15</v>
      </c>
      <c r="G49615" s="16">
        <v>0</v>
      </c>
    </row>
    <row r="49616" spans="1:7" x14ac:dyDescent="0.3">
      <c r="A49616" s="13" t="s">
        <v>279</v>
      </c>
      <c r="B49616" s="14" t="s">
        <v>1</v>
      </c>
      <c r="C49616" s="14" t="s">
        <v>47</v>
      </c>
      <c r="D49616" s="14" t="s">
        <v>197</v>
      </c>
      <c r="E49616" s="15">
        <v>45717</v>
      </c>
      <c r="F49616" s="14" t="s">
        <v>15</v>
      </c>
      <c r="G49616" s="16">
        <v>0</v>
      </c>
    </row>
    <row r="49617" spans="1:7" x14ac:dyDescent="0.3">
      <c r="A49617" s="13" t="s">
        <v>279</v>
      </c>
      <c r="B49617" s="14" t="s">
        <v>1</v>
      </c>
      <c r="C49617" s="14" t="s">
        <v>47</v>
      </c>
      <c r="D49617" s="14" t="s">
        <v>197</v>
      </c>
      <c r="E49617" s="15">
        <v>45718</v>
      </c>
      <c r="F49617" s="14" t="s">
        <v>15</v>
      </c>
      <c r="G49617" s="16">
        <v>0</v>
      </c>
    </row>
    <row r="49618" spans="1:7" x14ac:dyDescent="0.3">
      <c r="A49618" s="13" t="s">
        <v>279</v>
      </c>
      <c r="B49618" s="14" t="s">
        <v>1</v>
      </c>
      <c r="C49618" s="14" t="s">
        <v>47</v>
      </c>
      <c r="D49618" s="14" t="s">
        <v>197</v>
      </c>
      <c r="E49618" s="15">
        <v>45719</v>
      </c>
      <c r="F49618" s="14" t="s">
        <v>15</v>
      </c>
      <c r="G49618" s="16">
        <v>0</v>
      </c>
    </row>
    <row r="49619" spans="1:7" x14ac:dyDescent="0.3">
      <c r="A49619" s="13" t="s">
        <v>279</v>
      </c>
      <c r="B49619" s="14" t="s">
        <v>1</v>
      </c>
      <c r="C49619" s="14" t="s">
        <v>47</v>
      </c>
      <c r="D49619" s="14" t="s">
        <v>197</v>
      </c>
      <c r="E49619" s="15">
        <v>45720</v>
      </c>
      <c r="F49619" s="14" t="s">
        <v>15</v>
      </c>
      <c r="G49619" s="16">
        <v>0</v>
      </c>
    </row>
    <row r="49620" spans="1:7" x14ac:dyDescent="0.3">
      <c r="A49620" s="13" t="s">
        <v>279</v>
      </c>
      <c r="B49620" s="14" t="s">
        <v>1</v>
      </c>
      <c r="C49620" s="14" t="s">
        <v>47</v>
      </c>
      <c r="D49620" s="14" t="s">
        <v>197</v>
      </c>
      <c r="E49620" s="15">
        <v>45721</v>
      </c>
      <c r="F49620" s="14" t="s">
        <v>15</v>
      </c>
      <c r="G49620" s="16">
        <v>0</v>
      </c>
    </row>
    <row r="49621" spans="1:7" x14ac:dyDescent="0.3">
      <c r="A49621" s="13" t="s">
        <v>279</v>
      </c>
      <c r="B49621" s="14" t="s">
        <v>1</v>
      </c>
      <c r="C49621" s="14" t="s">
        <v>47</v>
      </c>
      <c r="D49621" s="14" t="s">
        <v>197</v>
      </c>
      <c r="E49621" s="15">
        <v>45722</v>
      </c>
      <c r="F49621" s="14" t="s">
        <v>15</v>
      </c>
      <c r="G49621" s="16">
        <v>0</v>
      </c>
    </row>
    <row r="49622" spans="1:7" x14ac:dyDescent="0.3">
      <c r="A49622" s="13" t="s">
        <v>279</v>
      </c>
      <c r="B49622" s="14" t="s">
        <v>1</v>
      </c>
      <c r="C49622" s="14" t="s">
        <v>47</v>
      </c>
      <c r="D49622" s="14" t="s">
        <v>197</v>
      </c>
      <c r="E49622" s="15">
        <v>45723</v>
      </c>
      <c r="F49622" s="14" t="s">
        <v>15</v>
      </c>
      <c r="G49622" s="16">
        <v>0</v>
      </c>
    </row>
    <row r="49623" spans="1:7" x14ac:dyDescent="0.3">
      <c r="A49623" s="13" t="s">
        <v>279</v>
      </c>
      <c r="B49623" s="14" t="s">
        <v>1</v>
      </c>
      <c r="C49623" s="14" t="s">
        <v>47</v>
      </c>
      <c r="D49623" s="14" t="s">
        <v>197</v>
      </c>
      <c r="E49623" s="15">
        <v>45724</v>
      </c>
      <c r="F49623" s="14" t="s">
        <v>15</v>
      </c>
      <c r="G49623" s="16">
        <v>0</v>
      </c>
    </row>
    <row r="49624" spans="1:7" x14ac:dyDescent="0.3">
      <c r="A49624" s="13" t="s">
        <v>279</v>
      </c>
      <c r="B49624" s="14" t="s">
        <v>1</v>
      </c>
      <c r="C49624" s="14" t="s">
        <v>47</v>
      </c>
      <c r="D49624" s="14" t="s">
        <v>197</v>
      </c>
      <c r="E49624" s="15">
        <v>45725</v>
      </c>
      <c r="F49624" s="14" t="s">
        <v>15</v>
      </c>
      <c r="G49624" s="16">
        <v>0</v>
      </c>
    </row>
    <row r="49625" spans="1:7" x14ac:dyDescent="0.3">
      <c r="A49625" s="13" t="s">
        <v>279</v>
      </c>
      <c r="B49625" s="14" t="s">
        <v>1</v>
      </c>
      <c r="C49625" s="14" t="s">
        <v>47</v>
      </c>
      <c r="D49625" s="14" t="s">
        <v>197</v>
      </c>
      <c r="E49625" s="15">
        <v>45726</v>
      </c>
      <c r="F49625" s="14" t="s">
        <v>15</v>
      </c>
      <c r="G49625" s="16">
        <v>0</v>
      </c>
    </row>
    <row r="49626" spans="1:7" x14ac:dyDescent="0.3">
      <c r="A49626" s="13" t="s">
        <v>279</v>
      </c>
      <c r="B49626" s="14" t="s">
        <v>1</v>
      </c>
      <c r="C49626" s="14" t="s">
        <v>47</v>
      </c>
      <c r="D49626" s="14" t="s">
        <v>197</v>
      </c>
      <c r="E49626" s="15">
        <v>45727</v>
      </c>
      <c r="F49626" s="14" t="s">
        <v>15</v>
      </c>
      <c r="G49626" s="16">
        <v>0</v>
      </c>
    </row>
    <row r="49627" spans="1:7" x14ac:dyDescent="0.3">
      <c r="A49627" s="13" t="s">
        <v>279</v>
      </c>
      <c r="B49627" s="14" t="s">
        <v>1</v>
      </c>
      <c r="C49627" s="14" t="s">
        <v>47</v>
      </c>
      <c r="D49627" s="14" t="s">
        <v>197</v>
      </c>
      <c r="E49627" s="15">
        <v>45728</v>
      </c>
      <c r="F49627" s="14" t="s">
        <v>15</v>
      </c>
      <c r="G49627" s="16">
        <v>0</v>
      </c>
    </row>
    <row r="49628" spans="1:7" x14ac:dyDescent="0.3">
      <c r="A49628" s="13" t="s">
        <v>279</v>
      </c>
      <c r="B49628" s="14" t="s">
        <v>1</v>
      </c>
      <c r="C49628" s="14" t="s">
        <v>47</v>
      </c>
      <c r="D49628" s="14" t="s">
        <v>197</v>
      </c>
      <c r="E49628" s="15">
        <v>45729</v>
      </c>
      <c r="F49628" s="14" t="s">
        <v>15</v>
      </c>
      <c r="G49628" s="16">
        <v>0</v>
      </c>
    </row>
    <row r="49629" spans="1:7" x14ac:dyDescent="0.3">
      <c r="A49629" s="13" t="s">
        <v>279</v>
      </c>
      <c r="B49629" s="14" t="s">
        <v>1</v>
      </c>
      <c r="C49629" s="14" t="s">
        <v>47</v>
      </c>
      <c r="D49629" s="14" t="s">
        <v>197</v>
      </c>
      <c r="E49629" s="15">
        <v>45730</v>
      </c>
      <c r="F49629" s="14" t="s">
        <v>15</v>
      </c>
      <c r="G49629" s="16">
        <v>0</v>
      </c>
    </row>
    <row r="49630" spans="1:7" x14ac:dyDescent="0.3">
      <c r="A49630" s="13" t="s">
        <v>279</v>
      </c>
      <c r="B49630" s="14" t="s">
        <v>1</v>
      </c>
      <c r="C49630" s="14" t="s">
        <v>47</v>
      </c>
      <c r="D49630" s="14" t="s">
        <v>197</v>
      </c>
      <c r="E49630" s="15">
        <v>45731</v>
      </c>
      <c r="F49630" s="14" t="s">
        <v>15</v>
      </c>
      <c r="G49630" s="16">
        <v>0</v>
      </c>
    </row>
    <row r="49631" spans="1:7" x14ac:dyDescent="0.3">
      <c r="A49631" s="13" t="s">
        <v>279</v>
      </c>
      <c r="B49631" s="14" t="s">
        <v>1</v>
      </c>
      <c r="C49631" s="14" t="s">
        <v>47</v>
      </c>
      <c r="D49631" s="14" t="s">
        <v>197</v>
      </c>
      <c r="E49631" s="15">
        <v>45732</v>
      </c>
      <c r="F49631" s="14" t="s">
        <v>15</v>
      </c>
      <c r="G49631" s="16">
        <v>0</v>
      </c>
    </row>
    <row r="49632" spans="1:7" x14ac:dyDescent="0.3">
      <c r="A49632" s="13" t="s">
        <v>279</v>
      </c>
      <c r="B49632" s="14" t="s">
        <v>1</v>
      </c>
      <c r="C49632" s="14" t="s">
        <v>47</v>
      </c>
      <c r="D49632" s="14" t="s">
        <v>197</v>
      </c>
      <c r="E49632" s="15">
        <v>45733</v>
      </c>
      <c r="F49632" s="14" t="s">
        <v>15</v>
      </c>
      <c r="G49632" s="16">
        <v>0</v>
      </c>
    </row>
    <row r="49633" spans="1:7" x14ac:dyDescent="0.3">
      <c r="A49633" s="13" t="s">
        <v>279</v>
      </c>
      <c r="B49633" s="14" t="s">
        <v>1</v>
      </c>
      <c r="C49633" s="14" t="s">
        <v>47</v>
      </c>
      <c r="D49633" s="14" t="s">
        <v>197</v>
      </c>
      <c r="E49633" s="15">
        <v>45734</v>
      </c>
      <c r="F49633" s="14" t="s">
        <v>15</v>
      </c>
      <c r="G49633" s="16">
        <v>0</v>
      </c>
    </row>
    <row r="49634" spans="1:7" x14ac:dyDescent="0.3">
      <c r="A49634" s="13" t="s">
        <v>279</v>
      </c>
      <c r="B49634" s="14" t="s">
        <v>1</v>
      </c>
      <c r="C49634" s="14" t="s">
        <v>47</v>
      </c>
      <c r="D49634" s="14" t="s">
        <v>197</v>
      </c>
      <c r="E49634" s="15">
        <v>45735</v>
      </c>
      <c r="F49634" s="14" t="s">
        <v>15</v>
      </c>
      <c r="G49634" s="16">
        <v>0</v>
      </c>
    </row>
    <row r="49635" spans="1:7" x14ac:dyDescent="0.3">
      <c r="A49635" s="13" t="s">
        <v>279</v>
      </c>
      <c r="B49635" s="14" t="s">
        <v>1</v>
      </c>
      <c r="C49635" s="14" t="s">
        <v>47</v>
      </c>
      <c r="D49635" s="14" t="s">
        <v>197</v>
      </c>
      <c r="E49635" s="15">
        <v>45736</v>
      </c>
      <c r="F49635" s="14" t="s">
        <v>15</v>
      </c>
      <c r="G49635" s="16">
        <v>0</v>
      </c>
    </row>
    <row r="49636" spans="1:7" x14ac:dyDescent="0.3">
      <c r="A49636" s="13" t="s">
        <v>279</v>
      </c>
      <c r="B49636" s="14" t="s">
        <v>1</v>
      </c>
      <c r="C49636" s="14" t="s">
        <v>47</v>
      </c>
      <c r="D49636" s="14" t="s">
        <v>197</v>
      </c>
      <c r="E49636" s="15">
        <v>45737</v>
      </c>
      <c r="F49636" s="14" t="s">
        <v>15</v>
      </c>
      <c r="G49636" s="16">
        <v>0</v>
      </c>
    </row>
    <row r="49637" spans="1:7" x14ac:dyDescent="0.3">
      <c r="A49637" s="13" t="s">
        <v>279</v>
      </c>
      <c r="B49637" s="14" t="s">
        <v>1</v>
      </c>
      <c r="C49637" s="14" t="s">
        <v>47</v>
      </c>
      <c r="D49637" s="14" t="s">
        <v>197</v>
      </c>
      <c r="E49637" s="15">
        <v>45738</v>
      </c>
      <c r="F49637" s="14" t="s">
        <v>15</v>
      </c>
      <c r="G49637" s="16">
        <v>0</v>
      </c>
    </row>
    <row r="49638" spans="1:7" x14ac:dyDescent="0.3">
      <c r="A49638" s="13" t="s">
        <v>279</v>
      </c>
      <c r="B49638" s="14" t="s">
        <v>1</v>
      </c>
      <c r="C49638" s="14" t="s">
        <v>47</v>
      </c>
      <c r="D49638" s="14" t="s">
        <v>197</v>
      </c>
      <c r="E49638" s="15">
        <v>45739</v>
      </c>
      <c r="F49638" s="14" t="s">
        <v>15</v>
      </c>
      <c r="G49638" s="16">
        <v>0</v>
      </c>
    </row>
    <row r="49639" spans="1:7" x14ac:dyDescent="0.3">
      <c r="A49639" s="13" t="s">
        <v>279</v>
      </c>
      <c r="B49639" s="14" t="s">
        <v>1</v>
      </c>
      <c r="C49639" s="14" t="s">
        <v>47</v>
      </c>
      <c r="D49639" s="14" t="s">
        <v>197</v>
      </c>
      <c r="E49639" s="15">
        <v>45740</v>
      </c>
      <c r="F49639" s="14" t="s">
        <v>15</v>
      </c>
      <c r="G49639" s="16">
        <v>0</v>
      </c>
    </row>
    <row r="49640" spans="1:7" x14ac:dyDescent="0.3">
      <c r="A49640" s="13" t="s">
        <v>279</v>
      </c>
      <c r="B49640" s="14" t="s">
        <v>1</v>
      </c>
      <c r="C49640" s="14" t="s">
        <v>47</v>
      </c>
      <c r="D49640" s="14" t="s">
        <v>197</v>
      </c>
      <c r="E49640" s="15">
        <v>45741</v>
      </c>
      <c r="F49640" s="14" t="s">
        <v>15</v>
      </c>
      <c r="G49640" s="16">
        <v>0</v>
      </c>
    </row>
    <row r="49641" spans="1:7" x14ac:dyDescent="0.3">
      <c r="A49641" s="13" t="s">
        <v>279</v>
      </c>
      <c r="B49641" s="14" t="s">
        <v>1</v>
      </c>
      <c r="C49641" s="14" t="s">
        <v>47</v>
      </c>
      <c r="D49641" s="14" t="s">
        <v>197</v>
      </c>
      <c r="E49641" s="15">
        <v>45742</v>
      </c>
      <c r="F49641" s="14" t="s">
        <v>15</v>
      </c>
      <c r="G49641" s="16">
        <v>0</v>
      </c>
    </row>
    <row r="49642" spans="1:7" x14ac:dyDescent="0.3">
      <c r="A49642" s="13" t="s">
        <v>279</v>
      </c>
      <c r="B49642" s="14" t="s">
        <v>1</v>
      </c>
      <c r="C49642" s="14" t="s">
        <v>47</v>
      </c>
      <c r="D49642" s="14" t="s">
        <v>197</v>
      </c>
      <c r="E49642" s="15">
        <v>45743</v>
      </c>
      <c r="F49642" s="14" t="s">
        <v>15</v>
      </c>
      <c r="G49642" s="16">
        <v>0</v>
      </c>
    </row>
    <row r="49643" spans="1:7" x14ac:dyDescent="0.3">
      <c r="A49643" s="13" t="s">
        <v>279</v>
      </c>
      <c r="B49643" s="14" t="s">
        <v>1</v>
      </c>
      <c r="C49643" s="14" t="s">
        <v>47</v>
      </c>
      <c r="D49643" s="14" t="s">
        <v>197</v>
      </c>
      <c r="E49643" s="15">
        <v>45744</v>
      </c>
      <c r="F49643" s="14" t="s">
        <v>15</v>
      </c>
      <c r="G49643" s="16">
        <v>0</v>
      </c>
    </row>
    <row r="49644" spans="1:7" x14ac:dyDescent="0.3">
      <c r="A49644" s="13" t="s">
        <v>279</v>
      </c>
      <c r="B49644" s="14" t="s">
        <v>1</v>
      </c>
      <c r="C49644" s="14" t="s">
        <v>47</v>
      </c>
      <c r="D49644" s="14" t="s">
        <v>197</v>
      </c>
      <c r="E49644" s="15">
        <v>45745</v>
      </c>
      <c r="F49644" s="14" t="s">
        <v>15</v>
      </c>
      <c r="G49644" s="16">
        <v>0</v>
      </c>
    </row>
    <row r="49645" spans="1:7" x14ac:dyDescent="0.3">
      <c r="A49645" s="13" t="s">
        <v>279</v>
      </c>
      <c r="B49645" s="14" t="s">
        <v>1</v>
      </c>
      <c r="C49645" s="14" t="s">
        <v>47</v>
      </c>
      <c r="D49645" s="14" t="s">
        <v>197</v>
      </c>
      <c r="E49645" s="15">
        <v>45746</v>
      </c>
      <c r="F49645" s="14" t="s">
        <v>15</v>
      </c>
      <c r="G49645" s="16">
        <v>0</v>
      </c>
    </row>
    <row r="49646" spans="1:7" x14ac:dyDescent="0.3">
      <c r="A49646" s="13" t="s">
        <v>279</v>
      </c>
      <c r="B49646" s="14" t="s">
        <v>1</v>
      </c>
      <c r="C49646" s="14" t="s">
        <v>47</v>
      </c>
      <c r="D49646" s="14" t="s">
        <v>197</v>
      </c>
      <c r="E49646" s="15">
        <v>45747</v>
      </c>
      <c r="F49646" s="14" t="s">
        <v>15</v>
      </c>
      <c r="G49646" s="16">
        <v>0</v>
      </c>
    </row>
    <row r="49647" spans="1:7" x14ac:dyDescent="0.3">
      <c r="A49647" s="13" t="s">
        <v>280</v>
      </c>
      <c r="B49647" s="14" t="s">
        <v>1</v>
      </c>
      <c r="C49647" s="14" t="s">
        <v>109</v>
      </c>
      <c r="D49647" s="14" t="s">
        <v>281</v>
      </c>
      <c r="E49647" s="15">
        <v>45383</v>
      </c>
      <c r="F49647" s="14" t="s">
        <v>61</v>
      </c>
      <c r="G49647" s="16">
        <v>0</v>
      </c>
    </row>
    <row r="49648" spans="1:7" x14ac:dyDescent="0.3">
      <c r="A49648" s="13" t="s">
        <v>280</v>
      </c>
      <c r="B49648" s="14" t="s">
        <v>1</v>
      </c>
      <c r="C49648" s="14" t="s">
        <v>109</v>
      </c>
      <c r="D49648" s="14" t="s">
        <v>281</v>
      </c>
      <c r="E49648" s="15">
        <v>45384</v>
      </c>
      <c r="F49648" s="14" t="s">
        <v>61</v>
      </c>
      <c r="G49648" s="16">
        <v>0</v>
      </c>
    </row>
    <row r="49649" spans="1:7" x14ac:dyDescent="0.3">
      <c r="A49649" s="13" t="s">
        <v>280</v>
      </c>
      <c r="B49649" s="14" t="s">
        <v>1</v>
      </c>
      <c r="C49649" s="14" t="s">
        <v>109</v>
      </c>
      <c r="D49649" s="14" t="s">
        <v>281</v>
      </c>
      <c r="E49649" s="15">
        <v>45385</v>
      </c>
      <c r="F49649" s="14" t="s">
        <v>61</v>
      </c>
      <c r="G49649" s="16">
        <v>0</v>
      </c>
    </row>
    <row r="49650" spans="1:7" x14ac:dyDescent="0.3">
      <c r="A49650" s="13" t="s">
        <v>280</v>
      </c>
      <c r="B49650" s="14" t="s">
        <v>1</v>
      </c>
      <c r="C49650" s="14" t="s">
        <v>109</v>
      </c>
      <c r="D49650" s="14" t="s">
        <v>281</v>
      </c>
      <c r="E49650" s="15">
        <v>45386</v>
      </c>
      <c r="F49650" s="14" t="s">
        <v>61</v>
      </c>
      <c r="G49650" s="16">
        <v>0</v>
      </c>
    </row>
    <row r="49651" spans="1:7" x14ac:dyDescent="0.3">
      <c r="A49651" s="13" t="s">
        <v>280</v>
      </c>
      <c r="B49651" s="14" t="s">
        <v>1</v>
      </c>
      <c r="C49651" s="14" t="s">
        <v>109</v>
      </c>
      <c r="D49651" s="14" t="s">
        <v>281</v>
      </c>
      <c r="E49651" s="15">
        <v>45387</v>
      </c>
      <c r="F49651" s="14" t="s">
        <v>61</v>
      </c>
      <c r="G49651" s="16">
        <v>0</v>
      </c>
    </row>
    <row r="49652" spans="1:7" x14ac:dyDescent="0.3">
      <c r="A49652" s="13" t="s">
        <v>280</v>
      </c>
      <c r="B49652" s="14" t="s">
        <v>1</v>
      </c>
      <c r="C49652" s="14" t="s">
        <v>109</v>
      </c>
      <c r="D49652" s="14" t="s">
        <v>281</v>
      </c>
      <c r="E49652" s="15">
        <v>45388</v>
      </c>
      <c r="F49652" s="14" t="s">
        <v>61</v>
      </c>
      <c r="G49652" s="16">
        <v>0</v>
      </c>
    </row>
    <row r="49653" spans="1:7" x14ac:dyDescent="0.3">
      <c r="A49653" s="13" t="s">
        <v>280</v>
      </c>
      <c r="B49653" s="14" t="s">
        <v>1</v>
      </c>
      <c r="C49653" s="14" t="s">
        <v>109</v>
      </c>
      <c r="D49653" s="14" t="s">
        <v>281</v>
      </c>
      <c r="E49653" s="15">
        <v>45389</v>
      </c>
      <c r="F49653" s="14" t="s">
        <v>61</v>
      </c>
      <c r="G49653" s="16">
        <v>0</v>
      </c>
    </row>
    <row r="49654" spans="1:7" x14ac:dyDescent="0.3">
      <c r="A49654" s="13" t="s">
        <v>280</v>
      </c>
      <c r="B49654" s="14" t="s">
        <v>1</v>
      </c>
      <c r="C49654" s="14" t="s">
        <v>109</v>
      </c>
      <c r="D49654" s="14" t="s">
        <v>281</v>
      </c>
      <c r="E49654" s="15">
        <v>45390</v>
      </c>
      <c r="F49654" s="14" t="s">
        <v>61</v>
      </c>
      <c r="G49654" s="16">
        <v>0</v>
      </c>
    </row>
    <row r="49655" spans="1:7" x14ac:dyDescent="0.3">
      <c r="A49655" s="13" t="s">
        <v>280</v>
      </c>
      <c r="B49655" s="14" t="s">
        <v>1</v>
      </c>
      <c r="C49655" s="14" t="s">
        <v>109</v>
      </c>
      <c r="D49655" s="14" t="s">
        <v>281</v>
      </c>
      <c r="E49655" s="15">
        <v>45391</v>
      </c>
      <c r="F49655" s="14" t="s">
        <v>61</v>
      </c>
      <c r="G49655" s="16">
        <v>0</v>
      </c>
    </row>
    <row r="49656" spans="1:7" x14ac:dyDescent="0.3">
      <c r="A49656" s="13" t="s">
        <v>280</v>
      </c>
      <c r="B49656" s="14" t="s">
        <v>1</v>
      </c>
      <c r="C49656" s="14" t="s">
        <v>109</v>
      </c>
      <c r="D49656" s="14" t="s">
        <v>281</v>
      </c>
      <c r="E49656" s="15">
        <v>45392</v>
      </c>
      <c r="F49656" s="14" t="s">
        <v>61</v>
      </c>
      <c r="G49656" s="16">
        <v>0</v>
      </c>
    </row>
    <row r="49657" spans="1:7" x14ac:dyDescent="0.3">
      <c r="A49657" s="13" t="s">
        <v>280</v>
      </c>
      <c r="B49657" s="14" t="s">
        <v>1</v>
      </c>
      <c r="C49657" s="14" t="s">
        <v>109</v>
      </c>
      <c r="D49657" s="14" t="s">
        <v>281</v>
      </c>
      <c r="E49657" s="15">
        <v>45393</v>
      </c>
      <c r="F49657" s="14" t="s">
        <v>61</v>
      </c>
      <c r="G49657" s="16">
        <v>0</v>
      </c>
    </row>
    <row r="49658" spans="1:7" x14ac:dyDescent="0.3">
      <c r="A49658" s="13" t="s">
        <v>280</v>
      </c>
      <c r="B49658" s="14" t="s">
        <v>1</v>
      </c>
      <c r="C49658" s="14" t="s">
        <v>109</v>
      </c>
      <c r="D49658" s="14" t="s">
        <v>281</v>
      </c>
      <c r="E49658" s="15">
        <v>45394</v>
      </c>
      <c r="F49658" s="14" t="s">
        <v>61</v>
      </c>
      <c r="G49658" s="16">
        <v>0</v>
      </c>
    </row>
    <row r="49659" spans="1:7" x14ac:dyDescent="0.3">
      <c r="A49659" s="13" t="s">
        <v>280</v>
      </c>
      <c r="B49659" s="14" t="s">
        <v>1</v>
      </c>
      <c r="C49659" s="14" t="s">
        <v>109</v>
      </c>
      <c r="D49659" s="14" t="s">
        <v>281</v>
      </c>
      <c r="E49659" s="15">
        <v>45395</v>
      </c>
      <c r="F49659" s="14" t="s">
        <v>61</v>
      </c>
      <c r="G49659" s="16">
        <v>0</v>
      </c>
    </row>
    <row r="49660" spans="1:7" x14ac:dyDescent="0.3">
      <c r="A49660" s="13" t="s">
        <v>280</v>
      </c>
      <c r="B49660" s="14" t="s">
        <v>1</v>
      </c>
      <c r="C49660" s="14" t="s">
        <v>109</v>
      </c>
      <c r="D49660" s="14" t="s">
        <v>281</v>
      </c>
      <c r="E49660" s="15">
        <v>45396</v>
      </c>
      <c r="F49660" s="14" t="s">
        <v>61</v>
      </c>
      <c r="G49660" s="16">
        <v>0</v>
      </c>
    </row>
    <row r="49661" spans="1:7" x14ac:dyDescent="0.3">
      <c r="A49661" s="13" t="s">
        <v>280</v>
      </c>
      <c r="B49661" s="14" t="s">
        <v>1</v>
      </c>
      <c r="C49661" s="14" t="s">
        <v>109</v>
      </c>
      <c r="D49661" s="14" t="s">
        <v>281</v>
      </c>
      <c r="E49661" s="15">
        <v>45397</v>
      </c>
      <c r="F49661" s="14" t="s">
        <v>61</v>
      </c>
      <c r="G49661" s="16">
        <v>0</v>
      </c>
    </row>
    <row r="49662" spans="1:7" x14ac:dyDescent="0.3">
      <c r="A49662" s="13" t="s">
        <v>280</v>
      </c>
      <c r="B49662" s="14" t="s">
        <v>1</v>
      </c>
      <c r="C49662" s="14" t="s">
        <v>109</v>
      </c>
      <c r="D49662" s="14" t="s">
        <v>281</v>
      </c>
      <c r="E49662" s="15">
        <v>45398</v>
      </c>
      <c r="F49662" s="14" t="s">
        <v>61</v>
      </c>
      <c r="G49662" s="16">
        <v>0</v>
      </c>
    </row>
    <row r="49663" spans="1:7" x14ac:dyDescent="0.3">
      <c r="A49663" s="13" t="s">
        <v>280</v>
      </c>
      <c r="B49663" s="14" t="s">
        <v>1</v>
      </c>
      <c r="C49663" s="14" t="s">
        <v>109</v>
      </c>
      <c r="D49663" s="14" t="s">
        <v>281</v>
      </c>
      <c r="E49663" s="15">
        <v>45399</v>
      </c>
      <c r="F49663" s="14" t="s">
        <v>61</v>
      </c>
      <c r="G49663" s="16">
        <v>0</v>
      </c>
    </row>
    <row r="49664" spans="1:7" x14ac:dyDescent="0.3">
      <c r="A49664" s="13" t="s">
        <v>280</v>
      </c>
      <c r="B49664" s="14" t="s">
        <v>1</v>
      </c>
      <c r="C49664" s="14" t="s">
        <v>109</v>
      </c>
      <c r="D49664" s="14" t="s">
        <v>281</v>
      </c>
      <c r="E49664" s="15">
        <v>45400</v>
      </c>
      <c r="F49664" s="14" t="s">
        <v>61</v>
      </c>
      <c r="G49664" s="16">
        <v>0</v>
      </c>
    </row>
    <row r="49665" spans="1:7" x14ac:dyDescent="0.3">
      <c r="A49665" s="13" t="s">
        <v>280</v>
      </c>
      <c r="B49665" s="14" t="s">
        <v>1</v>
      </c>
      <c r="C49665" s="14" t="s">
        <v>109</v>
      </c>
      <c r="D49665" s="14" t="s">
        <v>281</v>
      </c>
      <c r="E49665" s="15">
        <v>45401</v>
      </c>
      <c r="F49665" s="14" t="s">
        <v>61</v>
      </c>
      <c r="G49665" s="16">
        <v>0</v>
      </c>
    </row>
    <row r="49666" spans="1:7" x14ac:dyDescent="0.3">
      <c r="A49666" s="13" t="s">
        <v>280</v>
      </c>
      <c r="B49666" s="14" t="s">
        <v>1</v>
      </c>
      <c r="C49666" s="14" t="s">
        <v>109</v>
      </c>
      <c r="D49666" s="14" t="s">
        <v>281</v>
      </c>
      <c r="E49666" s="15">
        <v>45402</v>
      </c>
      <c r="F49666" s="14" t="s">
        <v>61</v>
      </c>
      <c r="G49666" s="16">
        <v>0</v>
      </c>
    </row>
    <row r="49667" spans="1:7" x14ac:dyDescent="0.3">
      <c r="A49667" s="13" t="s">
        <v>280</v>
      </c>
      <c r="B49667" s="14" t="s">
        <v>1</v>
      </c>
      <c r="C49667" s="14" t="s">
        <v>109</v>
      </c>
      <c r="D49667" s="14" t="s">
        <v>281</v>
      </c>
      <c r="E49667" s="15">
        <v>45403</v>
      </c>
      <c r="F49667" s="14" t="s">
        <v>61</v>
      </c>
      <c r="G49667" s="16">
        <v>0</v>
      </c>
    </row>
    <row r="49668" spans="1:7" x14ac:dyDescent="0.3">
      <c r="A49668" s="13" t="s">
        <v>280</v>
      </c>
      <c r="B49668" s="14" t="s">
        <v>1</v>
      </c>
      <c r="C49668" s="14" t="s">
        <v>109</v>
      </c>
      <c r="D49668" s="14" t="s">
        <v>281</v>
      </c>
      <c r="E49668" s="15">
        <v>45404</v>
      </c>
      <c r="F49668" s="14" t="s">
        <v>61</v>
      </c>
      <c r="G49668" s="16">
        <v>0</v>
      </c>
    </row>
    <row r="49669" spans="1:7" x14ac:dyDescent="0.3">
      <c r="A49669" s="13" t="s">
        <v>280</v>
      </c>
      <c r="B49669" s="14" t="s">
        <v>1</v>
      </c>
      <c r="C49669" s="14" t="s">
        <v>109</v>
      </c>
      <c r="D49669" s="14" t="s">
        <v>281</v>
      </c>
      <c r="E49669" s="15">
        <v>45405</v>
      </c>
      <c r="F49669" s="14" t="s">
        <v>61</v>
      </c>
      <c r="G49669" s="16">
        <v>0</v>
      </c>
    </row>
    <row r="49670" spans="1:7" x14ac:dyDescent="0.3">
      <c r="A49670" s="13" t="s">
        <v>280</v>
      </c>
      <c r="B49670" s="14" t="s">
        <v>1</v>
      </c>
      <c r="C49670" s="14" t="s">
        <v>109</v>
      </c>
      <c r="D49670" s="14" t="s">
        <v>281</v>
      </c>
      <c r="E49670" s="15">
        <v>45406</v>
      </c>
      <c r="F49670" s="14" t="s">
        <v>61</v>
      </c>
      <c r="G49670" s="16">
        <v>0</v>
      </c>
    </row>
    <row r="49671" spans="1:7" x14ac:dyDescent="0.3">
      <c r="A49671" s="13" t="s">
        <v>280</v>
      </c>
      <c r="B49671" s="14" t="s">
        <v>1</v>
      </c>
      <c r="C49671" s="14" t="s">
        <v>109</v>
      </c>
      <c r="D49671" s="14" t="s">
        <v>281</v>
      </c>
      <c r="E49671" s="15">
        <v>45407</v>
      </c>
      <c r="F49671" s="14" t="s">
        <v>61</v>
      </c>
      <c r="G49671" s="16">
        <v>0</v>
      </c>
    </row>
    <row r="49672" spans="1:7" x14ac:dyDescent="0.3">
      <c r="A49672" s="13" t="s">
        <v>280</v>
      </c>
      <c r="B49672" s="14" t="s">
        <v>1</v>
      </c>
      <c r="C49672" s="14" t="s">
        <v>109</v>
      </c>
      <c r="D49672" s="14" t="s">
        <v>281</v>
      </c>
      <c r="E49672" s="15">
        <v>45408</v>
      </c>
      <c r="F49672" s="14" t="s">
        <v>61</v>
      </c>
      <c r="G49672" s="16">
        <v>0</v>
      </c>
    </row>
    <row r="49673" spans="1:7" x14ac:dyDescent="0.3">
      <c r="A49673" s="13" t="s">
        <v>280</v>
      </c>
      <c r="B49673" s="14" t="s">
        <v>1</v>
      </c>
      <c r="C49673" s="14" t="s">
        <v>109</v>
      </c>
      <c r="D49673" s="14" t="s">
        <v>281</v>
      </c>
      <c r="E49673" s="15">
        <v>45409</v>
      </c>
      <c r="F49673" s="14" t="s">
        <v>61</v>
      </c>
      <c r="G49673" s="16">
        <v>0</v>
      </c>
    </row>
    <row r="49674" spans="1:7" x14ac:dyDescent="0.3">
      <c r="A49674" s="13" t="s">
        <v>280</v>
      </c>
      <c r="B49674" s="14" t="s">
        <v>1</v>
      </c>
      <c r="C49674" s="14" t="s">
        <v>109</v>
      </c>
      <c r="D49674" s="14" t="s">
        <v>281</v>
      </c>
      <c r="E49674" s="15">
        <v>45410</v>
      </c>
      <c r="F49674" s="14" t="s">
        <v>61</v>
      </c>
      <c r="G49674" s="16">
        <v>0</v>
      </c>
    </row>
    <row r="49675" spans="1:7" x14ac:dyDescent="0.3">
      <c r="A49675" s="13" t="s">
        <v>280</v>
      </c>
      <c r="B49675" s="14" t="s">
        <v>1</v>
      </c>
      <c r="C49675" s="14" t="s">
        <v>109</v>
      </c>
      <c r="D49675" s="14" t="s">
        <v>281</v>
      </c>
      <c r="E49675" s="15">
        <v>45411</v>
      </c>
      <c r="F49675" s="14" t="s">
        <v>61</v>
      </c>
      <c r="G49675" s="16">
        <v>0</v>
      </c>
    </row>
    <row r="49676" spans="1:7" x14ac:dyDescent="0.3">
      <c r="A49676" s="13" t="s">
        <v>280</v>
      </c>
      <c r="B49676" s="14" t="s">
        <v>1</v>
      </c>
      <c r="C49676" s="14" t="s">
        <v>109</v>
      </c>
      <c r="D49676" s="14" t="s">
        <v>281</v>
      </c>
      <c r="E49676" s="15">
        <v>45412</v>
      </c>
      <c r="F49676" s="14" t="s">
        <v>61</v>
      </c>
      <c r="G49676" s="16">
        <v>0</v>
      </c>
    </row>
    <row r="49677" spans="1:7" x14ac:dyDescent="0.3">
      <c r="A49677" s="13" t="s">
        <v>280</v>
      </c>
      <c r="B49677" s="14" t="s">
        <v>1</v>
      </c>
      <c r="C49677" s="14" t="s">
        <v>109</v>
      </c>
      <c r="D49677" s="14" t="s">
        <v>281</v>
      </c>
      <c r="E49677" s="15">
        <v>45413</v>
      </c>
      <c r="F49677" s="14" t="s">
        <v>61</v>
      </c>
      <c r="G49677" s="16">
        <v>0</v>
      </c>
    </row>
    <row r="49678" spans="1:7" x14ac:dyDescent="0.3">
      <c r="A49678" s="13" t="s">
        <v>280</v>
      </c>
      <c r="B49678" s="14" t="s">
        <v>1</v>
      </c>
      <c r="C49678" s="14" t="s">
        <v>109</v>
      </c>
      <c r="D49678" s="14" t="s">
        <v>281</v>
      </c>
      <c r="E49678" s="15">
        <v>45414</v>
      </c>
      <c r="F49678" s="14" t="s">
        <v>61</v>
      </c>
      <c r="G49678" s="16">
        <v>0</v>
      </c>
    </row>
    <row r="49679" spans="1:7" x14ac:dyDescent="0.3">
      <c r="A49679" s="13" t="s">
        <v>280</v>
      </c>
      <c r="B49679" s="14" t="s">
        <v>1</v>
      </c>
      <c r="C49679" s="14" t="s">
        <v>109</v>
      </c>
      <c r="D49679" s="14" t="s">
        <v>281</v>
      </c>
      <c r="E49679" s="15">
        <v>45415</v>
      </c>
      <c r="F49679" s="14" t="s">
        <v>61</v>
      </c>
      <c r="G49679" s="16">
        <v>0</v>
      </c>
    </row>
    <row r="49680" spans="1:7" x14ac:dyDescent="0.3">
      <c r="A49680" s="13" t="s">
        <v>280</v>
      </c>
      <c r="B49680" s="14" t="s">
        <v>1</v>
      </c>
      <c r="C49680" s="14" t="s">
        <v>109</v>
      </c>
      <c r="D49680" s="14" t="s">
        <v>281</v>
      </c>
      <c r="E49680" s="15">
        <v>45416</v>
      </c>
      <c r="F49680" s="14" t="s">
        <v>61</v>
      </c>
      <c r="G49680" s="16">
        <v>0</v>
      </c>
    </row>
    <row r="49681" spans="1:7" x14ac:dyDescent="0.3">
      <c r="A49681" s="13" t="s">
        <v>280</v>
      </c>
      <c r="B49681" s="14" t="s">
        <v>1</v>
      </c>
      <c r="C49681" s="14" t="s">
        <v>109</v>
      </c>
      <c r="D49681" s="14" t="s">
        <v>281</v>
      </c>
      <c r="E49681" s="15">
        <v>45417</v>
      </c>
      <c r="F49681" s="14" t="s">
        <v>61</v>
      </c>
      <c r="G49681" s="16">
        <v>0</v>
      </c>
    </row>
    <row r="49682" spans="1:7" x14ac:dyDescent="0.3">
      <c r="A49682" s="13" t="s">
        <v>280</v>
      </c>
      <c r="B49682" s="14" t="s">
        <v>1</v>
      </c>
      <c r="C49682" s="14" t="s">
        <v>109</v>
      </c>
      <c r="D49682" s="14" t="s">
        <v>281</v>
      </c>
      <c r="E49682" s="15">
        <v>45418</v>
      </c>
      <c r="F49682" s="14" t="s">
        <v>61</v>
      </c>
      <c r="G49682" s="16">
        <v>0</v>
      </c>
    </row>
    <row r="49683" spans="1:7" x14ac:dyDescent="0.3">
      <c r="A49683" s="13" t="s">
        <v>280</v>
      </c>
      <c r="B49683" s="14" t="s">
        <v>1</v>
      </c>
      <c r="C49683" s="14" t="s">
        <v>109</v>
      </c>
      <c r="D49683" s="14" t="s">
        <v>281</v>
      </c>
      <c r="E49683" s="15">
        <v>45419</v>
      </c>
      <c r="F49683" s="14" t="s">
        <v>61</v>
      </c>
      <c r="G49683" s="16">
        <v>0</v>
      </c>
    </row>
    <row r="49684" spans="1:7" x14ac:dyDescent="0.3">
      <c r="A49684" s="13" t="s">
        <v>280</v>
      </c>
      <c r="B49684" s="14" t="s">
        <v>1</v>
      </c>
      <c r="C49684" s="14" t="s">
        <v>109</v>
      </c>
      <c r="D49684" s="14" t="s">
        <v>281</v>
      </c>
      <c r="E49684" s="15">
        <v>45420</v>
      </c>
      <c r="F49684" s="14" t="s">
        <v>61</v>
      </c>
      <c r="G49684" s="16">
        <v>0</v>
      </c>
    </row>
    <row r="49685" spans="1:7" x14ac:dyDescent="0.3">
      <c r="A49685" s="13" t="s">
        <v>280</v>
      </c>
      <c r="B49685" s="14" t="s">
        <v>1</v>
      </c>
      <c r="C49685" s="14" t="s">
        <v>109</v>
      </c>
      <c r="D49685" s="14" t="s">
        <v>281</v>
      </c>
      <c r="E49685" s="15">
        <v>45421</v>
      </c>
      <c r="F49685" s="14" t="s">
        <v>61</v>
      </c>
      <c r="G49685" s="16">
        <v>0</v>
      </c>
    </row>
    <row r="49686" spans="1:7" x14ac:dyDescent="0.3">
      <c r="A49686" s="13" t="s">
        <v>280</v>
      </c>
      <c r="B49686" s="14" t="s">
        <v>1</v>
      </c>
      <c r="C49686" s="14" t="s">
        <v>109</v>
      </c>
      <c r="D49686" s="14" t="s">
        <v>281</v>
      </c>
      <c r="E49686" s="15">
        <v>45422</v>
      </c>
      <c r="F49686" s="14" t="s">
        <v>61</v>
      </c>
      <c r="G49686" s="16">
        <v>0</v>
      </c>
    </row>
    <row r="49687" spans="1:7" x14ac:dyDescent="0.3">
      <c r="A49687" s="13" t="s">
        <v>280</v>
      </c>
      <c r="B49687" s="14" t="s">
        <v>1</v>
      </c>
      <c r="C49687" s="14" t="s">
        <v>109</v>
      </c>
      <c r="D49687" s="14" t="s">
        <v>281</v>
      </c>
      <c r="E49687" s="15">
        <v>45423</v>
      </c>
      <c r="F49687" s="14" t="s">
        <v>61</v>
      </c>
      <c r="G49687" s="16">
        <v>0</v>
      </c>
    </row>
    <row r="49688" spans="1:7" x14ac:dyDescent="0.3">
      <c r="A49688" s="13" t="s">
        <v>280</v>
      </c>
      <c r="B49688" s="14" t="s">
        <v>1</v>
      </c>
      <c r="C49688" s="14" t="s">
        <v>109</v>
      </c>
      <c r="D49688" s="14" t="s">
        <v>281</v>
      </c>
      <c r="E49688" s="15">
        <v>45424</v>
      </c>
      <c r="F49688" s="14" t="s">
        <v>61</v>
      </c>
      <c r="G49688" s="16">
        <v>0</v>
      </c>
    </row>
    <row r="49689" spans="1:7" x14ac:dyDescent="0.3">
      <c r="A49689" s="13" t="s">
        <v>280</v>
      </c>
      <c r="B49689" s="14" t="s">
        <v>1</v>
      </c>
      <c r="C49689" s="14" t="s">
        <v>109</v>
      </c>
      <c r="D49689" s="14" t="s">
        <v>281</v>
      </c>
      <c r="E49689" s="15">
        <v>45425</v>
      </c>
      <c r="F49689" s="14" t="s">
        <v>61</v>
      </c>
      <c r="G49689" s="16">
        <v>0</v>
      </c>
    </row>
    <row r="49690" spans="1:7" x14ac:dyDescent="0.3">
      <c r="A49690" s="13" t="s">
        <v>280</v>
      </c>
      <c r="B49690" s="14" t="s">
        <v>1</v>
      </c>
      <c r="C49690" s="14" t="s">
        <v>109</v>
      </c>
      <c r="D49690" s="14" t="s">
        <v>281</v>
      </c>
      <c r="E49690" s="15">
        <v>45426</v>
      </c>
      <c r="F49690" s="14" t="s">
        <v>61</v>
      </c>
      <c r="G49690" s="16">
        <v>0</v>
      </c>
    </row>
    <row r="49691" spans="1:7" x14ac:dyDescent="0.3">
      <c r="A49691" s="13" t="s">
        <v>280</v>
      </c>
      <c r="B49691" s="14" t="s">
        <v>1</v>
      </c>
      <c r="C49691" s="14" t="s">
        <v>109</v>
      </c>
      <c r="D49691" s="14" t="s">
        <v>281</v>
      </c>
      <c r="E49691" s="15">
        <v>45427</v>
      </c>
      <c r="F49691" s="14" t="s">
        <v>61</v>
      </c>
      <c r="G49691" s="16">
        <v>0</v>
      </c>
    </row>
    <row r="49692" spans="1:7" x14ac:dyDescent="0.3">
      <c r="A49692" s="13" t="s">
        <v>280</v>
      </c>
      <c r="B49692" s="14" t="s">
        <v>1</v>
      </c>
      <c r="C49692" s="14" t="s">
        <v>109</v>
      </c>
      <c r="D49692" s="14" t="s">
        <v>281</v>
      </c>
      <c r="E49692" s="15">
        <v>45428</v>
      </c>
      <c r="F49692" s="14" t="s">
        <v>61</v>
      </c>
      <c r="G49692" s="16">
        <v>0</v>
      </c>
    </row>
    <row r="49693" spans="1:7" x14ac:dyDescent="0.3">
      <c r="A49693" s="13" t="s">
        <v>280</v>
      </c>
      <c r="B49693" s="14" t="s">
        <v>1</v>
      </c>
      <c r="C49693" s="14" t="s">
        <v>109</v>
      </c>
      <c r="D49693" s="14" t="s">
        <v>281</v>
      </c>
      <c r="E49693" s="15">
        <v>45429</v>
      </c>
      <c r="F49693" s="14" t="s">
        <v>61</v>
      </c>
      <c r="G49693" s="16">
        <v>0</v>
      </c>
    </row>
    <row r="49694" spans="1:7" x14ac:dyDescent="0.3">
      <c r="A49694" s="13" t="s">
        <v>280</v>
      </c>
      <c r="B49694" s="14" t="s">
        <v>1</v>
      </c>
      <c r="C49694" s="14" t="s">
        <v>109</v>
      </c>
      <c r="D49694" s="14" t="s">
        <v>281</v>
      </c>
      <c r="E49694" s="15">
        <v>45430</v>
      </c>
      <c r="F49694" s="14" t="s">
        <v>61</v>
      </c>
      <c r="G49694" s="16">
        <v>0</v>
      </c>
    </row>
    <row r="49695" spans="1:7" x14ac:dyDescent="0.3">
      <c r="A49695" s="13" t="s">
        <v>280</v>
      </c>
      <c r="B49695" s="14" t="s">
        <v>1</v>
      </c>
      <c r="C49695" s="14" t="s">
        <v>109</v>
      </c>
      <c r="D49695" s="14" t="s">
        <v>281</v>
      </c>
      <c r="E49695" s="15">
        <v>45431</v>
      </c>
      <c r="F49695" s="14" t="s">
        <v>61</v>
      </c>
      <c r="G49695" s="16">
        <v>0</v>
      </c>
    </row>
    <row r="49696" spans="1:7" x14ac:dyDescent="0.3">
      <c r="A49696" s="13" t="s">
        <v>280</v>
      </c>
      <c r="B49696" s="14" t="s">
        <v>1</v>
      </c>
      <c r="C49696" s="14" t="s">
        <v>109</v>
      </c>
      <c r="D49696" s="14" t="s">
        <v>281</v>
      </c>
      <c r="E49696" s="15">
        <v>45432</v>
      </c>
      <c r="F49696" s="14" t="s">
        <v>61</v>
      </c>
      <c r="G49696" s="16">
        <v>0</v>
      </c>
    </row>
    <row r="49697" spans="1:7" x14ac:dyDescent="0.3">
      <c r="A49697" s="13" t="s">
        <v>280</v>
      </c>
      <c r="B49697" s="14" t="s">
        <v>1</v>
      </c>
      <c r="C49697" s="14" t="s">
        <v>109</v>
      </c>
      <c r="D49697" s="14" t="s">
        <v>281</v>
      </c>
      <c r="E49697" s="15">
        <v>45433</v>
      </c>
      <c r="F49697" s="14" t="s">
        <v>61</v>
      </c>
      <c r="G49697" s="16">
        <v>0</v>
      </c>
    </row>
    <row r="49698" spans="1:7" x14ac:dyDescent="0.3">
      <c r="A49698" s="13" t="s">
        <v>280</v>
      </c>
      <c r="B49698" s="14" t="s">
        <v>1</v>
      </c>
      <c r="C49698" s="14" t="s">
        <v>109</v>
      </c>
      <c r="D49698" s="14" t="s">
        <v>281</v>
      </c>
      <c r="E49698" s="15">
        <v>45434</v>
      </c>
      <c r="F49698" s="14" t="s">
        <v>61</v>
      </c>
      <c r="G49698" s="16">
        <v>0</v>
      </c>
    </row>
    <row r="49699" spans="1:7" x14ac:dyDescent="0.3">
      <c r="A49699" s="13" t="s">
        <v>280</v>
      </c>
      <c r="B49699" s="14" t="s">
        <v>1</v>
      </c>
      <c r="C49699" s="14" t="s">
        <v>109</v>
      </c>
      <c r="D49699" s="14" t="s">
        <v>281</v>
      </c>
      <c r="E49699" s="15">
        <v>45435</v>
      </c>
      <c r="F49699" s="14" t="s">
        <v>61</v>
      </c>
      <c r="G49699" s="16">
        <v>0</v>
      </c>
    </row>
    <row r="49700" spans="1:7" x14ac:dyDescent="0.3">
      <c r="A49700" s="13" t="s">
        <v>280</v>
      </c>
      <c r="B49700" s="14" t="s">
        <v>1</v>
      </c>
      <c r="C49700" s="14" t="s">
        <v>109</v>
      </c>
      <c r="D49700" s="14" t="s">
        <v>281</v>
      </c>
      <c r="E49700" s="15">
        <v>45436</v>
      </c>
      <c r="F49700" s="14" t="s">
        <v>61</v>
      </c>
      <c r="G49700" s="16">
        <v>0</v>
      </c>
    </row>
    <row r="49701" spans="1:7" x14ac:dyDescent="0.3">
      <c r="A49701" s="13" t="s">
        <v>280</v>
      </c>
      <c r="B49701" s="14" t="s">
        <v>1</v>
      </c>
      <c r="C49701" s="14" t="s">
        <v>109</v>
      </c>
      <c r="D49701" s="14" t="s">
        <v>281</v>
      </c>
      <c r="E49701" s="15">
        <v>45437</v>
      </c>
      <c r="F49701" s="14" t="s">
        <v>61</v>
      </c>
      <c r="G49701" s="16">
        <v>0</v>
      </c>
    </row>
    <row r="49702" spans="1:7" x14ac:dyDescent="0.3">
      <c r="A49702" s="13" t="s">
        <v>280</v>
      </c>
      <c r="B49702" s="14" t="s">
        <v>1</v>
      </c>
      <c r="C49702" s="14" t="s">
        <v>109</v>
      </c>
      <c r="D49702" s="14" t="s">
        <v>281</v>
      </c>
      <c r="E49702" s="15">
        <v>45438</v>
      </c>
      <c r="F49702" s="14" t="s">
        <v>61</v>
      </c>
      <c r="G49702" s="16">
        <v>0</v>
      </c>
    </row>
    <row r="49703" spans="1:7" x14ac:dyDescent="0.3">
      <c r="A49703" s="13" t="s">
        <v>280</v>
      </c>
      <c r="B49703" s="14" t="s">
        <v>1</v>
      </c>
      <c r="C49703" s="14" t="s">
        <v>109</v>
      </c>
      <c r="D49703" s="14" t="s">
        <v>281</v>
      </c>
      <c r="E49703" s="15">
        <v>45439</v>
      </c>
      <c r="F49703" s="14" t="s">
        <v>61</v>
      </c>
      <c r="G49703" s="16">
        <v>0</v>
      </c>
    </row>
    <row r="49704" spans="1:7" x14ac:dyDescent="0.3">
      <c r="A49704" s="13" t="s">
        <v>280</v>
      </c>
      <c r="B49704" s="14" t="s">
        <v>1</v>
      </c>
      <c r="C49704" s="14" t="s">
        <v>109</v>
      </c>
      <c r="D49704" s="14" t="s">
        <v>281</v>
      </c>
      <c r="E49704" s="15">
        <v>45440</v>
      </c>
      <c r="F49704" s="14" t="s">
        <v>61</v>
      </c>
      <c r="G49704" s="16">
        <v>0</v>
      </c>
    </row>
    <row r="49705" spans="1:7" x14ac:dyDescent="0.3">
      <c r="A49705" s="13" t="s">
        <v>280</v>
      </c>
      <c r="B49705" s="14" t="s">
        <v>1</v>
      </c>
      <c r="C49705" s="14" t="s">
        <v>109</v>
      </c>
      <c r="D49705" s="14" t="s">
        <v>281</v>
      </c>
      <c r="E49705" s="15">
        <v>45441</v>
      </c>
      <c r="F49705" s="14" t="s">
        <v>61</v>
      </c>
      <c r="G49705" s="16">
        <v>0</v>
      </c>
    </row>
    <row r="49706" spans="1:7" x14ac:dyDescent="0.3">
      <c r="A49706" s="13" t="s">
        <v>280</v>
      </c>
      <c r="B49706" s="14" t="s">
        <v>1</v>
      </c>
      <c r="C49706" s="14" t="s">
        <v>109</v>
      </c>
      <c r="D49706" s="14" t="s">
        <v>281</v>
      </c>
      <c r="E49706" s="15">
        <v>45442</v>
      </c>
      <c r="F49706" s="14" t="s">
        <v>61</v>
      </c>
      <c r="G49706" s="16">
        <v>0</v>
      </c>
    </row>
    <row r="49707" spans="1:7" x14ac:dyDescent="0.3">
      <c r="A49707" s="13" t="s">
        <v>280</v>
      </c>
      <c r="B49707" s="14" t="s">
        <v>1</v>
      </c>
      <c r="C49707" s="14" t="s">
        <v>109</v>
      </c>
      <c r="D49707" s="14" t="s">
        <v>281</v>
      </c>
      <c r="E49707" s="15">
        <v>45443</v>
      </c>
      <c r="F49707" s="14" t="s">
        <v>61</v>
      </c>
      <c r="G49707" s="16">
        <v>0</v>
      </c>
    </row>
    <row r="49708" spans="1:7" x14ac:dyDescent="0.3">
      <c r="A49708" s="13" t="s">
        <v>280</v>
      </c>
      <c r="B49708" s="14" t="s">
        <v>1</v>
      </c>
      <c r="C49708" s="14" t="s">
        <v>109</v>
      </c>
      <c r="D49708" s="14" t="s">
        <v>281</v>
      </c>
      <c r="E49708" s="15">
        <v>45444</v>
      </c>
      <c r="F49708" s="14" t="s">
        <v>61</v>
      </c>
      <c r="G49708" s="16">
        <v>0</v>
      </c>
    </row>
    <row r="49709" spans="1:7" x14ac:dyDescent="0.3">
      <c r="A49709" s="13" t="s">
        <v>280</v>
      </c>
      <c r="B49709" s="14" t="s">
        <v>1</v>
      </c>
      <c r="C49709" s="14" t="s">
        <v>109</v>
      </c>
      <c r="D49709" s="14" t="s">
        <v>281</v>
      </c>
      <c r="E49709" s="15">
        <v>45445</v>
      </c>
      <c r="F49709" s="14" t="s">
        <v>61</v>
      </c>
      <c r="G49709" s="16">
        <v>0</v>
      </c>
    </row>
    <row r="49710" spans="1:7" x14ac:dyDescent="0.3">
      <c r="A49710" s="13" t="s">
        <v>280</v>
      </c>
      <c r="B49710" s="14" t="s">
        <v>1</v>
      </c>
      <c r="C49710" s="14" t="s">
        <v>109</v>
      </c>
      <c r="D49710" s="14" t="s">
        <v>281</v>
      </c>
      <c r="E49710" s="15">
        <v>45446</v>
      </c>
      <c r="F49710" s="14" t="s">
        <v>61</v>
      </c>
      <c r="G49710" s="16">
        <v>0</v>
      </c>
    </row>
    <row r="49711" spans="1:7" x14ac:dyDescent="0.3">
      <c r="A49711" s="13" t="s">
        <v>280</v>
      </c>
      <c r="B49711" s="14" t="s">
        <v>1</v>
      </c>
      <c r="C49711" s="14" t="s">
        <v>109</v>
      </c>
      <c r="D49711" s="14" t="s">
        <v>281</v>
      </c>
      <c r="E49711" s="15">
        <v>45447</v>
      </c>
      <c r="F49711" s="14" t="s">
        <v>61</v>
      </c>
      <c r="G49711" s="16">
        <v>0</v>
      </c>
    </row>
    <row r="49712" spans="1:7" x14ac:dyDescent="0.3">
      <c r="A49712" s="13" t="s">
        <v>280</v>
      </c>
      <c r="B49712" s="14" t="s">
        <v>1</v>
      </c>
      <c r="C49712" s="14" t="s">
        <v>109</v>
      </c>
      <c r="D49712" s="14" t="s">
        <v>281</v>
      </c>
      <c r="E49712" s="15">
        <v>45448</v>
      </c>
      <c r="F49712" s="14" t="s">
        <v>61</v>
      </c>
      <c r="G49712" s="16">
        <v>0</v>
      </c>
    </row>
    <row r="49713" spans="1:7" x14ac:dyDescent="0.3">
      <c r="A49713" s="13" t="s">
        <v>280</v>
      </c>
      <c r="B49713" s="14" t="s">
        <v>1</v>
      </c>
      <c r="C49713" s="14" t="s">
        <v>109</v>
      </c>
      <c r="D49713" s="14" t="s">
        <v>281</v>
      </c>
      <c r="E49713" s="15">
        <v>45449</v>
      </c>
      <c r="F49713" s="14" t="s">
        <v>61</v>
      </c>
      <c r="G49713" s="16">
        <v>0</v>
      </c>
    </row>
    <row r="49714" spans="1:7" x14ac:dyDescent="0.3">
      <c r="A49714" s="13" t="s">
        <v>280</v>
      </c>
      <c r="B49714" s="14" t="s">
        <v>1</v>
      </c>
      <c r="C49714" s="14" t="s">
        <v>109</v>
      </c>
      <c r="D49714" s="14" t="s">
        <v>281</v>
      </c>
      <c r="E49714" s="15">
        <v>45450</v>
      </c>
      <c r="F49714" s="14" t="s">
        <v>61</v>
      </c>
      <c r="G49714" s="16">
        <v>0</v>
      </c>
    </row>
    <row r="49715" spans="1:7" x14ac:dyDescent="0.3">
      <c r="A49715" s="13" t="s">
        <v>280</v>
      </c>
      <c r="B49715" s="14" t="s">
        <v>1</v>
      </c>
      <c r="C49715" s="14" t="s">
        <v>109</v>
      </c>
      <c r="D49715" s="14" t="s">
        <v>281</v>
      </c>
      <c r="E49715" s="15">
        <v>45451</v>
      </c>
      <c r="F49715" s="14" t="s">
        <v>61</v>
      </c>
      <c r="G49715" s="16">
        <v>0</v>
      </c>
    </row>
    <row r="49716" spans="1:7" x14ac:dyDescent="0.3">
      <c r="A49716" s="13" t="s">
        <v>280</v>
      </c>
      <c r="B49716" s="14" t="s">
        <v>1</v>
      </c>
      <c r="C49716" s="14" t="s">
        <v>109</v>
      </c>
      <c r="D49716" s="14" t="s">
        <v>281</v>
      </c>
      <c r="E49716" s="15">
        <v>45452</v>
      </c>
      <c r="F49716" s="14" t="s">
        <v>61</v>
      </c>
      <c r="G49716" s="16">
        <v>0</v>
      </c>
    </row>
    <row r="49717" spans="1:7" x14ac:dyDescent="0.3">
      <c r="A49717" s="13" t="s">
        <v>280</v>
      </c>
      <c r="B49717" s="14" t="s">
        <v>1</v>
      </c>
      <c r="C49717" s="14" t="s">
        <v>109</v>
      </c>
      <c r="D49717" s="14" t="s">
        <v>281</v>
      </c>
      <c r="E49717" s="15">
        <v>45453</v>
      </c>
      <c r="F49717" s="14" t="s">
        <v>61</v>
      </c>
      <c r="G49717" s="16">
        <v>0</v>
      </c>
    </row>
    <row r="49718" spans="1:7" x14ac:dyDescent="0.3">
      <c r="A49718" s="13" t="s">
        <v>280</v>
      </c>
      <c r="B49718" s="14" t="s">
        <v>1</v>
      </c>
      <c r="C49718" s="14" t="s">
        <v>109</v>
      </c>
      <c r="D49718" s="14" t="s">
        <v>281</v>
      </c>
      <c r="E49718" s="15">
        <v>45454</v>
      </c>
      <c r="F49718" s="14" t="s">
        <v>61</v>
      </c>
      <c r="G49718" s="16">
        <v>0</v>
      </c>
    </row>
    <row r="49719" spans="1:7" x14ac:dyDescent="0.3">
      <c r="A49719" s="13" t="s">
        <v>280</v>
      </c>
      <c r="B49719" s="14" t="s">
        <v>1</v>
      </c>
      <c r="C49719" s="14" t="s">
        <v>109</v>
      </c>
      <c r="D49719" s="14" t="s">
        <v>281</v>
      </c>
      <c r="E49719" s="15">
        <v>45455</v>
      </c>
      <c r="F49719" s="14" t="s">
        <v>61</v>
      </c>
      <c r="G49719" s="16">
        <v>0</v>
      </c>
    </row>
    <row r="49720" spans="1:7" x14ac:dyDescent="0.3">
      <c r="A49720" s="13" t="s">
        <v>280</v>
      </c>
      <c r="B49720" s="14" t="s">
        <v>1</v>
      </c>
      <c r="C49720" s="14" t="s">
        <v>109</v>
      </c>
      <c r="D49720" s="14" t="s">
        <v>281</v>
      </c>
      <c r="E49720" s="15">
        <v>45456</v>
      </c>
      <c r="F49720" s="14" t="s">
        <v>61</v>
      </c>
      <c r="G49720" s="16">
        <v>0</v>
      </c>
    </row>
    <row r="49721" spans="1:7" x14ac:dyDescent="0.3">
      <c r="A49721" s="13" t="s">
        <v>280</v>
      </c>
      <c r="B49721" s="14" t="s">
        <v>1</v>
      </c>
      <c r="C49721" s="14" t="s">
        <v>109</v>
      </c>
      <c r="D49721" s="14" t="s">
        <v>281</v>
      </c>
      <c r="E49721" s="15">
        <v>45457</v>
      </c>
      <c r="F49721" s="14" t="s">
        <v>61</v>
      </c>
      <c r="G49721" s="16">
        <v>0</v>
      </c>
    </row>
    <row r="49722" spans="1:7" x14ac:dyDescent="0.3">
      <c r="A49722" s="13" t="s">
        <v>280</v>
      </c>
      <c r="B49722" s="14" t="s">
        <v>1</v>
      </c>
      <c r="C49722" s="14" t="s">
        <v>109</v>
      </c>
      <c r="D49722" s="14" t="s">
        <v>281</v>
      </c>
      <c r="E49722" s="15">
        <v>45458</v>
      </c>
      <c r="F49722" s="14" t="s">
        <v>61</v>
      </c>
      <c r="G49722" s="16">
        <v>0</v>
      </c>
    </row>
    <row r="49723" spans="1:7" x14ac:dyDescent="0.3">
      <c r="A49723" s="13" t="s">
        <v>280</v>
      </c>
      <c r="B49723" s="14" t="s">
        <v>1</v>
      </c>
      <c r="C49723" s="14" t="s">
        <v>109</v>
      </c>
      <c r="D49723" s="14" t="s">
        <v>281</v>
      </c>
      <c r="E49723" s="15">
        <v>45459</v>
      </c>
      <c r="F49723" s="14" t="s">
        <v>61</v>
      </c>
      <c r="G49723" s="16">
        <v>0</v>
      </c>
    </row>
    <row r="49724" spans="1:7" x14ac:dyDescent="0.3">
      <c r="A49724" s="13" t="s">
        <v>280</v>
      </c>
      <c r="B49724" s="14" t="s">
        <v>1</v>
      </c>
      <c r="C49724" s="14" t="s">
        <v>109</v>
      </c>
      <c r="D49724" s="14" t="s">
        <v>281</v>
      </c>
      <c r="E49724" s="15">
        <v>45460</v>
      </c>
      <c r="F49724" s="14" t="s">
        <v>61</v>
      </c>
      <c r="G49724" s="16">
        <v>0</v>
      </c>
    </row>
    <row r="49725" spans="1:7" x14ac:dyDescent="0.3">
      <c r="A49725" s="13" t="s">
        <v>280</v>
      </c>
      <c r="B49725" s="14" t="s">
        <v>1</v>
      </c>
      <c r="C49725" s="14" t="s">
        <v>109</v>
      </c>
      <c r="D49725" s="14" t="s">
        <v>281</v>
      </c>
      <c r="E49725" s="15">
        <v>45461</v>
      </c>
      <c r="F49725" s="14" t="s">
        <v>61</v>
      </c>
      <c r="G49725" s="16">
        <v>0</v>
      </c>
    </row>
    <row r="49726" spans="1:7" x14ac:dyDescent="0.3">
      <c r="A49726" s="13" t="s">
        <v>280</v>
      </c>
      <c r="B49726" s="14" t="s">
        <v>1</v>
      </c>
      <c r="C49726" s="14" t="s">
        <v>109</v>
      </c>
      <c r="D49726" s="14" t="s">
        <v>281</v>
      </c>
      <c r="E49726" s="15">
        <v>45462</v>
      </c>
      <c r="F49726" s="14" t="s">
        <v>61</v>
      </c>
      <c r="G49726" s="16">
        <v>0</v>
      </c>
    </row>
    <row r="49727" spans="1:7" x14ac:dyDescent="0.3">
      <c r="A49727" s="13" t="s">
        <v>280</v>
      </c>
      <c r="B49727" s="14" t="s">
        <v>1</v>
      </c>
      <c r="C49727" s="14" t="s">
        <v>109</v>
      </c>
      <c r="D49727" s="14" t="s">
        <v>281</v>
      </c>
      <c r="E49727" s="15">
        <v>45463</v>
      </c>
      <c r="F49727" s="14" t="s">
        <v>61</v>
      </c>
      <c r="G49727" s="16">
        <v>0</v>
      </c>
    </row>
    <row r="49728" spans="1:7" x14ac:dyDescent="0.3">
      <c r="A49728" s="13" t="s">
        <v>280</v>
      </c>
      <c r="B49728" s="14" t="s">
        <v>1</v>
      </c>
      <c r="C49728" s="14" t="s">
        <v>109</v>
      </c>
      <c r="D49728" s="14" t="s">
        <v>281</v>
      </c>
      <c r="E49728" s="15">
        <v>45464</v>
      </c>
      <c r="F49728" s="14" t="s">
        <v>61</v>
      </c>
      <c r="G49728" s="16">
        <v>0</v>
      </c>
    </row>
    <row r="49729" spans="1:7" x14ac:dyDescent="0.3">
      <c r="A49729" s="13" t="s">
        <v>280</v>
      </c>
      <c r="B49729" s="14" t="s">
        <v>1</v>
      </c>
      <c r="C49729" s="14" t="s">
        <v>109</v>
      </c>
      <c r="D49729" s="14" t="s">
        <v>281</v>
      </c>
      <c r="E49729" s="15">
        <v>45465</v>
      </c>
      <c r="F49729" s="14" t="s">
        <v>61</v>
      </c>
      <c r="G49729" s="16">
        <v>0</v>
      </c>
    </row>
    <row r="49730" spans="1:7" x14ac:dyDescent="0.3">
      <c r="A49730" s="13" t="s">
        <v>280</v>
      </c>
      <c r="B49730" s="14" t="s">
        <v>1</v>
      </c>
      <c r="C49730" s="14" t="s">
        <v>109</v>
      </c>
      <c r="D49730" s="14" t="s">
        <v>281</v>
      </c>
      <c r="E49730" s="15">
        <v>45466</v>
      </c>
      <c r="F49730" s="14" t="s">
        <v>61</v>
      </c>
      <c r="G49730" s="16">
        <v>0</v>
      </c>
    </row>
    <row r="49731" spans="1:7" x14ac:dyDescent="0.3">
      <c r="A49731" s="13" t="s">
        <v>280</v>
      </c>
      <c r="B49731" s="14" t="s">
        <v>1</v>
      </c>
      <c r="C49731" s="14" t="s">
        <v>109</v>
      </c>
      <c r="D49731" s="14" t="s">
        <v>281</v>
      </c>
      <c r="E49731" s="15">
        <v>45467</v>
      </c>
      <c r="F49731" s="14" t="s">
        <v>61</v>
      </c>
      <c r="G49731" s="16">
        <v>0</v>
      </c>
    </row>
    <row r="49732" spans="1:7" x14ac:dyDescent="0.3">
      <c r="A49732" s="13" t="s">
        <v>280</v>
      </c>
      <c r="B49732" s="14" t="s">
        <v>1</v>
      </c>
      <c r="C49732" s="14" t="s">
        <v>109</v>
      </c>
      <c r="D49732" s="14" t="s">
        <v>281</v>
      </c>
      <c r="E49732" s="15">
        <v>45468</v>
      </c>
      <c r="F49732" s="14" t="s">
        <v>61</v>
      </c>
      <c r="G49732" s="16">
        <v>0</v>
      </c>
    </row>
    <row r="49733" spans="1:7" x14ac:dyDescent="0.3">
      <c r="A49733" s="13" t="s">
        <v>280</v>
      </c>
      <c r="B49733" s="14" t="s">
        <v>1</v>
      </c>
      <c r="C49733" s="14" t="s">
        <v>109</v>
      </c>
      <c r="D49733" s="14" t="s">
        <v>281</v>
      </c>
      <c r="E49733" s="15">
        <v>45469</v>
      </c>
      <c r="F49733" s="14" t="s">
        <v>61</v>
      </c>
      <c r="G49733" s="16">
        <v>0</v>
      </c>
    </row>
    <row r="49734" spans="1:7" x14ac:dyDescent="0.3">
      <c r="A49734" s="13" t="s">
        <v>280</v>
      </c>
      <c r="B49734" s="14" t="s">
        <v>1</v>
      </c>
      <c r="C49734" s="14" t="s">
        <v>109</v>
      </c>
      <c r="D49734" s="14" t="s">
        <v>281</v>
      </c>
      <c r="E49734" s="15">
        <v>45470</v>
      </c>
      <c r="F49734" s="14" t="s">
        <v>61</v>
      </c>
      <c r="G49734" s="16">
        <v>0</v>
      </c>
    </row>
    <row r="49735" spans="1:7" x14ac:dyDescent="0.3">
      <c r="A49735" s="13" t="s">
        <v>280</v>
      </c>
      <c r="B49735" s="14" t="s">
        <v>1</v>
      </c>
      <c r="C49735" s="14" t="s">
        <v>109</v>
      </c>
      <c r="D49735" s="14" t="s">
        <v>281</v>
      </c>
      <c r="E49735" s="15">
        <v>45471</v>
      </c>
      <c r="F49735" s="14" t="s">
        <v>61</v>
      </c>
      <c r="G49735" s="16">
        <v>0</v>
      </c>
    </row>
    <row r="49736" spans="1:7" x14ac:dyDescent="0.3">
      <c r="A49736" s="13" t="s">
        <v>280</v>
      </c>
      <c r="B49736" s="14" t="s">
        <v>1</v>
      </c>
      <c r="C49736" s="14" t="s">
        <v>109</v>
      </c>
      <c r="D49736" s="14" t="s">
        <v>281</v>
      </c>
      <c r="E49736" s="15">
        <v>45472</v>
      </c>
      <c r="F49736" s="14" t="s">
        <v>61</v>
      </c>
      <c r="G49736" s="16">
        <v>0</v>
      </c>
    </row>
    <row r="49737" spans="1:7" x14ac:dyDescent="0.3">
      <c r="A49737" s="13" t="s">
        <v>280</v>
      </c>
      <c r="B49737" s="14" t="s">
        <v>1</v>
      </c>
      <c r="C49737" s="14" t="s">
        <v>109</v>
      </c>
      <c r="D49737" s="14" t="s">
        <v>281</v>
      </c>
      <c r="E49737" s="15">
        <v>45473</v>
      </c>
      <c r="F49737" s="14" t="s">
        <v>61</v>
      </c>
      <c r="G49737" s="16">
        <v>0</v>
      </c>
    </row>
    <row r="49738" spans="1:7" x14ac:dyDescent="0.3">
      <c r="A49738" s="13" t="s">
        <v>280</v>
      </c>
      <c r="B49738" s="14" t="s">
        <v>1</v>
      </c>
      <c r="C49738" s="14" t="s">
        <v>109</v>
      </c>
      <c r="D49738" s="14" t="s">
        <v>281</v>
      </c>
      <c r="E49738" s="15">
        <v>45474</v>
      </c>
      <c r="F49738" s="14" t="s">
        <v>61</v>
      </c>
      <c r="G49738" s="16">
        <v>0</v>
      </c>
    </row>
    <row r="49739" spans="1:7" x14ac:dyDescent="0.3">
      <c r="A49739" s="13" t="s">
        <v>280</v>
      </c>
      <c r="B49739" s="14" t="s">
        <v>1</v>
      </c>
      <c r="C49739" s="14" t="s">
        <v>109</v>
      </c>
      <c r="D49739" s="14" t="s">
        <v>281</v>
      </c>
      <c r="E49739" s="15">
        <v>45475</v>
      </c>
      <c r="F49739" s="14" t="s">
        <v>61</v>
      </c>
      <c r="G49739" s="16">
        <v>0</v>
      </c>
    </row>
    <row r="49740" spans="1:7" x14ac:dyDescent="0.3">
      <c r="A49740" s="13" t="s">
        <v>280</v>
      </c>
      <c r="B49740" s="14" t="s">
        <v>1</v>
      </c>
      <c r="C49740" s="14" t="s">
        <v>109</v>
      </c>
      <c r="D49740" s="14" t="s">
        <v>281</v>
      </c>
      <c r="E49740" s="15">
        <v>45476</v>
      </c>
      <c r="F49740" s="14" t="s">
        <v>61</v>
      </c>
      <c r="G49740" s="16">
        <v>0</v>
      </c>
    </row>
    <row r="49741" spans="1:7" x14ac:dyDescent="0.3">
      <c r="A49741" s="13" t="s">
        <v>280</v>
      </c>
      <c r="B49741" s="14" t="s">
        <v>1</v>
      </c>
      <c r="C49741" s="14" t="s">
        <v>109</v>
      </c>
      <c r="D49741" s="14" t="s">
        <v>281</v>
      </c>
      <c r="E49741" s="15">
        <v>45477</v>
      </c>
      <c r="F49741" s="14" t="s">
        <v>61</v>
      </c>
      <c r="G49741" s="16">
        <v>0</v>
      </c>
    </row>
    <row r="49742" spans="1:7" x14ac:dyDescent="0.3">
      <c r="A49742" s="13" t="s">
        <v>280</v>
      </c>
      <c r="B49742" s="14" t="s">
        <v>1</v>
      </c>
      <c r="C49742" s="14" t="s">
        <v>109</v>
      </c>
      <c r="D49742" s="14" t="s">
        <v>281</v>
      </c>
      <c r="E49742" s="15">
        <v>45478</v>
      </c>
      <c r="F49742" s="14" t="s">
        <v>61</v>
      </c>
      <c r="G49742" s="16">
        <v>0</v>
      </c>
    </row>
    <row r="49743" spans="1:7" x14ac:dyDescent="0.3">
      <c r="A49743" s="13" t="s">
        <v>280</v>
      </c>
      <c r="B49743" s="14" t="s">
        <v>1</v>
      </c>
      <c r="C49743" s="14" t="s">
        <v>109</v>
      </c>
      <c r="D49743" s="14" t="s">
        <v>281</v>
      </c>
      <c r="E49743" s="15">
        <v>45479</v>
      </c>
      <c r="F49743" s="14" t="s">
        <v>61</v>
      </c>
      <c r="G49743" s="16">
        <v>0</v>
      </c>
    </row>
    <row r="49744" spans="1:7" x14ac:dyDescent="0.3">
      <c r="A49744" s="13" t="s">
        <v>280</v>
      </c>
      <c r="B49744" s="14" t="s">
        <v>1</v>
      </c>
      <c r="C49744" s="14" t="s">
        <v>109</v>
      </c>
      <c r="D49744" s="14" t="s">
        <v>281</v>
      </c>
      <c r="E49744" s="15">
        <v>45480</v>
      </c>
      <c r="F49744" s="14" t="s">
        <v>61</v>
      </c>
      <c r="G49744" s="16">
        <v>0</v>
      </c>
    </row>
    <row r="49745" spans="1:7" x14ac:dyDescent="0.3">
      <c r="A49745" s="13" t="s">
        <v>280</v>
      </c>
      <c r="B49745" s="14" t="s">
        <v>1</v>
      </c>
      <c r="C49745" s="14" t="s">
        <v>109</v>
      </c>
      <c r="D49745" s="14" t="s">
        <v>281</v>
      </c>
      <c r="E49745" s="15">
        <v>45481</v>
      </c>
      <c r="F49745" s="14" t="s">
        <v>61</v>
      </c>
      <c r="G49745" s="16">
        <v>0</v>
      </c>
    </row>
    <row r="49746" spans="1:7" x14ac:dyDescent="0.3">
      <c r="A49746" s="13" t="s">
        <v>280</v>
      </c>
      <c r="B49746" s="14" t="s">
        <v>1</v>
      </c>
      <c r="C49746" s="14" t="s">
        <v>109</v>
      </c>
      <c r="D49746" s="14" t="s">
        <v>281</v>
      </c>
      <c r="E49746" s="15">
        <v>45482</v>
      </c>
      <c r="F49746" s="14" t="s">
        <v>61</v>
      </c>
      <c r="G49746" s="16">
        <v>0</v>
      </c>
    </row>
    <row r="49747" spans="1:7" x14ac:dyDescent="0.3">
      <c r="A49747" s="13" t="s">
        <v>280</v>
      </c>
      <c r="B49747" s="14" t="s">
        <v>1</v>
      </c>
      <c r="C49747" s="14" t="s">
        <v>109</v>
      </c>
      <c r="D49747" s="14" t="s">
        <v>281</v>
      </c>
      <c r="E49747" s="15">
        <v>45483</v>
      </c>
      <c r="F49747" s="14" t="s">
        <v>61</v>
      </c>
      <c r="G49747" s="16">
        <v>0</v>
      </c>
    </row>
    <row r="49748" spans="1:7" x14ac:dyDescent="0.3">
      <c r="A49748" s="13" t="s">
        <v>280</v>
      </c>
      <c r="B49748" s="14" t="s">
        <v>1</v>
      </c>
      <c r="C49748" s="14" t="s">
        <v>109</v>
      </c>
      <c r="D49748" s="14" t="s">
        <v>281</v>
      </c>
      <c r="E49748" s="15">
        <v>45484</v>
      </c>
      <c r="F49748" s="14" t="s">
        <v>61</v>
      </c>
      <c r="G49748" s="16">
        <v>0</v>
      </c>
    </row>
    <row r="49749" spans="1:7" x14ac:dyDescent="0.3">
      <c r="A49749" s="13" t="s">
        <v>280</v>
      </c>
      <c r="B49749" s="14" t="s">
        <v>1</v>
      </c>
      <c r="C49749" s="14" t="s">
        <v>109</v>
      </c>
      <c r="D49749" s="14" t="s">
        <v>281</v>
      </c>
      <c r="E49749" s="15">
        <v>45485</v>
      </c>
      <c r="F49749" s="14" t="s">
        <v>61</v>
      </c>
      <c r="G49749" s="16">
        <v>0</v>
      </c>
    </row>
    <row r="49750" spans="1:7" x14ac:dyDescent="0.3">
      <c r="A49750" s="13" t="s">
        <v>280</v>
      </c>
      <c r="B49750" s="14" t="s">
        <v>1</v>
      </c>
      <c r="C49750" s="14" t="s">
        <v>109</v>
      </c>
      <c r="D49750" s="14" t="s">
        <v>281</v>
      </c>
      <c r="E49750" s="15">
        <v>45486</v>
      </c>
      <c r="F49750" s="14" t="s">
        <v>61</v>
      </c>
      <c r="G49750" s="16">
        <v>0</v>
      </c>
    </row>
    <row r="49751" spans="1:7" x14ac:dyDescent="0.3">
      <c r="A49751" s="13" t="s">
        <v>280</v>
      </c>
      <c r="B49751" s="14" t="s">
        <v>1</v>
      </c>
      <c r="C49751" s="14" t="s">
        <v>109</v>
      </c>
      <c r="D49751" s="14" t="s">
        <v>281</v>
      </c>
      <c r="E49751" s="15">
        <v>45487</v>
      </c>
      <c r="F49751" s="14" t="s">
        <v>61</v>
      </c>
      <c r="G49751" s="16">
        <v>0</v>
      </c>
    </row>
    <row r="49752" spans="1:7" x14ac:dyDescent="0.3">
      <c r="A49752" s="13" t="s">
        <v>280</v>
      </c>
      <c r="B49752" s="14" t="s">
        <v>1</v>
      </c>
      <c r="C49752" s="14" t="s">
        <v>109</v>
      </c>
      <c r="D49752" s="14" t="s">
        <v>281</v>
      </c>
      <c r="E49752" s="15">
        <v>45488</v>
      </c>
      <c r="F49752" s="14" t="s">
        <v>61</v>
      </c>
      <c r="G49752" s="16">
        <v>0</v>
      </c>
    </row>
    <row r="49753" spans="1:7" x14ac:dyDescent="0.3">
      <c r="A49753" s="13" t="s">
        <v>280</v>
      </c>
      <c r="B49753" s="14" t="s">
        <v>1</v>
      </c>
      <c r="C49753" s="14" t="s">
        <v>109</v>
      </c>
      <c r="D49753" s="14" t="s">
        <v>281</v>
      </c>
      <c r="E49753" s="15">
        <v>45489</v>
      </c>
      <c r="F49753" s="14" t="s">
        <v>61</v>
      </c>
      <c r="G49753" s="16">
        <v>0</v>
      </c>
    </row>
    <row r="49754" spans="1:7" x14ac:dyDescent="0.3">
      <c r="A49754" s="13" t="s">
        <v>280</v>
      </c>
      <c r="B49754" s="14" t="s">
        <v>1</v>
      </c>
      <c r="C49754" s="14" t="s">
        <v>109</v>
      </c>
      <c r="D49754" s="14" t="s">
        <v>281</v>
      </c>
      <c r="E49754" s="15">
        <v>45490</v>
      </c>
      <c r="F49754" s="14" t="s">
        <v>61</v>
      </c>
      <c r="G49754" s="16">
        <v>0</v>
      </c>
    </row>
    <row r="49755" spans="1:7" x14ac:dyDescent="0.3">
      <c r="A49755" s="13" t="s">
        <v>280</v>
      </c>
      <c r="B49755" s="14" t="s">
        <v>1</v>
      </c>
      <c r="C49755" s="14" t="s">
        <v>109</v>
      </c>
      <c r="D49755" s="14" t="s">
        <v>281</v>
      </c>
      <c r="E49755" s="15">
        <v>45491</v>
      </c>
      <c r="F49755" s="14" t="s">
        <v>61</v>
      </c>
      <c r="G49755" s="16">
        <v>0</v>
      </c>
    </row>
    <row r="49756" spans="1:7" x14ac:dyDescent="0.3">
      <c r="A49756" s="13" t="s">
        <v>280</v>
      </c>
      <c r="B49756" s="14" t="s">
        <v>1</v>
      </c>
      <c r="C49756" s="14" t="s">
        <v>109</v>
      </c>
      <c r="D49756" s="14" t="s">
        <v>281</v>
      </c>
      <c r="E49756" s="15">
        <v>45492</v>
      </c>
      <c r="F49756" s="14" t="s">
        <v>61</v>
      </c>
      <c r="G49756" s="16">
        <v>0</v>
      </c>
    </row>
    <row r="49757" spans="1:7" x14ac:dyDescent="0.3">
      <c r="A49757" s="13" t="s">
        <v>280</v>
      </c>
      <c r="B49757" s="14" t="s">
        <v>1</v>
      </c>
      <c r="C49757" s="14" t="s">
        <v>109</v>
      </c>
      <c r="D49757" s="14" t="s">
        <v>281</v>
      </c>
      <c r="E49757" s="15">
        <v>45493</v>
      </c>
      <c r="F49757" s="14" t="s">
        <v>61</v>
      </c>
      <c r="G49757" s="16">
        <v>0</v>
      </c>
    </row>
    <row r="49758" spans="1:7" x14ac:dyDescent="0.3">
      <c r="A49758" s="13" t="s">
        <v>280</v>
      </c>
      <c r="B49758" s="14" t="s">
        <v>1</v>
      </c>
      <c r="C49758" s="14" t="s">
        <v>109</v>
      </c>
      <c r="D49758" s="14" t="s">
        <v>281</v>
      </c>
      <c r="E49758" s="15">
        <v>45494</v>
      </c>
      <c r="F49758" s="14" t="s">
        <v>61</v>
      </c>
      <c r="G49758" s="16">
        <v>0</v>
      </c>
    </row>
    <row r="49759" spans="1:7" x14ac:dyDescent="0.3">
      <c r="A49759" s="13" t="s">
        <v>280</v>
      </c>
      <c r="B49759" s="14" t="s">
        <v>1</v>
      </c>
      <c r="C49759" s="14" t="s">
        <v>109</v>
      </c>
      <c r="D49759" s="14" t="s">
        <v>281</v>
      </c>
      <c r="E49759" s="15">
        <v>45495</v>
      </c>
      <c r="F49759" s="14" t="s">
        <v>61</v>
      </c>
      <c r="G49759" s="16">
        <v>0</v>
      </c>
    </row>
    <row r="49760" spans="1:7" x14ac:dyDescent="0.3">
      <c r="A49760" s="13" t="s">
        <v>280</v>
      </c>
      <c r="B49760" s="14" t="s">
        <v>1</v>
      </c>
      <c r="C49760" s="14" t="s">
        <v>109</v>
      </c>
      <c r="D49760" s="14" t="s">
        <v>281</v>
      </c>
      <c r="E49760" s="15">
        <v>45496</v>
      </c>
      <c r="F49760" s="14" t="s">
        <v>61</v>
      </c>
      <c r="G49760" s="16">
        <v>0</v>
      </c>
    </row>
    <row r="49761" spans="1:7" x14ac:dyDescent="0.3">
      <c r="A49761" s="13" t="s">
        <v>280</v>
      </c>
      <c r="B49761" s="14" t="s">
        <v>1</v>
      </c>
      <c r="C49761" s="14" t="s">
        <v>109</v>
      </c>
      <c r="D49761" s="14" t="s">
        <v>281</v>
      </c>
      <c r="E49761" s="15">
        <v>45497</v>
      </c>
      <c r="F49761" s="14" t="s">
        <v>61</v>
      </c>
      <c r="G49761" s="16">
        <v>0</v>
      </c>
    </row>
    <row r="49762" spans="1:7" x14ac:dyDescent="0.3">
      <c r="A49762" s="13" t="s">
        <v>280</v>
      </c>
      <c r="B49762" s="14" t="s">
        <v>1</v>
      </c>
      <c r="C49762" s="14" t="s">
        <v>109</v>
      </c>
      <c r="D49762" s="14" t="s">
        <v>281</v>
      </c>
      <c r="E49762" s="15">
        <v>45498</v>
      </c>
      <c r="F49762" s="14" t="s">
        <v>61</v>
      </c>
      <c r="G49762" s="16">
        <v>0</v>
      </c>
    </row>
    <row r="49763" spans="1:7" x14ac:dyDescent="0.3">
      <c r="A49763" s="13" t="s">
        <v>280</v>
      </c>
      <c r="B49763" s="14" t="s">
        <v>1</v>
      </c>
      <c r="C49763" s="14" t="s">
        <v>109</v>
      </c>
      <c r="D49763" s="14" t="s">
        <v>281</v>
      </c>
      <c r="E49763" s="15">
        <v>45499</v>
      </c>
      <c r="F49763" s="14" t="s">
        <v>61</v>
      </c>
      <c r="G49763" s="16">
        <v>0</v>
      </c>
    </row>
    <row r="49764" spans="1:7" x14ac:dyDescent="0.3">
      <c r="A49764" s="13" t="s">
        <v>280</v>
      </c>
      <c r="B49764" s="14" t="s">
        <v>1</v>
      </c>
      <c r="C49764" s="14" t="s">
        <v>109</v>
      </c>
      <c r="D49764" s="14" t="s">
        <v>281</v>
      </c>
      <c r="E49764" s="15">
        <v>45500</v>
      </c>
      <c r="F49764" s="14" t="s">
        <v>61</v>
      </c>
      <c r="G49764" s="16">
        <v>0</v>
      </c>
    </row>
    <row r="49765" spans="1:7" x14ac:dyDescent="0.3">
      <c r="A49765" s="13" t="s">
        <v>280</v>
      </c>
      <c r="B49765" s="14" t="s">
        <v>1</v>
      </c>
      <c r="C49765" s="14" t="s">
        <v>109</v>
      </c>
      <c r="D49765" s="14" t="s">
        <v>281</v>
      </c>
      <c r="E49765" s="15">
        <v>45501</v>
      </c>
      <c r="F49765" s="14" t="s">
        <v>61</v>
      </c>
      <c r="G49765" s="16">
        <v>0</v>
      </c>
    </row>
    <row r="49766" spans="1:7" x14ac:dyDescent="0.3">
      <c r="A49766" s="13" t="s">
        <v>280</v>
      </c>
      <c r="B49766" s="14" t="s">
        <v>1</v>
      </c>
      <c r="C49766" s="14" t="s">
        <v>109</v>
      </c>
      <c r="D49766" s="14" t="s">
        <v>281</v>
      </c>
      <c r="E49766" s="15">
        <v>45502</v>
      </c>
      <c r="F49766" s="14" t="s">
        <v>61</v>
      </c>
      <c r="G49766" s="16">
        <v>0</v>
      </c>
    </row>
    <row r="49767" spans="1:7" x14ac:dyDescent="0.3">
      <c r="A49767" s="13" t="s">
        <v>280</v>
      </c>
      <c r="B49767" s="14" t="s">
        <v>1</v>
      </c>
      <c r="C49767" s="14" t="s">
        <v>109</v>
      </c>
      <c r="D49767" s="14" t="s">
        <v>281</v>
      </c>
      <c r="E49767" s="15">
        <v>45503</v>
      </c>
      <c r="F49767" s="14" t="s">
        <v>61</v>
      </c>
      <c r="G49767" s="16">
        <v>0</v>
      </c>
    </row>
    <row r="49768" spans="1:7" x14ac:dyDescent="0.3">
      <c r="A49768" s="13" t="s">
        <v>280</v>
      </c>
      <c r="B49768" s="14" t="s">
        <v>1</v>
      </c>
      <c r="C49768" s="14" t="s">
        <v>109</v>
      </c>
      <c r="D49768" s="14" t="s">
        <v>281</v>
      </c>
      <c r="E49768" s="15">
        <v>45504</v>
      </c>
      <c r="F49768" s="14" t="s">
        <v>61</v>
      </c>
      <c r="G49768" s="16">
        <v>0</v>
      </c>
    </row>
    <row r="49769" spans="1:7" x14ac:dyDescent="0.3">
      <c r="A49769" s="13" t="s">
        <v>280</v>
      </c>
      <c r="B49769" s="14" t="s">
        <v>1</v>
      </c>
      <c r="C49769" s="14" t="s">
        <v>109</v>
      </c>
      <c r="D49769" s="14" t="s">
        <v>281</v>
      </c>
      <c r="E49769" s="15">
        <v>45505</v>
      </c>
      <c r="F49769" s="14" t="s">
        <v>61</v>
      </c>
      <c r="G49769" s="16">
        <v>0</v>
      </c>
    </row>
    <row r="49770" spans="1:7" x14ac:dyDescent="0.3">
      <c r="A49770" s="13" t="s">
        <v>280</v>
      </c>
      <c r="B49770" s="14" t="s">
        <v>1</v>
      </c>
      <c r="C49770" s="14" t="s">
        <v>109</v>
      </c>
      <c r="D49770" s="14" t="s">
        <v>281</v>
      </c>
      <c r="E49770" s="15">
        <v>45506</v>
      </c>
      <c r="F49770" s="14" t="s">
        <v>61</v>
      </c>
      <c r="G49770" s="16">
        <v>0</v>
      </c>
    </row>
    <row r="49771" spans="1:7" x14ac:dyDescent="0.3">
      <c r="A49771" s="13" t="s">
        <v>280</v>
      </c>
      <c r="B49771" s="14" t="s">
        <v>1</v>
      </c>
      <c r="C49771" s="14" t="s">
        <v>109</v>
      </c>
      <c r="D49771" s="14" t="s">
        <v>281</v>
      </c>
      <c r="E49771" s="15">
        <v>45507</v>
      </c>
      <c r="F49771" s="14" t="s">
        <v>61</v>
      </c>
      <c r="G49771" s="16">
        <v>0</v>
      </c>
    </row>
    <row r="49772" spans="1:7" x14ac:dyDescent="0.3">
      <c r="A49772" s="13" t="s">
        <v>280</v>
      </c>
      <c r="B49772" s="14" t="s">
        <v>1</v>
      </c>
      <c r="C49772" s="14" t="s">
        <v>109</v>
      </c>
      <c r="D49772" s="14" t="s">
        <v>281</v>
      </c>
      <c r="E49772" s="15">
        <v>45508</v>
      </c>
      <c r="F49772" s="14" t="s">
        <v>61</v>
      </c>
      <c r="G49772" s="16">
        <v>0</v>
      </c>
    </row>
    <row r="49773" spans="1:7" x14ac:dyDescent="0.3">
      <c r="A49773" s="13" t="s">
        <v>280</v>
      </c>
      <c r="B49773" s="14" t="s">
        <v>1</v>
      </c>
      <c r="C49773" s="14" t="s">
        <v>109</v>
      </c>
      <c r="D49773" s="14" t="s">
        <v>281</v>
      </c>
      <c r="E49773" s="15">
        <v>45509</v>
      </c>
      <c r="F49773" s="14" t="s">
        <v>61</v>
      </c>
      <c r="G49773" s="16">
        <v>0</v>
      </c>
    </row>
    <row r="49774" spans="1:7" x14ac:dyDescent="0.3">
      <c r="A49774" s="13" t="s">
        <v>280</v>
      </c>
      <c r="B49774" s="14" t="s">
        <v>1</v>
      </c>
      <c r="C49774" s="14" t="s">
        <v>109</v>
      </c>
      <c r="D49774" s="14" t="s">
        <v>281</v>
      </c>
      <c r="E49774" s="15">
        <v>45510</v>
      </c>
      <c r="F49774" s="14" t="s">
        <v>61</v>
      </c>
      <c r="G49774" s="16">
        <v>0</v>
      </c>
    </row>
    <row r="49775" spans="1:7" x14ac:dyDescent="0.3">
      <c r="A49775" s="13" t="s">
        <v>280</v>
      </c>
      <c r="B49775" s="14" t="s">
        <v>1</v>
      </c>
      <c r="C49775" s="14" t="s">
        <v>109</v>
      </c>
      <c r="D49775" s="14" t="s">
        <v>281</v>
      </c>
      <c r="E49775" s="15">
        <v>45511</v>
      </c>
      <c r="F49775" s="14" t="s">
        <v>61</v>
      </c>
      <c r="G49775" s="16">
        <v>0</v>
      </c>
    </row>
    <row r="49776" spans="1:7" x14ac:dyDescent="0.3">
      <c r="A49776" s="13" t="s">
        <v>280</v>
      </c>
      <c r="B49776" s="14" t="s">
        <v>1</v>
      </c>
      <c r="C49776" s="14" t="s">
        <v>109</v>
      </c>
      <c r="D49776" s="14" t="s">
        <v>281</v>
      </c>
      <c r="E49776" s="15">
        <v>45512</v>
      </c>
      <c r="F49776" s="14" t="s">
        <v>61</v>
      </c>
      <c r="G49776" s="16">
        <v>0</v>
      </c>
    </row>
    <row r="49777" spans="1:7" x14ac:dyDescent="0.3">
      <c r="A49777" s="13" t="s">
        <v>280</v>
      </c>
      <c r="B49777" s="14" t="s">
        <v>1</v>
      </c>
      <c r="C49777" s="14" t="s">
        <v>109</v>
      </c>
      <c r="D49777" s="14" t="s">
        <v>281</v>
      </c>
      <c r="E49777" s="15">
        <v>45513</v>
      </c>
      <c r="F49777" s="14" t="s">
        <v>61</v>
      </c>
      <c r="G49777" s="16">
        <v>0</v>
      </c>
    </row>
    <row r="49778" spans="1:7" x14ac:dyDescent="0.3">
      <c r="A49778" s="13" t="s">
        <v>280</v>
      </c>
      <c r="B49778" s="14" t="s">
        <v>1</v>
      </c>
      <c r="C49778" s="14" t="s">
        <v>109</v>
      </c>
      <c r="D49778" s="14" t="s">
        <v>281</v>
      </c>
      <c r="E49778" s="15">
        <v>45514</v>
      </c>
      <c r="F49778" s="14" t="s">
        <v>61</v>
      </c>
      <c r="G49778" s="16">
        <v>0</v>
      </c>
    </row>
    <row r="49779" spans="1:7" x14ac:dyDescent="0.3">
      <c r="A49779" s="13" t="s">
        <v>280</v>
      </c>
      <c r="B49779" s="14" t="s">
        <v>1</v>
      </c>
      <c r="C49779" s="14" t="s">
        <v>109</v>
      </c>
      <c r="D49779" s="14" t="s">
        <v>281</v>
      </c>
      <c r="E49779" s="15">
        <v>45515</v>
      </c>
      <c r="F49779" s="14" t="s">
        <v>61</v>
      </c>
      <c r="G49779" s="16">
        <v>0</v>
      </c>
    </row>
    <row r="49780" spans="1:7" x14ac:dyDescent="0.3">
      <c r="A49780" s="13" t="s">
        <v>280</v>
      </c>
      <c r="B49780" s="14" t="s">
        <v>1</v>
      </c>
      <c r="C49780" s="14" t="s">
        <v>109</v>
      </c>
      <c r="D49780" s="14" t="s">
        <v>281</v>
      </c>
      <c r="E49780" s="15">
        <v>45516</v>
      </c>
      <c r="F49780" s="14" t="s">
        <v>61</v>
      </c>
      <c r="G49780" s="16">
        <v>0</v>
      </c>
    </row>
    <row r="49781" spans="1:7" x14ac:dyDescent="0.3">
      <c r="A49781" s="13" t="s">
        <v>280</v>
      </c>
      <c r="B49781" s="14" t="s">
        <v>1</v>
      </c>
      <c r="C49781" s="14" t="s">
        <v>109</v>
      </c>
      <c r="D49781" s="14" t="s">
        <v>281</v>
      </c>
      <c r="E49781" s="15">
        <v>45517</v>
      </c>
      <c r="F49781" s="14" t="s">
        <v>61</v>
      </c>
      <c r="G49781" s="16">
        <v>0</v>
      </c>
    </row>
    <row r="49782" spans="1:7" x14ac:dyDescent="0.3">
      <c r="A49782" s="13" t="s">
        <v>280</v>
      </c>
      <c r="B49782" s="14" t="s">
        <v>1</v>
      </c>
      <c r="C49782" s="14" t="s">
        <v>109</v>
      </c>
      <c r="D49782" s="14" t="s">
        <v>281</v>
      </c>
      <c r="E49782" s="15">
        <v>45518</v>
      </c>
      <c r="F49782" s="14" t="s">
        <v>61</v>
      </c>
      <c r="G49782" s="16">
        <v>0</v>
      </c>
    </row>
    <row r="49783" spans="1:7" x14ac:dyDescent="0.3">
      <c r="A49783" s="13" t="s">
        <v>280</v>
      </c>
      <c r="B49783" s="14" t="s">
        <v>1</v>
      </c>
      <c r="C49783" s="14" t="s">
        <v>109</v>
      </c>
      <c r="D49783" s="14" t="s">
        <v>281</v>
      </c>
      <c r="E49783" s="15">
        <v>45519</v>
      </c>
      <c r="F49783" s="14" t="s">
        <v>61</v>
      </c>
      <c r="G49783" s="16">
        <v>0</v>
      </c>
    </row>
    <row r="49784" spans="1:7" x14ac:dyDescent="0.3">
      <c r="A49784" s="13" t="s">
        <v>280</v>
      </c>
      <c r="B49784" s="14" t="s">
        <v>1</v>
      </c>
      <c r="C49784" s="14" t="s">
        <v>109</v>
      </c>
      <c r="D49784" s="14" t="s">
        <v>281</v>
      </c>
      <c r="E49784" s="15">
        <v>45520</v>
      </c>
      <c r="F49784" s="14" t="s">
        <v>61</v>
      </c>
      <c r="G49784" s="16">
        <v>0</v>
      </c>
    </row>
    <row r="49785" spans="1:7" x14ac:dyDescent="0.3">
      <c r="A49785" s="13" t="s">
        <v>280</v>
      </c>
      <c r="B49785" s="14" t="s">
        <v>1</v>
      </c>
      <c r="C49785" s="14" t="s">
        <v>109</v>
      </c>
      <c r="D49785" s="14" t="s">
        <v>281</v>
      </c>
      <c r="E49785" s="15">
        <v>45521</v>
      </c>
      <c r="F49785" s="14" t="s">
        <v>61</v>
      </c>
      <c r="G49785" s="16">
        <v>0</v>
      </c>
    </row>
    <row r="49786" spans="1:7" x14ac:dyDescent="0.3">
      <c r="A49786" s="13" t="s">
        <v>280</v>
      </c>
      <c r="B49786" s="14" t="s">
        <v>1</v>
      </c>
      <c r="C49786" s="14" t="s">
        <v>109</v>
      </c>
      <c r="D49786" s="14" t="s">
        <v>281</v>
      </c>
      <c r="E49786" s="15">
        <v>45522</v>
      </c>
      <c r="F49786" s="14" t="s">
        <v>61</v>
      </c>
      <c r="G49786" s="16">
        <v>0</v>
      </c>
    </row>
    <row r="49787" spans="1:7" x14ac:dyDescent="0.3">
      <c r="A49787" s="13" t="s">
        <v>280</v>
      </c>
      <c r="B49787" s="14" t="s">
        <v>1</v>
      </c>
      <c r="C49787" s="14" t="s">
        <v>109</v>
      </c>
      <c r="D49787" s="14" t="s">
        <v>281</v>
      </c>
      <c r="E49787" s="15">
        <v>45523</v>
      </c>
      <c r="F49787" s="14" t="s">
        <v>61</v>
      </c>
      <c r="G49787" s="16">
        <v>0</v>
      </c>
    </row>
    <row r="49788" spans="1:7" x14ac:dyDescent="0.3">
      <c r="A49788" s="13" t="s">
        <v>280</v>
      </c>
      <c r="B49788" s="14" t="s">
        <v>1</v>
      </c>
      <c r="C49788" s="14" t="s">
        <v>109</v>
      </c>
      <c r="D49788" s="14" t="s">
        <v>281</v>
      </c>
      <c r="E49788" s="15">
        <v>45524</v>
      </c>
      <c r="F49788" s="14" t="s">
        <v>61</v>
      </c>
      <c r="G49788" s="16">
        <v>0</v>
      </c>
    </row>
    <row r="49789" spans="1:7" x14ac:dyDescent="0.3">
      <c r="A49789" s="13" t="s">
        <v>280</v>
      </c>
      <c r="B49789" s="14" t="s">
        <v>1</v>
      </c>
      <c r="C49789" s="14" t="s">
        <v>109</v>
      </c>
      <c r="D49789" s="14" t="s">
        <v>281</v>
      </c>
      <c r="E49789" s="15">
        <v>45525</v>
      </c>
      <c r="F49789" s="14" t="s">
        <v>61</v>
      </c>
      <c r="G49789" s="16">
        <v>0</v>
      </c>
    </row>
    <row r="49790" spans="1:7" x14ac:dyDescent="0.3">
      <c r="A49790" s="13" t="s">
        <v>280</v>
      </c>
      <c r="B49790" s="14" t="s">
        <v>1</v>
      </c>
      <c r="C49790" s="14" t="s">
        <v>109</v>
      </c>
      <c r="D49790" s="14" t="s">
        <v>281</v>
      </c>
      <c r="E49790" s="15">
        <v>45526</v>
      </c>
      <c r="F49790" s="14" t="s">
        <v>61</v>
      </c>
      <c r="G49790" s="16">
        <v>0</v>
      </c>
    </row>
    <row r="49791" spans="1:7" x14ac:dyDescent="0.3">
      <c r="A49791" s="13" t="s">
        <v>280</v>
      </c>
      <c r="B49791" s="14" t="s">
        <v>1</v>
      </c>
      <c r="C49791" s="14" t="s">
        <v>109</v>
      </c>
      <c r="D49791" s="14" t="s">
        <v>281</v>
      </c>
      <c r="E49791" s="15">
        <v>45527</v>
      </c>
      <c r="F49791" s="14" t="s">
        <v>61</v>
      </c>
      <c r="G49791" s="16">
        <v>0</v>
      </c>
    </row>
    <row r="49792" spans="1:7" x14ac:dyDescent="0.3">
      <c r="A49792" s="13" t="s">
        <v>280</v>
      </c>
      <c r="B49792" s="14" t="s">
        <v>1</v>
      </c>
      <c r="C49792" s="14" t="s">
        <v>109</v>
      </c>
      <c r="D49792" s="14" t="s">
        <v>281</v>
      </c>
      <c r="E49792" s="15">
        <v>45528</v>
      </c>
      <c r="F49792" s="14" t="s">
        <v>61</v>
      </c>
      <c r="G49792" s="16">
        <v>0</v>
      </c>
    </row>
    <row r="49793" spans="1:7" x14ac:dyDescent="0.3">
      <c r="A49793" s="13" t="s">
        <v>280</v>
      </c>
      <c r="B49793" s="14" t="s">
        <v>1</v>
      </c>
      <c r="C49793" s="14" t="s">
        <v>109</v>
      </c>
      <c r="D49793" s="14" t="s">
        <v>281</v>
      </c>
      <c r="E49793" s="15">
        <v>45529</v>
      </c>
      <c r="F49793" s="14" t="s">
        <v>61</v>
      </c>
      <c r="G49793" s="16">
        <v>0</v>
      </c>
    </row>
    <row r="49794" spans="1:7" x14ac:dyDescent="0.3">
      <c r="A49794" s="13" t="s">
        <v>280</v>
      </c>
      <c r="B49794" s="14" t="s">
        <v>1</v>
      </c>
      <c r="C49794" s="14" t="s">
        <v>109</v>
      </c>
      <c r="D49794" s="14" t="s">
        <v>281</v>
      </c>
      <c r="E49794" s="15">
        <v>45530</v>
      </c>
      <c r="F49794" s="14" t="s">
        <v>61</v>
      </c>
      <c r="G49794" s="16">
        <v>0</v>
      </c>
    </row>
    <row r="49795" spans="1:7" x14ac:dyDescent="0.3">
      <c r="A49795" s="13" t="s">
        <v>280</v>
      </c>
      <c r="B49795" s="14" t="s">
        <v>1</v>
      </c>
      <c r="C49795" s="14" t="s">
        <v>109</v>
      </c>
      <c r="D49795" s="14" t="s">
        <v>281</v>
      </c>
      <c r="E49795" s="15">
        <v>45531</v>
      </c>
      <c r="F49795" s="14" t="s">
        <v>61</v>
      </c>
      <c r="G49795" s="16">
        <v>0</v>
      </c>
    </row>
    <row r="49796" spans="1:7" x14ac:dyDescent="0.3">
      <c r="A49796" s="13" t="s">
        <v>280</v>
      </c>
      <c r="B49796" s="14" t="s">
        <v>1</v>
      </c>
      <c r="C49796" s="14" t="s">
        <v>109</v>
      </c>
      <c r="D49796" s="14" t="s">
        <v>281</v>
      </c>
      <c r="E49796" s="15">
        <v>45532</v>
      </c>
      <c r="F49796" s="14" t="s">
        <v>61</v>
      </c>
      <c r="G49796" s="16">
        <v>0</v>
      </c>
    </row>
    <row r="49797" spans="1:7" x14ac:dyDescent="0.3">
      <c r="A49797" s="13" t="s">
        <v>280</v>
      </c>
      <c r="B49797" s="14" t="s">
        <v>1</v>
      </c>
      <c r="C49797" s="14" t="s">
        <v>109</v>
      </c>
      <c r="D49797" s="14" t="s">
        <v>281</v>
      </c>
      <c r="E49797" s="15">
        <v>45533</v>
      </c>
      <c r="F49797" s="14" t="s">
        <v>61</v>
      </c>
      <c r="G49797" s="16">
        <v>0</v>
      </c>
    </row>
    <row r="49798" spans="1:7" x14ac:dyDescent="0.3">
      <c r="A49798" s="13" t="s">
        <v>280</v>
      </c>
      <c r="B49798" s="14" t="s">
        <v>1</v>
      </c>
      <c r="C49798" s="14" t="s">
        <v>109</v>
      </c>
      <c r="D49798" s="14" t="s">
        <v>281</v>
      </c>
      <c r="E49798" s="15">
        <v>45534</v>
      </c>
      <c r="F49798" s="14" t="s">
        <v>61</v>
      </c>
      <c r="G49798" s="16">
        <v>0</v>
      </c>
    </row>
    <row r="49799" spans="1:7" x14ac:dyDescent="0.3">
      <c r="A49799" s="13" t="s">
        <v>280</v>
      </c>
      <c r="B49799" s="14" t="s">
        <v>1</v>
      </c>
      <c r="C49799" s="14" t="s">
        <v>109</v>
      </c>
      <c r="D49799" s="14" t="s">
        <v>281</v>
      </c>
      <c r="E49799" s="15">
        <v>45535</v>
      </c>
      <c r="F49799" s="14" t="s">
        <v>61</v>
      </c>
      <c r="G49799" s="16">
        <v>0</v>
      </c>
    </row>
    <row r="49800" spans="1:7" x14ac:dyDescent="0.3">
      <c r="A49800" s="13" t="s">
        <v>280</v>
      </c>
      <c r="B49800" s="14" t="s">
        <v>1</v>
      </c>
      <c r="C49800" s="14" t="s">
        <v>109</v>
      </c>
      <c r="D49800" s="14" t="s">
        <v>281</v>
      </c>
      <c r="E49800" s="15">
        <v>45536</v>
      </c>
      <c r="F49800" s="14" t="s">
        <v>61</v>
      </c>
      <c r="G49800" s="16">
        <v>0</v>
      </c>
    </row>
    <row r="49801" spans="1:7" x14ac:dyDescent="0.3">
      <c r="A49801" s="13" t="s">
        <v>280</v>
      </c>
      <c r="B49801" s="14" t="s">
        <v>1</v>
      </c>
      <c r="C49801" s="14" t="s">
        <v>109</v>
      </c>
      <c r="D49801" s="14" t="s">
        <v>281</v>
      </c>
      <c r="E49801" s="15">
        <v>45537</v>
      </c>
      <c r="F49801" s="14" t="s">
        <v>61</v>
      </c>
      <c r="G49801" s="16">
        <v>0</v>
      </c>
    </row>
    <row r="49802" spans="1:7" x14ac:dyDescent="0.3">
      <c r="A49802" s="13" t="s">
        <v>280</v>
      </c>
      <c r="B49802" s="14" t="s">
        <v>1</v>
      </c>
      <c r="C49802" s="14" t="s">
        <v>109</v>
      </c>
      <c r="D49802" s="14" t="s">
        <v>281</v>
      </c>
      <c r="E49802" s="15">
        <v>45538</v>
      </c>
      <c r="F49802" s="14" t="s">
        <v>61</v>
      </c>
      <c r="G49802" s="16">
        <v>0</v>
      </c>
    </row>
    <row r="49803" spans="1:7" x14ac:dyDescent="0.3">
      <c r="A49803" s="13" t="s">
        <v>280</v>
      </c>
      <c r="B49803" s="14" t="s">
        <v>1</v>
      </c>
      <c r="C49803" s="14" t="s">
        <v>109</v>
      </c>
      <c r="D49803" s="14" t="s">
        <v>281</v>
      </c>
      <c r="E49803" s="15">
        <v>45539</v>
      </c>
      <c r="F49803" s="14" t="s">
        <v>61</v>
      </c>
      <c r="G49803" s="16">
        <v>0</v>
      </c>
    </row>
    <row r="49804" spans="1:7" x14ac:dyDescent="0.3">
      <c r="A49804" s="13" t="s">
        <v>280</v>
      </c>
      <c r="B49804" s="14" t="s">
        <v>1</v>
      </c>
      <c r="C49804" s="14" t="s">
        <v>109</v>
      </c>
      <c r="D49804" s="14" t="s">
        <v>281</v>
      </c>
      <c r="E49804" s="15">
        <v>45540</v>
      </c>
      <c r="F49804" s="14" t="s">
        <v>61</v>
      </c>
      <c r="G49804" s="16">
        <v>0</v>
      </c>
    </row>
    <row r="49805" spans="1:7" x14ac:dyDescent="0.3">
      <c r="A49805" s="13" t="s">
        <v>280</v>
      </c>
      <c r="B49805" s="14" t="s">
        <v>1</v>
      </c>
      <c r="C49805" s="14" t="s">
        <v>109</v>
      </c>
      <c r="D49805" s="14" t="s">
        <v>281</v>
      </c>
      <c r="E49805" s="15">
        <v>45541</v>
      </c>
      <c r="F49805" s="14" t="s">
        <v>61</v>
      </c>
      <c r="G49805" s="16">
        <v>0</v>
      </c>
    </row>
    <row r="49806" spans="1:7" x14ac:dyDescent="0.3">
      <c r="A49806" s="13" t="s">
        <v>280</v>
      </c>
      <c r="B49806" s="14" t="s">
        <v>1</v>
      </c>
      <c r="C49806" s="14" t="s">
        <v>109</v>
      </c>
      <c r="D49806" s="14" t="s">
        <v>281</v>
      </c>
      <c r="E49806" s="15">
        <v>45542</v>
      </c>
      <c r="F49806" s="14" t="s">
        <v>61</v>
      </c>
      <c r="G49806" s="16">
        <v>0</v>
      </c>
    </row>
    <row r="49807" spans="1:7" x14ac:dyDescent="0.3">
      <c r="A49807" s="13" t="s">
        <v>280</v>
      </c>
      <c r="B49807" s="14" t="s">
        <v>1</v>
      </c>
      <c r="C49807" s="14" t="s">
        <v>109</v>
      </c>
      <c r="D49807" s="14" t="s">
        <v>281</v>
      </c>
      <c r="E49807" s="15">
        <v>45543</v>
      </c>
      <c r="F49807" s="14" t="s">
        <v>61</v>
      </c>
      <c r="G49807" s="16">
        <v>0</v>
      </c>
    </row>
    <row r="49808" spans="1:7" x14ac:dyDescent="0.3">
      <c r="A49808" s="13" t="s">
        <v>280</v>
      </c>
      <c r="B49808" s="14" t="s">
        <v>1</v>
      </c>
      <c r="C49808" s="14" t="s">
        <v>109</v>
      </c>
      <c r="D49808" s="14" t="s">
        <v>281</v>
      </c>
      <c r="E49808" s="15">
        <v>45544</v>
      </c>
      <c r="F49808" s="14" t="s">
        <v>61</v>
      </c>
      <c r="G49808" s="16">
        <v>0</v>
      </c>
    </row>
    <row r="49809" spans="1:7" x14ac:dyDescent="0.3">
      <c r="A49809" s="13" t="s">
        <v>280</v>
      </c>
      <c r="B49809" s="14" t="s">
        <v>1</v>
      </c>
      <c r="C49809" s="14" t="s">
        <v>109</v>
      </c>
      <c r="D49809" s="14" t="s">
        <v>281</v>
      </c>
      <c r="E49809" s="15">
        <v>45545</v>
      </c>
      <c r="F49809" s="14" t="s">
        <v>61</v>
      </c>
      <c r="G49809" s="16">
        <v>0</v>
      </c>
    </row>
    <row r="49810" spans="1:7" x14ac:dyDescent="0.3">
      <c r="A49810" s="13" t="s">
        <v>280</v>
      </c>
      <c r="B49810" s="14" t="s">
        <v>1</v>
      </c>
      <c r="C49810" s="14" t="s">
        <v>109</v>
      </c>
      <c r="D49810" s="14" t="s">
        <v>281</v>
      </c>
      <c r="E49810" s="15">
        <v>45546</v>
      </c>
      <c r="F49810" s="14" t="s">
        <v>61</v>
      </c>
      <c r="G49810" s="16">
        <v>0</v>
      </c>
    </row>
    <row r="49811" spans="1:7" x14ac:dyDescent="0.3">
      <c r="A49811" s="13" t="s">
        <v>280</v>
      </c>
      <c r="B49811" s="14" t="s">
        <v>1</v>
      </c>
      <c r="C49811" s="14" t="s">
        <v>109</v>
      </c>
      <c r="D49811" s="14" t="s">
        <v>281</v>
      </c>
      <c r="E49811" s="15">
        <v>45547</v>
      </c>
      <c r="F49811" s="14" t="s">
        <v>61</v>
      </c>
      <c r="G49811" s="16">
        <v>0</v>
      </c>
    </row>
    <row r="49812" spans="1:7" x14ac:dyDescent="0.3">
      <c r="A49812" s="13" t="s">
        <v>280</v>
      </c>
      <c r="B49812" s="14" t="s">
        <v>1</v>
      </c>
      <c r="C49812" s="14" t="s">
        <v>109</v>
      </c>
      <c r="D49812" s="14" t="s">
        <v>281</v>
      </c>
      <c r="E49812" s="15">
        <v>45548</v>
      </c>
      <c r="F49812" s="14" t="s">
        <v>61</v>
      </c>
      <c r="G49812" s="16">
        <v>0</v>
      </c>
    </row>
    <row r="49813" spans="1:7" x14ac:dyDescent="0.3">
      <c r="A49813" s="13" t="s">
        <v>280</v>
      </c>
      <c r="B49813" s="14" t="s">
        <v>1</v>
      </c>
      <c r="C49813" s="14" t="s">
        <v>109</v>
      </c>
      <c r="D49813" s="14" t="s">
        <v>281</v>
      </c>
      <c r="E49813" s="15">
        <v>45549</v>
      </c>
      <c r="F49813" s="14" t="s">
        <v>61</v>
      </c>
      <c r="G49813" s="16">
        <v>0</v>
      </c>
    </row>
    <row r="49814" spans="1:7" x14ac:dyDescent="0.3">
      <c r="A49814" s="13" t="s">
        <v>280</v>
      </c>
      <c r="B49814" s="14" t="s">
        <v>1</v>
      </c>
      <c r="C49814" s="14" t="s">
        <v>109</v>
      </c>
      <c r="D49814" s="14" t="s">
        <v>281</v>
      </c>
      <c r="E49814" s="15">
        <v>45550</v>
      </c>
      <c r="F49814" s="14" t="s">
        <v>61</v>
      </c>
      <c r="G49814" s="16">
        <v>0</v>
      </c>
    </row>
    <row r="49815" spans="1:7" x14ac:dyDescent="0.3">
      <c r="A49815" s="13" t="s">
        <v>280</v>
      </c>
      <c r="B49815" s="14" t="s">
        <v>1</v>
      </c>
      <c r="C49815" s="14" t="s">
        <v>109</v>
      </c>
      <c r="D49815" s="14" t="s">
        <v>281</v>
      </c>
      <c r="E49815" s="15">
        <v>45551</v>
      </c>
      <c r="F49815" s="14" t="s">
        <v>61</v>
      </c>
      <c r="G49815" s="16">
        <v>0</v>
      </c>
    </row>
    <row r="49816" spans="1:7" x14ac:dyDescent="0.3">
      <c r="A49816" s="13" t="s">
        <v>280</v>
      </c>
      <c r="B49816" s="14" t="s">
        <v>1</v>
      </c>
      <c r="C49816" s="14" t="s">
        <v>109</v>
      </c>
      <c r="D49816" s="14" t="s">
        <v>281</v>
      </c>
      <c r="E49816" s="15">
        <v>45552</v>
      </c>
      <c r="F49816" s="14" t="s">
        <v>61</v>
      </c>
      <c r="G49816" s="16">
        <v>0</v>
      </c>
    </row>
    <row r="49817" spans="1:7" x14ac:dyDescent="0.3">
      <c r="A49817" s="13" t="s">
        <v>280</v>
      </c>
      <c r="B49817" s="14" t="s">
        <v>1</v>
      </c>
      <c r="C49817" s="14" t="s">
        <v>109</v>
      </c>
      <c r="D49817" s="14" t="s">
        <v>281</v>
      </c>
      <c r="E49817" s="15">
        <v>45553</v>
      </c>
      <c r="F49817" s="14" t="s">
        <v>61</v>
      </c>
      <c r="G49817" s="16">
        <v>0</v>
      </c>
    </row>
    <row r="49818" spans="1:7" x14ac:dyDescent="0.3">
      <c r="A49818" s="13" t="s">
        <v>280</v>
      </c>
      <c r="B49818" s="14" t="s">
        <v>1</v>
      </c>
      <c r="C49818" s="14" t="s">
        <v>109</v>
      </c>
      <c r="D49818" s="14" t="s">
        <v>281</v>
      </c>
      <c r="E49818" s="15">
        <v>45554</v>
      </c>
      <c r="F49818" s="14" t="s">
        <v>61</v>
      </c>
      <c r="G49818" s="16">
        <v>0</v>
      </c>
    </row>
    <row r="49819" spans="1:7" x14ac:dyDescent="0.3">
      <c r="A49819" s="13" t="s">
        <v>280</v>
      </c>
      <c r="B49819" s="14" t="s">
        <v>1</v>
      </c>
      <c r="C49819" s="14" t="s">
        <v>109</v>
      </c>
      <c r="D49819" s="14" t="s">
        <v>281</v>
      </c>
      <c r="E49819" s="15">
        <v>45555</v>
      </c>
      <c r="F49819" s="14" t="s">
        <v>61</v>
      </c>
      <c r="G49819" s="16">
        <v>0</v>
      </c>
    </row>
    <row r="49820" spans="1:7" x14ac:dyDescent="0.3">
      <c r="A49820" s="13" t="s">
        <v>280</v>
      </c>
      <c r="B49820" s="14" t="s">
        <v>1</v>
      </c>
      <c r="C49820" s="14" t="s">
        <v>109</v>
      </c>
      <c r="D49820" s="14" t="s">
        <v>281</v>
      </c>
      <c r="E49820" s="15">
        <v>45556</v>
      </c>
      <c r="F49820" s="14" t="s">
        <v>61</v>
      </c>
      <c r="G49820" s="16">
        <v>0</v>
      </c>
    </row>
    <row r="49821" spans="1:7" x14ac:dyDescent="0.3">
      <c r="A49821" s="13" t="s">
        <v>280</v>
      </c>
      <c r="B49821" s="14" t="s">
        <v>1</v>
      </c>
      <c r="C49821" s="14" t="s">
        <v>109</v>
      </c>
      <c r="D49821" s="14" t="s">
        <v>281</v>
      </c>
      <c r="E49821" s="15">
        <v>45557</v>
      </c>
      <c r="F49821" s="14" t="s">
        <v>61</v>
      </c>
      <c r="G49821" s="16">
        <v>0</v>
      </c>
    </row>
    <row r="49822" spans="1:7" x14ac:dyDescent="0.3">
      <c r="A49822" s="13" t="s">
        <v>280</v>
      </c>
      <c r="B49822" s="14" t="s">
        <v>1</v>
      </c>
      <c r="C49822" s="14" t="s">
        <v>109</v>
      </c>
      <c r="D49822" s="14" t="s">
        <v>281</v>
      </c>
      <c r="E49822" s="15">
        <v>45558</v>
      </c>
      <c r="F49822" s="14" t="s">
        <v>61</v>
      </c>
      <c r="G49822" s="16">
        <v>0</v>
      </c>
    </row>
    <row r="49823" spans="1:7" x14ac:dyDescent="0.3">
      <c r="A49823" s="13" t="s">
        <v>280</v>
      </c>
      <c r="B49823" s="14" t="s">
        <v>1</v>
      </c>
      <c r="C49823" s="14" t="s">
        <v>109</v>
      </c>
      <c r="D49823" s="14" t="s">
        <v>281</v>
      </c>
      <c r="E49823" s="15">
        <v>45559</v>
      </c>
      <c r="F49823" s="14" t="s">
        <v>61</v>
      </c>
      <c r="G49823" s="16">
        <v>0</v>
      </c>
    </row>
    <row r="49824" spans="1:7" x14ac:dyDescent="0.3">
      <c r="A49824" s="13" t="s">
        <v>280</v>
      </c>
      <c r="B49824" s="14" t="s">
        <v>1</v>
      </c>
      <c r="C49824" s="14" t="s">
        <v>109</v>
      </c>
      <c r="D49824" s="14" t="s">
        <v>281</v>
      </c>
      <c r="E49824" s="15">
        <v>45560</v>
      </c>
      <c r="F49824" s="14" t="s">
        <v>61</v>
      </c>
      <c r="G49824" s="16">
        <v>0</v>
      </c>
    </row>
    <row r="49825" spans="1:7" x14ac:dyDescent="0.3">
      <c r="A49825" s="13" t="s">
        <v>280</v>
      </c>
      <c r="B49825" s="14" t="s">
        <v>1</v>
      </c>
      <c r="C49825" s="14" t="s">
        <v>109</v>
      </c>
      <c r="D49825" s="14" t="s">
        <v>281</v>
      </c>
      <c r="E49825" s="15">
        <v>45561</v>
      </c>
      <c r="F49825" s="14" t="s">
        <v>61</v>
      </c>
      <c r="G49825" s="16">
        <v>0</v>
      </c>
    </row>
    <row r="49826" spans="1:7" x14ac:dyDescent="0.3">
      <c r="A49826" s="13" t="s">
        <v>280</v>
      </c>
      <c r="B49826" s="14" t="s">
        <v>1</v>
      </c>
      <c r="C49826" s="14" t="s">
        <v>109</v>
      </c>
      <c r="D49826" s="14" t="s">
        <v>281</v>
      </c>
      <c r="E49826" s="15">
        <v>45562</v>
      </c>
      <c r="F49826" s="14" t="s">
        <v>61</v>
      </c>
      <c r="G49826" s="16">
        <v>0</v>
      </c>
    </row>
    <row r="49827" spans="1:7" x14ac:dyDescent="0.3">
      <c r="A49827" s="13" t="s">
        <v>280</v>
      </c>
      <c r="B49827" s="14" t="s">
        <v>1</v>
      </c>
      <c r="C49827" s="14" t="s">
        <v>109</v>
      </c>
      <c r="D49827" s="14" t="s">
        <v>281</v>
      </c>
      <c r="E49827" s="15">
        <v>45563</v>
      </c>
      <c r="F49827" s="14" t="s">
        <v>61</v>
      </c>
      <c r="G49827" s="16">
        <v>0</v>
      </c>
    </row>
    <row r="49828" spans="1:7" x14ac:dyDescent="0.3">
      <c r="A49828" s="13" t="s">
        <v>280</v>
      </c>
      <c r="B49828" s="14" t="s">
        <v>1</v>
      </c>
      <c r="C49828" s="14" t="s">
        <v>109</v>
      </c>
      <c r="D49828" s="14" t="s">
        <v>281</v>
      </c>
      <c r="E49828" s="15">
        <v>45564</v>
      </c>
      <c r="F49828" s="14" t="s">
        <v>61</v>
      </c>
      <c r="G49828" s="16">
        <v>0</v>
      </c>
    </row>
    <row r="49829" spans="1:7" x14ac:dyDescent="0.3">
      <c r="A49829" s="13" t="s">
        <v>280</v>
      </c>
      <c r="B49829" s="14" t="s">
        <v>1</v>
      </c>
      <c r="C49829" s="14" t="s">
        <v>109</v>
      </c>
      <c r="D49829" s="14" t="s">
        <v>281</v>
      </c>
      <c r="E49829" s="15">
        <v>45565</v>
      </c>
      <c r="F49829" s="14" t="s">
        <v>61</v>
      </c>
      <c r="G49829" s="16">
        <v>0</v>
      </c>
    </row>
    <row r="49830" spans="1:7" x14ac:dyDescent="0.3">
      <c r="A49830" s="13" t="s">
        <v>280</v>
      </c>
      <c r="B49830" s="14" t="s">
        <v>1</v>
      </c>
      <c r="C49830" s="14" t="s">
        <v>109</v>
      </c>
      <c r="D49830" s="14" t="s">
        <v>281</v>
      </c>
      <c r="E49830" s="15">
        <v>45566</v>
      </c>
      <c r="F49830" s="14" t="s">
        <v>61</v>
      </c>
      <c r="G49830" s="16">
        <v>0</v>
      </c>
    </row>
    <row r="49831" spans="1:7" x14ac:dyDescent="0.3">
      <c r="A49831" s="13" t="s">
        <v>280</v>
      </c>
      <c r="B49831" s="14" t="s">
        <v>1</v>
      </c>
      <c r="C49831" s="14" t="s">
        <v>109</v>
      </c>
      <c r="D49831" s="14" t="s">
        <v>281</v>
      </c>
      <c r="E49831" s="15">
        <v>45567</v>
      </c>
      <c r="F49831" s="14" t="s">
        <v>61</v>
      </c>
      <c r="G49831" s="16">
        <v>0</v>
      </c>
    </row>
    <row r="49832" spans="1:7" x14ac:dyDescent="0.3">
      <c r="A49832" s="13" t="s">
        <v>280</v>
      </c>
      <c r="B49832" s="14" t="s">
        <v>1</v>
      </c>
      <c r="C49832" s="14" t="s">
        <v>109</v>
      </c>
      <c r="D49832" s="14" t="s">
        <v>281</v>
      </c>
      <c r="E49832" s="15">
        <v>45568</v>
      </c>
      <c r="F49832" s="14" t="s">
        <v>61</v>
      </c>
      <c r="G49832" s="16">
        <v>0</v>
      </c>
    </row>
    <row r="49833" spans="1:7" x14ac:dyDescent="0.3">
      <c r="A49833" s="13" t="s">
        <v>280</v>
      </c>
      <c r="B49833" s="14" t="s">
        <v>1</v>
      </c>
      <c r="C49833" s="14" t="s">
        <v>109</v>
      </c>
      <c r="D49833" s="14" t="s">
        <v>281</v>
      </c>
      <c r="E49833" s="15">
        <v>45569</v>
      </c>
      <c r="F49833" s="14" t="s">
        <v>61</v>
      </c>
      <c r="G49833" s="16">
        <v>0</v>
      </c>
    </row>
    <row r="49834" spans="1:7" x14ac:dyDescent="0.3">
      <c r="A49834" s="13" t="s">
        <v>280</v>
      </c>
      <c r="B49834" s="14" t="s">
        <v>1</v>
      </c>
      <c r="C49834" s="14" t="s">
        <v>109</v>
      </c>
      <c r="D49834" s="14" t="s">
        <v>281</v>
      </c>
      <c r="E49834" s="15">
        <v>45570</v>
      </c>
      <c r="F49834" s="14" t="s">
        <v>61</v>
      </c>
      <c r="G49834" s="16">
        <v>0</v>
      </c>
    </row>
    <row r="49835" spans="1:7" x14ac:dyDescent="0.3">
      <c r="A49835" s="13" t="s">
        <v>280</v>
      </c>
      <c r="B49835" s="14" t="s">
        <v>1</v>
      </c>
      <c r="C49835" s="14" t="s">
        <v>109</v>
      </c>
      <c r="D49835" s="14" t="s">
        <v>281</v>
      </c>
      <c r="E49835" s="15">
        <v>45571</v>
      </c>
      <c r="F49835" s="14" t="s">
        <v>61</v>
      </c>
      <c r="G49835" s="16">
        <v>0</v>
      </c>
    </row>
    <row r="49836" spans="1:7" x14ac:dyDescent="0.3">
      <c r="A49836" s="13" t="s">
        <v>280</v>
      </c>
      <c r="B49836" s="14" t="s">
        <v>1</v>
      </c>
      <c r="C49836" s="14" t="s">
        <v>109</v>
      </c>
      <c r="D49836" s="14" t="s">
        <v>281</v>
      </c>
      <c r="E49836" s="15">
        <v>45572</v>
      </c>
      <c r="F49836" s="14" t="s">
        <v>61</v>
      </c>
      <c r="G49836" s="16">
        <v>0</v>
      </c>
    </row>
    <row r="49837" spans="1:7" x14ac:dyDescent="0.3">
      <c r="A49837" s="13" t="s">
        <v>280</v>
      </c>
      <c r="B49837" s="14" t="s">
        <v>1</v>
      </c>
      <c r="C49837" s="14" t="s">
        <v>109</v>
      </c>
      <c r="D49837" s="14" t="s">
        <v>281</v>
      </c>
      <c r="E49837" s="15">
        <v>45573</v>
      </c>
      <c r="F49837" s="14" t="s">
        <v>61</v>
      </c>
      <c r="G49837" s="16">
        <v>0</v>
      </c>
    </row>
    <row r="49838" spans="1:7" x14ac:dyDescent="0.3">
      <c r="A49838" s="13" t="s">
        <v>280</v>
      </c>
      <c r="B49838" s="14" t="s">
        <v>1</v>
      </c>
      <c r="C49838" s="14" t="s">
        <v>109</v>
      </c>
      <c r="D49838" s="14" t="s">
        <v>281</v>
      </c>
      <c r="E49838" s="15">
        <v>45574</v>
      </c>
      <c r="F49838" s="14" t="s">
        <v>61</v>
      </c>
      <c r="G49838" s="16">
        <v>0</v>
      </c>
    </row>
    <row r="49839" spans="1:7" x14ac:dyDescent="0.3">
      <c r="A49839" s="13" t="s">
        <v>280</v>
      </c>
      <c r="B49839" s="14" t="s">
        <v>1</v>
      </c>
      <c r="C49839" s="14" t="s">
        <v>109</v>
      </c>
      <c r="D49839" s="14" t="s">
        <v>281</v>
      </c>
      <c r="E49839" s="15">
        <v>45575</v>
      </c>
      <c r="F49839" s="14" t="s">
        <v>61</v>
      </c>
      <c r="G49839" s="16">
        <v>0</v>
      </c>
    </row>
    <row r="49840" spans="1:7" x14ac:dyDescent="0.3">
      <c r="A49840" s="13" t="s">
        <v>280</v>
      </c>
      <c r="B49840" s="14" t="s">
        <v>1</v>
      </c>
      <c r="C49840" s="14" t="s">
        <v>109</v>
      </c>
      <c r="D49840" s="14" t="s">
        <v>281</v>
      </c>
      <c r="E49840" s="15">
        <v>45576</v>
      </c>
      <c r="F49840" s="14" t="s">
        <v>61</v>
      </c>
      <c r="G49840" s="16">
        <v>0</v>
      </c>
    </row>
    <row r="49841" spans="1:7" x14ac:dyDescent="0.3">
      <c r="A49841" s="13" t="s">
        <v>280</v>
      </c>
      <c r="B49841" s="14" t="s">
        <v>1</v>
      </c>
      <c r="C49841" s="14" t="s">
        <v>109</v>
      </c>
      <c r="D49841" s="14" t="s">
        <v>281</v>
      </c>
      <c r="E49841" s="15">
        <v>45577</v>
      </c>
      <c r="F49841" s="14" t="s">
        <v>61</v>
      </c>
      <c r="G49841" s="16">
        <v>0</v>
      </c>
    </row>
    <row r="49842" spans="1:7" x14ac:dyDescent="0.3">
      <c r="A49842" s="13" t="s">
        <v>280</v>
      </c>
      <c r="B49842" s="14" t="s">
        <v>1</v>
      </c>
      <c r="C49842" s="14" t="s">
        <v>109</v>
      </c>
      <c r="D49842" s="14" t="s">
        <v>281</v>
      </c>
      <c r="E49842" s="15">
        <v>45578</v>
      </c>
      <c r="F49842" s="14" t="s">
        <v>61</v>
      </c>
      <c r="G49842" s="16">
        <v>0</v>
      </c>
    </row>
    <row r="49843" spans="1:7" x14ac:dyDescent="0.3">
      <c r="A49843" s="13" t="s">
        <v>280</v>
      </c>
      <c r="B49843" s="14" t="s">
        <v>1</v>
      </c>
      <c r="C49843" s="14" t="s">
        <v>109</v>
      </c>
      <c r="D49843" s="14" t="s">
        <v>281</v>
      </c>
      <c r="E49843" s="15">
        <v>45579</v>
      </c>
      <c r="F49843" s="14" t="s">
        <v>61</v>
      </c>
      <c r="G49843" s="16">
        <v>0</v>
      </c>
    </row>
    <row r="49844" spans="1:7" x14ac:dyDescent="0.3">
      <c r="A49844" s="13" t="s">
        <v>280</v>
      </c>
      <c r="B49844" s="14" t="s">
        <v>1</v>
      </c>
      <c r="C49844" s="14" t="s">
        <v>109</v>
      </c>
      <c r="D49844" s="14" t="s">
        <v>281</v>
      </c>
      <c r="E49844" s="15">
        <v>45580</v>
      </c>
      <c r="F49844" s="14" t="s">
        <v>61</v>
      </c>
      <c r="G49844" s="16">
        <v>0</v>
      </c>
    </row>
    <row r="49845" spans="1:7" x14ac:dyDescent="0.3">
      <c r="A49845" s="13" t="s">
        <v>280</v>
      </c>
      <c r="B49845" s="14" t="s">
        <v>1</v>
      </c>
      <c r="C49845" s="14" t="s">
        <v>109</v>
      </c>
      <c r="D49845" s="14" t="s">
        <v>281</v>
      </c>
      <c r="E49845" s="15">
        <v>45581</v>
      </c>
      <c r="F49845" s="14" t="s">
        <v>61</v>
      </c>
      <c r="G49845" s="16">
        <v>0</v>
      </c>
    </row>
    <row r="49846" spans="1:7" x14ac:dyDescent="0.3">
      <c r="A49846" s="13" t="s">
        <v>280</v>
      </c>
      <c r="B49846" s="14" t="s">
        <v>1</v>
      </c>
      <c r="C49846" s="14" t="s">
        <v>109</v>
      </c>
      <c r="D49846" s="14" t="s">
        <v>281</v>
      </c>
      <c r="E49846" s="15">
        <v>45582</v>
      </c>
      <c r="F49846" s="14" t="s">
        <v>61</v>
      </c>
      <c r="G49846" s="16">
        <v>0</v>
      </c>
    </row>
    <row r="49847" spans="1:7" x14ac:dyDescent="0.3">
      <c r="A49847" s="13" t="s">
        <v>280</v>
      </c>
      <c r="B49847" s="14" t="s">
        <v>1</v>
      </c>
      <c r="C49847" s="14" t="s">
        <v>109</v>
      </c>
      <c r="D49847" s="14" t="s">
        <v>281</v>
      </c>
      <c r="E49847" s="15">
        <v>45583</v>
      </c>
      <c r="F49847" s="14" t="s">
        <v>61</v>
      </c>
      <c r="G49847" s="16">
        <v>0</v>
      </c>
    </row>
    <row r="49848" spans="1:7" x14ac:dyDescent="0.3">
      <c r="A49848" s="13" t="s">
        <v>280</v>
      </c>
      <c r="B49848" s="14" t="s">
        <v>1</v>
      </c>
      <c r="C49848" s="14" t="s">
        <v>109</v>
      </c>
      <c r="D49848" s="14" t="s">
        <v>281</v>
      </c>
      <c r="E49848" s="15">
        <v>45584</v>
      </c>
      <c r="F49848" s="14" t="s">
        <v>61</v>
      </c>
      <c r="G49848" s="16">
        <v>0</v>
      </c>
    </row>
    <row r="49849" spans="1:7" x14ac:dyDescent="0.3">
      <c r="A49849" s="13" t="s">
        <v>280</v>
      </c>
      <c r="B49849" s="14" t="s">
        <v>1</v>
      </c>
      <c r="C49849" s="14" t="s">
        <v>109</v>
      </c>
      <c r="D49849" s="14" t="s">
        <v>281</v>
      </c>
      <c r="E49849" s="15">
        <v>45585</v>
      </c>
      <c r="F49849" s="14" t="s">
        <v>61</v>
      </c>
      <c r="G49849" s="16">
        <v>0</v>
      </c>
    </row>
    <row r="49850" spans="1:7" x14ac:dyDescent="0.3">
      <c r="A49850" s="13" t="s">
        <v>280</v>
      </c>
      <c r="B49850" s="14" t="s">
        <v>1</v>
      </c>
      <c r="C49850" s="14" t="s">
        <v>109</v>
      </c>
      <c r="D49850" s="14" t="s">
        <v>281</v>
      </c>
      <c r="E49850" s="15">
        <v>45586</v>
      </c>
      <c r="F49850" s="14" t="s">
        <v>61</v>
      </c>
      <c r="G49850" s="16">
        <v>0</v>
      </c>
    </row>
    <row r="49851" spans="1:7" x14ac:dyDescent="0.3">
      <c r="A49851" s="13" t="s">
        <v>280</v>
      </c>
      <c r="B49851" s="14" t="s">
        <v>1</v>
      </c>
      <c r="C49851" s="14" t="s">
        <v>109</v>
      </c>
      <c r="D49851" s="14" t="s">
        <v>281</v>
      </c>
      <c r="E49851" s="15">
        <v>45587</v>
      </c>
      <c r="F49851" s="14" t="s">
        <v>61</v>
      </c>
      <c r="G49851" s="16">
        <v>0</v>
      </c>
    </row>
    <row r="49852" spans="1:7" x14ac:dyDescent="0.3">
      <c r="A49852" s="13" t="s">
        <v>280</v>
      </c>
      <c r="B49852" s="14" t="s">
        <v>1</v>
      </c>
      <c r="C49852" s="14" t="s">
        <v>109</v>
      </c>
      <c r="D49852" s="14" t="s">
        <v>281</v>
      </c>
      <c r="E49852" s="15">
        <v>45588</v>
      </c>
      <c r="F49852" s="14" t="s">
        <v>61</v>
      </c>
      <c r="G49852" s="16">
        <v>0</v>
      </c>
    </row>
    <row r="49853" spans="1:7" x14ac:dyDescent="0.3">
      <c r="A49853" s="13" t="s">
        <v>280</v>
      </c>
      <c r="B49853" s="14" t="s">
        <v>1</v>
      </c>
      <c r="C49853" s="14" t="s">
        <v>109</v>
      </c>
      <c r="D49853" s="14" t="s">
        <v>281</v>
      </c>
      <c r="E49853" s="15">
        <v>45589</v>
      </c>
      <c r="F49853" s="14" t="s">
        <v>61</v>
      </c>
      <c r="G49853" s="16">
        <v>0</v>
      </c>
    </row>
    <row r="49854" spans="1:7" x14ac:dyDescent="0.3">
      <c r="A49854" s="13" t="s">
        <v>280</v>
      </c>
      <c r="B49854" s="14" t="s">
        <v>1</v>
      </c>
      <c r="C49854" s="14" t="s">
        <v>109</v>
      </c>
      <c r="D49854" s="14" t="s">
        <v>281</v>
      </c>
      <c r="E49854" s="15">
        <v>45590</v>
      </c>
      <c r="F49854" s="14" t="s">
        <v>61</v>
      </c>
      <c r="G49854" s="16">
        <v>0</v>
      </c>
    </row>
    <row r="49855" spans="1:7" x14ac:dyDescent="0.3">
      <c r="A49855" s="13" t="s">
        <v>280</v>
      </c>
      <c r="B49855" s="14" t="s">
        <v>1</v>
      </c>
      <c r="C49855" s="14" t="s">
        <v>109</v>
      </c>
      <c r="D49855" s="14" t="s">
        <v>281</v>
      </c>
      <c r="E49855" s="15">
        <v>45591</v>
      </c>
      <c r="F49855" s="14" t="s">
        <v>61</v>
      </c>
      <c r="G49855" s="16">
        <v>0</v>
      </c>
    </row>
    <row r="49856" spans="1:7" x14ac:dyDescent="0.3">
      <c r="A49856" s="13" t="s">
        <v>280</v>
      </c>
      <c r="B49856" s="14" t="s">
        <v>1</v>
      </c>
      <c r="C49856" s="14" t="s">
        <v>109</v>
      </c>
      <c r="D49856" s="14" t="s">
        <v>281</v>
      </c>
      <c r="E49856" s="15">
        <v>45592</v>
      </c>
      <c r="F49856" s="14" t="s">
        <v>61</v>
      </c>
      <c r="G49856" s="16">
        <v>0</v>
      </c>
    </row>
    <row r="49857" spans="1:7" x14ac:dyDescent="0.3">
      <c r="A49857" s="13" t="s">
        <v>280</v>
      </c>
      <c r="B49857" s="14" t="s">
        <v>1</v>
      </c>
      <c r="C49857" s="14" t="s">
        <v>109</v>
      </c>
      <c r="D49857" s="14" t="s">
        <v>281</v>
      </c>
      <c r="E49857" s="15">
        <v>45593</v>
      </c>
      <c r="F49857" s="14" t="s">
        <v>61</v>
      </c>
      <c r="G49857" s="16">
        <v>0</v>
      </c>
    </row>
    <row r="49858" spans="1:7" x14ac:dyDescent="0.3">
      <c r="A49858" s="13" t="s">
        <v>280</v>
      </c>
      <c r="B49858" s="14" t="s">
        <v>1</v>
      </c>
      <c r="C49858" s="14" t="s">
        <v>109</v>
      </c>
      <c r="D49858" s="14" t="s">
        <v>281</v>
      </c>
      <c r="E49858" s="15">
        <v>45594</v>
      </c>
      <c r="F49858" s="14" t="s">
        <v>61</v>
      </c>
      <c r="G49858" s="16">
        <v>0</v>
      </c>
    </row>
    <row r="49859" spans="1:7" x14ac:dyDescent="0.3">
      <c r="A49859" s="13" t="s">
        <v>280</v>
      </c>
      <c r="B49859" s="14" t="s">
        <v>1</v>
      </c>
      <c r="C49859" s="14" t="s">
        <v>109</v>
      </c>
      <c r="D49859" s="14" t="s">
        <v>281</v>
      </c>
      <c r="E49859" s="15">
        <v>45595</v>
      </c>
      <c r="F49859" s="14" t="s">
        <v>61</v>
      </c>
      <c r="G49859" s="16">
        <v>0</v>
      </c>
    </row>
    <row r="49860" spans="1:7" x14ac:dyDescent="0.3">
      <c r="A49860" s="13" t="s">
        <v>280</v>
      </c>
      <c r="B49860" s="14" t="s">
        <v>1</v>
      </c>
      <c r="C49860" s="14" t="s">
        <v>109</v>
      </c>
      <c r="D49860" s="14" t="s">
        <v>281</v>
      </c>
      <c r="E49860" s="15">
        <v>45596</v>
      </c>
      <c r="F49860" s="14" t="s">
        <v>61</v>
      </c>
      <c r="G49860" s="16">
        <v>0</v>
      </c>
    </row>
    <row r="49861" spans="1:7" x14ac:dyDescent="0.3">
      <c r="A49861" s="13" t="s">
        <v>280</v>
      </c>
      <c r="B49861" s="14" t="s">
        <v>1</v>
      </c>
      <c r="C49861" s="14" t="s">
        <v>109</v>
      </c>
      <c r="D49861" s="14" t="s">
        <v>281</v>
      </c>
      <c r="E49861" s="15">
        <v>45597</v>
      </c>
      <c r="F49861" s="14" t="s">
        <v>61</v>
      </c>
      <c r="G49861" s="16">
        <v>0</v>
      </c>
    </row>
    <row r="49862" spans="1:7" x14ac:dyDescent="0.3">
      <c r="A49862" s="13" t="s">
        <v>280</v>
      </c>
      <c r="B49862" s="14" t="s">
        <v>1</v>
      </c>
      <c r="C49862" s="14" t="s">
        <v>109</v>
      </c>
      <c r="D49862" s="14" t="s">
        <v>281</v>
      </c>
      <c r="E49862" s="15">
        <v>45598</v>
      </c>
      <c r="F49862" s="14" t="s">
        <v>61</v>
      </c>
      <c r="G49862" s="16">
        <v>0</v>
      </c>
    </row>
    <row r="49863" spans="1:7" x14ac:dyDescent="0.3">
      <c r="A49863" s="13" t="s">
        <v>280</v>
      </c>
      <c r="B49863" s="14" t="s">
        <v>1</v>
      </c>
      <c r="C49863" s="14" t="s">
        <v>109</v>
      </c>
      <c r="D49863" s="14" t="s">
        <v>281</v>
      </c>
      <c r="E49863" s="15">
        <v>45599</v>
      </c>
      <c r="F49863" s="14" t="s">
        <v>61</v>
      </c>
      <c r="G49863" s="16">
        <v>0</v>
      </c>
    </row>
    <row r="49864" spans="1:7" x14ac:dyDescent="0.3">
      <c r="A49864" s="13" t="s">
        <v>280</v>
      </c>
      <c r="B49864" s="14" t="s">
        <v>1</v>
      </c>
      <c r="C49864" s="14" t="s">
        <v>109</v>
      </c>
      <c r="D49864" s="14" t="s">
        <v>281</v>
      </c>
      <c r="E49864" s="15">
        <v>45600</v>
      </c>
      <c r="F49864" s="14" t="s">
        <v>61</v>
      </c>
      <c r="G49864" s="16">
        <v>0</v>
      </c>
    </row>
    <row r="49865" spans="1:7" x14ac:dyDescent="0.3">
      <c r="A49865" s="13" t="s">
        <v>280</v>
      </c>
      <c r="B49865" s="14" t="s">
        <v>1</v>
      </c>
      <c r="C49865" s="14" t="s">
        <v>109</v>
      </c>
      <c r="D49865" s="14" t="s">
        <v>281</v>
      </c>
      <c r="E49865" s="15">
        <v>45601</v>
      </c>
      <c r="F49865" s="14" t="s">
        <v>61</v>
      </c>
      <c r="G49865" s="16">
        <v>0</v>
      </c>
    </row>
    <row r="49866" spans="1:7" x14ac:dyDescent="0.3">
      <c r="A49866" s="13" t="s">
        <v>280</v>
      </c>
      <c r="B49866" s="14" t="s">
        <v>1</v>
      </c>
      <c r="C49866" s="14" t="s">
        <v>109</v>
      </c>
      <c r="D49866" s="14" t="s">
        <v>281</v>
      </c>
      <c r="E49866" s="15">
        <v>45602</v>
      </c>
      <c r="F49866" s="14" t="s">
        <v>61</v>
      </c>
      <c r="G49866" s="16">
        <v>0</v>
      </c>
    </row>
    <row r="49867" spans="1:7" x14ac:dyDescent="0.3">
      <c r="A49867" s="13" t="s">
        <v>280</v>
      </c>
      <c r="B49867" s="14" t="s">
        <v>1</v>
      </c>
      <c r="C49867" s="14" t="s">
        <v>109</v>
      </c>
      <c r="D49867" s="14" t="s">
        <v>281</v>
      </c>
      <c r="E49867" s="15">
        <v>45603</v>
      </c>
      <c r="F49867" s="14" t="s">
        <v>61</v>
      </c>
      <c r="G49867" s="16">
        <v>0</v>
      </c>
    </row>
    <row r="49868" spans="1:7" x14ac:dyDescent="0.3">
      <c r="A49868" s="13" t="s">
        <v>280</v>
      </c>
      <c r="B49868" s="14" t="s">
        <v>1</v>
      </c>
      <c r="C49868" s="14" t="s">
        <v>109</v>
      </c>
      <c r="D49868" s="14" t="s">
        <v>281</v>
      </c>
      <c r="E49868" s="15">
        <v>45604</v>
      </c>
      <c r="F49868" s="14" t="s">
        <v>61</v>
      </c>
      <c r="G49868" s="16">
        <v>0</v>
      </c>
    </row>
    <row r="49869" spans="1:7" x14ac:dyDescent="0.3">
      <c r="A49869" s="13" t="s">
        <v>280</v>
      </c>
      <c r="B49869" s="14" t="s">
        <v>1</v>
      </c>
      <c r="C49869" s="14" t="s">
        <v>109</v>
      </c>
      <c r="D49869" s="14" t="s">
        <v>281</v>
      </c>
      <c r="E49869" s="15">
        <v>45605</v>
      </c>
      <c r="F49869" s="14" t="s">
        <v>61</v>
      </c>
      <c r="G49869" s="16">
        <v>0</v>
      </c>
    </row>
    <row r="49870" spans="1:7" x14ac:dyDescent="0.3">
      <c r="A49870" s="13" t="s">
        <v>280</v>
      </c>
      <c r="B49870" s="14" t="s">
        <v>1</v>
      </c>
      <c r="C49870" s="14" t="s">
        <v>109</v>
      </c>
      <c r="D49870" s="14" t="s">
        <v>281</v>
      </c>
      <c r="E49870" s="15">
        <v>45606</v>
      </c>
      <c r="F49870" s="14" t="s">
        <v>61</v>
      </c>
      <c r="G49870" s="16">
        <v>0</v>
      </c>
    </row>
    <row r="49871" spans="1:7" x14ac:dyDescent="0.3">
      <c r="A49871" s="13" t="s">
        <v>280</v>
      </c>
      <c r="B49871" s="14" t="s">
        <v>1</v>
      </c>
      <c r="C49871" s="14" t="s">
        <v>109</v>
      </c>
      <c r="D49871" s="14" t="s">
        <v>281</v>
      </c>
      <c r="E49871" s="15">
        <v>45607</v>
      </c>
      <c r="F49871" s="14" t="s">
        <v>61</v>
      </c>
      <c r="G49871" s="16">
        <v>0</v>
      </c>
    </row>
    <row r="49872" spans="1:7" x14ac:dyDescent="0.3">
      <c r="A49872" s="13" t="s">
        <v>280</v>
      </c>
      <c r="B49872" s="14" t="s">
        <v>1</v>
      </c>
      <c r="C49872" s="14" t="s">
        <v>109</v>
      </c>
      <c r="D49872" s="14" t="s">
        <v>281</v>
      </c>
      <c r="E49872" s="15">
        <v>45608</v>
      </c>
      <c r="F49872" s="14" t="s">
        <v>61</v>
      </c>
      <c r="G49872" s="16">
        <v>0</v>
      </c>
    </row>
    <row r="49873" spans="1:7" x14ac:dyDescent="0.3">
      <c r="A49873" s="13" t="s">
        <v>280</v>
      </c>
      <c r="B49873" s="14" t="s">
        <v>1</v>
      </c>
      <c r="C49873" s="14" t="s">
        <v>109</v>
      </c>
      <c r="D49873" s="14" t="s">
        <v>281</v>
      </c>
      <c r="E49873" s="15">
        <v>45609</v>
      </c>
      <c r="F49873" s="14" t="s">
        <v>61</v>
      </c>
      <c r="G49873" s="16">
        <v>0</v>
      </c>
    </row>
    <row r="49874" spans="1:7" x14ac:dyDescent="0.3">
      <c r="A49874" s="13" t="s">
        <v>280</v>
      </c>
      <c r="B49874" s="14" t="s">
        <v>1</v>
      </c>
      <c r="C49874" s="14" t="s">
        <v>109</v>
      </c>
      <c r="D49874" s="14" t="s">
        <v>281</v>
      </c>
      <c r="E49874" s="15">
        <v>45610</v>
      </c>
      <c r="F49874" s="14" t="s">
        <v>61</v>
      </c>
      <c r="G49874" s="16">
        <v>0</v>
      </c>
    </row>
    <row r="49875" spans="1:7" x14ac:dyDescent="0.3">
      <c r="A49875" s="13" t="s">
        <v>280</v>
      </c>
      <c r="B49875" s="14" t="s">
        <v>1</v>
      </c>
      <c r="C49875" s="14" t="s">
        <v>109</v>
      </c>
      <c r="D49875" s="14" t="s">
        <v>281</v>
      </c>
      <c r="E49875" s="15">
        <v>45611</v>
      </c>
      <c r="F49875" s="14" t="s">
        <v>61</v>
      </c>
      <c r="G49875" s="16">
        <v>0</v>
      </c>
    </row>
    <row r="49876" spans="1:7" x14ac:dyDescent="0.3">
      <c r="A49876" s="13" t="s">
        <v>280</v>
      </c>
      <c r="B49876" s="14" t="s">
        <v>1</v>
      </c>
      <c r="C49876" s="14" t="s">
        <v>109</v>
      </c>
      <c r="D49876" s="14" t="s">
        <v>281</v>
      </c>
      <c r="E49876" s="15">
        <v>45612</v>
      </c>
      <c r="F49876" s="14" t="s">
        <v>61</v>
      </c>
      <c r="G49876" s="16">
        <v>0</v>
      </c>
    </row>
    <row r="49877" spans="1:7" x14ac:dyDescent="0.3">
      <c r="A49877" s="13" t="s">
        <v>280</v>
      </c>
      <c r="B49877" s="14" t="s">
        <v>1</v>
      </c>
      <c r="C49877" s="14" t="s">
        <v>109</v>
      </c>
      <c r="D49877" s="14" t="s">
        <v>281</v>
      </c>
      <c r="E49877" s="15">
        <v>45613</v>
      </c>
      <c r="F49877" s="14" t="s">
        <v>61</v>
      </c>
      <c r="G49877" s="16">
        <v>0</v>
      </c>
    </row>
    <row r="49878" spans="1:7" x14ac:dyDescent="0.3">
      <c r="A49878" s="13" t="s">
        <v>280</v>
      </c>
      <c r="B49878" s="14" t="s">
        <v>1</v>
      </c>
      <c r="C49878" s="14" t="s">
        <v>109</v>
      </c>
      <c r="D49878" s="14" t="s">
        <v>281</v>
      </c>
      <c r="E49878" s="15">
        <v>45614</v>
      </c>
      <c r="F49878" s="14" t="s">
        <v>61</v>
      </c>
      <c r="G49878" s="16">
        <v>0</v>
      </c>
    </row>
    <row r="49879" spans="1:7" x14ac:dyDescent="0.3">
      <c r="A49879" s="13" t="s">
        <v>280</v>
      </c>
      <c r="B49879" s="14" t="s">
        <v>1</v>
      </c>
      <c r="C49879" s="14" t="s">
        <v>109</v>
      </c>
      <c r="D49879" s="14" t="s">
        <v>281</v>
      </c>
      <c r="E49879" s="15">
        <v>45615</v>
      </c>
      <c r="F49879" s="14" t="s">
        <v>61</v>
      </c>
      <c r="G49879" s="16">
        <v>0</v>
      </c>
    </row>
    <row r="49880" spans="1:7" x14ac:dyDescent="0.3">
      <c r="A49880" s="13" t="s">
        <v>280</v>
      </c>
      <c r="B49880" s="14" t="s">
        <v>1</v>
      </c>
      <c r="C49880" s="14" t="s">
        <v>109</v>
      </c>
      <c r="D49880" s="14" t="s">
        <v>281</v>
      </c>
      <c r="E49880" s="15">
        <v>45616</v>
      </c>
      <c r="F49880" s="14" t="s">
        <v>61</v>
      </c>
      <c r="G49880" s="16">
        <v>0</v>
      </c>
    </row>
    <row r="49881" spans="1:7" x14ac:dyDescent="0.3">
      <c r="A49881" s="13" t="s">
        <v>280</v>
      </c>
      <c r="B49881" s="14" t="s">
        <v>1</v>
      </c>
      <c r="C49881" s="14" t="s">
        <v>109</v>
      </c>
      <c r="D49881" s="14" t="s">
        <v>281</v>
      </c>
      <c r="E49881" s="15">
        <v>45617</v>
      </c>
      <c r="F49881" s="14" t="s">
        <v>61</v>
      </c>
      <c r="G49881" s="16">
        <v>0</v>
      </c>
    </row>
    <row r="49882" spans="1:7" x14ac:dyDescent="0.3">
      <c r="A49882" s="13" t="s">
        <v>280</v>
      </c>
      <c r="B49882" s="14" t="s">
        <v>1</v>
      </c>
      <c r="C49882" s="14" t="s">
        <v>109</v>
      </c>
      <c r="D49882" s="14" t="s">
        <v>281</v>
      </c>
      <c r="E49882" s="15">
        <v>45618</v>
      </c>
      <c r="F49882" s="14" t="s">
        <v>61</v>
      </c>
      <c r="G49882" s="16">
        <v>0</v>
      </c>
    </row>
    <row r="49883" spans="1:7" x14ac:dyDescent="0.3">
      <c r="A49883" s="13" t="s">
        <v>280</v>
      </c>
      <c r="B49883" s="14" t="s">
        <v>1</v>
      </c>
      <c r="C49883" s="14" t="s">
        <v>109</v>
      </c>
      <c r="D49883" s="14" t="s">
        <v>281</v>
      </c>
      <c r="E49883" s="15">
        <v>45619</v>
      </c>
      <c r="F49883" s="14" t="s">
        <v>61</v>
      </c>
      <c r="G49883" s="16">
        <v>0</v>
      </c>
    </row>
    <row r="49884" spans="1:7" x14ac:dyDescent="0.3">
      <c r="A49884" s="13" t="s">
        <v>280</v>
      </c>
      <c r="B49884" s="14" t="s">
        <v>1</v>
      </c>
      <c r="C49884" s="14" t="s">
        <v>109</v>
      </c>
      <c r="D49884" s="14" t="s">
        <v>281</v>
      </c>
      <c r="E49884" s="15">
        <v>45620</v>
      </c>
      <c r="F49884" s="14" t="s">
        <v>61</v>
      </c>
      <c r="G49884" s="16">
        <v>0</v>
      </c>
    </row>
    <row r="49885" spans="1:7" x14ac:dyDescent="0.3">
      <c r="A49885" s="13" t="s">
        <v>280</v>
      </c>
      <c r="B49885" s="14" t="s">
        <v>1</v>
      </c>
      <c r="C49885" s="14" t="s">
        <v>109</v>
      </c>
      <c r="D49885" s="14" t="s">
        <v>281</v>
      </c>
      <c r="E49885" s="15">
        <v>45621</v>
      </c>
      <c r="F49885" s="14" t="s">
        <v>61</v>
      </c>
      <c r="G49885" s="16">
        <v>0</v>
      </c>
    </row>
    <row r="49886" spans="1:7" x14ac:dyDescent="0.3">
      <c r="A49886" s="13" t="s">
        <v>280</v>
      </c>
      <c r="B49886" s="14" t="s">
        <v>1</v>
      </c>
      <c r="C49886" s="14" t="s">
        <v>109</v>
      </c>
      <c r="D49886" s="14" t="s">
        <v>281</v>
      </c>
      <c r="E49886" s="15">
        <v>45622</v>
      </c>
      <c r="F49886" s="14" t="s">
        <v>61</v>
      </c>
      <c r="G49886" s="16">
        <v>0</v>
      </c>
    </row>
    <row r="49887" spans="1:7" x14ac:dyDescent="0.3">
      <c r="A49887" s="13" t="s">
        <v>280</v>
      </c>
      <c r="B49887" s="14" t="s">
        <v>1</v>
      </c>
      <c r="C49887" s="14" t="s">
        <v>109</v>
      </c>
      <c r="D49887" s="14" t="s">
        <v>281</v>
      </c>
      <c r="E49887" s="15">
        <v>45623</v>
      </c>
      <c r="F49887" s="14" t="s">
        <v>61</v>
      </c>
      <c r="G49887" s="16">
        <v>0</v>
      </c>
    </row>
    <row r="49888" spans="1:7" x14ac:dyDescent="0.3">
      <c r="A49888" s="13" t="s">
        <v>280</v>
      </c>
      <c r="B49888" s="14" t="s">
        <v>1</v>
      </c>
      <c r="C49888" s="14" t="s">
        <v>109</v>
      </c>
      <c r="D49888" s="14" t="s">
        <v>281</v>
      </c>
      <c r="E49888" s="15">
        <v>45624</v>
      </c>
      <c r="F49888" s="14" t="s">
        <v>61</v>
      </c>
      <c r="G49888" s="16">
        <v>0</v>
      </c>
    </row>
    <row r="49889" spans="1:7" x14ac:dyDescent="0.3">
      <c r="A49889" s="13" t="s">
        <v>280</v>
      </c>
      <c r="B49889" s="14" t="s">
        <v>1</v>
      </c>
      <c r="C49889" s="14" t="s">
        <v>109</v>
      </c>
      <c r="D49889" s="14" t="s">
        <v>281</v>
      </c>
      <c r="E49889" s="15">
        <v>45625</v>
      </c>
      <c r="F49889" s="14" t="s">
        <v>61</v>
      </c>
      <c r="G49889" s="16">
        <v>0</v>
      </c>
    </row>
    <row r="49890" spans="1:7" x14ac:dyDescent="0.3">
      <c r="A49890" s="13" t="s">
        <v>280</v>
      </c>
      <c r="B49890" s="14" t="s">
        <v>1</v>
      </c>
      <c r="C49890" s="14" t="s">
        <v>109</v>
      </c>
      <c r="D49890" s="14" t="s">
        <v>281</v>
      </c>
      <c r="E49890" s="15">
        <v>45626</v>
      </c>
      <c r="F49890" s="14" t="s">
        <v>61</v>
      </c>
      <c r="G49890" s="16">
        <v>0</v>
      </c>
    </row>
    <row r="49891" spans="1:7" x14ac:dyDescent="0.3">
      <c r="A49891" s="13" t="s">
        <v>280</v>
      </c>
      <c r="B49891" s="14" t="s">
        <v>1</v>
      </c>
      <c r="C49891" s="14" t="s">
        <v>109</v>
      </c>
      <c r="D49891" s="14" t="s">
        <v>281</v>
      </c>
      <c r="E49891" s="15">
        <v>45627</v>
      </c>
      <c r="F49891" s="14" t="s">
        <v>61</v>
      </c>
      <c r="G49891" s="16">
        <v>0</v>
      </c>
    </row>
    <row r="49892" spans="1:7" x14ac:dyDescent="0.3">
      <c r="A49892" s="13" t="s">
        <v>280</v>
      </c>
      <c r="B49892" s="14" t="s">
        <v>1</v>
      </c>
      <c r="C49892" s="14" t="s">
        <v>109</v>
      </c>
      <c r="D49892" s="14" t="s">
        <v>281</v>
      </c>
      <c r="E49892" s="15">
        <v>45628</v>
      </c>
      <c r="F49892" s="14" t="s">
        <v>61</v>
      </c>
      <c r="G49892" s="16">
        <v>0</v>
      </c>
    </row>
    <row r="49893" spans="1:7" x14ac:dyDescent="0.3">
      <c r="A49893" s="13" t="s">
        <v>280</v>
      </c>
      <c r="B49893" s="14" t="s">
        <v>1</v>
      </c>
      <c r="C49893" s="14" t="s">
        <v>109</v>
      </c>
      <c r="D49893" s="14" t="s">
        <v>281</v>
      </c>
      <c r="E49893" s="15">
        <v>45629</v>
      </c>
      <c r="F49893" s="14" t="s">
        <v>61</v>
      </c>
      <c r="G49893" s="16">
        <v>0</v>
      </c>
    </row>
    <row r="49894" spans="1:7" x14ac:dyDescent="0.3">
      <c r="A49894" s="13" t="s">
        <v>280</v>
      </c>
      <c r="B49894" s="14" t="s">
        <v>1</v>
      </c>
      <c r="C49894" s="14" t="s">
        <v>109</v>
      </c>
      <c r="D49894" s="14" t="s">
        <v>281</v>
      </c>
      <c r="E49894" s="15">
        <v>45630</v>
      </c>
      <c r="F49894" s="14" t="s">
        <v>61</v>
      </c>
      <c r="G49894" s="16">
        <v>0</v>
      </c>
    </row>
    <row r="49895" spans="1:7" x14ac:dyDescent="0.3">
      <c r="A49895" s="13" t="s">
        <v>280</v>
      </c>
      <c r="B49895" s="14" t="s">
        <v>1</v>
      </c>
      <c r="C49895" s="14" t="s">
        <v>109</v>
      </c>
      <c r="D49895" s="14" t="s">
        <v>281</v>
      </c>
      <c r="E49895" s="15">
        <v>45631</v>
      </c>
      <c r="F49895" s="14" t="s">
        <v>61</v>
      </c>
      <c r="G49895" s="16">
        <v>0</v>
      </c>
    </row>
    <row r="49896" spans="1:7" x14ac:dyDescent="0.3">
      <c r="A49896" s="13" t="s">
        <v>280</v>
      </c>
      <c r="B49896" s="14" t="s">
        <v>1</v>
      </c>
      <c r="C49896" s="14" t="s">
        <v>109</v>
      </c>
      <c r="D49896" s="14" t="s">
        <v>281</v>
      </c>
      <c r="E49896" s="15">
        <v>45632</v>
      </c>
      <c r="F49896" s="14" t="s">
        <v>61</v>
      </c>
      <c r="G49896" s="16">
        <v>0</v>
      </c>
    </row>
    <row r="49897" spans="1:7" x14ac:dyDescent="0.3">
      <c r="A49897" s="13" t="s">
        <v>280</v>
      </c>
      <c r="B49897" s="14" t="s">
        <v>1</v>
      </c>
      <c r="C49897" s="14" t="s">
        <v>109</v>
      </c>
      <c r="D49897" s="14" t="s">
        <v>281</v>
      </c>
      <c r="E49897" s="15">
        <v>45633</v>
      </c>
      <c r="F49897" s="14" t="s">
        <v>61</v>
      </c>
      <c r="G49897" s="16">
        <v>0</v>
      </c>
    </row>
    <row r="49898" spans="1:7" x14ac:dyDescent="0.3">
      <c r="A49898" s="13" t="s">
        <v>280</v>
      </c>
      <c r="B49898" s="14" t="s">
        <v>1</v>
      </c>
      <c r="C49898" s="14" t="s">
        <v>109</v>
      </c>
      <c r="D49898" s="14" t="s">
        <v>281</v>
      </c>
      <c r="E49898" s="15">
        <v>45634</v>
      </c>
      <c r="F49898" s="14" t="s">
        <v>61</v>
      </c>
      <c r="G49898" s="16">
        <v>0</v>
      </c>
    </row>
    <row r="49899" spans="1:7" x14ac:dyDescent="0.3">
      <c r="A49899" s="13" t="s">
        <v>280</v>
      </c>
      <c r="B49899" s="14" t="s">
        <v>1</v>
      </c>
      <c r="C49899" s="14" t="s">
        <v>109</v>
      </c>
      <c r="D49899" s="14" t="s">
        <v>281</v>
      </c>
      <c r="E49899" s="15">
        <v>45635</v>
      </c>
      <c r="F49899" s="14" t="s">
        <v>61</v>
      </c>
      <c r="G49899" s="16">
        <v>0</v>
      </c>
    </row>
    <row r="49900" spans="1:7" x14ac:dyDescent="0.3">
      <c r="A49900" s="13" t="s">
        <v>280</v>
      </c>
      <c r="B49900" s="14" t="s">
        <v>1</v>
      </c>
      <c r="C49900" s="14" t="s">
        <v>109</v>
      </c>
      <c r="D49900" s="14" t="s">
        <v>281</v>
      </c>
      <c r="E49900" s="15">
        <v>45636</v>
      </c>
      <c r="F49900" s="14" t="s">
        <v>61</v>
      </c>
      <c r="G49900" s="16">
        <v>0</v>
      </c>
    </row>
    <row r="49901" spans="1:7" x14ac:dyDescent="0.3">
      <c r="A49901" s="13" t="s">
        <v>280</v>
      </c>
      <c r="B49901" s="14" t="s">
        <v>1</v>
      </c>
      <c r="C49901" s="14" t="s">
        <v>109</v>
      </c>
      <c r="D49901" s="14" t="s">
        <v>281</v>
      </c>
      <c r="E49901" s="15">
        <v>45637</v>
      </c>
      <c r="F49901" s="14" t="s">
        <v>61</v>
      </c>
      <c r="G49901" s="16">
        <v>0</v>
      </c>
    </row>
    <row r="49902" spans="1:7" x14ac:dyDescent="0.3">
      <c r="A49902" s="13" t="s">
        <v>280</v>
      </c>
      <c r="B49902" s="14" t="s">
        <v>1</v>
      </c>
      <c r="C49902" s="14" t="s">
        <v>109</v>
      </c>
      <c r="D49902" s="14" t="s">
        <v>281</v>
      </c>
      <c r="E49902" s="15">
        <v>45638</v>
      </c>
      <c r="F49902" s="14" t="s">
        <v>61</v>
      </c>
      <c r="G49902" s="16">
        <v>0</v>
      </c>
    </row>
    <row r="49903" spans="1:7" x14ac:dyDescent="0.3">
      <c r="A49903" s="13" t="s">
        <v>280</v>
      </c>
      <c r="B49903" s="14" t="s">
        <v>1</v>
      </c>
      <c r="C49903" s="14" t="s">
        <v>109</v>
      </c>
      <c r="D49903" s="14" t="s">
        <v>281</v>
      </c>
      <c r="E49903" s="15">
        <v>45639</v>
      </c>
      <c r="F49903" s="14" t="s">
        <v>61</v>
      </c>
      <c r="G49903" s="16">
        <v>0</v>
      </c>
    </row>
    <row r="49904" spans="1:7" x14ac:dyDescent="0.3">
      <c r="A49904" s="13" t="s">
        <v>280</v>
      </c>
      <c r="B49904" s="14" t="s">
        <v>1</v>
      </c>
      <c r="C49904" s="14" t="s">
        <v>109</v>
      </c>
      <c r="D49904" s="14" t="s">
        <v>281</v>
      </c>
      <c r="E49904" s="15">
        <v>45640</v>
      </c>
      <c r="F49904" s="14" t="s">
        <v>61</v>
      </c>
      <c r="G49904" s="16">
        <v>0</v>
      </c>
    </row>
    <row r="49905" spans="1:7" x14ac:dyDescent="0.3">
      <c r="A49905" s="13" t="s">
        <v>280</v>
      </c>
      <c r="B49905" s="14" t="s">
        <v>1</v>
      </c>
      <c r="C49905" s="14" t="s">
        <v>109</v>
      </c>
      <c r="D49905" s="14" t="s">
        <v>281</v>
      </c>
      <c r="E49905" s="15">
        <v>45641</v>
      </c>
      <c r="F49905" s="14" t="s">
        <v>61</v>
      </c>
      <c r="G49905" s="16">
        <v>0</v>
      </c>
    </row>
    <row r="49906" spans="1:7" x14ac:dyDescent="0.3">
      <c r="A49906" s="13" t="s">
        <v>280</v>
      </c>
      <c r="B49906" s="14" t="s">
        <v>1</v>
      </c>
      <c r="C49906" s="14" t="s">
        <v>109</v>
      </c>
      <c r="D49906" s="14" t="s">
        <v>281</v>
      </c>
      <c r="E49906" s="15">
        <v>45642</v>
      </c>
      <c r="F49906" s="14" t="s">
        <v>61</v>
      </c>
      <c r="G49906" s="16">
        <v>0</v>
      </c>
    </row>
    <row r="49907" spans="1:7" x14ac:dyDescent="0.3">
      <c r="A49907" s="13" t="s">
        <v>280</v>
      </c>
      <c r="B49907" s="14" t="s">
        <v>1</v>
      </c>
      <c r="C49907" s="14" t="s">
        <v>109</v>
      </c>
      <c r="D49907" s="14" t="s">
        <v>281</v>
      </c>
      <c r="E49907" s="15">
        <v>45643</v>
      </c>
      <c r="F49907" s="14" t="s">
        <v>61</v>
      </c>
      <c r="G49907" s="16">
        <v>0</v>
      </c>
    </row>
    <row r="49908" spans="1:7" x14ac:dyDescent="0.3">
      <c r="A49908" s="13" t="s">
        <v>280</v>
      </c>
      <c r="B49908" s="14" t="s">
        <v>1</v>
      </c>
      <c r="C49908" s="14" t="s">
        <v>109</v>
      </c>
      <c r="D49908" s="14" t="s">
        <v>281</v>
      </c>
      <c r="E49908" s="15">
        <v>45644</v>
      </c>
      <c r="F49908" s="14" t="s">
        <v>61</v>
      </c>
      <c r="G49908" s="16">
        <v>0</v>
      </c>
    </row>
    <row r="49909" spans="1:7" x14ac:dyDescent="0.3">
      <c r="A49909" s="13" t="s">
        <v>280</v>
      </c>
      <c r="B49909" s="14" t="s">
        <v>1</v>
      </c>
      <c r="C49909" s="14" t="s">
        <v>109</v>
      </c>
      <c r="D49909" s="14" t="s">
        <v>281</v>
      </c>
      <c r="E49909" s="15">
        <v>45645</v>
      </c>
      <c r="F49909" s="14" t="s">
        <v>61</v>
      </c>
      <c r="G49909" s="16">
        <v>0</v>
      </c>
    </row>
    <row r="49910" spans="1:7" x14ac:dyDescent="0.3">
      <c r="A49910" s="13" t="s">
        <v>280</v>
      </c>
      <c r="B49910" s="14" t="s">
        <v>1</v>
      </c>
      <c r="C49910" s="14" t="s">
        <v>109</v>
      </c>
      <c r="D49910" s="14" t="s">
        <v>281</v>
      </c>
      <c r="E49910" s="15">
        <v>45646</v>
      </c>
      <c r="F49910" s="14" t="s">
        <v>61</v>
      </c>
      <c r="G49910" s="16">
        <v>0</v>
      </c>
    </row>
    <row r="49911" spans="1:7" x14ac:dyDescent="0.3">
      <c r="A49911" s="13" t="s">
        <v>280</v>
      </c>
      <c r="B49911" s="14" t="s">
        <v>1</v>
      </c>
      <c r="C49911" s="14" t="s">
        <v>109</v>
      </c>
      <c r="D49911" s="14" t="s">
        <v>281</v>
      </c>
      <c r="E49911" s="15">
        <v>45647</v>
      </c>
      <c r="F49911" s="14" t="s">
        <v>61</v>
      </c>
      <c r="G49911" s="16">
        <v>0</v>
      </c>
    </row>
    <row r="49912" spans="1:7" x14ac:dyDescent="0.3">
      <c r="A49912" s="13" t="s">
        <v>280</v>
      </c>
      <c r="B49912" s="14" t="s">
        <v>1</v>
      </c>
      <c r="C49912" s="14" t="s">
        <v>109</v>
      </c>
      <c r="D49912" s="14" t="s">
        <v>281</v>
      </c>
      <c r="E49912" s="15">
        <v>45648</v>
      </c>
      <c r="F49912" s="14" t="s">
        <v>61</v>
      </c>
      <c r="G49912" s="16">
        <v>0</v>
      </c>
    </row>
    <row r="49913" spans="1:7" x14ac:dyDescent="0.3">
      <c r="A49913" s="13" t="s">
        <v>280</v>
      </c>
      <c r="B49913" s="14" t="s">
        <v>1</v>
      </c>
      <c r="C49913" s="14" t="s">
        <v>109</v>
      </c>
      <c r="D49913" s="14" t="s">
        <v>281</v>
      </c>
      <c r="E49913" s="15">
        <v>45649</v>
      </c>
      <c r="F49913" s="14" t="s">
        <v>61</v>
      </c>
      <c r="G49913" s="16">
        <v>0</v>
      </c>
    </row>
    <row r="49914" spans="1:7" x14ac:dyDescent="0.3">
      <c r="A49914" s="13" t="s">
        <v>280</v>
      </c>
      <c r="B49914" s="14" t="s">
        <v>1</v>
      </c>
      <c r="C49914" s="14" t="s">
        <v>109</v>
      </c>
      <c r="D49914" s="14" t="s">
        <v>281</v>
      </c>
      <c r="E49914" s="15">
        <v>45650</v>
      </c>
      <c r="F49914" s="14" t="s">
        <v>61</v>
      </c>
      <c r="G49914" s="16">
        <v>0</v>
      </c>
    </row>
    <row r="49915" spans="1:7" x14ac:dyDescent="0.3">
      <c r="A49915" s="13" t="s">
        <v>280</v>
      </c>
      <c r="B49915" s="14" t="s">
        <v>1</v>
      </c>
      <c r="C49915" s="14" t="s">
        <v>109</v>
      </c>
      <c r="D49915" s="14" t="s">
        <v>281</v>
      </c>
      <c r="E49915" s="15">
        <v>45651</v>
      </c>
      <c r="F49915" s="14" t="s">
        <v>61</v>
      </c>
      <c r="G49915" s="16">
        <v>0</v>
      </c>
    </row>
    <row r="49916" spans="1:7" x14ac:dyDescent="0.3">
      <c r="A49916" s="13" t="s">
        <v>280</v>
      </c>
      <c r="B49916" s="14" t="s">
        <v>1</v>
      </c>
      <c r="C49916" s="14" t="s">
        <v>109</v>
      </c>
      <c r="D49916" s="14" t="s">
        <v>281</v>
      </c>
      <c r="E49916" s="15">
        <v>45652</v>
      </c>
      <c r="F49916" s="14" t="s">
        <v>61</v>
      </c>
      <c r="G49916" s="16">
        <v>0</v>
      </c>
    </row>
    <row r="49917" spans="1:7" x14ac:dyDescent="0.3">
      <c r="A49917" s="13" t="s">
        <v>280</v>
      </c>
      <c r="B49917" s="14" t="s">
        <v>1</v>
      </c>
      <c r="C49917" s="14" t="s">
        <v>109</v>
      </c>
      <c r="D49917" s="14" t="s">
        <v>281</v>
      </c>
      <c r="E49917" s="15">
        <v>45653</v>
      </c>
      <c r="F49917" s="14" t="s">
        <v>61</v>
      </c>
      <c r="G49917" s="16">
        <v>0</v>
      </c>
    </row>
    <row r="49918" spans="1:7" x14ac:dyDescent="0.3">
      <c r="A49918" s="13" t="s">
        <v>280</v>
      </c>
      <c r="B49918" s="14" t="s">
        <v>1</v>
      </c>
      <c r="C49918" s="14" t="s">
        <v>109</v>
      </c>
      <c r="D49918" s="14" t="s">
        <v>281</v>
      </c>
      <c r="E49918" s="15">
        <v>45654</v>
      </c>
      <c r="F49918" s="14" t="s">
        <v>61</v>
      </c>
      <c r="G49918" s="16">
        <v>0</v>
      </c>
    </row>
    <row r="49919" spans="1:7" x14ac:dyDescent="0.3">
      <c r="A49919" s="13" t="s">
        <v>280</v>
      </c>
      <c r="B49919" s="14" t="s">
        <v>1</v>
      </c>
      <c r="C49919" s="14" t="s">
        <v>109</v>
      </c>
      <c r="D49919" s="14" t="s">
        <v>281</v>
      </c>
      <c r="E49919" s="15">
        <v>45655</v>
      </c>
      <c r="F49919" s="14" t="s">
        <v>61</v>
      </c>
      <c r="G49919" s="16">
        <v>0</v>
      </c>
    </row>
    <row r="49920" spans="1:7" x14ac:dyDescent="0.3">
      <c r="A49920" s="13" t="s">
        <v>280</v>
      </c>
      <c r="B49920" s="14" t="s">
        <v>1</v>
      </c>
      <c r="C49920" s="14" t="s">
        <v>109</v>
      </c>
      <c r="D49920" s="14" t="s">
        <v>281</v>
      </c>
      <c r="E49920" s="15">
        <v>45656</v>
      </c>
      <c r="F49920" s="14" t="s">
        <v>61</v>
      </c>
      <c r="G49920" s="16">
        <v>0</v>
      </c>
    </row>
    <row r="49921" spans="1:7" x14ac:dyDescent="0.3">
      <c r="A49921" s="13" t="s">
        <v>280</v>
      </c>
      <c r="B49921" s="14" t="s">
        <v>1</v>
      </c>
      <c r="C49921" s="14" t="s">
        <v>109</v>
      </c>
      <c r="D49921" s="14" t="s">
        <v>281</v>
      </c>
      <c r="E49921" s="15">
        <v>45657</v>
      </c>
      <c r="F49921" s="14" t="s">
        <v>61</v>
      </c>
      <c r="G49921" s="16">
        <v>0</v>
      </c>
    </row>
    <row r="49922" spans="1:7" x14ac:dyDescent="0.3">
      <c r="A49922" s="13" t="s">
        <v>280</v>
      </c>
      <c r="B49922" s="14" t="s">
        <v>1</v>
      </c>
      <c r="C49922" s="14" t="s">
        <v>109</v>
      </c>
      <c r="D49922" s="14" t="s">
        <v>281</v>
      </c>
      <c r="E49922" s="15">
        <v>45658</v>
      </c>
      <c r="F49922" s="14" t="s">
        <v>61</v>
      </c>
      <c r="G49922" s="16">
        <v>0</v>
      </c>
    </row>
    <row r="49923" spans="1:7" x14ac:dyDescent="0.3">
      <c r="A49923" s="13" t="s">
        <v>280</v>
      </c>
      <c r="B49923" s="14" t="s">
        <v>1</v>
      </c>
      <c r="C49923" s="14" t="s">
        <v>109</v>
      </c>
      <c r="D49923" s="14" t="s">
        <v>281</v>
      </c>
      <c r="E49923" s="15">
        <v>45659</v>
      </c>
      <c r="F49923" s="14" t="s">
        <v>61</v>
      </c>
      <c r="G49923" s="16">
        <v>0</v>
      </c>
    </row>
    <row r="49924" spans="1:7" x14ac:dyDescent="0.3">
      <c r="A49924" s="13" t="s">
        <v>280</v>
      </c>
      <c r="B49924" s="14" t="s">
        <v>1</v>
      </c>
      <c r="C49924" s="14" t="s">
        <v>109</v>
      </c>
      <c r="D49924" s="14" t="s">
        <v>281</v>
      </c>
      <c r="E49924" s="15">
        <v>45660</v>
      </c>
      <c r="F49924" s="14" t="s">
        <v>61</v>
      </c>
      <c r="G49924" s="16">
        <v>0</v>
      </c>
    </row>
    <row r="49925" spans="1:7" x14ac:dyDescent="0.3">
      <c r="A49925" s="13" t="s">
        <v>280</v>
      </c>
      <c r="B49925" s="14" t="s">
        <v>1</v>
      </c>
      <c r="C49925" s="14" t="s">
        <v>109</v>
      </c>
      <c r="D49925" s="14" t="s">
        <v>281</v>
      </c>
      <c r="E49925" s="15">
        <v>45661</v>
      </c>
      <c r="F49925" s="14" t="s">
        <v>61</v>
      </c>
      <c r="G49925" s="16">
        <v>0</v>
      </c>
    </row>
    <row r="49926" spans="1:7" x14ac:dyDescent="0.3">
      <c r="A49926" s="13" t="s">
        <v>280</v>
      </c>
      <c r="B49926" s="14" t="s">
        <v>1</v>
      </c>
      <c r="C49926" s="14" t="s">
        <v>109</v>
      </c>
      <c r="D49926" s="14" t="s">
        <v>281</v>
      </c>
      <c r="E49926" s="15">
        <v>45662</v>
      </c>
      <c r="F49926" s="14" t="s">
        <v>61</v>
      </c>
      <c r="G49926" s="16">
        <v>0</v>
      </c>
    </row>
    <row r="49927" spans="1:7" x14ac:dyDescent="0.3">
      <c r="A49927" s="13" t="s">
        <v>280</v>
      </c>
      <c r="B49927" s="14" t="s">
        <v>1</v>
      </c>
      <c r="C49927" s="14" t="s">
        <v>109</v>
      </c>
      <c r="D49927" s="14" t="s">
        <v>281</v>
      </c>
      <c r="E49927" s="15">
        <v>45663</v>
      </c>
      <c r="F49927" s="14" t="s">
        <v>61</v>
      </c>
      <c r="G49927" s="16">
        <v>0</v>
      </c>
    </row>
    <row r="49928" spans="1:7" x14ac:dyDescent="0.3">
      <c r="A49928" s="13" t="s">
        <v>280</v>
      </c>
      <c r="B49928" s="14" t="s">
        <v>1</v>
      </c>
      <c r="C49928" s="14" t="s">
        <v>109</v>
      </c>
      <c r="D49928" s="14" t="s">
        <v>281</v>
      </c>
      <c r="E49928" s="15">
        <v>45664</v>
      </c>
      <c r="F49928" s="14" t="s">
        <v>61</v>
      </c>
      <c r="G49928" s="16">
        <v>0</v>
      </c>
    </row>
    <row r="49929" spans="1:7" x14ac:dyDescent="0.3">
      <c r="A49929" s="13" t="s">
        <v>280</v>
      </c>
      <c r="B49929" s="14" t="s">
        <v>1</v>
      </c>
      <c r="C49929" s="14" t="s">
        <v>109</v>
      </c>
      <c r="D49929" s="14" t="s">
        <v>281</v>
      </c>
      <c r="E49929" s="15">
        <v>45665</v>
      </c>
      <c r="F49929" s="14" t="s">
        <v>61</v>
      </c>
      <c r="G49929" s="16">
        <v>0</v>
      </c>
    </row>
    <row r="49930" spans="1:7" x14ac:dyDescent="0.3">
      <c r="A49930" s="13" t="s">
        <v>280</v>
      </c>
      <c r="B49930" s="14" t="s">
        <v>1</v>
      </c>
      <c r="C49930" s="14" t="s">
        <v>109</v>
      </c>
      <c r="D49930" s="14" t="s">
        <v>281</v>
      </c>
      <c r="E49930" s="15">
        <v>45666</v>
      </c>
      <c r="F49930" s="14" t="s">
        <v>61</v>
      </c>
      <c r="G49930" s="16">
        <v>0</v>
      </c>
    </row>
    <row r="49931" spans="1:7" x14ac:dyDescent="0.3">
      <c r="A49931" s="13" t="s">
        <v>280</v>
      </c>
      <c r="B49931" s="14" t="s">
        <v>1</v>
      </c>
      <c r="C49931" s="14" t="s">
        <v>109</v>
      </c>
      <c r="D49931" s="14" t="s">
        <v>281</v>
      </c>
      <c r="E49931" s="15">
        <v>45667</v>
      </c>
      <c r="F49931" s="14" t="s">
        <v>61</v>
      </c>
      <c r="G49931" s="16">
        <v>0</v>
      </c>
    </row>
    <row r="49932" spans="1:7" x14ac:dyDescent="0.3">
      <c r="A49932" s="13" t="s">
        <v>280</v>
      </c>
      <c r="B49932" s="14" t="s">
        <v>1</v>
      </c>
      <c r="C49932" s="14" t="s">
        <v>109</v>
      </c>
      <c r="D49932" s="14" t="s">
        <v>281</v>
      </c>
      <c r="E49932" s="15">
        <v>45668</v>
      </c>
      <c r="F49932" s="14" t="s">
        <v>61</v>
      </c>
      <c r="G49932" s="16">
        <v>0</v>
      </c>
    </row>
    <row r="49933" spans="1:7" x14ac:dyDescent="0.3">
      <c r="A49933" s="13" t="s">
        <v>280</v>
      </c>
      <c r="B49933" s="14" t="s">
        <v>1</v>
      </c>
      <c r="C49933" s="14" t="s">
        <v>109</v>
      </c>
      <c r="D49933" s="14" t="s">
        <v>281</v>
      </c>
      <c r="E49933" s="15">
        <v>45669</v>
      </c>
      <c r="F49933" s="14" t="s">
        <v>61</v>
      </c>
      <c r="G49933" s="16">
        <v>0</v>
      </c>
    </row>
    <row r="49934" spans="1:7" x14ac:dyDescent="0.3">
      <c r="A49934" s="13" t="s">
        <v>280</v>
      </c>
      <c r="B49934" s="14" t="s">
        <v>1</v>
      </c>
      <c r="C49934" s="14" t="s">
        <v>109</v>
      </c>
      <c r="D49934" s="14" t="s">
        <v>281</v>
      </c>
      <c r="E49934" s="15">
        <v>45670</v>
      </c>
      <c r="F49934" s="14" t="s">
        <v>61</v>
      </c>
      <c r="G49934" s="16">
        <v>0</v>
      </c>
    </row>
    <row r="49935" spans="1:7" x14ac:dyDescent="0.3">
      <c r="A49935" s="13" t="s">
        <v>280</v>
      </c>
      <c r="B49935" s="14" t="s">
        <v>1</v>
      </c>
      <c r="C49935" s="14" t="s">
        <v>109</v>
      </c>
      <c r="D49935" s="14" t="s">
        <v>281</v>
      </c>
      <c r="E49935" s="15">
        <v>45671</v>
      </c>
      <c r="F49935" s="14" t="s">
        <v>61</v>
      </c>
      <c r="G49935" s="16">
        <v>0</v>
      </c>
    </row>
    <row r="49936" spans="1:7" x14ac:dyDescent="0.3">
      <c r="A49936" s="13" t="s">
        <v>280</v>
      </c>
      <c r="B49936" s="14" t="s">
        <v>1</v>
      </c>
      <c r="C49936" s="14" t="s">
        <v>109</v>
      </c>
      <c r="D49936" s="14" t="s">
        <v>281</v>
      </c>
      <c r="E49936" s="15">
        <v>45672</v>
      </c>
      <c r="F49936" s="14" t="s">
        <v>61</v>
      </c>
      <c r="G49936" s="16">
        <v>0</v>
      </c>
    </row>
    <row r="49937" spans="1:7" x14ac:dyDescent="0.3">
      <c r="A49937" s="13" t="s">
        <v>280</v>
      </c>
      <c r="B49937" s="14" t="s">
        <v>1</v>
      </c>
      <c r="C49937" s="14" t="s">
        <v>109</v>
      </c>
      <c r="D49937" s="14" t="s">
        <v>281</v>
      </c>
      <c r="E49937" s="15">
        <v>45673</v>
      </c>
      <c r="F49937" s="14" t="s">
        <v>61</v>
      </c>
      <c r="G49937" s="16">
        <v>0</v>
      </c>
    </row>
    <row r="49938" spans="1:7" x14ac:dyDescent="0.3">
      <c r="A49938" s="13" t="s">
        <v>280</v>
      </c>
      <c r="B49938" s="14" t="s">
        <v>1</v>
      </c>
      <c r="C49938" s="14" t="s">
        <v>109</v>
      </c>
      <c r="D49938" s="14" t="s">
        <v>281</v>
      </c>
      <c r="E49938" s="15">
        <v>45674</v>
      </c>
      <c r="F49938" s="14" t="s">
        <v>61</v>
      </c>
      <c r="G49938" s="16">
        <v>0</v>
      </c>
    </row>
    <row r="49939" spans="1:7" x14ac:dyDescent="0.3">
      <c r="A49939" s="13" t="s">
        <v>280</v>
      </c>
      <c r="B49939" s="14" t="s">
        <v>1</v>
      </c>
      <c r="C49939" s="14" t="s">
        <v>109</v>
      </c>
      <c r="D49939" s="14" t="s">
        <v>281</v>
      </c>
      <c r="E49939" s="15">
        <v>45675</v>
      </c>
      <c r="F49939" s="14" t="s">
        <v>61</v>
      </c>
      <c r="G49939" s="16">
        <v>0</v>
      </c>
    </row>
    <row r="49940" spans="1:7" x14ac:dyDescent="0.3">
      <c r="A49940" s="13" t="s">
        <v>280</v>
      </c>
      <c r="B49940" s="14" t="s">
        <v>1</v>
      </c>
      <c r="C49940" s="14" t="s">
        <v>109</v>
      </c>
      <c r="D49940" s="14" t="s">
        <v>281</v>
      </c>
      <c r="E49940" s="15">
        <v>45676</v>
      </c>
      <c r="F49940" s="14" t="s">
        <v>61</v>
      </c>
      <c r="G49940" s="16">
        <v>0</v>
      </c>
    </row>
    <row r="49941" spans="1:7" x14ac:dyDescent="0.3">
      <c r="A49941" s="13" t="s">
        <v>280</v>
      </c>
      <c r="B49941" s="14" t="s">
        <v>1</v>
      </c>
      <c r="C49941" s="14" t="s">
        <v>109</v>
      </c>
      <c r="D49941" s="14" t="s">
        <v>281</v>
      </c>
      <c r="E49941" s="15">
        <v>45677</v>
      </c>
      <c r="F49941" s="14" t="s">
        <v>61</v>
      </c>
      <c r="G49941" s="16">
        <v>0</v>
      </c>
    </row>
    <row r="49942" spans="1:7" x14ac:dyDescent="0.3">
      <c r="A49942" s="13" t="s">
        <v>280</v>
      </c>
      <c r="B49942" s="14" t="s">
        <v>1</v>
      </c>
      <c r="C49942" s="14" t="s">
        <v>109</v>
      </c>
      <c r="D49942" s="14" t="s">
        <v>281</v>
      </c>
      <c r="E49942" s="15">
        <v>45678</v>
      </c>
      <c r="F49942" s="14" t="s">
        <v>61</v>
      </c>
      <c r="G49942" s="16">
        <v>0</v>
      </c>
    </row>
    <row r="49943" spans="1:7" x14ac:dyDescent="0.3">
      <c r="A49943" s="13" t="s">
        <v>280</v>
      </c>
      <c r="B49943" s="14" t="s">
        <v>1</v>
      </c>
      <c r="C49943" s="14" t="s">
        <v>109</v>
      </c>
      <c r="D49943" s="14" t="s">
        <v>281</v>
      </c>
      <c r="E49943" s="15">
        <v>45679</v>
      </c>
      <c r="F49943" s="14" t="s">
        <v>61</v>
      </c>
      <c r="G49943" s="16">
        <v>0</v>
      </c>
    </row>
    <row r="49944" spans="1:7" x14ac:dyDescent="0.3">
      <c r="A49944" s="13" t="s">
        <v>280</v>
      </c>
      <c r="B49944" s="14" t="s">
        <v>1</v>
      </c>
      <c r="C49944" s="14" t="s">
        <v>109</v>
      </c>
      <c r="D49944" s="14" t="s">
        <v>281</v>
      </c>
      <c r="E49944" s="15">
        <v>45680</v>
      </c>
      <c r="F49944" s="14" t="s">
        <v>61</v>
      </c>
      <c r="G49944" s="16">
        <v>0</v>
      </c>
    </row>
    <row r="49945" spans="1:7" x14ac:dyDescent="0.3">
      <c r="A49945" s="13" t="s">
        <v>280</v>
      </c>
      <c r="B49945" s="14" t="s">
        <v>1</v>
      </c>
      <c r="C49945" s="14" t="s">
        <v>109</v>
      </c>
      <c r="D49945" s="14" t="s">
        <v>281</v>
      </c>
      <c r="E49945" s="15">
        <v>45681</v>
      </c>
      <c r="F49945" s="14" t="s">
        <v>61</v>
      </c>
      <c r="G49945" s="16">
        <v>0</v>
      </c>
    </row>
    <row r="49946" spans="1:7" x14ac:dyDescent="0.3">
      <c r="A49946" s="13" t="s">
        <v>280</v>
      </c>
      <c r="B49946" s="14" t="s">
        <v>1</v>
      </c>
      <c r="C49946" s="14" t="s">
        <v>109</v>
      </c>
      <c r="D49946" s="14" t="s">
        <v>281</v>
      </c>
      <c r="E49946" s="15">
        <v>45682</v>
      </c>
      <c r="F49946" s="14" t="s">
        <v>61</v>
      </c>
      <c r="G49946" s="16">
        <v>0</v>
      </c>
    </row>
    <row r="49947" spans="1:7" x14ac:dyDescent="0.3">
      <c r="A49947" s="13" t="s">
        <v>280</v>
      </c>
      <c r="B49947" s="14" t="s">
        <v>1</v>
      </c>
      <c r="C49947" s="14" t="s">
        <v>109</v>
      </c>
      <c r="D49947" s="14" t="s">
        <v>281</v>
      </c>
      <c r="E49947" s="15">
        <v>45683</v>
      </c>
      <c r="F49947" s="14" t="s">
        <v>61</v>
      </c>
      <c r="G49947" s="16">
        <v>0</v>
      </c>
    </row>
    <row r="49948" spans="1:7" x14ac:dyDescent="0.3">
      <c r="A49948" s="13" t="s">
        <v>280</v>
      </c>
      <c r="B49948" s="14" t="s">
        <v>1</v>
      </c>
      <c r="C49948" s="14" t="s">
        <v>109</v>
      </c>
      <c r="D49948" s="14" t="s">
        <v>281</v>
      </c>
      <c r="E49948" s="15">
        <v>45684</v>
      </c>
      <c r="F49948" s="14" t="s">
        <v>61</v>
      </c>
      <c r="G49948" s="16">
        <v>0</v>
      </c>
    </row>
    <row r="49949" spans="1:7" x14ac:dyDescent="0.3">
      <c r="A49949" s="13" t="s">
        <v>280</v>
      </c>
      <c r="B49949" s="14" t="s">
        <v>1</v>
      </c>
      <c r="C49949" s="14" t="s">
        <v>109</v>
      </c>
      <c r="D49949" s="14" t="s">
        <v>281</v>
      </c>
      <c r="E49949" s="15">
        <v>45685</v>
      </c>
      <c r="F49949" s="14" t="s">
        <v>61</v>
      </c>
      <c r="G49949" s="16">
        <v>0</v>
      </c>
    </row>
    <row r="49950" spans="1:7" x14ac:dyDescent="0.3">
      <c r="A49950" s="13" t="s">
        <v>280</v>
      </c>
      <c r="B49950" s="14" t="s">
        <v>1</v>
      </c>
      <c r="C49950" s="14" t="s">
        <v>109</v>
      </c>
      <c r="D49950" s="14" t="s">
        <v>281</v>
      </c>
      <c r="E49950" s="15">
        <v>45686</v>
      </c>
      <c r="F49950" s="14" t="s">
        <v>61</v>
      </c>
      <c r="G49950" s="16">
        <v>0</v>
      </c>
    </row>
    <row r="49951" spans="1:7" x14ac:dyDescent="0.3">
      <c r="A49951" s="13" t="s">
        <v>280</v>
      </c>
      <c r="B49951" s="14" t="s">
        <v>1</v>
      </c>
      <c r="C49951" s="14" t="s">
        <v>109</v>
      </c>
      <c r="D49951" s="14" t="s">
        <v>281</v>
      </c>
      <c r="E49951" s="15">
        <v>45687</v>
      </c>
      <c r="F49951" s="14" t="s">
        <v>61</v>
      </c>
      <c r="G49951" s="16">
        <v>0</v>
      </c>
    </row>
    <row r="49952" spans="1:7" x14ac:dyDescent="0.3">
      <c r="A49952" s="13" t="s">
        <v>280</v>
      </c>
      <c r="B49952" s="14" t="s">
        <v>1</v>
      </c>
      <c r="C49952" s="14" t="s">
        <v>109</v>
      </c>
      <c r="D49952" s="14" t="s">
        <v>281</v>
      </c>
      <c r="E49952" s="15">
        <v>45688</v>
      </c>
      <c r="F49952" s="14" t="s">
        <v>61</v>
      </c>
      <c r="G49952" s="16">
        <v>0</v>
      </c>
    </row>
    <row r="49953" spans="1:7" x14ac:dyDescent="0.3">
      <c r="A49953" s="13" t="s">
        <v>280</v>
      </c>
      <c r="B49953" s="14" t="s">
        <v>1</v>
      </c>
      <c r="C49953" s="14" t="s">
        <v>109</v>
      </c>
      <c r="D49953" s="14" t="s">
        <v>281</v>
      </c>
      <c r="E49953" s="15">
        <v>45689</v>
      </c>
      <c r="F49953" s="14" t="s">
        <v>61</v>
      </c>
      <c r="G49953" s="16">
        <v>0</v>
      </c>
    </row>
    <row r="49954" spans="1:7" x14ac:dyDescent="0.3">
      <c r="A49954" s="13" t="s">
        <v>280</v>
      </c>
      <c r="B49954" s="14" t="s">
        <v>1</v>
      </c>
      <c r="C49954" s="14" t="s">
        <v>109</v>
      </c>
      <c r="D49954" s="14" t="s">
        <v>281</v>
      </c>
      <c r="E49954" s="15">
        <v>45690</v>
      </c>
      <c r="F49954" s="14" t="s">
        <v>61</v>
      </c>
      <c r="G49954" s="16">
        <v>0</v>
      </c>
    </row>
    <row r="49955" spans="1:7" x14ac:dyDescent="0.3">
      <c r="A49955" s="13" t="s">
        <v>280</v>
      </c>
      <c r="B49955" s="14" t="s">
        <v>1</v>
      </c>
      <c r="C49955" s="14" t="s">
        <v>109</v>
      </c>
      <c r="D49955" s="14" t="s">
        <v>281</v>
      </c>
      <c r="E49955" s="15">
        <v>45691</v>
      </c>
      <c r="F49955" s="14" t="s">
        <v>61</v>
      </c>
      <c r="G49955" s="16">
        <v>0</v>
      </c>
    </row>
    <row r="49956" spans="1:7" x14ac:dyDescent="0.3">
      <c r="A49956" s="13" t="s">
        <v>280</v>
      </c>
      <c r="B49956" s="14" t="s">
        <v>1</v>
      </c>
      <c r="C49956" s="14" t="s">
        <v>109</v>
      </c>
      <c r="D49956" s="14" t="s">
        <v>281</v>
      </c>
      <c r="E49956" s="15">
        <v>45692</v>
      </c>
      <c r="F49956" s="14" t="s">
        <v>61</v>
      </c>
      <c r="G49956" s="16">
        <v>0</v>
      </c>
    </row>
    <row r="49957" spans="1:7" x14ac:dyDescent="0.3">
      <c r="A49957" s="13" t="s">
        <v>280</v>
      </c>
      <c r="B49957" s="14" t="s">
        <v>1</v>
      </c>
      <c r="C49957" s="14" t="s">
        <v>109</v>
      </c>
      <c r="D49957" s="14" t="s">
        <v>281</v>
      </c>
      <c r="E49957" s="15">
        <v>45693</v>
      </c>
      <c r="F49957" s="14" t="s">
        <v>61</v>
      </c>
      <c r="G49957" s="16">
        <v>0</v>
      </c>
    </row>
    <row r="49958" spans="1:7" x14ac:dyDescent="0.3">
      <c r="A49958" s="13" t="s">
        <v>280</v>
      </c>
      <c r="B49958" s="14" t="s">
        <v>1</v>
      </c>
      <c r="C49958" s="14" t="s">
        <v>109</v>
      </c>
      <c r="D49958" s="14" t="s">
        <v>281</v>
      </c>
      <c r="E49958" s="15">
        <v>45694</v>
      </c>
      <c r="F49958" s="14" t="s">
        <v>61</v>
      </c>
      <c r="G49958" s="16">
        <v>0</v>
      </c>
    </row>
    <row r="49959" spans="1:7" x14ac:dyDescent="0.3">
      <c r="A49959" s="13" t="s">
        <v>280</v>
      </c>
      <c r="B49959" s="14" t="s">
        <v>1</v>
      </c>
      <c r="C49959" s="14" t="s">
        <v>109</v>
      </c>
      <c r="D49959" s="14" t="s">
        <v>281</v>
      </c>
      <c r="E49959" s="15">
        <v>45695</v>
      </c>
      <c r="F49959" s="14" t="s">
        <v>61</v>
      </c>
      <c r="G49959" s="16">
        <v>0</v>
      </c>
    </row>
    <row r="49960" spans="1:7" x14ac:dyDescent="0.3">
      <c r="A49960" s="13" t="s">
        <v>280</v>
      </c>
      <c r="B49960" s="14" t="s">
        <v>1</v>
      </c>
      <c r="C49960" s="14" t="s">
        <v>109</v>
      </c>
      <c r="D49960" s="14" t="s">
        <v>281</v>
      </c>
      <c r="E49960" s="15">
        <v>45696</v>
      </c>
      <c r="F49960" s="14" t="s">
        <v>61</v>
      </c>
      <c r="G49960" s="16">
        <v>0</v>
      </c>
    </row>
    <row r="49961" spans="1:7" x14ac:dyDescent="0.3">
      <c r="A49961" s="13" t="s">
        <v>280</v>
      </c>
      <c r="B49961" s="14" t="s">
        <v>1</v>
      </c>
      <c r="C49961" s="14" t="s">
        <v>109</v>
      </c>
      <c r="D49961" s="14" t="s">
        <v>281</v>
      </c>
      <c r="E49961" s="15">
        <v>45697</v>
      </c>
      <c r="F49961" s="14" t="s">
        <v>61</v>
      </c>
      <c r="G49961" s="16">
        <v>0</v>
      </c>
    </row>
    <row r="49962" spans="1:7" x14ac:dyDescent="0.3">
      <c r="A49962" s="13" t="s">
        <v>280</v>
      </c>
      <c r="B49962" s="14" t="s">
        <v>1</v>
      </c>
      <c r="C49962" s="14" t="s">
        <v>109</v>
      </c>
      <c r="D49962" s="14" t="s">
        <v>281</v>
      </c>
      <c r="E49962" s="15">
        <v>45698</v>
      </c>
      <c r="F49962" s="14" t="s">
        <v>61</v>
      </c>
      <c r="G49962" s="16">
        <v>0</v>
      </c>
    </row>
    <row r="49963" spans="1:7" x14ac:dyDescent="0.3">
      <c r="A49963" s="13" t="s">
        <v>280</v>
      </c>
      <c r="B49963" s="14" t="s">
        <v>1</v>
      </c>
      <c r="C49963" s="14" t="s">
        <v>109</v>
      </c>
      <c r="D49963" s="14" t="s">
        <v>281</v>
      </c>
      <c r="E49963" s="15">
        <v>45699</v>
      </c>
      <c r="F49963" s="14" t="s">
        <v>61</v>
      </c>
      <c r="G49963" s="16">
        <v>0</v>
      </c>
    </row>
    <row r="49964" spans="1:7" x14ac:dyDescent="0.3">
      <c r="A49964" s="13" t="s">
        <v>280</v>
      </c>
      <c r="B49964" s="14" t="s">
        <v>1</v>
      </c>
      <c r="C49964" s="14" t="s">
        <v>109</v>
      </c>
      <c r="D49964" s="14" t="s">
        <v>281</v>
      </c>
      <c r="E49964" s="15">
        <v>45700</v>
      </c>
      <c r="F49964" s="14" t="s">
        <v>61</v>
      </c>
      <c r="G49964" s="16">
        <v>0</v>
      </c>
    </row>
    <row r="49965" spans="1:7" x14ac:dyDescent="0.3">
      <c r="A49965" s="13" t="s">
        <v>280</v>
      </c>
      <c r="B49965" s="14" t="s">
        <v>1</v>
      </c>
      <c r="C49965" s="14" t="s">
        <v>109</v>
      </c>
      <c r="D49965" s="14" t="s">
        <v>281</v>
      </c>
      <c r="E49965" s="15">
        <v>45701</v>
      </c>
      <c r="F49965" s="14" t="s">
        <v>61</v>
      </c>
      <c r="G49965" s="16">
        <v>0</v>
      </c>
    </row>
    <row r="49966" spans="1:7" x14ac:dyDescent="0.3">
      <c r="A49966" s="13" t="s">
        <v>280</v>
      </c>
      <c r="B49966" s="14" t="s">
        <v>1</v>
      </c>
      <c r="C49966" s="14" t="s">
        <v>109</v>
      </c>
      <c r="D49966" s="14" t="s">
        <v>281</v>
      </c>
      <c r="E49966" s="15">
        <v>45702</v>
      </c>
      <c r="F49966" s="14" t="s">
        <v>61</v>
      </c>
      <c r="G49966" s="16">
        <v>0</v>
      </c>
    </row>
    <row r="49967" spans="1:7" x14ac:dyDescent="0.3">
      <c r="A49967" s="13" t="s">
        <v>280</v>
      </c>
      <c r="B49967" s="14" t="s">
        <v>1</v>
      </c>
      <c r="C49967" s="14" t="s">
        <v>109</v>
      </c>
      <c r="D49967" s="14" t="s">
        <v>281</v>
      </c>
      <c r="E49967" s="15">
        <v>45703</v>
      </c>
      <c r="F49967" s="14" t="s">
        <v>61</v>
      </c>
      <c r="G49967" s="16">
        <v>0</v>
      </c>
    </row>
    <row r="49968" spans="1:7" x14ac:dyDescent="0.3">
      <c r="A49968" s="13" t="s">
        <v>280</v>
      </c>
      <c r="B49968" s="14" t="s">
        <v>1</v>
      </c>
      <c r="C49968" s="14" t="s">
        <v>109</v>
      </c>
      <c r="D49968" s="14" t="s">
        <v>281</v>
      </c>
      <c r="E49968" s="15">
        <v>45704</v>
      </c>
      <c r="F49968" s="14" t="s">
        <v>61</v>
      </c>
      <c r="G49968" s="16">
        <v>0</v>
      </c>
    </row>
    <row r="49969" spans="1:7" x14ac:dyDescent="0.3">
      <c r="A49969" s="13" t="s">
        <v>280</v>
      </c>
      <c r="B49969" s="14" t="s">
        <v>1</v>
      </c>
      <c r="C49969" s="14" t="s">
        <v>109</v>
      </c>
      <c r="D49969" s="14" t="s">
        <v>281</v>
      </c>
      <c r="E49969" s="15">
        <v>45705</v>
      </c>
      <c r="F49969" s="14" t="s">
        <v>61</v>
      </c>
      <c r="G49969" s="16">
        <v>0</v>
      </c>
    </row>
    <row r="49970" spans="1:7" x14ac:dyDescent="0.3">
      <c r="A49970" s="13" t="s">
        <v>280</v>
      </c>
      <c r="B49970" s="14" t="s">
        <v>1</v>
      </c>
      <c r="C49970" s="14" t="s">
        <v>109</v>
      </c>
      <c r="D49970" s="14" t="s">
        <v>281</v>
      </c>
      <c r="E49970" s="15">
        <v>45706</v>
      </c>
      <c r="F49970" s="14" t="s">
        <v>61</v>
      </c>
      <c r="G49970" s="16">
        <v>0</v>
      </c>
    </row>
    <row r="49971" spans="1:7" x14ac:dyDescent="0.3">
      <c r="A49971" s="13" t="s">
        <v>280</v>
      </c>
      <c r="B49971" s="14" t="s">
        <v>1</v>
      </c>
      <c r="C49971" s="14" t="s">
        <v>109</v>
      </c>
      <c r="D49971" s="14" t="s">
        <v>281</v>
      </c>
      <c r="E49971" s="15">
        <v>45707</v>
      </c>
      <c r="F49971" s="14" t="s">
        <v>61</v>
      </c>
      <c r="G49971" s="16">
        <v>0</v>
      </c>
    </row>
    <row r="49972" spans="1:7" x14ac:dyDescent="0.3">
      <c r="A49972" s="13" t="s">
        <v>280</v>
      </c>
      <c r="B49972" s="14" t="s">
        <v>1</v>
      </c>
      <c r="C49972" s="14" t="s">
        <v>109</v>
      </c>
      <c r="D49972" s="14" t="s">
        <v>281</v>
      </c>
      <c r="E49972" s="15">
        <v>45708</v>
      </c>
      <c r="F49972" s="14" t="s">
        <v>61</v>
      </c>
      <c r="G49972" s="16">
        <v>0</v>
      </c>
    </row>
    <row r="49973" spans="1:7" x14ac:dyDescent="0.3">
      <c r="A49973" s="13" t="s">
        <v>280</v>
      </c>
      <c r="B49973" s="14" t="s">
        <v>1</v>
      </c>
      <c r="C49973" s="14" t="s">
        <v>109</v>
      </c>
      <c r="D49973" s="14" t="s">
        <v>281</v>
      </c>
      <c r="E49973" s="15">
        <v>45709</v>
      </c>
      <c r="F49973" s="14" t="s">
        <v>61</v>
      </c>
      <c r="G49973" s="16">
        <v>0</v>
      </c>
    </row>
    <row r="49974" spans="1:7" x14ac:dyDescent="0.3">
      <c r="A49974" s="13" t="s">
        <v>280</v>
      </c>
      <c r="B49974" s="14" t="s">
        <v>1</v>
      </c>
      <c r="C49974" s="14" t="s">
        <v>109</v>
      </c>
      <c r="D49974" s="14" t="s">
        <v>281</v>
      </c>
      <c r="E49974" s="15">
        <v>45710</v>
      </c>
      <c r="F49974" s="14" t="s">
        <v>61</v>
      </c>
      <c r="G49974" s="16">
        <v>0</v>
      </c>
    </row>
    <row r="49975" spans="1:7" x14ac:dyDescent="0.3">
      <c r="A49975" s="13" t="s">
        <v>280</v>
      </c>
      <c r="B49975" s="14" t="s">
        <v>1</v>
      </c>
      <c r="C49975" s="14" t="s">
        <v>109</v>
      </c>
      <c r="D49975" s="14" t="s">
        <v>281</v>
      </c>
      <c r="E49975" s="15">
        <v>45711</v>
      </c>
      <c r="F49975" s="14" t="s">
        <v>61</v>
      </c>
      <c r="G49975" s="16">
        <v>0</v>
      </c>
    </row>
    <row r="49976" spans="1:7" x14ac:dyDescent="0.3">
      <c r="A49976" s="13" t="s">
        <v>280</v>
      </c>
      <c r="B49976" s="14" t="s">
        <v>1</v>
      </c>
      <c r="C49976" s="14" t="s">
        <v>109</v>
      </c>
      <c r="D49976" s="14" t="s">
        <v>281</v>
      </c>
      <c r="E49976" s="15">
        <v>45712</v>
      </c>
      <c r="F49976" s="14" t="s">
        <v>61</v>
      </c>
      <c r="G49976" s="16">
        <v>0</v>
      </c>
    </row>
    <row r="49977" spans="1:7" x14ac:dyDescent="0.3">
      <c r="A49977" s="13" t="s">
        <v>280</v>
      </c>
      <c r="B49977" s="14" t="s">
        <v>1</v>
      </c>
      <c r="C49977" s="14" t="s">
        <v>109</v>
      </c>
      <c r="D49977" s="14" t="s">
        <v>281</v>
      </c>
      <c r="E49977" s="15">
        <v>45713</v>
      </c>
      <c r="F49977" s="14" t="s">
        <v>61</v>
      </c>
      <c r="G49977" s="16">
        <v>0</v>
      </c>
    </row>
    <row r="49978" spans="1:7" x14ac:dyDescent="0.3">
      <c r="A49978" s="13" t="s">
        <v>280</v>
      </c>
      <c r="B49978" s="14" t="s">
        <v>1</v>
      </c>
      <c r="C49978" s="14" t="s">
        <v>109</v>
      </c>
      <c r="D49978" s="14" t="s">
        <v>281</v>
      </c>
      <c r="E49978" s="15">
        <v>45714</v>
      </c>
      <c r="F49978" s="14" t="s">
        <v>61</v>
      </c>
      <c r="G49978" s="16">
        <v>0</v>
      </c>
    </row>
    <row r="49979" spans="1:7" x14ac:dyDescent="0.3">
      <c r="A49979" s="13" t="s">
        <v>280</v>
      </c>
      <c r="B49979" s="14" t="s">
        <v>1</v>
      </c>
      <c r="C49979" s="14" t="s">
        <v>109</v>
      </c>
      <c r="D49979" s="14" t="s">
        <v>281</v>
      </c>
      <c r="E49979" s="15">
        <v>45715</v>
      </c>
      <c r="F49979" s="14" t="s">
        <v>61</v>
      </c>
      <c r="G49979" s="16">
        <v>0</v>
      </c>
    </row>
    <row r="49980" spans="1:7" x14ac:dyDescent="0.3">
      <c r="A49980" s="13" t="s">
        <v>280</v>
      </c>
      <c r="B49980" s="14" t="s">
        <v>1</v>
      </c>
      <c r="C49980" s="14" t="s">
        <v>109</v>
      </c>
      <c r="D49980" s="14" t="s">
        <v>281</v>
      </c>
      <c r="E49980" s="15">
        <v>45716</v>
      </c>
      <c r="F49980" s="14" t="s">
        <v>61</v>
      </c>
      <c r="G49980" s="16">
        <v>0</v>
      </c>
    </row>
    <row r="49981" spans="1:7" x14ac:dyDescent="0.3">
      <c r="A49981" s="13" t="s">
        <v>280</v>
      </c>
      <c r="B49981" s="14" t="s">
        <v>1</v>
      </c>
      <c r="C49981" s="14" t="s">
        <v>109</v>
      </c>
      <c r="D49981" s="14" t="s">
        <v>281</v>
      </c>
      <c r="E49981" s="15">
        <v>45717</v>
      </c>
      <c r="F49981" s="14" t="s">
        <v>61</v>
      </c>
      <c r="G49981" s="16">
        <v>0</v>
      </c>
    </row>
    <row r="49982" spans="1:7" x14ac:dyDescent="0.3">
      <c r="A49982" s="13" t="s">
        <v>280</v>
      </c>
      <c r="B49982" s="14" t="s">
        <v>1</v>
      </c>
      <c r="C49982" s="14" t="s">
        <v>109</v>
      </c>
      <c r="D49982" s="14" t="s">
        <v>281</v>
      </c>
      <c r="E49982" s="15">
        <v>45718</v>
      </c>
      <c r="F49982" s="14" t="s">
        <v>61</v>
      </c>
      <c r="G49982" s="16">
        <v>0</v>
      </c>
    </row>
    <row r="49983" spans="1:7" x14ac:dyDescent="0.3">
      <c r="A49983" s="13" t="s">
        <v>280</v>
      </c>
      <c r="B49983" s="14" t="s">
        <v>1</v>
      </c>
      <c r="C49983" s="14" t="s">
        <v>109</v>
      </c>
      <c r="D49983" s="14" t="s">
        <v>281</v>
      </c>
      <c r="E49983" s="15">
        <v>45719</v>
      </c>
      <c r="F49983" s="14" t="s">
        <v>61</v>
      </c>
      <c r="G49983" s="16">
        <v>0</v>
      </c>
    </row>
    <row r="49984" spans="1:7" x14ac:dyDescent="0.3">
      <c r="A49984" s="13" t="s">
        <v>280</v>
      </c>
      <c r="B49984" s="14" t="s">
        <v>1</v>
      </c>
      <c r="C49984" s="14" t="s">
        <v>109</v>
      </c>
      <c r="D49984" s="14" t="s">
        <v>281</v>
      </c>
      <c r="E49984" s="15">
        <v>45720</v>
      </c>
      <c r="F49984" s="14" t="s">
        <v>61</v>
      </c>
      <c r="G49984" s="16">
        <v>0</v>
      </c>
    </row>
    <row r="49985" spans="1:7" x14ac:dyDescent="0.3">
      <c r="A49985" s="13" t="s">
        <v>280</v>
      </c>
      <c r="B49985" s="14" t="s">
        <v>1</v>
      </c>
      <c r="C49985" s="14" t="s">
        <v>109</v>
      </c>
      <c r="D49985" s="14" t="s">
        <v>281</v>
      </c>
      <c r="E49985" s="15">
        <v>45721</v>
      </c>
      <c r="F49985" s="14" t="s">
        <v>61</v>
      </c>
      <c r="G49985" s="16">
        <v>0</v>
      </c>
    </row>
    <row r="49986" spans="1:7" x14ac:dyDescent="0.3">
      <c r="A49986" s="13" t="s">
        <v>280</v>
      </c>
      <c r="B49986" s="14" t="s">
        <v>1</v>
      </c>
      <c r="C49986" s="14" t="s">
        <v>109</v>
      </c>
      <c r="D49986" s="14" t="s">
        <v>281</v>
      </c>
      <c r="E49986" s="15">
        <v>45722</v>
      </c>
      <c r="F49986" s="14" t="s">
        <v>61</v>
      </c>
      <c r="G49986" s="16">
        <v>0</v>
      </c>
    </row>
    <row r="49987" spans="1:7" x14ac:dyDescent="0.3">
      <c r="A49987" s="13" t="s">
        <v>280</v>
      </c>
      <c r="B49987" s="14" t="s">
        <v>1</v>
      </c>
      <c r="C49987" s="14" t="s">
        <v>109</v>
      </c>
      <c r="D49987" s="14" t="s">
        <v>281</v>
      </c>
      <c r="E49987" s="15">
        <v>45723</v>
      </c>
      <c r="F49987" s="14" t="s">
        <v>61</v>
      </c>
      <c r="G49987" s="16">
        <v>0</v>
      </c>
    </row>
    <row r="49988" spans="1:7" x14ac:dyDescent="0.3">
      <c r="A49988" s="13" t="s">
        <v>280</v>
      </c>
      <c r="B49988" s="14" t="s">
        <v>1</v>
      </c>
      <c r="C49988" s="14" t="s">
        <v>109</v>
      </c>
      <c r="D49988" s="14" t="s">
        <v>281</v>
      </c>
      <c r="E49988" s="15">
        <v>45724</v>
      </c>
      <c r="F49988" s="14" t="s">
        <v>61</v>
      </c>
      <c r="G49988" s="16">
        <v>0</v>
      </c>
    </row>
    <row r="49989" spans="1:7" x14ac:dyDescent="0.3">
      <c r="A49989" s="13" t="s">
        <v>280</v>
      </c>
      <c r="B49989" s="14" t="s">
        <v>1</v>
      </c>
      <c r="C49989" s="14" t="s">
        <v>109</v>
      </c>
      <c r="D49989" s="14" t="s">
        <v>281</v>
      </c>
      <c r="E49989" s="15">
        <v>45725</v>
      </c>
      <c r="F49989" s="14" t="s">
        <v>61</v>
      </c>
      <c r="G49989" s="16">
        <v>0</v>
      </c>
    </row>
    <row r="49990" spans="1:7" x14ac:dyDescent="0.3">
      <c r="A49990" s="13" t="s">
        <v>280</v>
      </c>
      <c r="B49990" s="14" t="s">
        <v>1</v>
      </c>
      <c r="C49990" s="14" t="s">
        <v>109</v>
      </c>
      <c r="D49990" s="14" t="s">
        <v>281</v>
      </c>
      <c r="E49990" s="15">
        <v>45726</v>
      </c>
      <c r="F49990" s="14" t="s">
        <v>61</v>
      </c>
      <c r="G49990" s="16">
        <v>0</v>
      </c>
    </row>
    <row r="49991" spans="1:7" x14ac:dyDescent="0.3">
      <c r="A49991" s="13" t="s">
        <v>280</v>
      </c>
      <c r="B49991" s="14" t="s">
        <v>1</v>
      </c>
      <c r="C49991" s="14" t="s">
        <v>109</v>
      </c>
      <c r="D49991" s="14" t="s">
        <v>281</v>
      </c>
      <c r="E49991" s="15">
        <v>45727</v>
      </c>
      <c r="F49991" s="14" t="s">
        <v>61</v>
      </c>
      <c r="G49991" s="16">
        <v>0</v>
      </c>
    </row>
    <row r="49992" spans="1:7" x14ac:dyDescent="0.3">
      <c r="A49992" s="13" t="s">
        <v>280</v>
      </c>
      <c r="B49992" s="14" t="s">
        <v>1</v>
      </c>
      <c r="C49992" s="14" t="s">
        <v>109</v>
      </c>
      <c r="D49992" s="14" t="s">
        <v>281</v>
      </c>
      <c r="E49992" s="15">
        <v>45728</v>
      </c>
      <c r="F49992" s="14" t="s">
        <v>61</v>
      </c>
      <c r="G49992" s="16">
        <v>0</v>
      </c>
    </row>
    <row r="49993" spans="1:7" x14ac:dyDescent="0.3">
      <c r="A49993" s="13" t="s">
        <v>280</v>
      </c>
      <c r="B49993" s="14" t="s">
        <v>1</v>
      </c>
      <c r="C49993" s="14" t="s">
        <v>109</v>
      </c>
      <c r="D49993" s="14" t="s">
        <v>281</v>
      </c>
      <c r="E49993" s="15">
        <v>45729</v>
      </c>
      <c r="F49993" s="14" t="s">
        <v>61</v>
      </c>
      <c r="G49993" s="16">
        <v>0</v>
      </c>
    </row>
    <row r="49994" spans="1:7" x14ac:dyDescent="0.3">
      <c r="A49994" s="13" t="s">
        <v>280</v>
      </c>
      <c r="B49994" s="14" t="s">
        <v>1</v>
      </c>
      <c r="C49994" s="14" t="s">
        <v>109</v>
      </c>
      <c r="D49994" s="14" t="s">
        <v>281</v>
      </c>
      <c r="E49994" s="15">
        <v>45730</v>
      </c>
      <c r="F49994" s="14" t="s">
        <v>61</v>
      </c>
      <c r="G49994" s="16">
        <v>0</v>
      </c>
    </row>
    <row r="49995" spans="1:7" x14ac:dyDescent="0.3">
      <c r="A49995" s="13" t="s">
        <v>280</v>
      </c>
      <c r="B49995" s="14" t="s">
        <v>1</v>
      </c>
      <c r="C49995" s="14" t="s">
        <v>109</v>
      </c>
      <c r="D49995" s="14" t="s">
        <v>281</v>
      </c>
      <c r="E49995" s="15">
        <v>45731</v>
      </c>
      <c r="F49995" s="14" t="s">
        <v>61</v>
      </c>
      <c r="G49995" s="16">
        <v>0</v>
      </c>
    </row>
    <row r="49996" spans="1:7" x14ac:dyDescent="0.3">
      <c r="A49996" s="13" t="s">
        <v>280</v>
      </c>
      <c r="B49996" s="14" t="s">
        <v>1</v>
      </c>
      <c r="C49996" s="14" t="s">
        <v>109</v>
      </c>
      <c r="D49996" s="14" t="s">
        <v>281</v>
      </c>
      <c r="E49996" s="15">
        <v>45732</v>
      </c>
      <c r="F49996" s="14" t="s">
        <v>61</v>
      </c>
      <c r="G49996" s="16">
        <v>0</v>
      </c>
    </row>
    <row r="49997" spans="1:7" x14ac:dyDescent="0.3">
      <c r="A49997" s="13" t="s">
        <v>280</v>
      </c>
      <c r="B49997" s="14" t="s">
        <v>1</v>
      </c>
      <c r="C49997" s="14" t="s">
        <v>109</v>
      </c>
      <c r="D49997" s="14" t="s">
        <v>281</v>
      </c>
      <c r="E49997" s="15">
        <v>45733</v>
      </c>
      <c r="F49997" s="14" t="s">
        <v>61</v>
      </c>
      <c r="G49997" s="16">
        <v>0</v>
      </c>
    </row>
    <row r="49998" spans="1:7" x14ac:dyDescent="0.3">
      <c r="A49998" s="13" t="s">
        <v>280</v>
      </c>
      <c r="B49998" s="14" t="s">
        <v>1</v>
      </c>
      <c r="C49998" s="14" t="s">
        <v>109</v>
      </c>
      <c r="D49998" s="14" t="s">
        <v>281</v>
      </c>
      <c r="E49998" s="15">
        <v>45734</v>
      </c>
      <c r="F49998" s="14" t="s">
        <v>61</v>
      </c>
      <c r="G49998" s="16">
        <v>0</v>
      </c>
    </row>
    <row r="49999" spans="1:7" x14ac:dyDescent="0.3">
      <c r="A49999" s="13" t="s">
        <v>280</v>
      </c>
      <c r="B49999" s="14" t="s">
        <v>1</v>
      </c>
      <c r="C49999" s="14" t="s">
        <v>109</v>
      </c>
      <c r="D49999" s="14" t="s">
        <v>281</v>
      </c>
      <c r="E49999" s="15">
        <v>45735</v>
      </c>
      <c r="F49999" s="14" t="s">
        <v>61</v>
      </c>
      <c r="G49999" s="16">
        <v>0</v>
      </c>
    </row>
    <row r="50000" spans="1:7" x14ac:dyDescent="0.3">
      <c r="A50000" s="13" t="s">
        <v>280</v>
      </c>
      <c r="B50000" s="14" t="s">
        <v>1</v>
      </c>
      <c r="C50000" s="14" t="s">
        <v>109</v>
      </c>
      <c r="D50000" s="14" t="s">
        <v>281</v>
      </c>
      <c r="E50000" s="15">
        <v>45736</v>
      </c>
      <c r="F50000" s="14" t="s">
        <v>61</v>
      </c>
      <c r="G50000" s="16">
        <v>0</v>
      </c>
    </row>
    <row r="50001" spans="1:7" x14ac:dyDescent="0.3">
      <c r="A50001" s="13" t="s">
        <v>280</v>
      </c>
      <c r="B50001" s="14" t="s">
        <v>1</v>
      </c>
      <c r="C50001" s="14" t="s">
        <v>109</v>
      </c>
      <c r="D50001" s="14" t="s">
        <v>281</v>
      </c>
      <c r="E50001" s="15">
        <v>45737</v>
      </c>
      <c r="F50001" s="14" t="s">
        <v>61</v>
      </c>
      <c r="G50001" s="16">
        <v>0</v>
      </c>
    </row>
    <row r="50002" spans="1:7" x14ac:dyDescent="0.3">
      <c r="A50002" s="13" t="s">
        <v>280</v>
      </c>
      <c r="B50002" s="14" t="s">
        <v>1</v>
      </c>
      <c r="C50002" s="14" t="s">
        <v>109</v>
      </c>
      <c r="D50002" s="14" t="s">
        <v>281</v>
      </c>
      <c r="E50002" s="15">
        <v>45738</v>
      </c>
      <c r="F50002" s="14" t="s">
        <v>61</v>
      </c>
      <c r="G50002" s="16">
        <v>0</v>
      </c>
    </row>
    <row r="50003" spans="1:7" x14ac:dyDescent="0.3">
      <c r="A50003" s="13" t="s">
        <v>280</v>
      </c>
      <c r="B50003" s="14" t="s">
        <v>1</v>
      </c>
      <c r="C50003" s="14" t="s">
        <v>109</v>
      </c>
      <c r="D50003" s="14" t="s">
        <v>281</v>
      </c>
      <c r="E50003" s="15">
        <v>45739</v>
      </c>
      <c r="F50003" s="14" t="s">
        <v>61</v>
      </c>
      <c r="G50003" s="16">
        <v>0</v>
      </c>
    </row>
    <row r="50004" spans="1:7" x14ac:dyDescent="0.3">
      <c r="A50004" s="13" t="s">
        <v>280</v>
      </c>
      <c r="B50004" s="14" t="s">
        <v>1</v>
      </c>
      <c r="C50004" s="14" t="s">
        <v>109</v>
      </c>
      <c r="D50004" s="14" t="s">
        <v>281</v>
      </c>
      <c r="E50004" s="15">
        <v>45740</v>
      </c>
      <c r="F50004" s="14" t="s">
        <v>61</v>
      </c>
      <c r="G50004" s="16">
        <v>0</v>
      </c>
    </row>
    <row r="50005" spans="1:7" x14ac:dyDescent="0.3">
      <c r="A50005" s="13" t="s">
        <v>280</v>
      </c>
      <c r="B50005" s="14" t="s">
        <v>1</v>
      </c>
      <c r="C50005" s="14" t="s">
        <v>109</v>
      </c>
      <c r="D50005" s="14" t="s">
        <v>281</v>
      </c>
      <c r="E50005" s="15">
        <v>45741</v>
      </c>
      <c r="F50005" s="14" t="s">
        <v>61</v>
      </c>
      <c r="G50005" s="16">
        <v>0</v>
      </c>
    </row>
    <row r="50006" spans="1:7" x14ac:dyDescent="0.3">
      <c r="A50006" s="13" t="s">
        <v>280</v>
      </c>
      <c r="B50006" s="14" t="s">
        <v>1</v>
      </c>
      <c r="C50006" s="14" t="s">
        <v>109</v>
      </c>
      <c r="D50006" s="14" t="s">
        <v>281</v>
      </c>
      <c r="E50006" s="15">
        <v>45742</v>
      </c>
      <c r="F50006" s="14" t="s">
        <v>61</v>
      </c>
      <c r="G50006" s="16">
        <v>0</v>
      </c>
    </row>
    <row r="50007" spans="1:7" x14ac:dyDescent="0.3">
      <c r="A50007" s="13" t="s">
        <v>280</v>
      </c>
      <c r="B50007" s="14" t="s">
        <v>1</v>
      </c>
      <c r="C50007" s="14" t="s">
        <v>109</v>
      </c>
      <c r="D50007" s="14" t="s">
        <v>281</v>
      </c>
      <c r="E50007" s="15">
        <v>45743</v>
      </c>
      <c r="F50007" s="14" t="s">
        <v>61</v>
      </c>
      <c r="G50007" s="16">
        <v>0</v>
      </c>
    </row>
    <row r="50008" spans="1:7" x14ac:dyDescent="0.3">
      <c r="A50008" s="13" t="s">
        <v>280</v>
      </c>
      <c r="B50008" s="14" t="s">
        <v>1</v>
      </c>
      <c r="C50008" s="14" t="s">
        <v>109</v>
      </c>
      <c r="D50008" s="14" t="s">
        <v>281</v>
      </c>
      <c r="E50008" s="15">
        <v>45744</v>
      </c>
      <c r="F50008" s="14" t="s">
        <v>61</v>
      </c>
      <c r="G50008" s="16">
        <v>0</v>
      </c>
    </row>
    <row r="50009" spans="1:7" x14ac:dyDescent="0.3">
      <c r="A50009" s="13" t="s">
        <v>280</v>
      </c>
      <c r="B50009" s="14" t="s">
        <v>1</v>
      </c>
      <c r="C50009" s="14" t="s">
        <v>109</v>
      </c>
      <c r="D50009" s="14" t="s">
        <v>281</v>
      </c>
      <c r="E50009" s="15">
        <v>45745</v>
      </c>
      <c r="F50009" s="14" t="s">
        <v>61</v>
      </c>
      <c r="G50009" s="16">
        <v>0</v>
      </c>
    </row>
    <row r="50010" spans="1:7" x14ac:dyDescent="0.3">
      <c r="A50010" s="13" t="s">
        <v>280</v>
      </c>
      <c r="B50010" s="14" t="s">
        <v>1</v>
      </c>
      <c r="C50010" s="14" t="s">
        <v>109</v>
      </c>
      <c r="D50010" s="14" t="s">
        <v>281</v>
      </c>
      <c r="E50010" s="15">
        <v>45746</v>
      </c>
      <c r="F50010" s="14" t="s">
        <v>61</v>
      </c>
      <c r="G50010" s="16">
        <v>0</v>
      </c>
    </row>
    <row r="50011" spans="1:7" x14ac:dyDescent="0.3">
      <c r="A50011" s="13" t="s">
        <v>280</v>
      </c>
      <c r="B50011" s="14" t="s">
        <v>1</v>
      </c>
      <c r="C50011" s="14" t="s">
        <v>109</v>
      </c>
      <c r="D50011" s="14" t="s">
        <v>281</v>
      </c>
      <c r="E50011" s="15">
        <v>45747</v>
      </c>
      <c r="F50011" s="14" t="s">
        <v>61</v>
      </c>
      <c r="G50011" s="16">
        <v>0</v>
      </c>
    </row>
    <row r="50012" spans="1:7" x14ac:dyDescent="0.3">
      <c r="A50012" s="13" t="s">
        <v>282</v>
      </c>
      <c r="B50012" s="14" t="s">
        <v>1</v>
      </c>
      <c r="C50012" s="14" t="s">
        <v>23</v>
      </c>
      <c r="D50012" s="14" t="s">
        <v>57</v>
      </c>
      <c r="E50012" s="15">
        <v>45383</v>
      </c>
      <c r="F50012" s="14" t="s">
        <v>53</v>
      </c>
      <c r="G50012" s="16">
        <v>0</v>
      </c>
    </row>
    <row r="50013" spans="1:7" x14ac:dyDescent="0.3">
      <c r="A50013" s="13" t="s">
        <v>282</v>
      </c>
      <c r="B50013" s="14" t="s">
        <v>1</v>
      </c>
      <c r="C50013" s="14" t="s">
        <v>23</v>
      </c>
      <c r="D50013" s="14" t="s">
        <v>57</v>
      </c>
      <c r="E50013" s="15">
        <v>45384</v>
      </c>
      <c r="F50013" s="14" t="s">
        <v>53</v>
      </c>
      <c r="G50013" s="16">
        <v>0</v>
      </c>
    </row>
    <row r="50014" spans="1:7" x14ac:dyDescent="0.3">
      <c r="A50014" s="13" t="s">
        <v>282</v>
      </c>
      <c r="B50014" s="14" t="s">
        <v>1</v>
      </c>
      <c r="C50014" s="14" t="s">
        <v>23</v>
      </c>
      <c r="D50014" s="14" t="s">
        <v>57</v>
      </c>
      <c r="E50014" s="15">
        <v>45385</v>
      </c>
      <c r="F50014" s="14" t="s">
        <v>53</v>
      </c>
      <c r="G50014" s="16">
        <v>7.0392904224018768E-2</v>
      </c>
    </row>
    <row r="50015" spans="1:7" x14ac:dyDescent="0.3">
      <c r="A50015" s="13" t="s">
        <v>282</v>
      </c>
      <c r="B50015" s="14" t="s">
        <v>1</v>
      </c>
      <c r="C50015" s="14" t="s">
        <v>23</v>
      </c>
      <c r="D50015" s="14" t="s">
        <v>57</v>
      </c>
      <c r="E50015" s="15">
        <v>45386</v>
      </c>
      <c r="F50015" s="14" t="s">
        <v>53</v>
      </c>
      <c r="G50015" s="16">
        <v>8.7330801903374403E-2</v>
      </c>
    </row>
    <row r="50016" spans="1:7" x14ac:dyDescent="0.3">
      <c r="A50016" s="13" t="s">
        <v>282</v>
      </c>
      <c r="B50016" s="14" t="s">
        <v>1</v>
      </c>
      <c r="C50016" s="14" t="s">
        <v>23</v>
      </c>
      <c r="D50016" s="14" t="s">
        <v>57</v>
      </c>
      <c r="E50016" s="15">
        <v>45387</v>
      </c>
      <c r="F50016" s="14" t="s">
        <v>53</v>
      </c>
      <c r="G50016" s="16">
        <v>0.1142073497638333</v>
      </c>
    </row>
    <row r="50017" spans="1:7" x14ac:dyDescent="0.3">
      <c r="A50017" s="13" t="s">
        <v>282</v>
      </c>
      <c r="B50017" s="14" t="s">
        <v>1</v>
      </c>
      <c r="C50017" s="14" t="s">
        <v>23</v>
      </c>
      <c r="D50017" s="14" t="s">
        <v>57</v>
      </c>
      <c r="E50017" s="15">
        <v>45388</v>
      </c>
      <c r="F50017" s="14" t="s">
        <v>53</v>
      </c>
      <c r="G50017" s="16">
        <v>0.1142073497638333</v>
      </c>
    </row>
    <row r="50018" spans="1:7" x14ac:dyDescent="0.3">
      <c r="A50018" s="13" t="s">
        <v>282</v>
      </c>
      <c r="B50018" s="14" t="s">
        <v>1</v>
      </c>
      <c r="C50018" s="14" t="s">
        <v>23</v>
      </c>
      <c r="D50018" s="14" t="s">
        <v>57</v>
      </c>
      <c r="E50018" s="15">
        <v>45389</v>
      </c>
      <c r="F50018" s="14" t="s">
        <v>53</v>
      </c>
      <c r="G50018" s="16">
        <v>0.1142073497638333</v>
      </c>
    </row>
    <row r="50019" spans="1:7" x14ac:dyDescent="0.3">
      <c r="A50019" s="13" t="s">
        <v>282</v>
      </c>
      <c r="B50019" s="14" t="s">
        <v>1</v>
      </c>
      <c r="C50019" s="14" t="s">
        <v>23</v>
      </c>
      <c r="D50019" s="14" t="s">
        <v>57</v>
      </c>
      <c r="E50019" s="15">
        <v>45390</v>
      </c>
      <c r="F50019" s="14" t="s">
        <v>53</v>
      </c>
      <c r="G50019" s="16">
        <v>0.12916138868337279</v>
      </c>
    </row>
    <row r="50020" spans="1:7" x14ac:dyDescent="0.3">
      <c r="A50020" s="13" t="s">
        <v>282</v>
      </c>
      <c r="B50020" s="14" t="s">
        <v>1</v>
      </c>
      <c r="C50020" s="14" t="s">
        <v>23</v>
      </c>
      <c r="D50020" s="14" t="s">
        <v>57</v>
      </c>
      <c r="E50020" s="15">
        <v>45391</v>
      </c>
      <c r="F50020" s="14" t="s">
        <v>53</v>
      </c>
      <c r="G50020" s="16">
        <v>0.17376754462350932</v>
      </c>
    </row>
    <row r="50021" spans="1:7" x14ac:dyDescent="0.3">
      <c r="A50021" s="13" t="s">
        <v>282</v>
      </c>
      <c r="B50021" s="14" t="s">
        <v>1</v>
      </c>
      <c r="C50021" s="14" t="s">
        <v>23</v>
      </c>
      <c r="D50021" s="14" t="s">
        <v>57</v>
      </c>
      <c r="E50021" s="15">
        <v>45392</v>
      </c>
      <c r="F50021" s="14" t="s">
        <v>53</v>
      </c>
      <c r="G50021" s="16">
        <v>0.19366833804177822</v>
      </c>
    </row>
    <row r="50022" spans="1:7" x14ac:dyDescent="0.3">
      <c r="A50022" s="13" t="s">
        <v>282</v>
      </c>
      <c r="B50022" s="14" t="s">
        <v>1</v>
      </c>
      <c r="C50022" s="14" t="s">
        <v>23</v>
      </c>
      <c r="D50022" s="14" t="s">
        <v>57</v>
      </c>
      <c r="E50022" s="15">
        <v>45393</v>
      </c>
      <c r="F50022" s="14" t="s">
        <v>53</v>
      </c>
      <c r="G50022" s="16">
        <v>0.20992300661245636</v>
      </c>
    </row>
    <row r="50023" spans="1:7" x14ac:dyDescent="0.3">
      <c r="A50023" s="13" t="s">
        <v>282</v>
      </c>
      <c r="B50023" s="14" t="s">
        <v>1</v>
      </c>
      <c r="C50023" s="14" t="s">
        <v>23</v>
      </c>
      <c r="D50023" s="14" t="s">
        <v>57</v>
      </c>
      <c r="E50023" s="15">
        <v>45394</v>
      </c>
      <c r="F50023" s="14" t="s">
        <v>53</v>
      </c>
      <c r="G50023" s="16">
        <v>0.22685605482077253</v>
      </c>
    </row>
    <row r="50024" spans="1:7" x14ac:dyDescent="0.3">
      <c r="A50024" s="13" t="s">
        <v>282</v>
      </c>
      <c r="B50024" s="14" t="s">
        <v>1</v>
      </c>
      <c r="C50024" s="14" t="s">
        <v>23</v>
      </c>
      <c r="D50024" s="14" t="s">
        <v>57</v>
      </c>
      <c r="E50024" s="15">
        <v>45395</v>
      </c>
      <c r="F50024" s="14" t="s">
        <v>53</v>
      </c>
      <c r="G50024" s="16">
        <v>0.22685605482077253</v>
      </c>
    </row>
    <row r="50025" spans="1:7" x14ac:dyDescent="0.3">
      <c r="A50025" s="13" t="s">
        <v>282</v>
      </c>
      <c r="B50025" s="14" t="s">
        <v>1</v>
      </c>
      <c r="C50025" s="14" t="s">
        <v>23</v>
      </c>
      <c r="D50025" s="14" t="s">
        <v>57</v>
      </c>
      <c r="E50025" s="15">
        <v>45396</v>
      </c>
      <c r="F50025" s="14" t="s">
        <v>53</v>
      </c>
      <c r="G50025" s="16">
        <v>0.22685605482077253</v>
      </c>
    </row>
    <row r="50026" spans="1:7" x14ac:dyDescent="0.3">
      <c r="A50026" s="13" t="s">
        <v>282</v>
      </c>
      <c r="B50026" s="14" t="s">
        <v>1</v>
      </c>
      <c r="C50026" s="14" t="s">
        <v>23</v>
      </c>
      <c r="D50026" s="14" t="s">
        <v>57</v>
      </c>
      <c r="E50026" s="15">
        <v>45397</v>
      </c>
      <c r="F50026" s="14" t="s">
        <v>53</v>
      </c>
      <c r="G50026" s="16">
        <v>0.24332470848923374</v>
      </c>
    </row>
    <row r="50027" spans="1:7" x14ac:dyDescent="0.3">
      <c r="A50027" s="13" t="s">
        <v>282</v>
      </c>
      <c r="B50027" s="14" t="s">
        <v>1</v>
      </c>
      <c r="C50027" s="14" t="s">
        <v>23</v>
      </c>
      <c r="D50027" s="14" t="s">
        <v>57</v>
      </c>
      <c r="E50027" s="15">
        <v>45398</v>
      </c>
      <c r="F50027" s="14" t="s">
        <v>53</v>
      </c>
      <c r="G50027" s="16">
        <v>0.2881224503204286</v>
      </c>
    </row>
    <row r="50028" spans="1:7" x14ac:dyDescent="0.3">
      <c r="A50028" s="13" t="s">
        <v>282</v>
      </c>
      <c r="B50028" s="14" t="s">
        <v>1</v>
      </c>
      <c r="C50028" s="14" t="s">
        <v>23</v>
      </c>
      <c r="D50028" s="14" t="s">
        <v>57</v>
      </c>
      <c r="E50028" s="15">
        <v>45399</v>
      </c>
      <c r="F50028" s="14" t="s">
        <v>53</v>
      </c>
      <c r="G50028" s="16">
        <v>0.30228957705985887</v>
      </c>
    </row>
    <row r="50029" spans="1:7" x14ac:dyDescent="0.3">
      <c r="A50029" s="13" t="s">
        <v>282</v>
      </c>
      <c r="B50029" s="14" t="s">
        <v>1</v>
      </c>
      <c r="C50029" s="14" t="s">
        <v>23</v>
      </c>
      <c r="D50029" s="14" t="s">
        <v>57</v>
      </c>
      <c r="E50029" s="15">
        <v>45400</v>
      </c>
      <c r="F50029" s="14" t="s">
        <v>53</v>
      </c>
      <c r="G50029" s="16">
        <v>0.3176297549516055</v>
      </c>
    </row>
    <row r="50030" spans="1:7" x14ac:dyDescent="0.3">
      <c r="A50030" s="13" t="s">
        <v>282</v>
      </c>
      <c r="B50030" s="14" t="s">
        <v>1</v>
      </c>
      <c r="C50030" s="14" t="s">
        <v>23</v>
      </c>
      <c r="D50030" s="14" t="s">
        <v>57</v>
      </c>
      <c r="E50030" s="15">
        <v>45401</v>
      </c>
      <c r="F50030" s="14" t="s">
        <v>53</v>
      </c>
      <c r="G50030" s="16">
        <v>0.33419649086068132</v>
      </c>
    </row>
    <row r="50031" spans="1:7" x14ac:dyDescent="0.3">
      <c r="A50031" s="13" t="s">
        <v>282</v>
      </c>
      <c r="B50031" s="14" t="s">
        <v>1</v>
      </c>
      <c r="C50031" s="14" t="s">
        <v>23</v>
      </c>
      <c r="D50031" s="14" t="s">
        <v>57</v>
      </c>
      <c r="E50031" s="15">
        <v>45402</v>
      </c>
      <c r="F50031" s="14" t="s">
        <v>53</v>
      </c>
      <c r="G50031" s="16">
        <v>0.33419649086068132</v>
      </c>
    </row>
    <row r="50032" spans="1:7" x14ac:dyDescent="0.3">
      <c r="A50032" s="13" t="s">
        <v>282</v>
      </c>
      <c r="B50032" s="14" t="s">
        <v>1</v>
      </c>
      <c r="C50032" s="14" t="s">
        <v>23</v>
      </c>
      <c r="D50032" s="14" t="s">
        <v>57</v>
      </c>
      <c r="E50032" s="15">
        <v>45403</v>
      </c>
      <c r="F50032" s="14" t="s">
        <v>53</v>
      </c>
      <c r="G50032" s="16">
        <v>0.33419649086068132</v>
      </c>
    </row>
    <row r="50033" spans="1:7" x14ac:dyDescent="0.3">
      <c r="A50033" s="13" t="s">
        <v>282</v>
      </c>
      <c r="B50033" s="14" t="s">
        <v>1</v>
      </c>
      <c r="C50033" s="14" t="s">
        <v>23</v>
      </c>
      <c r="D50033" s="14" t="s">
        <v>57</v>
      </c>
      <c r="E50033" s="15">
        <v>45404</v>
      </c>
      <c r="F50033" s="14" t="s">
        <v>53</v>
      </c>
      <c r="G50033" s="16">
        <v>0.35670267159345986</v>
      </c>
    </row>
    <row r="50034" spans="1:7" x14ac:dyDescent="0.3">
      <c r="A50034" s="13" t="s">
        <v>282</v>
      </c>
      <c r="B50034" s="14" t="s">
        <v>1</v>
      </c>
      <c r="C50034" s="14" t="s">
        <v>23</v>
      </c>
      <c r="D50034" s="14" t="s">
        <v>57</v>
      </c>
      <c r="E50034" s="15">
        <v>45405</v>
      </c>
      <c r="F50034" s="14" t="s">
        <v>53</v>
      </c>
      <c r="G50034" s="16">
        <v>0.39195577481857852</v>
      </c>
    </row>
    <row r="50035" spans="1:7" x14ac:dyDescent="0.3">
      <c r="A50035" s="13" t="s">
        <v>282</v>
      </c>
      <c r="B50035" s="14" t="s">
        <v>1</v>
      </c>
      <c r="C50035" s="14" t="s">
        <v>23</v>
      </c>
      <c r="D50035" s="14" t="s">
        <v>57</v>
      </c>
      <c r="E50035" s="15">
        <v>45406</v>
      </c>
      <c r="F50035" s="14" t="s">
        <v>53</v>
      </c>
      <c r="G50035" s="16">
        <v>0.40361232108335116</v>
      </c>
    </row>
    <row r="50036" spans="1:7" x14ac:dyDescent="0.3">
      <c r="A50036" s="13" t="s">
        <v>282</v>
      </c>
      <c r="B50036" s="14" t="s">
        <v>1</v>
      </c>
      <c r="C50036" s="14" t="s">
        <v>23</v>
      </c>
      <c r="D50036" s="14" t="s">
        <v>57</v>
      </c>
      <c r="E50036" s="15">
        <v>45407</v>
      </c>
      <c r="F50036" s="14" t="s">
        <v>53</v>
      </c>
      <c r="G50036" s="16">
        <v>0.36972382469194198</v>
      </c>
    </row>
    <row r="50037" spans="1:7" x14ac:dyDescent="0.3">
      <c r="A50037" s="13" t="s">
        <v>282</v>
      </c>
      <c r="B50037" s="14" t="s">
        <v>1</v>
      </c>
      <c r="C50037" s="14" t="s">
        <v>23</v>
      </c>
      <c r="D50037" s="14" t="s">
        <v>57</v>
      </c>
      <c r="E50037" s="15">
        <v>45408</v>
      </c>
      <c r="F50037" s="14" t="s">
        <v>53</v>
      </c>
      <c r="G50037" s="16">
        <v>0.38404613356722128</v>
      </c>
    </row>
    <row r="50038" spans="1:7" x14ac:dyDescent="0.3">
      <c r="A50038" s="13" t="s">
        <v>282</v>
      </c>
      <c r="B50038" s="14" t="s">
        <v>1</v>
      </c>
      <c r="C50038" s="14" t="s">
        <v>23</v>
      </c>
      <c r="D50038" s="14" t="s">
        <v>57</v>
      </c>
      <c r="E50038" s="15">
        <v>45409</v>
      </c>
      <c r="F50038" s="14" t="s">
        <v>53</v>
      </c>
      <c r="G50038" s="16">
        <v>0.38404613356722128</v>
      </c>
    </row>
    <row r="50039" spans="1:7" x14ac:dyDescent="0.3">
      <c r="A50039" s="13" t="s">
        <v>282</v>
      </c>
      <c r="B50039" s="14" t="s">
        <v>1</v>
      </c>
      <c r="C50039" s="14" t="s">
        <v>23</v>
      </c>
      <c r="D50039" s="14" t="s">
        <v>57</v>
      </c>
      <c r="E50039" s="15">
        <v>45410</v>
      </c>
      <c r="F50039" s="14" t="s">
        <v>53</v>
      </c>
      <c r="G50039" s="16">
        <v>0.38404613356722128</v>
      </c>
    </row>
    <row r="50040" spans="1:7" x14ac:dyDescent="0.3">
      <c r="A50040" s="13" t="s">
        <v>282</v>
      </c>
      <c r="B50040" s="14" t="s">
        <v>1</v>
      </c>
      <c r="C50040" s="14" t="s">
        <v>23</v>
      </c>
      <c r="D50040" s="14" t="s">
        <v>57</v>
      </c>
      <c r="E50040" s="15">
        <v>45411</v>
      </c>
      <c r="F50040" s="14" t="s">
        <v>53</v>
      </c>
      <c r="G50040" s="16">
        <v>0.39708321072083874</v>
      </c>
    </row>
    <row r="50041" spans="1:7" x14ac:dyDescent="0.3">
      <c r="A50041" s="13" t="s">
        <v>282</v>
      </c>
      <c r="B50041" s="14" t="s">
        <v>1</v>
      </c>
      <c r="C50041" s="14" t="s">
        <v>23</v>
      </c>
      <c r="D50041" s="14" t="s">
        <v>57</v>
      </c>
      <c r="E50041" s="15">
        <v>45412</v>
      </c>
      <c r="F50041" s="14" t="s">
        <v>53</v>
      </c>
      <c r="G50041" s="16">
        <v>0.44518803906168991</v>
      </c>
    </row>
    <row r="50042" spans="1:7" x14ac:dyDescent="0.3">
      <c r="A50042" s="13" t="s">
        <v>282</v>
      </c>
      <c r="B50042" s="14" t="s">
        <v>1</v>
      </c>
      <c r="C50042" s="14" t="s">
        <v>23</v>
      </c>
      <c r="D50042" s="14" t="s">
        <v>57</v>
      </c>
      <c r="E50042" s="15">
        <v>45413</v>
      </c>
      <c r="F50042" s="14" t="s">
        <v>53</v>
      </c>
      <c r="G50042" s="16">
        <v>0.45920289696386629</v>
      </c>
    </row>
    <row r="50043" spans="1:7" x14ac:dyDescent="0.3">
      <c r="A50043" s="13" t="s">
        <v>282</v>
      </c>
      <c r="B50043" s="14" t="s">
        <v>1</v>
      </c>
      <c r="C50043" s="14" t="s">
        <v>23</v>
      </c>
      <c r="D50043" s="14" t="s">
        <v>57</v>
      </c>
      <c r="E50043" s="15">
        <v>45414</v>
      </c>
      <c r="F50043" s="14" t="s">
        <v>53</v>
      </c>
      <c r="G50043" s="16">
        <v>0.47438207868173071</v>
      </c>
    </row>
    <row r="50044" spans="1:7" x14ac:dyDescent="0.3">
      <c r="A50044" s="13" t="s">
        <v>282</v>
      </c>
      <c r="B50044" s="14" t="s">
        <v>1</v>
      </c>
      <c r="C50044" s="14" t="s">
        <v>23</v>
      </c>
      <c r="D50044" s="14" t="s">
        <v>57</v>
      </c>
      <c r="E50044" s="15">
        <v>45415</v>
      </c>
      <c r="F50044" s="14" t="s">
        <v>53</v>
      </c>
      <c r="G50044" s="16">
        <v>0.48922194781016537</v>
      </c>
    </row>
    <row r="50045" spans="1:7" x14ac:dyDescent="0.3">
      <c r="A50045" s="13" t="s">
        <v>282</v>
      </c>
      <c r="B50045" s="14" t="s">
        <v>1</v>
      </c>
      <c r="C50045" s="14" t="s">
        <v>23</v>
      </c>
      <c r="D50045" s="14" t="s">
        <v>57</v>
      </c>
      <c r="E50045" s="15">
        <v>45416</v>
      </c>
      <c r="F50045" s="14" t="s">
        <v>53</v>
      </c>
      <c r="G50045" s="16">
        <v>0.48922194781016537</v>
      </c>
    </row>
    <row r="50046" spans="1:7" x14ac:dyDescent="0.3">
      <c r="A50046" s="13" t="s">
        <v>282</v>
      </c>
      <c r="B50046" s="14" t="s">
        <v>1</v>
      </c>
      <c r="C50046" s="14" t="s">
        <v>23</v>
      </c>
      <c r="D50046" s="14" t="s">
        <v>57</v>
      </c>
      <c r="E50046" s="15">
        <v>45417</v>
      </c>
      <c r="F50046" s="14" t="s">
        <v>53</v>
      </c>
      <c r="G50046" s="16">
        <v>0.48922194781016537</v>
      </c>
    </row>
    <row r="50047" spans="1:7" x14ac:dyDescent="0.3">
      <c r="A50047" s="13" t="s">
        <v>282</v>
      </c>
      <c r="B50047" s="14" t="s">
        <v>1</v>
      </c>
      <c r="C50047" s="14" t="s">
        <v>23</v>
      </c>
      <c r="D50047" s="14" t="s">
        <v>57</v>
      </c>
      <c r="E50047" s="15">
        <v>45418</v>
      </c>
      <c r="F50047" s="14" t="s">
        <v>53</v>
      </c>
      <c r="G50047" s="16">
        <v>0.48922194781016537</v>
      </c>
    </row>
    <row r="50048" spans="1:7" x14ac:dyDescent="0.3">
      <c r="A50048" s="13" t="s">
        <v>282</v>
      </c>
      <c r="B50048" s="14" t="s">
        <v>1</v>
      </c>
      <c r="C50048" s="14" t="s">
        <v>23</v>
      </c>
      <c r="D50048" s="14" t="s">
        <v>57</v>
      </c>
      <c r="E50048" s="15">
        <v>45419</v>
      </c>
      <c r="F50048" s="14" t="s">
        <v>53</v>
      </c>
      <c r="G50048" s="16">
        <v>0.50548146376959691</v>
      </c>
    </row>
    <row r="50049" spans="1:7" x14ac:dyDescent="0.3">
      <c r="A50049" s="13" t="s">
        <v>282</v>
      </c>
      <c r="B50049" s="14" t="s">
        <v>1</v>
      </c>
      <c r="C50049" s="14" t="s">
        <v>23</v>
      </c>
      <c r="D50049" s="14" t="s">
        <v>57</v>
      </c>
      <c r="E50049" s="15">
        <v>45420</v>
      </c>
      <c r="F50049" s="14" t="s">
        <v>53</v>
      </c>
      <c r="G50049" s="16">
        <v>0.58137697657452436</v>
      </c>
    </row>
    <row r="50050" spans="1:7" x14ac:dyDescent="0.3">
      <c r="A50050" s="13" t="s">
        <v>282</v>
      </c>
      <c r="B50050" s="14" t="s">
        <v>1</v>
      </c>
      <c r="C50050" s="14" t="s">
        <v>23</v>
      </c>
      <c r="D50050" s="14" t="s">
        <v>57</v>
      </c>
      <c r="E50050" s="15">
        <v>45421</v>
      </c>
      <c r="F50050" s="14" t="s">
        <v>53</v>
      </c>
      <c r="G50050" s="16">
        <v>0.59542645376168213</v>
      </c>
    </row>
    <row r="50051" spans="1:7" x14ac:dyDescent="0.3">
      <c r="A50051" s="13" t="s">
        <v>282</v>
      </c>
      <c r="B50051" s="14" t="s">
        <v>1</v>
      </c>
      <c r="C50051" s="14" t="s">
        <v>23</v>
      </c>
      <c r="D50051" s="14" t="s">
        <v>57</v>
      </c>
      <c r="E50051" s="15">
        <v>45422</v>
      </c>
      <c r="F50051" s="14" t="s">
        <v>53</v>
      </c>
      <c r="G50051" s="16">
        <v>0.61065573070108214</v>
      </c>
    </row>
    <row r="50052" spans="1:7" x14ac:dyDescent="0.3">
      <c r="A50052" s="13" t="s">
        <v>282</v>
      </c>
      <c r="B50052" s="14" t="s">
        <v>1</v>
      </c>
      <c r="C50052" s="14" t="s">
        <v>23</v>
      </c>
      <c r="D50052" s="14" t="s">
        <v>57</v>
      </c>
      <c r="E50052" s="15">
        <v>45423</v>
      </c>
      <c r="F50052" s="14" t="s">
        <v>53</v>
      </c>
      <c r="G50052" s="16">
        <v>0.61065573070108214</v>
      </c>
    </row>
    <row r="50053" spans="1:7" x14ac:dyDescent="0.3">
      <c r="A50053" s="13" t="s">
        <v>282</v>
      </c>
      <c r="B50053" s="14" t="s">
        <v>1</v>
      </c>
      <c r="C50053" s="14" t="s">
        <v>23</v>
      </c>
      <c r="D50053" s="14" t="s">
        <v>57</v>
      </c>
      <c r="E50053" s="15">
        <v>45424</v>
      </c>
      <c r="F50053" s="14" t="s">
        <v>53</v>
      </c>
      <c r="G50053" s="16">
        <v>0.61065573070108214</v>
      </c>
    </row>
    <row r="50054" spans="1:7" x14ac:dyDescent="0.3">
      <c r="A50054" s="13" t="s">
        <v>282</v>
      </c>
      <c r="B50054" s="14" t="s">
        <v>1</v>
      </c>
      <c r="C50054" s="14" t="s">
        <v>23</v>
      </c>
      <c r="D50054" s="14" t="s">
        <v>57</v>
      </c>
      <c r="E50054" s="15">
        <v>45425</v>
      </c>
      <c r="F50054" s="14" t="s">
        <v>53</v>
      </c>
      <c r="G50054" s="16">
        <v>0.62471864634147689</v>
      </c>
    </row>
    <row r="50055" spans="1:7" x14ac:dyDescent="0.3">
      <c r="A50055" s="13" t="s">
        <v>282</v>
      </c>
      <c r="B50055" s="14" t="s">
        <v>1</v>
      </c>
      <c r="C50055" s="14" t="s">
        <v>23</v>
      </c>
      <c r="D50055" s="14" t="s">
        <v>57</v>
      </c>
      <c r="E50055" s="15">
        <v>45426</v>
      </c>
      <c r="F50055" s="14" t="s">
        <v>53</v>
      </c>
      <c r="G50055" s="16">
        <v>0.66970954811063099</v>
      </c>
    </row>
    <row r="50056" spans="1:7" x14ac:dyDescent="0.3">
      <c r="A50056" s="13" t="s">
        <v>282</v>
      </c>
      <c r="B50056" s="14" t="s">
        <v>1</v>
      </c>
      <c r="C50056" s="14" t="s">
        <v>23</v>
      </c>
      <c r="D50056" s="14" t="s">
        <v>57</v>
      </c>
      <c r="E50056" s="15">
        <v>45427</v>
      </c>
      <c r="F50056" s="14" t="s">
        <v>53</v>
      </c>
      <c r="G50056" s="16">
        <v>0.68001099350838345</v>
      </c>
    </row>
    <row r="50057" spans="1:7" x14ac:dyDescent="0.3">
      <c r="A50057" s="13" t="s">
        <v>282</v>
      </c>
      <c r="B50057" s="14" t="s">
        <v>1</v>
      </c>
      <c r="C50057" s="14" t="s">
        <v>23</v>
      </c>
      <c r="D50057" s="14" t="s">
        <v>57</v>
      </c>
      <c r="E50057" s="15">
        <v>45428</v>
      </c>
      <c r="F50057" s="14" t="s">
        <v>53</v>
      </c>
      <c r="G50057" s="16">
        <v>0.69599736364953912</v>
      </c>
    </row>
    <row r="50058" spans="1:7" x14ac:dyDescent="0.3">
      <c r="A50058" s="13" t="s">
        <v>282</v>
      </c>
      <c r="B50058" s="14" t="s">
        <v>1</v>
      </c>
      <c r="C50058" s="14" t="s">
        <v>23</v>
      </c>
      <c r="D50058" s="14" t="s">
        <v>57</v>
      </c>
      <c r="E50058" s="15">
        <v>45429</v>
      </c>
      <c r="F50058" s="14" t="s">
        <v>53</v>
      </c>
      <c r="G50058" s="16">
        <v>0.70964700807255443</v>
      </c>
    </row>
    <row r="50059" spans="1:7" x14ac:dyDescent="0.3">
      <c r="A50059" s="13" t="s">
        <v>282</v>
      </c>
      <c r="B50059" s="14" t="s">
        <v>1</v>
      </c>
      <c r="C50059" s="14" t="s">
        <v>23</v>
      </c>
      <c r="D50059" s="14" t="s">
        <v>57</v>
      </c>
      <c r="E50059" s="15">
        <v>45430</v>
      </c>
      <c r="F50059" s="14" t="s">
        <v>53</v>
      </c>
      <c r="G50059" s="16">
        <v>0.70964700807255443</v>
      </c>
    </row>
    <row r="50060" spans="1:7" x14ac:dyDescent="0.3">
      <c r="A50060" s="13" t="s">
        <v>282</v>
      </c>
      <c r="B50060" s="14" t="s">
        <v>1</v>
      </c>
      <c r="C50060" s="14" t="s">
        <v>23</v>
      </c>
      <c r="D50060" s="14" t="s">
        <v>57</v>
      </c>
      <c r="E50060" s="15">
        <v>45431</v>
      </c>
      <c r="F50060" s="14" t="s">
        <v>53</v>
      </c>
      <c r="G50060" s="16">
        <v>0.70964700807255443</v>
      </c>
    </row>
    <row r="50061" spans="1:7" x14ac:dyDescent="0.3">
      <c r="A50061" s="13" t="s">
        <v>282</v>
      </c>
      <c r="B50061" s="14" t="s">
        <v>1</v>
      </c>
      <c r="C50061" s="14" t="s">
        <v>23</v>
      </c>
      <c r="D50061" s="14" t="s">
        <v>57</v>
      </c>
      <c r="E50061" s="15">
        <v>45432</v>
      </c>
      <c r="F50061" s="14" t="s">
        <v>53</v>
      </c>
      <c r="G50061" s="16">
        <v>0.72489972559525662</v>
      </c>
    </row>
    <row r="50062" spans="1:7" x14ac:dyDescent="0.3">
      <c r="A50062" s="13" t="s">
        <v>282</v>
      </c>
      <c r="B50062" s="14" t="s">
        <v>1</v>
      </c>
      <c r="C50062" s="14" t="s">
        <v>23</v>
      </c>
      <c r="D50062" s="14" t="s">
        <v>57</v>
      </c>
      <c r="E50062" s="15">
        <v>45433</v>
      </c>
      <c r="F50062" s="14" t="s">
        <v>53</v>
      </c>
      <c r="G50062" s="16">
        <v>0.7709088121107035</v>
      </c>
    </row>
    <row r="50063" spans="1:7" x14ac:dyDescent="0.3">
      <c r="A50063" s="13" t="s">
        <v>282</v>
      </c>
      <c r="B50063" s="14" t="s">
        <v>1</v>
      </c>
      <c r="C50063" s="14" t="s">
        <v>23</v>
      </c>
      <c r="D50063" s="14" t="s">
        <v>57</v>
      </c>
      <c r="E50063" s="15">
        <v>45434</v>
      </c>
      <c r="F50063" s="14" t="s">
        <v>53</v>
      </c>
      <c r="G50063" s="16">
        <v>0.78579263489741924</v>
      </c>
    </row>
    <row r="50064" spans="1:7" x14ac:dyDescent="0.3">
      <c r="A50064" s="13" t="s">
        <v>282</v>
      </c>
      <c r="B50064" s="14" t="s">
        <v>1</v>
      </c>
      <c r="C50064" s="14" t="s">
        <v>23</v>
      </c>
      <c r="D50064" s="14" t="s">
        <v>57</v>
      </c>
      <c r="E50064" s="15">
        <v>45435</v>
      </c>
      <c r="F50064" s="14" t="s">
        <v>53</v>
      </c>
      <c r="G50064" s="16">
        <v>0.80469062038765149</v>
      </c>
    </row>
    <row r="50065" spans="1:7" x14ac:dyDescent="0.3">
      <c r="A50065" s="13" t="s">
        <v>282</v>
      </c>
      <c r="B50065" s="14" t="s">
        <v>1</v>
      </c>
      <c r="C50065" s="14" t="s">
        <v>23</v>
      </c>
      <c r="D50065" s="14" t="s">
        <v>57</v>
      </c>
      <c r="E50065" s="15">
        <v>45436</v>
      </c>
      <c r="F50065" s="14" t="s">
        <v>53</v>
      </c>
      <c r="G50065" s="16">
        <v>0.81733357647658356</v>
      </c>
    </row>
    <row r="50066" spans="1:7" x14ac:dyDescent="0.3">
      <c r="A50066" s="13" t="s">
        <v>282</v>
      </c>
      <c r="B50066" s="14" t="s">
        <v>1</v>
      </c>
      <c r="C50066" s="14" t="s">
        <v>23</v>
      </c>
      <c r="D50066" s="14" t="s">
        <v>57</v>
      </c>
      <c r="E50066" s="15">
        <v>45437</v>
      </c>
      <c r="F50066" s="14" t="s">
        <v>53</v>
      </c>
      <c r="G50066" s="16">
        <v>0.81733357647658356</v>
      </c>
    </row>
    <row r="50067" spans="1:7" x14ac:dyDescent="0.3">
      <c r="A50067" s="13" t="s">
        <v>282</v>
      </c>
      <c r="B50067" s="14" t="s">
        <v>1</v>
      </c>
      <c r="C50067" s="14" t="s">
        <v>23</v>
      </c>
      <c r="D50067" s="14" t="s">
        <v>57</v>
      </c>
      <c r="E50067" s="15">
        <v>45438</v>
      </c>
      <c r="F50067" s="14" t="s">
        <v>53</v>
      </c>
      <c r="G50067" s="16">
        <v>0.81733357647658356</v>
      </c>
    </row>
    <row r="50068" spans="1:7" x14ac:dyDescent="0.3">
      <c r="A50068" s="13" t="s">
        <v>282</v>
      </c>
      <c r="B50068" s="14" t="s">
        <v>1</v>
      </c>
      <c r="C50068" s="14" t="s">
        <v>23</v>
      </c>
      <c r="D50068" s="14" t="s">
        <v>57</v>
      </c>
      <c r="E50068" s="15">
        <v>45439</v>
      </c>
      <c r="F50068" s="14" t="s">
        <v>53</v>
      </c>
      <c r="G50068" s="16">
        <v>0.81733357647658356</v>
      </c>
    </row>
    <row r="50069" spans="1:7" x14ac:dyDescent="0.3">
      <c r="A50069" s="13" t="s">
        <v>282</v>
      </c>
      <c r="B50069" s="14" t="s">
        <v>1</v>
      </c>
      <c r="C50069" s="14" t="s">
        <v>23</v>
      </c>
      <c r="D50069" s="14" t="s">
        <v>57</v>
      </c>
      <c r="E50069" s="15">
        <v>45440</v>
      </c>
      <c r="F50069" s="14" t="s">
        <v>53</v>
      </c>
      <c r="G50069" s="16">
        <v>0.83086808999054484</v>
      </c>
    </row>
    <row r="50070" spans="1:7" x14ac:dyDescent="0.3">
      <c r="A50070" s="13" t="s">
        <v>282</v>
      </c>
      <c r="B50070" s="14" t="s">
        <v>1</v>
      </c>
      <c r="C50070" s="14" t="s">
        <v>23</v>
      </c>
      <c r="D50070" s="14" t="s">
        <v>57</v>
      </c>
      <c r="E50070" s="15">
        <v>45441</v>
      </c>
      <c r="F50070" s="14" t="s">
        <v>53</v>
      </c>
      <c r="G50070" s="16">
        <v>0.89081521790362772</v>
      </c>
    </row>
    <row r="50071" spans="1:7" x14ac:dyDescent="0.3">
      <c r="A50071" s="13" t="s">
        <v>282</v>
      </c>
      <c r="B50071" s="14" t="s">
        <v>1</v>
      </c>
      <c r="C50071" s="14" t="s">
        <v>23</v>
      </c>
      <c r="D50071" s="14" t="s">
        <v>57</v>
      </c>
      <c r="E50071" s="15">
        <v>45442</v>
      </c>
      <c r="F50071" s="14" t="s">
        <v>53</v>
      </c>
      <c r="G50071" s="16">
        <v>0.90568288834901578</v>
      </c>
    </row>
    <row r="50072" spans="1:7" x14ac:dyDescent="0.3">
      <c r="A50072" s="13" t="s">
        <v>282</v>
      </c>
      <c r="B50072" s="14" t="s">
        <v>1</v>
      </c>
      <c r="C50072" s="14" t="s">
        <v>23</v>
      </c>
      <c r="D50072" s="14" t="s">
        <v>57</v>
      </c>
      <c r="E50072" s="15">
        <v>45443</v>
      </c>
      <c r="F50072" s="14" t="s">
        <v>53</v>
      </c>
      <c r="G50072" s="16">
        <v>0.91505139351434184</v>
      </c>
    </row>
    <row r="50073" spans="1:7" x14ac:dyDescent="0.3">
      <c r="A50073" s="13" t="s">
        <v>282</v>
      </c>
      <c r="B50073" s="14" t="s">
        <v>1</v>
      </c>
      <c r="C50073" s="14" t="s">
        <v>23</v>
      </c>
      <c r="D50073" s="14" t="s">
        <v>57</v>
      </c>
      <c r="E50073" s="15">
        <v>45444</v>
      </c>
      <c r="F50073" s="14" t="s">
        <v>53</v>
      </c>
      <c r="G50073" s="16">
        <v>0.91505139351434184</v>
      </c>
    </row>
    <row r="50074" spans="1:7" x14ac:dyDescent="0.3">
      <c r="A50074" s="13" t="s">
        <v>282</v>
      </c>
      <c r="B50074" s="14" t="s">
        <v>1</v>
      </c>
      <c r="C50074" s="14" t="s">
        <v>23</v>
      </c>
      <c r="D50074" s="14" t="s">
        <v>57</v>
      </c>
      <c r="E50074" s="15">
        <v>45445</v>
      </c>
      <c r="F50074" s="14" t="s">
        <v>53</v>
      </c>
      <c r="G50074" s="16">
        <v>0.91505139351434184</v>
      </c>
    </row>
    <row r="50075" spans="1:7" x14ac:dyDescent="0.3">
      <c r="A50075" s="13" t="s">
        <v>282</v>
      </c>
      <c r="B50075" s="14" t="s">
        <v>1</v>
      </c>
      <c r="C50075" s="14" t="s">
        <v>23</v>
      </c>
      <c r="D50075" s="14" t="s">
        <v>57</v>
      </c>
      <c r="E50075" s="15">
        <v>45446</v>
      </c>
      <c r="F50075" s="14" t="s">
        <v>53</v>
      </c>
      <c r="G50075" s="16">
        <v>0.91505139351434184</v>
      </c>
    </row>
    <row r="50076" spans="1:7" x14ac:dyDescent="0.3">
      <c r="A50076" s="13" t="s">
        <v>282</v>
      </c>
      <c r="B50076" s="14" t="s">
        <v>1</v>
      </c>
      <c r="C50076" s="14" t="s">
        <v>23</v>
      </c>
      <c r="D50076" s="14" t="s">
        <v>57</v>
      </c>
      <c r="E50076" s="15">
        <v>45447</v>
      </c>
      <c r="F50076" s="14" t="s">
        <v>53</v>
      </c>
      <c r="G50076" s="16">
        <v>0.93144962712511592</v>
      </c>
    </row>
    <row r="50077" spans="1:7" x14ac:dyDescent="0.3">
      <c r="A50077" s="13" t="s">
        <v>282</v>
      </c>
      <c r="B50077" s="14" t="s">
        <v>1</v>
      </c>
      <c r="C50077" s="14" t="s">
        <v>23</v>
      </c>
      <c r="D50077" s="14" t="s">
        <v>57</v>
      </c>
      <c r="E50077" s="15">
        <v>45448</v>
      </c>
      <c r="F50077" s="14" t="s">
        <v>53</v>
      </c>
      <c r="G50077" s="16">
        <v>0.99428401666133615</v>
      </c>
    </row>
    <row r="50078" spans="1:7" x14ac:dyDescent="0.3">
      <c r="A50078" s="13" t="s">
        <v>282</v>
      </c>
      <c r="B50078" s="14" t="s">
        <v>1</v>
      </c>
      <c r="C50078" s="14" t="s">
        <v>23</v>
      </c>
      <c r="D50078" s="14" t="s">
        <v>57</v>
      </c>
      <c r="E50078" s="15">
        <v>45449</v>
      </c>
      <c r="F50078" s="14" t="s">
        <v>53</v>
      </c>
      <c r="G50078" s="16">
        <v>1.0086779575685743</v>
      </c>
    </row>
    <row r="50079" spans="1:7" x14ac:dyDescent="0.3">
      <c r="A50079" s="13" t="s">
        <v>282</v>
      </c>
      <c r="B50079" s="14" t="s">
        <v>1</v>
      </c>
      <c r="C50079" s="14" t="s">
        <v>23</v>
      </c>
      <c r="D50079" s="14" t="s">
        <v>57</v>
      </c>
      <c r="E50079" s="15">
        <v>45450</v>
      </c>
      <c r="F50079" s="14" t="s">
        <v>53</v>
      </c>
      <c r="G50079" s="16">
        <v>1.048263565747074</v>
      </c>
    </row>
    <row r="50080" spans="1:7" x14ac:dyDescent="0.3">
      <c r="A50080" s="13" t="s">
        <v>282</v>
      </c>
      <c r="B50080" s="14" t="s">
        <v>1</v>
      </c>
      <c r="C50080" s="14" t="s">
        <v>23</v>
      </c>
      <c r="D50080" s="14" t="s">
        <v>57</v>
      </c>
      <c r="E50080" s="15">
        <v>45451</v>
      </c>
      <c r="F50080" s="14" t="s">
        <v>53</v>
      </c>
      <c r="G50080" s="16">
        <v>1.048263565747074</v>
      </c>
    </row>
    <row r="50081" spans="1:7" x14ac:dyDescent="0.3">
      <c r="A50081" s="13" t="s">
        <v>282</v>
      </c>
      <c r="B50081" s="14" t="s">
        <v>1</v>
      </c>
      <c r="C50081" s="14" t="s">
        <v>23</v>
      </c>
      <c r="D50081" s="14" t="s">
        <v>57</v>
      </c>
      <c r="E50081" s="15">
        <v>45452</v>
      </c>
      <c r="F50081" s="14" t="s">
        <v>53</v>
      </c>
      <c r="G50081" s="16">
        <v>1.048263565747074</v>
      </c>
    </row>
    <row r="50082" spans="1:7" x14ac:dyDescent="0.3">
      <c r="A50082" s="13" t="s">
        <v>282</v>
      </c>
      <c r="B50082" s="14" t="s">
        <v>1</v>
      </c>
      <c r="C50082" s="14" t="s">
        <v>23</v>
      </c>
      <c r="D50082" s="14" t="s">
        <v>57</v>
      </c>
      <c r="E50082" s="15">
        <v>45453</v>
      </c>
      <c r="F50082" s="14" t="s">
        <v>53</v>
      </c>
      <c r="G50082" s="16">
        <v>1.0622684937982569</v>
      </c>
    </row>
    <row r="50083" spans="1:7" x14ac:dyDescent="0.3">
      <c r="A50083" s="13" t="s">
        <v>282</v>
      </c>
      <c r="B50083" s="14" t="s">
        <v>1</v>
      </c>
      <c r="C50083" s="14" t="s">
        <v>23</v>
      </c>
      <c r="D50083" s="14" t="s">
        <v>57</v>
      </c>
      <c r="E50083" s="15">
        <v>45454</v>
      </c>
      <c r="F50083" s="14" t="s">
        <v>53</v>
      </c>
      <c r="G50083" s="16">
        <v>1.1050644694067364</v>
      </c>
    </row>
    <row r="50084" spans="1:7" x14ac:dyDescent="0.3">
      <c r="A50084" s="13" t="s">
        <v>282</v>
      </c>
      <c r="B50084" s="14" t="s">
        <v>1</v>
      </c>
      <c r="C50084" s="14" t="s">
        <v>23</v>
      </c>
      <c r="D50084" s="14" t="s">
        <v>57</v>
      </c>
      <c r="E50084" s="15">
        <v>45455</v>
      </c>
      <c r="F50084" s="14" t="s">
        <v>53</v>
      </c>
      <c r="G50084" s="16">
        <v>1.1148479619154454</v>
      </c>
    </row>
    <row r="50085" spans="1:7" x14ac:dyDescent="0.3">
      <c r="A50085" s="13" t="s">
        <v>282</v>
      </c>
      <c r="B50085" s="14" t="s">
        <v>1</v>
      </c>
      <c r="C50085" s="14" t="s">
        <v>23</v>
      </c>
      <c r="D50085" s="14" t="s">
        <v>57</v>
      </c>
      <c r="E50085" s="15">
        <v>45456</v>
      </c>
      <c r="F50085" s="14" t="s">
        <v>53</v>
      </c>
      <c r="G50085" s="16">
        <v>1.1320374788724359</v>
      </c>
    </row>
    <row r="50086" spans="1:7" x14ac:dyDescent="0.3">
      <c r="A50086" s="13" t="s">
        <v>282</v>
      </c>
      <c r="B50086" s="14" t="s">
        <v>1</v>
      </c>
      <c r="C50086" s="14" t="s">
        <v>23</v>
      </c>
      <c r="D50086" s="14" t="s">
        <v>57</v>
      </c>
      <c r="E50086" s="15">
        <v>45457</v>
      </c>
      <c r="F50086" s="14" t="s">
        <v>53</v>
      </c>
      <c r="G50086" s="16">
        <v>1.1548222958362917</v>
      </c>
    </row>
    <row r="50087" spans="1:7" x14ac:dyDescent="0.3">
      <c r="A50087" s="13" t="s">
        <v>282</v>
      </c>
      <c r="B50087" s="14" t="s">
        <v>1</v>
      </c>
      <c r="C50087" s="14" t="s">
        <v>23</v>
      </c>
      <c r="D50087" s="14" t="s">
        <v>57</v>
      </c>
      <c r="E50087" s="15">
        <v>45458</v>
      </c>
      <c r="F50087" s="14" t="s">
        <v>53</v>
      </c>
      <c r="G50087" s="16">
        <v>1.1548222958362917</v>
      </c>
    </row>
    <row r="50088" spans="1:7" x14ac:dyDescent="0.3">
      <c r="A50088" s="13" t="s">
        <v>282</v>
      </c>
      <c r="B50088" s="14" t="s">
        <v>1</v>
      </c>
      <c r="C50088" s="14" t="s">
        <v>23</v>
      </c>
      <c r="D50088" s="14" t="s">
        <v>57</v>
      </c>
      <c r="E50088" s="15">
        <v>45459</v>
      </c>
      <c r="F50088" s="14" t="s">
        <v>53</v>
      </c>
      <c r="G50088" s="16">
        <v>1.1548222958362917</v>
      </c>
    </row>
    <row r="50089" spans="1:7" x14ac:dyDescent="0.3">
      <c r="A50089" s="13" t="s">
        <v>282</v>
      </c>
      <c r="B50089" s="14" t="s">
        <v>1</v>
      </c>
      <c r="C50089" s="14" t="s">
        <v>23</v>
      </c>
      <c r="D50089" s="14" t="s">
        <v>57</v>
      </c>
      <c r="E50089" s="15">
        <v>45460</v>
      </c>
      <c r="F50089" s="14" t="s">
        <v>53</v>
      </c>
      <c r="G50089" s="16">
        <v>1.1681777219480958</v>
      </c>
    </row>
    <row r="50090" spans="1:7" x14ac:dyDescent="0.3">
      <c r="A50090" s="13" t="s">
        <v>282</v>
      </c>
      <c r="B50090" s="14" t="s">
        <v>1</v>
      </c>
      <c r="C50090" s="14" t="s">
        <v>23</v>
      </c>
      <c r="D50090" s="14" t="s">
        <v>57</v>
      </c>
      <c r="E50090" s="15">
        <v>45461</v>
      </c>
      <c r="F50090" s="14" t="s">
        <v>53</v>
      </c>
      <c r="G50090" s="16">
        <v>1.2117754617070249</v>
      </c>
    </row>
    <row r="50091" spans="1:7" x14ac:dyDescent="0.3">
      <c r="A50091" s="13" t="s">
        <v>282</v>
      </c>
      <c r="B50091" s="14" t="s">
        <v>1</v>
      </c>
      <c r="C50091" s="14" t="s">
        <v>23</v>
      </c>
      <c r="D50091" s="14" t="s">
        <v>57</v>
      </c>
      <c r="E50091" s="15">
        <v>45462</v>
      </c>
      <c r="F50091" s="14" t="s">
        <v>53</v>
      </c>
      <c r="G50091" s="16">
        <v>1.2117754617070249</v>
      </c>
    </row>
    <row r="50092" spans="1:7" x14ac:dyDescent="0.3">
      <c r="A50092" s="13" t="s">
        <v>282</v>
      </c>
      <c r="B50092" s="14" t="s">
        <v>1</v>
      </c>
      <c r="C50092" s="14" t="s">
        <v>23</v>
      </c>
      <c r="D50092" s="14" t="s">
        <v>57</v>
      </c>
      <c r="E50092" s="15">
        <v>45463</v>
      </c>
      <c r="F50092" s="14" t="s">
        <v>53</v>
      </c>
      <c r="G50092" s="16">
        <v>1.2316697046604876</v>
      </c>
    </row>
    <row r="50093" spans="1:7" x14ac:dyDescent="0.3">
      <c r="A50093" s="13" t="s">
        <v>282</v>
      </c>
      <c r="B50093" s="14" t="s">
        <v>1</v>
      </c>
      <c r="C50093" s="14" t="s">
        <v>23</v>
      </c>
      <c r="D50093" s="14" t="s">
        <v>57</v>
      </c>
      <c r="E50093" s="15">
        <v>45464</v>
      </c>
      <c r="F50093" s="14" t="s">
        <v>53</v>
      </c>
      <c r="G50093" s="16">
        <v>1.2636816317604063</v>
      </c>
    </row>
    <row r="50094" spans="1:7" x14ac:dyDescent="0.3">
      <c r="A50094" s="13" t="s">
        <v>282</v>
      </c>
      <c r="B50094" s="14" t="s">
        <v>1</v>
      </c>
      <c r="C50094" s="14" t="s">
        <v>23</v>
      </c>
      <c r="D50094" s="14" t="s">
        <v>57</v>
      </c>
      <c r="E50094" s="15">
        <v>45465</v>
      </c>
      <c r="F50094" s="14" t="s">
        <v>53</v>
      </c>
      <c r="G50094" s="16">
        <v>1.2636816317604063</v>
      </c>
    </row>
    <row r="50095" spans="1:7" x14ac:dyDescent="0.3">
      <c r="A50095" s="13" t="s">
        <v>282</v>
      </c>
      <c r="B50095" s="14" t="s">
        <v>1</v>
      </c>
      <c r="C50095" s="14" t="s">
        <v>23</v>
      </c>
      <c r="D50095" s="14" t="s">
        <v>57</v>
      </c>
      <c r="E50095" s="15">
        <v>45466</v>
      </c>
      <c r="F50095" s="14" t="s">
        <v>53</v>
      </c>
      <c r="G50095" s="16">
        <v>1.2636816317604063</v>
      </c>
    </row>
    <row r="50096" spans="1:7" x14ac:dyDescent="0.3">
      <c r="A50096" s="13" t="s">
        <v>282</v>
      </c>
      <c r="B50096" s="14" t="s">
        <v>1</v>
      </c>
      <c r="C50096" s="14" t="s">
        <v>23</v>
      </c>
      <c r="D50096" s="14" t="s">
        <v>57</v>
      </c>
      <c r="E50096" s="15">
        <v>45467</v>
      </c>
      <c r="F50096" s="14" t="s">
        <v>53</v>
      </c>
      <c r="G50096" s="16">
        <v>1.274216874110127</v>
      </c>
    </row>
    <row r="50097" spans="1:7" x14ac:dyDescent="0.3">
      <c r="A50097" s="13" t="s">
        <v>282</v>
      </c>
      <c r="B50097" s="14" t="s">
        <v>1</v>
      </c>
      <c r="C50097" s="14" t="s">
        <v>23</v>
      </c>
      <c r="D50097" s="14" t="s">
        <v>57</v>
      </c>
      <c r="E50097" s="15">
        <v>45468</v>
      </c>
      <c r="F50097" s="14" t="s">
        <v>53</v>
      </c>
      <c r="G50097" s="16">
        <v>1.3208473976272364</v>
      </c>
    </row>
    <row r="50098" spans="1:7" x14ac:dyDescent="0.3">
      <c r="A50098" s="13" t="s">
        <v>282</v>
      </c>
      <c r="B50098" s="14" t="s">
        <v>1</v>
      </c>
      <c r="C50098" s="14" t="s">
        <v>23</v>
      </c>
      <c r="D50098" s="14" t="s">
        <v>57</v>
      </c>
      <c r="E50098" s="15">
        <v>45469</v>
      </c>
      <c r="F50098" s="14" t="s">
        <v>53</v>
      </c>
      <c r="G50098" s="16">
        <v>1.3410466553986593</v>
      </c>
    </row>
    <row r="50099" spans="1:7" x14ac:dyDescent="0.3">
      <c r="A50099" s="13" t="s">
        <v>282</v>
      </c>
      <c r="B50099" s="14" t="s">
        <v>1</v>
      </c>
      <c r="C50099" s="14" t="s">
        <v>23</v>
      </c>
      <c r="D50099" s="14" t="s">
        <v>57</v>
      </c>
      <c r="E50099" s="15">
        <v>45470</v>
      </c>
      <c r="F50099" s="14" t="s">
        <v>53</v>
      </c>
      <c r="G50099" s="16">
        <v>1.35380780192106</v>
      </c>
    </row>
    <row r="50100" spans="1:7" x14ac:dyDescent="0.3">
      <c r="A50100" s="13" t="s">
        <v>282</v>
      </c>
      <c r="B50100" s="14" t="s">
        <v>1</v>
      </c>
      <c r="C50100" s="14" t="s">
        <v>23</v>
      </c>
      <c r="D50100" s="14" t="s">
        <v>57</v>
      </c>
      <c r="E50100" s="15">
        <v>45471</v>
      </c>
      <c r="F50100" s="14" t="s">
        <v>53</v>
      </c>
      <c r="G50100" s="16">
        <v>1.3680871204813116</v>
      </c>
    </row>
    <row r="50101" spans="1:7" x14ac:dyDescent="0.3">
      <c r="A50101" s="13" t="s">
        <v>282</v>
      </c>
      <c r="B50101" s="14" t="s">
        <v>1</v>
      </c>
      <c r="C50101" s="14" t="s">
        <v>23</v>
      </c>
      <c r="D50101" s="14" t="s">
        <v>57</v>
      </c>
      <c r="E50101" s="15">
        <v>45472</v>
      </c>
      <c r="F50101" s="14" t="s">
        <v>53</v>
      </c>
      <c r="G50101" s="16">
        <v>1.3680871204813116</v>
      </c>
    </row>
    <row r="50102" spans="1:7" x14ac:dyDescent="0.3">
      <c r="A50102" s="13" t="s">
        <v>282</v>
      </c>
      <c r="B50102" s="14" t="s">
        <v>1</v>
      </c>
      <c r="C50102" s="14" t="s">
        <v>23</v>
      </c>
      <c r="D50102" s="14" t="s">
        <v>57</v>
      </c>
      <c r="E50102" s="15">
        <v>45473</v>
      </c>
      <c r="F50102" s="14" t="s">
        <v>53</v>
      </c>
      <c r="G50102" s="16">
        <v>1.3680871204813116</v>
      </c>
    </row>
    <row r="50103" spans="1:7" x14ac:dyDescent="0.3">
      <c r="A50103" s="13" t="s">
        <v>282</v>
      </c>
      <c r="B50103" s="14" t="s">
        <v>1</v>
      </c>
      <c r="C50103" s="14" t="s">
        <v>23</v>
      </c>
      <c r="D50103" s="14" t="s">
        <v>57</v>
      </c>
      <c r="E50103" s="15">
        <v>45474</v>
      </c>
      <c r="F50103" s="14" t="s">
        <v>53</v>
      </c>
      <c r="G50103" s="16">
        <v>1.3821658951124762</v>
      </c>
    </row>
    <row r="50104" spans="1:7" x14ac:dyDescent="0.3">
      <c r="A50104" s="13" t="s">
        <v>282</v>
      </c>
      <c r="B50104" s="14" t="s">
        <v>1</v>
      </c>
      <c r="C50104" s="14" t="s">
        <v>23</v>
      </c>
      <c r="D50104" s="14" t="s">
        <v>57</v>
      </c>
      <c r="E50104" s="15">
        <v>45475</v>
      </c>
      <c r="F50104" s="14" t="s">
        <v>53</v>
      </c>
      <c r="G50104" s="16">
        <v>1.423015153101544</v>
      </c>
    </row>
    <row r="50105" spans="1:7" x14ac:dyDescent="0.3">
      <c r="A50105" s="13" t="s">
        <v>282</v>
      </c>
      <c r="B50105" s="14" t="s">
        <v>1</v>
      </c>
      <c r="C50105" s="14" t="s">
        <v>23</v>
      </c>
      <c r="D50105" s="14" t="s">
        <v>57</v>
      </c>
      <c r="E50105" s="15">
        <v>45476</v>
      </c>
      <c r="F50105" s="14" t="s">
        <v>53</v>
      </c>
      <c r="G50105" s="16">
        <v>1.4314537673045939</v>
      </c>
    </row>
    <row r="50106" spans="1:7" x14ac:dyDescent="0.3">
      <c r="A50106" s="13" t="s">
        <v>282</v>
      </c>
      <c r="B50106" s="14" t="s">
        <v>1</v>
      </c>
      <c r="C50106" s="14" t="s">
        <v>23</v>
      </c>
      <c r="D50106" s="14" t="s">
        <v>57</v>
      </c>
      <c r="E50106" s="15">
        <v>45477</v>
      </c>
      <c r="F50106" s="14" t="s">
        <v>53</v>
      </c>
      <c r="G50106" s="16">
        <v>1.4314537673045939</v>
      </c>
    </row>
    <row r="50107" spans="1:7" x14ac:dyDescent="0.3">
      <c r="A50107" s="13" t="s">
        <v>282</v>
      </c>
      <c r="B50107" s="14" t="s">
        <v>1</v>
      </c>
      <c r="C50107" s="14" t="s">
        <v>23</v>
      </c>
      <c r="D50107" s="14" t="s">
        <v>57</v>
      </c>
      <c r="E50107" s="15">
        <v>45478</v>
      </c>
      <c r="F50107" s="14" t="s">
        <v>53</v>
      </c>
      <c r="G50107" s="16">
        <v>1.4378970221521379</v>
      </c>
    </row>
    <row r="50108" spans="1:7" x14ac:dyDescent="0.3">
      <c r="A50108" s="13" t="s">
        <v>282</v>
      </c>
      <c r="B50108" s="14" t="s">
        <v>1</v>
      </c>
      <c r="C50108" s="14" t="s">
        <v>23</v>
      </c>
      <c r="D50108" s="14" t="s">
        <v>57</v>
      </c>
      <c r="E50108" s="15">
        <v>45479</v>
      </c>
      <c r="F50108" s="14" t="s">
        <v>53</v>
      </c>
      <c r="G50108" s="16">
        <v>1.4378970221521379</v>
      </c>
    </row>
    <row r="50109" spans="1:7" x14ac:dyDescent="0.3">
      <c r="A50109" s="13" t="s">
        <v>282</v>
      </c>
      <c r="B50109" s="14" t="s">
        <v>1</v>
      </c>
      <c r="C50109" s="14" t="s">
        <v>23</v>
      </c>
      <c r="D50109" s="14" t="s">
        <v>57</v>
      </c>
      <c r="E50109" s="15">
        <v>45480</v>
      </c>
      <c r="F50109" s="14" t="s">
        <v>53</v>
      </c>
      <c r="G50109" s="16">
        <v>1.4378970221521379</v>
      </c>
    </row>
    <row r="50110" spans="1:7" x14ac:dyDescent="0.3">
      <c r="A50110" s="13" t="s">
        <v>282</v>
      </c>
      <c r="B50110" s="14" t="s">
        <v>1</v>
      </c>
      <c r="C50110" s="14" t="s">
        <v>23</v>
      </c>
      <c r="D50110" s="14" t="s">
        <v>57</v>
      </c>
      <c r="E50110" s="15">
        <v>45481</v>
      </c>
      <c r="F50110" s="14" t="s">
        <v>53</v>
      </c>
      <c r="G50110" s="16">
        <v>1.4929335821282126</v>
      </c>
    </row>
    <row r="50111" spans="1:7" x14ac:dyDescent="0.3">
      <c r="A50111" s="13" t="s">
        <v>282</v>
      </c>
      <c r="B50111" s="14" t="s">
        <v>1</v>
      </c>
      <c r="C50111" s="14" t="s">
        <v>23</v>
      </c>
      <c r="D50111" s="14" t="s">
        <v>57</v>
      </c>
      <c r="E50111" s="15">
        <v>45482</v>
      </c>
      <c r="F50111" s="14" t="s">
        <v>53</v>
      </c>
      <c r="G50111" s="16">
        <v>1.5408212245203701</v>
      </c>
    </row>
    <row r="50112" spans="1:7" x14ac:dyDescent="0.3">
      <c r="A50112" s="13" t="s">
        <v>282</v>
      </c>
      <c r="B50112" s="14" t="s">
        <v>1</v>
      </c>
      <c r="C50112" s="14" t="s">
        <v>23</v>
      </c>
      <c r="D50112" s="14" t="s">
        <v>57</v>
      </c>
      <c r="E50112" s="15">
        <v>45483</v>
      </c>
      <c r="F50112" s="14" t="s">
        <v>53</v>
      </c>
      <c r="G50112" s="16">
        <v>1.5493859523486824</v>
      </c>
    </row>
    <row r="50113" spans="1:7" x14ac:dyDescent="0.3">
      <c r="A50113" s="13" t="s">
        <v>282</v>
      </c>
      <c r="B50113" s="14" t="s">
        <v>1</v>
      </c>
      <c r="C50113" s="14" t="s">
        <v>23</v>
      </c>
      <c r="D50113" s="14" t="s">
        <v>57</v>
      </c>
      <c r="E50113" s="15">
        <v>45484</v>
      </c>
      <c r="F50113" s="14" t="s">
        <v>53</v>
      </c>
      <c r="G50113" s="16">
        <v>1.556665428409322</v>
      </c>
    </row>
    <row r="50114" spans="1:7" x14ac:dyDescent="0.3">
      <c r="A50114" s="13" t="s">
        <v>282</v>
      </c>
      <c r="B50114" s="14" t="s">
        <v>1</v>
      </c>
      <c r="C50114" s="14" t="s">
        <v>23</v>
      </c>
      <c r="D50114" s="14" t="s">
        <v>57</v>
      </c>
      <c r="E50114" s="15">
        <v>45485</v>
      </c>
      <c r="F50114" s="14" t="s">
        <v>53</v>
      </c>
      <c r="G50114" s="16">
        <v>1.5628021908412784</v>
      </c>
    </row>
    <row r="50115" spans="1:7" x14ac:dyDescent="0.3">
      <c r="A50115" s="13" t="s">
        <v>282</v>
      </c>
      <c r="B50115" s="14" t="s">
        <v>1</v>
      </c>
      <c r="C50115" s="14" t="s">
        <v>23</v>
      </c>
      <c r="D50115" s="14" t="s">
        <v>57</v>
      </c>
      <c r="E50115" s="15">
        <v>45486</v>
      </c>
      <c r="F50115" s="14" t="s">
        <v>53</v>
      </c>
      <c r="G50115" s="16">
        <v>1.5628021908412784</v>
      </c>
    </row>
    <row r="50116" spans="1:7" x14ac:dyDescent="0.3">
      <c r="A50116" s="13" t="s">
        <v>282</v>
      </c>
      <c r="B50116" s="14" t="s">
        <v>1</v>
      </c>
      <c r="C50116" s="14" t="s">
        <v>23</v>
      </c>
      <c r="D50116" s="14" t="s">
        <v>57</v>
      </c>
      <c r="E50116" s="15">
        <v>45487</v>
      </c>
      <c r="F50116" s="14" t="s">
        <v>53</v>
      </c>
      <c r="G50116" s="16">
        <v>1.5628021908412784</v>
      </c>
    </row>
    <row r="50117" spans="1:7" x14ac:dyDescent="0.3">
      <c r="A50117" s="13" t="s">
        <v>282</v>
      </c>
      <c r="B50117" s="14" t="s">
        <v>1</v>
      </c>
      <c r="C50117" s="14" t="s">
        <v>23</v>
      </c>
      <c r="D50117" s="14" t="s">
        <v>57</v>
      </c>
      <c r="E50117" s="15">
        <v>45488</v>
      </c>
      <c r="F50117" s="14" t="s">
        <v>53</v>
      </c>
      <c r="G50117" s="16">
        <v>1.5804778009951634</v>
      </c>
    </row>
    <row r="50118" spans="1:7" x14ac:dyDescent="0.3">
      <c r="A50118" s="13" t="s">
        <v>282</v>
      </c>
      <c r="B50118" s="14" t="s">
        <v>1</v>
      </c>
      <c r="C50118" s="14" t="s">
        <v>23</v>
      </c>
      <c r="D50118" s="14" t="s">
        <v>57</v>
      </c>
      <c r="E50118" s="15">
        <v>45489</v>
      </c>
      <c r="F50118" s="14" t="s">
        <v>53</v>
      </c>
      <c r="G50118" s="16">
        <v>1.6250311760715055</v>
      </c>
    </row>
    <row r="50119" spans="1:7" x14ac:dyDescent="0.3">
      <c r="A50119" s="13" t="s">
        <v>282</v>
      </c>
      <c r="B50119" s="14" t="s">
        <v>1</v>
      </c>
      <c r="C50119" s="14" t="s">
        <v>23</v>
      </c>
      <c r="D50119" s="14" t="s">
        <v>57</v>
      </c>
      <c r="E50119" s="15">
        <v>45490</v>
      </c>
      <c r="F50119" s="14" t="s">
        <v>53</v>
      </c>
      <c r="G50119" s="16">
        <v>1.6344716692578831</v>
      </c>
    </row>
    <row r="50120" spans="1:7" x14ac:dyDescent="0.3">
      <c r="A50120" s="13" t="s">
        <v>282</v>
      </c>
      <c r="B50120" s="14" t="s">
        <v>1</v>
      </c>
      <c r="C50120" s="14" t="s">
        <v>23</v>
      </c>
      <c r="D50120" s="14" t="s">
        <v>57</v>
      </c>
      <c r="E50120" s="15">
        <v>45491</v>
      </c>
      <c r="F50120" s="14" t="s">
        <v>53</v>
      </c>
      <c r="G50120" s="16">
        <v>1.6575057178359409</v>
      </c>
    </row>
    <row r="50121" spans="1:7" x14ac:dyDescent="0.3">
      <c r="A50121" s="13" t="s">
        <v>282</v>
      </c>
      <c r="B50121" s="14" t="s">
        <v>1</v>
      </c>
      <c r="C50121" s="14" t="s">
        <v>23</v>
      </c>
      <c r="D50121" s="14" t="s">
        <v>57</v>
      </c>
      <c r="E50121" s="15">
        <v>45492</v>
      </c>
      <c r="F50121" s="14" t="s">
        <v>53</v>
      </c>
      <c r="G50121" s="16">
        <v>1.6751108168730882</v>
      </c>
    </row>
    <row r="50122" spans="1:7" x14ac:dyDescent="0.3">
      <c r="A50122" s="13" t="s">
        <v>282</v>
      </c>
      <c r="B50122" s="14" t="s">
        <v>1</v>
      </c>
      <c r="C50122" s="14" t="s">
        <v>23</v>
      </c>
      <c r="D50122" s="14" t="s">
        <v>57</v>
      </c>
      <c r="E50122" s="15">
        <v>45493</v>
      </c>
      <c r="F50122" s="14" t="s">
        <v>53</v>
      </c>
      <c r="G50122" s="16">
        <v>1.6751108168730882</v>
      </c>
    </row>
    <row r="50123" spans="1:7" x14ac:dyDescent="0.3">
      <c r="A50123" s="13" t="s">
        <v>282</v>
      </c>
      <c r="B50123" s="14" t="s">
        <v>1</v>
      </c>
      <c r="C50123" s="14" t="s">
        <v>23</v>
      </c>
      <c r="D50123" s="14" t="s">
        <v>57</v>
      </c>
      <c r="E50123" s="15">
        <v>45494</v>
      </c>
      <c r="F50123" s="14" t="s">
        <v>53</v>
      </c>
      <c r="G50123" s="16">
        <v>1.6751108168730882</v>
      </c>
    </row>
    <row r="50124" spans="1:7" x14ac:dyDescent="0.3">
      <c r="A50124" s="13" t="s">
        <v>282</v>
      </c>
      <c r="B50124" s="14" t="s">
        <v>1</v>
      </c>
      <c r="C50124" s="14" t="s">
        <v>23</v>
      </c>
      <c r="D50124" s="14" t="s">
        <v>57</v>
      </c>
      <c r="E50124" s="15">
        <v>45495</v>
      </c>
      <c r="F50124" s="14" t="s">
        <v>53</v>
      </c>
      <c r="G50124" s="16">
        <v>1.6885099267884134</v>
      </c>
    </row>
    <row r="50125" spans="1:7" x14ac:dyDescent="0.3">
      <c r="A50125" s="13" t="s">
        <v>282</v>
      </c>
      <c r="B50125" s="14" t="s">
        <v>1</v>
      </c>
      <c r="C50125" s="14" t="s">
        <v>23</v>
      </c>
      <c r="D50125" s="14" t="s">
        <v>57</v>
      </c>
      <c r="E50125" s="15">
        <v>45496</v>
      </c>
      <c r="F50125" s="14" t="s">
        <v>53</v>
      </c>
      <c r="G50125" s="16">
        <v>1.7353608329099575</v>
      </c>
    </row>
    <row r="50126" spans="1:7" x14ac:dyDescent="0.3">
      <c r="A50126" s="13" t="s">
        <v>282</v>
      </c>
      <c r="B50126" s="14" t="s">
        <v>1</v>
      </c>
      <c r="C50126" s="14" t="s">
        <v>23</v>
      </c>
      <c r="D50126" s="14" t="s">
        <v>57</v>
      </c>
      <c r="E50126" s="15">
        <v>45497</v>
      </c>
      <c r="F50126" s="14" t="s">
        <v>53</v>
      </c>
      <c r="G50126" s="16">
        <v>1.7517607377502757</v>
      </c>
    </row>
    <row r="50127" spans="1:7" x14ac:dyDescent="0.3">
      <c r="A50127" s="13" t="s">
        <v>282</v>
      </c>
      <c r="B50127" s="14" t="s">
        <v>1</v>
      </c>
      <c r="C50127" s="14" t="s">
        <v>23</v>
      </c>
      <c r="D50127" s="14" t="s">
        <v>57</v>
      </c>
      <c r="E50127" s="15">
        <v>45498</v>
      </c>
      <c r="F50127" s="14" t="s">
        <v>53</v>
      </c>
      <c r="G50127" s="16">
        <v>1.7735328708672906</v>
      </c>
    </row>
    <row r="50128" spans="1:7" x14ac:dyDescent="0.3">
      <c r="A50128" s="13" t="s">
        <v>282</v>
      </c>
      <c r="B50128" s="14" t="s">
        <v>1</v>
      </c>
      <c r="C50128" s="14" t="s">
        <v>23</v>
      </c>
      <c r="D50128" s="14" t="s">
        <v>57</v>
      </c>
      <c r="E50128" s="15">
        <v>45499</v>
      </c>
      <c r="F50128" s="14" t="s">
        <v>53</v>
      </c>
      <c r="G50128" s="16">
        <v>1.7849251600606431</v>
      </c>
    </row>
    <row r="50129" spans="1:7" x14ac:dyDescent="0.3">
      <c r="A50129" s="13" t="s">
        <v>282</v>
      </c>
      <c r="B50129" s="14" t="s">
        <v>1</v>
      </c>
      <c r="C50129" s="14" t="s">
        <v>23</v>
      </c>
      <c r="D50129" s="14" t="s">
        <v>57</v>
      </c>
      <c r="E50129" s="15">
        <v>45500</v>
      </c>
      <c r="F50129" s="14" t="s">
        <v>53</v>
      </c>
      <c r="G50129" s="16">
        <v>1.7849251600606431</v>
      </c>
    </row>
    <row r="50130" spans="1:7" x14ac:dyDescent="0.3">
      <c r="A50130" s="13" t="s">
        <v>282</v>
      </c>
      <c r="B50130" s="14" t="s">
        <v>1</v>
      </c>
      <c r="C50130" s="14" t="s">
        <v>23</v>
      </c>
      <c r="D50130" s="14" t="s">
        <v>57</v>
      </c>
      <c r="E50130" s="15">
        <v>45501</v>
      </c>
      <c r="F50130" s="14" t="s">
        <v>53</v>
      </c>
      <c r="G50130" s="16">
        <v>1.7849251600606431</v>
      </c>
    </row>
    <row r="50131" spans="1:7" x14ac:dyDescent="0.3">
      <c r="A50131" s="13" t="s">
        <v>282</v>
      </c>
      <c r="B50131" s="14" t="s">
        <v>1</v>
      </c>
      <c r="C50131" s="14" t="s">
        <v>23</v>
      </c>
      <c r="D50131" s="14" t="s">
        <v>57</v>
      </c>
      <c r="E50131" s="15">
        <v>45502</v>
      </c>
      <c r="F50131" s="14" t="s">
        <v>53</v>
      </c>
      <c r="G50131" s="16">
        <v>1.8001796693418328</v>
      </c>
    </row>
    <row r="50132" spans="1:7" x14ac:dyDescent="0.3">
      <c r="A50132" s="13" t="s">
        <v>282</v>
      </c>
      <c r="B50132" s="14" t="s">
        <v>1</v>
      </c>
      <c r="C50132" s="14" t="s">
        <v>23</v>
      </c>
      <c r="D50132" s="14" t="s">
        <v>57</v>
      </c>
      <c r="E50132" s="15">
        <v>45503</v>
      </c>
      <c r="F50132" s="14" t="s">
        <v>53</v>
      </c>
      <c r="G50132" s="16">
        <v>1.8461098380376304</v>
      </c>
    </row>
    <row r="50133" spans="1:7" x14ac:dyDescent="0.3">
      <c r="A50133" s="13" t="s">
        <v>282</v>
      </c>
      <c r="B50133" s="14" t="s">
        <v>1</v>
      </c>
      <c r="C50133" s="14" t="s">
        <v>23</v>
      </c>
      <c r="D50133" s="14" t="s">
        <v>57</v>
      </c>
      <c r="E50133" s="15">
        <v>45504</v>
      </c>
      <c r="F50133" s="14" t="s">
        <v>53</v>
      </c>
      <c r="G50133" s="16">
        <v>1.8586567925848694</v>
      </c>
    </row>
    <row r="50134" spans="1:7" x14ac:dyDescent="0.3">
      <c r="A50134" s="13" t="s">
        <v>282</v>
      </c>
      <c r="B50134" s="14" t="s">
        <v>1</v>
      </c>
      <c r="C50134" s="14" t="s">
        <v>23</v>
      </c>
      <c r="D50134" s="14" t="s">
        <v>57</v>
      </c>
      <c r="E50134" s="15">
        <v>45505</v>
      </c>
      <c r="F50134" s="14" t="s">
        <v>53</v>
      </c>
      <c r="G50134" s="16">
        <v>1.8819840627399556</v>
      </c>
    </row>
    <row r="50135" spans="1:7" x14ac:dyDescent="0.3">
      <c r="A50135" s="13" t="s">
        <v>282</v>
      </c>
      <c r="B50135" s="14" t="s">
        <v>1</v>
      </c>
      <c r="C50135" s="14" t="s">
        <v>23</v>
      </c>
      <c r="D50135" s="14" t="s">
        <v>57</v>
      </c>
      <c r="E50135" s="15">
        <v>45506</v>
      </c>
      <c r="F50135" s="14" t="s">
        <v>53</v>
      </c>
      <c r="G50135" s="16">
        <v>1.87947062809721</v>
      </c>
    </row>
    <row r="50136" spans="1:7" x14ac:dyDescent="0.3">
      <c r="A50136" s="13" t="s">
        <v>282</v>
      </c>
      <c r="B50136" s="14" t="s">
        <v>1</v>
      </c>
      <c r="C50136" s="14" t="s">
        <v>23</v>
      </c>
      <c r="D50136" s="14" t="s">
        <v>57</v>
      </c>
      <c r="E50136" s="15">
        <v>45507</v>
      </c>
      <c r="F50136" s="14" t="s">
        <v>53</v>
      </c>
      <c r="G50136" s="16">
        <v>1.87947062809721</v>
      </c>
    </row>
    <row r="50137" spans="1:7" x14ac:dyDescent="0.3">
      <c r="A50137" s="13" t="s">
        <v>282</v>
      </c>
      <c r="B50137" s="14" t="s">
        <v>1</v>
      </c>
      <c r="C50137" s="14" t="s">
        <v>23</v>
      </c>
      <c r="D50137" s="14" t="s">
        <v>57</v>
      </c>
      <c r="E50137" s="15">
        <v>45508</v>
      </c>
      <c r="F50137" s="14" t="s">
        <v>53</v>
      </c>
      <c r="G50137" s="16">
        <v>1.87947062809721</v>
      </c>
    </row>
    <row r="50138" spans="1:7" x14ac:dyDescent="0.3">
      <c r="A50138" s="13" t="s">
        <v>282</v>
      </c>
      <c r="B50138" s="14" t="s">
        <v>1</v>
      </c>
      <c r="C50138" s="14" t="s">
        <v>23</v>
      </c>
      <c r="D50138" s="14" t="s">
        <v>57</v>
      </c>
      <c r="E50138" s="15">
        <v>45509</v>
      </c>
      <c r="F50138" s="14" t="s">
        <v>53</v>
      </c>
      <c r="G50138" s="16">
        <v>1.87947062809721</v>
      </c>
    </row>
    <row r="50139" spans="1:7" x14ac:dyDescent="0.3">
      <c r="A50139" s="13" t="s">
        <v>282</v>
      </c>
      <c r="B50139" s="14" t="s">
        <v>1</v>
      </c>
      <c r="C50139" s="14" t="s">
        <v>23</v>
      </c>
      <c r="D50139" s="14" t="s">
        <v>57</v>
      </c>
      <c r="E50139" s="15">
        <v>45510</v>
      </c>
      <c r="F50139" s="14" t="s">
        <v>53</v>
      </c>
      <c r="G50139" s="16">
        <v>1.9088985791229161</v>
      </c>
    </row>
    <row r="50140" spans="1:7" x14ac:dyDescent="0.3">
      <c r="A50140" s="13" t="s">
        <v>282</v>
      </c>
      <c r="B50140" s="14" t="s">
        <v>1</v>
      </c>
      <c r="C50140" s="14" t="s">
        <v>23</v>
      </c>
      <c r="D50140" s="14" t="s">
        <v>57</v>
      </c>
      <c r="E50140" s="15">
        <v>45511</v>
      </c>
      <c r="F50140" s="14" t="s">
        <v>53</v>
      </c>
      <c r="G50140" s="16">
        <v>1.9815632488198491</v>
      </c>
    </row>
    <row r="50141" spans="1:7" x14ac:dyDescent="0.3">
      <c r="A50141" s="13" t="s">
        <v>282</v>
      </c>
      <c r="B50141" s="14" t="s">
        <v>1</v>
      </c>
      <c r="C50141" s="14" t="s">
        <v>23</v>
      </c>
      <c r="D50141" s="14" t="s">
        <v>57</v>
      </c>
      <c r="E50141" s="15">
        <v>45512</v>
      </c>
      <c r="F50141" s="14" t="s">
        <v>53</v>
      </c>
      <c r="G50141" s="16">
        <v>1.9813708664612066</v>
      </c>
    </row>
    <row r="50142" spans="1:7" x14ac:dyDescent="0.3">
      <c r="A50142" s="13" t="s">
        <v>282</v>
      </c>
      <c r="B50142" s="14" t="s">
        <v>1</v>
      </c>
      <c r="C50142" s="14" t="s">
        <v>23</v>
      </c>
      <c r="D50142" s="14" t="s">
        <v>57</v>
      </c>
      <c r="E50142" s="15">
        <v>45513</v>
      </c>
      <c r="F50142" s="14" t="s">
        <v>53</v>
      </c>
      <c r="G50142" s="16">
        <v>1.9920589898174053</v>
      </c>
    </row>
    <row r="50143" spans="1:7" x14ac:dyDescent="0.3">
      <c r="A50143" s="13" t="s">
        <v>282</v>
      </c>
      <c r="B50143" s="14" t="s">
        <v>1</v>
      </c>
      <c r="C50143" s="14" t="s">
        <v>23</v>
      </c>
      <c r="D50143" s="14" t="s">
        <v>57</v>
      </c>
      <c r="E50143" s="15">
        <v>45514</v>
      </c>
      <c r="F50143" s="14" t="s">
        <v>53</v>
      </c>
      <c r="G50143" s="16">
        <v>1.9920589898174053</v>
      </c>
    </row>
    <row r="50144" spans="1:7" x14ac:dyDescent="0.3">
      <c r="A50144" s="13" t="s">
        <v>282</v>
      </c>
      <c r="B50144" s="14" t="s">
        <v>1</v>
      </c>
      <c r="C50144" s="14" t="s">
        <v>23</v>
      </c>
      <c r="D50144" s="14" t="s">
        <v>57</v>
      </c>
      <c r="E50144" s="15">
        <v>45515</v>
      </c>
      <c r="F50144" s="14" t="s">
        <v>53</v>
      </c>
      <c r="G50144" s="16">
        <v>1.9920589898174053</v>
      </c>
    </row>
    <row r="50145" spans="1:7" x14ac:dyDescent="0.3">
      <c r="A50145" s="13" t="s">
        <v>282</v>
      </c>
      <c r="B50145" s="14" t="s">
        <v>1</v>
      </c>
      <c r="C50145" s="14" t="s">
        <v>23</v>
      </c>
      <c r="D50145" s="14" t="s">
        <v>57</v>
      </c>
      <c r="E50145" s="15">
        <v>45516</v>
      </c>
      <c r="F50145" s="14" t="s">
        <v>53</v>
      </c>
      <c r="G50145" s="16">
        <v>2.0061057092740668</v>
      </c>
    </row>
    <row r="50146" spans="1:7" x14ac:dyDescent="0.3">
      <c r="A50146" s="13" t="s">
        <v>282</v>
      </c>
      <c r="B50146" s="14" t="s">
        <v>1</v>
      </c>
      <c r="C50146" s="14" t="s">
        <v>23</v>
      </c>
      <c r="D50146" s="14" t="s">
        <v>57</v>
      </c>
      <c r="E50146" s="15">
        <v>45517</v>
      </c>
      <c r="F50146" s="14" t="s">
        <v>53</v>
      </c>
      <c r="G50146" s="16">
        <v>2.0331445331847862</v>
      </c>
    </row>
    <row r="50147" spans="1:7" x14ac:dyDescent="0.3">
      <c r="A50147" s="13" t="s">
        <v>282</v>
      </c>
      <c r="B50147" s="14" t="s">
        <v>1</v>
      </c>
      <c r="C50147" s="14" t="s">
        <v>23</v>
      </c>
      <c r="D50147" s="14" t="s">
        <v>57</v>
      </c>
      <c r="E50147" s="15">
        <v>45518</v>
      </c>
      <c r="F50147" s="14" t="s">
        <v>53</v>
      </c>
      <c r="G50147" s="16">
        <v>2.0525880204660334</v>
      </c>
    </row>
    <row r="50148" spans="1:7" x14ac:dyDescent="0.3">
      <c r="A50148" s="13" t="s">
        <v>282</v>
      </c>
      <c r="B50148" s="14" t="s">
        <v>1</v>
      </c>
      <c r="C50148" s="14" t="s">
        <v>23</v>
      </c>
      <c r="D50148" s="14" t="s">
        <v>57</v>
      </c>
      <c r="E50148" s="15">
        <v>45519</v>
      </c>
      <c r="F50148" s="14" t="s">
        <v>53</v>
      </c>
      <c r="G50148" s="16">
        <v>2.0572167312606879</v>
      </c>
    </row>
    <row r="50149" spans="1:7" x14ac:dyDescent="0.3">
      <c r="A50149" s="13" t="s">
        <v>282</v>
      </c>
      <c r="B50149" s="14" t="s">
        <v>1</v>
      </c>
      <c r="C50149" s="14" t="s">
        <v>23</v>
      </c>
      <c r="D50149" s="14" t="s">
        <v>57</v>
      </c>
      <c r="E50149" s="15">
        <v>45520</v>
      </c>
      <c r="F50149" s="14" t="s">
        <v>53</v>
      </c>
      <c r="G50149" s="16">
        <v>2.056853976867079</v>
      </c>
    </row>
    <row r="50150" spans="1:7" x14ac:dyDescent="0.3">
      <c r="A50150" s="13" t="s">
        <v>282</v>
      </c>
      <c r="B50150" s="14" t="s">
        <v>1</v>
      </c>
      <c r="C50150" s="14" t="s">
        <v>23</v>
      </c>
      <c r="D50150" s="14" t="s">
        <v>57</v>
      </c>
      <c r="E50150" s="15">
        <v>45521</v>
      </c>
      <c r="F50150" s="14" t="s">
        <v>53</v>
      </c>
      <c r="G50150" s="16">
        <v>2.056853976867079</v>
      </c>
    </row>
    <row r="50151" spans="1:7" x14ac:dyDescent="0.3">
      <c r="A50151" s="13" t="s">
        <v>282</v>
      </c>
      <c r="B50151" s="14" t="s">
        <v>1</v>
      </c>
      <c r="C50151" s="14" t="s">
        <v>23</v>
      </c>
      <c r="D50151" s="14" t="s">
        <v>57</v>
      </c>
      <c r="E50151" s="15">
        <v>45522</v>
      </c>
      <c r="F50151" s="14" t="s">
        <v>53</v>
      </c>
      <c r="G50151" s="16">
        <v>2.056853976867079</v>
      </c>
    </row>
    <row r="50152" spans="1:7" x14ac:dyDescent="0.3">
      <c r="A50152" s="13" t="s">
        <v>282</v>
      </c>
      <c r="B50152" s="14" t="s">
        <v>1</v>
      </c>
      <c r="C50152" s="14" t="s">
        <v>23</v>
      </c>
      <c r="D50152" s="14" t="s">
        <v>57</v>
      </c>
      <c r="E50152" s="15">
        <v>45523</v>
      </c>
      <c r="F50152" s="14" t="s">
        <v>53</v>
      </c>
      <c r="G50152" s="16">
        <v>2.0635484833182778</v>
      </c>
    </row>
    <row r="50153" spans="1:7" x14ac:dyDescent="0.3">
      <c r="A50153" s="13" t="s">
        <v>282</v>
      </c>
      <c r="B50153" s="14" t="s">
        <v>1</v>
      </c>
      <c r="C50153" s="14" t="s">
        <v>23</v>
      </c>
      <c r="D50153" s="14" t="s">
        <v>57</v>
      </c>
      <c r="E50153" s="15">
        <v>45524</v>
      </c>
      <c r="F50153" s="14" t="s">
        <v>53</v>
      </c>
      <c r="G50153" s="16">
        <v>2.0995493531853358</v>
      </c>
    </row>
    <row r="50154" spans="1:7" x14ac:dyDescent="0.3">
      <c r="A50154" s="13" t="s">
        <v>282</v>
      </c>
      <c r="B50154" s="14" t="s">
        <v>1</v>
      </c>
      <c r="C50154" s="14" t="s">
        <v>23</v>
      </c>
      <c r="D50154" s="14" t="s">
        <v>57</v>
      </c>
      <c r="E50154" s="15">
        <v>45525</v>
      </c>
      <c r="F50154" s="14" t="s">
        <v>53</v>
      </c>
      <c r="G50154" s="16">
        <v>2.1003781625845703</v>
      </c>
    </row>
    <row r="50155" spans="1:7" x14ac:dyDescent="0.3">
      <c r="A50155" s="13" t="s">
        <v>282</v>
      </c>
      <c r="B50155" s="14" t="s">
        <v>1</v>
      </c>
      <c r="C50155" s="14" t="s">
        <v>23</v>
      </c>
      <c r="D50155" s="14" t="s">
        <v>57</v>
      </c>
      <c r="E50155" s="15">
        <v>45526</v>
      </c>
      <c r="F50155" s="14" t="s">
        <v>53</v>
      </c>
      <c r="G50155" s="16">
        <v>2.1146179445717079</v>
      </c>
    </row>
    <row r="50156" spans="1:7" x14ac:dyDescent="0.3">
      <c r="A50156" s="13" t="s">
        <v>282</v>
      </c>
      <c r="B50156" s="14" t="s">
        <v>1</v>
      </c>
      <c r="C50156" s="14" t="s">
        <v>23</v>
      </c>
      <c r="D50156" s="14" t="s">
        <v>57</v>
      </c>
      <c r="E50156" s="15">
        <v>45527</v>
      </c>
      <c r="F50156" s="14" t="s">
        <v>53</v>
      </c>
      <c r="G50156" s="16">
        <v>2.1093236645289037</v>
      </c>
    </row>
    <row r="50157" spans="1:7" x14ac:dyDescent="0.3">
      <c r="A50157" s="13" t="s">
        <v>282</v>
      </c>
      <c r="B50157" s="14" t="s">
        <v>1</v>
      </c>
      <c r="C50157" s="14" t="s">
        <v>23</v>
      </c>
      <c r="D50157" s="14" t="s">
        <v>57</v>
      </c>
      <c r="E50157" s="15">
        <v>45528</v>
      </c>
      <c r="F50157" s="14" t="s">
        <v>53</v>
      </c>
      <c r="G50157" s="16">
        <v>2.1093236645289037</v>
      </c>
    </row>
    <row r="50158" spans="1:7" x14ac:dyDescent="0.3">
      <c r="A50158" s="13" t="s">
        <v>282</v>
      </c>
      <c r="B50158" s="14" t="s">
        <v>1</v>
      </c>
      <c r="C50158" s="14" t="s">
        <v>23</v>
      </c>
      <c r="D50158" s="14" t="s">
        <v>57</v>
      </c>
      <c r="E50158" s="15">
        <v>45529</v>
      </c>
      <c r="F50158" s="14" t="s">
        <v>53</v>
      </c>
      <c r="G50158" s="16">
        <v>2.1093236645289037</v>
      </c>
    </row>
    <row r="50159" spans="1:7" x14ac:dyDescent="0.3">
      <c r="A50159" s="13" t="s">
        <v>282</v>
      </c>
      <c r="B50159" s="14" t="s">
        <v>1</v>
      </c>
      <c r="C50159" s="14" t="s">
        <v>23</v>
      </c>
      <c r="D50159" s="14" t="s">
        <v>57</v>
      </c>
      <c r="E50159" s="15">
        <v>45530</v>
      </c>
      <c r="F50159" s="14" t="s">
        <v>53</v>
      </c>
      <c r="G50159" s="16">
        <v>2.1277767009223276</v>
      </c>
    </row>
    <row r="50160" spans="1:7" x14ac:dyDescent="0.3">
      <c r="A50160" s="13" t="s">
        <v>282</v>
      </c>
      <c r="B50160" s="14" t="s">
        <v>1</v>
      </c>
      <c r="C50160" s="14" t="s">
        <v>23</v>
      </c>
      <c r="D50160" s="14" t="s">
        <v>57</v>
      </c>
      <c r="E50160" s="15">
        <v>45531</v>
      </c>
      <c r="F50160" s="14" t="s">
        <v>53</v>
      </c>
      <c r="G50160" s="16">
        <v>2.1589699177590207</v>
      </c>
    </row>
    <row r="50161" spans="1:7" x14ac:dyDescent="0.3">
      <c r="A50161" s="13" t="s">
        <v>282</v>
      </c>
      <c r="B50161" s="14" t="s">
        <v>1</v>
      </c>
      <c r="C50161" s="14" t="s">
        <v>23</v>
      </c>
      <c r="D50161" s="14" t="s">
        <v>57</v>
      </c>
      <c r="E50161" s="15">
        <v>45532</v>
      </c>
      <c r="F50161" s="14" t="s">
        <v>53</v>
      </c>
      <c r="G50161" s="16">
        <v>2.1853258534429636</v>
      </c>
    </row>
    <row r="50162" spans="1:7" x14ac:dyDescent="0.3">
      <c r="A50162" s="13" t="s">
        <v>282</v>
      </c>
      <c r="B50162" s="14" t="s">
        <v>1</v>
      </c>
      <c r="C50162" s="14" t="s">
        <v>23</v>
      </c>
      <c r="D50162" s="14" t="s">
        <v>57</v>
      </c>
      <c r="E50162" s="15">
        <v>45533</v>
      </c>
      <c r="F50162" s="14" t="s">
        <v>53</v>
      </c>
      <c r="G50162" s="16">
        <v>2.2033741121752781</v>
      </c>
    </row>
    <row r="50163" spans="1:7" x14ac:dyDescent="0.3">
      <c r="A50163" s="13" t="s">
        <v>282</v>
      </c>
      <c r="B50163" s="14" t="s">
        <v>1</v>
      </c>
      <c r="C50163" s="14" t="s">
        <v>23</v>
      </c>
      <c r="D50163" s="14" t="s">
        <v>57</v>
      </c>
      <c r="E50163" s="15">
        <v>45534</v>
      </c>
      <c r="F50163" s="14" t="s">
        <v>53</v>
      </c>
      <c r="G50163" s="16">
        <v>2.2235267172984639</v>
      </c>
    </row>
    <row r="50164" spans="1:7" x14ac:dyDescent="0.3">
      <c r="A50164" s="13" t="s">
        <v>282</v>
      </c>
      <c r="B50164" s="14" t="s">
        <v>1</v>
      </c>
      <c r="C50164" s="14" t="s">
        <v>23</v>
      </c>
      <c r="D50164" s="14" t="s">
        <v>57</v>
      </c>
      <c r="E50164" s="15">
        <v>45535</v>
      </c>
      <c r="F50164" s="14" t="s">
        <v>53</v>
      </c>
      <c r="G50164" s="16">
        <v>2.2235267172984639</v>
      </c>
    </row>
    <row r="50165" spans="1:7" x14ac:dyDescent="0.3">
      <c r="A50165" s="13" t="s">
        <v>282</v>
      </c>
      <c r="B50165" s="14" t="s">
        <v>1</v>
      </c>
      <c r="C50165" s="14" t="s">
        <v>23</v>
      </c>
      <c r="D50165" s="14" t="s">
        <v>57</v>
      </c>
      <c r="E50165" s="15">
        <v>45536</v>
      </c>
      <c r="F50165" s="14" t="s">
        <v>53</v>
      </c>
      <c r="G50165" s="16">
        <v>2.2235267172984639</v>
      </c>
    </row>
    <row r="50166" spans="1:7" x14ac:dyDescent="0.3">
      <c r="A50166" s="13" t="s">
        <v>282</v>
      </c>
      <c r="B50166" s="14" t="s">
        <v>1</v>
      </c>
      <c r="C50166" s="14" t="s">
        <v>23</v>
      </c>
      <c r="D50166" s="14" t="s">
        <v>57</v>
      </c>
      <c r="E50166" s="15">
        <v>45537</v>
      </c>
      <c r="F50166" s="14" t="s">
        <v>53</v>
      </c>
      <c r="G50166" s="16">
        <v>2.2235267172984639</v>
      </c>
    </row>
    <row r="50167" spans="1:7" x14ac:dyDescent="0.3">
      <c r="A50167" s="13" t="s">
        <v>282</v>
      </c>
      <c r="B50167" s="14" t="s">
        <v>1</v>
      </c>
      <c r="C50167" s="14" t="s">
        <v>23</v>
      </c>
      <c r="D50167" s="14" t="s">
        <v>57</v>
      </c>
      <c r="E50167" s="15">
        <v>45538</v>
      </c>
      <c r="F50167" s="14" t="s">
        <v>53</v>
      </c>
      <c r="G50167" s="16">
        <v>2.2409633737483432</v>
      </c>
    </row>
    <row r="50168" spans="1:7" x14ac:dyDescent="0.3">
      <c r="A50168" s="13" t="s">
        <v>282</v>
      </c>
      <c r="B50168" s="14" t="s">
        <v>1</v>
      </c>
      <c r="C50168" s="14" t="s">
        <v>23</v>
      </c>
      <c r="D50168" s="14" t="s">
        <v>57</v>
      </c>
      <c r="E50168" s="15">
        <v>45539</v>
      </c>
      <c r="F50168" s="14" t="s">
        <v>53</v>
      </c>
      <c r="G50168" s="16">
        <v>2.2838012222903332</v>
      </c>
    </row>
    <row r="50169" spans="1:7" x14ac:dyDescent="0.3">
      <c r="A50169" s="13" t="s">
        <v>282</v>
      </c>
      <c r="B50169" s="14" t="s">
        <v>1</v>
      </c>
      <c r="C50169" s="14" t="s">
        <v>23</v>
      </c>
      <c r="D50169" s="14" t="s">
        <v>57</v>
      </c>
      <c r="E50169" s="15">
        <v>45540</v>
      </c>
      <c r="F50169" s="14" t="s">
        <v>53</v>
      </c>
      <c r="G50169" s="16">
        <v>2.2927835525366489</v>
      </c>
    </row>
    <row r="50170" spans="1:7" x14ac:dyDescent="0.3">
      <c r="A50170" s="13" t="s">
        <v>282</v>
      </c>
      <c r="B50170" s="14" t="s">
        <v>1</v>
      </c>
      <c r="C50170" s="14" t="s">
        <v>23</v>
      </c>
      <c r="D50170" s="14" t="s">
        <v>57</v>
      </c>
      <c r="E50170" s="15">
        <v>45541</v>
      </c>
      <c r="F50170" s="14" t="s">
        <v>53</v>
      </c>
      <c r="G50170" s="16">
        <v>2.3168156623636817</v>
      </c>
    </row>
    <row r="50171" spans="1:7" x14ac:dyDescent="0.3">
      <c r="A50171" s="13" t="s">
        <v>282</v>
      </c>
      <c r="B50171" s="14" t="s">
        <v>1</v>
      </c>
      <c r="C50171" s="14" t="s">
        <v>23</v>
      </c>
      <c r="D50171" s="14" t="s">
        <v>57</v>
      </c>
      <c r="E50171" s="15">
        <v>45542</v>
      </c>
      <c r="F50171" s="14" t="s">
        <v>53</v>
      </c>
      <c r="G50171" s="16">
        <v>2.3168156623636817</v>
      </c>
    </row>
    <row r="50172" spans="1:7" x14ac:dyDescent="0.3">
      <c r="A50172" s="13" t="s">
        <v>282</v>
      </c>
      <c r="B50172" s="14" t="s">
        <v>1</v>
      </c>
      <c r="C50172" s="14" t="s">
        <v>23</v>
      </c>
      <c r="D50172" s="14" t="s">
        <v>57</v>
      </c>
      <c r="E50172" s="15">
        <v>45543</v>
      </c>
      <c r="F50172" s="14" t="s">
        <v>53</v>
      </c>
      <c r="G50172" s="16">
        <v>2.3168156623636817</v>
      </c>
    </row>
    <row r="50173" spans="1:7" x14ac:dyDescent="0.3">
      <c r="A50173" s="13" t="s">
        <v>282</v>
      </c>
      <c r="B50173" s="14" t="s">
        <v>1</v>
      </c>
      <c r="C50173" s="14" t="s">
        <v>23</v>
      </c>
      <c r="D50173" s="14" t="s">
        <v>57</v>
      </c>
      <c r="E50173" s="15">
        <v>45544</v>
      </c>
      <c r="F50173" s="14" t="s">
        <v>53</v>
      </c>
      <c r="G50173" s="16">
        <v>2.3680190776469421</v>
      </c>
    </row>
    <row r="50174" spans="1:7" x14ac:dyDescent="0.3">
      <c r="A50174" s="13" t="s">
        <v>282</v>
      </c>
      <c r="B50174" s="14" t="s">
        <v>1</v>
      </c>
      <c r="C50174" s="14" t="s">
        <v>23</v>
      </c>
      <c r="D50174" s="14" t="s">
        <v>57</v>
      </c>
      <c r="E50174" s="15">
        <v>45545</v>
      </c>
      <c r="F50174" s="14" t="s">
        <v>53</v>
      </c>
      <c r="G50174" s="16">
        <v>2.4070858283648113</v>
      </c>
    </row>
    <row r="50175" spans="1:7" x14ac:dyDescent="0.3">
      <c r="A50175" s="13" t="s">
        <v>282</v>
      </c>
      <c r="B50175" s="14" t="s">
        <v>1</v>
      </c>
      <c r="C50175" s="14" t="s">
        <v>23</v>
      </c>
      <c r="D50175" s="14" t="s">
        <v>57</v>
      </c>
      <c r="E50175" s="15">
        <v>45546</v>
      </c>
      <c r="F50175" s="14" t="s">
        <v>53</v>
      </c>
      <c r="G50175" s="16">
        <v>2.4265581813123203</v>
      </c>
    </row>
    <row r="50176" spans="1:7" x14ac:dyDescent="0.3">
      <c r="A50176" s="13" t="s">
        <v>282</v>
      </c>
      <c r="B50176" s="14" t="s">
        <v>1</v>
      </c>
      <c r="C50176" s="14" t="s">
        <v>23</v>
      </c>
      <c r="D50176" s="14" t="s">
        <v>57</v>
      </c>
      <c r="E50176" s="15">
        <v>45547</v>
      </c>
      <c r="F50176" s="14" t="s">
        <v>53</v>
      </c>
      <c r="G50176" s="16">
        <v>2.4261677918231888</v>
      </c>
    </row>
    <row r="50177" spans="1:7" x14ac:dyDescent="0.3">
      <c r="A50177" s="13" t="s">
        <v>282</v>
      </c>
      <c r="B50177" s="14" t="s">
        <v>1</v>
      </c>
      <c r="C50177" s="14" t="s">
        <v>23</v>
      </c>
      <c r="D50177" s="14" t="s">
        <v>57</v>
      </c>
      <c r="E50177" s="15">
        <v>45548</v>
      </c>
      <c r="F50177" s="14" t="s">
        <v>53</v>
      </c>
      <c r="G50177" s="16">
        <v>2.4405487716911956</v>
      </c>
    </row>
    <row r="50178" spans="1:7" x14ac:dyDescent="0.3">
      <c r="A50178" s="13" t="s">
        <v>282</v>
      </c>
      <c r="B50178" s="14" t="s">
        <v>1</v>
      </c>
      <c r="C50178" s="14" t="s">
        <v>23</v>
      </c>
      <c r="D50178" s="14" t="s">
        <v>57</v>
      </c>
      <c r="E50178" s="15">
        <v>45549</v>
      </c>
      <c r="F50178" s="14" t="s">
        <v>53</v>
      </c>
      <c r="G50178" s="16">
        <v>2.4405487716911956</v>
      </c>
    </row>
    <row r="50179" spans="1:7" x14ac:dyDescent="0.3">
      <c r="A50179" s="13" t="s">
        <v>282</v>
      </c>
      <c r="B50179" s="14" t="s">
        <v>1</v>
      </c>
      <c r="C50179" s="14" t="s">
        <v>23</v>
      </c>
      <c r="D50179" s="14" t="s">
        <v>57</v>
      </c>
      <c r="E50179" s="15">
        <v>45550</v>
      </c>
      <c r="F50179" s="14" t="s">
        <v>53</v>
      </c>
      <c r="G50179" s="16">
        <v>2.4405487716911956</v>
      </c>
    </row>
    <row r="50180" spans="1:7" x14ac:dyDescent="0.3">
      <c r="A50180" s="13" t="s">
        <v>282</v>
      </c>
      <c r="B50180" s="14" t="s">
        <v>1</v>
      </c>
      <c r="C50180" s="14" t="s">
        <v>23</v>
      </c>
      <c r="D50180" s="14" t="s">
        <v>57</v>
      </c>
      <c r="E50180" s="15">
        <v>45551</v>
      </c>
      <c r="F50180" s="14" t="s">
        <v>53</v>
      </c>
      <c r="G50180" s="16">
        <v>2.4380553855323917</v>
      </c>
    </row>
    <row r="50181" spans="1:7" x14ac:dyDescent="0.3">
      <c r="A50181" s="13" t="s">
        <v>282</v>
      </c>
      <c r="B50181" s="14" t="s">
        <v>1</v>
      </c>
      <c r="C50181" s="14" t="s">
        <v>23</v>
      </c>
      <c r="D50181" s="14" t="s">
        <v>57</v>
      </c>
      <c r="E50181" s="15">
        <v>45552</v>
      </c>
      <c r="F50181" s="14" t="s">
        <v>53</v>
      </c>
      <c r="G50181" s="16">
        <v>2.4930874902842257</v>
      </c>
    </row>
    <row r="50182" spans="1:7" x14ac:dyDescent="0.3">
      <c r="A50182" s="13" t="s">
        <v>282</v>
      </c>
      <c r="B50182" s="14" t="s">
        <v>1</v>
      </c>
      <c r="C50182" s="14" t="s">
        <v>23</v>
      </c>
      <c r="D50182" s="14" t="s">
        <v>57</v>
      </c>
      <c r="E50182" s="15">
        <v>45553</v>
      </c>
      <c r="F50182" s="14" t="s">
        <v>53</v>
      </c>
      <c r="G50182" s="16">
        <v>2.4981734118512708</v>
      </c>
    </row>
    <row r="50183" spans="1:7" x14ac:dyDescent="0.3">
      <c r="A50183" s="13" t="s">
        <v>282</v>
      </c>
      <c r="B50183" s="14" t="s">
        <v>1</v>
      </c>
      <c r="C50183" s="14" t="s">
        <v>23</v>
      </c>
      <c r="D50183" s="14" t="s">
        <v>57</v>
      </c>
      <c r="E50183" s="15">
        <v>45554</v>
      </c>
      <c r="F50183" s="14" t="s">
        <v>53</v>
      </c>
      <c r="G50183" s="16">
        <v>2.4991985737284366</v>
      </c>
    </row>
    <row r="50184" spans="1:7" x14ac:dyDescent="0.3">
      <c r="A50184" s="13" t="s">
        <v>282</v>
      </c>
      <c r="B50184" s="14" t="s">
        <v>1</v>
      </c>
      <c r="C50184" s="14" t="s">
        <v>23</v>
      </c>
      <c r="D50184" s="14" t="s">
        <v>57</v>
      </c>
      <c r="E50184" s="15">
        <v>45555</v>
      </c>
      <c r="F50184" s="14" t="s">
        <v>53</v>
      </c>
      <c r="G50184" s="16">
        <v>2.5070575826368318</v>
      </c>
    </row>
    <row r="50185" spans="1:7" x14ac:dyDescent="0.3">
      <c r="A50185" s="13" t="s">
        <v>282</v>
      </c>
      <c r="B50185" s="14" t="s">
        <v>1</v>
      </c>
      <c r="C50185" s="14" t="s">
        <v>23</v>
      </c>
      <c r="D50185" s="14" t="s">
        <v>57</v>
      </c>
      <c r="E50185" s="15">
        <v>45556</v>
      </c>
      <c r="F50185" s="14" t="s">
        <v>53</v>
      </c>
      <c r="G50185" s="16">
        <v>2.5070575826368318</v>
      </c>
    </row>
    <row r="50186" spans="1:7" x14ac:dyDescent="0.3">
      <c r="A50186" s="13" t="s">
        <v>282</v>
      </c>
      <c r="B50186" s="14" t="s">
        <v>1</v>
      </c>
      <c r="C50186" s="14" t="s">
        <v>23</v>
      </c>
      <c r="D50186" s="14" t="s">
        <v>57</v>
      </c>
      <c r="E50186" s="15">
        <v>45557</v>
      </c>
      <c r="F50186" s="14" t="s">
        <v>53</v>
      </c>
      <c r="G50186" s="16">
        <v>2.5070575826368318</v>
      </c>
    </row>
    <row r="50187" spans="1:7" x14ac:dyDescent="0.3">
      <c r="A50187" s="13" t="s">
        <v>282</v>
      </c>
      <c r="B50187" s="14" t="s">
        <v>1</v>
      </c>
      <c r="C50187" s="14" t="s">
        <v>23</v>
      </c>
      <c r="D50187" s="14" t="s">
        <v>57</v>
      </c>
      <c r="E50187" s="15">
        <v>45558</v>
      </c>
      <c r="F50187" s="14" t="s">
        <v>53</v>
      </c>
      <c r="G50187" s="16">
        <v>2.517532223704019</v>
      </c>
    </row>
    <row r="50188" spans="1:7" x14ac:dyDescent="0.3">
      <c r="A50188" s="13" t="s">
        <v>282</v>
      </c>
      <c r="B50188" s="14" t="s">
        <v>1</v>
      </c>
      <c r="C50188" s="14" t="s">
        <v>23</v>
      </c>
      <c r="D50188" s="14" t="s">
        <v>57</v>
      </c>
      <c r="E50188" s="15">
        <v>45559</v>
      </c>
      <c r="F50188" s="14" t="s">
        <v>53</v>
      </c>
      <c r="G50188" s="16">
        <v>2.5618951891549293</v>
      </c>
    </row>
    <row r="50189" spans="1:7" x14ac:dyDescent="0.3">
      <c r="A50189" s="13" t="s">
        <v>282</v>
      </c>
      <c r="B50189" s="14" t="s">
        <v>1</v>
      </c>
      <c r="C50189" s="14" t="s">
        <v>23</v>
      </c>
      <c r="D50189" s="14" t="s">
        <v>57</v>
      </c>
      <c r="E50189" s="15">
        <v>45560</v>
      </c>
      <c r="F50189" s="14" t="s">
        <v>53</v>
      </c>
      <c r="G50189" s="16">
        <v>2.5945514287705413</v>
      </c>
    </row>
    <row r="50190" spans="1:7" x14ac:dyDescent="0.3">
      <c r="A50190" s="13" t="s">
        <v>282</v>
      </c>
      <c r="B50190" s="14" t="s">
        <v>1</v>
      </c>
      <c r="C50190" s="14" t="s">
        <v>23</v>
      </c>
      <c r="D50190" s="14" t="s">
        <v>57</v>
      </c>
      <c r="E50190" s="15">
        <v>45561</v>
      </c>
      <c r="F50190" s="14" t="s">
        <v>53</v>
      </c>
      <c r="G50190" s="16">
        <v>2.592290285963605</v>
      </c>
    </row>
    <row r="50191" spans="1:7" x14ac:dyDescent="0.3">
      <c r="A50191" s="13" t="s">
        <v>282</v>
      </c>
      <c r="B50191" s="14" t="s">
        <v>1</v>
      </c>
      <c r="C50191" s="14" t="s">
        <v>23</v>
      </c>
      <c r="D50191" s="14" t="s">
        <v>57</v>
      </c>
      <c r="E50191" s="15">
        <v>45562</v>
      </c>
      <c r="F50191" s="14" t="s">
        <v>53</v>
      </c>
      <c r="G50191" s="16">
        <v>2.6179785600200556</v>
      </c>
    </row>
    <row r="50192" spans="1:7" x14ac:dyDescent="0.3">
      <c r="A50192" s="13" t="s">
        <v>282</v>
      </c>
      <c r="B50192" s="14" t="s">
        <v>1</v>
      </c>
      <c r="C50192" s="14" t="s">
        <v>23</v>
      </c>
      <c r="D50192" s="14" t="s">
        <v>57</v>
      </c>
      <c r="E50192" s="15">
        <v>45563</v>
      </c>
      <c r="F50192" s="14" t="s">
        <v>53</v>
      </c>
      <c r="G50192" s="16">
        <v>2.6179785600200556</v>
      </c>
    </row>
    <row r="50193" spans="1:7" x14ac:dyDescent="0.3">
      <c r="A50193" s="13" t="s">
        <v>282</v>
      </c>
      <c r="B50193" s="14" t="s">
        <v>1</v>
      </c>
      <c r="C50193" s="14" t="s">
        <v>23</v>
      </c>
      <c r="D50193" s="14" t="s">
        <v>57</v>
      </c>
      <c r="E50193" s="15">
        <v>45564</v>
      </c>
      <c r="F50193" s="14" t="s">
        <v>53</v>
      </c>
      <c r="G50193" s="16">
        <v>2.6179785600200556</v>
      </c>
    </row>
    <row r="50194" spans="1:7" x14ac:dyDescent="0.3">
      <c r="A50194" s="13" t="s">
        <v>282</v>
      </c>
      <c r="B50194" s="14" t="s">
        <v>1</v>
      </c>
      <c r="C50194" s="14" t="s">
        <v>23</v>
      </c>
      <c r="D50194" s="14" t="s">
        <v>57</v>
      </c>
      <c r="E50194" s="15">
        <v>45565</v>
      </c>
      <c r="F50194" s="14" t="s">
        <v>53</v>
      </c>
      <c r="G50194" s="16">
        <v>2.6326485491504847</v>
      </c>
    </row>
    <row r="50195" spans="1:7" x14ac:dyDescent="0.3">
      <c r="A50195" s="13" t="s">
        <v>282</v>
      </c>
      <c r="B50195" s="14" t="s">
        <v>1</v>
      </c>
      <c r="C50195" s="14" t="s">
        <v>23</v>
      </c>
      <c r="D50195" s="14" t="s">
        <v>57</v>
      </c>
      <c r="E50195" s="15">
        <v>45566</v>
      </c>
      <c r="F50195" s="14" t="s">
        <v>53</v>
      </c>
      <c r="G50195" s="16">
        <v>2.6975696643061542</v>
      </c>
    </row>
    <row r="50196" spans="1:7" x14ac:dyDescent="0.3">
      <c r="A50196" s="13" t="s">
        <v>282</v>
      </c>
      <c r="B50196" s="14" t="s">
        <v>1</v>
      </c>
      <c r="C50196" s="14" t="s">
        <v>23</v>
      </c>
      <c r="D50196" s="14" t="s">
        <v>57</v>
      </c>
      <c r="E50196" s="15">
        <v>45567</v>
      </c>
      <c r="F50196" s="14" t="s">
        <v>53</v>
      </c>
      <c r="G50196" s="16">
        <v>2.7160701172723969</v>
      </c>
    </row>
    <row r="50197" spans="1:7" x14ac:dyDescent="0.3">
      <c r="A50197" s="13" t="s">
        <v>282</v>
      </c>
      <c r="B50197" s="14" t="s">
        <v>1</v>
      </c>
      <c r="C50197" s="14" t="s">
        <v>23</v>
      </c>
      <c r="D50197" s="14" t="s">
        <v>57</v>
      </c>
      <c r="E50197" s="15">
        <v>45568</v>
      </c>
      <c r="F50197" s="14" t="s">
        <v>53</v>
      </c>
      <c r="G50197" s="16">
        <v>2.7523251564827804</v>
      </c>
    </row>
    <row r="50198" spans="1:7" x14ac:dyDescent="0.3">
      <c r="A50198" s="13" t="s">
        <v>282</v>
      </c>
      <c r="B50198" s="14" t="s">
        <v>1</v>
      </c>
      <c r="C50198" s="14" t="s">
        <v>23</v>
      </c>
      <c r="D50198" s="14" t="s">
        <v>57</v>
      </c>
      <c r="E50198" s="15">
        <v>45569</v>
      </c>
      <c r="F50198" s="14" t="s">
        <v>53</v>
      </c>
      <c r="G50198" s="16">
        <v>2.7684669099815298</v>
      </c>
    </row>
    <row r="50199" spans="1:7" x14ac:dyDescent="0.3">
      <c r="A50199" s="13" t="s">
        <v>282</v>
      </c>
      <c r="B50199" s="14" t="s">
        <v>1</v>
      </c>
      <c r="C50199" s="14" t="s">
        <v>23</v>
      </c>
      <c r="D50199" s="14" t="s">
        <v>57</v>
      </c>
      <c r="E50199" s="15">
        <v>45570</v>
      </c>
      <c r="F50199" s="14" t="s">
        <v>53</v>
      </c>
      <c r="G50199" s="16">
        <v>2.7684669099815298</v>
      </c>
    </row>
    <row r="50200" spans="1:7" x14ac:dyDescent="0.3">
      <c r="A50200" s="13" t="s">
        <v>282</v>
      </c>
      <c r="B50200" s="14" t="s">
        <v>1</v>
      </c>
      <c r="C50200" s="14" t="s">
        <v>23</v>
      </c>
      <c r="D50200" s="14" t="s">
        <v>57</v>
      </c>
      <c r="E50200" s="15">
        <v>45571</v>
      </c>
      <c r="F50200" s="14" t="s">
        <v>53</v>
      </c>
      <c r="G50200" s="16">
        <v>2.7684669099815298</v>
      </c>
    </row>
    <row r="50201" spans="1:7" x14ac:dyDescent="0.3">
      <c r="A50201" s="13" t="s">
        <v>282</v>
      </c>
      <c r="B50201" s="14" t="s">
        <v>1</v>
      </c>
      <c r="C50201" s="14" t="s">
        <v>23</v>
      </c>
      <c r="D50201" s="14" t="s">
        <v>57</v>
      </c>
      <c r="E50201" s="15">
        <v>45572</v>
      </c>
      <c r="F50201" s="14" t="s">
        <v>53</v>
      </c>
      <c r="G50201" s="16">
        <v>2.8145930992673942</v>
      </c>
    </row>
    <row r="50202" spans="1:7" x14ac:dyDescent="0.3">
      <c r="A50202" s="13" t="s">
        <v>282</v>
      </c>
      <c r="B50202" s="14" t="s">
        <v>1</v>
      </c>
      <c r="C50202" s="14" t="s">
        <v>23</v>
      </c>
      <c r="D50202" s="14" t="s">
        <v>57</v>
      </c>
      <c r="E50202" s="15">
        <v>45573</v>
      </c>
      <c r="F50202" s="14" t="s">
        <v>53</v>
      </c>
      <c r="G50202" s="16">
        <v>2.8597541339652586</v>
      </c>
    </row>
    <row r="50203" spans="1:7" x14ac:dyDescent="0.3">
      <c r="A50203" s="13" t="s">
        <v>282</v>
      </c>
      <c r="B50203" s="14" t="s">
        <v>1</v>
      </c>
      <c r="C50203" s="14" t="s">
        <v>23</v>
      </c>
      <c r="D50203" s="14" t="s">
        <v>57</v>
      </c>
      <c r="E50203" s="15">
        <v>45574</v>
      </c>
      <c r="F50203" s="14" t="s">
        <v>53</v>
      </c>
      <c r="G50203" s="16">
        <v>2.8830324788979662</v>
      </c>
    </row>
    <row r="50204" spans="1:7" x14ac:dyDescent="0.3">
      <c r="A50204" s="13" t="s">
        <v>282</v>
      </c>
      <c r="B50204" s="14" t="s">
        <v>1</v>
      </c>
      <c r="C50204" s="14" t="s">
        <v>23</v>
      </c>
      <c r="D50204" s="14" t="s">
        <v>57</v>
      </c>
      <c r="E50204" s="15">
        <v>45575</v>
      </c>
      <c r="F50204" s="14" t="s">
        <v>53</v>
      </c>
      <c r="G50204" s="16">
        <v>2.9010973983381021</v>
      </c>
    </row>
    <row r="50205" spans="1:7" x14ac:dyDescent="0.3">
      <c r="A50205" s="13" t="s">
        <v>282</v>
      </c>
      <c r="B50205" s="14" t="s">
        <v>1</v>
      </c>
      <c r="C50205" s="14" t="s">
        <v>23</v>
      </c>
      <c r="D50205" s="14" t="s">
        <v>57</v>
      </c>
      <c r="E50205" s="15">
        <v>45576</v>
      </c>
      <c r="F50205" s="14" t="s">
        <v>53</v>
      </c>
      <c r="G50205" s="16">
        <v>2.9148318387604206</v>
      </c>
    </row>
    <row r="50206" spans="1:7" x14ac:dyDescent="0.3">
      <c r="A50206" s="13" t="s">
        <v>282</v>
      </c>
      <c r="B50206" s="14" t="s">
        <v>1</v>
      </c>
      <c r="C50206" s="14" t="s">
        <v>23</v>
      </c>
      <c r="D50206" s="14" t="s">
        <v>57</v>
      </c>
      <c r="E50206" s="15">
        <v>45577</v>
      </c>
      <c r="F50206" s="14" t="s">
        <v>53</v>
      </c>
      <c r="G50206" s="16">
        <v>2.9148318387604206</v>
      </c>
    </row>
    <row r="50207" spans="1:7" x14ac:dyDescent="0.3">
      <c r="A50207" s="13" t="s">
        <v>282</v>
      </c>
      <c r="B50207" s="14" t="s">
        <v>1</v>
      </c>
      <c r="C50207" s="14" t="s">
        <v>23</v>
      </c>
      <c r="D50207" s="14" t="s">
        <v>57</v>
      </c>
      <c r="E50207" s="15">
        <v>45578</v>
      </c>
      <c r="F50207" s="14" t="s">
        <v>53</v>
      </c>
      <c r="G50207" s="16">
        <v>2.9148318387604206</v>
      </c>
    </row>
    <row r="50208" spans="1:7" x14ac:dyDescent="0.3">
      <c r="A50208" s="13" t="s">
        <v>282</v>
      </c>
      <c r="B50208" s="14" t="s">
        <v>1</v>
      </c>
      <c r="C50208" s="14" t="s">
        <v>23</v>
      </c>
      <c r="D50208" s="14" t="s">
        <v>57</v>
      </c>
      <c r="E50208" s="15">
        <v>45579</v>
      </c>
      <c r="F50208" s="14" t="s">
        <v>53</v>
      </c>
      <c r="G50208" s="16">
        <v>2.9148318387604206</v>
      </c>
    </row>
    <row r="50209" spans="1:7" x14ac:dyDescent="0.3">
      <c r="A50209" s="13" t="s">
        <v>282</v>
      </c>
      <c r="B50209" s="14" t="s">
        <v>1</v>
      </c>
      <c r="C50209" s="14" t="s">
        <v>23</v>
      </c>
      <c r="D50209" s="14" t="s">
        <v>57</v>
      </c>
      <c r="E50209" s="15">
        <v>45580</v>
      </c>
      <c r="F50209" s="14" t="s">
        <v>53</v>
      </c>
      <c r="G50209" s="16">
        <v>2.9293620595949768</v>
      </c>
    </row>
    <row r="50210" spans="1:7" x14ac:dyDescent="0.3">
      <c r="A50210" s="13" t="s">
        <v>282</v>
      </c>
      <c r="B50210" s="14" t="s">
        <v>1</v>
      </c>
      <c r="C50210" s="14" t="s">
        <v>23</v>
      </c>
      <c r="D50210" s="14" t="s">
        <v>57</v>
      </c>
      <c r="E50210" s="15">
        <v>45581</v>
      </c>
      <c r="F50210" s="14" t="s">
        <v>53</v>
      </c>
      <c r="G50210" s="16">
        <v>3.0111584829552829</v>
      </c>
    </row>
    <row r="50211" spans="1:7" x14ac:dyDescent="0.3">
      <c r="A50211" s="13" t="s">
        <v>282</v>
      </c>
      <c r="B50211" s="14" t="s">
        <v>1</v>
      </c>
      <c r="C50211" s="14" t="s">
        <v>23</v>
      </c>
      <c r="D50211" s="14" t="s">
        <v>57</v>
      </c>
      <c r="E50211" s="15">
        <v>45582</v>
      </c>
      <c r="F50211" s="14" t="s">
        <v>53</v>
      </c>
      <c r="G50211" s="16">
        <v>3.0216251283131612</v>
      </c>
    </row>
    <row r="50212" spans="1:7" x14ac:dyDescent="0.3">
      <c r="A50212" s="13" t="s">
        <v>282</v>
      </c>
      <c r="B50212" s="14" t="s">
        <v>1</v>
      </c>
      <c r="C50212" s="14" t="s">
        <v>23</v>
      </c>
      <c r="D50212" s="14" t="s">
        <v>57</v>
      </c>
      <c r="E50212" s="15">
        <v>45583</v>
      </c>
      <c r="F50212" s="14" t="s">
        <v>53</v>
      </c>
      <c r="G50212" s="16">
        <v>3.0272561026515907</v>
      </c>
    </row>
    <row r="50213" spans="1:7" x14ac:dyDescent="0.3">
      <c r="A50213" s="13" t="s">
        <v>282</v>
      </c>
      <c r="B50213" s="14" t="s">
        <v>1</v>
      </c>
      <c r="C50213" s="14" t="s">
        <v>23</v>
      </c>
      <c r="D50213" s="14" t="s">
        <v>57</v>
      </c>
      <c r="E50213" s="15">
        <v>45584</v>
      </c>
      <c r="F50213" s="14" t="s">
        <v>53</v>
      </c>
      <c r="G50213" s="16">
        <v>3.0272561026515907</v>
      </c>
    </row>
    <row r="50214" spans="1:7" x14ac:dyDescent="0.3">
      <c r="A50214" s="13" t="s">
        <v>282</v>
      </c>
      <c r="B50214" s="14" t="s">
        <v>1</v>
      </c>
      <c r="C50214" s="14" t="s">
        <v>23</v>
      </c>
      <c r="D50214" s="14" t="s">
        <v>57</v>
      </c>
      <c r="E50214" s="15">
        <v>45585</v>
      </c>
      <c r="F50214" s="14" t="s">
        <v>53</v>
      </c>
      <c r="G50214" s="16">
        <v>3.0272561026515907</v>
      </c>
    </row>
    <row r="50215" spans="1:7" x14ac:dyDescent="0.3">
      <c r="A50215" s="13" t="s">
        <v>282</v>
      </c>
      <c r="B50215" s="14" t="s">
        <v>1</v>
      </c>
      <c r="C50215" s="14" t="s">
        <v>23</v>
      </c>
      <c r="D50215" s="14" t="s">
        <v>57</v>
      </c>
      <c r="E50215" s="15">
        <v>45586</v>
      </c>
      <c r="F50215" s="14" t="s">
        <v>53</v>
      </c>
      <c r="G50215" s="16">
        <v>3.058045340910247</v>
      </c>
    </row>
    <row r="50216" spans="1:7" x14ac:dyDescent="0.3">
      <c r="A50216" s="13" t="s">
        <v>282</v>
      </c>
      <c r="B50216" s="14" t="s">
        <v>1</v>
      </c>
      <c r="C50216" s="14" t="s">
        <v>23</v>
      </c>
      <c r="D50216" s="14" t="s">
        <v>57</v>
      </c>
      <c r="E50216" s="15">
        <v>45587</v>
      </c>
      <c r="F50216" s="14" t="s">
        <v>53</v>
      </c>
      <c r="G50216" s="16">
        <v>3.1050670796510049</v>
      </c>
    </row>
    <row r="50217" spans="1:7" x14ac:dyDescent="0.3">
      <c r="A50217" s="13" t="s">
        <v>282</v>
      </c>
      <c r="B50217" s="14" t="s">
        <v>1</v>
      </c>
      <c r="C50217" s="14" t="s">
        <v>23</v>
      </c>
      <c r="D50217" s="14" t="s">
        <v>57</v>
      </c>
      <c r="E50217" s="15">
        <v>45588</v>
      </c>
      <c r="F50217" s="14" t="s">
        <v>53</v>
      </c>
      <c r="G50217" s="16">
        <v>3.1356390232051057</v>
      </c>
    </row>
    <row r="50218" spans="1:7" x14ac:dyDescent="0.3">
      <c r="A50218" s="13" t="s">
        <v>282</v>
      </c>
      <c r="B50218" s="14" t="s">
        <v>1</v>
      </c>
      <c r="C50218" s="14" t="s">
        <v>23</v>
      </c>
      <c r="D50218" s="14" t="s">
        <v>57</v>
      </c>
      <c r="E50218" s="15">
        <v>45589</v>
      </c>
      <c r="F50218" s="14" t="s">
        <v>53</v>
      </c>
      <c r="G50218" s="16">
        <v>3.1379151562357706</v>
      </c>
    </row>
    <row r="50219" spans="1:7" x14ac:dyDescent="0.3">
      <c r="A50219" s="13" t="s">
        <v>282</v>
      </c>
      <c r="B50219" s="14" t="s">
        <v>1</v>
      </c>
      <c r="C50219" s="14" t="s">
        <v>23</v>
      </c>
      <c r="D50219" s="14" t="s">
        <v>57</v>
      </c>
      <c r="E50219" s="15">
        <v>45590</v>
      </c>
      <c r="F50219" s="14" t="s">
        <v>53</v>
      </c>
      <c r="G50219" s="16">
        <v>3.155670761408595</v>
      </c>
    </row>
    <row r="50220" spans="1:7" x14ac:dyDescent="0.3">
      <c r="A50220" s="13" t="s">
        <v>282</v>
      </c>
      <c r="B50220" s="14" t="s">
        <v>1</v>
      </c>
      <c r="C50220" s="14" t="s">
        <v>23</v>
      </c>
      <c r="D50220" s="14" t="s">
        <v>57</v>
      </c>
      <c r="E50220" s="15">
        <v>45591</v>
      </c>
      <c r="F50220" s="14" t="s">
        <v>53</v>
      </c>
      <c r="G50220" s="16">
        <v>3.155670761408595</v>
      </c>
    </row>
    <row r="50221" spans="1:7" x14ac:dyDescent="0.3">
      <c r="A50221" s="13" t="s">
        <v>282</v>
      </c>
      <c r="B50221" s="14" t="s">
        <v>1</v>
      </c>
      <c r="C50221" s="14" t="s">
        <v>23</v>
      </c>
      <c r="D50221" s="14" t="s">
        <v>57</v>
      </c>
      <c r="E50221" s="15">
        <v>45592</v>
      </c>
      <c r="F50221" s="14" t="s">
        <v>53</v>
      </c>
      <c r="G50221" s="16">
        <v>3.155670761408595</v>
      </c>
    </row>
    <row r="50222" spans="1:7" x14ac:dyDescent="0.3">
      <c r="A50222" s="13" t="s">
        <v>282</v>
      </c>
      <c r="B50222" s="14" t="s">
        <v>1</v>
      </c>
      <c r="C50222" s="14" t="s">
        <v>23</v>
      </c>
      <c r="D50222" s="14" t="s">
        <v>57</v>
      </c>
      <c r="E50222" s="15">
        <v>45593</v>
      </c>
      <c r="F50222" s="14" t="s">
        <v>53</v>
      </c>
      <c r="G50222" s="16">
        <v>3.155670761408595</v>
      </c>
    </row>
    <row r="50223" spans="1:7" x14ac:dyDescent="0.3">
      <c r="A50223" s="13" t="s">
        <v>282</v>
      </c>
      <c r="B50223" s="14" t="s">
        <v>1</v>
      </c>
      <c r="C50223" s="14" t="s">
        <v>23</v>
      </c>
      <c r="D50223" s="14" t="s">
        <v>57</v>
      </c>
      <c r="E50223" s="15">
        <v>45594</v>
      </c>
      <c r="F50223" s="14" t="s">
        <v>53</v>
      </c>
      <c r="G50223" s="16">
        <v>3.1614705148458948</v>
      </c>
    </row>
    <row r="50224" spans="1:7" x14ac:dyDescent="0.3">
      <c r="A50224" s="13" t="s">
        <v>282</v>
      </c>
      <c r="B50224" s="14" t="s">
        <v>1</v>
      </c>
      <c r="C50224" s="14" t="s">
        <v>23</v>
      </c>
      <c r="D50224" s="14" t="s">
        <v>57</v>
      </c>
      <c r="E50224" s="15">
        <v>45595</v>
      </c>
      <c r="F50224" s="14" t="s">
        <v>53</v>
      </c>
      <c r="G50224" s="16">
        <v>3.2343295872308113</v>
      </c>
    </row>
    <row r="50225" spans="1:7" x14ac:dyDescent="0.3">
      <c r="A50225" s="13" t="s">
        <v>282</v>
      </c>
      <c r="B50225" s="14" t="s">
        <v>1</v>
      </c>
      <c r="C50225" s="14" t="s">
        <v>23</v>
      </c>
      <c r="D50225" s="14" t="s">
        <v>57</v>
      </c>
      <c r="E50225" s="15">
        <v>45596</v>
      </c>
      <c r="F50225" s="14" t="s">
        <v>53</v>
      </c>
      <c r="G50225" s="16">
        <v>3.2535025389976324</v>
      </c>
    </row>
    <row r="50226" spans="1:7" x14ac:dyDescent="0.3">
      <c r="A50226" s="13" t="s">
        <v>282</v>
      </c>
      <c r="B50226" s="14" t="s">
        <v>1</v>
      </c>
      <c r="C50226" s="14" t="s">
        <v>23</v>
      </c>
      <c r="D50226" s="14" t="s">
        <v>57</v>
      </c>
      <c r="E50226" s="15">
        <v>45597</v>
      </c>
      <c r="F50226" s="14" t="s">
        <v>53</v>
      </c>
      <c r="G50226" s="16">
        <v>3.2610476260616199</v>
      </c>
    </row>
    <row r="50227" spans="1:7" x14ac:dyDescent="0.3">
      <c r="A50227" s="13" t="s">
        <v>282</v>
      </c>
      <c r="B50227" s="14" t="s">
        <v>1</v>
      </c>
      <c r="C50227" s="14" t="s">
        <v>23</v>
      </c>
      <c r="D50227" s="14" t="s">
        <v>57</v>
      </c>
      <c r="E50227" s="15">
        <v>45598</v>
      </c>
      <c r="F50227" s="14" t="s">
        <v>53</v>
      </c>
      <c r="G50227" s="16">
        <v>3.2610476260616199</v>
      </c>
    </row>
    <row r="50228" spans="1:7" x14ac:dyDescent="0.3">
      <c r="A50228" s="13" t="s">
        <v>282</v>
      </c>
      <c r="B50228" s="14" t="s">
        <v>1</v>
      </c>
      <c r="C50228" s="14" t="s">
        <v>23</v>
      </c>
      <c r="D50228" s="14" t="s">
        <v>57</v>
      </c>
      <c r="E50228" s="15">
        <v>45599</v>
      </c>
      <c r="F50228" s="14" t="s">
        <v>53</v>
      </c>
      <c r="G50228" s="16">
        <v>3.2610476260616199</v>
      </c>
    </row>
    <row r="50229" spans="1:7" x14ac:dyDescent="0.3">
      <c r="A50229" s="13" t="s">
        <v>282</v>
      </c>
      <c r="B50229" s="14" t="s">
        <v>1</v>
      </c>
      <c r="C50229" s="14" t="s">
        <v>23</v>
      </c>
      <c r="D50229" s="14" t="s">
        <v>57</v>
      </c>
      <c r="E50229" s="15">
        <v>45600</v>
      </c>
      <c r="F50229" s="14" t="s">
        <v>53</v>
      </c>
      <c r="G50229" s="16">
        <v>3.2600023970204082</v>
      </c>
    </row>
    <row r="50230" spans="1:7" x14ac:dyDescent="0.3">
      <c r="A50230" s="13" t="s">
        <v>282</v>
      </c>
      <c r="B50230" s="14" t="s">
        <v>1</v>
      </c>
      <c r="C50230" s="14" t="s">
        <v>23</v>
      </c>
      <c r="D50230" s="14" t="s">
        <v>57</v>
      </c>
      <c r="E50230" s="15">
        <v>45601</v>
      </c>
      <c r="F50230" s="14" t="s">
        <v>53</v>
      </c>
      <c r="G50230" s="16">
        <v>3.2850675949965642</v>
      </c>
    </row>
    <row r="50231" spans="1:7" x14ac:dyDescent="0.3">
      <c r="A50231" s="13" t="s">
        <v>282</v>
      </c>
      <c r="B50231" s="14" t="s">
        <v>1</v>
      </c>
      <c r="C50231" s="14" t="s">
        <v>23</v>
      </c>
      <c r="D50231" s="14" t="s">
        <v>57</v>
      </c>
      <c r="E50231" s="15">
        <v>45602</v>
      </c>
      <c r="F50231" s="14" t="s">
        <v>53</v>
      </c>
      <c r="G50231" s="16">
        <v>3.3421422027446703</v>
      </c>
    </row>
    <row r="50232" spans="1:7" x14ac:dyDescent="0.3">
      <c r="A50232" s="13" t="s">
        <v>282</v>
      </c>
      <c r="B50232" s="14" t="s">
        <v>1</v>
      </c>
      <c r="C50232" s="14" t="s">
        <v>23</v>
      </c>
      <c r="D50232" s="14" t="s">
        <v>57</v>
      </c>
      <c r="E50232" s="15">
        <v>45603</v>
      </c>
      <c r="F50232" s="14" t="s">
        <v>53</v>
      </c>
      <c r="G50232" s="16">
        <v>3.3315239555109746</v>
      </c>
    </row>
    <row r="50233" spans="1:7" x14ac:dyDescent="0.3">
      <c r="A50233" s="13" t="s">
        <v>282</v>
      </c>
      <c r="B50233" s="14" t="s">
        <v>1</v>
      </c>
      <c r="C50233" s="14" t="s">
        <v>23</v>
      </c>
      <c r="D50233" s="14" t="s">
        <v>57</v>
      </c>
      <c r="E50233" s="15">
        <v>45604</v>
      </c>
      <c r="F50233" s="14" t="s">
        <v>53</v>
      </c>
      <c r="G50233" s="16">
        <v>3.3634367347439738</v>
      </c>
    </row>
    <row r="50234" spans="1:7" x14ac:dyDescent="0.3">
      <c r="A50234" s="13" t="s">
        <v>282</v>
      </c>
      <c r="B50234" s="14" t="s">
        <v>1</v>
      </c>
      <c r="C50234" s="14" t="s">
        <v>23</v>
      </c>
      <c r="D50234" s="14" t="s">
        <v>57</v>
      </c>
      <c r="E50234" s="15">
        <v>45605</v>
      </c>
      <c r="F50234" s="14" t="s">
        <v>53</v>
      </c>
      <c r="G50234" s="16">
        <v>3.3634367347439738</v>
      </c>
    </row>
    <row r="50235" spans="1:7" x14ac:dyDescent="0.3">
      <c r="A50235" s="13" t="s">
        <v>282</v>
      </c>
      <c r="B50235" s="14" t="s">
        <v>1</v>
      </c>
      <c r="C50235" s="14" t="s">
        <v>23</v>
      </c>
      <c r="D50235" s="14" t="s">
        <v>57</v>
      </c>
      <c r="E50235" s="15">
        <v>45606</v>
      </c>
      <c r="F50235" s="14" t="s">
        <v>53</v>
      </c>
      <c r="G50235" s="16">
        <v>3.3634367347439738</v>
      </c>
    </row>
    <row r="50236" spans="1:7" x14ac:dyDescent="0.3">
      <c r="A50236" s="13" t="s">
        <v>282</v>
      </c>
      <c r="B50236" s="14" t="s">
        <v>1</v>
      </c>
      <c r="C50236" s="14" t="s">
        <v>23</v>
      </c>
      <c r="D50236" s="14" t="s">
        <v>57</v>
      </c>
      <c r="E50236" s="15">
        <v>45607</v>
      </c>
      <c r="F50236" s="14" t="s">
        <v>53</v>
      </c>
      <c r="G50236" s="16">
        <v>3.3634367347439738</v>
      </c>
    </row>
    <row r="50237" spans="1:7" x14ac:dyDescent="0.3">
      <c r="A50237" s="13" t="s">
        <v>282</v>
      </c>
      <c r="B50237" s="14" t="s">
        <v>1</v>
      </c>
      <c r="C50237" s="14" t="s">
        <v>23</v>
      </c>
      <c r="D50237" s="14" t="s">
        <v>57</v>
      </c>
      <c r="E50237" s="15">
        <v>45608</v>
      </c>
      <c r="F50237" s="14" t="s">
        <v>53</v>
      </c>
      <c r="G50237" s="16">
        <v>3.4251036412263804</v>
      </c>
    </row>
    <row r="50238" spans="1:7" x14ac:dyDescent="0.3">
      <c r="A50238" s="13" t="s">
        <v>282</v>
      </c>
      <c r="B50238" s="14" t="s">
        <v>1</v>
      </c>
      <c r="C50238" s="14" t="s">
        <v>23</v>
      </c>
      <c r="D50238" s="14" t="s">
        <v>57</v>
      </c>
      <c r="E50238" s="15">
        <v>45609</v>
      </c>
      <c r="F50238" s="14" t="s">
        <v>53</v>
      </c>
      <c r="G50238" s="16">
        <v>3.5100758221994717</v>
      </c>
    </row>
    <row r="50239" spans="1:7" x14ac:dyDescent="0.3">
      <c r="A50239" s="13" t="s">
        <v>282</v>
      </c>
      <c r="B50239" s="14" t="s">
        <v>1</v>
      </c>
      <c r="C50239" s="14" t="s">
        <v>23</v>
      </c>
      <c r="D50239" s="14" t="s">
        <v>57</v>
      </c>
      <c r="E50239" s="15">
        <v>45610</v>
      </c>
      <c r="F50239" s="14" t="s">
        <v>53</v>
      </c>
      <c r="G50239" s="16">
        <v>3.5376864471863936</v>
      </c>
    </row>
    <row r="50240" spans="1:7" x14ac:dyDescent="0.3">
      <c r="A50240" s="13" t="s">
        <v>282</v>
      </c>
      <c r="B50240" s="14" t="s">
        <v>1</v>
      </c>
      <c r="C50240" s="14" t="s">
        <v>23</v>
      </c>
      <c r="D50240" s="14" t="s">
        <v>57</v>
      </c>
      <c r="E50240" s="15">
        <v>45611</v>
      </c>
      <c r="F50240" s="14" t="s">
        <v>53</v>
      </c>
      <c r="G50240" s="16">
        <v>3.5649282634187087</v>
      </c>
    </row>
    <row r="50241" spans="1:7" x14ac:dyDescent="0.3">
      <c r="A50241" s="13" t="s">
        <v>282</v>
      </c>
      <c r="B50241" s="14" t="s">
        <v>1</v>
      </c>
      <c r="C50241" s="14" t="s">
        <v>23</v>
      </c>
      <c r="D50241" s="14" t="s">
        <v>57</v>
      </c>
      <c r="E50241" s="15">
        <v>45612</v>
      </c>
      <c r="F50241" s="14" t="s">
        <v>53</v>
      </c>
      <c r="G50241" s="16">
        <v>3.5649282634187087</v>
      </c>
    </row>
    <row r="50242" spans="1:7" x14ac:dyDescent="0.3">
      <c r="A50242" s="13" t="s">
        <v>282</v>
      </c>
      <c r="B50242" s="14" t="s">
        <v>1</v>
      </c>
      <c r="C50242" s="14" t="s">
        <v>23</v>
      </c>
      <c r="D50242" s="14" t="s">
        <v>57</v>
      </c>
      <c r="E50242" s="15">
        <v>45613</v>
      </c>
      <c r="F50242" s="14" t="s">
        <v>53</v>
      </c>
      <c r="G50242" s="16">
        <v>3.5649282634187087</v>
      </c>
    </row>
    <row r="50243" spans="1:7" x14ac:dyDescent="0.3">
      <c r="A50243" s="13" t="s">
        <v>282</v>
      </c>
      <c r="B50243" s="14" t="s">
        <v>1</v>
      </c>
      <c r="C50243" s="14" t="s">
        <v>23</v>
      </c>
      <c r="D50243" s="14" t="s">
        <v>57</v>
      </c>
      <c r="E50243" s="15">
        <v>45614</v>
      </c>
      <c r="F50243" s="14" t="s">
        <v>53</v>
      </c>
      <c r="G50243" s="16">
        <v>3.5633449776939732</v>
      </c>
    </row>
    <row r="50244" spans="1:7" x14ac:dyDescent="0.3">
      <c r="A50244" s="13" t="s">
        <v>282</v>
      </c>
      <c r="B50244" s="14" t="s">
        <v>1</v>
      </c>
      <c r="C50244" s="14" t="s">
        <v>23</v>
      </c>
      <c r="D50244" s="14" t="s">
        <v>57</v>
      </c>
      <c r="E50244" s="15">
        <v>45615</v>
      </c>
      <c r="F50244" s="14" t="s">
        <v>53</v>
      </c>
      <c r="G50244" s="16">
        <v>3.6075678726180187</v>
      </c>
    </row>
    <row r="50245" spans="1:7" x14ac:dyDescent="0.3">
      <c r="A50245" s="13" t="s">
        <v>282</v>
      </c>
      <c r="B50245" s="14" t="s">
        <v>1</v>
      </c>
      <c r="C50245" s="14" t="s">
        <v>23</v>
      </c>
      <c r="D50245" s="14" t="s">
        <v>57</v>
      </c>
      <c r="E50245" s="15">
        <v>45616</v>
      </c>
      <c r="F50245" s="14" t="s">
        <v>53</v>
      </c>
      <c r="G50245" s="16">
        <v>3.63102860686045</v>
      </c>
    </row>
    <row r="50246" spans="1:7" x14ac:dyDescent="0.3">
      <c r="A50246" s="13" t="s">
        <v>282</v>
      </c>
      <c r="B50246" s="14" t="s">
        <v>1</v>
      </c>
      <c r="C50246" s="14" t="s">
        <v>23</v>
      </c>
      <c r="D50246" s="14" t="s">
        <v>57</v>
      </c>
      <c r="E50246" s="15">
        <v>45617</v>
      </c>
      <c r="F50246" s="14" t="s">
        <v>53</v>
      </c>
      <c r="G50246" s="16">
        <v>3.6645593246304267</v>
      </c>
    </row>
    <row r="50247" spans="1:7" x14ac:dyDescent="0.3">
      <c r="A50247" s="13" t="s">
        <v>282</v>
      </c>
      <c r="B50247" s="14" t="s">
        <v>1</v>
      </c>
      <c r="C50247" s="14" t="s">
        <v>23</v>
      </c>
      <c r="D50247" s="14" t="s">
        <v>57</v>
      </c>
      <c r="E50247" s="15">
        <v>45618</v>
      </c>
      <c r="F50247" s="14" t="s">
        <v>53</v>
      </c>
      <c r="G50247" s="16">
        <v>3.6965051267922417</v>
      </c>
    </row>
    <row r="50248" spans="1:7" x14ac:dyDescent="0.3">
      <c r="A50248" s="13" t="s">
        <v>282</v>
      </c>
      <c r="B50248" s="14" t="s">
        <v>1</v>
      </c>
      <c r="C50248" s="14" t="s">
        <v>23</v>
      </c>
      <c r="D50248" s="14" t="s">
        <v>57</v>
      </c>
      <c r="E50248" s="15">
        <v>45619</v>
      </c>
      <c r="F50248" s="14" t="s">
        <v>53</v>
      </c>
      <c r="G50248" s="16">
        <v>3.6965051267922417</v>
      </c>
    </row>
    <row r="50249" spans="1:7" x14ac:dyDescent="0.3">
      <c r="A50249" s="13" t="s">
        <v>282</v>
      </c>
      <c r="B50249" s="14" t="s">
        <v>1</v>
      </c>
      <c r="C50249" s="14" t="s">
        <v>23</v>
      </c>
      <c r="D50249" s="14" t="s">
        <v>57</v>
      </c>
      <c r="E50249" s="15">
        <v>45620</v>
      </c>
      <c r="F50249" s="14" t="s">
        <v>53</v>
      </c>
      <c r="G50249" s="16">
        <v>3.6965051267922417</v>
      </c>
    </row>
    <row r="50250" spans="1:7" x14ac:dyDescent="0.3">
      <c r="A50250" s="13" t="s">
        <v>282</v>
      </c>
      <c r="B50250" s="14" t="s">
        <v>1</v>
      </c>
      <c r="C50250" s="14" t="s">
        <v>23</v>
      </c>
      <c r="D50250" s="14" t="s">
        <v>57</v>
      </c>
      <c r="E50250" s="15">
        <v>45621</v>
      </c>
      <c r="F50250" s="14" t="s">
        <v>53</v>
      </c>
      <c r="G50250" s="16">
        <v>3.7003482259773843</v>
      </c>
    </row>
    <row r="50251" spans="1:7" x14ac:dyDescent="0.3">
      <c r="A50251" s="13" t="s">
        <v>282</v>
      </c>
      <c r="B50251" s="14" t="s">
        <v>1</v>
      </c>
      <c r="C50251" s="14" t="s">
        <v>23</v>
      </c>
      <c r="D50251" s="14" t="s">
        <v>57</v>
      </c>
      <c r="E50251" s="15">
        <v>45622</v>
      </c>
      <c r="F50251" s="14" t="s">
        <v>53</v>
      </c>
      <c r="G50251" s="16">
        <v>3.7458948489940807</v>
      </c>
    </row>
    <row r="50252" spans="1:7" x14ac:dyDescent="0.3">
      <c r="A50252" s="13" t="s">
        <v>282</v>
      </c>
      <c r="B50252" s="14" t="s">
        <v>1</v>
      </c>
      <c r="C50252" s="14" t="s">
        <v>23</v>
      </c>
      <c r="D50252" s="14" t="s">
        <v>57</v>
      </c>
      <c r="E50252" s="15">
        <v>45623</v>
      </c>
      <c r="F50252" s="14" t="s">
        <v>53</v>
      </c>
      <c r="G50252" s="16">
        <v>3.7281145311916428</v>
      </c>
    </row>
    <row r="50253" spans="1:7" x14ac:dyDescent="0.3">
      <c r="A50253" s="13" t="s">
        <v>282</v>
      </c>
      <c r="B50253" s="14" t="s">
        <v>1</v>
      </c>
      <c r="C50253" s="14" t="s">
        <v>23</v>
      </c>
      <c r="D50253" s="14" t="s">
        <v>57</v>
      </c>
      <c r="E50253" s="15">
        <v>45624</v>
      </c>
      <c r="F50253" s="14" t="s">
        <v>53</v>
      </c>
      <c r="G50253" s="16">
        <v>3.7281145311916428</v>
      </c>
    </row>
    <row r="50254" spans="1:7" x14ac:dyDescent="0.3">
      <c r="A50254" s="13" t="s">
        <v>282</v>
      </c>
      <c r="B50254" s="14" t="s">
        <v>1</v>
      </c>
      <c r="C50254" s="14" t="s">
        <v>23</v>
      </c>
      <c r="D50254" s="14" t="s">
        <v>57</v>
      </c>
      <c r="E50254" s="15">
        <v>45625</v>
      </c>
      <c r="F50254" s="14" t="s">
        <v>53</v>
      </c>
      <c r="G50254" s="16">
        <v>3.7301391431775328</v>
      </c>
    </row>
    <row r="50255" spans="1:7" x14ac:dyDescent="0.3">
      <c r="A50255" s="13" t="s">
        <v>282</v>
      </c>
      <c r="B50255" s="14" t="s">
        <v>1</v>
      </c>
      <c r="C50255" s="14" t="s">
        <v>23</v>
      </c>
      <c r="D50255" s="14" t="s">
        <v>57</v>
      </c>
      <c r="E50255" s="15">
        <v>45626</v>
      </c>
      <c r="F50255" s="14" t="s">
        <v>53</v>
      </c>
      <c r="G50255" s="16">
        <v>3.7301391431775328</v>
      </c>
    </row>
    <row r="50256" spans="1:7" x14ac:dyDescent="0.3">
      <c r="A50256" s="13" t="s">
        <v>282</v>
      </c>
      <c r="B50256" s="14" t="s">
        <v>1</v>
      </c>
      <c r="C50256" s="14" t="s">
        <v>23</v>
      </c>
      <c r="D50256" s="14" t="s">
        <v>57</v>
      </c>
      <c r="E50256" s="15">
        <v>45627</v>
      </c>
      <c r="F50256" s="14" t="s">
        <v>53</v>
      </c>
      <c r="G50256" s="16">
        <v>3.7301391431775328</v>
      </c>
    </row>
    <row r="50257" spans="1:7" x14ac:dyDescent="0.3">
      <c r="A50257" s="13" t="s">
        <v>282</v>
      </c>
      <c r="B50257" s="14" t="s">
        <v>1</v>
      </c>
      <c r="C50257" s="14" t="s">
        <v>23</v>
      </c>
      <c r="D50257" s="14" t="s">
        <v>57</v>
      </c>
      <c r="E50257" s="15">
        <v>45628</v>
      </c>
      <c r="F50257" s="14" t="s">
        <v>53</v>
      </c>
      <c r="G50257" s="16">
        <v>3.7847187100409805</v>
      </c>
    </row>
    <row r="50258" spans="1:7" x14ac:dyDescent="0.3">
      <c r="A50258" s="13" t="s">
        <v>282</v>
      </c>
      <c r="B50258" s="14" t="s">
        <v>1</v>
      </c>
      <c r="C50258" s="14" t="s">
        <v>23</v>
      </c>
      <c r="D50258" s="14" t="s">
        <v>57</v>
      </c>
      <c r="E50258" s="15">
        <v>45629</v>
      </c>
      <c r="F50258" s="14" t="s">
        <v>53</v>
      </c>
      <c r="G50258" s="16">
        <v>3.8123585533489366</v>
      </c>
    </row>
    <row r="50259" spans="1:7" x14ac:dyDescent="0.3">
      <c r="A50259" s="13" t="s">
        <v>282</v>
      </c>
      <c r="B50259" s="14" t="s">
        <v>1</v>
      </c>
      <c r="C50259" s="14" t="s">
        <v>23</v>
      </c>
      <c r="D50259" s="14" t="s">
        <v>57</v>
      </c>
      <c r="E50259" s="15">
        <v>45630</v>
      </c>
      <c r="F50259" s="14" t="s">
        <v>53</v>
      </c>
      <c r="G50259" s="16">
        <v>3.8165958757000347</v>
      </c>
    </row>
    <row r="50260" spans="1:7" x14ac:dyDescent="0.3">
      <c r="A50260" s="13" t="s">
        <v>282</v>
      </c>
      <c r="B50260" s="14" t="s">
        <v>1</v>
      </c>
      <c r="C50260" s="14" t="s">
        <v>23</v>
      </c>
      <c r="D50260" s="14" t="s">
        <v>57</v>
      </c>
      <c r="E50260" s="15">
        <v>45631</v>
      </c>
      <c r="F50260" s="14" t="s">
        <v>53</v>
      </c>
      <c r="G50260" s="16">
        <v>3.8155393621460738</v>
      </c>
    </row>
    <row r="50261" spans="1:7" x14ac:dyDescent="0.3">
      <c r="A50261" s="13" t="s">
        <v>282</v>
      </c>
      <c r="B50261" s="14" t="s">
        <v>1</v>
      </c>
      <c r="C50261" s="14" t="s">
        <v>23</v>
      </c>
      <c r="D50261" s="14" t="s">
        <v>57</v>
      </c>
      <c r="E50261" s="15">
        <v>45632</v>
      </c>
      <c r="F50261" s="14" t="s">
        <v>53</v>
      </c>
      <c r="G50261" s="16">
        <v>3.8351384231195627</v>
      </c>
    </row>
    <row r="50262" spans="1:7" x14ac:dyDescent="0.3">
      <c r="A50262" s="13" t="s">
        <v>282</v>
      </c>
      <c r="B50262" s="14" t="s">
        <v>1</v>
      </c>
      <c r="C50262" s="14" t="s">
        <v>23</v>
      </c>
      <c r="D50262" s="14" t="s">
        <v>57</v>
      </c>
      <c r="E50262" s="15">
        <v>45633</v>
      </c>
      <c r="F50262" s="14" t="s">
        <v>53</v>
      </c>
      <c r="G50262" s="16">
        <v>3.8351384231195627</v>
      </c>
    </row>
    <row r="50263" spans="1:7" x14ac:dyDescent="0.3">
      <c r="A50263" s="13" t="s">
        <v>282</v>
      </c>
      <c r="B50263" s="14" t="s">
        <v>1</v>
      </c>
      <c r="C50263" s="14" t="s">
        <v>23</v>
      </c>
      <c r="D50263" s="14" t="s">
        <v>57</v>
      </c>
      <c r="E50263" s="15">
        <v>45634</v>
      </c>
      <c r="F50263" s="14" t="s">
        <v>53</v>
      </c>
      <c r="G50263" s="16">
        <v>3.8351384231195627</v>
      </c>
    </row>
    <row r="50264" spans="1:7" x14ac:dyDescent="0.3">
      <c r="A50264" s="13" t="s">
        <v>282</v>
      </c>
      <c r="B50264" s="14" t="s">
        <v>1</v>
      </c>
      <c r="C50264" s="14" t="s">
        <v>23</v>
      </c>
      <c r="D50264" s="14" t="s">
        <v>57</v>
      </c>
      <c r="E50264" s="15">
        <v>45635</v>
      </c>
      <c r="F50264" s="14" t="s">
        <v>53</v>
      </c>
      <c r="G50264" s="16">
        <v>3.8554792933924649</v>
      </c>
    </row>
    <row r="50265" spans="1:7" x14ac:dyDescent="0.3">
      <c r="A50265" s="13" t="s">
        <v>282</v>
      </c>
      <c r="B50265" s="14" t="s">
        <v>1</v>
      </c>
      <c r="C50265" s="14" t="s">
        <v>23</v>
      </c>
      <c r="D50265" s="14" t="s">
        <v>57</v>
      </c>
      <c r="E50265" s="15">
        <v>45636</v>
      </c>
      <c r="F50265" s="14" t="s">
        <v>53</v>
      </c>
      <c r="G50265" s="16">
        <v>3.8939781641292206</v>
      </c>
    </row>
    <row r="50266" spans="1:7" x14ac:dyDescent="0.3">
      <c r="A50266" s="13" t="s">
        <v>282</v>
      </c>
      <c r="B50266" s="14" t="s">
        <v>1</v>
      </c>
      <c r="C50266" s="14" t="s">
        <v>23</v>
      </c>
      <c r="D50266" s="14" t="s">
        <v>57</v>
      </c>
      <c r="E50266" s="15">
        <v>45637</v>
      </c>
      <c r="F50266" s="14" t="s">
        <v>53</v>
      </c>
      <c r="G50266" s="16">
        <v>3.9155492100678768</v>
      </c>
    </row>
    <row r="50267" spans="1:7" x14ac:dyDescent="0.3">
      <c r="A50267" s="13" t="s">
        <v>282</v>
      </c>
      <c r="B50267" s="14" t="s">
        <v>1</v>
      </c>
      <c r="C50267" s="14" t="s">
        <v>23</v>
      </c>
      <c r="D50267" s="14" t="s">
        <v>57</v>
      </c>
      <c r="E50267" s="15">
        <v>45638</v>
      </c>
      <c r="F50267" s="14" t="s">
        <v>53</v>
      </c>
      <c r="G50267" s="16">
        <v>3.9533151736101306</v>
      </c>
    </row>
    <row r="50268" spans="1:7" x14ac:dyDescent="0.3">
      <c r="A50268" s="13" t="s">
        <v>282</v>
      </c>
      <c r="B50268" s="14" t="s">
        <v>1</v>
      </c>
      <c r="C50268" s="14" t="s">
        <v>23</v>
      </c>
      <c r="D50268" s="14" t="s">
        <v>57</v>
      </c>
      <c r="E50268" s="15">
        <v>45639</v>
      </c>
      <c r="F50268" s="14" t="s">
        <v>53</v>
      </c>
      <c r="G50268" s="16">
        <v>3.9864468586358641</v>
      </c>
    </row>
    <row r="50269" spans="1:7" x14ac:dyDescent="0.3">
      <c r="A50269" s="13" t="s">
        <v>282</v>
      </c>
      <c r="B50269" s="14" t="s">
        <v>1</v>
      </c>
      <c r="C50269" s="14" t="s">
        <v>23</v>
      </c>
      <c r="D50269" s="14" t="s">
        <v>57</v>
      </c>
      <c r="E50269" s="15">
        <v>45640</v>
      </c>
      <c r="F50269" s="14" t="s">
        <v>53</v>
      </c>
      <c r="G50269" s="16">
        <v>3.9864468586358641</v>
      </c>
    </row>
    <row r="50270" spans="1:7" x14ac:dyDescent="0.3">
      <c r="A50270" s="13" t="s">
        <v>282</v>
      </c>
      <c r="B50270" s="14" t="s">
        <v>1</v>
      </c>
      <c r="C50270" s="14" t="s">
        <v>23</v>
      </c>
      <c r="D50270" s="14" t="s">
        <v>57</v>
      </c>
      <c r="E50270" s="15">
        <v>45641</v>
      </c>
      <c r="F50270" s="14" t="s">
        <v>53</v>
      </c>
      <c r="G50270" s="16">
        <v>3.9864468586358641</v>
      </c>
    </row>
    <row r="50271" spans="1:7" x14ac:dyDescent="0.3">
      <c r="A50271" s="13" t="s">
        <v>282</v>
      </c>
      <c r="B50271" s="14" t="s">
        <v>1</v>
      </c>
      <c r="C50271" s="14" t="s">
        <v>23</v>
      </c>
      <c r="D50271" s="14" t="s">
        <v>57</v>
      </c>
      <c r="E50271" s="15">
        <v>45642</v>
      </c>
      <c r="F50271" s="14" t="s">
        <v>53</v>
      </c>
      <c r="G50271" s="16">
        <v>3.9825154241765386</v>
      </c>
    </row>
    <row r="50272" spans="1:7" x14ac:dyDescent="0.3">
      <c r="A50272" s="13" t="s">
        <v>282</v>
      </c>
      <c r="B50272" s="14" t="s">
        <v>1</v>
      </c>
      <c r="C50272" s="14" t="s">
        <v>23</v>
      </c>
      <c r="D50272" s="14" t="s">
        <v>57</v>
      </c>
      <c r="E50272" s="15">
        <v>45643</v>
      </c>
      <c r="F50272" s="14" t="s">
        <v>53</v>
      </c>
      <c r="G50272" s="16">
        <v>4.0181025016945862</v>
      </c>
    </row>
    <row r="50273" spans="1:7" x14ac:dyDescent="0.3">
      <c r="A50273" s="13" t="s">
        <v>282</v>
      </c>
      <c r="B50273" s="14" t="s">
        <v>1</v>
      </c>
      <c r="C50273" s="14" t="s">
        <v>23</v>
      </c>
      <c r="D50273" s="14" t="s">
        <v>57</v>
      </c>
      <c r="E50273" s="15">
        <v>45644</v>
      </c>
      <c r="F50273" s="14" t="s">
        <v>53</v>
      </c>
      <c r="G50273" s="16">
        <v>4.0775096279381557</v>
      </c>
    </row>
    <row r="50274" spans="1:7" x14ac:dyDescent="0.3">
      <c r="A50274" s="13" t="s">
        <v>282</v>
      </c>
      <c r="B50274" s="14" t="s">
        <v>1</v>
      </c>
      <c r="C50274" s="14" t="s">
        <v>23</v>
      </c>
      <c r="D50274" s="14" t="s">
        <v>57</v>
      </c>
      <c r="E50274" s="15">
        <v>45645</v>
      </c>
      <c r="F50274" s="14" t="s">
        <v>53</v>
      </c>
      <c r="G50274" s="16">
        <v>4.1144269154617579</v>
      </c>
    </row>
    <row r="50275" spans="1:7" x14ac:dyDescent="0.3">
      <c r="A50275" s="13" t="s">
        <v>282</v>
      </c>
      <c r="B50275" s="14" t="s">
        <v>1</v>
      </c>
      <c r="C50275" s="14" t="s">
        <v>23</v>
      </c>
      <c r="D50275" s="14" t="s">
        <v>57</v>
      </c>
      <c r="E50275" s="15">
        <v>45646</v>
      </c>
      <c r="F50275" s="14" t="s">
        <v>53</v>
      </c>
      <c r="G50275" s="16">
        <v>4.1074152257659913</v>
      </c>
    </row>
    <row r="50276" spans="1:7" x14ac:dyDescent="0.3">
      <c r="A50276" s="13" t="s">
        <v>282</v>
      </c>
      <c r="B50276" s="14" t="s">
        <v>1</v>
      </c>
      <c r="C50276" s="14" t="s">
        <v>23</v>
      </c>
      <c r="D50276" s="14" t="s">
        <v>57</v>
      </c>
      <c r="E50276" s="15">
        <v>45647</v>
      </c>
      <c r="F50276" s="14" t="s">
        <v>53</v>
      </c>
      <c r="G50276" s="16">
        <v>4.1074152257659913</v>
      </c>
    </row>
    <row r="50277" spans="1:7" x14ac:dyDescent="0.3">
      <c r="A50277" s="13" t="s">
        <v>282</v>
      </c>
      <c r="B50277" s="14" t="s">
        <v>1</v>
      </c>
      <c r="C50277" s="14" t="s">
        <v>23</v>
      </c>
      <c r="D50277" s="14" t="s">
        <v>57</v>
      </c>
      <c r="E50277" s="15">
        <v>45648</v>
      </c>
      <c r="F50277" s="14" t="s">
        <v>53</v>
      </c>
      <c r="G50277" s="16">
        <v>4.1074152257659913</v>
      </c>
    </row>
    <row r="50278" spans="1:7" x14ac:dyDescent="0.3">
      <c r="A50278" s="13" t="s">
        <v>282</v>
      </c>
      <c r="B50278" s="14" t="s">
        <v>1</v>
      </c>
      <c r="C50278" s="14" t="s">
        <v>23</v>
      </c>
      <c r="D50278" s="14" t="s">
        <v>57</v>
      </c>
      <c r="E50278" s="15">
        <v>45649</v>
      </c>
      <c r="F50278" s="14" t="s">
        <v>53</v>
      </c>
      <c r="G50278" s="16">
        <v>4.0962734110221177</v>
      </c>
    </row>
    <row r="50279" spans="1:7" x14ac:dyDescent="0.3">
      <c r="A50279" s="13" t="s">
        <v>282</v>
      </c>
      <c r="B50279" s="14" t="s">
        <v>1</v>
      </c>
      <c r="C50279" s="14" t="s">
        <v>23</v>
      </c>
      <c r="D50279" s="14" t="s">
        <v>57</v>
      </c>
      <c r="E50279" s="15">
        <v>45650</v>
      </c>
      <c r="F50279" s="14" t="s">
        <v>53</v>
      </c>
      <c r="G50279" s="16">
        <v>4.1325769527003828</v>
      </c>
    </row>
    <row r="50280" spans="1:7" x14ac:dyDescent="0.3">
      <c r="A50280" s="13" t="s">
        <v>282</v>
      </c>
      <c r="B50280" s="14" t="s">
        <v>1</v>
      </c>
      <c r="C50280" s="14" t="s">
        <v>23</v>
      </c>
      <c r="D50280" s="14" t="s">
        <v>57</v>
      </c>
      <c r="E50280" s="15">
        <v>45651</v>
      </c>
      <c r="F50280" s="14" t="s">
        <v>53</v>
      </c>
      <c r="G50280" s="16">
        <v>4.1325769527003828</v>
      </c>
    </row>
    <row r="50281" spans="1:7" x14ac:dyDescent="0.3">
      <c r="A50281" s="13" t="s">
        <v>282</v>
      </c>
      <c r="B50281" s="14" t="s">
        <v>1</v>
      </c>
      <c r="C50281" s="14" t="s">
        <v>23</v>
      </c>
      <c r="D50281" s="14" t="s">
        <v>57</v>
      </c>
      <c r="E50281" s="15">
        <v>45652</v>
      </c>
      <c r="F50281" s="14" t="s">
        <v>53</v>
      </c>
      <c r="G50281" s="16">
        <v>4.1325769527003828</v>
      </c>
    </row>
    <row r="50282" spans="1:7" x14ac:dyDescent="0.3">
      <c r="A50282" s="13" t="s">
        <v>282</v>
      </c>
      <c r="B50282" s="14" t="s">
        <v>1</v>
      </c>
      <c r="C50282" s="14" t="s">
        <v>23</v>
      </c>
      <c r="D50282" s="14" t="s">
        <v>57</v>
      </c>
      <c r="E50282" s="15">
        <v>45653</v>
      </c>
      <c r="F50282" s="14" t="s">
        <v>53</v>
      </c>
      <c r="G50282" s="16">
        <v>4.1325769527003828</v>
      </c>
    </row>
    <row r="50283" spans="1:7" x14ac:dyDescent="0.3">
      <c r="A50283" s="13" t="s">
        <v>282</v>
      </c>
      <c r="B50283" s="14" t="s">
        <v>1</v>
      </c>
      <c r="C50283" s="14" t="s">
        <v>23</v>
      </c>
      <c r="D50283" s="14" t="s">
        <v>57</v>
      </c>
      <c r="E50283" s="15">
        <v>45654</v>
      </c>
      <c r="F50283" s="14" t="s">
        <v>53</v>
      </c>
      <c r="G50283" s="16">
        <v>4.1325769527003828</v>
      </c>
    </row>
    <row r="50284" spans="1:7" x14ac:dyDescent="0.3">
      <c r="A50284" s="13" t="s">
        <v>282</v>
      </c>
      <c r="B50284" s="14" t="s">
        <v>1</v>
      </c>
      <c r="C50284" s="14" t="s">
        <v>23</v>
      </c>
      <c r="D50284" s="14" t="s">
        <v>57</v>
      </c>
      <c r="E50284" s="15">
        <v>45655</v>
      </c>
      <c r="F50284" s="14" t="s">
        <v>53</v>
      </c>
      <c r="G50284" s="16">
        <v>4.1325769527003828</v>
      </c>
    </row>
    <row r="50285" spans="1:7" x14ac:dyDescent="0.3">
      <c r="A50285" s="13" t="s">
        <v>282</v>
      </c>
      <c r="B50285" s="14" t="s">
        <v>1</v>
      </c>
      <c r="C50285" s="14" t="s">
        <v>23</v>
      </c>
      <c r="D50285" s="14" t="s">
        <v>57</v>
      </c>
      <c r="E50285" s="15">
        <v>45656</v>
      </c>
      <c r="F50285" s="14" t="s">
        <v>53</v>
      </c>
      <c r="G50285" s="16">
        <v>4.1469344560633878</v>
      </c>
    </row>
    <row r="50286" spans="1:7" x14ac:dyDescent="0.3">
      <c r="A50286" s="13" t="s">
        <v>282</v>
      </c>
      <c r="B50286" s="14" t="s">
        <v>1</v>
      </c>
      <c r="C50286" s="14" t="s">
        <v>23</v>
      </c>
      <c r="D50286" s="14" t="s">
        <v>57</v>
      </c>
      <c r="E50286" s="15">
        <v>45657</v>
      </c>
      <c r="F50286" s="14" t="s">
        <v>53</v>
      </c>
      <c r="G50286" s="16">
        <v>4.2551364505742555</v>
      </c>
    </row>
    <row r="50287" spans="1:7" x14ac:dyDescent="0.3">
      <c r="A50287" s="13" t="s">
        <v>282</v>
      </c>
      <c r="B50287" s="14" t="s">
        <v>1</v>
      </c>
      <c r="C50287" s="14" t="s">
        <v>23</v>
      </c>
      <c r="D50287" s="14" t="s">
        <v>57</v>
      </c>
      <c r="E50287" s="15">
        <v>45658</v>
      </c>
      <c r="F50287" s="14" t="s">
        <v>53</v>
      </c>
      <c r="G50287" s="16">
        <v>4.2551364505742555</v>
      </c>
    </row>
    <row r="50288" spans="1:7" x14ac:dyDescent="0.3">
      <c r="A50288" s="13" t="s">
        <v>282</v>
      </c>
      <c r="B50288" s="14" t="s">
        <v>1</v>
      </c>
      <c r="C50288" s="14" t="s">
        <v>23</v>
      </c>
      <c r="D50288" s="14" t="s">
        <v>57</v>
      </c>
      <c r="E50288" s="15">
        <v>45659</v>
      </c>
      <c r="F50288" s="14" t="s">
        <v>53</v>
      </c>
      <c r="G50288" s="16">
        <v>4.3156716000205044</v>
      </c>
    </row>
    <row r="50289" spans="1:7" x14ac:dyDescent="0.3">
      <c r="A50289" s="13" t="s">
        <v>282</v>
      </c>
      <c r="B50289" s="14" t="s">
        <v>1</v>
      </c>
      <c r="C50289" s="14" t="s">
        <v>23</v>
      </c>
      <c r="D50289" s="14" t="s">
        <v>57</v>
      </c>
      <c r="E50289" s="15">
        <v>45660</v>
      </c>
      <c r="F50289" s="14" t="s">
        <v>53</v>
      </c>
      <c r="G50289" s="16">
        <v>4.322586673113558</v>
      </c>
    </row>
    <row r="50290" spans="1:7" x14ac:dyDescent="0.3">
      <c r="A50290" s="13" t="s">
        <v>282</v>
      </c>
      <c r="B50290" s="14" t="s">
        <v>1</v>
      </c>
      <c r="C50290" s="14" t="s">
        <v>23</v>
      </c>
      <c r="D50290" s="14" t="s">
        <v>57</v>
      </c>
      <c r="E50290" s="15">
        <v>45661</v>
      </c>
      <c r="F50290" s="14" t="s">
        <v>53</v>
      </c>
      <c r="G50290" s="16">
        <v>4.322586673113558</v>
      </c>
    </row>
    <row r="50291" spans="1:7" x14ac:dyDescent="0.3">
      <c r="A50291" s="13" t="s">
        <v>282</v>
      </c>
      <c r="B50291" s="14" t="s">
        <v>1</v>
      </c>
      <c r="C50291" s="14" t="s">
        <v>23</v>
      </c>
      <c r="D50291" s="14" t="s">
        <v>57</v>
      </c>
      <c r="E50291" s="15">
        <v>45662</v>
      </c>
      <c r="F50291" s="14" t="s">
        <v>53</v>
      </c>
      <c r="G50291" s="16">
        <v>4.322586673113558</v>
      </c>
    </row>
    <row r="50292" spans="1:7" x14ac:dyDescent="0.3">
      <c r="A50292" s="13" t="s">
        <v>282</v>
      </c>
      <c r="B50292" s="14" t="s">
        <v>1</v>
      </c>
      <c r="C50292" s="14" t="s">
        <v>23</v>
      </c>
      <c r="D50292" s="14" t="s">
        <v>57</v>
      </c>
      <c r="E50292" s="15">
        <v>45663</v>
      </c>
      <c r="F50292" s="14" t="s">
        <v>53</v>
      </c>
      <c r="G50292" s="16">
        <v>4.3028525424828166</v>
      </c>
    </row>
    <row r="50293" spans="1:7" x14ac:dyDescent="0.3">
      <c r="A50293" s="13" t="s">
        <v>282</v>
      </c>
      <c r="B50293" s="14" t="s">
        <v>1</v>
      </c>
      <c r="C50293" s="14" t="s">
        <v>23</v>
      </c>
      <c r="D50293" s="14" t="s">
        <v>57</v>
      </c>
      <c r="E50293" s="15">
        <v>45664</v>
      </c>
      <c r="F50293" s="14" t="s">
        <v>53</v>
      </c>
      <c r="G50293" s="16">
        <v>4.3644434532347107</v>
      </c>
    </row>
    <row r="50294" spans="1:7" x14ac:dyDescent="0.3">
      <c r="A50294" s="13" t="s">
        <v>282</v>
      </c>
      <c r="B50294" s="14" t="s">
        <v>1</v>
      </c>
      <c r="C50294" s="14" t="s">
        <v>23</v>
      </c>
      <c r="D50294" s="14" t="s">
        <v>57</v>
      </c>
      <c r="E50294" s="15">
        <v>45665</v>
      </c>
      <c r="F50294" s="14" t="s">
        <v>53</v>
      </c>
      <c r="G50294" s="16">
        <v>4.4233798435215776</v>
      </c>
    </row>
    <row r="50295" spans="1:7" x14ac:dyDescent="0.3">
      <c r="A50295" s="13" t="s">
        <v>282</v>
      </c>
      <c r="B50295" s="14" t="s">
        <v>1</v>
      </c>
      <c r="C50295" s="14" t="s">
        <v>23</v>
      </c>
      <c r="D50295" s="14" t="s">
        <v>57</v>
      </c>
      <c r="E50295" s="15">
        <v>45666</v>
      </c>
      <c r="F50295" s="14" t="s">
        <v>53</v>
      </c>
      <c r="G50295" s="16">
        <v>4.4233798435215776</v>
      </c>
    </row>
    <row r="50296" spans="1:7" x14ac:dyDescent="0.3">
      <c r="A50296" s="13" t="s">
        <v>282</v>
      </c>
      <c r="B50296" s="14" t="s">
        <v>1</v>
      </c>
      <c r="C50296" s="14" t="s">
        <v>23</v>
      </c>
      <c r="D50296" s="14" t="s">
        <v>57</v>
      </c>
      <c r="E50296" s="15">
        <v>45667</v>
      </c>
      <c r="F50296" s="14" t="s">
        <v>53</v>
      </c>
      <c r="G50296" s="16">
        <v>4.4989576210190485</v>
      </c>
    </row>
    <row r="50297" spans="1:7" x14ac:dyDescent="0.3">
      <c r="A50297" s="13" t="s">
        <v>282</v>
      </c>
      <c r="B50297" s="14" t="s">
        <v>1</v>
      </c>
      <c r="C50297" s="14" t="s">
        <v>23</v>
      </c>
      <c r="D50297" s="14" t="s">
        <v>57</v>
      </c>
      <c r="E50297" s="15">
        <v>45668</v>
      </c>
      <c r="F50297" s="14" t="s">
        <v>53</v>
      </c>
      <c r="G50297" s="16">
        <v>4.4989576210190485</v>
      </c>
    </row>
    <row r="50298" spans="1:7" x14ac:dyDescent="0.3">
      <c r="A50298" s="13" t="s">
        <v>282</v>
      </c>
      <c r="B50298" s="14" t="s">
        <v>1</v>
      </c>
      <c r="C50298" s="14" t="s">
        <v>23</v>
      </c>
      <c r="D50298" s="14" t="s">
        <v>57</v>
      </c>
      <c r="E50298" s="15">
        <v>45669</v>
      </c>
      <c r="F50298" s="14" t="s">
        <v>53</v>
      </c>
      <c r="G50298" s="16">
        <v>4.4989576210190485</v>
      </c>
    </row>
    <row r="50299" spans="1:7" x14ac:dyDescent="0.3">
      <c r="A50299" s="13" t="s">
        <v>282</v>
      </c>
      <c r="B50299" s="14" t="s">
        <v>1</v>
      </c>
      <c r="C50299" s="14" t="s">
        <v>23</v>
      </c>
      <c r="D50299" s="14" t="s">
        <v>57</v>
      </c>
      <c r="E50299" s="15">
        <v>45670</v>
      </c>
      <c r="F50299" s="14" t="s">
        <v>53</v>
      </c>
      <c r="G50299" s="16">
        <v>4.5355548398909837</v>
      </c>
    </row>
    <row r="50300" spans="1:7" x14ac:dyDescent="0.3">
      <c r="A50300" s="13" t="s">
        <v>282</v>
      </c>
      <c r="B50300" s="14" t="s">
        <v>1</v>
      </c>
      <c r="C50300" s="14" t="s">
        <v>23</v>
      </c>
      <c r="D50300" s="14" t="s">
        <v>57</v>
      </c>
      <c r="E50300" s="15">
        <v>45671</v>
      </c>
      <c r="F50300" s="14" t="s">
        <v>53</v>
      </c>
      <c r="G50300" s="16">
        <v>4.5720263729539257</v>
      </c>
    </row>
    <row r="50301" spans="1:7" x14ac:dyDescent="0.3">
      <c r="A50301" s="13" t="s">
        <v>282</v>
      </c>
      <c r="B50301" s="14" t="s">
        <v>1</v>
      </c>
      <c r="C50301" s="14" t="s">
        <v>23</v>
      </c>
      <c r="D50301" s="14" t="s">
        <v>57</v>
      </c>
      <c r="E50301" s="15">
        <v>45672</v>
      </c>
      <c r="F50301" s="14" t="s">
        <v>53</v>
      </c>
      <c r="G50301" s="16">
        <v>4.575857281588485</v>
      </c>
    </row>
    <row r="50302" spans="1:7" x14ac:dyDescent="0.3">
      <c r="A50302" s="13" t="s">
        <v>282</v>
      </c>
      <c r="B50302" s="14" t="s">
        <v>1</v>
      </c>
      <c r="C50302" s="14" t="s">
        <v>23</v>
      </c>
      <c r="D50302" s="14" t="s">
        <v>57</v>
      </c>
      <c r="E50302" s="15">
        <v>45673</v>
      </c>
      <c r="F50302" s="14" t="s">
        <v>53</v>
      </c>
      <c r="G50302" s="16">
        <v>4.5932013266179572</v>
      </c>
    </row>
    <row r="50303" spans="1:7" x14ac:dyDescent="0.3">
      <c r="A50303" s="13" t="s">
        <v>282</v>
      </c>
      <c r="B50303" s="14" t="s">
        <v>1</v>
      </c>
      <c r="C50303" s="14" t="s">
        <v>23</v>
      </c>
      <c r="D50303" s="14" t="s">
        <v>57</v>
      </c>
      <c r="E50303" s="15">
        <v>45674</v>
      </c>
      <c r="F50303" s="14" t="s">
        <v>53</v>
      </c>
      <c r="G50303" s="16">
        <v>4.6275597119709628</v>
      </c>
    </row>
    <row r="50304" spans="1:7" x14ac:dyDescent="0.3">
      <c r="A50304" s="13" t="s">
        <v>282</v>
      </c>
      <c r="B50304" s="14" t="s">
        <v>1</v>
      </c>
      <c r="C50304" s="14" t="s">
        <v>23</v>
      </c>
      <c r="D50304" s="14" t="s">
        <v>57</v>
      </c>
      <c r="E50304" s="15">
        <v>45675</v>
      </c>
      <c r="F50304" s="14" t="s">
        <v>53</v>
      </c>
      <c r="G50304" s="16">
        <v>4.6275597119709628</v>
      </c>
    </row>
    <row r="50305" spans="1:7" x14ac:dyDescent="0.3">
      <c r="A50305" s="13" t="s">
        <v>282</v>
      </c>
      <c r="B50305" s="14" t="s">
        <v>1</v>
      </c>
      <c r="C50305" s="14" t="s">
        <v>23</v>
      </c>
      <c r="D50305" s="14" t="s">
        <v>57</v>
      </c>
      <c r="E50305" s="15">
        <v>45676</v>
      </c>
      <c r="F50305" s="14" t="s">
        <v>53</v>
      </c>
      <c r="G50305" s="16">
        <v>4.6275597119709628</v>
      </c>
    </row>
    <row r="50306" spans="1:7" x14ac:dyDescent="0.3">
      <c r="A50306" s="13" t="s">
        <v>282</v>
      </c>
      <c r="B50306" s="14" t="s">
        <v>1</v>
      </c>
      <c r="C50306" s="14" t="s">
        <v>23</v>
      </c>
      <c r="D50306" s="14" t="s">
        <v>57</v>
      </c>
      <c r="E50306" s="15">
        <v>45677</v>
      </c>
      <c r="F50306" s="14" t="s">
        <v>53</v>
      </c>
      <c r="G50306" s="16">
        <v>4.6275597119709628</v>
      </c>
    </row>
    <row r="50307" spans="1:7" x14ac:dyDescent="0.3">
      <c r="A50307" s="13" t="s">
        <v>282</v>
      </c>
      <c r="B50307" s="14" t="s">
        <v>1</v>
      </c>
      <c r="C50307" s="14" t="s">
        <v>23</v>
      </c>
      <c r="D50307" s="14" t="s">
        <v>57</v>
      </c>
      <c r="E50307" s="15">
        <v>45678</v>
      </c>
      <c r="F50307" s="14" t="s">
        <v>53</v>
      </c>
      <c r="G50307" s="16">
        <v>4.5741557246666842</v>
      </c>
    </row>
    <row r="50308" spans="1:7" x14ac:dyDescent="0.3">
      <c r="A50308" s="13" t="s">
        <v>282</v>
      </c>
      <c r="B50308" s="14" t="s">
        <v>1</v>
      </c>
      <c r="C50308" s="14" t="s">
        <v>23</v>
      </c>
      <c r="D50308" s="14" t="s">
        <v>57</v>
      </c>
      <c r="E50308" s="15">
        <v>45679</v>
      </c>
      <c r="F50308" s="14" t="s">
        <v>53</v>
      </c>
      <c r="G50308" s="16">
        <v>4.6455192589555274</v>
      </c>
    </row>
    <row r="50309" spans="1:7" x14ac:dyDescent="0.3">
      <c r="A50309" s="13" t="s">
        <v>282</v>
      </c>
      <c r="B50309" s="14" t="s">
        <v>1</v>
      </c>
      <c r="C50309" s="14" t="s">
        <v>23</v>
      </c>
      <c r="D50309" s="14" t="s">
        <v>57</v>
      </c>
      <c r="E50309" s="15">
        <v>45680</v>
      </c>
      <c r="F50309" s="14" t="s">
        <v>53</v>
      </c>
      <c r="G50309" s="16">
        <v>4.647203930749642</v>
      </c>
    </row>
    <row r="50310" spans="1:7" x14ac:dyDescent="0.3">
      <c r="A50310" s="13" t="s">
        <v>282</v>
      </c>
      <c r="B50310" s="14" t="s">
        <v>1</v>
      </c>
      <c r="C50310" s="14" t="s">
        <v>23</v>
      </c>
      <c r="D50310" s="14" t="s">
        <v>57</v>
      </c>
      <c r="E50310" s="15">
        <v>45681</v>
      </c>
      <c r="F50310" s="14" t="s">
        <v>53</v>
      </c>
      <c r="G50310" s="16">
        <v>4.6124516208511528</v>
      </c>
    </row>
    <row r="50311" spans="1:7" x14ac:dyDescent="0.3">
      <c r="A50311" s="13" t="s">
        <v>282</v>
      </c>
      <c r="B50311" s="14" t="s">
        <v>1</v>
      </c>
      <c r="C50311" s="14" t="s">
        <v>23</v>
      </c>
      <c r="D50311" s="14" t="s">
        <v>57</v>
      </c>
      <c r="E50311" s="15">
        <v>45682</v>
      </c>
      <c r="F50311" s="14" t="s">
        <v>53</v>
      </c>
      <c r="G50311" s="16">
        <v>4.6124516208511528</v>
      </c>
    </row>
    <row r="50312" spans="1:7" x14ac:dyDescent="0.3">
      <c r="A50312" s="13" t="s">
        <v>282</v>
      </c>
      <c r="B50312" s="14" t="s">
        <v>1</v>
      </c>
      <c r="C50312" s="14" t="s">
        <v>23</v>
      </c>
      <c r="D50312" s="14" t="s">
        <v>57</v>
      </c>
      <c r="E50312" s="15">
        <v>45683</v>
      </c>
      <c r="F50312" s="14" t="s">
        <v>53</v>
      </c>
      <c r="G50312" s="16">
        <v>4.6124516208511528</v>
      </c>
    </row>
    <row r="50313" spans="1:7" x14ac:dyDescent="0.3">
      <c r="A50313" s="13" t="s">
        <v>282</v>
      </c>
      <c r="B50313" s="14" t="s">
        <v>1</v>
      </c>
      <c r="C50313" s="14" t="s">
        <v>23</v>
      </c>
      <c r="D50313" s="14" t="s">
        <v>57</v>
      </c>
      <c r="E50313" s="15">
        <v>45684</v>
      </c>
      <c r="F50313" s="14" t="s">
        <v>53</v>
      </c>
      <c r="G50313" s="16">
        <v>4.6235528372020864</v>
      </c>
    </row>
    <row r="50314" spans="1:7" x14ac:dyDescent="0.3">
      <c r="A50314" s="13" t="s">
        <v>282</v>
      </c>
      <c r="B50314" s="14" t="s">
        <v>1</v>
      </c>
      <c r="C50314" s="14" t="s">
        <v>23</v>
      </c>
      <c r="D50314" s="14" t="s">
        <v>57</v>
      </c>
      <c r="E50314" s="15">
        <v>45685</v>
      </c>
      <c r="F50314" s="14" t="s">
        <v>53</v>
      </c>
      <c r="G50314" s="16">
        <v>4.6879908764035516</v>
      </c>
    </row>
    <row r="50315" spans="1:7" x14ac:dyDescent="0.3">
      <c r="A50315" s="13" t="s">
        <v>282</v>
      </c>
      <c r="B50315" s="14" t="s">
        <v>1</v>
      </c>
      <c r="C50315" s="14" t="s">
        <v>23</v>
      </c>
      <c r="D50315" s="14" t="s">
        <v>57</v>
      </c>
      <c r="E50315" s="15">
        <v>45686</v>
      </c>
      <c r="F50315" s="14" t="s">
        <v>53</v>
      </c>
      <c r="G50315" s="16">
        <v>4.6978041865484625</v>
      </c>
    </row>
    <row r="50316" spans="1:7" x14ac:dyDescent="0.3">
      <c r="A50316" s="13" t="s">
        <v>282</v>
      </c>
      <c r="B50316" s="14" t="s">
        <v>1</v>
      </c>
      <c r="C50316" s="14" t="s">
        <v>23</v>
      </c>
      <c r="D50316" s="14" t="s">
        <v>57</v>
      </c>
      <c r="E50316" s="15">
        <v>45687</v>
      </c>
      <c r="F50316" s="14" t="s">
        <v>53</v>
      </c>
      <c r="G50316" s="16">
        <v>4.7258286176610742</v>
      </c>
    </row>
    <row r="50317" spans="1:7" x14ac:dyDescent="0.3">
      <c r="A50317" s="13" t="s">
        <v>282</v>
      </c>
      <c r="B50317" s="14" t="s">
        <v>1</v>
      </c>
      <c r="C50317" s="14" t="s">
        <v>23</v>
      </c>
      <c r="D50317" s="14" t="s">
        <v>57</v>
      </c>
      <c r="E50317" s="15">
        <v>45688</v>
      </c>
      <c r="F50317" s="14" t="s">
        <v>53</v>
      </c>
      <c r="G50317" s="16">
        <v>4.7507413170408865</v>
      </c>
    </row>
    <row r="50318" spans="1:7" x14ac:dyDescent="0.3">
      <c r="A50318" s="13" t="s">
        <v>282</v>
      </c>
      <c r="B50318" s="14" t="s">
        <v>1</v>
      </c>
      <c r="C50318" s="14" t="s">
        <v>23</v>
      </c>
      <c r="D50318" s="14" t="s">
        <v>57</v>
      </c>
      <c r="E50318" s="15">
        <v>45689</v>
      </c>
      <c r="F50318" s="14" t="s">
        <v>53</v>
      </c>
      <c r="G50318" s="16">
        <v>4.7507413170408865</v>
      </c>
    </row>
    <row r="50319" spans="1:7" x14ac:dyDescent="0.3">
      <c r="A50319" s="13" t="s">
        <v>282</v>
      </c>
      <c r="B50319" s="14" t="s">
        <v>1</v>
      </c>
      <c r="C50319" s="14" t="s">
        <v>23</v>
      </c>
      <c r="D50319" s="14" t="s">
        <v>57</v>
      </c>
      <c r="E50319" s="15">
        <v>45690</v>
      </c>
      <c r="F50319" s="14" t="s">
        <v>53</v>
      </c>
      <c r="G50319" s="16">
        <v>4.7507413170408865</v>
      </c>
    </row>
    <row r="50320" spans="1:7" x14ac:dyDescent="0.3">
      <c r="A50320" s="13" t="s">
        <v>282</v>
      </c>
      <c r="B50320" s="14" t="s">
        <v>1</v>
      </c>
      <c r="C50320" s="14" t="s">
        <v>23</v>
      </c>
      <c r="D50320" s="14" t="s">
        <v>57</v>
      </c>
      <c r="E50320" s="15">
        <v>45691</v>
      </c>
      <c r="F50320" s="14" t="s">
        <v>53</v>
      </c>
      <c r="G50320" s="16">
        <v>4.7507413170408865</v>
      </c>
    </row>
    <row r="50321" spans="1:7" x14ac:dyDescent="0.3">
      <c r="A50321" s="13" t="s">
        <v>282</v>
      </c>
      <c r="B50321" s="14" t="s">
        <v>1</v>
      </c>
      <c r="C50321" s="14" t="s">
        <v>23</v>
      </c>
      <c r="D50321" s="14" t="s">
        <v>57</v>
      </c>
      <c r="E50321" s="15">
        <v>45692</v>
      </c>
      <c r="F50321" s="14" t="s">
        <v>53</v>
      </c>
      <c r="G50321" s="16">
        <v>4.7322537826418465</v>
      </c>
    </row>
    <row r="50322" spans="1:7" x14ac:dyDescent="0.3">
      <c r="A50322" s="13" t="s">
        <v>282</v>
      </c>
      <c r="B50322" s="14" t="s">
        <v>1</v>
      </c>
      <c r="C50322" s="14" t="s">
        <v>23</v>
      </c>
      <c r="D50322" s="14" t="s">
        <v>57</v>
      </c>
      <c r="E50322" s="15">
        <v>45693</v>
      </c>
      <c r="F50322" s="14" t="s">
        <v>53</v>
      </c>
      <c r="G50322" s="16">
        <v>4.7708570771395156</v>
      </c>
    </row>
    <row r="50323" spans="1:7" x14ac:dyDescent="0.3">
      <c r="A50323" s="13" t="s">
        <v>282</v>
      </c>
      <c r="B50323" s="14" t="s">
        <v>1</v>
      </c>
      <c r="C50323" s="14" t="s">
        <v>23</v>
      </c>
      <c r="D50323" s="14" t="s">
        <v>57</v>
      </c>
      <c r="E50323" s="15">
        <v>45694</v>
      </c>
      <c r="F50323" s="14" t="s">
        <v>53</v>
      </c>
      <c r="G50323" s="16">
        <v>4.8125232029887837</v>
      </c>
    </row>
    <row r="50324" spans="1:7" x14ac:dyDescent="0.3">
      <c r="A50324" s="13" t="s">
        <v>282</v>
      </c>
      <c r="B50324" s="14" t="s">
        <v>1</v>
      </c>
      <c r="C50324" s="14" t="s">
        <v>23</v>
      </c>
      <c r="D50324" s="14" t="s">
        <v>57</v>
      </c>
      <c r="E50324" s="15">
        <v>45695</v>
      </c>
      <c r="F50324" s="14" t="s">
        <v>53</v>
      </c>
      <c r="G50324" s="16">
        <v>4.8371908132360248</v>
      </c>
    </row>
    <row r="50325" spans="1:7" x14ac:dyDescent="0.3">
      <c r="A50325" s="13" t="s">
        <v>282</v>
      </c>
      <c r="B50325" s="14" t="s">
        <v>1</v>
      </c>
      <c r="C50325" s="14" t="s">
        <v>23</v>
      </c>
      <c r="D50325" s="14" t="s">
        <v>57</v>
      </c>
      <c r="E50325" s="15">
        <v>45696</v>
      </c>
      <c r="F50325" s="14" t="s">
        <v>53</v>
      </c>
      <c r="G50325" s="16">
        <v>4.8371908132360248</v>
      </c>
    </row>
    <row r="50326" spans="1:7" x14ac:dyDescent="0.3">
      <c r="A50326" s="13" t="s">
        <v>282</v>
      </c>
      <c r="B50326" s="14" t="s">
        <v>1</v>
      </c>
      <c r="C50326" s="14" t="s">
        <v>23</v>
      </c>
      <c r="D50326" s="14" t="s">
        <v>57</v>
      </c>
      <c r="E50326" s="15">
        <v>45697</v>
      </c>
      <c r="F50326" s="14" t="s">
        <v>53</v>
      </c>
      <c r="G50326" s="16">
        <v>4.8371908132360248</v>
      </c>
    </row>
    <row r="50327" spans="1:7" x14ac:dyDescent="0.3">
      <c r="A50327" s="13" t="s">
        <v>282</v>
      </c>
      <c r="B50327" s="14" t="s">
        <v>1</v>
      </c>
      <c r="C50327" s="14" t="s">
        <v>23</v>
      </c>
      <c r="D50327" s="14" t="s">
        <v>57</v>
      </c>
      <c r="E50327" s="15">
        <v>45698</v>
      </c>
      <c r="F50327" s="14" t="s">
        <v>53</v>
      </c>
      <c r="G50327" s="16">
        <v>4.875677780354251</v>
      </c>
    </row>
    <row r="50328" spans="1:7" x14ac:dyDescent="0.3">
      <c r="A50328" s="13" t="s">
        <v>282</v>
      </c>
      <c r="B50328" s="14" t="s">
        <v>1</v>
      </c>
      <c r="C50328" s="14" t="s">
        <v>23</v>
      </c>
      <c r="D50328" s="14" t="s">
        <v>57</v>
      </c>
      <c r="E50328" s="15">
        <v>45699</v>
      </c>
      <c r="F50328" s="14" t="s">
        <v>53</v>
      </c>
      <c r="G50328" s="16">
        <v>4.8899523175350268</v>
      </c>
    </row>
    <row r="50329" spans="1:7" x14ac:dyDescent="0.3">
      <c r="A50329" s="13" t="s">
        <v>282</v>
      </c>
      <c r="B50329" s="14" t="s">
        <v>1</v>
      </c>
      <c r="C50329" s="14" t="s">
        <v>23</v>
      </c>
      <c r="D50329" s="14" t="s">
        <v>57</v>
      </c>
      <c r="E50329" s="15">
        <v>45700</v>
      </c>
      <c r="F50329" s="14" t="s">
        <v>53</v>
      </c>
      <c r="G50329" s="16">
        <v>4.9061599222901382</v>
      </c>
    </row>
    <row r="50330" spans="1:7" x14ac:dyDescent="0.3">
      <c r="A50330" s="13" t="s">
        <v>282</v>
      </c>
      <c r="B50330" s="14" t="s">
        <v>1</v>
      </c>
      <c r="C50330" s="14" t="s">
        <v>23</v>
      </c>
      <c r="D50330" s="14" t="s">
        <v>57</v>
      </c>
      <c r="E50330" s="15">
        <v>45701</v>
      </c>
      <c r="F50330" s="14" t="s">
        <v>53</v>
      </c>
      <c r="G50330" s="16">
        <v>4.8733897798560344</v>
      </c>
    </row>
    <row r="50331" spans="1:7" x14ac:dyDescent="0.3">
      <c r="A50331" s="13" t="s">
        <v>282</v>
      </c>
      <c r="B50331" s="14" t="s">
        <v>1</v>
      </c>
      <c r="C50331" s="14" t="s">
        <v>23</v>
      </c>
      <c r="D50331" s="14" t="s">
        <v>57</v>
      </c>
      <c r="E50331" s="15">
        <v>45702</v>
      </c>
      <c r="F50331" s="14" t="s">
        <v>53</v>
      </c>
      <c r="G50331" s="16">
        <v>4.8807991627355545</v>
      </c>
    </row>
    <row r="50332" spans="1:7" x14ac:dyDescent="0.3">
      <c r="A50332" s="13" t="s">
        <v>282</v>
      </c>
      <c r="B50332" s="14" t="s">
        <v>1</v>
      </c>
      <c r="C50332" s="14" t="s">
        <v>23</v>
      </c>
      <c r="D50332" s="14" t="s">
        <v>57</v>
      </c>
      <c r="E50332" s="15">
        <v>45703</v>
      </c>
      <c r="F50332" s="14" t="s">
        <v>53</v>
      </c>
      <c r="G50332" s="16">
        <v>4.8807991627355545</v>
      </c>
    </row>
    <row r="50333" spans="1:7" x14ac:dyDescent="0.3">
      <c r="A50333" s="13" t="s">
        <v>282</v>
      </c>
      <c r="B50333" s="14" t="s">
        <v>1</v>
      </c>
      <c r="C50333" s="14" t="s">
        <v>23</v>
      </c>
      <c r="D50333" s="14" t="s">
        <v>57</v>
      </c>
      <c r="E50333" s="15">
        <v>45704</v>
      </c>
      <c r="F50333" s="14" t="s">
        <v>53</v>
      </c>
      <c r="G50333" s="16">
        <v>4.8807991627355545</v>
      </c>
    </row>
    <row r="50334" spans="1:7" x14ac:dyDescent="0.3">
      <c r="A50334" s="13" t="s">
        <v>282</v>
      </c>
      <c r="B50334" s="14" t="s">
        <v>1</v>
      </c>
      <c r="C50334" s="14" t="s">
        <v>23</v>
      </c>
      <c r="D50334" s="14" t="s">
        <v>57</v>
      </c>
      <c r="E50334" s="15">
        <v>45705</v>
      </c>
      <c r="F50334" s="14" t="s">
        <v>53</v>
      </c>
      <c r="G50334" s="16">
        <v>4.8807991627355545</v>
      </c>
    </row>
    <row r="50335" spans="1:7" x14ac:dyDescent="0.3">
      <c r="A50335" s="13" t="s">
        <v>282</v>
      </c>
      <c r="B50335" s="14" t="s">
        <v>1</v>
      </c>
      <c r="C50335" s="14" t="s">
        <v>23</v>
      </c>
      <c r="D50335" s="14" t="s">
        <v>57</v>
      </c>
      <c r="E50335" s="15">
        <v>45706</v>
      </c>
      <c r="F50335" s="14" t="s">
        <v>53</v>
      </c>
      <c r="G50335" s="16">
        <v>4.8853804951176425</v>
      </c>
    </row>
    <row r="50336" spans="1:7" x14ac:dyDescent="0.3">
      <c r="A50336" s="13" t="s">
        <v>282</v>
      </c>
      <c r="B50336" s="14" t="s">
        <v>1</v>
      </c>
      <c r="C50336" s="14" t="s">
        <v>23</v>
      </c>
      <c r="D50336" s="14" t="s">
        <v>57</v>
      </c>
      <c r="E50336" s="15">
        <v>45707</v>
      </c>
      <c r="F50336" s="14" t="s">
        <v>53</v>
      </c>
      <c r="G50336" s="16">
        <v>4.9544616419345955</v>
      </c>
    </row>
    <row r="50337" spans="1:7" x14ac:dyDescent="0.3">
      <c r="A50337" s="13" t="s">
        <v>282</v>
      </c>
      <c r="B50337" s="14" t="s">
        <v>1</v>
      </c>
      <c r="C50337" s="14" t="s">
        <v>23</v>
      </c>
      <c r="D50337" s="14" t="s">
        <v>57</v>
      </c>
      <c r="E50337" s="15">
        <v>45708</v>
      </c>
      <c r="F50337" s="14" t="s">
        <v>53</v>
      </c>
      <c r="G50337" s="16">
        <v>4.9358182735835889</v>
      </c>
    </row>
    <row r="50338" spans="1:7" x14ac:dyDescent="0.3">
      <c r="A50338" s="13" t="s">
        <v>282</v>
      </c>
      <c r="B50338" s="14" t="s">
        <v>1</v>
      </c>
      <c r="C50338" s="14" t="s">
        <v>23</v>
      </c>
      <c r="D50338" s="14" t="s">
        <v>57</v>
      </c>
      <c r="E50338" s="15">
        <v>45709</v>
      </c>
      <c r="F50338" s="14" t="s">
        <v>53</v>
      </c>
      <c r="G50338" s="16">
        <v>4.9597340217204255</v>
      </c>
    </row>
    <row r="50339" spans="1:7" x14ac:dyDescent="0.3">
      <c r="A50339" s="13" t="s">
        <v>282</v>
      </c>
      <c r="B50339" s="14" t="s">
        <v>1</v>
      </c>
      <c r="C50339" s="14" t="s">
        <v>23</v>
      </c>
      <c r="D50339" s="14" t="s">
        <v>57</v>
      </c>
      <c r="E50339" s="15">
        <v>45710</v>
      </c>
      <c r="F50339" s="14" t="s">
        <v>53</v>
      </c>
      <c r="G50339" s="16">
        <v>4.9597340217204255</v>
      </c>
    </row>
    <row r="50340" spans="1:7" x14ac:dyDescent="0.3">
      <c r="A50340" s="13" t="s">
        <v>282</v>
      </c>
      <c r="B50340" s="14" t="s">
        <v>1</v>
      </c>
      <c r="C50340" s="14" t="s">
        <v>23</v>
      </c>
      <c r="D50340" s="14" t="s">
        <v>57</v>
      </c>
      <c r="E50340" s="15">
        <v>45711</v>
      </c>
      <c r="F50340" s="14" t="s">
        <v>53</v>
      </c>
      <c r="G50340" s="16">
        <v>4.9597340217204255</v>
      </c>
    </row>
    <row r="50341" spans="1:7" x14ac:dyDescent="0.3">
      <c r="A50341" s="13" t="s">
        <v>282</v>
      </c>
      <c r="B50341" s="14" t="s">
        <v>1</v>
      </c>
      <c r="C50341" s="14" t="s">
        <v>23</v>
      </c>
      <c r="D50341" s="14" t="s">
        <v>57</v>
      </c>
      <c r="E50341" s="15">
        <v>45712</v>
      </c>
      <c r="F50341" s="14" t="s">
        <v>53</v>
      </c>
      <c r="G50341" s="16">
        <v>4.974188413337588</v>
      </c>
    </row>
    <row r="50342" spans="1:7" x14ac:dyDescent="0.3">
      <c r="A50342" s="13" t="s">
        <v>282</v>
      </c>
      <c r="B50342" s="14" t="s">
        <v>1</v>
      </c>
      <c r="C50342" s="14" t="s">
        <v>23</v>
      </c>
      <c r="D50342" s="14" t="s">
        <v>57</v>
      </c>
      <c r="E50342" s="15">
        <v>45713</v>
      </c>
      <c r="F50342" s="14" t="s">
        <v>53</v>
      </c>
      <c r="G50342" s="16">
        <v>5.0011206273832913</v>
      </c>
    </row>
    <row r="50343" spans="1:7" x14ac:dyDescent="0.3">
      <c r="A50343" s="13" t="s">
        <v>282</v>
      </c>
      <c r="B50343" s="14" t="s">
        <v>1</v>
      </c>
      <c r="C50343" s="14" t="s">
        <v>23</v>
      </c>
      <c r="D50343" s="14" t="s">
        <v>57</v>
      </c>
      <c r="E50343" s="15">
        <v>45714</v>
      </c>
      <c r="F50343" s="14" t="s">
        <v>53</v>
      </c>
      <c r="G50343" s="16">
        <v>5.0109708911987951</v>
      </c>
    </row>
    <row r="50344" spans="1:7" x14ac:dyDescent="0.3">
      <c r="A50344" s="13" t="s">
        <v>282</v>
      </c>
      <c r="B50344" s="14" t="s">
        <v>1</v>
      </c>
      <c r="C50344" s="14" t="s">
        <v>23</v>
      </c>
      <c r="D50344" s="14" t="s">
        <v>57</v>
      </c>
      <c r="E50344" s="15">
        <v>45715</v>
      </c>
      <c r="F50344" s="14" t="s">
        <v>53</v>
      </c>
      <c r="G50344" s="16">
        <v>5.0550394249339448</v>
      </c>
    </row>
    <row r="50345" spans="1:7" x14ac:dyDescent="0.3">
      <c r="A50345" s="13" t="s">
        <v>282</v>
      </c>
      <c r="B50345" s="14" t="s">
        <v>1</v>
      </c>
      <c r="C50345" s="14" t="s">
        <v>23</v>
      </c>
      <c r="D50345" s="14" t="s">
        <v>57</v>
      </c>
      <c r="E50345" s="15">
        <v>45716</v>
      </c>
      <c r="F50345" s="14" t="s">
        <v>53</v>
      </c>
      <c r="G50345" s="16">
        <v>5.0787661132062336</v>
      </c>
    </row>
    <row r="50346" spans="1:7" x14ac:dyDescent="0.3">
      <c r="A50346" s="13" t="s">
        <v>282</v>
      </c>
      <c r="B50346" s="14" t="s">
        <v>1</v>
      </c>
      <c r="C50346" s="14" t="s">
        <v>23</v>
      </c>
      <c r="D50346" s="14" t="s">
        <v>57</v>
      </c>
      <c r="E50346" s="15">
        <v>45717</v>
      </c>
      <c r="F50346" s="14" t="s">
        <v>53</v>
      </c>
      <c r="G50346" s="16">
        <v>5.0787661132062336</v>
      </c>
    </row>
    <row r="50347" spans="1:7" x14ac:dyDescent="0.3">
      <c r="A50347" s="13" t="s">
        <v>282</v>
      </c>
      <c r="B50347" s="14" t="s">
        <v>1</v>
      </c>
      <c r="C50347" s="14" t="s">
        <v>23</v>
      </c>
      <c r="D50347" s="14" t="s">
        <v>57</v>
      </c>
      <c r="E50347" s="15">
        <v>45718</v>
      </c>
      <c r="F50347" s="14" t="s">
        <v>53</v>
      </c>
      <c r="G50347" s="16">
        <v>5.0787661132062336</v>
      </c>
    </row>
    <row r="50348" spans="1:7" x14ac:dyDescent="0.3">
      <c r="A50348" s="13" t="s">
        <v>282</v>
      </c>
      <c r="B50348" s="14" t="s">
        <v>1</v>
      </c>
      <c r="C50348" s="14" t="s">
        <v>23</v>
      </c>
      <c r="D50348" s="14" t="s">
        <v>57</v>
      </c>
      <c r="E50348" s="15">
        <v>45719</v>
      </c>
      <c r="F50348" s="14" t="s">
        <v>53</v>
      </c>
      <c r="G50348" s="16">
        <v>5.0653630355273362</v>
      </c>
    </row>
    <row r="50349" spans="1:7" x14ac:dyDescent="0.3">
      <c r="A50349" s="13" t="s">
        <v>282</v>
      </c>
      <c r="B50349" s="14" t="s">
        <v>1</v>
      </c>
      <c r="C50349" s="14" t="s">
        <v>23</v>
      </c>
      <c r="D50349" s="14" t="s">
        <v>57</v>
      </c>
      <c r="E50349" s="15">
        <v>45720</v>
      </c>
      <c r="F50349" s="14" t="s">
        <v>53</v>
      </c>
      <c r="G50349" s="16">
        <v>5.0715162452373006</v>
      </c>
    </row>
    <row r="50350" spans="1:7" x14ac:dyDescent="0.3">
      <c r="A50350" s="13" t="s">
        <v>282</v>
      </c>
      <c r="B50350" s="14" t="s">
        <v>1</v>
      </c>
      <c r="C50350" s="14" t="s">
        <v>23</v>
      </c>
      <c r="D50350" s="14" t="s">
        <v>57</v>
      </c>
      <c r="E50350" s="15">
        <v>45721</v>
      </c>
      <c r="F50350" s="14" t="s">
        <v>53</v>
      </c>
      <c r="G50350" s="16">
        <v>5.0466071301187014</v>
      </c>
    </row>
    <row r="50351" spans="1:7" x14ac:dyDescent="0.3">
      <c r="A50351" s="13" t="s">
        <v>282</v>
      </c>
      <c r="B50351" s="14" t="s">
        <v>1</v>
      </c>
      <c r="C50351" s="14" t="s">
        <v>23</v>
      </c>
      <c r="D50351" s="14" t="s">
        <v>57</v>
      </c>
      <c r="E50351" s="15">
        <v>45722</v>
      </c>
      <c r="F50351" s="14" t="s">
        <v>53</v>
      </c>
      <c r="G50351" s="16">
        <v>5.0665138752104681</v>
      </c>
    </row>
    <row r="50352" spans="1:7" x14ac:dyDescent="0.3">
      <c r="A50352" s="13" t="s">
        <v>282</v>
      </c>
      <c r="B50352" s="14" t="s">
        <v>1</v>
      </c>
      <c r="C50352" s="14" t="s">
        <v>23</v>
      </c>
      <c r="D50352" s="14" t="s">
        <v>57</v>
      </c>
      <c r="E50352" s="15">
        <v>45723</v>
      </c>
      <c r="F50352" s="14" t="s">
        <v>53</v>
      </c>
      <c r="G50352" s="16">
        <v>5.065981143827714</v>
      </c>
    </row>
    <row r="50353" spans="1:7" x14ac:dyDescent="0.3">
      <c r="A50353" s="13" t="s">
        <v>282</v>
      </c>
      <c r="B50353" s="14" t="s">
        <v>1</v>
      </c>
      <c r="C50353" s="14" t="s">
        <v>23</v>
      </c>
      <c r="D50353" s="14" t="s">
        <v>57</v>
      </c>
      <c r="E50353" s="15">
        <v>45724</v>
      </c>
      <c r="F50353" s="14" t="s">
        <v>53</v>
      </c>
      <c r="G50353" s="16">
        <v>5.065981143827714</v>
      </c>
    </row>
    <row r="50354" spans="1:7" x14ac:dyDescent="0.3">
      <c r="A50354" s="13" t="s">
        <v>282</v>
      </c>
      <c r="B50354" s="14" t="s">
        <v>1</v>
      </c>
      <c r="C50354" s="14" t="s">
        <v>23</v>
      </c>
      <c r="D50354" s="14" t="s">
        <v>57</v>
      </c>
      <c r="E50354" s="15">
        <v>45725</v>
      </c>
      <c r="F50354" s="14" t="s">
        <v>53</v>
      </c>
      <c r="G50354" s="16">
        <v>5.065981143827714</v>
      </c>
    </row>
    <row r="50355" spans="1:7" x14ac:dyDescent="0.3">
      <c r="A50355" s="13" t="s">
        <v>282</v>
      </c>
      <c r="B50355" s="14" t="s">
        <v>1</v>
      </c>
      <c r="C50355" s="14" t="s">
        <v>23</v>
      </c>
      <c r="D50355" s="14" t="s">
        <v>57</v>
      </c>
      <c r="E50355" s="15">
        <v>45726</v>
      </c>
      <c r="F50355" s="14" t="s">
        <v>53</v>
      </c>
      <c r="G50355" s="16">
        <v>5.1054840533761032</v>
      </c>
    </row>
    <row r="50356" spans="1:7" x14ac:dyDescent="0.3">
      <c r="A50356" s="13" t="s">
        <v>282</v>
      </c>
      <c r="B50356" s="14" t="s">
        <v>1</v>
      </c>
      <c r="C50356" s="14" t="s">
        <v>23</v>
      </c>
      <c r="D50356" s="14" t="s">
        <v>57</v>
      </c>
      <c r="E50356" s="15">
        <v>45727</v>
      </c>
      <c r="F50356" s="14" t="s">
        <v>53</v>
      </c>
      <c r="G50356" s="16">
        <v>5.1202083293630274</v>
      </c>
    </row>
    <row r="50357" spans="1:7" x14ac:dyDescent="0.3">
      <c r="A50357" s="13" t="s">
        <v>282</v>
      </c>
      <c r="B50357" s="14" t="s">
        <v>1</v>
      </c>
      <c r="C50357" s="14" t="s">
        <v>23</v>
      </c>
      <c r="D50357" s="14" t="s">
        <v>57</v>
      </c>
      <c r="E50357" s="15">
        <v>45728</v>
      </c>
      <c r="F50357" s="14" t="s">
        <v>53</v>
      </c>
      <c r="G50357" s="16">
        <v>5.1314785949135695</v>
      </c>
    </row>
    <row r="50358" spans="1:7" x14ac:dyDescent="0.3">
      <c r="A50358" s="13" t="s">
        <v>282</v>
      </c>
      <c r="B50358" s="14" t="s">
        <v>1</v>
      </c>
      <c r="C50358" s="14" t="s">
        <v>23</v>
      </c>
      <c r="D50358" s="14" t="s">
        <v>57</v>
      </c>
      <c r="E50358" s="15">
        <v>45729</v>
      </c>
      <c r="F50358" s="14" t="s">
        <v>53</v>
      </c>
      <c r="G50358" s="16">
        <v>5.1499139094378998</v>
      </c>
    </row>
    <row r="50359" spans="1:7" x14ac:dyDescent="0.3">
      <c r="A50359" s="13" t="s">
        <v>282</v>
      </c>
      <c r="B50359" s="14" t="s">
        <v>1</v>
      </c>
      <c r="C50359" s="14" t="s">
        <v>23</v>
      </c>
      <c r="D50359" s="14" t="s">
        <v>57</v>
      </c>
      <c r="E50359" s="15">
        <v>45730</v>
      </c>
      <c r="F50359" s="14" t="s">
        <v>53</v>
      </c>
      <c r="G50359" s="16">
        <v>5.0737571327465227</v>
      </c>
    </row>
    <row r="50360" spans="1:7" x14ac:dyDescent="0.3">
      <c r="A50360" s="13" t="s">
        <v>282</v>
      </c>
      <c r="B50360" s="14" t="s">
        <v>1</v>
      </c>
      <c r="C50360" s="14" t="s">
        <v>23</v>
      </c>
      <c r="D50360" s="14" t="s">
        <v>57</v>
      </c>
      <c r="E50360" s="15">
        <v>45731</v>
      </c>
      <c r="F50360" s="14" t="s">
        <v>53</v>
      </c>
      <c r="G50360" s="16">
        <v>5.0737571327465227</v>
      </c>
    </row>
    <row r="50361" spans="1:7" x14ac:dyDescent="0.3">
      <c r="A50361" s="13" t="s">
        <v>282</v>
      </c>
      <c r="B50361" s="14" t="s">
        <v>1</v>
      </c>
      <c r="C50361" s="14" t="s">
        <v>23</v>
      </c>
      <c r="D50361" s="14" t="s">
        <v>57</v>
      </c>
      <c r="E50361" s="15">
        <v>45732</v>
      </c>
      <c r="F50361" s="14" t="s">
        <v>53</v>
      </c>
      <c r="G50361" s="16">
        <v>5.0737571327465227</v>
      </c>
    </row>
    <row r="50362" spans="1:7" x14ac:dyDescent="0.3">
      <c r="A50362" s="13" t="s">
        <v>282</v>
      </c>
      <c r="B50362" s="14" t="s">
        <v>1</v>
      </c>
      <c r="C50362" s="14" t="s">
        <v>23</v>
      </c>
      <c r="D50362" s="14" t="s">
        <v>57</v>
      </c>
      <c r="E50362" s="15">
        <v>45733</v>
      </c>
      <c r="F50362" s="14" t="s">
        <v>53</v>
      </c>
      <c r="G50362" s="16">
        <v>5.0737571327465227</v>
      </c>
    </row>
    <row r="50363" spans="1:7" x14ac:dyDescent="0.3">
      <c r="A50363" s="13" t="s">
        <v>282</v>
      </c>
      <c r="B50363" s="14" t="s">
        <v>1</v>
      </c>
      <c r="C50363" s="14" t="s">
        <v>23</v>
      </c>
      <c r="D50363" s="14" t="s">
        <v>57</v>
      </c>
      <c r="E50363" s="15">
        <v>45734</v>
      </c>
      <c r="F50363" s="14" t="s">
        <v>53</v>
      </c>
      <c r="G50363" s="16">
        <v>5.0605124154342631</v>
      </c>
    </row>
    <row r="50364" spans="1:7" x14ac:dyDescent="0.3">
      <c r="A50364" s="13" t="s">
        <v>282</v>
      </c>
      <c r="B50364" s="14" t="s">
        <v>1</v>
      </c>
      <c r="C50364" s="14" t="s">
        <v>23</v>
      </c>
      <c r="D50364" s="14" t="s">
        <v>57</v>
      </c>
      <c r="E50364" s="15">
        <v>45735</v>
      </c>
      <c r="F50364" s="14" t="s">
        <v>53</v>
      </c>
      <c r="G50364" s="16">
        <v>5.1102199806254536</v>
      </c>
    </row>
    <row r="50365" spans="1:7" x14ac:dyDescent="0.3">
      <c r="A50365" s="13" t="s">
        <v>282</v>
      </c>
      <c r="B50365" s="14" t="s">
        <v>1</v>
      </c>
      <c r="C50365" s="14" t="s">
        <v>23</v>
      </c>
      <c r="D50365" s="14" t="s">
        <v>57</v>
      </c>
      <c r="E50365" s="15">
        <v>45736</v>
      </c>
      <c r="F50365" s="14" t="s">
        <v>53</v>
      </c>
      <c r="G50365" s="16">
        <v>5.1393230936283549</v>
      </c>
    </row>
    <row r="50366" spans="1:7" x14ac:dyDescent="0.3">
      <c r="A50366" s="13" t="s">
        <v>282</v>
      </c>
      <c r="B50366" s="14" t="s">
        <v>1</v>
      </c>
      <c r="C50366" s="14" t="s">
        <v>23</v>
      </c>
      <c r="D50366" s="14" t="s">
        <v>57</v>
      </c>
      <c r="E50366" s="15">
        <v>45737</v>
      </c>
      <c r="F50366" s="14" t="s">
        <v>53</v>
      </c>
      <c r="G50366" s="16">
        <v>5.1743989619080999</v>
      </c>
    </row>
    <row r="50367" spans="1:7" x14ac:dyDescent="0.3">
      <c r="A50367" s="13" t="s">
        <v>282</v>
      </c>
      <c r="B50367" s="14" t="s">
        <v>1</v>
      </c>
      <c r="C50367" s="14" t="s">
        <v>23</v>
      </c>
      <c r="D50367" s="14" t="s">
        <v>57</v>
      </c>
      <c r="E50367" s="15">
        <v>45738</v>
      </c>
      <c r="F50367" s="14" t="s">
        <v>53</v>
      </c>
      <c r="G50367" s="16">
        <v>5.1743989619080999</v>
      </c>
    </row>
    <row r="50368" spans="1:7" x14ac:dyDescent="0.3">
      <c r="A50368" s="13" t="s">
        <v>282</v>
      </c>
      <c r="B50368" s="14" t="s">
        <v>1</v>
      </c>
      <c r="C50368" s="14" t="s">
        <v>23</v>
      </c>
      <c r="D50368" s="14" t="s">
        <v>57</v>
      </c>
      <c r="E50368" s="15">
        <v>45739</v>
      </c>
      <c r="F50368" s="14" t="s">
        <v>53</v>
      </c>
      <c r="G50368" s="16">
        <v>5.1743989619080999</v>
      </c>
    </row>
    <row r="50369" spans="1:7" x14ac:dyDescent="0.3">
      <c r="A50369" s="13" t="s">
        <v>282</v>
      </c>
      <c r="B50369" s="14" t="s">
        <v>1</v>
      </c>
      <c r="C50369" s="14" t="s">
        <v>23</v>
      </c>
      <c r="D50369" s="14" t="s">
        <v>57</v>
      </c>
      <c r="E50369" s="15">
        <v>45740</v>
      </c>
      <c r="F50369" s="14" t="s">
        <v>53</v>
      </c>
      <c r="G50369" s="16">
        <v>5.1858037515017354</v>
      </c>
    </row>
    <row r="50370" spans="1:7" x14ac:dyDescent="0.3">
      <c r="A50370" s="13" t="s">
        <v>282</v>
      </c>
      <c r="B50370" s="14" t="s">
        <v>1</v>
      </c>
      <c r="C50370" s="14" t="s">
        <v>23</v>
      </c>
      <c r="D50370" s="14" t="s">
        <v>57</v>
      </c>
      <c r="E50370" s="15">
        <v>45741</v>
      </c>
      <c r="F50370" s="14" t="s">
        <v>53</v>
      </c>
      <c r="G50370" s="16">
        <v>5.2232925279826707</v>
      </c>
    </row>
    <row r="50371" spans="1:7" x14ac:dyDescent="0.3">
      <c r="A50371" s="13" t="s">
        <v>282</v>
      </c>
      <c r="B50371" s="14" t="s">
        <v>1</v>
      </c>
      <c r="C50371" s="14" t="s">
        <v>23</v>
      </c>
      <c r="D50371" s="14" t="s">
        <v>57</v>
      </c>
      <c r="E50371" s="15">
        <v>45742</v>
      </c>
      <c r="F50371" s="14" t="s">
        <v>53</v>
      </c>
      <c r="G50371" s="16">
        <v>5.2597192835824709</v>
      </c>
    </row>
    <row r="50372" spans="1:7" x14ac:dyDescent="0.3">
      <c r="A50372" s="13" t="s">
        <v>282</v>
      </c>
      <c r="B50372" s="14" t="s">
        <v>1</v>
      </c>
      <c r="C50372" s="14" t="s">
        <v>23</v>
      </c>
      <c r="D50372" s="14" t="s">
        <v>57</v>
      </c>
      <c r="E50372" s="15">
        <v>45743</v>
      </c>
      <c r="F50372" s="14" t="s">
        <v>53</v>
      </c>
      <c r="G50372" s="16">
        <v>5.2500743981015283</v>
      </c>
    </row>
    <row r="50373" spans="1:7" x14ac:dyDescent="0.3">
      <c r="A50373" s="13" t="s">
        <v>282</v>
      </c>
      <c r="B50373" s="14" t="s">
        <v>1</v>
      </c>
      <c r="C50373" s="14" t="s">
        <v>23</v>
      </c>
      <c r="D50373" s="14" t="s">
        <v>57</v>
      </c>
      <c r="E50373" s="15">
        <v>45744</v>
      </c>
      <c r="F50373" s="14" t="s">
        <v>53</v>
      </c>
      <c r="G50373" s="16">
        <v>5.2677462731333469</v>
      </c>
    </row>
    <row r="50374" spans="1:7" x14ac:dyDescent="0.3">
      <c r="A50374" s="13" t="s">
        <v>282</v>
      </c>
      <c r="B50374" s="14" t="s">
        <v>1</v>
      </c>
      <c r="C50374" s="14" t="s">
        <v>23</v>
      </c>
      <c r="D50374" s="14" t="s">
        <v>57</v>
      </c>
      <c r="E50374" s="15">
        <v>45745</v>
      </c>
      <c r="F50374" s="14" t="s">
        <v>53</v>
      </c>
      <c r="G50374" s="16">
        <v>5.2677462731333469</v>
      </c>
    </row>
    <row r="50375" spans="1:7" x14ac:dyDescent="0.3">
      <c r="A50375" s="13" t="s">
        <v>282</v>
      </c>
      <c r="B50375" s="14" t="s">
        <v>1</v>
      </c>
      <c r="C50375" s="14" t="s">
        <v>23</v>
      </c>
      <c r="D50375" s="14" t="s">
        <v>57</v>
      </c>
      <c r="E50375" s="15">
        <v>45746</v>
      </c>
      <c r="F50375" s="14" t="s">
        <v>53</v>
      </c>
      <c r="G50375" s="16">
        <v>5.2677462731333469</v>
      </c>
    </row>
    <row r="50376" spans="1:7" x14ac:dyDescent="0.3">
      <c r="A50376" s="13" t="s">
        <v>282</v>
      </c>
      <c r="B50376" s="14" t="s">
        <v>1</v>
      </c>
      <c r="C50376" s="14" t="s">
        <v>23</v>
      </c>
      <c r="D50376" s="14" t="s">
        <v>57</v>
      </c>
      <c r="E50376" s="15">
        <v>45747</v>
      </c>
      <c r="F50376" s="14" t="s">
        <v>53</v>
      </c>
      <c r="G50376" s="16">
        <v>5.2935988272717367</v>
      </c>
    </row>
    <row r="50377" spans="1:7" x14ac:dyDescent="0.3">
      <c r="A50377" s="13" t="s">
        <v>283</v>
      </c>
      <c r="B50377" s="14" t="s">
        <v>1</v>
      </c>
      <c r="C50377" s="14" t="s">
        <v>23</v>
      </c>
      <c r="D50377" s="14" t="s">
        <v>284</v>
      </c>
      <c r="E50377" s="15">
        <v>45383</v>
      </c>
      <c r="F50377" s="14" t="s">
        <v>61</v>
      </c>
      <c r="G50377" s="16">
        <v>0</v>
      </c>
    </row>
    <row r="50378" spans="1:7" x14ac:dyDescent="0.3">
      <c r="A50378" s="13" t="s">
        <v>283</v>
      </c>
      <c r="B50378" s="14" t="s">
        <v>1</v>
      </c>
      <c r="C50378" s="14" t="s">
        <v>23</v>
      </c>
      <c r="D50378" s="14" t="s">
        <v>284</v>
      </c>
      <c r="E50378" s="15">
        <v>45384</v>
      </c>
      <c r="F50378" s="14" t="s">
        <v>61</v>
      </c>
      <c r="G50378" s="16">
        <v>0</v>
      </c>
    </row>
    <row r="50379" spans="1:7" x14ac:dyDescent="0.3">
      <c r="A50379" s="13" t="s">
        <v>283</v>
      </c>
      <c r="B50379" s="14" t="s">
        <v>1</v>
      </c>
      <c r="C50379" s="14" t="s">
        <v>23</v>
      </c>
      <c r="D50379" s="14" t="s">
        <v>284</v>
      </c>
      <c r="E50379" s="15">
        <v>45385</v>
      </c>
      <c r="F50379" s="14" t="s">
        <v>61</v>
      </c>
      <c r="G50379" s="16">
        <v>7.5215889765341881E-2</v>
      </c>
    </row>
    <row r="50380" spans="1:7" x14ac:dyDescent="0.3">
      <c r="A50380" s="13" t="s">
        <v>283</v>
      </c>
      <c r="B50380" s="14" t="s">
        <v>1</v>
      </c>
      <c r="C50380" s="14" t="s">
        <v>23</v>
      </c>
      <c r="D50380" s="14" t="s">
        <v>284</v>
      </c>
      <c r="E50380" s="15">
        <v>45386</v>
      </c>
      <c r="F50380" s="14" t="s">
        <v>61</v>
      </c>
      <c r="G50380" s="16">
        <v>9.4257951129288448E-2</v>
      </c>
    </row>
    <row r="50381" spans="1:7" x14ac:dyDescent="0.3">
      <c r="A50381" s="13" t="s">
        <v>283</v>
      </c>
      <c r="B50381" s="14" t="s">
        <v>1</v>
      </c>
      <c r="C50381" s="14" t="s">
        <v>23</v>
      </c>
      <c r="D50381" s="14" t="s">
        <v>284</v>
      </c>
      <c r="E50381" s="15">
        <v>45387</v>
      </c>
      <c r="F50381" s="14" t="s">
        <v>61</v>
      </c>
      <c r="G50381" s="16">
        <v>0.12435293431026752</v>
      </c>
    </row>
    <row r="50382" spans="1:7" x14ac:dyDescent="0.3">
      <c r="A50382" s="13" t="s">
        <v>283</v>
      </c>
      <c r="B50382" s="14" t="s">
        <v>1</v>
      </c>
      <c r="C50382" s="14" t="s">
        <v>23</v>
      </c>
      <c r="D50382" s="14" t="s">
        <v>284</v>
      </c>
      <c r="E50382" s="15">
        <v>45388</v>
      </c>
      <c r="F50382" s="14" t="s">
        <v>61</v>
      </c>
      <c r="G50382" s="16">
        <v>0.12435293431026752</v>
      </c>
    </row>
    <row r="50383" spans="1:7" x14ac:dyDescent="0.3">
      <c r="A50383" s="13" t="s">
        <v>283</v>
      </c>
      <c r="B50383" s="14" t="s">
        <v>1</v>
      </c>
      <c r="C50383" s="14" t="s">
        <v>23</v>
      </c>
      <c r="D50383" s="14" t="s">
        <v>284</v>
      </c>
      <c r="E50383" s="15">
        <v>45389</v>
      </c>
      <c r="F50383" s="14" t="s">
        <v>61</v>
      </c>
      <c r="G50383" s="16">
        <v>0.12435293431026752</v>
      </c>
    </row>
    <row r="50384" spans="1:7" x14ac:dyDescent="0.3">
      <c r="A50384" s="13" t="s">
        <v>283</v>
      </c>
      <c r="B50384" s="14" t="s">
        <v>1</v>
      </c>
      <c r="C50384" s="14" t="s">
        <v>23</v>
      </c>
      <c r="D50384" s="14" t="s">
        <v>284</v>
      </c>
      <c r="E50384" s="15">
        <v>45390</v>
      </c>
      <c r="F50384" s="14" t="s">
        <v>61</v>
      </c>
      <c r="G50384" s="16">
        <v>0.14119037806545548</v>
      </c>
    </row>
    <row r="50385" spans="1:7" x14ac:dyDescent="0.3">
      <c r="A50385" s="13" t="s">
        <v>283</v>
      </c>
      <c r="B50385" s="14" t="s">
        <v>1</v>
      </c>
      <c r="C50385" s="14" t="s">
        <v>23</v>
      </c>
      <c r="D50385" s="14" t="s">
        <v>284</v>
      </c>
      <c r="E50385" s="15">
        <v>45391</v>
      </c>
      <c r="F50385" s="14" t="s">
        <v>61</v>
      </c>
      <c r="G50385" s="16">
        <v>0.19225142178259239</v>
      </c>
    </row>
    <row r="50386" spans="1:7" x14ac:dyDescent="0.3">
      <c r="A50386" s="13" t="s">
        <v>283</v>
      </c>
      <c r="B50386" s="14" t="s">
        <v>1</v>
      </c>
      <c r="C50386" s="14" t="s">
        <v>23</v>
      </c>
      <c r="D50386" s="14" t="s">
        <v>284</v>
      </c>
      <c r="E50386" s="15">
        <v>45392</v>
      </c>
      <c r="F50386" s="14" t="s">
        <v>61</v>
      </c>
      <c r="G50386" s="16">
        <v>0.21464817189480306</v>
      </c>
    </row>
    <row r="50387" spans="1:7" x14ac:dyDescent="0.3">
      <c r="A50387" s="13" t="s">
        <v>283</v>
      </c>
      <c r="B50387" s="14" t="s">
        <v>1</v>
      </c>
      <c r="C50387" s="14" t="s">
        <v>23</v>
      </c>
      <c r="D50387" s="14" t="s">
        <v>284</v>
      </c>
      <c r="E50387" s="15">
        <v>45393</v>
      </c>
      <c r="F50387" s="14" t="s">
        <v>61</v>
      </c>
      <c r="G50387" s="16">
        <v>0.23361571058272232</v>
      </c>
    </row>
    <row r="50388" spans="1:7" x14ac:dyDescent="0.3">
      <c r="A50388" s="13" t="s">
        <v>283</v>
      </c>
      <c r="B50388" s="14" t="s">
        <v>1</v>
      </c>
      <c r="C50388" s="14" t="s">
        <v>23</v>
      </c>
      <c r="D50388" s="14" t="s">
        <v>284</v>
      </c>
      <c r="E50388" s="15">
        <v>45394</v>
      </c>
      <c r="F50388" s="14" t="s">
        <v>61</v>
      </c>
      <c r="G50388" s="16">
        <v>0.2526489199880198</v>
      </c>
    </row>
    <row r="50389" spans="1:7" x14ac:dyDescent="0.3">
      <c r="A50389" s="13" t="s">
        <v>283</v>
      </c>
      <c r="B50389" s="14" t="s">
        <v>1</v>
      </c>
      <c r="C50389" s="14" t="s">
        <v>23</v>
      </c>
      <c r="D50389" s="14" t="s">
        <v>284</v>
      </c>
      <c r="E50389" s="15">
        <v>45395</v>
      </c>
      <c r="F50389" s="14" t="s">
        <v>61</v>
      </c>
      <c r="G50389" s="16">
        <v>0.2526489199880198</v>
      </c>
    </row>
    <row r="50390" spans="1:7" x14ac:dyDescent="0.3">
      <c r="A50390" s="13" t="s">
        <v>283</v>
      </c>
      <c r="B50390" s="14" t="s">
        <v>1</v>
      </c>
      <c r="C50390" s="14" t="s">
        <v>23</v>
      </c>
      <c r="D50390" s="14" t="s">
        <v>284</v>
      </c>
      <c r="E50390" s="15">
        <v>45396</v>
      </c>
      <c r="F50390" s="14" t="s">
        <v>61</v>
      </c>
      <c r="G50390" s="16">
        <v>0.2526489199880198</v>
      </c>
    </row>
    <row r="50391" spans="1:7" x14ac:dyDescent="0.3">
      <c r="A50391" s="13" t="s">
        <v>283</v>
      </c>
      <c r="B50391" s="14" t="s">
        <v>1</v>
      </c>
      <c r="C50391" s="14" t="s">
        <v>23</v>
      </c>
      <c r="D50391" s="14" t="s">
        <v>284</v>
      </c>
      <c r="E50391" s="15">
        <v>45397</v>
      </c>
      <c r="F50391" s="14" t="s">
        <v>61</v>
      </c>
      <c r="G50391" s="16">
        <v>0.27169263815963379</v>
      </c>
    </row>
    <row r="50392" spans="1:7" x14ac:dyDescent="0.3">
      <c r="A50392" s="13" t="s">
        <v>283</v>
      </c>
      <c r="B50392" s="14" t="s">
        <v>1</v>
      </c>
      <c r="C50392" s="14" t="s">
        <v>23</v>
      </c>
      <c r="D50392" s="14" t="s">
        <v>284</v>
      </c>
      <c r="E50392" s="15">
        <v>45398</v>
      </c>
      <c r="F50392" s="14" t="s">
        <v>61</v>
      </c>
      <c r="G50392" s="16">
        <v>0.32227524739617269</v>
      </c>
    </row>
    <row r="50393" spans="1:7" x14ac:dyDescent="0.3">
      <c r="A50393" s="13" t="s">
        <v>283</v>
      </c>
      <c r="B50393" s="14" t="s">
        <v>1</v>
      </c>
      <c r="C50393" s="14" t="s">
        <v>23</v>
      </c>
      <c r="D50393" s="14" t="s">
        <v>284</v>
      </c>
      <c r="E50393" s="15">
        <v>45399</v>
      </c>
      <c r="F50393" s="14" t="s">
        <v>61</v>
      </c>
      <c r="G50393" s="16">
        <v>0.33737878369716151</v>
      </c>
    </row>
    <row r="50394" spans="1:7" x14ac:dyDescent="0.3">
      <c r="A50394" s="13" t="s">
        <v>283</v>
      </c>
      <c r="B50394" s="14" t="s">
        <v>1</v>
      </c>
      <c r="C50394" s="14" t="s">
        <v>23</v>
      </c>
      <c r="D50394" s="14" t="s">
        <v>284</v>
      </c>
      <c r="E50394" s="15">
        <v>45400</v>
      </c>
      <c r="F50394" s="14" t="s">
        <v>61</v>
      </c>
      <c r="G50394" s="16">
        <v>0.35510082880062044</v>
      </c>
    </row>
    <row r="50395" spans="1:7" x14ac:dyDescent="0.3">
      <c r="A50395" s="13" t="s">
        <v>283</v>
      </c>
      <c r="B50395" s="14" t="s">
        <v>1</v>
      </c>
      <c r="C50395" s="14" t="s">
        <v>23</v>
      </c>
      <c r="D50395" s="14" t="s">
        <v>284</v>
      </c>
      <c r="E50395" s="15">
        <v>45401</v>
      </c>
      <c r="F50395" s="14" t="s">
        <v>61</v>
      </c>
      <c r="G50395" s="16">
        <v>0.37155939559457174</v>
      </c>
    </row>
    <row r="50396" spans="1:7" x14ac:dyDescent="0.3">
      <c r="A50396" s="13" t="s">
        <v>283</v>
      </c>
      <c r="B50396" s="14" t="s">
        <v>1</v>
      </c>
      <c r="C50396" s="14" t="s">
        <v>23</v>
      </c>
      <c r="D50396" s="14" t="s">
        <v>284</v>
      </c>
      <c r="E50396" s="15">
        <v>45402</v>
      </c>
      <c r="F50396" s="14" t="s">
        <v>61</v>
      </c>
      <c r="G50396" s="16">
        <v>0.37155939559457174</v>
      </c>
    </row>
    <row r="50397" spans="1:7" x14ac:dyDescent="0.3">
      <c r="A50397" s="13" t="s">
        <v>283</v>
      </c>
      <c r="B50397" s="14" t="s">
        <v>1</v>
      </c>
      <c r="C50397" s="14" t="s">
        <v>23</v>
      </c>
      <c r="D50397" s="14" t="s">
        <v>284</v>
      </c>
      <c r="E50397" s="15">
        <v>45403</v>
      </c>
      <c r="F50397" s="14" t="s">
        <v>61</v>
      </c>
      <c r="G50397" s="16">
        <v>0.37155939559457174</v>
      </c>
    </row>
    <row r="50398" spans="1:7" x14ac:dyDescent="0.3">
      <c r="A50398" s="13" t="s">
        <v>283</v>
      </c>
      <c r="B50398" s="14" t="s">
        <v>1</v>
      </c>
      <c r="C50398" s="14" t="s">
        <v>23</v>
      </c>
      <c r="D50398" s="14" t="s">
        <v>284</v>
      </c>
      <c r="E50398" s="15">
        <v>45404</v>
      </c>
      <c r="F50398" s="14" t="s">
        <v>61</v>
      </c>
      <c r="G50398" s="16">
        <v>0.39591483952906664</v>
      </c>
    </row>
    <row r="50399" spans="1:7" x14ac:dyDescent="0.3">
      <c r="A50399" s="13" t="s">
        <v>283</v>
      </c>
      <c r="B50399" s="14" t="s">
        <v>1</v>
      </c>
      <c r="C50399" s="14" t="s">
        <v>23</v>
      </c>
      <c r="D50399" s="14" t="s">
        <v>284</v>
      </c>
      <c r="E50399" s="15">
        <v>45405</v>
      </c>
      <c r="F50399" s="14" t="s">
        <v>61</v>
      </c>
      <c r="G50399" s="16">
        <v>0.43764668787748895</v>
      </c>
    </row>
    <row r="50400" spans="1:7" x14ac:dyDescent="0.3">
      <c r="A50400" s="13" t="s">
        <v>283</v>
      </c>
      <c r="B50400" s="14" t="s">
        <v>1</v>
      </c>
      <c r="C50400" s="14" t="s">
        <v>23</v>
      </c>
      <c r="D50400" s="14" t="s">
        <v>284</v>
      </c>
      <c r="E50400" s="15">
        <v>45406</v>
      </c>
      <c r="F50400" s="14" t="s">
        <v>61</v>
      </c>
      <c r="G50400" s="16">
        <v>0.45158617658378658</v>
      </c>
    </row>
    <row r="50401" spans="1:7" x14ac:dyDescent="0.3">
      <c r="A50401" s="13" t="s">
        <v>283</v>
      </c>
      <c r="B50401" s="14" t="s">
        <v>1</v>
      </c>
      <c r="C50401" s="14" t="s">
        <v>23</v>
      </c>
      <c r="D50401" s="14" t="s">
        <v>284</v>
      </c>
      <c r="E50401" s="15">
        <v>45407</v>
      </c>
      <c r="F50401" s="14" t="s">
        <v>61</v>
      </c>
      <c r="G50401" s="16">
        <v>0.41500401554125804</v>
      </c>
    </row>
    <row r="50402" spans="1:7" x14ac:dyDescent="0.3">
      <c r="A50402" s="13" t="s">
        <v>283</v>
      </c>
      <c r="B50402" s="14" t="s">
        <v>1</v>
      </c>
      <c r="C50402" s="14" t="s">
        <v>23</v>
      </c>
      <c r="D50402" s="14" t="s">
        <v>284</v>
      </c>
      <c r="E50402" s="15">
        <v>45408</v>
      </c>
      <c r="F50402" s="14" t="s">
        <v>61</v>
      </c>
      <c r="G50402" s="16">
        <v>0.43187358242853474</v>
      </c>
    </row>
    <row r="50403" spans="1:7" x14ac:dyDescent="0.3">
      <c r="A50403" s="13" t="s">
        <v>283</v>
      </c>
      <c r="B50403" s="14" t="s">
        <v>1</v>
      </c>
      <c r="C50403" s="14" t="s">
        <v>23</v>
      </c>
      <c r="D50403" s="14" t="s">
        <v>284</v>
      </c>
      <c r="E50403" s="15">
        <v>45409</v>
      </c>
      <c r="F50403" s="14" t="s">
        <v>61</v>
      </c>
      <c r="G50403" s="16">
        <v>0.43187358242853474</v>
      </c>
    </row>
    <row r="50404" spans="1:7" x14ac:dyDescent="0.3">
      <c r="A50404" s="13" t="s">
        <v>283</v>
      </c>
      <c r="B50404" s="14" t="s">
        <v>1</v>
      </c>
      <c r="C50404" s="14" t="s">
        <v>23</v>
      </c>
      <c r="D50404" s="14" t="s">
        <v>284</v>
      </c>
      <c r="E50404" s="15">
        <v>45410</v>
      </c>
      <c r="F50404" s="14" t="s">
        <v>61</v>
      </c>
      <c r="G50404" s="16">
        <v>0.43187358242853474</v>
      </c>
    </row>
    <row r="50405" spans="1:7" x14ac:dyDescent="0.3">
      <c r="A50405" s="13" t="s">
        <v>283</v>
      </c>
      <c r="B50405" s="14" t="s">
        <v>1</v>
      </c>
      <c r="C50405" s="14" t="s">
        <v>23</v>
      </c>
      <c r="D50405" s="14" t="s">
        <v>284</v>
      </c>
      <c r="E50405" s="15">
        <v>45411</v>
      </c>
      <c r="F50405" s="14" t="s">
        <v>61</v>
      </c>
      <c r="G50405" s="16">
        <v>0.44808934842338527</v>
      </c>
    </row>
    <row r="50406" spans="1:7" x14ac:dyDescent="0.3">
      <c r="A50406" s="13" t="s">
        <v>283</v>
      </c>
      <c r="B50406" s="14" t="s">
        <v>1</v>
      </c>
      <c r="C50406" s="14" t="s">
        <v>23</v>
      </c>
      <c r="D50406" s="14" t="s">
        <v>284</v>
      </c>
      <c r="E50406" s="15">
        <v>45412</v>
      </c>
      <c r="F50406" s="14" t="s">
        <v>61</v>
      </c>
      <c r="G50406" s="16">
        <v>0.50255782978975727</v>
      </c>
    </row>
    <row r="50407" spans="1:7" x14ac:dyDescent="0.3">
      <c r="A50407" s="13" t="s">
        <v>283</v>
      </c>
      <c r="B50407" s="14" t="s">
        <v>1</v>
      </c>
      <c r="C50407" s="14" t="s">
        <v>23</v>
      </c>
      <c r="D50407" s="14" t="s">
        <v>284</v>
      </c>
      <c r="E50407" s="15">
        <v>45413</v>
      </c>
      <c r="F50407" s="14" t="s">
        <v>61</v>
      </c>
      <c r="G50407" s="16">
        <v>0.51762937102617135</v>
      </c>
    </row>
    <row r="50408" spans="1:7" x14ac:dyDescent="0.3">
      <c r="A50408" s="13" t="s">
        <v>283</v>
      </c>
      <c r="B50408" s="14" t="s">
        <v>1</v>
      </c>
      <c r="C50408" s="14" t="s">
        <v>23</v>
      </c>
      <c r="D50408" s="14" t="s">
        <v>284</v>
      </c>
      <c r="E50408" s="15">
        <v>45414</v>
      </c>
      <c r="F50408" s="14" t="s">
        <v>61</v>
      </c>
      <c r="G50408" s="16">
        <v>0.53449272082400678</v>
      </c>
    </row>
    <row r="50409" spans="1:7" x14ac:dyDescent="0.3">
      <c r="A50409" s="13" t="s">
        <v>283</v>
      </c>
      <c r="B50409" s="14" t="s">
        <v>1</v>
      </c>
      <c r="C50409" s="14" t="s">
        <v>23</v>
      </c>
      <c r="D50409" s="14" t="s">
        <v>284</v>
      </c>
      <c r="E50409" s="15">
        <v>45415</v>
      </c>
      <c r="F50409" s="14" t="s">
        <v>61</v>
      </c>
      <c r="G50409" s="16">
        <v>0.55004188432540357</v>
      </c>
    </row>
    <row r="50410" spans="1:7" x14ac:dyDescent="0.3">
      <c r="A50410" s="13" t="s">
        <v>283</v>
      </c>
      <c r="B50410" s="14" t="s">
        <v>1</v>
      </c>
      <c r="C50410" s="14" t="s">
        <v>23</v>
      </c>
      <c r="D50410" s="14" t="s">
        <v>284</v>
      </c>
      <c r="E50410" s="15">
        <v>45416</v>
      </c>
      <c r="F50410" s="14" t="s">
        <v>61</v>
      </c>
      <c r="G50410" s="16">
        <v>0.55004188432540357</v>
      </c>
    </row>
    <row r="50411" spans="1:7" x14ac:dyDescent="0.3">
      <c r="A50411" s="13" t="s">
        <v>283</v>
      </c>
      <c r="B50411" s="14" t="s">
        <v>1</v>
      </c>
      <c r="C50411" s="14" t="s">
        <v>23</v>
      </c>
      <c r="D50411" s="14" t="s">
        <v>284</v>
      </c>
      <c r="E50411" s="15">
        <v>45417</v>
      </c>
      <c r="F50411" s="14" t="s">
        <v>61</v>
      </c>
      <c r="G50411" s="16">
        <v>0.55004188432540357</v>
      </c>
    </row>
    <row r="50412" spans="1:7" x14ac:dyDescent="0.3">
      <c r="A50412" s="13" t="s">
        <v>283</v>
      </c>
      <c r="B50412" s="14" t="s">
        <v>1</v>
      </c>
      <c r="C50412" s="14" t="s">
        <v>23</v>
      </c>
      <c r="D50412" s="14" t="s">
        <v>284</v>
      </c>
      <c r="E50412" s="15">
        <v>45418</v>
      </c>
      <c r="F50412" s="14" t="s">
        <v>61</v>
      </c>
      <c r="G50412" s="16">
        <v>0.55004188432540357</v>
      </c>
    </row>
    <row r="50413" spans="1:7" x14ac:dyDescent="0.3">
      <c r="A50413" s="13" t="s">
        <v>283</v>
      </c>
      <c r="B50413" s="14" t="s">
        <v>1</v>
      </c>
      <c r="C50413" s="14" t="s">
        <v>23</v>
      </c>
      <c r="D50413" s="14" t="s">
        <v>284</v>
      </c>
      <c r="E50413" s="15">
        <v>45419</v>
      </c>
      <c r="F50413" s="14" t="s">
        <v>61</v>
      </c>
      <c r="G50413" s="16">
        <v>0.56687719920248736</v>
      </c>
    </row>
    <row r="50414" spans="1:7" x14ac:dyDescent="0.3">
      <c r="A50414" s="13" t="s">
        <v>283</v>
      </c>
      <c r="B50414" s="14" t="s">
        <v>1</v>
      </c>
      <c r="C50414" s="14" t="s">
        <v>23</v>
      </c>
      <c r="D50414" s="14" t="s">
        <v>284</v>
      </c>
      <c r="E50414" s="15">
        <v>45420</v>
      </c>
      <c r="F50414" s="14" t="s">
        <v>61</v>
      </c>
      <c r="G50414" s="16">
        <v>0.65225845783203273</v>
      </c>
    </row>
    <row r="50415" spans="1:7" x14ac:dyDescent="0.3">
      <c r="A50415" s="13" t="s">
        <v>283</v>
      </c>
      <c r="B50415" s="14" t="s">
        <v>1</v>
      </c>
      <c r="C50415" s="14" t="s">
        <v>23</v>
      </c>
      <c r="D50415" s="14" t="s">
        <v>284</v>
      </c>
      <c r="E50415" s="15">
        <v>45421</v>
      </c>
      <c r="F50415" s="14" t="s">
        <v>61</v>
      </c>
      <c r="G50415" s="16">
        <v>0.66763214432372875</v>
      </c>
    </row>
    <row r="50416" spans="1:7" x14ac:dyDescent="0.3">
      <c r="A50416" s="13" t="s">
        <v>283</v>
      </c>
      <c r="B50416" s="14" t="s">
        <v>1</v>
      </c>
      <c r="C50416" s="14" t="s">
        <v>23</v>
      </c>
      <c r="D50416" s="14" t="s">
        <v>284</v>
      </c>
      <c r="E50416" s="15">
        <v>45422</v>
      </c>
      <c r="F50416" s="14" t="s">
        <v>61</v>
      </c>
      <c r="G50416" s="16">
        <v>0.68536176462694653</v>
      </c>
    </row>
    <row r="50417" spans="1:7" x14ac:dyDescent="0.3">
      <c r="A50417" s="13" t="s">
        <v>283</v>
      </c>
      <c r="B50417" s="14" t="s">
        <v>1</v>
      </c>
      <c r="C50417" s="14" t="s">
        <v>23</v>
      </c>
      <c r="D50417" s="14" t="s">
        <v>284</v>
      </c>
      <c r="E50417" s="15">
        <v>45423</v>
      </c>
      <c r="F50417" s="14" t="s">
        <v>61</v>
      </c>
      <c r="G50417" s="16">
        <v>0.68536176462694653</v>
      </c>
    </row>
    <row r="50418" spans="1:7" x14ac:dyDescent="0.3">
      <c r="A50418" s="13" t="s">
        <v>283</v>
      </c>
      <c r="B50418" s="14" t="s">
        <v>1</v>
      </c>
      <c r="C50418" s="14" t="s">
        <v>23</v>
      </c>
      <c r="D50418" s="14" t="s">
        <v>284</v>
      </c>
      <c r="E50418" s="15">
        <v>45424</v>
      </c>
      <c r="F50418" s="14" t="s">
        <v>61</v>
      </c>
      <c r="G50418" s="16">
        <v>0.68536176462694653</v>
      </c>
    </row>
    <row r="50419" spans="1:7" x14ac:dyDescent="0.3">
      <c r="A50419" s="13" t="s">
        <v>283</v>
      </c>
      <c r="B50419" s="14" t="s">
        <v>1</v>
      </c>
      <c r="C50419" s="14" t="s">
        <v>23</v>
      </c>
      <c r="D50419" s="14" t="s">
        <v>284</v>
      </c>
      <c r="E50419" s="15">
        <v>45425</v>
      </c>
      <c r="F50419" s="14" t="s">
        <v>61</v>
      </c>
      <c r="G50419" s="16">
        <v>0.70209917221889162</v>
      </c>
    </row>
    <row r="50420" spans="1:7" x14ac:dyDescent="0.3">
      <c r="A50420" s="13" t="s">
        <v>283</v>
      </c>
      <c r="B50420" s="14" t="s">
        <v>1</v>
      </c>
      <c r="C50420" s="14" t="s">
        <v>23</v>
      </c>
      <c r="D50420" s="14" t="s">
        <v>284</v>
      </c>
      <c r="E50420" s="15">
        <v>45426</v>
      </c>
      <c r="F50420" s="14" t="s">
        <v>61</v>
      </c>
      <c r="G50420" s="16">
        <v>0.75319105200210745</v>
      </c>
    </row>
    <row r="50421" spans="1:7" x14ac:dyDescent="0.3">
      <c r="A50421" s="13" t="s">
        <v>283</v>
      </c>
      <c r="B50421" s="14" t="s">
        <v>1</v>
      </c>
      <c r="C50421" s="14" t="s">
        <v>23</v>
      </c>
      <c r="D50421" s="14" t="s">
        <v>284</v>
      </c>
      <c r="E50421" s="15">
        <v>45427</v>
      </c>
      <c r="F50421" s="14" t="s">
        <v>61</v>
      </c>
      <c r="G50421" s="16">
        <v>0.76582761439702374</v>
      </c>
    </row>
    <row r="50422" spans="1:7" x14ac:dyDescent="0.3">
      <c r="A50422" s="13" t="s">
        <v>283</v>
      </c>
      <c r="B50422" s="14" t="s">
        <v>1</v>
      </c>
      <c r="C50422" s="14" t="s">
        <v>23</v>
      </c>
      <c r="D50422" s="14" t="s">
        <v>284</v>
      </c>
      <c r="E50422" s="15">
        <v>45428</v>
      </c>
      <c r="F50422" s="14" t="s">
        <v>61</v>
      </c>
      <c r="G50422" s="16">
        <v>0.78434023446890422</v>
      </c>
    </row>
    <row r="50423" spans="1:7" x14ac:dyDescent="0.3">
      <c r="A50423" s="13" t="s">
        <v>283</v>
      </c>
      <c r="B50423" s="14" t="s">
        <v>1</v>
      </c>
      <c r="C50423" s="14" t="s">
        <v>23</v>
      </c>
      <c r="D50423" s="14" t="s">
        <v>284</v>
      </c>
      <c r="E50423" s="15">
        <v>45429</v>
      </c>
      <c r="F50423" s="14" t="s">
        <v>61</v>
      </c>
      <c r="G50423" s="16">
        <v>0.80138340515092199</v>
      </c>
    </row>
    <row r="50424" spans="1:7" x14ac:dyDescent="0.3">
      <c r="A50424" s="13" t="s">
        <v>283</v>
      </c>
      <c r="B50424" s="14" t="s">
        <v>1</v>
      </c>
      <c r="C50424" s="14" t="s">
        <v>23</v>
      </c>
      <c r="D50424" s="14" t="s">
        <v>284</v>
      </c>
      <c r="E50424" s="15">
        <v>45430</v>
      </c>
      <c r="F50424" s="14" t="s">
        <v>61</v>
      </c>
      <c r="G50424" s="16">
        <v>0.80138340515092199</v>
      </c>
    </row>
    <row r="50425" spans="1:7" x14ac:dyDescent="0.3">
      <c r="A50425" s="13" t="s">
        <v>283</v>
      </c>
      <c r="B50425" s="14" t="s">
        <v>1</v>
      </c>
      <c r="C50425" s="14" t="s">
        <v>23</v>
      </c>
      <c r="D50425" s="14" t="s">
        <v>284</v>
      </c>
      <c r="E50425" s="15">
        <v>45431</v>
      </c>
      <c r="F50425" s="14" t="s">
        <v>61</v>
      </c>
      <c r="G50425" s="16">
        <v>0.80138340515092199</v>
      </c>
    </row>
    <row r="50426" spans="1:7" x14ac:dyDescent="0.3">
      <c r="A50426" s="13" t="s">
        <v>283</v>
      </c>
      <c r="B50426" s="14" t="s">
        <v>1</v>
      </c>
      <c r="C50426" s="14" t="s">
        <v>23</v>
      </c>
      <c r="D50426" s="14" t="s">
        <v>284</v>
      </c>
      <c r="E50426" s="15">
        <v>45432</v>
      </c>
      <c r="F50426" s="14" t="s">
        <v>61</v>
      </c>
      <c r="G50426" s="16">
        <v>0.82014239274431777</v>
      </c>
    </row>
    <row r="50427" spans="1:7" x14ac:dyDescent="0.3">
      <c r="A50427" s="13" t="s">
        <v>283</v>
      </c>
      <c r="B50427" s="14" t="s">
        <v>1</v>
      </c>
      <c r="C50427" s="14" t="s">
        <v>23</v>
      </c>
      <c r="D50427" s="14" t="s">
        <v>284</v>
      </c>
      <c r="E50427" s="15">
        <v>45433</v>
      </c>
      <c r="F50427" s="14" t="s">
        <v>61</v>
      </c>
      <c r="G50427" s="16">
        <v>0.87295676901909713</v>
      </c>
    </row>
    <row r="50428" spans="1:7" x14ac:dyDescent="0.3">
      <c r="A50428" s="13" t="s">
        <v>283</v>
      </c>
      <c r="B50428" s="14" t="s">
        <v>1</v>
      </c>
      <c r="C50428" s="14" t="s">
        <v>23</v>
      </c>
      <c r="D50428" s="14" t="s">
        <v>284</v>
      </c>
      <c r="E50428" s="15">
        <v>45434</v>
      </c>
      <c r="F50428" s="14" t="s">
        <v>61</v>
      </c>
      <c r="G50428" s="16">
        <v>0.89289085275720326</v>
      </c>
    </row>
    <row r="50429" spans="1:7" x14ac:dyDescent="0.3">
      <c r="A50429" s="13" t="s">
        <v>283</v>
      </c>
      <c r="B50429" s="14" t="s">
        <v>1</v>
      </c>
      <c r="C50429" s="14" t="s">
        <v>23</v>
      </c>
      <c r="D50429" s="14" t="s">
        <v>284</v>
      </c>
      <c r="E50429" s="15">
        <v>45435</v>
      </c>
      <c r="F50429" s="14" t="s">
        <v>61</v>
      </c>
      <c r="G50429" s="16">
        <v>0.9137805590859881</v>
      </c>
    </row>
    <row r="50430" spans="1:7" x14ac:dyDescent="0.3">
      <c r="A50430" s="13" t="s">
        <v>283</v>
      </c>
      <c r="B50430" s="14" t="s">
        <v>1</v>
      </c>
      <c r="C50430" s="14" t="s">
        <v>23</v>
      </c>
      <c r="D50430" s="14" t="s">
        <v>284</v>
      </c>
      <c r="E50430" s="15">
        <v>45436</v>
      </c>
      <c r="F50430" s="14" t="s">
        <v>61</v>
      </c>
      <c r="G50430" s="16">
        <v>0.9279936407344529</v>
      </c>
    </row>
    <row r="50431" spans="1:7" x14ac:dyDescent="0.3">
      <c r="A50431" s="13" t="s">
        <v>283</v>
      </c>
      <c r="B50431" s="14" t="s">
        <v>1</v>
      </c>
      <c r="C50431" s="14" t="s">
        <v>23</v>
      </c>
      <c r="D50431" s="14" t="s">
        <v>284</v>
      </c>
      <c r="E50431" s="15">
        <v>45437</v>
      </c>
      <c r="F50431" s="14" t="s">
        <v>61</v>
      </c>
      <c r="G50431" s="16">
        <v>0.9279936407344529</v>
      </c>
    </row>
    <row r="50432" spans="1:7" x14ac:dyDescent="0.3">
      <c r="A50432" s="13" t="s">
        <v>283</v>
      </c>
      <c r="B50432" s="14" t="s">
        <v>1</v>
      </c>
      <c r="C50432" s="14" t="s">
        <v>23</v>
      </c>
      <c r="D50432" s="14" t="s">
        <v>284</v>
      </c>
      <c r="E50432" s="15">
        <v>45438</v>
      </c>
      <c r="F50432" s="14" t="s">
        <v>61</v>
      </c>
      <c r="G50432" s="16">
        <v>0.9279936407344529</v>
      </c>
    </row>
    <row r="50433" spans="1:7" x14ac:dyDescent="0.3">
      <c r="A50433" s="13" t="s">
        <v>283</v>
      </c>
      <c r="B50433" s="14" t="s">
        <v>1</v>
      </c>
      <c r="C50433" s="14" t="s">
        <v>23</v>
      </c>
      <c r="D50433" s="14" t="s">
        <v>284</v>
      </c>
      <c r="E50433" s="15">
        <v>45439</v>
      </c>
      <c r="F50433" s="14" t="s">
        <v>61</v>
      </c>
      <c r="G50433" s="16">
        <v>0.9279936407344529</v>
      </c>
    </row>
    <row r="50434" spans="1:7" x14ac:dyDescent="0.3">
      <c r="A50434" s="13" t="s">
        <v>283</v>
      </c>
      <c r="B50434" s="14" t="s">
        <v>1</v>
      </c>
      <c r="C50434" s="14" t="s">
        <v>23</v>
      </c>
      <c r="D50434" s="14" t="s">
        <v>284</v>
      </c>
      <c r="E50434" s="15">
        <v>45440</v>
      </c>
      <c r="F50434" s="14" t="s">
        <v>61</v>
      </c>
      <c r="G50434" s="16">
        <v>0.94416984563456252</v>
      </c>
    </row>
    <row r="50435" spans="1:7" x14ac:dyDescent="0.3">
      <c r="A50435" s="13" t="s">
        <v>283</v>
      </c>
      <c r="B50435" s="14" t="s">
        <v>1</v>
      </c>
      <c r="C50435" s="14" t="s">
        <v>23</v>
      </c>
      <c r="D50435" s="14" t="s">
        <v>284</v>
      </c>
      <c r="E50435" s="15">
        <v>45441</v>
      </c>
      <c r="F50435" s="14" t="s">
        <v>61</v>
      </c>
      <c r="G50435" s="16">
        <v>1.0127843956078886</v>
      </c>
    </row>
    <row r="50436" spans="1:7" x14ac:dyDescent="0.3">
      <c r="A50436" s="13" t="s">
        <v>283</v>
      </c>
      <c r="B50436" s="14" t="s">
        <v>1</v>
      </c>
      <c r="C50436" s="14" t="s">
        <v>23</v>
      </c>
      <c r="D50436" s="14" t="s">
        <v>284</v>
      </c>
      <c r="E50436" s="15">
        <v>45442</v>
      </c>
      <c r="F50436" s="14" t="s">
        <v>61</v>
      </c>
      <c r="G50436" s="16">
        <v>1.0290160355988189</v>
      </c>
    </row>
    <row r="50437" spans="1:7" x14ac:dyDescent="0.3">
      <c r="A50437" s="13" t="s">
        <v>283</v>
      </c>
      <c r="B50437" s="14" t="s">
        <v>1</v>
      </c>
      <c r="C50437" s="14" t="s">
        <v>23</v>
      </c>
      <c r="D50437" s="14" t="s">
        <v>284</v>
      </c>
      <c r="E50437" s="15">
        <v>45443</v>
      </c>
      <c r="F50437" s="14" t="s">
        <v>61</v>
      </c>
      <c r="G50437" s="16">
        <v>1.0397778501113579</v>
      </c>
    </row>
    <row r="50438" spans="1:7" x14ac:dyDescent="0.3">
      <c r="A50438" s="13" t="s">
        <v>283</v>
      </c>
      <c r="B50438" s="14" t="s">
        <v>1</v>
      </c>
      <c r="C50438" s="14" t="s">
        <v>23</v>
      </c>
      <c r="D50438" s="14" t="s">
        <v>284</v>
      </c>
      <c r="E50438" s="15">
        <v>45444</v>
      </c>
      <c r="F50438" s="14" t="s">
        <v>61</v>
      </c>
      <c r="G50438" s="16">
        <v>1.0397778501113579</v>
      </c>
    </row>
    <row r="50439" spans="1:7" x14ac:dyDescent="0.3">
      <c r="A50439" s="13" t="s">
        <v>283</v>
      </c>
      <c r="B50439" s="14" t="s">
        <v>1</v>
      </c>
      <c r="C50439" s="14" t="s">
        <v>23</v>
      </c>
      <c r="D50439" s="14" t="s">
        <v>284</v>
      </c>
      <c r="E50439" s="15">
        <v>45445</v>
      </c>
      <c r="F50439" s="14" t="s">
        <v>61</v>
      </c>
      <c r="G50439" s="16">
        <v>1.0397778501113579</v>
      </c>
    </row>
    <row r="50440" spans="1:7" x14ac:dyDescent="0.3">
      <c r="A50440" s="13" t="s">
        <v>283</v>
      </c>
      <c r="B50440" s="14" t="s">
        <v>1</v>
      </c>
      <c r="C50440" s="14" t="s">
        <v>23</v>
      </c>
      <c r="D50440" s="14" t="s">
        <v>284</v>
      </c>
      <c r="E50440" s="15">
        <v>45446</v>
      </c>
      <c r="F50440" s="14" t="s">
        <v>61</v>
      </c>
      <c r="G50440" s="16">
        <v>1.0397778501113579</v>
      </c>
    </row>
    <row r="50441" spans="1:7" x14ac:dyDescent="0.3">
      <c r="A50441" s="13" t="s">
        <v>283</v>
      </c>
      <c r="B50441" s="14" t="s">
        <v>1</v>
      </c>
      <c r="C50441" s="14" t="s">
        <v>23</v>
      </c>
      <c r="D50441" s="14" t="s">
        <v>284</v>
      </c>
      <c r="E50441" s="15">
        <v>45447</v>
      </c>
      <c r="F50441" s="14" t="s">
        <v>61</v>
      </c>
      <c r="G50441" s="16">
        <v>1.0563144387496384</v>
      </c>
    </row>
    <row r="50442" spans="1:7" x14ac:dyDescent="0.3">
      <c r="A50442" s="13" t="s">
        <v>283</v>
      </c>
      <c r="B50442" s="14" t="s">
        <v>1</v>
      </c>
      <c r="C50442" s="14" t="s">
        <v>23</v>
      </c>
      <c r="D50442" s="14" t="s">
        <v>284</v>
      </c>
      <c r="E50442" s="15">
        <v>45448</v>
      </c>
      <c r="F50442" s="14" t="s">
        <v>61</v>
      </c>
      <c r="G50442" s="16">
        <v>1.1307300650522909</v>
      </c>
    </row>
    <row r="50443" spans="1:7" x14ac:dyDescent="0.3">
      <c r="A50443" s="13" t="s">
        <v>283</v>
      </c>
      <c r="B50443" s="14" t="s">
        <v>1</v>
      </c>
      <c r="C50443" s="14" t="s">
        <v>23</v>
      </c>
      <c r="D50443" s="14" t="s">
        <v>284</v>
      </c>
      <c r="E50443" s="15">
        <v>45449</v>
      </c>
      <c r="F50443" s="14" t="s">
        <v>61</v>
      </c>
      <c r="G50443" s="16">
        <v>1.1450955220107815</v>
      </c>
    </row>
    <row r="50444" spans="1:7" x14ac:dyDescent="0.3">
      <c r="A50444" s="13" t="s">
        <v>283</v>
      </c>
      <c r="B50444" s="14" t="s">
        <v>1</v>
      </c>
      <c r="C50444" s="14" t="s">
        <v>23</v>
      </c>
      <c r="D50444" s="14" t="s">
        <v>284</v>
      </c>
      <c r="E50444" s="15">
        <v>45450</v>
      </c>
      <c r="F50444" s="14" t="s">
        <v>61</v>
      </c>
      <c r="G50444" s="16">
        <v>1.1926819509455673</v>
      </c>
    </row>
    <row r="50445" spans="1:7" x14ac:dyDescent="0.3">
      <c r="A50445" s="13" t="s">
        <v>283</v>
      </c>
      <c r="B50445" s="14" t="s">
        <v>1</v>
      </c>
      <c r="C50445" s="14" t="s">
        <v>23</v>
      </c>
      <c r="D50445" s="14" t="s">
        <v>284</v>
      </c>
      <c r="E50445" s="15">
        <v>45451</v>
      </c>
      <c r="F50445" s="14" t="s">
        <v>61</v>
      </c>
      <c r="G50445" s="16">
        <v>1.1926819509455673</v>
      </c>
    </row>
    <row r="50446" spans="1:7" x14ac:dyDescent="0.3">
      <c r="A50446" s="13" t="s">
        <v>283</v>
      </c>
      <c r="B50446" s="14" t="s">
        <v>1</v>
      </c>
      <c r="C50446" s="14" t="s">
        <v>23</v>
      </c>
      <c r="D50446" s="14" t="s">
        <v>284</v>
      </c>
      <c r="E50446" s="15">
        <v>45452</v>
      </c>
      <c r="F50446" s="14" t="s">
        <v>61</v>
      </c>
      <c r="G50446" s="16">
        <v>1.1926819509455673</v>
      </c>
    </row>
    <row r="50447" spans="1:7" x14ac:dyDescent="0.3">
      <c r="A50447" s="13" t="s">
        <v>283</v>
      </c>
      <c r="B50447" s="14" t="s">
        <v>1</v>
      </c>
      <c r="C50447" s="14" t="s">
        <v>23</v>
      </c>
      <c r="D50447" s="14" t="s">
        <v>284</v>
      </c>
      <c r="E50447" s="15">
        <v>45453</v>
      </c>
      <c r="F50447" s="14" t="s">
        <v>61</v>
      </c>
      <c r="G50447" s="16">
        <v>1.2135312796613531</v>
      </c>
    </row>
    <row r="50448" spans="1:7" x14ac:dyDescent="0.3">
      <c r="A50448" s="13" t="s">
        <v>283</v>
      </c>
      <c r="B50448" s="14" t="s">
        <v>1</v>
      </c>
      <c r="C50448" s="14" t="s">
        <v>23</v>
      </c>
      <c r="D50448" s="14" t="s">
        <v>284</v>
      </c>
      <c r="E50448" s="15">
        <v>45454</v>
      </c>
      <c r="F50448" s="14" t="s">
        <v>61</v>
      </c>
      <c r="G50448" s="16">
        <v>1.2664643911006639</v>
      </c>
    </row>
    <row r="50449" spans="1:7" x14ac:dyDescent="0.3">
      <c r="A50449" s="13" t="s">
        <v>283</v>
      </c>
      <c r="B50449" s="14" t="s">
        <v>1</v>
      </c>
      <c r="C50449" s="14" t="s">
        <v>23</v>
      </c>
      <c r="D50449" s="14" t="s">
        <v>284</v>
      </c>
      <c r="E50449" s="15">
        <v>45455</v>
      </c>
      <c r="F50449" s="14" t="s">
        <v>61</v>
      </c>
      <c r="G50449" s="16">
        <v>1.2747764997232816</v>
      </c>
    </row>
    <row r="50450" spans="1:7" x14ac:dyDescent="0.3">
      <c r="A50450" s="13" t="s">
        <v>283</v>
      </c>
      <c r="B50450" s="14" t="s">
        <v>1</v>
      </c>
      <c r="C50450" s="14" t="s">
        <v>23</v>
      </c>
      <c r="D50450" s="14" t="s">
        <v>284</v>
      </c>
      <c r="E50450" s="15">
        <v>45456</v>
      </c>
      <c r="F50450" s="14" t="s">
        <v>61</v>
      </c>
      <c r="G50450" s="16">
        <v>1.2992747563525644</v>
      </c>
    </row>
    <row r="50451" spans="1:7" x14ac:dyDescent="0.3">
      <c r="A50451" s="13" t="s">
        <v>283</v>
      </c>
      <c r="B50451" s="14" t="s">
        <v>1</v>
      </c>
      <c r="C50451" s="14" t="s">
        <v>23</v>
      </c>
      <c r="D50451" s="14" t="s">
        <v>284</v>
      </c>
      <c r="E50451" s="15">
        <v>45457</v>
      </c>
      <c r="F50451" s="14" t="s">
        <v>61</v>
      </c>
      <c r="G50451" s="16">
        <v>1.3218720914308835</v>
      </c>
    </row>
    <row r="50452" spans="1:7" x14ac:dyDescent="0.3">
      <c r="A50452" s="13" t="s">
        <v>283</v>
      </c>
      <c r="B50452" s="14" t="s">
        <v>1</v>
      </c>
      <c r="C50452" s="14" t="s">
        <v>23</v>
      </c>
      <c r="D50452" s="14" t="s">
        <v>284</v>
      </c>
      <c r="E50452" s="15">
        <v>45458</v>
      </c>
      <c r="F50452" s="14" t="s">
        <v>61</v>
      </c>
      <c r="G50452" s="16">
        <v>1.3218720914308835</v>
      </c>
    </row>
    <row r="50453" spans="1:7" x14ac:dyDescent="0.3">
      <c r="A50453" s="13" t="s">
        <v>283</v>
      </c>
      <c r="B50453" s="14" t="s">
        <v>1</v>
      </c>
      <c r="C50453" s="14" t="s">
        <v>23</v>
      </c>
      <c r="D50453" s="14" t="s">
        <v>284</v>
      </c>
      <c r="E50453" s="15">
        <v>45459</v>
      </c>
      <c r="F50453" s="14" t="s">
        <v>61</v>
      </c>
      <c r="G50453" s="16">
        <v>1.3218720914308835</v>
      </c>
    </row>
    <row r="50454" spans="1:7" x14ac:dyDescent="0.3">
      <c r="A50454" s="13" t="s">
        <v>283</v>
      </c>
      <c r="B50454" s="14" t="s">
        <v>1</v>
      </c>
      <c r="C50454" s="14" t="s">
        <v>23</v>
      </c>
      <c r="D50454" s="14" t="s">
        <v>284</v>
      </c>
      <c r="E50454" s="15">
        <v>45460</v>
      </c>
      <c r="F50454" s="14" t="s">
        <v>61</v>
      </c>
      <c r="G50454" s="16">
        <v>1.3347922515390569</v>
      </c>
    </row>
    <row r="50455" spans="1:7" x14ac:dyDescent="0.3">
      <c r="A50455" s="13" t="s">
        <v>283</v>
      </c>
      <c r="B50455" s="14" t="s">
        <v>1</v>
      </c>
      <c r="C50455" s="14" t="s">
        <v>23</v>
      </c>
      <c r="D50455" s="14" t="s">
        <v>284</v>
      </c>
      <c r="E50455" s="15">
        <v>45461</v>
      </c>
      <c r="F50455" s="14" t="s">
        <v>61</v>
      </c>
      <c r="G50455" s="16">
        <v>1.3838125196654643</v>
      </c>
    </row>
    <row r="50456" spans="1:7" x14ac:dyDescent="0.3">
      <c r="A50456" s="13" t="s">
        <v>283</v>
      </c>
      <c r="B50456" s="14" t="s">
        <v>1</v>
      </c>
      <c r="C50456" s="14" t="s">
        <v>23</v>
      </c>
      <c r="D50456" s="14" t="s">
        <v>284</v>
      </c>
      <c r="E50456" s="15">
        <v>45462</v>
      </c>
      <c r="F50456" s="14" t="s">
        <v>61</v>
      </c>
      <c r="G50456" s="16">
        <v>1.3838125196654643</v>
      </c>
    </row>
    <row r="50457" spans="1:7" x14ac:dyDescent="0.3">
      <c r="A50457" s="13" t="s">
        <v>283</v>
      </c>
      <c r="B50457" s="14" t="s">
        <v>1</v>
      </c>
      <c r="C50457" s="14" t="s">
        <v>23</v>
      </c>
      <c r="D50457" s="14" t="s">
        <v>284</v>
      </c>
      <c r="E50457" s="15">
        <v>45463</v>
      </c>
      <c r="F50457" s="14" t="s">
        <v>61</v>
      </c>
      <c r="G50457" s="16">
        <v>1.4054566138512448</v>
      </c>
    </row>
    <row r="50458" spans="1:7" x14ac:dyDescent="0.3">
      <c r="A50458" s="13" t="s">
        <v>283</v>
      </c>
      <c r="B50458" s="14" t="s">
        <v>1</v>
      </c>
      <c r="C50458" s="14" t="s">
        <v>23</v>
      </c>
      <c r="D50458" s="14" t="s">
        <v>284</v>
      </c>
      <c r="E50458" s="15">
        <v>45464</v>
      </c>
      <c r="F50458" s="14" t="s">
        <v>61</v>
      </c>
      <c r="G50458" s="16">
        <v>1.4418689587888744</v>
      </c>
    </row>
    <row r="50459" spans="1:7" x14ac:dyDescent="0.3">
      <c r="A50459" s="13" t="s">
        <v>283</v>
      </c>
      <c r="B50459" s="14" t="s">
        <v>1</v>
      </c>
      <c r="C50459" s="14" t="s">
        <v>23</v>
      </c>
      <c r="D50459" s="14" t="s">
        <v>284</v>
      </c>
      <c r="E50459" s="15">
        <v>45465</v>
      </c>
      <c r="F50459" s="14" t="s">
        <v>61</v>
      </c>
      <c r="G50459" s="16">
        <v>1.4418689587888744</v>
      </c>
    </row>
    <row r="50460" spans="1:7" x14ac:dyDescent="0.3">
      <c r="A50460" s="13" t="s">
        <v>283</v>
      </c>
      <c r="B50460" s="14" t="s">
        <v>1</v>
      </c>
      <c r="C50460" s="14" t="s">
        <v>23</v>
      </c>
      <c r="D50460" s="14" t="s">
        <v>284</v>
      </c>
      <c r="E50460" s="15">
        <v>45466</v>
      </c>
      <c r="F50460" s="14" t="s">
        <v>61</v>
      </c>
      <c r="G50460" s="16">
        <v>1.4418689587888744</v>
      </c>
    </row>
    <row r="50461" spans="1:7" x14ac:dyDescent="0.3">
      <c r="A50461" s="13" t="s">
        <v>283</v>
      </c>
      <c r="B50461" s="14" t="s">
        <v>1</v>
      </c>
      <c r="C50461" s="14" t="s">
        <v>23</v>
      </c>
      <c r="D50461" s="14" t="s">
        <v>284</v>
      </c>
      <c r="E50461" s="15">
        <v>45467</v>
      </c>
      <c r="F50461" s="14" t="s">
        <v>61</v>
      </c>
      <c r="G50461" s="16">
        <v>1.4532309843455329</v>
      </c>
    </row>
    <row r="50462" spans="1:7" x14ac:dyDescent="0.3">
      <c r="A50462" s="13" t="s">
        <v>283</v>
      </c>
      <c r="B50462" s="14" t="s">
        <v>1</v>
      </c>
      <c r="C50462" s="14" t="s">
        <v>23</v>
      </c>
      <c r="D50462" s="14" t="s">
        <v>284</v>
      </c>
      <c r="E50462" s="15">
        <v>45468</v>
      </c>
      <c r="F50462" s="14" t="s">
        <v>61</v>
      </c>
      <c r="G50462" s="16">
        <v>1.5082497849038088</v>
      </c>
    </row>
    <row r="50463" spans="1:7" x14ac:dyDescent="0.3">
      <c r="A50463" s="13" t="s">
        <v>283</v>
      </c>
      <c r="B50463" s="14" t="s">
        <v>1</v>
      </c>
      <c r="C50463" s="14" t="s">
        <v>23</v>
      </c>
      <c r="D50463" s="14" t="s">
        <v>284</v>
      </c>
      <c r="E50463" s="15">
        <v>45469</v>
      </c>
      <c r="F50463" s="14" t="s">
        <v>61</v>
      </c>
      <c r="G50463" s="16">
        <v>1.5285738035067025</v>
      </c>
    </row>
    <row r="50464" spans="1:7" x14ac:dyDescent="0.3">
      <c r="A50464" s="13" t="s">
        <v>283</v>
      </c>
      <c r="B50464" s="14" t="s">
        <v>1</v>
      </c>
      <c r="C50464" s="14" t="s">
        <v>23</v>
      </c>
      <c r="D50464" s="14" t="s">
        <v>284</v>
      </c>
      <c r="E50464" s="15">
        <v>45470</v>
      </c>
      <c r="F50464" s="14" t="s">
        <v>61</v>
      </c>
      <c r="G50464" s="16">
        <v>1.5416397551648915</v>
      </c>
    </row>
    <row r="50465" spans="1:7" x14ac:dyDescent="0.3">
      <c r="A50465" s="13" t="s">
        <v>283</v>
      </c>
      <c r="B50465" s="14" t="s">
        <v>1</v>
      </c>
      <c r="C50465" s="14" t="s">
        <v>23</v>
      </c>
      <c r="D50465" s="14" t="s">
        <v>284</v>
      </c>
      <c r="E50465" s="15">
        <v>45471</v>
      </c>
      <c r="F50465" s="14" t="s">
        <v>61</v>
      </c>
      <c r="G50465" s="16">
        <v>1.5564999070934467</v>
      </c>
    </row>
    <row r="50466" spans="1:7" x14ac:dyDescent="0.3">
      <c r="A50466" s="13" t="s">
        <v>283</v>
      </c>
      <c r="B50466" s="14" t="s">
        <v>1</v>
      </c>
      <c r="C50466" s="14" t="s">
        <v>23</v>
      </c>
      <c r="D50466" s="14" t="s">
        <v>284</v>
      </c>
      <c r="E50466" s="15">
        <v>45472</v>
      </c>
      <c r="F50466" s="14" t="s">
        <v>61</v>
      </c>
      <c r="G50466" s="16">
        <v>1.5564999070934467</v>
      </c>
    </row>
    <row r="50467" spans="1:7" x14ac:dyDescent="0.3">
      <c r="A50467" s="13" t="s">
        <v>283</v>
      </c>
      <c r="B50467" s="14" t="s">
        <v>1</v>
      </c>
      <c r="C50467" s="14" t="s">
        <v>23</v>
      </c>
      <c r="D50467" s="14" t="s">
        <v>284</v>
      </c>
      <c r="E50467" s="15">
        <v>45473</v>
      </c>
      <c r="F50467" s="14" t="s">
        <v>61</v>
      </c>
      <c r="G50467" s="16">
        <v>1.5564999070934467</v>
      </c>
    </row>
    <row r="50468" spans="1:7" x14ac:dyDescent="0.3">
      <c r="A50468" s="13" t="s">
        <v>283</v>
      </c>
      <c r="B50468" s="14" t="s">
        <v>1</v>
      </c>
      <c r="C50468" s="14" t="s">
        <v>23</v>
      </c>
      <c r="D50468" s="14" t="s">
        <v>284</v>
      </c>
      <c r="E50468" s="15">
        <v>45474</v>
      </c>
      <c r="F50468" s="14" t="s">
        <v>61</v>
      </c>
      <c r="G50468" s="16">
        <v>1.5694836206355143</v>
      </c>
    </row>
    <row r="50469" spans="1:7" x14ac:dyDescent="0.3">
      <c r="A50469" s="13" t="s">
        <v>283</v>
      </c>
      <c r="B50469" s="14" t="s">
        <v>1</v>
      </c>
      <c r="C50469" s="14" t="s">
        <v>23</v>
      </c>
      <c r="D50469" s="14" t="s">
        <v>284</v>
      </c>
      <c r="E50469" s="15">
        <v>45475</v>
      </c>
      <c r="F50469" s="14" t="s">
        <v>61</v>
      </c>
      <c r="G50469" s="16">
        <v>1.6195079263781051</v>
      </c>
    </row>
    <row r="50470" spans="1:7" x14ac:dyDescent="0.3">
      <c r="A50470" s="13" t="s">
        <v>283</v>
      </c>
      <c r="B50470" s="14" t="s">
        <v>1</v>
      </c>
      <c r="C50470" s="14" t="s">
        <v>23</v>
      </c>
      <c r="D50470" s="14" t="s">
        <v>284</v>
      </c>
      <c r="E50470" s="15">
        <v>45476</v>
      </c>
      <c r="F50470" s="14" t="s">
        <v>61</v>
      </c>
      <c r="G50470" s="16">
        <v>1.6301369760642264</v>
      </c>
    </row>
    <row r="50471" spans="1:7" x14ac:dyDescent="0.3">
      <c r="A50471" s="13" t="s">
        <v>283</v>
      </c>
      <c r="B50471" s="14" t="s">
        <v>1</v>
      </c>
      <c r="C50471" s="14" t="s">
        <v>23</v>
      </c>
      <c r="D50471" s="14" t="s">
        <v>284</v>
      </c>
      <c r="E50471" s="15">
        <v>45477</v>
      </c>
      <c r="F50471" s="14" t="s">
        <v>61</v>
      </c>
      <c r="G50471" s="16">
        <v>1.6301369760642264</v>
      </c>
    </row>
    <row r="50472" spans="1:7" x14ac:dyDescent="0.3">
      <c r="A50472" s="13" t="s">
        <v>283</v>
      </c>
      <c r="B50472" s="14" t="s">
        <v>1</v>
      </c>
      <c r="C50472" s="14" t="s">
        <v>23</v>
      </c>
      <c r="D50472" s="14" t="s">
        <v>284</v>
      </c>
      <c r="E50472" s="15">
        <v>45478</v>
      </c>
      <c r="F50472" s="14" t="s">
        <v>61</v>
      </c>
      <c r="G50472" s="16">
        <v>1.639022028671649</v>
      </c>
    </row>
    <row r="50473" spans="1:7" x14ac:dyDescent="0.3">
      <c r="A50473" s="13" t="s">
        <v>283</v>
      </c>
      <c r="B50473" s="14" t="s">
        <v>1</v>
      </c>
      <c r="C50473" s="14" t="s">
        <v>23</v>
      </c>
      <c r="D50473" s="14" t="s">
        <v>284</v>
      </c>
      <c r="E50473" s="15">
        <v>45479</v>
      </c>
      <c r="F50473" s="14" t="s">
        <v>61</v>
      </c>
      <c r="G50473" s="16">
        <v>1.639022028671649</v>
      </c>
    </row>
    <row r="50474" spans="1:7" x14ac:dyDescent="0.3">
      <c r="A50474" s="13" t="s">
        <v>283</v>
      </c>
      <c r="B50474" s="14" t="s">
        <v>1</v>
      </c>
      <c r="C50474" s="14" t="s">
        <v>23</v>
      </c>
      <c r="D50474" s="14" t="s">
        <v>284</v>
      </c>
      <c r="E50474" s="15">
        <v>45480</v>
      </c>
      <c r="F50474" s="14" t="s">
        <v>61</v>
      </c>
      <c r="G50474" s="16">
        <v>1.639022028671649</v>
      </c>
    </row>
    <row r="50475" spans="1:7" x14ac:dyDescent="0.3">
      <c r="A50475" s="13" t="s">
        <v>283</v>
      </c>
      <c r="B50475" s="14" t="s">
        <v>1</v>
      </c>
      <c r="C50475" s="14" t="s">
        <v>23</v>
      </c>
      <c r="D50475" s="14" t="s">
        <v>284</v>
      </c>
      <c r="E50475" s="15">
        <v>45481</v>
      </c>
      <c r="F50475" s="14" t="s">
        <v>61</v>
      </c>
      <c r="G50475" s="16">
        <v>1.7018115982705728</v>
      </c>
    </row>
    <row r="50476" spans="1:7" x14ac:dyDescent="0.3">
      <c r="A50476" s="13" t="s">
        <v>283</v>
      </c>
      <c r="B50476" s="14" t="s">
        <v>1</v>
      </c>
      <c r="C50476" s="14" t="s">
        <v>23</v>
      </c>
      <c r="D50476" s="14" t="s">
        <v>284</v>
      </c>
      <c r="E50476" s="15">
        <v>45482</v>
      </c>
      <c r="F50476" s="14" t="s">
        <v>61</v>
      </c>
      <c r="G50476" s="16">
        <v>1.7549105761324768</v>
      </c>
    </row>
    <row r="50477" spans="1:7" x14ac:dyDescent="0.3">
      <c r="A50477" s="13" t="s">
        <v>283</v>
      </c>
      <c r="B50477" s="14" t="s">
        <v>1</v>
      </c>
      <c r="C50477" s="14" t="s">
        <v>23</v>
      </c>
      <c r="D50477" s="14" t="s">
        <v>284</v>
      </c>
      <c r="E50477" s="15">
        <v>45483</v>
      </c>
      <c r="F50477" s="14" t="s">
        <v>61</v>
      </c>
      <c r="G50477" s="16">
        <v>1.7705874153953769</v>
      </c>
    </row>
    <row r="50478" spans="1:7" x14ac:dyDescent="0.3">
      <c r="A50478" s="13" t="s">
        <v>283</v>
      </c>
      <c r="B50478" s="14" t="s">
        <v>1</v>
      </c>
      <c r="C50478" s="14" t="s">
        <v>23</v>
      </c>
      <c r="D50478" s="14" t="s">
        <v>284</v>
      </c>
      <c r="E50478" s="15">
        <v>45484</v>
      </c>
      <c r="F50478" s="14" t="s">
        <v>61</v>
      </c>
      <c r="G50478" s="16">
        <v>1.7813243379921102</v>
      </c>
    </row>
    <row r="50479" spans="1:7" x14ac:dyDescent="0.3">
      <c r="A50479" s="13" t="s">
        <v>283</v>
      </c>
      <c r="B50479" s="14" t="s">
        <v>1</v>
      </c>
      <c r="C50479" s="14" t="s">
        <v>23</v>
      </c>
      <c r="D50479" s="14" t="s">
        <v>284</v>
      </c>
      <c r="E50479" s="15">
        <v>45485</v>
      </c>
      <c r="F50479" s="14" t="s">
        <v>61</v>
      </c>
      <c r="G50479" s="16">
        <v>1.792612706477662</v>
      </c>
    </row>
    <row r="50480" spans="1:7" x14ac:dyDescent="0.3">
      <c r="A50480" s="13" t="s">
        <v>283</v>
      </c>
      <c r="B50480" s="14" t="s">
        <v>1</v>
      </c>
      <c r="C50480" s="14" t="s">
        <v>23</v>
      </c>
      <c r="D50480" s="14" t="s">
        <v>284</v>
      </c>
      <c r="E50480" s="15">
        <v>45486</v>
      </c>
      <c r="F50480" s="14" t="s">
        <v>61</v>
      </c>
      <c r="G50480" s="16">
        <v>1.792612706477662</v>
      </c>
    </row>
    <row r="50481" spans="1:7" x14ac:dyDescent="0.3">
      <c r="A50481" s="13" t="s">
        <v>283</v>
      </c>
      <c r="B50481" s="14" t="s">
        <v>1</v>
      </c>
      <c r="C50481" s="14" t="s">
        <v>23</v>
      </c>
      <c r="D50481" s="14" t="s">
        <v>284</v>
      </c>
      <c r="E50481" s="15">
        <v>45487</v>
      </c>
      <c r="F50481" s="14" t="s">
        <v>61</v>
      </c>
      <c r="G50481" s="16">
        <v>1.792612706477662</v>
      </c>
    </row>
    <row r="50482" spans="1:7" x14ac:dyDescent="0.3">
      <c r="A50482" s="13" t="s">
        <v>283</v>
      </c>
      <c r="B50482" s="14" t="s">
        <v>1</v>
      </c>
      <c r="C50482" s="14" t="s">
        <v>23</v>
      </c>
      <c r="D50482" s="14" t="s">
        <v>284</v>
      </c>
      <c r="E50482" s="15">
        <v>45488</v>
      </c>
      <c r="F50482" s="14" t="s">
        <v>61</v>
      </c>
      <c r="G50482" s="16">
        <v>1.8115343734717193</v>
      </c>
    </row>
    <row r="50483" spans="1:7" x14ac:dyDescent="0.3">
      <c r="A50483" s="13" t="s">
        <v>283</v>
      </c>
      <c r="B50483" s="14" t="s">
        <v>1</v>
      </c>
      <c r="C50483" s="14" t="s">
        <v>23</v>
      </c>
      <c r="D50483" s="14" t="s">
        <v>284</v>
      </c>
      <c r="E50483" s="15">
        <v>45489</v>
      </c>
      <c r="F50483" s="14" t="s">
        <v>61</v>
      </c>
      <c r="G50483" s="16">
        <v>1.8605850909009287</v>
      </c>
    </row>
    <row r="50484" spans="1:7" x14ac:dyDescent="0.3">
      <c r="A50484" s="13" t="s">
        <v>283</v>
      </c>
      <c r="B50484" s="14" t="s">
        <v>1</v>
      </c>
      <c r="C50484" s="14" t="s">
        <v>23</v>
      </c>
      <c r="D50484" s="14" t="s">
        <v>284</v>
      </c>
      <c r="E50484" s="15">
        <v>45490</v>
      </c>
      <c r="F50484" s="14" t="s">
        <v>61</v>
      </c>
      <c r="G50484" s="16">
        <v>1.8705182215425049</v>
      </c>
    </row>
    <row r="50485" spans="1:7" x14ac:dyDescent="0.3">
      <c r="A50485" s="13" t="s">
        <v>283</v>
      </c>
      <c r="B50485" s="14" t="s">
        <v>1</v>
      </c>
      <c r="C50485" s="14" t="s">
        <v>23</v>
      </c>
      <c r="D50485" s="14" t="s">
        <v>284</v>
      </c>
      <c r="E50485" s="15">
        <v>45491</v>
      </c>
      <c r="F50485" s="14" t="s">
        <v>61</v>
      </c>
      <c r="G50485" s="16">
        <v>1.8949332028027734</v>
      </c>
    </row>
    <row r="50486" spans="1:7" x14ac:dyDescent="0.3">
      <c r="A50486" s="13" t="s">
        <v>283</v>
      </c>
      <c r="B50486" s="14" t="s">
        <v>1</v>
      </c>
      <c r="C50486" s="14" t="s">
        <v>23</v>
      </c>
      <c r="D50486" s="14" t="s">
        <v>284</v>
      </c>
      <c r="E50486" s="15">
        <v>45492</v>
      </c>
      <c r="F50486" s="14" t="s">
        <v>61</v>
      </c>
      <c r="G50486" s="16">
        <v>1.9141246960863836</v>
      </c>
    </row>
    <row r="50487" spans="1:7" x14ac:dyDescent="0.3">
      <c r="A50487" s="13" t="s">
        <v>283</v>
      </c>
      <c r="B50487" s="14" t="s">
        <v>1</v>
      </c>
      <c r="C50487" s="14" t="s">
        <v>23</v>
      </c>
      <c r="D50487" s="14" t="s">
        <v>284</v>
      </c>
      <c r="E50487" s="15">
        <v>45493</v>
      </c>
      <c r="F50487" s="14" t="s">
        <v>61</v>
      </c>
      <c r="G50487" s="16">
        <v>1.9141246960863836</v>
      </c>
    </row>
    <row r="50488" spans="1:7" x14ac:dyDescent="0.3">
      <c r="A50488" s="13" t="s">
        <v>283</v>
      </c>
      <c r="B50488" s="14" t="s">
        <v>1</v>
      </c>
      <c r="C50488" s="14" t="s">
        <v>23</v>
      </c>
      <c r="D50488" s="14" t="s">
        <v>284</v>
      </c>
      <c r="E50488" s="15">
        <v>45494</v>
      </c>
      <c r="F50488" s="14" t="s">
        <v>61</v>
      </c>
      <c r="G50488" s="16">
        <v>1.9141246960863836</v>
      </c>
    </row>
    <row r="50489" spans="1:7" x14ac:dyDescent="0.3">
      <c r="A50489" s="13" t="s">
        <v>283</v>
      </c>
      <c r="B50489" s="14" t="s">
        <v>1</v>
      </c>
      <c r="C50489" s="14" t="s">
        <v>23</v>
      </c>
      <c r="D50489" s="14" t="s">
        <v>284</v>
      </c>
      <c r="E50489" s="15">
        <v>45495</v>
      </c>
      <c r="F50489" s="14" t="s">
        <v>61</v>
      </c>
      <c r="G50489" s="16">
        <v>1.9284257901523416</v>
      </c>
    </row>
    <row r="50490" spans="1:7" x14ac:dyDescent="0.3">
      <c r="A50490" s="13" t="s">
        <v>283</v>
      </c>
      <c r="B50490" s="14" t="s">
        <v>1</v>
      </c>
      <c r="C50490" s="14" t="s">
        <v>23</v>
      </c>
      <c r="D50490" s="14" t="s">
        <v>284</v>
      </c>
      <c r="E50490" s="15">
        <v>45496</v>
      </c>
      <c r="F50490" s="14" t="s">
        <v>61</v>
      </c>
      <c r="G50490" s="16">
        <v>1.9848925779506528</v>
      </c>
    </row>
    <row r="50491" spans="1:7" x14ac:dyDescent="0.3">
      <c r="A50491" s="13" t="s">
        <v>283</v>
      </c>
      <c r="B50491" s="14" t="s">
        <v>1</v>
      </c>
      <c r="C50491" s="14" t="s">
        <v>23</v>
      </c>
      <c r="D50491" s="14" t="s">
        <v>284</v>
      </c>
      <c r="E50491" s="15">
        <v>45497</v>
      </c>
      <c r="F50491" s="14" t="s">
        <v>61</v>
      </c>
      <c r="G50491" s="16">
        <v>2.0058123742158211</v>
      </c>
    </row>
    <row r="50492" spans="1:7" x14ac:dyDescent="0.3">
      <c r="A50492" s="13" t="s">
        <v>283</v>
      </c>
      <c r="B50492" s="14" t="s">
        <v>1</v>
      </c>
      <c r="C50492" s="14" t="s">
        <v>23</v>
      </c>
      <c r="D50492" s="14" t="s">
        <v>284</v>
      </c>
      <c r="E50492" s="15">
        <v>45498</v>
      </c>
      <c r="F50492" s="14" t="s">
        <v>61</v>
      </c>
      <c r="G50492" s="16">
        <v>2.0205881334949312</v>
      </c>
    </row>
    <row r="50493" spans="1:7" x14ac:dyDescent="0.3">
      <c r="A50493" s="13" t="s">
        <v>283</v>
      </c>
      <c r="B50493" s="14" t="s">
        <v>1</v>
      </c>
      <c r="C50493" s="14" t="s">
        <v>23</v>
      </c>
      <c r="D50493" s="14" t="s">
        <v>284</v>
      </c>
      <c r="E50493" s="15">
        <v>45499</v>
      </c>
      <c r="F50493" s="14" t="s">
        <v>61</v>
      </c>
      <c r="G50493" s="16">
        <v>2.0343107690924356</v>
      </c>
    </row>
    <row r="50494" spans="1:7" x14ac:dyDescent="0.3">
      <c r="A50494" s="13" t="s">
        <v>283</v>
      </c>
      <c r="B50494" s="14" t="s">
        <v>1</v>
      </c>
      <c r="C50494" s="14" t="s">
        <v>23</v>
      </c>
      <c r="D50494" s="14" t="s">
        <v>284</v>
      </c>
      <c r="E50494" s="15">
        <v>45500</v>
      </c>
      <c r="F50494" s="14" t="s">
        <v>61</v>
      </c>
      <c r="G50494" s="16">
        <v>2.0343107690924356</v>
      </c>
    </row>
    <row r="50495" spans="1:7" x14ac:dyDescent="0.3">
      <c r="A50495" s="13" t="s">
        <v>283</v>
      </c>
      <c r="B50495" s="14" t="s">
        <v>1</v>
      </c>
      <c r="C50495" s="14" t="s">
        <v>23</v>
      </c>
      <c r="D50495" s="14" t="s">
        <v>284</v>
      </c>
      <c r="E50495" s="15">
        <v>45501</v>
      </c>
      <c r="F50495" s="14" t="s">
        <v>61</v>
      </c>
      <c r="G50495" s="16">
        <v>2.0343107690924356</v>
      </c>
    </row>
    <row r="50496" spans="1:7" x14ac:dyDescent="0.3">
      <c r="A50496" s="13" t="s">
        <v>283</v>
      </c>
      <c r="B50496" s="14" t="s">
        <v>1</v>
      </c>
      <c r="C50496" s="14" t="s">
        <v>23</v>
      </c>
      <c r="D50496" s="14" t="s">
        <v>284</v>
      </c>
      <c r="E50496" s="15">
        <v>45502</v>
      </c>
      <c r="F50496" s="14" t="s">
        <v>61</v>
      </c>
      <c r="G50496" s="16">
        <v>2.0573682408249256</v>
      </c>
    </row>
    <row r="50497" spans="1:7" x14ac:dyDescent="0.3">
      <c r="A50497" s="13" t="s">
        <v>283</v>
      </c>
      <c r="B50497" s="14" t="s">
        <v>1</v>
      </c>
      <c r="C50497" s="14" t="s">
        <v>23</v>
      </c>
      <c r="D50497" s="14" t="s">
        <v>284</v>
      </c>
      <c r="E50497" s="15">
        <v>45503</v>
      </c>
      <c r="F50497" s="14" t="s">
        <v>61</v>
      </c>
      <c r="G50497" s="16">
        <v>2.1067324874789422</v>
      </c>
    </row>
    <row r="50498" spans="1:7" x14ac:dyDescent="0.3">
      <c r="A50498" s="13" t="s">
        <v>283</v>
      </c>
      <c r="B50498" s="14" t="s">
        <v>1</v>
      </c>
      <c r="C50498" s="14" t="s">
        <v>23</v>
      </c>
      <c r="D50498" s="14" t="s">
        <v>284</v>
      </c>
      <c r="E50498" s="15">
        <v>45504</v>
      </c>
      <c r="F50498" s="14" t="s">
        <v>61</v>
      </c>
      <c r="G50498" s="16">
        <v>2.1220527126182014</v>
      </c>
    </row>
    <row r="50499" spans="1:7" x14ac:dyDescent="0.3">
      <c r="A50499" s="13" t="s">
        <v>283</v>
      </c>
      <c r="B50499" s="14" t="s">
        <v>1</v>
      </c>
      <c r="C50499" s="14" t="s">
        <v>23</v>
      </c>
      <c r="D50499" s="14" t="s">
        <v>284</v>
      </c>
      <c r="E50499" s="15">
        <v>45505</v>
      </c>
      <c r="F50499" s="14" t="s">
        <v>61</v>
      </c>
      <c r="G50499" s="16">
        <v>2.1361063232108815</v>
      </c>
    </row>
    <row r="50500" spans="1:7" x14ac:dyDescent="0.3">
      <c r="A50500" s="13" t="s">
        <v>283</v>
      </c>
      <c r="B50500" s="14" t="s">
        <v>1</v>
      </c>
      <c r="C50500" s="14" t="s">
        <v>23</v>
      </c>
      <c r="D50500" s="14" t="s">
        <v>284</v>
      </c>
      <c r="E50500" s="15">
        <v>45506</v>
      </c>
      <c r="F50500" s="14" t="s">
        <v>61</v>
      </c>
      <c r="G50500" s="16">
        <v>2.1199333384511987</v>
      </c>
    </row>
    <row r="50501" spans="1:7" x14ac:dyDescent="0.3">
      <c r="A50501" s="13" t="s">
        <v>283</v>
      </c>
      <c r="B50501" s="14" t="s">
        <v>1</v>
      </c>
      <c r="C50501" s="14" t="s">
        <v>23</v>
      </c>
      <c r="D50501" s="14" t="s">
        <v>284</v>
      </c>
      <c r="E50501" s="15">
        <v>45507</v>
      </c>
      <c r="F50501" s="14" t="s">
        <v>61</v>
      </c>
      <c r="G50501" s="16">
        <v>2.1199333384511987</v>
      </c>
    </row>
    <row r="50502" spans="1:7" x14ac:dyDescent="0.3">
      <c r="A50502" s="13" t="s">
        <v>283</v>
      </c>
      <c r="B50502" s="14" t="s">
        <v>1</v>
      </c>
      <c r="C50502" s="14" t="s">
        <v>23</v>
      </c>
      <c r="D50502" s="14" t="s">
        <v>284</v>
      </c>
      <c r="E50502" s="15">
        <v>45508</v>
      </c>
      <c r="F50502" s="14" t="s">
        <v>61</v>
      </c>
      <c r="G50502" s="16">
        <v>2.1199333384511987</v>
      </c>
    </row>
    <row r="50503" spans="1:7" x14ac:dyDescent="0.3">
      <c r="A50503" s="13" t="s">
        <v>283</v>
      </c>
      <c r="B50503" s="14" t="s">
        <v>1</v>
      </c>
      <c r="C50503" s="14" t="s">
        <v>23</v>
      </c>
      <c r="D50503" s="14" t="s">
        <v>284</v>
      </c>
      <c r="E50503" s="15">
        <v>45509</v>
      </c>
      <c r="F50503" s="14" t="s">
        <v>61</v>
      </c>
      <c r="G50503" s="16">
        <v>2.1199333384511987</v>
      </c>
    </row>
    <row r="50504" spans="1:7" x14ac:dyDescent="0.3">
      <c r="A50504" s="13" t="s">
        <v>283</v>
      </c>
      <c r="B50504" s="14" t="s">
        <v>1</v>
      </c>
      <c r="C50504" s="14" t="s">
        <v>23</v>
      </c>
      <c r="D50504" s="14" t="s">
        <v>284</v>
      </c>
      <c r="E50504" s="15">
        <v>45510</v>
      </c>
      <c r="F50504" s="14" t="s">
        <v>61</v>
      </c>
      <c r="G50504" s="16">
        <v>2.1310342616885847</v>
      </c>
    </row>
    <row r="50505" spans="1:7" x14ac:dyDescent="0.3">
      <c r="A50505" s="13" t="s">
        <v>283</v>
      </c>
      <c r="B50505" s="14" t="s">
        <v>1</v>
      </c>
      <c r="C50505" s="14" t="s">
        <v>23</v>
      </c>
      <c r="D50505" s="14" t="s">
        <v>284</v>
      </c>
      <c r="E50505" s="15">
        <v>45511</v>
      </c>
      <c r="F50505" s="14" t="s">
        <v>61</v>
      </c>
      <c r="G50505" s="16">
        <v>2.2138235693602688</v>
      </c>
    </row>
    <row r="50506" spans="1:7" x14ac:dyDescent="0.3">
      <c r="A50506" s="13" t="s">
        <v>283</v>
      </c>
      <c r="B50506" s="14" t="s">
        <v>1</v>
      </c>
      <c r="C50506" s="14" t="s">
        <v>23</v>
      </c>
      <c r="D50506" s="14" t="s">
        <v>284</v>
      </c>
      <c r="E50506" s="15">
        <v>45512</v>
      </c>
      <c r="F50506" s="14" t="s">
        <v>61</v>
      </c>
      <c r="G50506" s="16">
        <v>2.2247773148785024</v>
      </c>
    </row>
    <row r="50507" spans="1:7" x14ac:dyDescent="0.3">
      <c r="A50507" s="13" t="s">
        <v>283</v>
      </c>
      <c r="B50507" s="14" t="s">
        <v>1</v>
      </c>
      <c r="C50507" s="14" t="s">
        <v>23</v>
      </c>
      <c r="D50507" s="14" t="s">
        <v>284</v>
      </c>
      <c r="E50507" s="15">
        <v>45513</v>
      </c>
      <c r="F50507" s="14" t="s">
        <v>61</v>
      </c>
      <c r="G50507" s="16">
        <v>2.2403066701964387</v>
      </c>
    </row>
    <row r="50508" spans="1:7" x14ac:dyDescent="0.3">
      <c r="A50508" s="13" t="s">
        <v>283</v>
      </c>
      <c r="B50508" s="14" t="s">
        <v>1</v>
      </c>
      <c r="C50508" s="14" t="s">
        <v>23</v>
      </c>
      <c r="D50508" s="14" t="s">
        <v>284</v>
      </c>
      <c r="E50508" s="15">
        <v>45514</v>
      </c>
      <c r="F50508" s="14" t="s">
        <v>61</v>
      </c>
      <c r="G50508" s="16">
        <v>2.2403066701964387</v>
      </c>
    </row>
    <row r="50509" spans="1:7" x14ac:dyDescent="0.3">
      <c r="A50509" s="13" t="s">
        <v>283</v>
      </c>
      <c r="B50509" s="14" t="s">
        <v>1</v>
      </c>
      <c r="C50509" s="14" t="s">
        <v>23</v>
      </c>
      <c r="D50509" s="14" t="s">
        <v>284</v>
      </c>
      <c r="E50509" s="15">
        <v>45515</v>
      </c>
      <c r="F50509" s="14" t="s">
        <v>61</v>
      </c>
      <c r="G50509" s="16">
        <v>2.2403066701964387</v>
      </c>
    </row>
    <row r="50510" spans="1:7" x14ac:dyDescent="0.3">
      <c r="A50510" s="13" t="s">
        <v>283</v>
      </c>
      <c r="B50510" s="14" t="s">
        <v>1</v>
      </c>
      <c r="C50510" s="14" t="s">
        <v>23</v>
      </c>
      <c r="D50510" s="14" t="s">
        <v>284</v>
      </c>
      <c r="E50510" s="15">
        <v>45516</v>
      </c>
      <c r="F50510" s="14" t="s">
        <v>61</v>
      </c>
      <c r="G50510" s="16">
        <v>2.2530355958663035</v>
      </c>
    </row>
    <row r="50511" spans="1:7" x14ac:dyDescent="0.3">
      <c r="A50511" s="13" t="s">
        <v>283</v>
      </c>
      <c r="B50511" s="14" t="s">
        <v>1</v>
      </c>
      <c r="C50511" s="14" t="s">
        <v>23</v>
      </c>
      <c r="D50511" s="14" t="s">
        <v>284</v>
      </c>
      <c r="E50511" s="15">
        <v>45517</v>
      </c>
      <c r="F50511" s="14" t="s">
        <v>61</v>
      </c>
      <c r="G50511" s="16">
        <v>2.288337006239864</v>
      </c>
    </row>
    <row r="50512" spans="1:7" x14ac:dyDescent="0.3">
      <c r="A50512" s="13" t="s">
        <v>283</v>
      </c>
      <c r="B50512" s="14" t="s">
        <v>1</v>
      </c>
      <c r="C50512" s="14" t="s">
        <v>23</v>
      </c>
      <c r="D50512" s="14" t="s">
        <v>284</v>
      </c>
      <c r="E50512" s="15">
        <v>45518</v>
      </c>
      <c r="F50512" s="14" t="s">
        <v>61</v>
      </c>
      <c r="G50512" s="16">
        <v>2.3000291116335294</v>
      </c>
    </row>
    <row r="50513" spans="1:7" x14ac:dyDescent="0.3">
      <c r="A50513" s="13" t="s">
        <v>283</v>
      </c>
      <c r="B50513" s="14" t="s">
        <v>1</v>
      </c>
      <c r="C50513" s="14" t="s">
        <v>23</v>
      </c>
      <c r="D50513" s="14" t="s">
        <v>284</v>
      </c>
      <c r="E50513" s="15">
        <v>45519</v>
      </c>
      <c r="F50513" s="14" t="s">
        <v>61</v>
      </c>
      <c r="G50513" s="16">
        <v>2.3185563647826468</v>
      </c>
    </row>
    <row r="50514" spans="1:7" x14ac:dyDescent="0.3">
      <c r="A50514" s="13" t="s">
        <v>283</v>
      </c>
      <c r="B50514" s="14" t="s">
        <v>1</v>
      </c>
      <c r="C50514" s="14" t="s">
        <v>23</v>
      </c>
      <c r="D50514" s="14" t="s">
        <v>284</v>
      </c>
      <c r="E50514" s="15">
        <v>45520</v>
      </c>
      <c r="F50514" s="14" t="s">
        <v>61</v>
      </c>
      <c r="G50514" s="16">
        <v>2.3230095981349996</v>
      </c>
    </row>
    <row r="50515" spans="1:7" x14ac:dyDescent="0.3">
      <c r="A50515" s="13" t="s">
        <v>283</v>
      </c>
      <c r="B50515" s="14" t="s">
        <v>1</v>
      </c>
      <c r="C50515" s="14" t="s">
        <v>23</v>
      </c>
      <c r="D50515" s="14" t="s">
        <v>284</v>
      </c>
      <c r="E50515" s="15">
        <v>45521</v>
      </c>
      <c r="F50515" s="14" t="s">
        <v>61</v>
      </c>
      <c r="G50515" s="16">
        <v>2.3230095981349996</v>
      </c>
    </row>
    <row r="50516" spans="1:7" x14ac:dyDescent="0.3">
      <c r="A50516" s="13" t="s">
        <v>283</v>
      </c>
      <c r="B50516" s="14" t="s">
        <v>1</v>
      </c>
      <c r="C50516" s="14" t="s">
        <v>23</v>
      </c>
      <c r="D50516" s="14" t="s">
        <v>284</v>
      </c>
      <c r="E50516" s="15">
        <v>45522</v>
      </c>
      <c r="F50516" s="14" t="s">
        <v>61</v>
      </c>
      <c r="G50516" s="16">
        <v>2.3230095981349996</v>
      </c>
    </row>
    <row r="50517" spans="1:7" x14ac:dyDescent="0.3">
      <c r="A50517" s="13" t="s">
        <v>283</v>
      </c>
      <c r="B50517" s="14" t="s">
        <v>1</v>
      </c>
      <c r="C50517" s="14" t="s">
        <v>23</v>
      </c>
      <c r="D50517" s="14" t="s">
        <v>284</v>
      </c>
      <c r="E50517" s="15">
        <v>45523</v>
      </c>
      <c r="F50517" s="14" t="s">
        <v>61</v>
      </c>
      <c r="G50517" s="16">
        <v>2.3269884838137571</v>
      </c>
    </row>
    <row r="50518" spans="1:7" x14ac:dyDescent="0.3">
      <c r="A50518" s="13" t="s">
        <v>283</v>
      </c>
      <c r="B50518" s="14" t="s">
        <v>1</v>
      </c>
      <c r="C50518" s="14" t="s">
        <v>23</v>
      </c>
      <c r="D50518" s="14" t="s">
        <v>284</v>
      </c>
      <c r="E50518" s="15">
        <v>45524</v>
      </c>
      <c r="F50518" s="14" t="s">
        <v>61</v>
      </c>
      <c r="G50518" s="16">
        <v>2.3663300620497743</v>
      </c>
    </row>
    <row r="50519" spans="1:7" x14ac:dyDescent="0.3">
      <c r="A50519" s="13" t="s">
        <v>283</v>
      </c>
      <c r="B50519" s="14" t="s">
        <v>1</v>
      </c>
      <c r="C50519" s="14" t="s">
        <v>23</v>
      </c>
      <c r="D50519" s="14" t="s">
        <v>284</v>
      </c>
      <c r="E50519" s="15">
        <v>45525</v>
      </c>
      <c r="F50519" s="14" t="s">
        <v>61</v>
      </c>
      <c r="G50519" s="16">
        <v>2.37340336190011</v>
      </c>
    </row>
    <row r="50520" spans="1:7" x14ac:dyDescent="0.3">
      <c r="A50520" s="13" t="s">
        <v>283</v>
      </c>
      <c r="B50520" s="14" t="s">
        <v>1</v>
      </c>
      <c r="C50520" s="14" t="s">
        <v>23</v>
      </c>
      <c r="D50520" s="14" t="s">
        <v>284</v>
      </c>
      <c r="E50520" s="15">
        <v>45526</v>
      </c>
      <c r="F50520" s="14" t="s">
        <v>61</v>
      </c>
      <c r="G50520" s="16">
        <v>2.3975146919499881</v>
      </c>
    </row>
    <row r="50521" spans="1:7" x14ac:dyDescent="0.3">
      <c r="A50521" s="13" t="s">
        <v>283</v>
      </c>
      <c r="B50521" s="14" t="s">
        <v>1</v>
      </c>
      <c r="C50521" s="14" t="s">
        <v>23</v>
      </c>
      <c r="D50521" s="14" t="s">
        <v>284</v>
      </c>
      <c r="E50521" s="15">
        <v>45527</v>
      </c>
      <c r="F50521" s="14" t="s">
        <v>61</v>
      </c>
      <c r="G50521" s="16">
        <v>2.3964805488951826</v>
      </c>
    </row>
    <row r="50522" spans="1:7" x14ac:dyDescent="0.3">
      <c r="A50522" s="13" t="s">
        <v>283</v>
      </c>
      <c r="B50522" s="14" t="s">
        <v>1</v>
      </c>
      <c r="C50522" s="14" t="s">
        <v>23</v>
      </c>
      <c r="D50522" s="14" t="s">
        <v>284</v>
      </c>
      <c r="E50522" s="15">
        <v>45528</v>
      </c>
      <c r="F50522" s="14" t="s">
        <v>61</v>
      </c>
      <c r="G50522" s="16">
        <v>2.3964805488951826</v>
      </c>
    </row>
    <row r="50523" spans="1:7" x14ac:dyDescent="0.3">
      <c r="A50523" s="13" t="s">
        <v>283</v>
      </c>
      <c r="B50523" s="14" t="s">
        <v>1</v>
      </c>
      <c r="C50523" s="14" t="s">
        <v>23</v>
      </c>
      <c r="D50523" s="14" t="s">
        <v>284</v>
      </c>
      <c r="E50523" s="15">
        <v>45529</v>
      </c>
      <c r="F50523" s="14" t="s">
        <v>61</v>
      </c>
      <c r="G50523" s="16">
        <v>2.3964805488951826</v>
      </c>
    </row>
    <row r="50524" spans="1:7" x14ac:dyDescent="0.3">
      <c r="A50524" s="13" t="s">
        <v>283</v>
      </c>
      <c r="B50524" s="14" t="s">
        <v>1</v>
      </c>
      <c r="C50524" s="14" t="s">
        <v>23</v>
      </c>
      <c r="D50524" s="14" t="s">
        <v>284</v>
      </c>
      <c r="E50524" s="15">
        <v>45530</v>
      </c>
      <c r="F50524" s="14" t="s">
        <v>61</v>
      </c>
      <c r="G50524" s="16">
        <v>2.4196615707879796</v>
      </c>
    </row>
    <row r="50525" spans="1:7" x14ac:dyDescent="0.3">
      <c r="A50525" s="13" t="s">
        <v>283</v>
      </c>
      <c r="B50525" s="14" t="s">
        <v>1</v>
      </c>
      <c r="C50525" s="14" t="s">
        <v>23</v>
      </c>
      <c r="D50525" s="14" t="s">
        <v>284</v>
      </c>
      <c r="E50525" s="15">
        <v>45531</v>
      </c>
      <c r="F50525" s="14" t="s">
        <v>61</v>
      </c>
      <c r="G50525" s="16">
        <v>2.4634404839034731</v>
      </c>
    </row>
    <row r="50526" spans="1:7" x14ac:dyDescent="0.3">
      <c r="A50526" s="13" t="s">
        <v>283</v>
      </c>
      <c r="B50526" s="14" t="s">
        <v>1</v>
      </c>
      <c r="C50526" s="14" t="s">
        <v>23</v>
      </c>
      <c r="D50526" s="14" t="s">
        <v>284</v>
      </c>
      <c r="E50526" s="15">
        <v>45532</v>
      </c>
      <c r="F50526" s="14" t="s">
        <v>61</v>
      </c>
      <c r="G50526" s="16">
        <v>2.4943890722423148</v>
      </c>
    </row>
    <row r="50527" spans="1:7" x14ac:dyDescent="0.3">
      <c r="A50527" s="13" t="s">
        <v>283</v>
      </c>
      <c r="B50527" s="14" t="s">
        <v>1</v>
      </c>
      <c r="C50527" s="14" t="s">
        <v>23</v>
      </c>
      <c r="D50527" s="14" t="s">
        <v>284</v>
      </c>
      <c r="E50527" s="15">
        <v>45533</v>
      </c>
      <c r="F50527" s="14" t="s">
        <v>61</v>
      </c>
      <c r="G50527" s="16">
        <v>2.5199922734208826</v>
      </c>
    </row>
    <row r="50528" spans="1:7" x14ac:dyDescent="0.3">
      <c r="A50528" s="13" t="s">
        <v>283</v>
      </c>
      <c r="B50528" s="14" t="s">
        <v>1</v>
      </c>
      <c r="C50528" s="14" t="s">
        <v>23</v>
      </c>
      <c r="D50528" s="14" t="s">
        <v>284</v>
      </c>
      <c r="E50528" s="15">
        <v>45534</v>
      </c>
      <c r="F50528" s="14" t="s">
        <v>61</v>
      </c>
      <c r="G50528" s="16">
        <v>2.5429300142321978</v>
      </c>
    </row>
    <row r="50529" spans="1:7" x14ac:dyDescent="0.3">
      <c r="A50529" s="13" t="s">
        <v>283</v>
      </c>
      <c r="B50529" s="14" t="s">
        <v>1</v>
      </c>
      <c r="C50529" s="14" t="s">
        <v>23</v>
      </c>
      <c r="D50529" s="14" t="s">
        <v>284</v>
      </c>
      <c r="E50529" s="15">
        <v>45535</v>
      </c>
      <c r="F50529" s="14" t="s">
        <v>61</v>
      </c>
      <c r="G50529" s="16">
        <v>2.5429300142321978</v>
      </c>
    </row>
    <row r="50530" spans="1:7" x14ac:dyDescent="0.3">
      <c r="A50530" s="13" t="s">
        <v>283</v>
      </c>
      <c r="B50530" s="14" t="s">
        <v>1</v>
      </c>
      <c r="C50530" s="14" t="s">
        <v>23</v>
      </c>
      <c r="D50530" s="14" t="s">
        <v>284</v>
      </c>
      <c r="E50530" s="15">
        <v>45536</v>
      </c>
      <c r="F50530" s="14" t="s">
        <v>61</v>
      </c>
      <c r="G50530" s="16">
        <v>2.5429300142321978</v>
      </c>
    </row>
    <row r="50531" spans="1:7" x14ac:dyDescent="0.3">
      <c r="A50531" s="13" t="s">
        <v>283</v>
      </c>
      <c r="B50531" s="14" t="s">
        <v>1</v>
      </c>
      <c r="C50531" s="14" t="s">
        <v>23</v>
      </c>
      <c r="D50531" s="14" t="s">
        <v>284</v>
      </c>
      <c r="E50531" s="15">
        <v>45537</v>
      </c>
      <c r="F50531" s="14" t="s">
        <v>61</v>
      </c>
      <c r="G50531" s="16">
        <v>2.5429300142321978</v>
      </c>
    </row>
    <row r="50532" spans="1:7" x14ac:dyDescent="0.3">
      <c r="A50532" s="13" t="s">
        <v>283</v>
      </c>
      <c r="B50532" s="14" t="s">
        <v>1</v>
      </c>
      <c r="C50532" s="14" t="s">
        <v>23</v>
      </c>
      <c r="D50532" s="14" t="s">
        <v>284</v>
      </c>
      <c r="E50532" s="15">
        <v>45538</v>
      </c>
      <c r="F50532" s="14" t="s">
        <v>61</v>
      </c>
      <c r="G50532" s="16">
        <v>2.5604433615773914</v>
      </c>
    </row>
    <row r="50533" spans="1:7" x14ac:dyDescent="0.3">
      <c r="A50533" s="13" t="s">
        <v>283</v>
      </c>
      <c r="B50533" s="14" t="s">
        <v>1</v>
      </c>
      <c r="C50533" s="14" t="s">
        <v>23</v>
      </c>
      <c r="D50533" s="14" t="s">
        <v>284</v>
      </c>
      <c r="E50533" s="15">
        <v>45539</v>
      </c>
      <c r="F50533" s="14" t="s">
        <v>61</v>
      </c>
      <c r="G50533" s="16">
        <v>2.6065417311714505</v>
      </c>
    </row>
    <row r="50534" spans="1:7" x14ac:dyDescent="0.3">
      <c r="A50534" s="13" t="s">
        <v>283</v>
      </c>
      <c r="B50534" s="14" t="s">
        <v>1</v>
      </c>
      <c r="C50534" s="14" t="s">
        <v>23</v>
      </c>
      <c r="D50534" s="14" t="s">
        <v>284</v>
      </c>
      <c r="E50534" s="15">
        <v>45540</v>
      </c>
      <c r="F50534" s="14" t="s">
        <v>61</v>
      </c>
      <c r="G50534" s="16">
        <v>2.6161583731197049</v>
      </c>
    </row>
    <row r="50535" spans="1:7" x14ac:dyDescent="0.3">
      <c r="A50535" s="13" t="s">
        <v>283</v>
      </c>
      <c r="B50535" s="14" t="s">
        <v>1</v>
      </c>
      <c r="C50535" s="14" t="s">
        <v>23</v>
      </c>
      <c r="D50535" s="14" t="s">
        <v>284</v>
      </c>
      <c r="E50535" s="15">
        <v>45541</v>
      </c>
      <c r="F50535" s="14" t="s">
        <v>61</v>
      </c>
      <c r="G50535" s="16">
        <v>2.6388307037993086</v>
      </c>
    </row>
    <row r="50536" spans="1:7" x14ac:dyDescent="0.3">
      <c r="A50536" s="13" t="s">
        <v>283</v>
      </c>
      <c r="B50536" s="14" t="s">
        <v>1</v>
      </c>
      <c r="C50536" s="14" t="s">
        <v>23</v>
      </c>
      <c r="D50536" s="14" t="s">
        <v>284</v>
      </c>
      <c r="E50536" s="15">
        <v>45542</v>
      </c>
      <c r="F50536" s="14" t="s">
        <v>61</v>
      </c>
      <c r="G50536" s="16">
        <v>2.6388307037993086</v>
      </c>
    </row>
    <row r="50537" spans="1:7" x14ac:dyDescent="0.3">
      <c r="A50537" s="13" t="s">
        <v>283</v>
      </c>
      <c r="B50537" s="14" t="s">
        <v>1</v>
      </c>
      <c r="C50537" s="14" t="s">
        <v>23</v>
      </c>
      <c r="D50537" s="14" t="s">
        <v>284</v>
      </c>
      <c r="E50537" s="15">
        <v>45543</v>
      </c>
      <c r="F50537" s="14" t="s">
        <v>61</v>
      </c>
      <c r="G50537" s="16">
        <v>2.6388307037993086</v>
      </c>
    </row>
    <row r="50538" spans="1:7" x14ac:dyDescent="0.3">
      <c r="A50538" s="13" t="s">
        <v>283</v>
      </c>
      <c r="B50538" s="14" t="s">
        <v>1</v>
      </c>
      <c r="C50538" s="14" t="s">
        <v>23</v>
      </c>
      <c r="D50538" s="14" t="s">
        <v>284</v>
      </c>
      <c r="E50538" s="15">
        <v>45544</v>
      </c>
      <c r="F50538" s="14" t="s">
        <v>61</v>
      </c>
      <c r="G50538" s="16">
        <v>2.6973826566674277</v>
      </c>
    </row>
    <row r="50539" spans="1:7" x14ac:dyDescent="0.3">
      <c r="A50539" s="13" t="s">
        <v>283</v>
      </c>
      <c r="B50539" s="14" t="s">
        <v>1</v>
      </c>
      <c r="C50539" s="14" t="s">
        <v>23</v>
      </c>
      <c r="D50539" s="14" t="s">
        <v>284</v>
      </c>
      <c r="E50539" s="15">
        <v>45545</v>
      </c>
      <c r="F50539" s="14" t="s">
        <v>61</v>
      </c>
      <c r="G50539" s="16">
        <v>2.7464524769552248</v>
      </c>
    </row>
    <row r="50540" spans="1:7" x14ac:dyDescent="0.3">
      <c r="A50540" s="13" t="s">
        <v>283</v>
      </c>
      <c r="B50540" s="14" t="s">
        <v>1</v>
      </c>
      <c r="C50540" s="14" t="s">
        <v>23</v>
      </c>
      <c r="D50540" s="14" t="s">
        <v>284</v>
      </c>
      <c r="E50540" s="15">
        <v>45546</v>
      </c>
      <c r="F50540" s="14" t="s">
        <v>61</v>
      </c>
      <c r="G50540" s="16">
        <v>2.762541408438234</v>
      </c>
    </row>
    <row r="50541" spans="1:7" x14ac:dyDescent="0.3">
      <c r="A50541" s="13" t="s">
        <v>283</v>
      </c>
      <c r="B50541" s="14" t="s">
        <v>1</v>
      </c>
      <c r="C50541" s="14" t="s">
        <v>23</v>
      </c>
      <c r="D50541" s="14" t="s">
        <v>284</v>
      </c>
      <c r="E50541" s="15">
        <v>45547</v>
      </c>
      <c r="F50541" s="14" t="s">
        <v>61</v>
      </c>
      <c r="G50541" s="16">
        <v>2.7636904524715447</v>
      </c>
    </row>
    <row r="50542" spans="1:7" x14ac:dyDescent="0.3">
      <c r="A50542" s="13" t="s">
        <v>283</v>
      </c>
      <c r="B50542" s="14" t="s">
        <v>1</v>
      </c>
      <c r="C50542" s="14" t="s">
        <v>23</v>
      </c>
      <c r="D50542" s="14" t="s">
        <v>284</v>
      </c>
      <c r="E50542" s="15">
        <v>45548</v>
      </c>
      <c r="F50542" s="14" t="s">
        <v>61</v>
      </c>
      <c r="G50542" s="16">
        <v>2.7796643873903957</v>
      </c>
    </row>
    <row r="50543" spans="1:7" x14ac:dyDescent="0.3">
      <c r="A50543" s="13" t="s">
        <v>283</v>
      </c>
      <c r="B50543" s="14" t="s">
        <v>1</v>
      </c>
      <c r="C50543" s="14" t="s">
        <v>23</v>
      </c>
      <c r="D50543" s="14" t="s">
        <v>284</v>
      </c>
      <c r="E50543" s="15">
        <v>45549</v>
      </c>
      <c r="F50543" s="14" t="s">
        <v>61</v>
      </c>
      <c r="G50543" s="16">
        <v>2.7796643873903957</v>
      </c>
    </row>
    <row r="50544" spans="1:7" x14ac:dyDescent="0.3">
      <c r="A50544" s="13" t="s">
        <v>283</v>
      </c>
      <c r="B50544" s="14" t="s">
        <v>1</v>
      </c>
      <c r="C50544" s="14" t="s">
        <v>23</v>
      </c>
      <c r="D50544" s="14" t="s">
        <v>284</v>
      </c>
      <c r="E50544" s="15">
        <v>45550</v>
      </c>
      <c r="F50544" s="14" t="s">
        <v>61</v>
      </c>
      <c r="G50544" s="16">
        <v>2.7796643873903957</v>
      </c>
    </row>
    <row r="50545" spans="1:7" x14ac:dyDescent="0.3">
      <c r="A50545" s="13" t="s">
        <v>283</v>
      </c>
      <c r="B50545" s="14" t="s">
        <v>1</v>
      </c>
      <c r="C50545" s="14" t="s">
        <v>23</v>
      </c>
      <c r="D50545" s="14" t="s">
        <v>284</v>
      </c>
      <c r="E50545" s="15">
        <v>45551</v>
      </c>
      <c r="F50545" s="14" t="s">
        <v>61</v>
      </c>
      <c r="G50545" s="16">
        <v>2.7818860511476973</v>
      </c>
    </row>
    <row r="50546" spans="1:7" x14ac:dyDescent="0.3">
      <c r="A50546" s="13" t="s">
        <v>283</v>
      </c>
      <c r="B50546" s="14" t="s">
        <v>1</v>
      </c>
      <c r="C50546" s="14" t="s">
        <v>23</v>
      </c>
      <c r="D50546" s="14" t="s">
        <v>284</v>
      </c>
      <c r="E50546" s="15">
        <v>45552</v>
      </c>
      <c r="F50546" s="14" t="s">
        <v>61</v>
      </c>
      <c r="G50546" s="16">
        <v>2.8373710354575103</v>
      </c>
    </row>
    <row r="50547" spans="1:7" x14ac:dyDescent="0.3">
      <c r="A50547" s="13" t="s">
        <v>283</v>
      </c>
      <c r="B50547" s="14" t="s">
        <v>1</v>
      </c>
      <c r="C50547" s="14" t="s">
        <v>23</v>
      </c>
      <c r="D50547" s="14" t="s">
        <v>284</v>
      </c>
      <c r="E50547" s="15">
        <v>45553</v>
      </c>
      <c r="F50547" s="14" t="s">
        <v>61</v>
      </c>
      <c r="G50547" s="16">
        <v>2.8529892048774093</v>
      </c>
    </row>
    <row r="50548" spans="1:7" x14ac:dyDescent="0.3">
      <c r="A50548" s="13" t="s">
        <v>283</v>
      </c>
      <c r="B50548" s="14" t="s">
        <v>1</v>
      </c>
      <c r="C50548" s="14" t="s">
        <v>23</v>
      </c>
      <c r="D50548" s="14" t="s">
        <v>284</v>
      </c>
      <c r="E50548" s="15">
        <v>45554</v>
      </c>
      <c r="F50548" s="14" t="s">
        <v>61</v>
      </c>
      <c r="G50548" s="16">
        <v>2.8580271978054861</v>
      </c>
    </row>
    <row r="50549" spans="1:7" x14ac:dyDescent="0.3">
      <c r="A50549" s="13" t="s">
        <v>283</v>
      </c>
      <c r="B50549" s="14" t="s">
        <v>1</v>
      </c>
      <c r="C50549" s="14" t="s">
        <v>23</v>
      </c>
      <c r="D50549" s="14" t="s">
        <v>284</v>
      </c>
      <c r="E50549" s="15">
        <v>45555</v>
      </c>
      <c r="F50549" s="14" t="s">
        <v>61</v>
      </c>
      <c r="G50549" s="16">
        <v>2.8748869827178765</v>
      </c>
    </row>
    <row r="50550" spans="1:7" x14ac:dyDescent="0.3">
      <c r="A50550" s="13" t="s">
        <v>283</v>
      </c>
      <c r="B50550" s="14" t="s">
        <v>1</v>
      </c>
      <c r="C50550" s="14" t="s">
        <v>23</v>
      </c>
      <c r="D50550" s="14" t="s">
        <v>284</v>
      </c>
      <c r="E50550" s="15">
        <v>45556</v>
      </c>
      <c r="F50550" s="14" t="s">
        <v>61</v>
      </c>
      <c r="G50550" s="16">
        <v>2.8748869827178765</v>
      </c>
    </row>
    <row r="50551" spans="1:7" x14ac:dyDescent="0.3">
      <c r="A50551" s="13" t="s">
        <v>283</v>
      </c>
      <c r="B50551" s="14" t="s">
        <v>1</v>
      </c>
      <c r="C50551" s="14" t="s">
        <v>23</v>
      </c>
      <c r="D50551" s="14" t="s">
        <v>284</v>
      </c>
      <c r="E50551" s="15">
        <v>45557</v>
      </c>
      <c r="F50551" s="14" t="s">
        <v>61</v>
      </c>
      <c r="G50551" s="16">
        <v>2.8748869827178765</v>
      </c>
    </row>
    <row r="50552" spans="1:7" x14ac:dyDescent="0.3">
      <c r="A50552" s="13" t="s">
        <v>283</v>
      </c>
      <c r="B50552" s="14" t="s">
        <v>1</v>
      </c>
      <c r="C50552" s="14" t="s">
        <v>23</v>
      </c>
      <c r="D50552" s="14" t="s">
        <v>284</v>
      </c>
      <c r="E50552" s="15">
        <v>45558</v>
      </c>
      <c r="F50552" s="14" t="s">
        <v>61</v>
      </c>
      <c r="G50552" s="16">
        <v>2.9049597469250972</v>
      </c>
    </row>
    <row r="50553" spans="1:7" x14ac:dyDescent="0.3">
      <c r="A50553" s="13" t="s">
        <v>283</v>
      </c>
      <c r="B50553" s="14" t="s">
        <v>1</v>
      </c>
      <c r="C50553" s="14" t="s">
        <v>23</v>
      </c>
      <c r="D50553" s="14" t="s">
        <v>284</v>
      </c>
      <c r="E50553" s="15">
        <v>45559</v>
      </c>
      <c r="F50553" s="14" t="s">
        <v>61</v>
      </c>
      <c r="G50553" s="16">
        <v>2.9518077815102073</v>
      </c>
    </row>
    <row r="50554" spans="1:7" x14ac:dyDescent="0.3">
      <c r="A50554" s="13" t="s">
        <v>283</v>
      </c>
      <c r="B50554" s="14" t="s">
        <v>1</v>
      </c>
      <c r="C50554" s="14" t="s">
        <v>23</v>
      </c>
      <c r="D50554" s="14" t="s">
        <v>284</v>
      </c>
      <c r="E50554" s="15">
        <v>45560</v>
      </c>
      <c r="F50554" s="14" t="s">
        <v>61</v>
      </c>
      <c r="G50554" s="16">
        <v>2.9814263136594326</v>
      </c>
    </row>
    <row r="50555" spans="1:7" x14ac:dyDescent="0.3">
      <c r="A50555" s="13" t="s">
        <v>283</v>
      </c>
      <c r="B50555" s="14" t="s">
        <v>1</v>
      </c>
      <c r="C50555" s="14" t="s">
        <v>23</v>
      </c>
      <c r="D50555" s="14" t="s">
        <v>284</v>
      </c>
      <c r="E50555" s="15">
        <v>45561</v>
      </c>
      <c r="F50555" s="14" t="s">
        <v>61</v>
      </c>
      <c r="G50555" s="16">
        <v>2.9874647920084634</v>
      </c>
    </row>
    <row r="50556" spans="1:7" x14ac:dyDescent="0.3">
      <c r="A50556" s="13" t="s">
        <v>283</v>
      </c>
      <c r="B50556" s="14" t="s">
        <v>1</v>
      </c>
      <c r="C50556" s="14" t="s">
        <v>23</v>
      </c>
      <c r="D50556" s="14" t="s">
        <v>284</v>
      </c>
      <c r="E50556" s="15">
        <v>45562</v>
      </c>
      <c r="F50556" s="14" t="s">
        <v>61</v>
      </c>
      <c r="G50556" s="16">
        <v>3.0110802335940554</v>
      </c>
    </row>
    <row r="50557" spans="1:7" x14ac:dyDescent="0.3">
      <c r="A50557" s="13" t="s">
        <v>283</v>
      </c>
      <c r="B50557" s="14" t="s">
        <v>1</v>
      </c>
      <c r="C50557" s="14" t="s">
        <v>23</v>
      </c>
      <c r="D50557" s="14" t="s">
        <v>284</v>
      </c>
      <c r="E50557" s="15">
        <v>45563</v>
      </c>
      <c r="F50557" s="14" t="s">
        <v>61</v>
      </c>
      <c r="G50557" s="16">
        <v>3.0110802335940554</v>
      </c>
    </row>
    <row r="50558" spans="1:7" x14ac:dyDescent="0.3">
      <c r="A50558" s="13" t="s">
        <v>283</v>
      </c>
      <c r="B50558" s="14" t="s">
        <v>1</v>
      </c>
      <c r="C50558" s="14" t="s">
        <v>23</v>
      </c>
      <c r="D50558" s="14" t="s">
        <v>284</v>
      </c>
      <c r="E50558" s="15">
        <v>45564</v>
      </c>
      <c r="F50558" s="14" t="s">
        <v>61</v>
      </c>
      <c r="G50558" s="16">
        <v>3.0110802335940554</v>
      </c>
    </row>
    <row r="50559" spans="1:7" x14ac:dyDescent="0.3">
      <c r="A50559" s="13" t="s">
        <v>283</v>
      </c>
      <c r="B50559" s="14" t="s">
        <v>1</v>
      </c>
      <c r="C50559" s="14" t="s">
        <v>23</v>
      </c>
      <c r="D50559" s="14" t="s">
        <v>284</v>
      </c>
      <c r="E50559" s="15">
        <v>45565</v>
      </c>
      <c r="F50559" s="14" t="s">
        <v>61</v>
      </c>
      <c r="G50559" s="16">
        <v>3.0365023952023025</v>
      </c>
    </row>
    <row r="50560" spans="1:7" x14ac:dyDescent="0.3">
      <c r="A50560" s="13" t="s">
        <v>283</v>
      </c>
      <c r="B50560" s="14" t="s">
        <v>1</v>
      </c>
      <c r="C50560" s="14" t="s">
        <v>23</v>
      </c>
      <c r="D50560" s="14" t="s">
        <v>284</v>
      </c>
      <c r="E50560" s="15">
        <v>45566</v>
      </c>
      <c r="F50560" s="14" t="s">
        <v>61</v>
      </c>
      <c r="G50560" s="16">
        <v>3.1067493002276629</v>
      </c>
    </row>
    <row r="50561" spans="1:7" x14ac:dyDescent="0.3">
      <c r="A50561" s="13" t="s">
        <v>283</v>
      </c>
      <c r="B50561" s="14" t="s">
        <v>1</v>
      </c>
      <c r="C50561" s="14" t="s">
        <v>23</v>
      </c>
      <c r="D50561" s="14" t="s">
        <v>284</v>
      </c>
      <c r="E50561" s="15">
        <v>45567</v>
      </c>
      <c r="F50561" s="14" t="s">
        <v>61</v>
      </c>
      <c r="G50561" s="16">
        <v>3.1305056160352049</v>
      </c>
    </row>
    <row r="50562" spans="1:7" x14ac:dyDescent="0.3">
      <c r="A50562" s="13" t="s">
        <v>283</v>
      </c>
      <c r="B50562" s="14" t="s">
        <v>1</v>
      </c>
      <c r="C50562" s="14" t="s">
        <v>23</v>
      </c>
      <c r="D50562" s="14" t="s">
        <v>284</v>
      </c>
      <c r="E50562" s="15">
        <v>45568</v>
      </c>
      <c r="F50562" s="14" t="s">
        <v>61</v>
      </c>
      <c r="G50562" s="16">
        <v>3.142005742206972</v>
      </c>
    </row>
    <row r="50563" spans="1:7" x14ac:dyDescent="0.3">
      <c r="A50563" s="13" t="s">
        <v>283</v>
      </c>
      <c r="B50563" s="14" t="s">
        <v>1</v>
      </c>
      <c r="C50563" s="14" t="s">
        <v>23</v>
      </c>
      <c r="D50563" s="14" t="s">
        <v>284</v>
      </c>
      <c r="E50563" s="15">
        <v>45569</v>
      </c>
      <c r="F50563" s="14" t="s">
        <v>61</v>
      </c>
      <c r="G50563" s="16">
        <v>3.1749612035678076</v>
      </c>
    </row>
    <row r="50564" spans="1:7" x14ac:dyDescent="0.3">
      <c r="A50564" s="13" t="s">
        <v>283</v>
      </c>
      <c r="B50564" s="14" t="s">
        <v>1</v>
      </c>
      <c r="C50564" s="14" t="s">
        <v>23</v>
      </c>
      <c r="D50564" s="14" t="s">
        <v>284</v>
      </c>
      <c r="E50564" s="15">
        <v>45570</v>
      </c>
      <c r="F50564" s="14" t="s">
        <v>61</v>
      </c>
      <c r="G50564" s="16">
        <v>3.1749612035678076</v>
      </c>
    </row>
    <row r="50565" spans="1:7" x14ac:dyDescent="0.3">
      <c r="A50565" s="13" t="s">
        <v>283</v>
      </c>
      <c r="B50565" s="14" t="s">
        <v>1</v>
      </c>
      <c r="C50565" s="14" t="s">
        <v>23</v>
      </c>
      <c r="D50565" s="14" t="s">
        <v>284</v>
      </c>
      <c r="E50565" s="15">
        <v>45571</v>
      </c>
      <c r="F50565" s="14" t="s">
        <v>61</v>
      </c>
      <c r="G50565" s="16">
        <v>3.1749612035678076</v>
      </c>
    </row>
    <row r="50566" spans="1:7" x14ac:dyDescent="0.3">
      <c r="A50566" s="13" t="s">
        <v>283</v>
      </c>
      <c r="B50566" s="14" t="s">
        <v>1</v>
      </c>
      <c r="C50566" s="14" t="s">
        <v>23</v>
      </c>
      <c r="D50566" s="14" t="s">
        <v>284</v>
      </c>
      <c r="E50566" s="15">
        <v>45572</v>
      </c>
      <c r="F50566" s="14" t="s">
        <v>61</v>
      </c>
      <c r="G50566" s="16">
        <v>3.217721484960038</v>
      </c>
    </row>
    <row r="50567" spans="1:7" x14ac:dyDescent="0.3">
      <c r="A50567" s="13" t="s">
        <v>283</v>
      </c>
      <c r="B50567" s="14" t="s">
        <v>1</v>
      </c>
      <c r="C50567" s="14" t="s">
        <v>23</v>
      </c>
      <c r="D50567" s="14" t="s">
        <v>284</v>
      </c>
      <c r="E50567" s="15">
        <v>45573</v>
      </c>
      <c r="F50567" s="14" t="s">
        <v>61</v>
      </c>
      <c r="G50567" s="16">
        <v>3.2713553181397943</v>
      </c>
    </row>
    <row r="50568" spans="1:7" x14ac:dyDescent="0.3">
      <c r="A50568" s="13" t="s">
        <v>283</v>
      </c>
      <c r="B50568" s="14" t="s">
        <v>1</v>
      </c>
      <c r="C50568" s="14" t="s">
        <v>23</v>
      </c>
      <c r="D50568" s="14" t="s">
        <v>284</v>
      </c>
      <c r="E50568" s="15">
        <v>45574</v>
      </c>
      <c r="F50568" s="14" t="s">
        <v>61</v>
      </c>
      <c r="G50568" s="16">
        <v>3.3021096666719911</v>
      </c>
    </row>
    <row r="50569" spans="1:7" x14ac:dyDescent="0.3">
      <c r="A50569" s="13" t="s">
        <v>283</v>
      </c>
      <c r="B50569" s="14" t="s">
        <v>1</v>
      </c>
      <c r="C50569" s="14" t="s">
        <v>23</v>
      </c>
      <c r="D50569" s="14" t="s">
        <v>284</v>
      </c>
      <c r="E50569" s="15">
        <v>45575</v>
      </c>
      <c r="F50569" s="14" t="s">
        <v>61</v>
      </c>
      <c r="G50569" s="16">
        <v>3.3209984291510435</v>
      </c>
    </row>
    <row r="50570" spans="1:7" x14ac:dyDescent="0.3">
      <c r="A50570" s="13" t="s">
        <v>283</v>
      </c>
      <c r="B50570" s="14" t="s">
        <v>1</v>
      </c>
      <c r="C50570" s="14" t="s">
        <v>23</v>
      </c>
      <c r="D50570" s="14" t="s">
        <v>284</v>
      </c>
      <c r="E50570" s="15">
        <v>45576</v>
      </c>
      <c r="F50570" s="14" t="s">
        <v>61</v>
      </c>
      <c r="G50570" s="16">
        <v>3.3378805905538811</v>
      </c>
    </row>
    <row r="50571" spans="1:7" x14ac:dyDescent="0.3">
      <c r="A50571" s="13" t="s">
        <v>283</v>
      </c>
      <c r="B50571" s="14" t="s">
        <v>1</v>
      </c>
      <c r="C50571" s="14" t="s">
        <v>23</v>
      </c>
      <c r="D50571" s="14" t="s">
        <v>284</v>
      </c>
      <c r="E50571" s="15">
        <v>45577</v>
      </c>
      <c r="F50571" s="14" t="s">
        <v>61</v>
      </c>
      <c r="G50571" s="16">
        <v>3.3378805905538811</v>
      </c>
    </row>
    <row r="50572" spans="1:7" x14ac:dyDescent="0.3">
      <c r="A50572" s="13" t="s">
        <v>283</v>
      </c>
      <c r="B50572" s="14" t="s">
        <v>1</v>
      </c>
      <c r="C50572" s="14" t="s">
        <v>23</v>
      </c>
      <c r="D50572" s="14" t="s">
        <v>284</v>
      </c>
      <c r="E50572" s="15">
        <v>45578</v>
      </c>
      <c r="F50572" s="14" t="s">
        <v>61</v>
      </c>
      <c r="G50572" s="16">
        <v>3.3378805905538811</v>
      </c>
    </row>
    <row r="50573" spans="1:7" x14ac:dyDescent="0.3">
      <c r="A50573" s="13" t="s">
        <v>283</v>
      </c>
      <c r="B50573" s="14" t="s">
        <v>1</v>
      </c>
      <c r="C50573" s="14" t="s">
        <v>23</v>
      </c>
      <c r="D50573" s="14" t="s">
        <v>284</v>
      </c>
      <c r="E50573" s="15">
        <v>45579</v>
      </c>
      <c r="F50573" s="14" t="s">
        <v>61</v>
      </c>
      <c r="G50573" s="16">
        <v>3.3378805905538811</v>
      </c>
    </row>
    <row r="50574" spans="1:7" x14ac:dyDescent="0.3">
      <c r="A50574" s="13" t="s">
        <v>283</v>
      </c>
      <c r="B50574" s="14" t="s">
        <v>1</v>
      </c>
      <c r="C50574" s="14" t="s">
        <v>23</v>
      </c>
      <c r="D50574" s="14" t="s">
        <v>284</v>
      </c>
      <c r="E50574" s="15">
        <v>45580</v>
      </c>
      <c r="F50574" s="14" t="s">
        <v>61</v>
      </c>
      <c r="G50574" s="16">
        <v>3.369844696324853</v>
      </c>
    </row>
    <row r="50575" spans="1:7" x14ac:dyDescent="0.3">
      <c r="A50575" s="13" t="s">
        <v>283</v>
      </c>
      <c r="B50575" s="14" t="s">
        <v>1</v>
      </c>
      <c r="C50575" s="14" t="s">
        <v>23</v>
      </c>
      <c r="D50575" s="14" t="s">
        <v>284</v>
      </c>
      <c r="E50575" s="15">
        <v>45581</v>
      </c>
      <c r="F50575" s="14" t="s">
        <v>61</v>
      </c>
      <c r="G50575" s="16">
        <v>3.4502635842477183</v>
      </c>
    </row>
    <row r="50576" spans="1:7" x14ac:dyDescent="0.3">
      <c r="A50576" s="13" t="s">
        <v>283</v>
      </c>
      <c r="B50576" s="14" t="s">
        <v>1</v>
      </c>
      <c r="C50576" s="14" t="s">
        <v>23</v>
      </c>
      <c r="D50576" s="14" t="s">
        <v>284</v>
      </c>
      <c r="E50576" s="15">
        <v>45582</v>
      </c>
      <c r="F50576" s="14" t="s">
        <v>61</v>
      </c>
      <c r="G50576" s="16">
        <v>3.477523798578968</v>
      </c>
    </row>
    <row r="50577" spans="1:7" x14ac:dyDescent="0.3">
      <c r="A50577" s="13" t="s">
        <v>283</v>
      </c>
      <c r="B50577" s="14" t="s">
        <v>1</v>
      </c>
      <c r="C50577" s="14" t="s">
        <v>23</v>
      </c>
      <c r="D50577" s="14" t="s">
        <v>284</v>
      </c>
      <c r="E50577" s="15">
        <v>45583</v>
      </c>
      <c r="F50577" s="14" t="s">
        <v>61</v>
      </c>
      <c r="G50577" s="16">
        <v>3.483713335473904</v>
      </c>
    </row>
    <row r="50578" spans="1:7" x14ac:dyDescent="0.3">
      <c r="A50578" s="13" t="s">
        <v>283</v>
      </c>
      <c r="B50578" s="14" t="s">
        <v>1</v>
      </c>
      <c r="C50578" s="14" t="s">
        <v>23</v>
      </c>
      <c r="D50578" s="14" t="s">
        <v>284</v>
      </c>
      <c r="E50578" s="15">
        <v>45584</v>
      </c>
      <c r="F50578" s="14" t="s">
        <v>61</v>
      </c>
      <c r="G50578" s="16">
        <v>3.483713335473904</v>
      </c>
    </row>
    <row r="50579" spans="1:7" x14ac:dyDescent="0.3">
      <c r="A50579" s="13" t="s">
        <v>283</v>
      </c>
      <c r="B50579" s="14" t="s">
        <v>1</v>
      </c>
      <c r="C50579" s="14" t="s">
        <v>23</v>
      </c>
      <c r="D50579" s="14" t="s">
        <v>284</v>
      </c>
      <c r="E50579" s="15">
        <v>45585</v>
      </c>
      <c r="F50579" s="14" t="s">
        <v>61</v>
      </c>
      <c r="G50579" s="16">
        <v>3.483713335473904</v>
      </c>
    </row>
    <row r="50580" spans="1:7" x14ac:dyDescent="0.3">
      <c r="A50580" s="13" t="s">
        <v>283</v>
      </c>
      <c r="B50580" s="14" t="s">
        <v>1</v>
      </c>
      <c r="C50580" s="14" t="s">
        <v>23</v>
      </c>
      <c r="D50580" s="14" t="s">
        <v>284</v>
      </c>
      <c r="E50580" s="15">
        <v>45586</v>
      </c>
      <c r="F50580" s="14" t="s">
        <v>61</v>
      </c>
      <c r="G50580" s="16">
        <v>3.5168199608389279</v>
      </c>
    </row>
    <row r="50581" spans="1:7" x14ac:dyDescent="0.3">
      <c r="A50581" s="13" t="s">
        <v>283</v>
      </c>
      <c r="B50581" s="14" t="s">
        <v>1</v>
      </c>
      <c r="C50581" s="14" t="s">
        <v>23</v>
      </c>
      <c r="D50581" s="14" t="s">
        <v>284</v>
      </c>
      <c r="E50581" s="15">
        <v>45587</v>
      </c>
      <c r="F50581" s="14" t="s">
        <v>61</v>
      </c>
      <c r="G50581" s="16">
        <v>3.574073314873</v>
      </c>
    </row>
    <row r="50582" spans="1:7" x14ac:dyDescent="0.3">
      <c r="A50582" s="13" t="s">
        <v>283</v>
      </c>
      <c r="B50582" s="14" t="s">
        <v>1</v>
      </c>
      <c r="C50582" s="14" t="s">
        <v>23</v>
      </c>
      <c r="D50582" s="14" t="s">
        <v>284</v>
      </c>
      <c r="E50582" s="15">
        <v>45588</v>
      </c>
      <c r="F50582" s="14" t="s">
        <v>61</v>
      </c>
      <c r="G50582" s="16">
        <v>3.5974577053058927</v>
      </c>
    </row>
    <row r="50583" spans="1:7" x14ac:dyDescent="0.3">
      <c r="A50583" s="13" t="s">
        <v>283</v>
      </c>
      <c r="B50583" s="14" t="s">
        <v>1</v>
      </c>
      <c r="C50583" s="14" t="s">
        <v>23</v>
      </c>
      <c r="D50583" s="14" t="s">
        <v>284</v>
      </c>
      <c r="E50583" s="15">
        <v>45589</v>
      </c>
      <c r="F50583" s="14" t="s">
        <v>61</v>
      </c>
      <c r="G50583" s="16">
        <v>3.5998451774922868</v>
      </c>
    </row>
    <row r="50584" spans="1:7" x14ac:dyDescent="0.3">
      <c r="A50584" s="13" t="s">
        <v>283</v>
      </c>
      <c r="B50584" s="14" t="s">
        <v>1</v>
      </c>
      <c r="C50584" s="14" t="s">
        <v>23</v>
      </c>
      <c r="D50584" s="14" t="s">
        <v>284</v>
      </c>
      <c r="E50584" s="15">
        <v>45590</v>
      </c>
      <c r="F50584" s="14" t="s">
        <v>61</v>
      </c>
      <c r="G50584" s="16">
        <v>3.6275955660518098</v>
      </c>
    </row>
    <row r="50585" spans="1:7" x14ac:dyDescent="0.3">
      <c r="A50585" s="13" t="s">
        <v>283</v>
      </c>
      <c r="B50585" s="14" t="s">
        <v>1</v>
      </c>
      <c r="C50585" s="14" t="s">
        <v>23</v>
      </c>
      <c r="D50585" s="14" t="s">
        <v>284</v>
      </c>
      <c r="E50585" s="15">
        <v>45591</v>
      </c>
      <c r="F50585" s="14" t="s">
        <v>61</v>
      </c>
      <c r="G50585" s="16">
        <v>3.6275955660518098</v>
      </c>
    </row>
    <row r="50586" spans="1:7" x14ac:dyDescent="0.3">
      <c r="A50586" s="13" t="s">
        <v>283</v>
      </c>
      <c r="B50586" s="14" t="s">
        <v>1</v>
      </c>
      <c r="C50586" s="14" t="s">
        <v>23</v>
      </c>
      <c r="D50586" s="14" t="s">
        <v>284</v>
      </c>
      <c r="E50586" s="15">
        <v>45592</v>
      </c>
      <c r="F50586" s="14" t="s">
        <v>61</v>
      </c>
      <c r="G50586" s="16">
        <v>3.6275955660518098</v>
      </c>
    </row>
    <row r="50587" spans="1:7" x14ac:dyDescent="0.3">
      <c r="A50587" s="13" t="s">
        <v>283</v>
      </c>
      <c r="B50587" s="14" t="s">
        <v>1</v>
      </c>
      <c r="C50587" s="14" t="s">
        <v>23</v>
      </c>
      <c r="D50587" s="14" t="s">
        <v>284</v>
      </c>
      <c r="E50587" s="15">
        <v>45593</v>
      </c>
      <c r="F50587" s="14" t="s">
        <v>61</v>
      </c>
      <c r="G50587" s="16">
        <v>3.6275955660518098</v>
      </c>
    </row>
    <row r="50588" spans="1:7" x14ac:dyDescent="0.3">
      <c r="A50588" s="13" t="s">
        <v>283</v>
      </c>
      <c r="B50588" s="14" t="s">
        <v>1</v>
      </c>
      <c r="C50588" s="14" t="s">
        <v>23</v>
      </c>
      <c r="D50588" s="14" t="s">
        <v>284</v>
      </c>
      <c r="E50588" s="15">
        <v>45594</v>
      </c>
      <c r="F50588" s="14" t="s">
        <v>61</v>
      </c>
      <c r="G50588" s="16">
        <v>3.6404670783120756</v>
      </c>
    </row>
    <row r="50589" spans="1:7" x14ac:dyDescent="0.3">
      <c r="A50589" s="13" t="s">
        <v>283</v>
      </c>
      <c r="B50589" s="14" t="s">
        <v>1</v>
      </c>
      <c r="C50589" s="14" t="s">
        <v>23</v>
      </c>
      <c r="D50589" s="14" t="s">
        <v>284</v>
      </c>
      <c r="E50589" s="15">
        <v>45595</v>
      </c>
      <c r="F50589" s="14" t="s">
        <v>61</v>
      </c>
      <c r="G50589" s="16">
        <v>3.6954555529780833</v>
      </c>
    </row>
    <row r="50590" spans="1:7" x14ac:dyDescent="0.3">
      <c r="A50590" s="13" t="s">
        <v>283</v>
      </c>
      <c r="B50590" s="14" t="s">
        <v>1</v>
      </c>
      <c r="C50590" s="14" t="s">
        <v>23</v>
      </c>
      <c r="D50590" s="14" t="s">
        <v>284</v>
      </c>
      <c r="E50590" s="15">
        <v>45596</v>
      </c>
      <c r="F50590" s="14" t="s">
        <v>61</v>
      </c>
      <c r="G50590" s="16">
        <v>3.69015043923324</v>
      </c>
    </row>
    <row r="50591" spans="1:7" x14ac:dyDescent="0.3">
      <c r="A50591" s="13" t="s">
        <v>283</v>
      </c>
      <c r="B50591" s="14" t="s">
        <v>1</v>
      </c>
      <c r="C50591" s="14" t="s">
        <v>23</v>
      </c>
      <c r="D50591" s="14" t="s">
        <v>284</v>
      </c>
      <c r="E50591" s="15">
        <v>45597</v>
      </c>
      <c r="F50591" s="14" t="s">
        <v>61</v>
      </c>
      <c r="G50591" s="16">
        <v>3.7235012472403457</v>
      </c>
    </row>
    <row r="50592" spans="1:7" x14ac:dyDescent="0.3">
      <c r="A50592" s="13" t="s">
        <v>283</v>
      </c>
      <c r="B50592" s="14" t="s">
        <v>1</v>
      </c>
      <c r="C50592" s="14" t="s">
        <v>23</v>
      </c>
      <c r="D50592" s="14" t="s">
        <v>284</v>
      </c>
      <c r="E50592" s="15">
        <v>45598</v>
      </c>
      <c r="F50592" s="14" t="s">
        <v>61</v>
      </c>
      <c r="G50592" s="16">
        <v>3.7235012472403457</v>
      </c>
    </row>
    <row r="50593" spans="1:7" x14ac:dyDescent="0.3">
      <c r="A50593" s="13" t="s">
        <v>283</v>
      </c>
      <c r="B50593" s="14" t="s">
        <v>1</v>
      </c>
      <c r="C50593" s="14" t="s">
        <v>23</v>
      </c>
      <c r="D50593" s="14" t="s">
        <v>284</v>
      </c>
      <c r="E50593" s="15">
        <v>45599</v>
      </c>
      <c r="F50593" s="14" t="s">
        <v>61</v>
      </c>
      <c r="G50593" s="16">
        <v>3.7235012472403457</v>
      </c>
    </row>
    <row r="50594" spans="1:7" x14ac:dyDescent="0.3">
      <c r="A50594" s="13" t="s">
        <v>283</v>
      </c>
      <c r="B50594" s="14" t="s">
        <v>1</v>
      </c>
      <c r="C50594" s="14" t="s">
        <v>23</v>
      </c>
      <c r="D50594" s="14" t="s">
        <v>284</v>
      </c>
      <c r="E50594" s="15">
        <v>45600</v>
      </c>
      <c r="F50594" s="14" t="s">
        <v>61</v>
      </c>
      <c r="G50594" s="16">
        <v>3.7162225997436278</v>
      </c>
    </row>
    <row r="50595" spans="1:7" x14ac:dyDescent="0.3">
      <c r="A50595" s="13" t="s">
        <v>283</v>
      </c>
      <c r="B50595" s="14" t="s">
        <v>1</v>
      </c>
      <c r="C50595" s="14" t="s">
        <v>23</v>
      </c>
      <c r="D50595" s="14" t="s">
        <v>284</v>
      </c>
      <c r="E50595" s="15">
        <v>45601</v>
      </c>
      <c r="F50595" s="14" t="s">
        <v>61</v>
      </c>
      <c r="G50595" s="16">
        <v>3.7496507505849652</v>
      </c>
    </row>
    <row r="50596" spans="1:7" x14ac:dyDescent="0.3">
      <c r="A50596" s="13" t="s">
        <v>283</v>
      </c>
      <c r="B50596" s="14" t="s">
        <v>1</v>
      </c>
      <c r="C50596" s="14" t="s">
        <v>23</v>
      </c>
      <c r="D50596" s="14" t="s">
        <v>284</v>
      </c>
      <c r="E50596" s="15">
        <v>45602</v>
      </c>
      <c r="F50596" s="14" t="s">
        <v>61</v>
      </c>
      <c r="G50596" s="16">
        <v>3.8381590272860753</v>
      </c>
    </row>
    <row r="50597" spans="1:7" x14ac:dyDescent="0.3">
      <c r="A50597" s="13" t="s">
        <v>283</v>
      </c>
      <c r="B50597" s="14" t="s">
        <v>1</v>
      </c>
      <c r="C50597" s="14" t="s">
        <v>23</v>
      </c>
      <c r="D50597" s="14" t="s">
        <v>284</v>
      </c>
      <c r="E50597" s="15">
        <v>45603</v>
      </c>
      <c r="F50597" s="14" t="s">
        <v>61</v>
      </c>
      <c r="G50597" s="16">
        <v>3.8301298884448847</v>
      </c>
    </row>
    <row r="50598" spans="1:7" x14ac:dyDescent="0.3">
      <c r="A50598" s="13" t="s">
        <v>283</v>
      </c>
      <c r="B50598" s="14" t="s">
        <v>1</v>
      </c>
      <c r="C50598" s="14" t="s">
        <v>23</v>
      </c>
      <c r="D50598" s="14" t="s">
        <v>284</v>
      </c>
      <c r="E50598" s="15">
        <v>45604</v>
      </c>
      <c r="F50598" s="14" t="s">
        <v>61</v>
      </c>
      <c r="G50598" s="16">
        <v>3.8791257660643237</v>
      </c>
    </row>
    <row r="50599" spans="1:7" x14ac:dyDescent="0.3">
      <c r="A50599" s="13" t="s">
        <v>283</v>
      </c>
      <c r="B50599" s="14" t="s">
        <v>1</v>
      </c>
      <c r="C50599" s="14" t="s">
        <v>23</v>
      </c>
      <c r="D50599" s="14" t="s">
        <v>284</v>
      </c>
      <c r="E50599" s="15">
        <v>45605</v>
      </c>
      <c r="F50599" s="14" t="s">
        <v>61</v>
      </c>
      <c r="G50599" s="16">
        <v>3.8791257660643237</v>
      </c>
    </row>
    <row r="50600" spans="1:7" x14ac:dyDescent="0.3">
      <c r="A50600" s="13" t="s">
        <v>283</v>
      </c>
      <c r="B50600" s="14" t="s">
        <v>1</v>
      </c>
      <c r="C50600" s="14" t="s">
        <v>23</v>
      </c>
      <c r="D50600" s="14" t="s">
        <v>284</v>
      </c>
      <c r="E50600" s="15">
        <v>45606</v>
      </c>
      <c r="F50600" s="14" t="s">
        <v>61</v>
      </c>
      <c r="G50600" s="16">
        <v>3.8791257660643237</v>
      </c>
    </row>
    <row r="50601" spans="1:7" x14ac:dyDescent="0.3">
      <c r="A50601" s="13" t="s">
        <v>283</v>
      </c>
      <c r="B50601" s="14" t="s">
        <v>1</v>
      </c>
      <c r="C50601" s="14" t="s">
        <v>23</v>
      </c>
      <c r="D50601" s="14" t="s">
        <v>284</v>
      </c>
      <c r="E50601" s="15">
        <v>45607</v>
      </c>
      <c r="F50601" s="14" t="s">
        <v>61</v>
      </c>
      <c r="G50601" s="16">
        <v>3.8791257660643237</v>
      </c>
    </row>
    <row r="50602" spans="1:7" x14ac:dyDescent="0.3">
      <c r="A50602" s="13" t="s">
        <v>283</v>
      </c>
      <c r="B50602" s="14" t="s">
        <v>1</v>
      </c>
      <c r="C50602" s="14" t="s">
        <v>23</v>
      </c>
      <c r="D50602" s="14" t="s">
        <v>284</v>
      </c>
      <c r="E50602" s="15">
        <v>45608</v>
      </c>
      <c r="F50602" s="14" t="s">
        <v>61</v>
      </c>
      <c r="G50602" s="16">
        <v>3.9310789166706681</v>
      </c>
    </row>
    <row r="50603" spans="1:7" x14ac:dyDescent="0.3">
      <c r="A50603" s="13" t="s">
        <v>283</v>
      </c>
      <c r="B50603" s="14" t="s">
        <v>1</v>
      </c>
      <c r="C50603" s="14" t="s">
        <v>23</v>
      </c>
      <c r="D50603" s="14" t="s">
        <v>284</v>
      </c>
      <c r="E50603" s="15">
        <v>45609</v>
      </c>
      <c r="F50603" s="14" t="s">
        <v>61</v>
      </c>
      <c r="G50603" s="16">
        <v>4.0368987336452049</v>
      </c>
    </row>
    <row r="50604" spans="1:7" x14ac:dyDescent="0.3">
      <c r="A50604" s="13" t="s">
        <v>283</v>
      </c>
      <c r="B50604" s="14" t="s">
        <v>1</v>
      </c>
      <c r="C50604" s="14" t="s">
        <v>23</v>
      </c>
      <c r="D50604" s="14" t="s">
        <v>284</v>
      </c>
      <c r="E50604" s="15">
        <v>45610</v>
      </c>
      <c r="F50604" s="14" t="s">
        <v>61</v>
      </c>
      <c r="G50604" s="16">
        <v>4.067128241360936</v>
      </c>
    </row>
    <row r="50605" spans="1:7" x14ac:dyDescent="0.3">
      <c r="A50605" s="13" t="s">
        <v>283</v>
      </c>
      <c r="B50605" s="14" t="s">
        <v>1</v>
      </c>
      <c r="C50605" s="14" t="s">
        <v>23</v>
      </c>
      <c r="D50605" s="14" t="s">
        <v>284</v>
      </c>
      <c r="E50605" s="15">
        <v>45611</v>
      </c>
      <c r="F50605" s="14" t="s">
        <v>61</v>
      </c>
      <c r="G50605" s="16">
        <v>4.0798244746193149</v>
      </c>
    </row>
    <row r="50606" spans="1:7" x14ac:dyDescent="0.3">
      <c r="A50606" s="13" t="s">
        <v>283</v>
      </c>
      <c r="B50606" s="14" t="s">
        <v>1</v>
      </c>
      <c r="C50606" s="14" t="s">
        <v>23</v>
      </c>
      <c r="D50606" s="14" t="s">
        <v>284</v>
      </c>
      <c r="E50606" s="15">
        <v>45612</v>
      </c>
      <c r="F50606" s="14" t="s">
        <v>61</v>
      </c>
      <c r="G50606" s="16">
        <v>4.0798244746193149</v>
      </c>
    </row>
    <row r="50607" spans="1:7" x14ac:dyDescent="0.3">
      <c r="A50607" s="13" t="s">
        <v>283</v>
      </c>
      <c r="B50607" s="14" t="s">
        <v>1</v>
      </c>
      <c r="C50607" s="14" t="s">
        <v>23</v>
      </c>
      <c r="D50607" s="14" t="s">
        <v>284</v>
      </c>
      <c r="E50607" s="15">
        <v>45613</v>
      </c>
      <c r="F50607" s="14" t="s">
        <v>61</v>
      </c>
      <c r="G50607" s="16">
        <v>4.0798244746193149</v>
      </c>
    </row>
    <row r="50608" spans="1:7" x14ac:dyDescent="0.3">
      <c r="A50608" s="13" t="s">
        <v>283</v>
      </c>
      <c r="B50608" s="14" t="s">
        <v>1</v>
      </c>
      <c r="C50608" s="14" t="s">
        <v>23</v>
      </c>
      <c r="D50608" s="14" t="s">
        <v>284</v>
      </c>
      <c r="E50608" s="15">
        <v>45614</v>
      </c>
      <c r="F50608" s="14" t="s">
        <v>61</v>
      </c>
      <c r="G50608" s="16">
        <v>4.0739017349566522</v>
      </c>
    </row>
    <row r="50609" spans="1:7" x14ac:dyDescent="0.3">
      <c r="A50609" s="13" t="s">
        <v>283</v>
      </c>
      <c r="B50609" s="14" t="s">
        <v>1</v>
      </c>
      <c r="C50609" s="14" t="s">
        <v>23</v>
      </c>
      <c r="D50609" s="14" t="s">
        <v>284</v>
      </c>
      <c r="E50609" s="15">
        <v>45615</v>
      </c>
      <c r="F50609" s="14" t="s">
        <v>61</v>
      </c>
      <c r="G50609" s="16">
        <v>4.1254516160428354</v>
      </c>
    </row>
    <row r="50610" spans="1:7" x14ac:dyDescent="0.3">
      <c r="A50610" s="13" t="s">
        <v>283</v>
      </c>
      <c r="B50610" s="14" t="s">
        <v>1</v>
      </c>
      <c r="C50610" s="14" t="s">
        <v>23</v>
      </c>
      <c r="D50610" s="14" t="s">
        <v>284</v>
      </c>
      <c r="E50610" s="15">
        <v>45616</v>
      </c>
      <c r="F50610" s="14" t="s">
        <v>61</v>
      </c>
      <c r="G50610" s="16">
        <v>4.1627439442920275</v>
      </c>
    </row>
    <row r="50611" spans="1:7" x14ac:dyDescent="0.3">
      <c r="A50611" s="13" t="s">
        <v>283</v>
      </c>
      <c r="B50611" s="14" t="s">
        <v>1</v>
      </c>
      <c r="C50611" s="14" t="s">
        <v>23</v>
      </c>
      <c r="D50611" s="14" t="s">
        <v>284</v>
      </c>
      <c r="E50611" s="15">
        <v>45617</v>
      </c>
      <c r="F50611" s="14" t="s">
        <v>61</v>
      </c>
      <c r="G50611" s="16">
        <v>4.2080294981908777</v>
      </c>
    </row>
    <row r="50612" spans="1:7" x14ac:dyDescent="0.3">
      <c r="A50612" s="13" t="s">
        <v>283</v>
      </c>
      <c r="B50612" s="14" t="s">
        <v>1</v>
      </c>
      <c r="C50612" s="14" t="s">
        <v>23</v>
      </c>
      <c r="D50612" s="14" t="s">
        <v>284</v>
      </c>
      <c r="E50612" s="15">
        <v>45618</v>
      </c>
      <c r="F50612" s="14" t="s">
        <v>61</v>
      </c>
      <c r="G50612" s="16">
        <v>4.2468751642712821</v>
      </c>
    </row>
    <row r="50613" spans="1:7" x14ac:dyDescent="0.3">
      <c r="A50613" s="13" t="s">
        <v>283</v>
      </c>
      <c r="B50613" s="14" t="s">
        <v>1</v>
      </c>
      <c r="C50613" s="14" t="s">
        <v>23</v>
      </c>
      <c r="D50613" s="14" t="s">
        <v>284</v>
      </c>
      <c r="E50613" s="15">
        <v>45619</v>
      </c>
      <c r="F50613" s="14" t="s">
        <v>61</v>
      </c>
      <c r="G50613" s="16">
        <v>4.2468751642712821</v>
      </c>
    </row>
    <row r="50614" spans="1:7" x14ac:dyDescent="0.3">
      <c r="A50614" s="13" t="s">
        <v>283</v>
      </c>
      <c r="B50614" s="14" t="s">
        <v>1</v>
      </c>
      <c r="C50614" s="14" t="s">
        <v>23</v>
      </c>
      <c r="D50614" s="14" t="s">
        <v>284</v>
      </c>
      <c r="E50614" s="15">
        <v>45620</v>
      </c>
      <c r="F50614" s="14" t="s">
        <v>61</v>
      </c>
      <c r="G50614" s="16">
        <v>4.2468751642712821</v>
      </c>
    </row>
    <row r="50615" spans="1:7" x14ac:dyDescent="0.3">
      <c r="A50615" s="13" t="s">
        <v>283</v>
      </c>
      <c r="B50615" s="14" t="s">
        <v>1</v>
      </c>
      <c r="C50615" s="14" t="s">
        <v>23</v>
      </c>
      <c r="D50615" s="14" t="s">
        <v>284</v>
      </c>
      <c r="E50615" s="15">
        <v>45621</v>
      </c>
      <c r="F50615" s="14" t="s">
        <v>61</v>
      </c>
      <c r="G50615" s="16">
        <v>4.2342459604824096</v>
      </c>
    </row>
    <row r="50616" spans="1:7" x14ac:dyDescent="0.3">
      <c r="A50616" s="13" t="s">
        <v>283</v>
      </c>
      <c r="B50616" s="14" t="s">
        <v>1</v>
      </c>
      <c r="C50616" s="14" t="s">
        <v>23</v>
      </c>
      <c r="D50616" s="14" t="s">
        <v>284</v>
      </c>
      <c r="E50616" s="15">
        <v>45622</v>
      </c>
      <c r="F50616" s="14" t="s">
        <v>61</v>
      </c>
      <c r="G50616" s="16">
        <v>4.2869616385154909</v>
      </c>
    </row>
    <row r="50617" spans="1:7" x14ac:dyDescent="0.3">
      <c r="A50617" s="13" t="s">
        <v>283</v>
      </c>
      <c r="B50617" s="14" t="s">
        <v>1</v>
      </c>
      <c r="C50617" s="14" t="s">
        <v>23</v>
      </c>
      <c r="D50617" s="14" t="s">
        <v>284</v>
      </c>
      <c r="E50617" s="15">
        <v>45623</v>
      </c>
      <c r="F50617" s="14" t="s">
        <v>61</v>
      </c>
      <c r="G50617" s="16">
        <v>4.2724066629806368</v>
      </c>
    </row>
    <row r="50618" spans="1:7" x14ac:dyDescent="0.3">
      <c r="A50618" s="13" t="s">
        <v>283</v>
      </c>
      <c r="B50618" s="14" t="s">
        <v>1</v>
      </c>
      <c r="C50618" s="14" t="s">
        <v>23</v>
      </c>
      <c r="D50618" s="14" t="s">
        <v>284</v>
      </c>
      <c r="E50618" s="15">
        <v>45624</v>
      </c>
      <c r="F50618" s="14" t="s">
        <v>61</v>
      </c>
      <c r="G50618" s="16">
        <v>4.2724066629806368</v>
      </c>
    </row>
    <row r="50619" spans="1:7" x14ac:dyDescent="0.3">
      <c r="A50619" s="13" t="s">
        <v>283</v>
      </c>
      <c r="B50619" s="14" t="s">
        <v>1</v>
      </c>
      <c r="C50619" s="14" t="s">
        <v>23</v>
      </c>
      <c r="D50619" s="14" t="s">
        <v>284</v>
      </c>
      <c r="E50619" s="15">
        <v>45625</v>
      </c>
      <c r="F50619" s="14" t="s">
        <v>61</v>
      </c>
      <c r="G50619" s="16">
        <v>4.2896949543204936</v>
      </c>
    </row>
    <row r="50620" spans="1:7" x14ac:dyDescent="0.3">
      <c r="A50620" s="13" t="s">
        <v>283</v>
      </c>
      <c r="B50620" s="14" t="s">
        <v>1</v>
      </c>
      <c r="C50620" s="14" t="s">
        <v>23</v>
      </c>
      <c r="D50620" s="14" t="s">
        <v>284</v>
      </c>
      <c r="E50620" s="15">
        <v>45626</v>
      </c>
      <c r="F50620" s="14" t="s">
        <v>61</v>
      </c>
      <c r="G50620" s="16">
        <v>4.2896949543204936</v>
      </c>
    </row>
    <row r="50621" spans="1:7" x14ac:dyDescent="0.3">
      <c r="A50621" s="13" t="s">
        <v>283</v>
      </c>
      <c r="B50621" s="14" t="s">
        <v>1</v>
      </c>
      <c r="C50621" s="14" t="s">
        <v>23</v>
      </c>
      <c r="D50621" s="14" t="s">
        <v>284</v>
      </c>
      <c r="E50621" s="15">
        <v>45627</v>
      </c>
      <c r="F50621" s="14" t="s">
        <v>61</v>
      </c>
      <c r="G50621" s="16">
        <v>4.2896949543204936</v>
      </c>
    </row>
    <row r="50622" spans="1:7" x14ac:dyDescent="0.3">
      <c r="A50622" s="13" t="s">
        <v>283</v>
      </c>
      <c r="B50622" s="14" t="s">
        <v>1</v>
      </c>
      <c r="C50622" s="14" t="s">
        <v>23</v>
      </c>
      <c r="D50622" s="14" t="s">
        <v>284</v>
      </c>
      <c r="E50622" s="15">
        <v>45628</v>
      </c>
      <c r="F50622" s="14" t="s">
        <v>61</v>
      </c>
      <c r="G50622" s="16">
        <v>4.3564866939652278</v>
      </c>
    </row>
    <row r="50623" spans="1:7" x14ac:dyDescent="0.3">
      <c r="A50623" s="13" t="s">
        <v>283</v>
      </c>
      <c r="B50623" s="14" t="s">
        <v>1</v>
      </c>
      <c r="C50623" s="14" t="s">
        <v>23</v>
      </c>
      <c r="D50623" s="14" t="s">
        <v>284</v>
      </c>
      <c r="E50623" s="15">
        <v>45629</v>
      </c>
      <c r="F50623" s="14" t="s">
        <v>61</v>
      </c>
      <c r="G50623" s="16">
        <v>4.3894941920969011</v>
      </c>
    </row>
    <row r="50624" spans="1:7" x14ac:dyDescent="0.3">
      <c r="A50624" s="13" t="s">
        <v>283</v>
      </c>
      <c r="B50624" s="14" t="s">
        <v>1</v>
      </c>
      <c r="C50624" s="14" t="s">
        <v>23</v>
      </c>
      <c r="D50624" s="14" t="s">
        <v>284</v>
      </c>
      <c r="E50624" s="15">
        <v>45630</v>
      </c>
      <c r="F50624" s="14" t="s">
        <v>61</v>
      </c>
      <c r="G50624" s="16">
        <v>4.4035351322727401</v>
      </c>
    </row>
    <row r="50625" spans="1:7" x14ac:dyDescent="0.3">
      <c r="A50625" s="13" t="s">
        <v>283</v>
      </c>
      <c r="B50625" s="14" t="s">
        <v>1</v>
      </c>
      <c r="C50625" s="14" t="s">
        <v>23</v>
      </c>
      <c r="D50625" s="14" t="s">
        <v>284</v>
      </c>
      <c r="E50625" s="15">
        <v>45631</v>
      </c>
      <c r="F50625" s="14" t="s">
        <v>61</v>
      </c>
      <c r="G50625" s="16">
        <v>4.3890514314606772</v>
      </c>
    </row>
    <row r="50626" spans="1:7" x14ac:dyDescent="0.3">
      <c r="A50626" s="13" t="s">
        <v>283</v>
      </c>
      <c r="B50626" s="14" t="s">
        <v>1</v>
      </c>
      <c r="C50626" s="14" t="s">
        <v>23</v>
      </c>
      <c r="D50626" s="14" t="s">
        <v>284</v>
      </c>
      <c r="E50626" s="15">
        <v>45632</v>
      </c>
      <c r="F50626" s="14" t="s">
        <v>61</v>
      </c>
      <c r="G50626" s="16">
        <v>4.4129934547077001</v>
      </c>
    </row>
    <row r="50627" spans="1:7" x14ac:dyDescent="0.3">
      <c r="A50627" s="13" t="s">
        <v>283</v>
      </c>
      <c r="B50627" s="14" t="s">
        <v>1</v>
      </c>
      <c r="C50627" s="14" t="s">
        <v>23</v>
      </c>
      <c r="D50627" s="14" t="s">
        <v>284</v>
      </c>
      <c r="E50627" s="15">
        <v>45633</v>
      </c>
      <c r="F50627" s="14" t="s">
        <v>61</v>
      </c>
      <c r="G50627" s="16">
        <v>4.4129934547077001</v>
      </c>
    </row>
    <row r="50628" spans="1:7" x14ac:dyDescent="0.3">
      <c r="A50628" s="13" t="s">
        <v>283</v>
      </c>
      <c r="B50628" s="14" t="s">
        <v>1</v>
      </c>
      <c r="C50628" s="14" t="s">
        <v>23</v>
      </c>
      <c r="D50628" s="14" t="s">
        <v>284</v>
      </c>
      <c r="E50628" s="15">
        <v>45634</v>
      </c>
      <c r="F50628" s="14" t="s">
        <v>61</v>
      </c>
      <c r="G50628" s="16">
        <v>4.4129934547077001</v>
      </c>
    </row>
    <row r="50629" spans="1:7" x14ac:dyDescent="0.3">
      <c r="A50629" s="13" t="s">
        <v>283</v>
      </c>
      <c r="B50629" s="14" t="s">
        <v>1</v>
      </c>
      <c r="C50629" s="14" t="s">
        <v>23</v>
      </c>
      <c r="D50629" s="14" t="s">
        <v>284</v>
      </c>
      <c r="E50629" s="15">
        <v>45635</v>
      </c>
      <c r="F50629" s="14" t="s">
        <v>61</v>
      </c>
      <c r="G50629" s="16">
        <v>4.4442523201841153</v>
      </c>
    </row>
    <row r="50630" spans="1:7" x14ac:dyDescent="0.3">
      <c r="A50630" s="13" t="s">
        <v>283</v>
      </c>
      <c r="B50630" s="14" t="s">
        <v>1</v>
      </c>
      <c r="C50630" s="14" t="s">
        <v>23</v>
      </c>
      <c r="D50630" s="14" t="s">
        <v>284</v>
      </c>
      <c r="E50630" s="15">
        <v>45636</v>
      </c>
      <c r="F50630" s="14" t="s">
        <v>61</v>
      </c>
      <c r="G50630" s="16">
        <v>4.5063533407778937</v>
      </c>
    </row>
    <row r="50631" spans="1:7" x14ac:dyDescent="0.3">
      <c r="A50631" s="13" t="s">
        <v>283</v>
      </c>
      <c r="B50631" s="14" t="s">
        <v>1</v>
      </c>
      <c r="C50631" s="14" t="s">
        <v>23</v>
      </c>
      <c r="D50631" s="14" t="s">
        <v>284</v>
      </c>
      <c r="E50631" s="15">
        <v>45637</v>
      </c>
      <c r="F50631" s="14" t="s">
        <v>61</v>
      </c>
      <c r="G50631" s="16">
        <v>4.5372506058847977</v>
      </c>
    </row>
    <row r="50632" spans="1:7" x14ac:dyDescent="0.3">
      <c r="A50632" s="13" t="s">
        <v>283</v>
      </c>
      <c r="B50632" s="14" t="s">
        <v>1</v>
      </c>
      <c r="C50632" s="14" t="s">
        <v>23</v>
      </c>
      <c r="D50632" s="14" t="s">
        <v>284</v>
      </c>
      <c r="E50632" s="15">
        <v>45638</v>
      </c>
      <c r="F50632" s="14" t="s">
        <v>61</v>
      </c>
      <c r="G50632" s="16">
        <v>4.5667167549975316</v>
      </c>
    </row>
    <row r="50633" spans="1:7" x14ac:dyDescent="0.3">
      <c r="A50633" s="13" t="s">
        <v>283</v>
      </c>
      <c r="B50633" s="14" t="s">
        <v>1</v>
      </c>
      <c r="C50633" s="14" t="s">
        <v>23</v>
      </c>
      <c r="D50633" s="14" t="s">
        <v>284</v>
      </c>
      <c r="E50633" s="15">
        <v>45639</v>
      </c>
      <c r="F50633" s="14" t="s">
        <v>61</v>
      </c>
      <c r="G50633" s="16">
        <v>4.5684070321624421</v>
      </c>
    </row>
    <row r="50634" spans="1:7" x14ac:dyDescent="0.3">
      <c r="A50634" s="13" t="s">
        <v>283</v>
      </c>
      <c r="B50634" s="14" t="s">
        <v>1</v>
      </c>
      <c r="C50634" s="14" t="s">
        <v>23</v>
      </c>
      <c r="D50634" s="14" t="s">
        <v>284</v>
      </c>
      <c r="E50634" s="15">
        <v>45640</v>
      </c>
      <c r="F50634" s="14" t="s">
        <v>61</v>
      </c>
      <c r="G50634" s="16">
        <v>4.5684070321624421</v>
      </c>
    </row>
    <row r="50635" spans="1:7" x14ac:dyDescent="0.3">
      <c r="A50635" s="13" t="s">
        <v>283</v>
      </c>
      <c r="B50635" s="14" t="s">
        <v>1</v>
      </c>
      <c r="C50635" s="14" t="s">
        <v>23</v>
      </c>
      <c r="D50635" s="14" t="s">
        <v>284</v>
      </c>
      <c r="E50635" s="15">
        <v>45641</v>
      </c>
      <c r="F50635" s="14" t="s">
        <v>61</v>
      </c>
      <c r="G50635" s="16">
        <v>4.5684070321624421</v>
      </c>
    </row>
    <row r="50636" spans="1:7" x14ac:dyDescent="0.3">
      <c r="A50636" s="13" t="s">
        <v>283</v>
      </c>
      <c r="B50636" s="14" t="s">
        <v>1</v>
      </c>
      <c r="C50636" s="14" t="s">
        <v>23</v>
      </c>
      <c r="D50636" s="14" t="s">
        <v>284</v>
      </c>
      <c r="E50636" s="15">
        <v>45642</v>
      </c>
      <c r="F50636" s="14" t="s">
        <v>61</v>
      </c>
      <c r="G50636" s="16">
        <v>4.5806588907268937</v>
      </c>
    </row>
    <row r="50637" spans="1:7" x14ac:dyDescent="0.3">
      <c r="A50637" s="13" t="s">
        <v>283</v>
      </c>
      <c r="B50637" s="14" t="s">
        <v>1</v>
      </c>
      <c r="C50637" s="14" t="s">
        <v>23</v>
      </c>
      <c r="D50637" s="14" t="s">
        <v>284</v>
      </c>
      <c r="E50637" s="15">
        <v>45643</v>
      </c>
      <c r="F50637" s="14" t="s">
        <v>61</v>
      </c>
      <c r="G50637" s="16">
        <v>4.6405342036594321</v>
      </c>
    </row>
    <row r="50638" spans="1:7" x14ac:dyDescent="0.3">
      <c r="A50638" s="13" t="s">
        <v>283</v>
      </c>
      <c r="B50638" s="14" t="s">
        <v>1</v>
      </c>
      <c r="C50638" s="14" t="s">
        <v>23</v>
      </c>
      <c r="D50638" s="14" t="s">
        <v>284</v>
      </c>
      <c r="E50638" s="15">
        <v>45644</v>
      </c>
      <c r="F50638" s="14" t="s">
        <v>61</v>
      </c>
      <c r="G50638" s="16">
        <v>4.72099559261805</v>
      </c>
    </row>
    <row r="50639" spans="1:7" x14ac:dyDescent="0.3">
      <c r="A50639" s="13" t="s">
        <v>283</v>
      </c>
      <c r="B50639" s="14" t="s">
        <v>1</v>
      </c>
      <c r="C50639" s="14" t="s">
        <v>23</v>
      </c>
      <c r="D50639" s="14" t="s">
        <v>284</v>
      </c>
      <c r="E50639" s="15">
        <v>45645</v>
      </c>
      <c r="F50639" s="14" t="s">
        <v>61</v>
      </c>
      <c r="G50639" s="16">
        <v>4.7326400570916851</v>
      </c>
    </row>
    <row r="50640" spans="1:7" x14ac:dyDescent="0.3">
      <c r="A50640" s="13" t="s">
        <v>283</v>
      </c>
      <c r="B50640" s="14" t="s">
        <v>1</v>
      </c>
      <c r="C50640" s="14" t="s">
        <v>23</v>
      </c>
      <c r="D50640" s="14" t="s">
        <v>284</v>
      </c>
      <c r="E50640" s="15">
        <v>45646</v>
      </c>
      <c r="F50640" s="14" t="s">
        <v>61</v>
      </c>
      <c r="G50640" s="16">
        <v>4.7185481725756624</v>
      </c>
    </row>
    <row r="50641" spans="1:7" x14ac:dyDescent="0.3">
      <c r="A50641" s="13" t="s">
        <v>283</v>
      </c>
      <c r="B50641" s="14" t="s">
        <v>1</v>
      </c>
      <c r="C50641" s="14" t="s">
        <v>23</v>
      </c>
      <c r="D50641" s="14" t="s">
        <v>284</v>
      </c>
      <c r="E50641" s="15">
        <v>45647</v>
      </c>
      <c r="F50641" s="14" t="s">
        <v>61</v>
      </c>
      <c r="G50641" s="16">
        <v>4.7185481725756624</v>
      </c>
    </row>
    <row r="50642" spans="1:7" x14ac:dyDescent="0.3">
      <c r="A50642" s="13" t="s">
        <v>283</v>
      </c>
      <c r="B50642" s="14" t="s">
        <v>1</v>
      </c>
      <c r="C50642" s="14" t="s">
        <v>23</v>
      </c>
      <c r="D50642" s="14" t="s">
        <v>284</v>
      </c>
      <c r="E50642" s="15">
        <v>45648</v>
      </c>
      <c r="F50642" s="14" t="s">
        <v>61</v>
      </c>
      <c r="G50642" s="16">
        <v>4.7185481725756624</v>
      </c>
    </row>
    <row r="50643" spans="1:7" x14ac:dyDescent="0.3">
      <c r="A50643" s="13" t="s">
        <v>283</v>
      </c>
      <c r="B50643" s="14" t="s">
        <v>1</v>
      </c>
      <c r="C50643" s="14" t="s">
        <v>23</v>
      </c>
      <c r="D50643" s="14" t="s">
        <v>284</v>
      </c>
      <c r="E50643" s="15">
        <v>45649</v>
      </c>
      <c r="F50643" s="14" t="s">
        <v>61</v>
      </c>
      <c r="G50643" s="16">
        <v>4.7059597366051769</v>
      </c>
    </row>
    <row r="50644" spans="1:7" x14ac:dyDescent="0.3">
      <c r="A50644" s="13" t="s">
        <v>283</v>
      </c>
      <c r="B50644" s="14" t="s">
        <v>1</v>
      </c>
      <c r="C50644" s="14" t="s">
        <v>23</v>
      </c>
      <c r="D50644" s="14" t="s">
        <v>284</v>
      </c>
      <c r="E50644" s="15">
        <v>45650</v>
      </c>
      <c r="F50644" s="14" t="s">
        <v>61</v>
      </c>
      <c r="G50644" s="16">
        <v>4.7547454100725828</v>
      </c>
    </row>
    <row r="50645" spans="1:7" x14ac:dyDescent="0.3">
      <c r="A50645" s="13" t="s">
        <v>283</v>
      </c>
      <c r="B50645" s="14" t="s">
        <v>1</v>
      </c>
      <c r="C50645" s="14" t="s">
        <v>23</v>
      </c>
      <c r="D50645" s="14" t="s">
        <v>284</v>
      </c>
      <c r="E50645" s="15">
        <v>45651</v>
      </c>
      <c r="F50645" s="14" t="s">
        <v>61</v>
      </c>
      <c r="G50645" s="16">
        <v>4.7547454100725828</v>
      </c>
    </row>
    <row r="50646" spans="1:7" x14ac:dyDescent="0.3">
      <c r="A50646" s="13" t="s">
        <v>283</v>
      </c>
      <c r="B50646" s="14" t="s">
        <v>1</v>
      </c>
      <c r="C50646" s="14" t="s">
        <v>23</v>
      </c>
      <c r="D50646" s="14" t="s">
        <v>284</v>
      </c>
      <c r="E50646" s="15">
        <v>45652</v>
      </c>
      <c r="F50646" s="14" t="s">
        <v>61</v>
      </c>
      <c r="G50646" s="16">
        <v>4.7547454100725828</v>
      </c>
    </row>
    <row r="50647" spans="1:7" x14ac:dyDescent="0.3">
      <c r="A50647" s="13" t="s">
        <v>283</v>
      </c>
      <c r="B50647" s="14" t="s">
        <v>1</v>
      </c>
      <c r="C50647" s="14" t="s">
        <v>23</v>
      </c>
      <c r="D50647" s="14" t="s">
        <v>284</v>
      </c>
      <c r="E50647" s="15">
        <v>45653</v>
      </c>
      <c r="F50647" s="14" t="s">
        <v>61</v>
      </c>
      <c r="G50647" s="16">
        <v>4.7547454100725828</v>
      </c>
    </row>
    <row r="50648" spans="1:7" x14ac:dyDescent="0.3">
      <c r="A50648" s="13" t="s">
        <v>283</v>
      </c>
      <c r="B50648" s="14" t="s">
        <v>1</v>
      </c>
      <c r="C50648" s="14" t="s">
        <v>23</v>
      </c>
      <c r="D50648" s="14" t="s">
        <v>284</v>
      </c>
      <c r="E50648" s="15">
        <v>45654</v>
      </c>
      <c r="F50648" s="14" t="s">
        <v>61</v>
      </c>
      <c r="G50648" s="16">
        <v>4.7547454100725828</v>
      </c>
    </row>
    <row r="50649" spans="1:7" x14ac:dyDescent="0.3">
      <c r="A50649" s="13" t="s">
        <v>283</v>
      </c>
      <c r="B50649" s="14" t="s">
        <v>1</v>
      </c>
      <c r="C50649" s="14" t="s">
        <v>23</v>
      </c>
      <c r="D50649" s="14" t="s">
        <v>284</v>
      </c>
      <c r="E50649" s="15">
        <v>45655</v>
      </c>
      <c r="F50649" s="14" t="s">
        <v>61</v>
      </c>
      <c r="G50649" s="16">
        <v>4.7547454100725828</v>
      </c>
    </row>
    <row r="50650" spans="1:7" x14ac:dyDescent="0.3">
      <c r="A50650" s="13" t="s">
        <v>283</v>
      </c>
      <c r="B50650" s="14" t="s">
        <v>1</v>
      </c>
      <c r="C50650" s="14" t="s">
        <v>23</v>
      </c>
      <c r="D50650" s="14" t="s">
        <v>284</v>
      </c>
      <c r="E50650" s="15">
        <v>45656</v>
      </c>
      <c r="F50650" s="14" t="s">
        <v>61</v>
      </c>
      <c r="G50650" s="16">
        <v>4.7680306862288901</v>
      </c>
    </row>
    <row r="50651" spans="1:7" x14ac:dyDescent="0.3">
      <c r="A50651" s="13" t="s">
        <v>283</v>
      </c>
      <c r="B50651" s="14" t="s">
        <v>1</v>
      </c>
      <c r="C50651" s="14" t="s">
        <v>23</v>
      </c>
      <c r="D50651" s="14" t="s">
        <v>284</v>
      </c>
      <c r="E50651" s="15">
        <v>45657</v>
      </c>
      <c r="F50651" s="14" t="s">
        <v>61</v>
      </c>
      <c r="G50651" s="16">
        <v>4.9006162871849037</v>
      </c>
    </row>
    <row r="50652" spans="1:7" x14ac:dyDescent="0.3">
      <c r="A50652" s="13" t="s">
        <v>283</v>
      </c>
      <c r="B50652" s="14" t="s">
        <v>1</v>
      </c>
      <c r="C50652" s="14" t="s">
        <v>23</v>
      </c>
      <c r="D50652" s="14" t="s">
        <v>284</v>
      </c>
      <c r="E50652" s="15">
        <v>45658</v>
      </c>
      <c r="F50652" s="14" t="s">
        <v>61</v>
      </c>
      <c r="G50652" s="16">
        <v>4.9006162871849037</v>
      </c>
    </row>
    <row r="50653" spans="1:7" x14ac:dyDescent="0.3">
      <c r="A50653" s="13" t="s">
        <v>283</v>
      </c>
      <c r="B50653" s="14" t="s">
        <v>1</v>
      </c>
      <c r="C50653" s="14" t="s">
        <v>23</v>
      </c>
      <c r="D50653" s="14" t="s">
        <v>284</v>
      </c>
      <c r="E50653" s="15">
        <v>45659</v>
      </c>
      <c r="F50653" s="14" t="s">
        <v>61</v>
      </c>
      <c r="G50653" s="16">
        <v>4.959154149807377</v>
      </c>
    </row>
    <row r="50654" spans="1:7" x14ac:dyDescent="0.3">
      <c r="A50654" s="13" t="s">
        <v>283</v>
      </c>
      <c r="B50654" s="14" t="s">
        <v>1</v>
      </c>
      <c r="C50654" s="14" t="s">
        <v>23</v>
      </c>
      <c r="D50654" s="14" t="s">
        <v>284</v>
      </c>
      <c r="E50654" s="15">
        <v>45660</v>
      </c>
      <c r="F50654" s="14" t="s">
        <v>61</v>
      </c>
      <c r="G50654" s="16">
        <v>4.9621448681447093</v>
      </c>
    </row>
    <row r="50655" spans="1:7" x14ac:dyDescent="0.3">
      <c r="A50655" s="13" t="s">
        <v>283</v>
      </c>
      <c r="B50655" s="14" t="s">
        <v>1</v>
      </c>
      <c r="C50655" s="14" t="s">
        <v>23</v>
      </c>
      <c r="D50655" s="14" t="s">
        <v>284</v>
      </c>
      <c r="E50655" s="15">
        <v>45661</v>
      </c>
      <c r="F50655" s="14" t="s">
        <v>61</v>
      </c>
      <c r="G50655" s="16">
        <v>4.9621448681447093</v>
      </c>
    </row>
    <row r="50656" spans="1:7" x14ac:dyDescent="0.3">
      <c r="A50656" s="13" t="s">
        <v>283</v>
      </c>
      <c r="B50656" s="14" t="s">
        <v>1</v>
      </c>
      <c r="C50656" s="14" t="s">
        <v>23</v>
      </c>
      <c r="D50656" s="14" t="s">
        <v>284</v>
      </c>
      <c r="E50656" s="15">
        <v>45662</v>
      </c>
      <c r="F50656" s="14" t="s">
        <v>61</v>
      </c>
      <c r="G50656" s="16">
        <v>4.9621448681447093</v>
      </c>
    </row>
    <row r="50657" spans="1:7" x14ac:dyDescent="0.3">
      <c r="A50657" s="13" t="s">
        <v>283</v>
      </c>
      <c r="B50657" s="14" t="s">
        <v>1</v>
      </c>
      <c r="C50657" s="14" t="s">
        <v>23</v>
      </c>
      <c r="D50657" s="14" t="s">
        <v>284</v>
      </c>
      <c r="E50657" s="15">
        <v>45663</v>
      </c>
      <c r="F50657" s="14" t="s">
        <v>61</v>
      </c>
      <c r="G50657" s="16">
        <v>4.9402485914096088</v>
      </c>
    </row>
    <row r="50658" spans="1:7" x14ac:dyDescent="0.3">
      <c r="A50658" s="13" t="s">
        <v>283</v>
      </c>
      <c r="B50658" s="14" t="s">
        <v>1</v>
      </c>
      <c r="C50658" s="14" t="s">
        <v>23</v>
      </c>
      <c r="D50658" s="14" t="s">
        <v>284</v>
      </c>
      <c r="E50658" s="15">
        <v>45664</v>
      </c>
      <c r="F50658" s="14" t="s">
        <v>61</v>
      </c>
      <c r="G50658" s="16">
        <v>5.0165021014382631</v>
      </c>
    </row>
    <row r="50659" spans="1:7" x14ac:dyDescent="0.3">
      <c r="A50659" s="13" t="s">
        <v>283</v>
      </c>
      <c r="B50659" s="14" t="s">
        <v>1</v>
      </c>
      <c r="C50659" s="14" t="s">
        <v>23</v>
      </c>
      <c r="D50659" s="14" t="s">
        <v>284</v>
      </c>
      <c r="E50659" s="15">
        <v>45665</v>
      </c>
      <c r="F50659" s="14" t="s">
        <v>61</v>
      </c>
      <c r="G50659" s="16">
        <v>5.0461319492350976</v>
      </c>
    </row>
    <row r="50660" spans="1:7" x14ac:dyDescent="0.3">
      <c r="A50660" s="13" t="s">
        <v>283</v>
      </c>
      <c r="B50660" s="14" t="s">
        <v>1</v>
      </c>
      <c r="C50660" s="14" t="s">
        <v>23</v>
      </c>
      <c r="D50660" s="14" t="s">
        <v>284</v>
      </c>
      <c r="E50660" s="15">
        <v>45666</v>
      </c>
      <c r="F50660" s="14" t="s">
        <v>61</v>
      </c>
      <c r="G50660" s="16">
        <v>5.0461319492350976</v>
      </c>
    </row>
    <row r="50661" spans="1:7" x14ac:dyDescent="0.3">
      <c r="A50661" s="13" t="s">
        <v>283</v>
      </c>
      <c r="B50661" s="14" t="s">
        <v>1</v>
      </c>
      <c r="C50661" s="14" t="s">
        <v>23</v>
      </c>
      <c r="D50661" s="14" t="s">
        <v>284</v>
      </c>
      <c r="E50661" s="15">
        <v>45667</v>
      </c>
      <c r="F50661" s="14" t="s">
        <v>61</v>
      </c>
      <c r="G50661" s="16">
        <v>5.1054975993096754</v>
      </c>
    </row>
    <row r="50662" spans="1:7" x14ac:dyDescent="0.3">
      <c r="A50662" s="13" t="s">
        <v>283</v>
      </c>
      <c r="B50662" s="14" t="s">
        <v>1</v>
      </c>
      <c r="C50662" s="14" t="s">
        <v>23</v>
      </c>
      <c r="D50662" s="14" t="s">
        <v>284</v>
      </c>
      <c r="E50662" s="15">
        <v>45668</v>
      </c>
      <c r="F50662" s="14" t="s">
        <v>61</v>
      </c>
      <c r="G50662" s="16">
        <v>5.1054975993096754</v>
      </c>
    </row>
    <row r="50663" spans="1:7" x14ac:dyDescent="0.3">
      <c r="A50663" s="13" t="s">
        <v>283</v>
      </c>
      <c r="B50663" s="14" t="s">
        <v>1</v>
      </c>
      <c r="C50663" s="14" t="s">
        <v>23</v>
      </c>
      <c r="D50663" s="14" t="s">
        <v>284</v>
      </c>
      <c r="E50663" s="15">
        <v>45669</v>
      </c>
      <c r="F50663" s="14" t="s">
        <v>61</v>
      </c>
      <c r="G50663" s="16">
        <v>5.1054975993096754</v>
      </c>
    </row>
    <row r="50664" spans="1:7" x14ac:dyDescent="0.3">
      <c r="A50664" s="13" t="s">
        <v>283</v>
      </c>
      <c r="B50664" s="14" t="s">
        <v>1</v>
      </c>
      <c r="C50664" s="14" t="s">
        <v>23</v>
      </c>
      <c r="D50664" s="14" t="s">
        <v>284</v>
      </c>
      <c r="E50664" s="15">
        <v>45670</v>
      </c>
      <c r="F50664" s="14" t="s">
        <v>61</v>
      </c>
      <c r="G50664" s="16">
        <v>5.1431474151843339</v>
      </c>
    </row>
    <row r="50665" spans="1:7" x14ac:dyDescent="0.3">
      <c r="A50665" s="13" t="s">
        <v>283</v>
      </c>
      <c r="B50665" s="14" t="s">
        <v>1</v>
      </c>
      <c r="C50665" s="14" t="s">
        <v>23</v>
      </c>
      <c r="D50665" s="14" t="s">
        <v>284</v>
      </c>
      <c r="E50665" s="15">
        <v>45671</v>
      </c>
      <c r="F50665" s="14" t="s">
        <v>61</v>
      </c>
      <c r="G50665" s="16">
        <v>5.1572636681048643</v>
      </c>
    </row>
    <row r="50666" spans="1:7" x14ac:dyDescent="0.3">
      <c r="A50666" s="13" t="s">
        <v>283</v>
      </c>
      <c r="B50666" s="14" t="s">
        <v>1</v>
      </c>
      <c r="C50666" s="14" t="s">
        <v>23</v>
      </c>
      <c r="D50666" s="14" t="s">
        <v>284</v>
      </c>
      <c r="E50666" s="15">
        <v>45672</v>
      </c>
      <c r="F50666" s="14" t="s">
        <v>61</v>
      </c>
      <c r="G50666" s="16">
        <v>5.1846152115968396</v>
      </c>
    </row>
    <row r="50667" spans="1:7" x14ac:dyDescent="0.3">
      <c r="A50667" s="13" t="s">
        <v>283</v>
      </c>
      <c r="B50667" s="14" t="s">
        <v>1</v>
      </c>
      <c r="C50667" s="14" t="s">
        <v>23</v>
      </c>
      <c r="D50667" s="14" t="s">
        <v>284</v>
      </c>
      <c r="E50667" s="15">
        <v>45673</v>
      </c>
      <c r="F50667" s="14" t="s">
        <v>61</v>
      </c>
      <c r="G50667" s="16">
        <v>5.1972150878712293</v>
      </c>
    </row>
    <row r="50668" spans="1:7" x14ac:dyDescent="0.3">
      <c r="A50668" s="13" t="s">
        <v>283</v>
      </c>
      <c r="B50668" s="14" t="s">
        <v>1</v>
      </c>
      <c r="C50668" s="14" t="s">
        <v>23</v>
      </c>
      <c r="D50668" s="14" t="s">
        <v>284</v>
      </c>
      <c r="E50668" s="15">
        <v>45674</v>
      </c>
      <c r="F50668" s="14" t="s">
        <v>61</v>
      </c>
      <c r="G50668" s="16">
        <v>5.2193845072698313</v>
      </c>
    </row>
    <row r="50669" spans="1:7" x14ac:dyDescent="0.3">
      <c r="A50669" s="13" t="s">
        <v>283</v>
      </c>
      <c r="B50669" s="14" t="s">
        <v>1</v>
      </c>
      <c r="C50669" s="14" t="s">
        <v>23</v>
      </c>
      <c r="D50669" s="14" t="s">
        <v>284</v>
      </c>
      <c r="E50669" s="15">
        <v>45675</v>
      </c>
      <c r="F50669" s="14" t="s">
        <v>61</v>
      </c>
      <c r="G50669" s="16">
        <v>5.2193845072698313</v>
      </c>
    </row>
    <row r="50670" spans="1:7" x14ac:dyDescent="0.3">
      <c r="A50670" s="13" t="s">
        <v>283</v>
      </c>
      <c r="B50670" s="14" t="s">
        <v>1</v>
      </c>
      <c r="C50670" s="14" t="s">
        <v>23</v>
      </c>
      <c r="D50670" s="14" t="s">
        <v>284</v>
      </c>
      <c r="E50670" s="15">
        <v>45676</v>
      </c>
      <c r="F50670" s="14" t="s">
        <v>61</v>
      </c>
      <c r="G50670" s="16">
        <v>5.2193845072698313</v>
      </c>
    </row>
    <row r="50671" spans="1:7" x14ac:dyDescent="0.3">
      <c r="A50671" s="13" t="s">
        <v>283</v>
      </c>
      <c r="B50671" s="14" t="s">
        <v>1</v>
      </c>
      <c r="C50671" s="14" t="s">
        <v>23</v>
      </c>
      <c r="D50671" s="14" t="s">
        <v>284</v>
      </c>
      <c r="E50671" s="15">
        <v>45677</v>
      </c>
      <c r="F50671" s="14" t="s">
        <v>61</v>
      </c>
      <c r="G50671" s="16">
        <v>5.2193845072698313</v>
      </c>
    </row>
    <row r="50672" spans="1:7" x14ac:dyDescent="0.3">
      <c r="A50672" s="13" t="s">
        <v>283</v>
      </c>
      <c r="B50672" s="14" t="s">
        <v>1</v>
      </c>
      <c r="C50672" s="14" t="s">
        <v>23</v>
      </c>
      <c r="D50672" s="14" t="s">
        <v>284</v>
      </c>
      <c r="E50672" s="15">
        <v>45678</v>
      </c>
      <c r="F50672" s="14" t="s">
        <v>61</v>
      </c>
      <c r="G50672" s="16">
        <v>5.158716981435802</v>
      </c>
    </row>
    <row r="50673" spans="1:7" x14ac:dyDescent="0.3">
      <c r="A50673" s="13" t="s">
        <v>283</v>
      </c>
      <c r="B50673" s="14" t="s">
        <v>1</v>
      </c>
      <c r="C50673" s="14" t="s">
        <v>23</v>
      </c>
      <c r="D50673" s="14" t="s">
        <v>284</v>
      </c>
      <c r="E50673" s="15">
        <v>45679</v>
      </c>
      <c r="F50673" s="14" t="s">
        <v>61</v>
      </c>
      <c r="G50673" s="16">
        <v>5.232873099315861</v>
      </c>
    </row>
    <row r="50674" spans="1:7" x14ac:dyDescent="0.3">
      <c r="A50674" s="13" t="s">
        <v>283</v>
      </c>
      <c r="B50674" s="14" t="s">
        <v>1</v>
      </c>
      <c r="C50674" s="14" t="s">
        <v>23</v>
      </c>
      <c r="D50674" s="14" t="s">
        <v>284</v>
      </c>
      <c r="E50674" s="15">
        <v>45680</v>
      </c>
      <c r="F50674" s="14" t="s">
        <v>61</v>
      </c>
      <c r="G50674" s="16">
        <v>5.2458981252731185</v>
      </c>
    </row>
    <row r="50675" spans="1:7" x14ac:dyDescent="0.3">
      <c r="A50675" s="13" t="s">
        <v>283</v>
      </c>
      <c r="B50675" s="14" t="s">
        <v>1</v>
      </c>
      <c r="C50675" s="14" t="s">
        <v>23</v>
      </c>
      <c r="D50675" s="14" t="s">
        <v>284</v>
      </c>
      <c r="E50675" s="15">
        <v>45681</v>
      </c>
      <c r="F50675" s="14" t="s">
        <v>61</v>
      </c>
      <c r="G50675" s="16">
        <v>5.2228048761157373</v>
      </c>
    </row>
    <row r="50676" spans="1:7" x14ac:dyDescent="0.3">
      <c r="A50676" s="13" t="s">
        <v>283</v>
      </c>
      <c r="B50676" s="14" t="s">
        <v>1</v>
      </c>
      <c r="C50676" s="14" t="s">
        <v>23</v>
      </c>
      <c r="D50676" s="14" t="s">
        <v>284</v>
      </c>
      <c r="E50676" s="15">
        <v>45682</v>
      </c>
      <c r="F50676" s="14" t="s">
        <v>61</v>
      </c>
      <c r="G50676" s="16">
        <v>5.2228048761157373</v>
      </c>
    </row>
    <row r="50677" spans="1:7" x14ac:dyDescent="0.3">
      <c r="A50677" s="13" t="s">
        <v>283</v>
      </c>
      <c r="B50677" s="14" t="s">
        <v>1</v>
      </c>
      <c r="C50677" s="14" t="s">
        <v>23</v>
      </c>
      <c r="D50677" s="14" t="s">
        <v>284</v>
      </c>
      <c r="E50677" s="15">
        <v>45683</v>
      </c>
      <c r="F50677" s="14" t="s">
        <v>61</v>
      </c>
      <c r="G50677" s="16">
        <v>5.2228048761157373</v>
      </c>
    </row>
    <row r="50678" spans="1:7" x14ac:dyDescent="0.3">
      <c r="A50678" s="13" t="s">
        <v>283</v>
      </c>
      <c r="B50678" s="14" t="s">
        <v>1</v>
      </c>
      <c r="C50678" s="14" t="s">
        <v>23</v>
      </c>
      <c r="D50678" s="14" t="s">
        <v>284</v>
      </c>
      <c r="E50678" s="15">
        <v>45684</v>
      </c>
      <c r="F50678" s="14" t="s">
        <v>61</v>
      </c>
      <c r="G50678" s="16">
        <v>5.2417904738459944</v>
      </c>
    </row>
    <row r="50679" spans="1:7" x14ac:dyDescent="0.3">
      <c r="A50679" s="13" t="s">
        <v>283</v>
      </c>
      <c r="B50679" s="14" t="s">
        <v>1</v>
      </c>
      <c r="C50679" s="14" t="s">
        <v>23</v>
      </c>
      <c r="D50679" s="14" t="s">
        <v>284</v>
      </c>
      <c r="E50679" s="15">
        <v>45685</v>
      </c>
      <c r="F50679" s="14" t="s">
        <v>61</v>
      </c>
      <c r="G50679" s="16">
        <v>5.3223783758187801</v>
      </c>
    </row>
    <row r="50680" spans="1:7" x14ac:dyDescent="0.3">
      <c r="A50680" s="13" t="s">
        <v>283</v>
      </c>
      <c r="B50680" s="14" t="s">
        <v>1</v>
      </c>
      <c r="C50680" s="14" t="s">
        <v>23</v>
      </c>
      <c r="D50680" s="14" t="s">
        <v>284</v>
      </c>
      <c r="E50680" s="15">
        <v>45686</v>
      </c>
      <c r="F50680" s="14" t="s">
        <v>61</v>
      </c>
      <c r="G50680" s="16">
        <v>5.3445406685651342</v>
      </c>
    </row>
    <row r="50681" spans="1:7" x14ac:dyDescent="0.3">
      <c r="A50681" s="13" t="s">
        <v>283</v>
      </c>
      <c r="B50681" s="14" t="s">
        <v>1</v>
      </c>
      <c r="C50681" s="14" t="s">
        <v>23</v>
      </c>
      <c r="D50681" s="14" t="s">
        <v>284</v>
      </c>
      <c r="E50681" s="15">
        <v>45687</v>
      </c>
      <c r="F50681" s="14" t="s">
        <v>61</v>
      </c>
      <c r="G50681" s="16">
        <v>5.3776012989154065</v>
      </c>
    </row>
    <row r="50682" spans="1:7" x14ac:dyDescent="0.3">
      <c r="A50682" s="13" t="s">
        <v>283</v>
      </c>
      <c r="B50682" s="14" t="s">
        <v>1</v>
      </c>
      <c r="C50682" s="14" t="s">
        <v>23</v>
      </c>
      <c r="D50682" s="14" t="s">
        <v>284</v>
      </c>
      <c r="E50682" s="15">
        <v>45688</v>
      </c>
      <c r="F50682" s="14" t="s">
        <v>61</v>
      </c>
      <c r="G50682" s="16">
        <v>5.4074596791023728</v>
      </c>
    </row>
    <row r="50683" spans="1:7" x14ac:dyDescent="0.3">
      <c r="A50683" s="13" t="s">
        <v>283</v>
      </c>
      <c r="B50683" s="14" t="s">
        <v>1</v>
      </c>
      <c r="C50683" s="14" t="s">
        <v>23</v>
      </c>
      <c r="D50683" s="14" t="s">
        <v>284</v>
      </c>
      <c r="E50683" s="15">
        <v>45689</v>
      </c>
      <c r="F50683" s="14" t="s">
        <v>61</v>
      </c>
      <c r="G50683" s="16">
        <v>5.4074596791023728</v>
      </c>
    </row>
    <row r="50684" spans="1:7" x14ac:dyDescent="0.3">
      <c r="A50684" s="13" t="s">
        <v>283</v>
      </c>
      <c r="B50684" s="14" t="s">
        <v>1</v>
      </c>
      <c r="C50684" s="14" t="s">
        <v>23</v>
      </c>
      <c r="D50684" s="14" t="s">
        <v>284</v>
      </c>
      <c r="E50684" s="15">
        <v>45690</v>
      </c>
      <c r="F50684" s="14" t="s">
        <v>61</v>
      </c>
      <c r="G50684" s="16">
        <v>5.4074596791023728</v>
      </c>
    </row>
    <row r="50685" spans="1:7" x14ac:dyDescent="0.3">
      <c r="A50685" s="13" t="s">
        <v>283</v>
      </c>
      <c r="B50685" s="14" t="s">
        <v>1</v>
      </c>
      <c r="C50685" s="14" t="s">
        <v>23</v>
      </c>
      <c r="D50685" s="14" t="s">
        <v>284</v>
      </c>
      <c r="E50685" s="15">
        <v>45691</v>
      </c>
      <c r="F50685" s="14" t="s">
        <v>61</v>
      </c>
      <c r="G50685" s="16">
        <v>5.4074596791023728</v>
      </c>
    </row>
    <row r="50686" spans="1:7" x14ac:dyDescent="0.3">
      <c r="A50686" s="13" t="s">
        <v>283</v>
      </c>
      <c r="B50686" s="14" t="s">
        <v>1</v>
      </c>
      <c r="C50686" s="14" t="s">
        <v>23</v>
      </c>
      <c r="D50686" s="14" t="s">
        <v>284</v>
      </c>
      <c r="E50686" s="15">
        <v>45692</v>
      </c>
      <c r="F50686" s="14" t="s">
        <v>61</v>
      </c>
      <c r="G50686" s="16">
        <v>5.4143141551950915</v>
      </c>
    </row>
    <row r="50687" spans="1:7" x14ac:dyDescent="0.3">
      <c r="A50687" s="13" t="s">
        <v>283</v>
      </c>
      <c r="B50687" s="14" t="s">
        <v>1</v>
      </c>
      <c r="C50687" s="14" t="s">
        <v>23</v>
      </c>
      <c r="D50687" s="14" t="s">
        <v>284</v>
      </c>
      <c r="E50687" s="15">
        <v>45693</v>
      </c>
      <c r="F50687" s="14" t="s">
        <v>61</v>
      </c>
      <c r="G50687" s="16">
        <v>5.4586769944851108</v>
      </c>
    </row>
    <row r="50688" spans="1:7" x14ac:dyDescent="0.3">
      <c r="A50688" s="13" t="s">
        <v>283</v>
      </c>
      <c r="B50688" s="14" t="s">
        <v>1</v>
      </c>
      <c r="C50688" s="14" t="s">
        <v>23</v>
      </c>
      <c r="D50688" s="14" t="s">
        <v>284</v>
      </c>
      <c r="E50688" s="15">
        <v>45694</v>
      </c>
      <c r="F50688" s="14" t="s">
        <v>61</v>
      </c>
      <c r="G50688" s="16">
        <v>5.4843259325500568</v>
      </c>
    </row>
    <row r="50689" spans="1:7" x14ac:dyDescent="0.3">
      <c r="A50689" s="13" t="s">
        <v>283</v>
      </c>
      <c r="B50689" s="14" t="s">
        <v>1</v>
      </c>
      <c r="C50689" s="14" t="s">
        <v>23</v>
      </c>
      <c r="D50689" s="14" t="s">
        <v>284</v>
      </c>
      <c r="E50689" s="15">
        <v>45695</v>
      </c>
      <c r="F50689" s="14" t="s">
        <v>61</v>
      </c>
      <c r="G50689" s="16">
        <v>5.5313182316838825</v>
      </c>
    </row>
    <row r="50690" spans="1:7" x14ac:dyDescent="0.3">
      <c r="A50690" s="13" t="s">
        <v>283</v>
      </c>
      <c r="B50690" s="14" t="s">
        <v>1</v>
      </c>
      <c r="C50690" s="14" t="s">
        <v>23</v>
      </c>
      <c r="D50690" s="14" t="s">
        <v>284</v>
      </c>
      <c r="E50690" s="15">
        <v>45696</v>
      </c>
      <c r="F50690" s="14" t="s">
        <v>61</v>
      </c>
      <c r="G50690" s="16">
        <v>5.5313182316838825</v>
      </c>
    </row>
    <row r="50691" spans="1:7" x14ac:dyDescent="0.3">
      <c r="A50691" s="13" t="s">
        <v>283</v>
      </c>
      <c r="B50691" s="14" t="s">
        <v>1</v>
      </c>
      <c r="C50691" s="14" t="s">
        <v>23</v>
      </c>
      <c r="D50691" s="14" t="s">
        <v>284</v>
      </c>
      <c r="E50691" s="15">
        <v>45697</v>
      </c>
      <c r="F50691" s="14" t="s">
        <v>61</v>
      </c>
      <c r="G50691" s="16">
        <v>5.5313182316838825</v>
      </c>
    </row>
    <row r="50692" spans="1:7" x14ac:dyDescent="0.3">
      <c r="A50692" s="13" t="s">
        <v>283</v>
      </c>
      <c r="B50692" s="14" t="s">
        <v>1</v>
      </c>
      <c r="C50692" s="14" t="s">
        <v>23</v>
      </c>
      <c r="D50692" s="14" t="s">
        <v>284</v>
      </c>
      <c r="E50692" s="15">
        <v>45698</v>
      </c>
      <c r="F50692" s="14" t="s">
        <v>61</v>
      </c>
      <c r="G50692" s="16">
        <v>5.5675002438319234</v>
      </c>
    </row>
    <row r="50693" spans="1:7" x14ac:dyDescent="0.3">
      <c r="A50693" s="13" t="s">
        <v>283</v>
      </c>
      <c r="B50693" s="14" t="s">
        <v>1</v>
      </c>
      <c r="C50693" s="14" t="s">
        <v>23</v>
      </c>
      <c r="D50693" s="14" t="s">
        <v>284</v>
      </c>
      <c r="E50693" s="15">
        <v>45699</v>
      </c>
      <c r="F50693" s="14" t="s">
        <v>61</v>
      </c>
      <c r="G50693" s="16">
        <v>5.5884007875989505</v>
      </c>
    </row>
    <row r="50694" spans="1:7" x14ac:dyDescent="0.3">
      <c r="A50694" s="13" t="s">
        <v>283</v>
      </c>
      <c r="B50694" s="14" t="s">
        <v>1</v>
      </c>
      <c r="C50694" s="14" t="s">
        <v>23</v>
      </c>
      <c r="D50694" s="14" t="s">
        <v>284</v>
      </c>
      <c r="E50694" s="15">
        <v>45700</v>
      </c>
      <c r="F50694" s="14" t="s">
        <v>61</v>
      </c>
      <c r="G50694" s="16">
        <v>5.5937831752128773</v>
      </c>
    </row>
    <row r="50695" spans="1:7" x14ac:dyDescent="0.3">
      <c r="A50695" s="13" t="s">
        <v>283</v>
      </c>
      <c r="B50695" s="14" t="s">
        <v>1</v>
      </c>
      <c r="C50695" s="14" t="s">
        <v>23</v>
      </c>
      <c r="D50695" s="14" t="s">
        <v>284</v>
      </c>
      <c r="E50695" s="15">
        <v>45701</v>
      </c>
      <c r="F50695" s="14" t="s">
        <v>61</v>
      </c>
      <c r="G50695" s="16">
        <v>5.568174299314455</v>
      </c>
    </row>
    <row r="50696" spans="1:7" x14ac:dyDescent="0.3">
      <c r="A50696" s="13" t="s">
        <v>283</v>
      </c>
      <c r="B50696" s="14" t="s">
        <v>1</v>
      </c>
      <c r="C50696" s="14" t="s">
        <v>23</v>
      </c>
      <c r="D50696" s="14" t="s">
        <v>284</v>
      </c>
      <c r="E50696" s="15">
        <v>45702</v>
      </c>
      <c r="F50696" s="14" t="s">
        <v>61</v>
      </c>
      <c r="G50696" s="16">
        <v>5.568005947570529</v>
      </c>
    </row>
    <row r="50697" spans="1:7" x14ac:dyDescent="0.3">
      <c r="A50697" s="13" t="s">
        <v>283</v>
      </c>
      <c r="B50697" s="14" t="s">
        <v>1</v>
      </c>
      <c r="C50697" s="14" t="s">
        <v>23</v>
      </c>
      <c r="D50697" s="14" t="s">
        <v>284</v>
      </c>
      <c r="E50697" s="15">
        <v>45703</v>
      </c>
      <c r="F50697" s="14" t="s">
        <v>61</v>
      </c>
      <c r="G50697" s="16">
        <v>5.568005947570529</v>
      </c>
    </row>
    <row r="50698" spans="1:7" x14ac:dyDescent="0.3">
      <c r="A50698" s="13" t="s">
        <v>283</v>
      </c>
      <c r="B50698" s="14" t="s">
        <v>1</v>
      </c>
      <c r="C50698" s="14" t="s">
        <v>23</v>
      </c>
      <c r="D50698" s="14" t="s">
        <v>284</v>
      </c>
      <c r="E50698" s="15">
        <v>45704</v>
      </c>
      <c r="F50698" s="14" t="s">
        <v>61</v>
      </c>
      <c r="G50698" s="16">
        <v>5.568005947570529</v>
      </c>
    </row>
    <row r="50699" spans="1:7" x14ac:dyDescent="0.3">
      <c r="A50699" s="13" t="s">
        <v>283</v>
      </c>
      <c r="B50699" s="14" t="s">
        <v>1</v>
      </c>
      <c r="C50699" s="14" t="s">
        <v>23</v>
      </c>
      <c r="D50699" s="14" t="s">
        <v>284</v>
      </c>
      <c r="E50699" s="15">
        <v>45705</v>
      </c>
      <c r="F50699" s="14" t="s">
        <v>61</v>
      </c>
      <c r="G50699" s="16">
        <v>5.568005947570529</v>
      </c>
    </row>
    <row r="50700" spans="1:7" x14ac:dyDescent="0.3">
      <c r="A50700" s="13" t="s">
        <v>283</v>
      </c>
      <c r="B50700" s="14" t="s">
        <v>1</v>
      </c>
      <c r="C50700" s="14" t="s">
        <v>23</v>
      </c>
      <c r="D50700" s="14" t="s">
        <v>284</v>
      </c>
      <c r="E50700" s="15">
        <v>45706</v>
      </c>
      <c r="F50700" s="14" t="s">
        <v>61</v>
      </c>
      <c r="G50700" s="16">
        <v>5.6096485119986257</v>
      </c>
    </row>
    <row r="50701" spans="1:7" x14ac:dyDescent="0.3">
      <c r="A50701" s="13" t="s">
        <v>283</v>
      </c>
      <c r="B50701" s="14" t="s">
        <v>1</v>
      </c>
      <c r="C50701" s="14" t="s">
        <v>23</v>
      </c>
      <c r="D50701" s="14" t="s">
        <v>284</v>
      </c>
      <c r="E50701" s="15">
        <v>45707</v>
      </c>
      <c r="F50701" s="14" t="s">
        <v>61</v>
      </c>
      <c r="G50701" s="16">
        <v>5.689486432377989</v>
      </c>
    </row>
    <row r="50702" spans="1:7" x14ac:dyDescent="0.3">
      <c r="A50702" s="13" t="s">
        <v>283</v>
      </c>
      <c r="B50702" s="14" t="s">
        <v>1</v>
      </c>
      <c r="C50702" s="14" t="s">
        <v>23</v>
      </c>
      <c r="D50702" s="14" t="s">
        <v>284</v>
      </c>
      <c r="E50702" s="15">
        <v>45708</v>
      </c>
      <c r="F50702" s="14" t="s">
        <v>61</v>
      </c>
      <c r="G50702" s="16">
        <v>5.6625777334532312</v>
      </c>
    </row>
    <row r="50703" spans="1:7" x14ac:dyDescent="0.3">
      <c r="A50703" s="13" t="s">
        <v>283</v>
      </c>
      <c r="B50703" s="14" t="s">
        <v>1</v>
      </c>
      <c r="C50703" s="14" t="s">
        <v>23</v>
      </c>
      <c r="D50703" s="14" t="s">
        <v>284</v>
      </c>
      <c r="E50703" s="15">
        <v>45709</v>
      </c>
      <c r="F50703" s="14" t="s">
        <v>61</v>
      </c>
      <c r="G50703" s="16">
        <v>5.6956759537008033</v>
      </c>
    </row>
    <row r="50704" spans="1:7" x14ac:dyDescent="0.3">
      <c r="A50704" s="13" t="s">
        <v>283</v>
      </c>
      <c r="B50704" s="14" t="s">
        <v>1</v>
      </c>
      <c r="C50704" s="14" t="s">
        <v>23</v>
      </c>
      <c r="D50704" s="14" t="s">
        <v>284</v>
      </c>
      <c r="E50704" s="15">
        <v>45710</v>
      </c>
      <c r="F50704" s="14" t="s">
        <v>61</v>
      </c>
      <c r="G50704" s="16">
        <v>5.6956759537008033</v>
      </c>
    </row>
    <row r="50705" spans="1:7" x14ac:dyDescent="0.3">
      <c r="A50705" s="13" t="s">
        <v>283</v>
      </c>
      <c r="B50705" s="14" t="s">
        <v>1</v>
      </c>
      <c r="C50705" s="14" t="s">
        <v>23</v>
      </c>
      <c r="D50705" s="14" t="s">
        <v>284</v>
      </c>
      <c r="E50705" s="15">
        <v>45711</v>
      </c>
      <c r="F50705" s="14" t="s">
        <v>61</v>
      </c>
      <c r="G50705" s="16">
        <v>5.6956759537008033</v>
      </c>
    </row>
    <row r="50706" spans="1:7" x14ac:dyDescent="0.3">
      <c r="A50706" s="13" t="s">
        <v>283</v>
      </c>
      <c r="B50706" s="14" t="s">
        <v>1</v>
      </c>
      <c r="C50706" s="14" t="s">
        <v>23</v>
      </c>
      <c r="D50706" s="14" t="s">
        <v>284</v>
      </c>
      <c r="E50706" s="15">
        <v>45712</v>
      </c>
      <c r="F50706" s="14" t="s">
        <v>61</v>
      </c>
      <c r="G50706" s="16">
        <v>5.7041236900130983</v>
      </c>
    </row>
    <row r="50707" spans="1:7" x14ac:dyDescent="0.3">
      <c r="A50707" s="13" t="s">
        <v>283</v>
      </c>
      <c r="B50707" s="14" t="s">
        <v>1</v>
      </c>
      <c r="C50707" s="14" t="s">
        <v>23</v>
      </c>
      <c r="D50707" s="14" t="s">
        <v>284</v>
      </c>
      <c r="E50707" s="15">
        <v>45713</v>
      </c>
      <c r="F50707" s="14" t="s">
        <v>61</v>
      </c>
      <c r="G50707" s="16">
        <v>5.7287774794331305</v>
      </c>
    </row>
    <row r="50708" spans="1:7" x14ac:dyDescent="0.3">
      <c r="A50708" s="13" t="s">
        <v>283</v>
      </c>
      <c r="B50708" s="14" t="s">
        <v>1</v>
      </c>
      <c r="C50708" s="14" t="s">
        <v>23</v>
      </c>
      <c r="D50708" s="14" t="s">
        <v>284</v>
      </c>
      <c r="E50708" s="15">
        <v>45714</v>
      </c>
      <c r="F50708" s="14" t="s">
        <v>61</v>
      </c>
      <c r="G50708" s="16">
        <v>5.7582466184729864</v>
      </c>
    </row>
    <row r="50709" spans="1:7" x14ac:dyDescent="0.3">
      <c r="A50709" s="13" t="s">
        <v>283</v>
      </c>
      <c r="B50709" s="14" t="s">
        <v>1</v>
      </c>
      <c r="C50709" s="14" t="s">
        <v>23</v>
      </c>
      <c r="D50709" s="14" t="s">
        <v>284</v>
      </c>
      <c r="E50709" s="15">
        <v>45715</v>
      </c>
      <c r="F50709" s="14" t="s">
        <v>61</v>
      </c>
      <c r="G50709" s="16">
        <v>5.822295165918125</v>
      </c>
    </row>
    <row r="50710" spans="1:7" x14ac:dyDescent="0.3">
      <c r="A50710" s="13" t="s">
        <v>283</v>
      </c>
      <c r="B50710" s="14" t="s">
        <v>1</v>
      </c>
      <c r="C50710" s="14" t="s">
        <v>23</v>
      </c>
      <c r="D50710" s="14" t="s">
        <v>284</v>
      </c>
      <c r="E50710" s="15">
        <v>45716</v>
      </c>
      <c r="F50710" s="14" t="s">
        <v>61</v>
      </c>
      <c r="G50710" s="16">
        <v>5.8523654737367252</v>
      </c>
    </row>
    <row r="50711" spans="1:7" x14ac:dyDescent="0.3">
      <c r="A50711" s="13" t="s">
        <v>283</v>
      </c>
      <c r="B50711" s="14" t="s">
        <v>1</v>
      </c>
      <c r="C50711" s="14" t="s">
        <v>23</v>
      </c>
      <c r="D50711" s="14" t="s">
        <v>284</v>
      </c>
      <c r="E50711" s="15">
        <v>45717</v>
      </c>
      <c r="F50711" s="14" t="s">
        <v>61</v>
      </c>
      <c r="G50711" s="16">
        <v>5.8523654737367252</v>
      </c>
    </row>
    <row r="50712" spans="1:7" x14ac:dyDescent="0.3">
      <c r="A50712" s="13" t="s">
        <v>283</v>
      </c>
      <c r="B50712" s="14" t="s">
        <v>1</v>
      </c>
      <c r="C50712" s="14" t="s">
        <v>23</v>
      </c>
      <c r="D50712" s="14" t="s">
        <v>284</v>
      </c>
      <c r="E50712" s="15">
        <v>45718</v>
      </c>
      <c r="F50712" s="14" t="s">
        <v>61</v>
      </c>
      <c r="G50712" s="16">
        <v>5.8523654737367252</v>
      </c>
    </row>
    <row r="50713" spans="1:7" x14ac:dyDescent="0.3">
      <c r="A50713" s="13" t="s">
        <v>283</v>
      </c>
      <c r="B50713" s="14" t="s">
        <v>1</v>
      </c>
      <c r="C50713" s="14" t="s">
        <v>23</v>
      </c>
      <c r="D50713" s="14" t="s">
        <v>284</v>
      </c>
      <c r="E50713" s="15">
        <v>45719</v>
      </c>
      <c r="F50713" s="14" t="s">
        <v>61</v>
      </c>
      <c r="G50713" s="16">
        <v>5.8277878890474559</v>
      </c>
    </row>
    <row r="50714" spans="1:7" x14ac:dyDescent="0.3">
      <c r="A50714" s="13" t="s">
        <v>283</v>
      </c>
      <c r="B50714" s="14" t="s">
        <v>1</v>
      </c>
      <c r="C50714" s="14" t="s">
        <v>23</v>
      </c>
      <c r="D50714" s="14" t="s">
        <v>284</v>
      </c>
      <c r="E50714" s="15">
        <v>45720</v>
      </c>
      <c r="F50714" s="14" t="s">
        <v>61</v>
      </c>
      <c r="G50714" s="16">
        <v>5.8004981959636321</v>
      </c>
    </row>
    <row r="50715" spans="1:7" x14ac:dyDescent="0.3">
      <c r="A50715" s="13" t="s">
        <v>283</v>
      </c>
      <c r="B50715" s="14" t="s">
        <v>1</v>
      </c>
      <c r="C50715" s="14" t="s">
        <v>23</v>
      </c>
      <c r="D50715" s="14" t="s">
        <v>284</v>
      </c>
      <c r="E50715" s="15">
        <v>45721</v>
      </c>
      <c r="F50715" s="14" t="s">
        <v>61</v>
      </c>
      <c r="G50715" s="16">
        <v>5.7293382617307564</v>
      </c>
    </row>
    <row r="50716" spans="1:7" x14ac:dyDescent="0.3">
      <c r="A50716" s="13" t="s">
        <v>283</v>
      </c>
      <c r="B50716" s="14" t="s">
        <v>1</v>
      </c>
      <c r="C50716" s="14" t="s">
        <v>23</v>
      </c>
      <c r="D50716" s="14" t="s">
        <v>284</v>
      </c>
      <c r="E50716" s="15">
        <v>45722</v>
      </c>
      <c r="F50716" s="14" t="s">
        <v>61</v>
      </c>
      <c r="G50716" s="16">
        <v>5.7486548141452642</v>
      </c>
    </row>
    <row r="50717" spans="1:7" x14ac:dyDescent="0.3">
      <c r="A50717" s="13" t="s">
        <v>283</v>
      </c>
      <c r="B50717" s="14" t="s">
        <v>1</v>
      </c>
      <c r="C50717" s="14" t="s">
        <v>23</v>
      </c>
      <c r="D50717" s="14" t="s">
        <v>284</v>
      </c>
      <c r="E50717" s="15">
        <v>45723</v>
      </c>
      <c r="F50717" s="14" t="s">
        <v>61</v>
      </c>
      <c r="G50717" s="16">
        <v>5.739123321278961</v>
      </c>
    </row>
    <row r="50718" spans="1:7" x14ac:dyDescent="0.3">
      <c r="A50718" s="13" t="s">
        <v>283</v>
      </c>
      <c r="B50718" s="14" t="s">
        <v>1</v>
      </c>
      <c r="C50718" s="14" t="s">
        <v>23</v>
      </c>
      <c r="D50718" s="14" t="s">
        <v>284</v>
      </c>
      <c r="E50718" s="15">
        <v>45724</v>
      </c>
      <c r="F50718" s="14" t="s">
        <v>61</v>
      </c>
      <c r="G50718" s="16">
        <v>5.739123321278961</v>
      </c>
    </row>
    <row r="50719" spans="1:7" x14ac:dyDescent="0.3">
      <c r="A50719" s="13" t="s">
        <v>283</v>
      </c>
      <c r="B50719" s="14" t="s">
        <v>1</v>
      </c>
      <c r="C50719" s="14" t="s">
        <v>23</v>
      </c>
      <c r="D50719" s="14" t="s">
        <v>284</v>
      </c>
      <c r="E50719" s="15">
        <v>45725</v>
      </c>
      <c r="F50719" s="14" t="s">
        <v>61</v>
      </c>
      <c r="G50719" s="16">
        <v>5.739123321278961</v>
      </c>
    </row>
    <row r="50720" spans="1:7" x14ac:dyDescent="0.3">
      <c r="A50720" s="13" t="s">
        <v>283</v>
      </c>
      <c r="B50720" s="14" t="s">
        <v>1</v>
      </c>
      <c r="C50720" s="14" t="s">
        <v>23</v>
      </c>
      <c r="D50720" s="14" t="s">
        <v>284</v>
      </c>
      <c r="E50720" s="15">
        <v>45726</v>
      </c>
      <c r="F50720" s="14" t="s">
        <v>61</v>
      </c>
      <c r="G50720" s="16">
        <v>5.7639727268446634</v>
      </c>
    </row>
    <row r="50721" spans="1:7" x14ac:dyDescent="0.3">
      <c r="A50721" s="13" t="s">
        <v>283</v>
      </c>
      <c r="B50721" s="14" t="s">
        <v>1</v>
      </c>
      <c r="C50721" s="14" t="s">
        <v>23</v>
      </c>
      <c r="D50721" s="14" t="s">
        <v>284</v>
      </c>
      <c r="E50721" s="15">
        <v>45727</v>
      </c>
      <c r="F50721" s="14" t="s">
        <v>61</v>
      </c>
      <c r="G50721" s="16">
        <v>5.7694988658110384</v>
      </c>
    </row>
    <row r="50722" spans="1:7" x14ac:dyDescent="0.3">
      <c r="A50722" s="13" t="s">
        <v>283</v>
      </c>
      <c r="B50722" s="14" t="s">
        <v>1</v>
      </c>
      <c r="C50722" s="14" t="s">
        <v>23</v>
      </c>
      <c r="D50722" s="14" t="s">
        <v>284</v>
      </c>
      <c r="E50722" s="15">
        <v>45728</v>
      </c>
      <c r="F50722" s="14" t="s">
        <v>61</v>
      </c>
      <c r="G50722" s="16">
        <v>5.8037982057345818</v>
      </c>
    </row>
    <row r="50723" spans="1:7" x14ac:dyDescent="0.3">
      <c r="A50723" s="13" t="s">
        <v>283</v>
      </c>
      <c r="B50723" s="14" t="s">
        <v>1</v>
      </c>
      <c r="C50723" s="14" t="s">
        <v>23</v>
      </c>
      <c r="D50723" s="14" t="s">
        <v>284</v>
      </c>
      <c r="E50723" s="15">
        <v>45729</v>
      </c>
      <c r="F50723" s="14" t="s">
        <v>61</v>
      </c>
      <c r="G50723" s="16">
        <v>5.8373636591087017</v>
      </c>
    </row>
    <row r="50724" spans="1:7" x14ac:dyDescent="0.3">
      <c r="A50724" s="13" t="s">
        <v>283</v>
      </c>
      <c r="B50724" s="14" t="s">
        <v>1</v>
      </c>
      <c r="C50724" s="14" t="s">
        <v>23</v>
      </c>
      <c r="D50724" s="14" t="s">
        <v>284</v>
      </c>
      <c r="E50724" s="15">
        <v>45730</v>
      </c>
      <c r="F50724" s="14" t="s">
        <v>61</v>
      </c>
      <c r="G50724" s="16">
        <v>5.7308794654072983</v>
      </c>
    </row>
    <row r="50725" spans="1:7" x14ac:dyDescent="0.3">
      <c r="A50725" s="13" t="s">
        <v>283</v>
      </c>
      <c r="B50725" s="14" t="s">
        <v>1</v>
      </c>
      <c r="C50725" s="14" t="s">
        <v>23</v>
      </c>
      <c r="D50725" s="14" t="s">
        <v>284</v>
      </c>
      <c r="E50725" s="15">
        <v>45731</v>
      </c>
      <c r="F50725" s="14" t="s">
        <v>61</v>
      </c>
      <c r="G50725" s="16">
        <v>5.7308794654072983</v>
      </c>
    </row>
    <row r="50726" spans="1:7" x14ac:dyDescent="0.3">
      <c r="A50726" s="13" t="s">
        <v>283</v>
      </c>
      <c r="B50726" s="14" t="s">
        <v>1</v>
      </c>
      <c r="C50726" s="14" t="s">
        <v>23</v>
      </c>
      <c r="D50726" s="14" t="s">
        <v>284</v>
      </c>
      <c r="E50726" s="15">
        <v>45732</v>
      </c>
      <c r="F50726" s="14" t="s">
        <v>61</v>
      </c>
      <c r="G50726" s="16">
        <v>5.7308794654072983</v>
      </c>
    </row>
    <row r="50727" spans="1:7" x14ac:dyDescent="0.3">
      <c r="A50727" s="13" t="s">
        <v>283</v>
      </c>
      <c r="B50727" s="14" t="s">
        <v>1</v>
      </c>
      <c r="C50727" s="14" t="s">
        <v>23</v>
      </c>
      <c r="D50727" s="14" t="s">
        <v>284</v>
      </c>
      <c r="E50727" s="15">
        <v>45733</v>
      </c>
      <c r="F50727" s="14" t="s">
        <v>61</v>
      </c>
      <c r="G50727" s="16">
        <v>5.7308794654072983</v>
      </c>
    </row>
    <row r="50728" spans="1:7" x14ac:dyDescent="0.3">
      <c r="A50728" s="13" t="s">
        <v>283</v>
      </c>
      <c r="B50728" s="14" t="s">
        <v>1</v>
      </c>
      <c r="C50728" s="14" t="s">
        <v>23</v>
      </c>
      <c r="D50728" s="14" t="s">
        <v>284</v>
      </c>
      <c r="E50728" s="15">
        <v>45734</v>
      </c>
      <c r="F50728" s="14" t="s">
        <v>61</v>
      </c>
      <c r="G50728" s="16">
        <v>5.7122819347497726</v>
      </c>
    </row>
    <row r="50729" spans="1:7" x14ac:dyDescent="0.3">
      <c r="A50729" s="13" t="s">
        <v>283</v>
      </c>
      <c r="B50729" s="14" t="s">
        <v>1</v>
      </c>
      <c r="C50729" s="14" t="s">
        <v>23</v>
      </c>
      <c r="D50729" s="14" t="s">
        <v>284</v>
      </c>
      <c r="E50729" s="15">
        <v>45735</v>
      </c>
      <c r="F50729" s="14" t="s">
        <v>61</v>
      </c>
      <c r="G50729" s="16">
        <v>5.7927152754104618</v>
      </c>
    </row>
    <row r="50730" spans="1:7" x14ac:dyDescent="0.3">
      <c r="A50730" s="13" t="s">
        <v>283</v>
      </c>
      <c r="B50730" s="14" t="s">
        <v>1</v>
      </c>
      <c r="C50730" s="14" t="s">
        <v>23</v>
      </c>
      <c r="D50730" s="14" t="s">
        <v>284</v>
      </c>
      <c r="E50730" s="15">
        <v>45736</v>
      </c>
      <c r="F50730" s="14" t="s">
        <v>61</v>
      </c>
      <c r="G50730" s="16">
        <v>5.8360546186896016</v>
      </c>
    </row>
    <row r="50731" spans="1:7" x14ac:dyDescent="0.3">
      <c r="A50731" s="13" t="s">
        <v>283</v>
      </c>
      <c r="B50731" s="14" t="s">
        <v>1</v>
      </c>
      <c r="C50731" s="14" t="s">
        <v>23</v>
      </c>
      <c r="D50731" s="14" t="s">
        <v>284</v>
      </c>
      <c r="E50731" s="15">
        <v>45737</v>
      </c>
      <c r="F50731" s="14" t="s">
        <v>61</v>
      </c>
      <c r="G50731" s="16">
        <v>5.8726927611090707</v>
      </c>
    </row>
    <row r="50732" spans="1:7" x14ac:dyDescent="0.3">
      <c r="A50732" s="13" t="s">
        <v>283</v>
      </c>
      <c r="B50732" s="14" t="s">
        <v>1</v>
      </c>
      <c r="C50732" s="14" t="s">
        <v>23</v>
      </c>
      <c r="D50732" s="14" t="s">
        <v>284</v>
      </c>
      <c r="E50732" s="15">
        <v>45738</v>
      </c>
      <c r="F50732" s="14" t="s">
        <v>61</v>
      </c>
      <c r="G50732" s="16">
        <v>5.8726927611090707</v>
      </c>
    </row>
    <row r="50733" spans="1:7" x14ac:dyDescent="0.3">
      <c r="A50733" s="13" t="s">
        <v>283</v>
      </c>
      <c r="B50733" s="14" t="s">
        <v>1</v>
      </c>
      <c r="C50733" s="14" t="s">
        <v>23</v>
      </c>
      <c r="D50733" s="14" t="s">
        <v>284</v>
      </c>
      <c r="E50733" s="15">
        <v>45739</v>
      </c>
      <c r="F50733" s="14" t="s">
        <v>61</v>
      </c>
      <c r="G50733" s="16">
        <v>5.8726927611090707</v>
      </c>
    </row>
    <row r="50734" spans="1:7" x14ac:dyDescent="0.3">
      <c r="A50734" s="13" t="s">
        <v>283</v>
      </c>
      <c r="B50734" s="14" t="s">
        <v>1</v>
      </c>
      <c r="C50734" s="14" t="s">
        <v>23</v>
      </c>
      <c r="D50734" s="14" t="s">
        <v>284</v>
      </c>
      <c r="E50734" s="15">
        <v>45740</v>
      </c>
      <c r="F50734" s="14" t="s">
        <v>61</v>
      </c>
      <c r="G50734" s="16">
        <v>5.8971397817219531</v>
      </c>
    </row>
    <row r="50735" spans="1:7" x14ac:dyDescent="0.3">
      <c r="A50735" s="13" t="s">
        <v>283</v>
      </c>
      <c r="B50735" s="14" t="s">
        <v>1</v>
      </c>
      <c r="C50735" s="14" t="s">
        <v>23</v>
      </c>
      <c r="D50735" s="14" t="s">
        <v>284</v>
      </c>
      <c r="E50735" s="15">
        <v>45741</v>
      </c>
      <c r="F50735" s="14" t="s">
        <v>61</v>
      </c>
      <c r="G50735" s="16">
        <v>5.9527174443416335</v>
      </c>
    </row>
    <row r="50736" spans="1:7" x14ac:dyDescent="0.3">
      <c r="A50736" s="13" t="s">
        <v>283</v>
      </c>
      <c r="B50736" s="14" t="s">
        <v>1</v>
      </c>
      <c r="C50736" s="14" t="s">
        <v>23</v>
      </c>
      <c r="D50736" s="14" t="s">
        <v>284</v>
      </c>
      <c r="E50736" s="15">
        <v>45742</v>
      </c>
      <c r="F50736" s="14" t="s">
        <v>61</v>
      </c>
      <c r="G50736" s="16">
        <v>5.9900597279695926</v>
      </c>
    </row>
    <row r="50737" spans="1:7" x14ac:dyDescent="0.3">
      <c r="A50737" s="13" t="s">
        <v>283</v>
      </c>
      <c r="B50737" s="14" t="s">
        <v>1</v>
      </c>
      <c r="C50737" s="14" t="s">
        <v>23</v>
      </c>
      <c r="D50737" s="14" t="s">
        <v>284</v>
      </c>
      <c r="E50737" s="15">
        <v>45743</v>
      </c>
      <c r="F50737" s="14" t="s">
        <v>61</v>
      </c>
      <c r="G50737" s="16">
        <v>5.9812337556985495</v>
      </c>
    </row>
    <row r="50738" spans="1:7" x14ac:dyDescent="0.3">
      <c r="A50738" s="13" t="s">
        <v>283</v>
      </c>
      <c r="B50738" s="14" t="s">
        <v>1</v>
      </c>
      <c r="C50738" s="14" t="s">
        <v>23</v>
      </c>
      <c r="D50738" s="14" t="s">
        <v>284</v>
      </c>
      <c r="E50738" s="15">
        <v>45744</v>
      </c>
      <c r="F50738" s="14" t="s">
        <v>61</v>
      </c>
      <c r="G50738" s="16">
        <v>5.9823494157763459</v>
      </c>
    </row>
    <row r="50739" spans="1:7" x14ac:dyDescent="0.3">
      <c r="A50739" s="13" t="s">
        <v>283</v>
      </c>
      <c r="B50739" s="14" t="s">
        <v>1</v>
      </c>
      <c r="C50739" s="14" t="s">
        <v>23</v>
      </c>
      <c r="D50739" s="14" t="s">
        <v>284</v>
      </c>
      <c r="E50739" s="15">
        <v>45745</v>
      </c>
      <c r="F50739" s="14" t="s">
        <v>61</v>
      </c>
      <c r="G50739" s="16">
        <v>5.9823494157763459</v>
      </c>
    </row>
    <row r="50740" spans="1:7" x14ac:dyDescent="0.3">
      <c r="A50740" s="13" t="s">
        <v>283</v>
      </c>
      <c r="B50740" s="14" t="s">
        <v>1</v>
      </c>
      <c r="C50740" s="14" t="s">
        <v>23</v>
      </c>
      <c r="D50740" s="14" t="s">
        <v>284</v>
      </c>
      <c r="E50740" s="15">
        <v>45746</v>
      </c>
      <c r="F50740" s="14" t="s">
        <v>61</v>
      </c>
      <c r="G50740" s="16">
        <v>5.9823494157763459</v>
      </c>
    </row>
    <row r="50741" spans="1:7" x14ac:dyDescent="0.3">
      <c r="A50741" s="13" t="s">
        <v>283</v>
      </c>
      <c r="B50741" s="14" t="s">
        <v>1</v>
      </c>
      <c r="C50741" s="14" t="s">
        <v>23</v>
      </c>
      <c r="D50741" s="14" t="s">
        <v>284</v>
      </c>
      <c r="E50741" s="15">
        <v>45747</v>
      </c>
      <c r="F50741" s="14" t="s">
        <v>61</v>
      </c>
      <c r="G50741" s="16">
        <v>6.0053626865941307</v>
      </c>
    </row>
    <row r="50742" spans="1:7" x14ac:dyDescent="0.3">
      <c r="A50742" s="13" t="s">
        <v>285</v>
      </c>
      <c r="B50742" s="14" t="s">
        <v>1</v>
      </c>
      <c r="C50742" s="14" t="s">
        <v>70</v>
      </c>
      <c r="D50742" s="14" t="s">
        <v>286</v>
      </c>
      <c r="E50742" s="15">
        <v>45383</v>
      </c>
      <c r="F50742" s="14" t="s">
        <v>72</v>
      </c>
      <c r="G50742" s="16">
        <v>0</v>
      </c>
    </row>
    <row r="50743" spans="1:7" x14ac:dyDescent="0.3">
      <c r="A50743" s="13" t="s">
        <v>285</v>
      </c>
      <c r="B50743" s="14" t="s">
        <v>1</v>
      </c>
      <c r="C50743" s="14" t="s">
        <v>70</v>
      </c>
      <c r="D50743" s="14" t="s">
        <v>286</v>
      </c>
      <c r="E50743" s="15">
        <v>45384</v>
      </c>
      <c r="F50743" s="14" t="s">
        <v>72</v>
      </c>
      <c r="G50743" s="16">
        <v>0</v>
      </c>
    </row>
    <row r="50744" spans="1:7" x14ac:dyDescent="0.3">
      <c r="A50744" s="13" t="s">
        <v>285</v>
      </c>
      <c r="B50744" s="14" t="s">
        <v>1</v>
      </c>
      <c r="C50744" s="14" t="s">
        <v>70</v>
      </c>
      <c r="D50744" s="14" t="s">
        <v>286</v>
      </c>
      <c r="E50744" s="15">
        <v>45385</v>
      </c>
      <c r="F50744" s="14" t="s">
        <v>72</v>
      </c>
      <c r="G50744" s="16">
        <v>3.1605854512964285E-2</v>
      </c>
    </row>
    <row r="50745" spans="1:7" x14ac:dyDescent="0.3">
      <c r="A50745" s="13" t="s">
        <v>285</v>
      </c>
      <c r="B50745" s="14" t="s">
        <v>1</v>
      </c>
      <c r="C50745" s="14" t="s">
        <v>70</v>
      </c>
      <c r="D50745" s="14" t="s">
        <v>286</v>
      </c>
      <c r="E50745" s="15">
        <v>45386</v>
      </c>
      <c r="F50745" s="14" t="s">
        <v>72</v>
      </c>
      <c r="G50745" s="16">
        <v>4.0184143672680535E-2</v>
      </c>
    </row>
    <row r="50746" spans="1:7" x14ac:dyDescent="0.3">
      <c r="A50746" s="13" t="s">
        <v>285</v>
      </c>
      <c r="B50746" s="14" t="s">
        <v>1</v>
      </c>
      <c r="C50746" s="14" t="s">
        <v>70</v>
      </c>
      <c r="D50746" s="14" t="s">
        <v>286</v>
      </c>
      <c r="E50746" s="15">
        <v>45387</v>
      </c>
      <c r="F50746" s="14" t="s">
        <v>72</v>
      </c>
      <c r="G50746" s="16">
        <v>5.7873773672044999E-2</v>
      </c>
    </row>
    <row r="50747" spans="1:7" x14ac:dyDescent="0.3">
      <c r="A50747" s="13" t="s">
        <v>285</v>
      </c>
      <c r="B50747" s="14" t="s">
        <v>1</v>
      </c>
      <c r="C50747" s="14" t="s">
        <v>70</v>
      </c>
      <c r="D50747" s="14" t="s">
        <v>286</v>
      </c>
      <c r="E50747" s="15">
        <v>45388</v>
      </c>
      <c r="F50747" s="14" t="s">
        <v>72</v>
      </c>
      <c r="G50747" s="16">
        <v>5.7873773672044999E-2</v>
      </c>
    </row>
    <row r="50748" spans="1:7" x14ac:dyDescent="0.3">
      <c r="A50748" s="13" t="s">
        <v>285</v>
      </c>
      <c r="B50748" s="14" t="s">
        <v>1</v>
      </c>
      <c r="C50748" s="14" t="s">
        <v>70</v>
      </c>
      <c r="D50748" s="14" t="s">
        <v>286</v>
      </c>
      <c r="E50748" s="15">
        <v>45389</v>
      </c>
      <c r="F50748" s="14" t="s">
        <v>72</v>
      </c>
      <c r="G50748" s="16">
        <v>5.7873773672044999E-2</v>
      </c>
    </row>
    <row r="50749" spans="1:7" x14ac:dyDescent="0.3">
      <c r="A50749" s="13" t="s">
        <v>285</v>
      </c>
      <c r="B50749" s="14" t="s">
        <v>1</v>
      </c>
      <c r="C50749" s="14" t="s">
        <v>70</v>
      </c>
      <c r="D50749" s="14" t="s">
        <v>286</v>
      </c>
      <c r="E50749" s="15">
        <v>45390</v>
      </c>
      <c r="F50749" s="14" t="s">
        <v>72</v>
      </c>
      <c r="G50749" s="16">
        <v>7.7487331595226333E-2</v>
      </c>
    </row>
    <row r="50750" spans="1:7" x14ac:dyDescent="0.3">
      <c r="A50750" s="13" t="s">
        <v>285</v>
      </c>
      <c r="B50750" s="14" t="s">
        <v>1</v>
      </c>
      <c r="C50750" s="14" t="s">
        <v>70</v>
      </c>
      <c r="D50750" s="14" t="s">
        <v>286</v>
      </c>
      <c r="E50750" s="15">
        <v>45391</v>
      </c>
      <c r="F50750" s="14" t="s">
        <v>72</v>
      </c>
      <c r="G50750" s="16">
        <v>9.1333344008139888E-2</v>
      </c>
    </row>
    <row r="50751" spans="1:7" x14ac:dyDescent="0.3">
      <c r="A50751" s="13" t="s">
        <v>285</v>
      </c>
      <c r="B50751" s="14" t="s">
        <v>1</v>
      </c>
      <c r="C50751" s="14" t="s">
        <v>70</v>
      </c>
      <c r="D50751" s="14" t="s">
        <v>286</v>
      </c>
      <c r="E50751" s="15">
        <v>45392</v>
      </c>
      <c r="F50751" s="14" t="s">
        <v>72</v>
      </c>
      <c r="G50751" s="16">
        <v>0.11067336040248638</v>
      </c>
    </row>
    <row r="50752" spans="1:7" x14ac:dyDescent="0.3">
      <c r="A50752" s="13" t="s">
        <v>285</v>
      </c>
      <c r="B50752" s="14" t="s">
        <v>1</v>
      </c>
      <c r="C50752" s="14" t="s">
        <v>70</v>
      </c>
      <c r="D50752" s="14" t="s">
        <v>286</v>
      </c>
      <c r="E50752" s="15">
        <v>45393</v>
      </c>
      <c r="F50752" s="14" t="s">
        <v>72</v>
      </c>
      <c r="G50752" s="16">
        <v>0.11384013257072943</v>
      </c>
    </row>
    <row r="50753" spans="1:7" x14ac:dyDescent="0.3">
      <c r="A50753" s="13" t="s">
        <v>285</v>
      </c>
      <c r="B50753" s="14" t="s">
        <v>1</v>
      </c>
      <c r="C50753" s="14" t="s">
        <v>70</v>
      </c>
      <c r="D50753" s="14" t="s">
        <v>286</v>
      </c>
      <c r="E50753" s="15">
        <v>45394</v>
      </c>
      <c r="F50753" s="14" t="s">
        <v>72</v>
      </c>
      <c r="G50753" s="16">
        <v>0.11905933632816065</v>
      </c>
    </row>
    <row r="50754" spans="1:7" x14ac:dyDescent="0.3">
      <c r="A50754" s="13" t="s">
        <v>285</v>
      </c>
      <c r="B50754" s="14" t="s">
        <v>1</v>
      </c>
      <c r="C50754" s="14" t="s">
        <v>70</v>
      </c>
      <c r="D50754" s="14" t="s">
        <v>286</v>
      </c>
      <c r="E50754" s="15">
        <v>45395</v>
      </c>
      <c r="F50754" s="14" t="s">
        <v>72</v>
      </c>
      <c r="G50754" s="16">
        <v>0.11905933632816065</v>
      </c>
    </row>
    <row r="50755" spans="1:7" x14ac:dyDescent="0.3">
      <c r="A50755" s="13" t="s">
        <v>285</v>
      </c>
      <c r="B50755" s="14" t="s">
        <v>1</v>
      </c>
      <c r="C50755" s="14" t="s">
        <v>70</v>
      </c>
      <c r="D50755" s="14" t="s">
        <v>286</v>
      </c>
      <c r="E50755" s="15">
        <v>45396</v>
      </c>
      <c r="F50755" s="14" t="s">
        <v>72</v>
      </c>
      <c r="G50755" s="16">
        <v>0.11905933632816065</v>
      </c>
    </row>
    <row r="50756" spans="1:7" x14ac:dyDescent="0.3">
      <c r="A50756" s="13" t="s">
        <v>285</v>
      </c>
      <c r="B50756" s="14" t="s">
        <v>1</v>
      </c>
      <c r="C50756" s="14" t="s">
        <v>70</v>
      </c>
      <c r="D50756" s="14" t="s">
        <v>286</v>
      </c>
      <c r="E50756" s="15">
        <v>45397</v>
      </c>
      <c r="F50756" s="14" t="s">
        <v>72</v>
      </c>
      <c r="G50756" s="16">
        <v>0.14522773629273708</v>
      </c>
    </row>
    <row r="50757" spans="1:7" x14ac:dyDescent="0.3">
      <c r="A50757" s="13" t="s">
        <v>285</v>
      </c>
      <c r="B50757" s="14" t="s">
        <v>1</v>
      </c>
      <c r="C50757" s="14" t="s">
        <v>70</v>
      </c>
      <c r="D50757" s="14" t="s">
        <v>286</v>
      </c>
      <c r="E50757" s="15">
        <v>45398</v>
      </c>
      <c r="F50757" s="14" t="s">
        <v>72</v>
      </c>
      <c r="G50757" s="16">
        <v>0.1606628564373265</v>
      </c>
    </row>
    <row r="50758" spans="1:7" x14ac:dyDescent="0.3">
      <c r="A50758" s="13" t="s">
        <v>285</v>
      </c>
      <c r="B50758" s="14" t="s">
        <v>1</v>
      </c>
      <c r="C50758" s="14" t="s">
        <v>70</v>
      </c>
      <c r="D50758" s="14" t="s">
        <v>286</v>
      </c>
      <c r="E50758" s="15">
        <v>45399</v>
      </c>
      <c r="F50758" s="14" t="s">
        <v>72</v>
      </c>
      <c r="G50758" s="16">
        <v>0.20277909688728823</v>
      </c>
    </row>
    <row r="50759" spans="1:7" x14ac:dyDescent="0.3">
      <c r="A50759" s="13" t="s">
        <v>285</v>
      </c>
      <c r="B50759" s="14" t="s">
        <v>1</v>
      </c>
      <c r="C50759" s="14" t="s">
        <v>70</v>
      </c>
      <c r="D50759" s="14" t="s">
        <v>286</v>
      </c>
      <c r="E50759" s="15">
        <v>45400</v>
      </c>
      <c r="F50759" s="14" t="s">
        <v>72</v>
      </c>
      <c r="G50759" s="16">
        <v>0.20711787498507003</v>
      </c>
    </row>
    <row r="50760" spans="1:7" x14ac:dyDescent="0.3">
      <c r="A50760" s="13" t="s">
        <v>285</v>
      </c>
      <c r="B50760" s="14" t="s">
        <v>1</v>
      </c>
      <c r="C50760" s="14" t="s">
        <v>70</v>
      </c>
      <c r="D50760" s="14" t="s">
        <v>286</v>
      </c>
      <c r="E50760" s="15">
        <v>45401</v>
      </c>
      <c r="F50760" s="14" t="s">
        <v>72</v>
      </c>
      <c r="G50760" s="16">
        <v>0.2162099860911148</v>
      </c>
    </row>
    <row r="50761" spans="1:7" x14ac:dyDescent="0.3">
      <c r="A50761" s="13" t="s">
        <v>285</v>
      </c>
      <c r="B50761" s="14" t="s">
        <v>1</v>
      </c>
      <c r="C50761" s="14" t="s">
        <v>70</v>
      </c>
      <c r="D50761" s="14" t="s">
        <v>286</v>
      </c>
      <c r="E50761" s="15">
        <v>45402</v>
      </c>
      <c r="F50761" s="14" t="s">
        <v>72</v>
      </c>
      <c r="G50761" s="16">
        <v>0.2162099860911148</v>
      </c>
    </row>
    <row r="50762" spans="1:7" x14ac:dyDescent="0.3">
      <c r="A50762" s="13" t="s">
        <v>285</v>
      </c>
      <c r="B50762" s="14" t="s">
        <v>1</v>
      </c>
      <c r="C50762" s="14" t="s">
        <v>70</v>
      </c>
      <c r="D50762" s="14" t="s">
        <v>286</v>
      </c>
      <c r="E50762" s="15">
        <v>45403</v>
      </c>
      <c r="F50762" s="14" t="s">
        <v>72</v>
      </c>
      <c r="G50762" s="16">
        <v>0.2162099860911148</v>
      </c>
    </row>
    <row r="50763" spans="1:7" x14ac:dyDescent="0.3">
      <c r="A50763" s="13" t="s">
        <v>285</v>
      </c>
      <c r="B50763" s="14" t="s">
        <v>1</v>
      </c>
      <c r="C50763" s="14" t="s">
        <v>70</v>
      </c>
      <c r="D50763" s="14" t="s">
        <v>286</v>
      </c>
      <c r="E50763" s="15">
        <v>45404</v>
      </c>
      <c r="F50763" s="14" t="s">
        <v>72</v>
      </c>
      <c r="G50763" s="16">
        <v>0.22374040906899631</v>
      </c>
    </row>
    <row r="50764" spans="1:7" x14ac:dyDescent="0.3">
      <c r="A50764" s="13" t="s">
        <v>285</v>
      </c>
      <c r="B50764" s="14" t="s">
        <v>1</v>
      </c>
      <c r="C50764" s="14" t="s">
        <v>70</v>
      </c>
      <c r="D50764" s="14" t="s">
        <v>286</v>
      </c>
      <c r="E50764" s="15">
        <v>45405</v>
      </c>
      <c r="F50764" s="14" t="s">
        <v>72</v>
      </c>
      <c r="G50764" s="16">
        <v>0.25304110275620978</v>
      </c>
    </row>
    <row r="50765" spans="1:7" x14ac:dyDescent="0.3">
      <c r="A50765" s="13" t="s">
        <v>285</v>
      </c>
      <c r="B50765" s="14" t="s">
        <v>1</v>
      </c>
      <c r="C50765" s="14" t="s">
        <v>70</v>
      </c>
      <c r="D50765" s="14" t="s">
        <v>286</v>
      </c>
      <c r="E50765" s="15">
        <v>45406</v>
      </c>
      <c r="F50765" s="14" t="s">
        <v>72</v>
      </c>
      <c r="G50765" s="16">
        <v>0.26030115927728914</v>
      </c>
    </row>
    <row r="50766" spans="1:7" x14ac:dyDescent="0.3">
      <c r="A50766" s="13" t="s">
        <v>285</v>
      </c>
      <c r="B50766" s="14" t="s">
        <v>1</v>
      </c>
      <c r="C50766" s="14" t="s">
        <v>70</v>
      </c>
      <c r="D50766" s="14" t="s">
        <v>286</v>
      </c>
      <c r="E50766" s="15">
        <v>45407</v>
      </c>
      <c r="F50766" s="14" t="s">
        <v>72</v>
      </c>
      <c r="G50766" s="16">
        <v>0.3070032231172497</v>
      </c>
    </row>
    <row r="50767" spans="1:7" x14ac:dyDescent="0.3">
      <c r="A50767" s="13" t="s">
        <v>285</v>
      </c>
      <c r="B50767" s="14" t="s">
        <v>1</v>
      </c>
      <c r="C50767" s="14" t="s">
        <v>70</v>
      </c>
      <c r="D50767" s="14" t="s">
        <v>286</v>
      </c>
      <c r="E50767" s="15">
        <v>45408</v>
      </c>
      <c r="F50767" s="14" t="s">
        <v>72</v>
      </c>
      <c r="G50767" s="16">
        <v>0.31112308642226977</v>
      </c>
    </row>
    <row r="50768" spans="1:7" x14ac:dyDescent="0.3">
      <c r="A50768" s="13" t="s">
        <v>285</v>
      </c>
      <c r="B50768" s="14" t="s">
        <v>1</v>
      </c>
      <c r="C50768" s="14" t="s">
        <v>70</v>
      </c>
      <c r="D50768" s="14" t="s">
        <v>286</v>
      </c>
      <c r="E50768" s="15">
        <v>45409</v>
      </c>
      <c r="F50768" s="14" t="s">
        <v>72</v>
      </c>
      <c r="G50768" s="16">
        <v>0.31112308642226977</v>
      </c>
    </row>
    <row r="50769" spans="1:7" x14ac:dyDescent="0.3">
      <c r="A50769" s="13" t="s">
        <v>285</v>
      </c>
      <c r="B50769" s="14" t="s">
        <v>1</v>
      </c>
      <c r="C50769" s="14" t="s">
        <v>70</v>
      </c>
      <c r="D50769" s="14" t="s">
        <v>286</v>
      </c>
      <c r="E50769" s="15">
        <v>45410</v>
      </c>
      <c r="F50769" s="14" t="s">
        <v>72</v>
      </c>
      <c r="G50769" s="16">
        <v>0.31112308642226977</v>
      </c>
    </row>
    <row r="50770" spans="1:7" x14ac:dyDescent="0.3">
      <c r="A50770" s="13" t="s">
        <v>285</v>
      </c>
      <c r="B50770" s="14" t="s">
        <v>1</v>
      </c>
      <c r="C50770" s="14" t="s">
        <v>70</v>
      </c>
      <c r="D50770" s="14" t="s">
        <v>286</v>
      </c>
      <c r="E50770" s="15">
        <v>45411</v>
      </c>
      <c r="F50770" s="14" t="s">
        <v>72</v>
      </c>
      <c r="G50770" s="16">
        <v>0.31348454192338826</v>
      </c>
    </row>
    <row r="50771" spans="1:7" x14ac:dyDescent="0.3">
      <c r="A50771" s="13" t="s">
        <v>285</v>
      </c>
      <c r="B50771" s="14" t="s">
        <v>1</v>
      </c>
      <c r="C50771" s="14" t="s">
        <v>70</v>
      </c>
      <c r="D50771" s="14" t="s">
        <v>286</v>
      </c>
      <c r="E50771" s="15">
        <v>45412</v>
      </c>
      <c r="F50771" s="14" t="s">
        <v>72</v>
      </c>
      <c r="G50771" s="16">
        <v>0.33143620430056059</v>
      </c>
    </row>
    <row r="50772" spans="1:7" x14ac:dyDescent="0.3">
      <c r="A50772" s="13" t="s">
        <v>285</v>
      </c>
      <c r="B50772" s="14" t="s">
        <v>1</v>
      </c>
      <c r="C50772" s="14" t="s">
        <v>70</v>
      </c>
      <c r="D50772" s="14" t="s">
        <v>286</v>
      </c>
      <c r="E50772" s="15">
        <v>45413</v>
      </c>
      <c r="F50772" s="14" t="s">
        <v>72</v>
      </c>
      <c r="G50772" s="16">
        <v>0.33143620430056059</v>
      </c>
    </row>
    <row r="50773" spans="1:7" x14ac:dyDescent="0.3">
      <c r="A50773" s="13" t="s">
        <v>285</v>
      </c>
      <c r="B50773" s="14" t="s">
        <v>1</v>
      </c>
      <c r="C50773" s="14" t="s">
        <v>70</v>
      </c>
      <c r="D50773" s="14" t="s">
        <v>286</v>
      </c>
      <c r="E50773" s="15">
        <v>45414</v>
      </c>
      <c r="F50773" s="14" t="s">
        <v>72</v>
      </c>
      <c r="G50773" s="16">
        <v>0.36754784881994768</v>
      </c>
    </row>
    <row r="50774" spans="1:7" x14ac:dyDescent="0.3">
      <c r="A50774" s="13" t="s">
        <v>285</v>
      </c>
      <c r="B50774" s="14" t="s">
        <v>1</v>
      </c>
      <c r="C50774" s="14" t="s">
        <v>70</v>
      </c>
      <c r="D50774" s="14" t="s">
        <v>286</v>
      </c>
      <c r="E50774" s="15">
        <v>45415</v>
      </c>
      <c r="F50774" s="14" t="s">
        <v>72</v>
      </c>
      <c r="G50774" s="16">
        <v>0.37414447947085777</v>
      </c>
    </row>
    <row r="50775" spans="1:7" x14ac:dyDescent="0.3">
      <c r="A50775" s="13" t="s">
        <v>285</v>
      </c>
      <c r="B50775" s="14" t="s">
        <v>1</v>
      </c>
      <c r="C50775" s="14" t="s">
        <v>70</v>
      </c>
      <c r="D50775" s="14" t="s">
        <v>286</v>
      </c>
      <c r="E50775" s="15">
        <v>45416</v>
      </c>
      <c r="F50775" s="14" t="s">
        <v>72</v>
      </c>
      <c r="G50775" s="16">
        <v>0.37414447947085777</v>
      </c>
    </row>
    <row r="50776" spans="1:7" x14ac:dyDescent="0.3">
      <c r="A50776" s="13" t="s">
        <v>285</v>
      </c>
      <c r="B50776" s="14" t="s">
        <v>1</v>
      </c>
      <c r="C50776" s="14" t="s">
        <v>70</v>
      </c>
      <c r="D50776" s="14" t="s">
        <v>286</v>
      </c>
      <c r="E50776" s="15">
        <v>45417</v>
      </c>
      <c r="F50776" s="14" t="s">
        <v>72</v>
      </c>
      <c r="G50776" s="16">
        <v>0.37414447947085777</v>
      </c>
    </row>
    <row r="50777" spans="1:7" x14ac:dyDescent="0.3">
      <c r="A50777" s="13" t="s">
        <v>285</v>
      </c>
      <c r="B50777" s="14" t="s">
        <v>1</v>
      </c>
      <c r="C50777" s="14" t="s">
        <v>70</v>
      </c>
      <c r="D50777" s="14" t="s">
        <v>286</v>
      </c>
      <c r="E50777" s="15">
        <v>45418</v>
      </c>
      <c r="F50777" s="14" t="s">
        <v>72</v>
      </c>
      <c r="G50777" s="16">
        <v>0.37414447947085777</v>
      </c>
    </row>
    <row r="50778" spans="1:7" x14ac:dyDescent="0.3">
      <c r="A50778" s="13" t="s">
        <v>285</v>
      </c>
      <c r="B50778" s="14" t="s">
        <v>1</v>
      </c>
      <c r="C50778" s="14" t="s">
        <v>70</v>
      </c>
      <c r="D50778" s="14" t="s">
        <v>286</v>
      </c>
      <c r="E50778" s="15">
        <v>45419</v>
      </c>
      <c r="F50778" s="14" t="s">
        <v>72</v>
      </c>
      <c r="G50778" s="16">
        <v>0.40172721374014608</v>
      </c>
    </row>
    <row r="50779" spans="1:7" x14ac:dyDescent="0.3">
      <c r="A50779" s="13" t="s">
        <v>285</v>
      </c>
      <c r="B50779" s="14" t="s">
        <v>1</v>
      </c>
      <c r="C50779" s="14" t="s">
        <v>70</v>
      </c>
      <c r="D50779" s="14" t="s">
        <v>286</v>
      </c>
      <c r="E50779" s="15">
        <v>45420</v>
      </c>
      <c r="F50779" s="14" t="s">
        <v>72</v>
      </c>
      <c r="G50779" s="16">
        <v>0.42467050006741225</v>
      </c>
    </row>
    <row r="50780" spans="1:7" x14ac:dyDescent="0.3">
      <c r="A50780" s="13" t="s">
        <v>285</v>
      </c>
      <c r="B50780" s="14" t="s">
        <v>1</v>
      </c>
      <c r="C50780" s="14" t="s">
        <v>70</v>
      </c>
      <c r="D50780" s="14" t="s">
        <v>286</v>
      </c>
      <c r="E50780" s="15">
        <v>45421</v>
      </c>
      <c r="F50780" s="14" t="s">
        <v>72</v>
      </c>
      <c r="G50780" s="16">
        <v>0.42467050006741225</v>
      </c>
    </row>
    <row r="50781" spans="1:7" x14ac:dyDescent="0.3">
      <c r="A50781" s="13" t="s">
        <v>285</v>
      </c>
      <c r="B50781" s="14" t="s">
        <v>1</v>
      </c>
      <c r="C50781" s="14" t="s">
        <v>70</v>
      </c>
      <c r="D50781" s="14" t="s">
        <v>286</v>
      </c>
      <c r="E50781" s="15">
        <v>45422</v>
      </c>
      <c r="F50781" s="14" t="s">
        <v>72</v>
      </c>
      <c r="G50781" s="16">
        <v>0.42714750246376282</v>
      </c>
    </row>
    <row r="50782" spans="1:7" x14ac:dyDescent="0.3">
      <c r="A50782" s="13" t="s">
        <v>285</v>
      </c>
      <c r="B50782" s="14" t="s">
        <v>1</v>
      </c>
      <c r="C50782" s="14" t="s">
        <v>70</v>
      </c>
      <c r="D50782" s="14" t="s">
        <v>286</v>
      </c>
      <c r="E50782" s="15">
        <v>45423</v>
      </c>
      <c r="F50782" s="14" t="s">
        <v>72</v>
      </c>
      <c r="G50782" s="16">
        <v>0.42714750246376282</v>
      </c>
    </row>
    <row r="50783" spans="1:7" x14ac:dyDescent="0.3">
      <c r="A50783" s="13" t="s">
        <v>285</v>
      </c>
      <c r="B50783" s="14" t="s">
        <v>1</v>
      </c>
      <c r="C50783" s="14" t="s">
        <v>70</v>
      </c>
      <c r="D50783" s="14" t="s">
        <v>286</v>
      </c>
      <c r="E50783" s="15">
        <v>45424</v>
      </c>
      <c r="F50783" s="14" t="s">
        <v>72</v>
      </c>
      <c r="G50783" s="16">
        <v>0.42714750246376282</v>
      </c>
    </row>
    <row r="50784" spans="1:7" x14ac:dyDescent="0.3">
      <c r="A50784" s="13" t="s">
        <v>285</v>
      </c>
      <c r="B50784" s="14" t="s">
        <v>1</v>
      </c>
      <c r="C50784" s="14" t="s">
        <v>70</v>
      </c>
      <c r="D50784" s="14" t="s">
        <v>286</v>
      </c>
      <c r="E50784" s="15">
        <v>45425</v>
      </c>
      <c r="F50784" s="14" t="s">
        <v>72</v>
      </c>
      <c r="G50784" s="16">
        <v>0.5399795166074014</v>
      </c>
    </row>
    <row r="50785" spans="1:7" x14ac:dyDescent="0.3">
      <c r="A50785" s="13" t="s">
        <v>285</v>
      </c>
      <c r="B50785" s="14" t="s">
        <v>1</v>
      </c>
      <c r="C50785" s="14" t="s">
        <v>70</v>
      </c>
      <c r="D50785" s="14" t="s">
        <v>286</v>
      </c>
      <c r="E50785" s="15">
        <v>45426</v>
      </c>
      <c r="F50785" s="14" t="s">
        <v>72</v>
      </c>
      <c r="G50785" s="16">
        <v>0.57491560157593946</v>
      </c>
    </row>
    <row r="50786" spans="1:7" x14ac:dyDescent="0.3">
      <c r="A50786" s="13" t="s">
        <v>285</v>
      </c>
      <c r="B50786" s="14" t="s">
        <v>1</v>
      </c>
      <c r="C50786" s="14" t="s">
        <v>70</v>
      </c>
      <c r="D50786" s="14" t="s">
        <v>286</v>
      </c>
      <c r="E50786" s="15">
        <v>45427</v>
      </c>
      <c r="F50786" s="14" t="s">
        <v>72</v>
      </c>
      <c r="G50786" s="16">
        <v>0.57875713993931432</v>
      </c>
    </row>
    <row r="50787" spans="1:7" x14ac:dyDescent="0.3">
      <c r="A50787" s="13" t="s">
        <v>285</v>
      </c>
      <c r="B50787" s="14" t="s">
        <v>1</v>
      </c>
      <c r="C50787" s="14" t="s">
        <v>70</v>
      </c>
      <c r="D50787" s="14" t="s">
        <v>286</v>
      </c>
      <c r="E50787" s="15">
        <v>45428</v>
      </c>
      <c r="F50787" s="14" t="s">
        <v>72</v>
      </c>
      <c r="G50787" s="16">
        <v>0.58585109602126617</v>
      </c>
    </row>
    <row r="50788" spans="1:7" x14ac:dyDescent="0.3">
      <c r="A50788" s="13" t="s">
        <v>285</v>
      </c>
      <c r="B50788" s="14" t="s">
        <v>1</v>
      </c>
      <c r="C50788" s="14" t="s">
        <v>70</v>
      </c>
      <c r="D50788" s="14" t="s">
        <v>286</v>
      </c>
      <c r="E50788" s="15">
        <v>45429</v>
      </c>
      <c r="F50788" s="14" t="s">
        <v>72</v>
      </c>
      <c r="G50788" s="16">
        <v>0.67357839799704833</v>
      </c>
    </row>
    <row r="50789" spans="1:7" x14ac:dyDescent="0.3">
      <c r="A50789" s="13" t="s">
        <v>285</v>
      </c>
      <c r="B50789" s="14" t="s">
        <v>1</v>
      </c>
      <c r="C50789" s="14" t="s">
        <v>70</v>
      </c>
      <c r="D50789" s="14" t="s">
        <v>286</v>
      </c>
      <c r="E50789" s="15">
        <v>45430</v>
      </c>
      <c r="F50789" s="14" t="s">
        <v>72</v>
      </c>
      <c r="G50789" s="16">
        <v>0.67357839799704833</v>
      </c>
    </row>
    <row r="50790" spans="1:7" x14ac:dyDescent="0.3">
      <c r="A50790" s="13" t="s">
        <v>285</v>
      </c>
      <c r="B50790" s="14" t="s">
        <v>1</v>
      </c>
      <c r="C50790" s="14" t="s">
        <v>70</v>
      </c>
      <c r="D50790" s="14" t="s">
        <v>286</v>
      </c>
      <c r="E50790" s="15">
        <v>45431</v>
      </c>
      <c r="F50790" s="14" t="s">
        <v>72</v>
      </c>
      <c r="G50790" s="16">
        <v>0.67357839799704833</v>
      </c>
    </row>
    <row r="50791" spans="1:7" x14ac:dyDescent="0.3">
      <c r="A50791" s="13" t="s">
        <v>285</v>
      </c>
      <c r="B50791" s="14" t="s">
        <v>1</v>
      </c>
      <c r="C50791" s="14" t="s">
        <v>70</v>
      </c>
      <c r="D50791" s="14" t="s">
        <v>286</v>
      </c>
      <c r="E50791" s="15">
        <v>45432</v>
      </c>
      <c r="F50791" s="14" t="s">
        <v>72</v>
      </c>
      <c r="G50791" s="16">
        <v>0.67357839799704833</v>
      </c>
    </row>
    <row r="50792" spans="1:7" x14ac:dyDescent="0.3">
      <c r="A50792" s="13" t="s">
        <v>285</v>
      </c>
      <c r="B50792" s="14" t="s">
        <v>1</v>
      </c>
      <c r="C50792" s="14" t="s">
        <v>70</v>
      </c>
      <c r="D50792" s="14" t="s">
        <v>286</v>
      </c>
      <c r="E50792" s="15">
        <v>45433</v>
      </c>
      <c r="F50792" s="14" t="s">
        <v>72</v>
      </c>
      <c r="G50792" s="16">
        <v>0.67988218467451467</v>
      </c>
    </row>
    <row r="50793" spans="1:7" x14ac:dyDescent="0.3">
      <c r="A50793" s="13" t="s">
        <v>285</v>
      </c>
      <c r="B50793" s="14" t="s">
        <v>1</v>
      </c>
      <c r="C50793" s="14" t="s">
        <v>70</v>
      </c>
      <c r="D50793" s="14" t="s">
        <v>286</v>
      </c>
      <c r="E50793" s="15">
        <v>45434</v>
      </c>
      <c r="F50793" s="14" t="s">
        <v>72</v>
      </c>
      <c r="G50793" s="16">
        <v>0.72005993730878892</v>
      </c>
    </row>
    <row r="50794" spans="1:7" x14ac:dyDescent="0.3">
      <c r="A50794" s="13" t="s">
        <v>285</v>
      </c>
      <c r="B50794" s="14" t="s">
        <v>1</v>
      </c>
      <c r="C50794" s="14" t="s">
        <v>70</v>
      </c>
      <c r="D50794" s="14" t="s">
        <v>286</v>
      </c>
      <c r="E50794" s="15">
        <v>45435</v>
      </c>
      <c r="F50794" s="14" t="s">
        <v>72</v>
      </c>
      <c r="G50794" s="16">
        <v>0.72632199252281093</v>
      </c>
    </row>
    <row r="50795" spans="1:7" x14ac:dyDescent="0.3">
      <c r="A50795" s="13" t="s">
        <v>285</v>
      </c>
      <c r="B50795" s="14" t="s">
        <v>1</v>
      </c>
      <c r="C50795" s="14" t="s">
        <v>70</v>
      </c>
      <c r="D50795" s="14" t="s">
        <v>286</v>
      </c>
      <c r="E50795" s="15">
        <v>45436</v>
      </c>
      <c r="F50795" s="14" t="s">
        <v>72</v>
      </c>
      <c r="G50795" s="16">
        <v>0.72758315440345267</v>
      </c>
    </row>
    <row r="50796" spans="1:7" x14ac:dyDescent="0.3">
      <c r="A50796" s="13" t="s">
        <v>285</v>
      </c>
      <c r="B50796" s="14" t="s">
        <v>1</v>
      </c>
      <c r="C50796" s="14" t="s">
        <v>70</v>
      </c>
      <c r="D50796" s="14" t="s">
        <v>286</v>
      </c>
      <c r="E50796" s="15">
        <v>45437</v>
      </c>
      <c r="F50796" s="14" t="s">
        <v>72</v>
      </c>
      <c r="G50796" s="16">
        <v>0.72758315440345267</v>
      </c>
    </row>
    <row r="50797" spans="1:7" x14ac:dyDescent="0.3">
      <c r="A50797" s="13" t="s">
        <v>285</v>
      </c>
      <c r="B50797" s="14" t="s">
        <v>1</v>
      </c>
      <c r="C50797" s="14" t="s">
        <v>70</v>
      </c>
      <c r="D50797" s="14" t="s">
        <v>286</v>
      </c>
      <c r="E50797" s="15">
        <v>45438</v>
      </c>
      <c r="F50797" s="14" t="s">
        <v>72</v>
      </c>
      <c r="G50797" s="16">
        <v>0.72758315440345267</v>
      </c>
    </row>
    <row r="50798" spans="1:7" x14ac:dyDescent="0.3">
      <c r="A50798" s="13" t="s">
        <v>285</v>
      </c>
      <c r="B50798" s="14" t="s">
        <v>1</v>
      </c>
      <c r="C50798" s="14" t="s">
        <v>70</v>
      </c>
      <c r="D50798" s="14" t="s">
        <v>286</v>
      </c>
      <c r="E50798" s="15">
        <v>45439</v>
      </c>
      <c r="F50798" s="14" t="s">
        <v>72</v>
      </c>
      <c r="G50798" s="16">
        <v>0.72066714165202062</v>
      </c>
    </row>
    <row r="50799" spans="1:7" x14ac:dyDescent="0.3">
      <c r="A50799" s="13" t="s">
        <v>285</v>
      </c>
      <c r="B50799" s="14" t="s">
        <v>1</v>
      </c>
      <c r="C50799" s="14" t="s">
        <v>70</v>
      </c>
      <c r="D50799" s="14" t="s">
        <v>286</v>
      </c>
      <c r="E50799" s="15">
        <v>45440</v>
      </c>
      <c r="F50799" s="14" t="s">
        <v>72</v>
      </c>
      <c r="G50799" s="16">
        <v>0.7326304958341241</v>
      </c>
    </row>
    <row r="50800" spans="1:7" x14ac:dyDescent="0.3">
      <c r="A50800" s="13" t="s">
        <v>285</v>
      </c>
      <c r="B50800" s="14" t="s">
        <v>1</v>
      </c>
      <c r="C50800" s="14" t="s">
        <v>70</v>
      </c>
      <c r="D50800" s="14" t="s">
        <v>286</v>
      </c>
      <c r="E50800" s="15">
        <v>45441</v>
      </c>
      <c r="F50800" s="14" t="s">
        <v>72</v>
      </c>
      <c r="G50800" s="16">
        <v>0.7426480950587645</v>
      </c>
    </row>
    <row r="50801" spans="1:7" x14ac:dyDescent="0.3">
      <c r="A50801" s="13" t="s">
        <v>285</v>
      </c>
      <c r="B50801" s="14" t="s">
        <v>1</v>
      </c>
      <c r="C50801" s="14" t="s">
        <v>70</v>
      </c>
      <c r="D50801" s="14" t="s">
        <v>286</v>
      </c>
      <c r="E50801" s="15">
        <v>45442</v>
      </c>
      <c r="F50801" s="14" t="s">
        <v>72</v>
      </c>
      <c r="G50801" s="16">
        <v>0.74088098051929008</v>
      </c>
    </row>
    <row r="50802" spans="1:7" x14ac:dyDescent="0.3">
      <c r="A50802" s="13" t="s">
        <v>285</v>
      </c>
      <c r="B50802" s="14" t="s">
        <v>1</v>
      </c>
      <c r="C50802" s="14" t="s">
        <v>70</v>
      </c>
      <c r="D50802" s="14" t="s">
        <v>286</v>
      </c>
      <c r="E50802" s="15">
        <v>45443</v>
      </c>
      <c r="F50802" s="14" t="s">
        <v>72</v>
      </c>
      <c r="G50802" s="16">
        <v>0.7463767314445765</v>
      </c>
    </row>
    <row r="50803" spans="1:7" x14ac:dyDescent="0.3">
      <c r="A50803" s="13" t="s">
        <v>285</v>
      </c>
      <c r="B50803" s="14" t="s">
        <v>1</v>
      </c>
      <c r="C50803" s="14" t="s">
        <v>70</v>
      </c>
      <c r="D50803" s="14" t="s">
        <v>286</v>
      </c>
      <c r="E50803" s="15">
        <v>45444</v>
      </c>
      <c r="F50803" s="14" t="s">
        <v>72</v>
      </c>
      <c r="G50803" s="16">
        <v>0.7463767314445765</v>
      </c>
    </row>
    <row r="50804" spans="1:7" x14ac:dyDescent="0.3">
      <c r="A50804" s="13" t="s">
        <v>285</v>
      </c>
      <c r="B50804" s="14" t="s">
        <v>1</v>
      </c>
      <c r="C50804" s="14" t="s">
        <v>70</v>
      </c>
      <c r="D50804" s="14" t="s">
        <v>286</v>
      </c>
      <c r="E50804" s="15">
        <v>45445</v>
      </c>
      <c r="F50804" s="14" t="s">
        <v>72</v>
      </c>
      <c r="G50804" s="16">
        <v>0.7463767314445765</v>
      </c>
    </row>
    <row r="50805" spans="1:7" x14ac:dyDescent="0.3">
      <c r="A50805" s="13" t="s">
        <v>285</v>
      </c>
      <c r="B50805" s="14" t="s">
        <v>1</v>
      </c>
      <c r="C50805" s="14" t="s">
        <v>70</v>
      </c>
      <c r="D50805" s="14" t="s">
        <v>286</v>
      </c>
      <c r="E50805" s="15">
        <v>45446</v>
      </c>
      <c r="F50805" s="14" t="s">
        <v>72</v>
      </c>
      <c r="G50805" s="16">
        <v>0.7463767314445765</v>
      </c>
    </row>
    <row r="50806" spans="1:7" x14ac:dyDescent="0.3">
      <c r="A50806" s="13" t="s">
        <v>285</v>
      </c>
      <c r="B50806" s="14" t="s">
        <v>1</v>
      </c>
      <c r="C50806" s="14" t="s">
        <v>70</v>
      </c>
      <c r="D50806" s="14" t="s">
        <v>286</v>
      </c>
      <c r="E50806" s="15">
        <v>45447</v>
      </c>
      <c r="F50806" s="14" t="s">
        <v>72</v>
      </c>
      <c r="G50806" s="16">
        <v>0.76288794966712126</v>
      </c>
    </row>
    <row r="50807" spans="1:7" x14ac:dyDescent="0.3">
      <c r="A50807" s="13" t="s">
        <v>285</v>
      </c>
      <c r="B50807" s="14" t="s">
        <v>1</v>
      </c>
      <c r="C50807" s="14" t="s">
        <v>70</v>
      </c>
      <c r="D50807" s="14" t="s">
        <v>286</v>
      </c>
      <c r="E50807" s="15">
        <v>45448</v>
      </c>
      <c r="F50807" s="14" t="s">
        <v>72</v>
      </c>
      <c r="G50807" s="16">
        <v>0.79734424824416295</v>
      </c>
    </row>
    <row r="50808" spans="1:7" x14ac:dyDescent="0.3">
      <c r="A50808" s="13" t="s">
        <v>285</v>
      </c>
      <c r="B50808" s="14" t="s">
        <v>1</v>
      </c>
      <c r="C50808" s="14" t="s">
        <v>70</v>
      </c>
      <c r="D50808" s="14" t="s">
        <v>286</v>
      </c>
      <c r="E50808" s="15">
        <v>45449</v>
      </c>
      <c r="F50808" s="14" t="s">
        <v>72</v>
      </c>
      <c r="G50808" s="16">
        <v>0.79887455270456731</v>
      </c>
    </row>
    <row r="50809" spans="1:7" x14ac:dyDescent="0.3">
      <c r="A50809" s="13" t="s">
        <v>285</v>
      </c>
      <c r="B50809" s="14" t="s">
        <v>1</v>
      </c>
      <c r="C50809" s="14" t="s">
        <v>70</v>
      </c>
      <c r="D50809" s="14" t="s">
        <v>286</v>
      </c>
      <c r="E50809" s="15">
        <v>45450</v>
      </c>
      <c r="F50809" s="14" t="s">
        <v>72</v>
      </c>
      <c r="G50809" s="16">
        <v>0.81264293103240304</v>
      </c>
    </row>
    <row r="50810" spans="1:7" x14ac:dyDescent="0.3">
      <c r="A50810" s="13" t="s">
        <v>285</v>
      </c>
      <c r="B50810" s="14" t="s">
        <v>1</v>
      </c>
      <c r="C50810" s="14" t="s">
        <v>70</v>
      </c>
      <c r="D50810" s="14" t="s">
        <v>286</v>
      </c>
      <c r="E50810" s="15">
        <v>45451</v>
      </c>
      <c r="F50810" s="14" t="s">
        <v>72</v>
      </c>
      <c r="G50810" s="16">
        <v>0.81264293103240304</v>
      </c>
    </row>
    <row r="50811" spans="1:7" x14ac:dyDescent="0.3">
      <c r="A50811" s="13" t="s">
        <v>285</v>
      </c>
      <c r="B50811" s="14" t="s">
        <v>1</v>
      </c>
      <c r="C50811" s="14" t="s">
        <v>70</v>
      </c>
      <c r="D50811" s="14" t="s">
        <v>286</v>
      </c>
      <c r="E50811" s="15">
        <v>45452</v>
      </c>
      <c r="F50811" s="14" t="s">
        <v>72</v>
      </c>
      <c r="G50811" s="16">
        <v>0.81264293103240304</v>
      </c>
    </row>
    <row r="50812" spans="1:7" x14ac:dyDescent="0.3">
      <c r="A50812" s="13" t="s">
        <v>285</v>
      </c>
      <c r="B50812" s="14" t="s">
        <v>1</v>
      </c>
      <c r="C50812" s="14" t="s">
        <v>70</v>
      </c>
      <c r="D50812" s="14" t="s">
        <v>286</v>
      </c>
      <c r="E50812" s="15">
        <v>45453</v>
      </c>
      <c r="F50812" s="14" t="s">
        <v>72</v>
      </c>
      <c r="G50812" s="16">
        <v>0.82192036291552117</v>
      </c>
    </row>
    <row r="50813" spans="1:7" x14ac:dyDescent="0.3">
      <c r="A50813" s="13" t="s">
        <v>285</v>
      </c>
      <c r="B50813" s="14" t="s">
        <v>1</v>
      </c>
      <c r="C50813" s="14" t="s">
        <v>70</v>
      </c>
      <c r="D50813" s="14" t="s">
        <v>286</v>
      </c>
      <c r="E50813" s="15">
        <v>45454</v>
      </c>
      <c r="F50813" s="14" t="s">
        <v>72</v>
      </c>
      <c r="G50813" s="16">
        <v>0.83406978838838519</v>
      </c>
    </row>
    <row r="50814" spans="1:7" x14ac:dyDescent="0.3">
      <c r="A50814" s="13" t="s">
        <v>285</v>
      </c>
      <c r="B50814" s="14" t="s">
        <v>1</v>
      </c>
      <c r="C50814" s="14" t="s">
        <v>70</v>
      </c>
      <c r="D50814" s="14" t="s">
        <v>286</v>
      </c>
      <c r="E50814" s="15">
        <v>45455</v>
      </c>
      <c r="F50814" s="14" t="s">
        <v>72</v>
      </c>
      <c r="G50814" s="16">
        <v>0.83892306518192894</v>
      </c>
    </row>
    <row r="50815" spans="1:7" x14ac:dyDescent="0.3">
      <c r="A50815" s="13" t="s">
        <v>285</v>
      </c>
      <c r="B50815" s="14" t="s">
        <v>1</v>
      </c>
      <c r="C50815" s="14" t="s">
        <v>70</v>
      </c>
      <c r="D50815" s="14" t="s">
        <v>286</v>
      </c>
      <c r="E50815" s="15">
        <v>45456</v>
      </c>
      <c r="F50815" s="14" t="s">
        <v>72</v>
      </c>
      <c r="G50815" s="16">
        <v>0.85016032153206067</v>
      </c>
    </row>
    <row r="50816" spans="1:7" x14ac:dyDescent="0.3">
      <c r="A50816" s="13" t="s">
        <v>285</v>
      </c>
      <c r="B50816" s="14" t="s">
        <v>1</v>
      </c>
      <c r="C50816" s="14" t="s">
        <v>70</v>
      </c>
      <c r="D50816" s="14" t="s">
        <v>286</v>
      </c>
      <c r="E50816" s="15">
        <v>45457</v>
      </c>
      <c r="F50816" s="14" t="s">
        <v>72</v>
      </c>
      <c r="G50816" s="16">
        <v>0.86154440679154665</v>
      </c>
    </row>
    <row r="50817" spans="1:7" x14ac:dyDescent="0.3">
      <c r="A50817" s="13" t="s">
        <v>285</v>
      </c>
      <c r="B50817" s="14" t="s">
        <v>1</v>
      </c>
      <c r="C50817" s="14" t="s">
        <v>70</v>
      </c>
      <c r="D50817" s="14" t="s">
        <v>286</v>
      </c>
      <c r="E50817" s="15">
        <v>45458</v>
      </c>
      <c r="F50817" s="14" t="s">
        <v>72</v>
      </c>
      <c r="G50817" s="16">
        <v>0.86154440679154665</v>
      </c>
    </row>
    <row r="50818" spans="1:7" x14ac:dyDescent="0.3">
      <c r="A50818" s="13" t="s">
        <v>285</v>
      </c>
      <c r="B50818" s="14" t="s">
        <v>1</v>
      </c>
      <c r="C50818" s="14" t="s">
        <v>70</v>
      </c>
      <c r="D50818" s="14" t="s">
        <v>286</v>
      </c>
      <c r="E50818" s="15">
        <v>45459</v>
      </c>
      <c r="F50818" s="14" t="s">
        <v>72</v>
      </c>
      <c r="G50818" s="16">
        <v>0.86154440679154665</v>
      </c>
    </row>
    <row r="50819" spans="1:7" x14ac:dyDescent="0.3">
      <c r="A50819" s="13" t="s">
        <v>285</v>
      </c>
      <c r="B50819" s="14" t="s">
        <v>1</v>
      </c>
      <c r="C50819" s="14" t="s">
        <v>70</v>
      </c>
      <c r="D50819" s="14" t="s">
        <v>286</v>
      </c>
      <c r="E50819" s="15">
        <v>45460</v>
      </c>
      <c r="F50819" s="14" t="s">
        <v>72</v>
      </c>
      <c r="G50819" s="16">
        <v>0.8820548491379071</v>
      </c>
    </row>
    <row r="50820" spans="1:7" x14ac:dyDescent="0.3">
      <c r="A50820" s="13" t="s">
        <v>285</v>
      </c>
      <c r="B50820" s="14" t="s">
        <v>1</v>
      </c>
      <c r="C50820" s="14" t="s">
        <v>70</v>
      </c>
      <c r="D50820" s="14" t="s">
        <v>286</v>
      </c>
      <c r="E50820" s="15">
        <v>45461</v>
      </c>
      <c r="F50820" s="14" t="s">
        <v>72</v>
      </c>
      <c r="G50820" s="16">
        <v>0.88625033964310973</v>
      </c>
    </row>
    <row r="50821" spans="1:7" x14ac:dyDescent="0.3">
      <c r="A50821" s="13" t="s">
        <v>285</v>
      </c>
      <c r="B50821" s="14" t="s">
        <v>1</v>
      </c>
      <c r="C50821" s="14" t="s">
        <v>70</v>
      </c>
      <c r="D50821" s="14" t="s">
        <v>286</v>
      </c>
      <c r="E50821" s="15">
        <v>45462</v>
      </c>
      <c r="F50821" s="14" t="s">
        <v>72</v>
      </c>
      <c r="G50821" s="16">
        <v>0.88868410768844386</v>
      </c>
    </row>
    <row r="50822" spans="1:7" x14ac:dyDescent="0.3">
      <c r="A50822" s="13" t="s">
        <v>285</v>
      </c>
      <c r="B50822" s="14" t="s">
        <v>1</v>
      </c>
      <c r="C50822" s="14" t="s">
        <v>70</v>
      </c>
      <c r="D50822" s="14" t="s">
        <v>286</v>
      </c>
      <c r="E50822" s="15">
        <v>45463</v>
      </c>
      <c r="F50822" s="14" t="s">
        <v>72</v>
      </c>
      <c r="G50822" s="16">
        <v>0.90114537830564068</v>
      </c>
    </row>
    <row r="50823" spans="1:7" x14ac:dyDescent="0.3">
      <c r="A50823" s="13" t="s">
        <v>285</v>
      </c>
      <c r="B50823" s="14" t="s">
        <v>1</v>
      </c>
      <c r="C50823" s="14" t="s">
        <v>70</v>
      </c>
      <c r="D50823" s="14" t="s">
        <v>286</v>
      </c>
      <c r="E50823" s="15">
        <v>45464</v>
      </c>
      <c r="F50823" s="14" t="s">
        <v>72</v>
      </c>
      <c r="G50823" s="16">
        <v>0.90660488413856222</v>
      </c>
    </row>
    <row r="50824" spans="1:7" x14ac:dyDescent="0.3">
      <c r="A50824" s="13" t="s">
        <v>285</v>
      </c>
      <c r="B50824" s="14" t="s">
        <v>1</v>
      </c>
      <c r="C50824" s="14" t="s">
        <v>70</v>
      </c>
      <c r="D50824" s="14" t="s">
        <v>286</v>
      </c>
      <c r="E50824" s="15">
        <v>45465</v>
      </c>
      <c r="F50824" s="14" t="s">
        <v>72</v>
      </c>
      <c r="G50824" s="16">
        <v>0.90660488413856222</v>
      </c>
    </row>
    <row r="50825" spans="1:7" x14ac:dyDescent="0.3">
      <c r="A50825" s="13" t="s">
        <v>285</v>
      </c>
      <c r="B50825" s="14" t="s">
        <v>1</v>
      </c>
      <c r="C50825" s="14" t="s">
        <v>70</v>
      </c>
      <c r="D50825" s="14" t="s">
        <v>286</v>
      </c>
      <c r="E50825" s="15">
        <v>45466</v>
      </c>
      <c r="F50825" s="14" t="s">
        <v>72</v>
      </c>
      <c r="G50825" s="16">
        <v>0.90660488413856222</v>
      </c>
    </row>
    <row r="50826" spans="1:7" x14ac:dyDescent="0.3">
      <c r="A50826" s="13" t="s">
        <v>285</v>
      </c>
      <c r="B50826" s="14" t="s">
        <v>1</v>
      </c>
      <c r="C50826" s="14" t="s">
        <v>70</v>
      </c>
      <c r="D50826" s="14" t="s">
        <v>286</v>
      </c>
      <c r="E50826" s="15">
        <v>45467</v>
      </c>
      <c r="F50826" s="14" t="s">
        <v>72</v>
      </c>
      <c r="G50826" s="16">
        <v>0.90829775136542512</v>
      </c>
    </row>
    <row r="50827" spans="1:7" x14ac:dyDescent="0.3">
      <c r="A50827" s="13" t="s">
        <v>285</v>
      </c>
      <c r="B50827" s="14" t="s">
        <v>1</v>
      </c>
      <c r="C50827" s="14" t="s">
        <v>70</v>
      </c>
      <c r="D50827" s="14" t="s">
        <v>286</v>
      </c>
      <c r="E50827" s="15">
        <v>45468</v>
      </c>
      <c r="F50827" s="14" t="s">
        <v>72</v>
      </c>
      <c r="G50827" s="16">
        <v>0.92684189857607568</v>
      </c>
    </row>
    <row r="50828" spans="1:7" x14ac:dyDescent="0.3">
      <c r="A50828" s="13" t="s">
        <v>285</v>
      </c>
      <c r="B50828" s="14" t="s">
        <v>1</v>
      </c>
      <c r="C50828" s="14" t="s">
        <v>70</v>
      </c>
      <c r="D50828" s="14" t="s">
        <v>286</v>
      </c>
      <c r="E50828" s="15">
        <v>45469</v>
      </c>
      <c r="F50828" s="14" t="s">
        <v>72</v>
      </c>
      <c r="G50828" s="16">
        <v>0.93013812069385093</v>
      </c>
    </row>
    <row r="50829" spans="1:7" x14ac:dyDescent="0.3">
      <c r="A50829" s="13" t="s">
        <v>285</v>
      </c>
      <c r="B50829" s="14" t="s">
        <v>1</v>
      </c>
      <c r="C50829" s="14" t="s">
        <v>70</v>
      </c>
      <c r="D50829" s="14" t="s">
        <v>286</v>
      </c>
      <c r="E50829" s="15">
        <v>45470</v>
      </c>
      <c r="F50829" s="14" t="s">
        <v>72</v>
      </c>
      <c r="G50829" s="16">
        <v>0.93397702898918022</v>
      </c>
    </row>
    <row r="50830" spans="1:7" x14ac:dyDescent="0.3">
      <c r="A50830" s="13" t="s">
        <v>285</v>
      </c>
      <c r="B50830" s="14" t="s">
        <v>1</v>
      </c>
      <c r="C50830" s="14" t="s">
        <v>70</v>
      </c>
      <c r="D50830" s="14" t="s">
        <v>286</v>
      </c>
      <c r="E50830" s="15">
        <v>45471</v>
      </c>
      <c r="F50830" s="14" t="s">
        <v>72</v>
      </c>
      <c r="G50830" s="16">
        <v>0.95862166094551593</v>
      </c>
    </row>
    <row r="50831" spans="1:7" x14ac:dyDescent="0.3">
      <c r="A50831" s="13" t="s">
        <v>285</v>
      </c>
      <c r="B50831" s="14" t="s">
        <v>1</v>
      </c>
      <c r="C50831" s="14" t="s">
        <v>70</v>
      </c>
      <c r="D50831" s="14" t="s">
        <v>286</v>
      </c>
      <c r="E50831" s="15">
        <v>45472</v>
      </c>
      <c r="F50831" s="14" t="s">
        <v>72</v>
      </c>
      <c r="G50831" s="16">
        <v>0.95862166094551593</v>
      </c>
    </row>
    <row r="50832" spans="1:7" x14ac:dyDescent="0.3">
      <c r="A50832" s="13" t="s">
        <v>285</v>
      </c>
      <c r="B50832" s="14" t="s">
        <v>1</v>
      </c>
      <c r="C50832" s="14" t="s">
        <v>70</v>
      </c>
      <c r="D50832" s="14" t="s">
        <v>286</v>
      </c>
      <c r="E50832" s="15">
        <v>45473</v>
      </c>
      <c r="F50832" s="14" t="s">
        <v>72</v>
      </c>
      <c r="G50832" s="16">
        <v>0.95862166094551593</v>
      </c>
    </row>
    <row r="50833" spans="1:7" x14ac:dyDescent="0.3">
      <c r="A50833" s="13" t="s">
        <v>285</v>
      </c>
      <c r="B50833" s="14" t="s">
        <v>1</v>
      </c>
      <c r="C50833" s="14" t="s">
        <v>70</v>
      </c>
      <c r="D50833" s="14" t="s">
        <v>286</v>
      </c>
      <c r="E50833" s="15">
        <v>45474</v>
      </c>
      <c r="F50833" s="14" t="s">
        <v>72</v>
      </c>
      <c r="G50833" s="16">
        <v>0.96836066884624872</v>
      </c>
    </row>
    <row r="50834" spans="1:7" x14ac:dyDescent="0.3">
      <c r="A50834" s="13" t="s">
        <v>285</v>
      </c>
      <c r="B50834" s="14" t="s">
        <v>1</v>
      </c>
      <c r="C50834" s="14" t="s">
        <v>70</v>
      </c>
      <c r="D50834" s="14" t="s">
        <v>286</v>
      </c>
      <c r="E50834" s="15">
        <v>45475</v>
      </c>
      <c r="F50834" s="14" t="s">
        <v>72</v>
      </c>
      <c r="G50834" s="16">
        <v>0.98078968871625538</v>
      </c>
    </row>
    <row r="50835" spans="1:7" x14ac:dyDescent="0.3">
      <c r="A50835" s="13" t="s">
        <v>285</v>
      </c>
      <c r="B50835" s="14" t="s">
        <v>1</v>
      </c>
      <c r="C50835" s="14" t="s">
        <v>70</v>
      </c>
      <c r="D50835" s="14" t="s">
        <v>286</v>
      </c>
      <c r="E50835" s="15">
        <v>45476</v>
      </c>
      <c r="F50835" s="14" t="s">
        <v>72</v>
      </c>
      <c r="G50835" s="16">
        <v>1.0107599210836113</v>
      </c>
    </row>
    <row r="50836" spans="1:7" x14ac:dyDescent="0.3">
      <c r="A50836" s="13" t="s">
        <v>285</v>
      </c>
      <c r="B50836" s="14" t="s">
        <v>1</v>
      </c>
      <c r="C50836" s="14" t="s">
        <v>70</v>
      </c>
      <c r="D50836" s="14" t="s">
        <v>286</v>
      </c>
      <c r="E50836" s="15">
        <v>45477</v>
      </c>
      <c r="F50836" s="14" t="s">
        <v>72</v>
      </c>
      <c r="G50836" s="16">
        <v>1.0106966288834953</v>
      </c>
    </row>
    <row r="50837" spans="1:7" x14ac:dyDescent="0.3">
      <c r="A50837" s="13" t="s">
        <v>285</v>
      </c>
      <c r="B50837" s="14" t="s">
        <v>1</v>
      </c>
      <c r="C50837" s="14" t="s">
        <v>70</v>
      </c>
      <c r="D50837" s="14" t="s">
        <v>286</v>
      </c>
      <c r="E50837" s="15">
        <v>45478</v>
      </c>
      <c r="F50837" s="14" t="s">
        <v>72</v>
      </c>
      <c r="G50837" s="16">
        <v>1.011310167153969</v>
      </c>
    </row>
    <row r="50838" spans="1:7" x14ac:dyDescent="0.3">
      <c r="A50838" s="13" t="s">
        <v>285</v>
      </c>
      <c r="B50838" s="14" t="s">
        <v>1</v>
      </c>
      <c r="C50838" s="14" t="s">
        <v>70</v>
      </c>
      <c r="D50838" s="14" t="s">
        <v>286</v>
      </c>
      <c r="E50838" s="15">
        <v>45479</v>
      </c>
      <c r="F50838" s="14" t="s">
        <v>72</v>
      </c>
      <c r="G50838" s="16">
        <v>1.011310167153969</v>
      </c>
    </row>
    <row r="50839" spans="1:7" x14ac:dyDescent="0.3">
      <c r="A50839" s="13" t="s">
        <v>285</v>
      </c>
      <c r="B50839" s="14" t="s">
        <v>1</v>
      </c>
      <c r="C50839" s="14" t="s">
        <v>70</v>
      </c>
      <c r="D50839" s="14" t="s">
        <v>286</v>
      </c>
      <c r="E50839" s="15">
        <v>45480</v>
      </c>
      <c r="F50839" s="14" t="s">
        <v>72</v>
      </c>
      <c r="G50839" s="16">
        <v>1.011310167153969</v>
      </c>
    </row>
    <row r="50840" spans="1:7" x14ac:dyDescent="0.3">
      <c r="A50840" s="13" t="s">
        <v>285</v>
      </c>
      <c r="B50840" s="14" t="s">
        <v>1</v>
      </c>
      <c r="C50840" s="14" t="s">
        <v>70</v>
      </c>
      <c r="D50840" s="14" t="s">
        <v>286</v>
      </c>
      <c r="E50840" s="15">
        <v>45481</v>
      </c>
      <c r="F50840" s="14" t="s">
        <v>72</v>
      </c>
      <c r="G50840" s="16">
        <v>1.0352430613483028</v>
      </c>
    </row>
    <row r="50841" spans="1:7" x14ac:dyDescent="0.3">
      <c r="A50841" s="13" t="s">
        <v>285</v>
      </c>
      <c r="B50841" s="14" t="s">
        <v>1</v>
      </c>
      <c r="C50841" s="14" t="s">
        <v>70</v>
      </c>
      <c r="D50841" s="14" t="s">
        <v>286</v>
      </c>
      <c r="E50841" s="15">
        <v>45482</v>
      </c>
      <c r="F50841" s="14" t="s">
        <v>72</v>
      </c>
      <c r="G50841" s="16">
        <v>1.0456278036201376</v>
      </c>
    </row>
    <row r="50842" spans="1:7" x14ac:dyDescent="0.3">
      <c r="A50842" s="13" t="s">
        <v>285</v>
      </c>
      <c r="B50842" s="14" t="s">
        <v>1</v>
      </c>
      <c r="C50842" s="14" t="s">
        <v>70</v>
      </c>
      <c r="D50842" s="14" t="s">
        <v>286</v>
      </c>
      <c r="E50842" s="15">
        <v>45483</v>
      </c>
      <c r="F50842" s="14" t="s">
        <v>72</v>
      </c>
      <c r="G50842" s="16">
        <v>1.0510696207711352</v>
      </c>
    </row>
    <row r="50843" spans="1:7" x14ac:dyDescent="0.3">
      <c r="A50843" s="13" t="s">
        <v>285</v>
      </c>
      <c r="B50843" s="14" t="s">
        <v>1</v>
      </c>
      <c r="C50843" s="14" t="s">
        <v>70</v>
      </c>
      <c r="D50843" s="14" t="s">
        <v>286</v>
      </c>
      <c r="E50843" s="15">
        <v>45484</v>
      </c>
      <c r="F50843" s="14" t="s">
        <v>72</v>
      </c>
      <c r="G50843" s="16">
        <v>1.0653990293339608</v>
      </c>
    </row>
    <row r="50844" spans="1:7" x14ac:dyDescent="0.3">
      <c r="A50844" s="13" t="s">
        <v>285</v>
      </c>
      <c r="B50844" s="14" t="s">
        <v>1</v>
      </c>
      <c r="C50844" s="14" t="s">
        <v>70</v>
      </c>
      <c r="D50844" s="14" t="s">
        <v>286</v>
      </c>
      <c r="E50844" s="15">
        <v>45485</v>
      </c>
      <c r="F50844" s="14" t="s">
        <v>72</v>
      </c>
      <c r="G50844" s="16">
        <v>1.0676762545775134</v>
      </c>
    </row>
    <row r="50845" spans="1:7" x14ac:dyDescent="0.3">
      <c r="A50845" s="13" t="s">
        <v>285</v>
      </c>
      <c r="B50845" s="14" t="s">
        <v>1</v>
      </c>
      <c r="C50845" s="14" t="s">
        <v>70</v>
      </c>
      <c r="D50845" s="14" t="s">
        <v>286</v>
      </c>
      <c r="E50845" s="15">
        <v>45486</v>
      </c>
      <c r="F50845" s="14" t="s">
        <v>72</v>
      </c>
      <c r="G50845" s="16">
        <v>1.0676762545775134</v>
      </c>
    </row>
    <row r="50846" spans="1:7" x14ac:dyDescent="0.3">
      <c r="A50846" s="13" t="s">
        <v>285</v>
      </c>
      <c r="B50846" s="14" t="s">
        <v>1</v>
      </c>
      <c r="C50846" s="14" t="s">
        <v>70</v>
      </c>
      <c r="D50846" s="14" t="s">
        <v>286</v>
      </c>
      <c r="E50846" s="15">
        <v>45487</v>
      </c>
      <c r="F50846" s="14" t="s">
        <v>72</v>
      </c>
      <c r="G50846" s="16">
        <v>1.0676762545775134</v>
      </c>
    </row>
    <row r="50847" spans="1:7" x14ac:dyDescent="0.3">
      <c r="A50847" s="13" t="s">
        <v>285</v>
      </c>
      <c r="B50847" s="14" t="s">
        <v>1</v>
      </c>
      <c r="C50847" s="14" t="s">
        <v>70</v>
      </c>
      <c r="D50847" s="14" t="s">
        <v>286</v>
      </c>
      <c r="E50847" s="15">
        <v>45488</v>
      </c>
      <c r="F50847" s="14" t="s">
        <v>72</v>
      </c>
      <c r="G50847" s="16">
        <v>1.0740568585171586</v>
      </c>
    </row>
    <row r="50848" spans="1:7" x14ac:dyDescent="0.3">
      <c r="A50848" s="13" t="s">
        <v>285</v>
      </c>
      <c r="B50848" s="14" t="s">
        <v>1</v>
      </c>
      <c r="C50848" s="14" t="s">
        <v>70</v>
      </c>
      <c r="D50848" s="14" t="s">
        <v>286</v>
      </c>
      <c r="E50848" s="15">
        <v>45489</v>
      </c>
      <c r="F50848" s="14" t="s">
        <v>72</v>
      </c>
      <c r="G50848" s="16">
        <v>1.0887719167018874</v>
      </c>
    </row>
    <row r="50849" spans="1:7" x14ac:dyDescent="0.3">
      <c r="A50849" s="13" t="s">
        <v>285</v>
      </c>
      <c r="B50849" s="14" t="s">
        <v>1</v>
      </c>
      <c r="C50849" s="14" t="s">
        <v>70</v>
      </c>
      <c r="D50849" s="14" t="s">
        <v>286</v>
      </c>
      <c r="E50849" s="15">
        <v>45490</v>
      </c>
      <c r="F50849" s="14" t="s">
        <v>72</v>
      </c>
      <c r="G50849" s="16">
        <v>1.0924775424791573</v>
      </c>
    </row>
    <row r="50850" spans="1:7" x14ac:dyDescent="0.3">
      <c r="A50850" s="13" t="s">
        <v>285</v>
      </c>
      <c r="B50850" s="14" t="s">
        <v>1</v>
      </c>
      <c r="C50850" s="14" t="s">
        <v>70</v>
      </c>
      <c r="D50850" s="14" t="s">
        <v>286</v>
      </c>
      <c r="E50850" s="15">
        <v>45491</v>
      </c>
      <c r="F50850" s="14" t="s">
        <v>72</v>
      </c>
      <c r="G50850" s="16">
        <v>1.113526106279912</v>
      </c>
    </row>
    <row r="50851" spans="1:7" x14ac:dyDescent="0.3">
      <c r="A50851" s="13" t="s">
        <v>285</v>
      </c>
      <c r="B50851" s="14" t="s">
        <v>1</v>
      </c>
      <c r="C50851" s="14" t="s">
        <v>70</v>
      </c>
      <c r="D50851" s="14" t="s">
        <v>286</v>
      </c>
      <c r="E50851" s="15">
        <v>45492</v>
      </c>
      <c r="F50851" s="14" t="s">
        <v>72</v>
      </c>
      <c r="G50851" s="16">
        <v>1.1209313550695117</v>
      </c>
    </row>
    <row r="50852" spans="1:7" x14ac:dyDescent="0.3">
      <c r="A50852" s="13" t="s">
        <v>285</v>
      </c>
      <c r="B50852" s="14" t="s">
        <v>1</v>
      </c>
      <c r="C50852" s="14" t="s">
        <v>70</v>
      </c>
      <c r="D50852" s="14" t="s">
        <v>286</v>
      </c>
      <c r="E50852" s="15">
        <v>45493</v>
      </c>
      <c r="F50852" s="14" t="s">
        <v>72</v>
      </c>
      <c r="G50852" s="16">
        <v>1.1209313550695117</v>
      </c>
    </row>
    <row r="50853" spans="1:7" x14ac:dyDescent="0.3">
      <c r="A50853" s="13" t="s">
        <v>285</v>
      </c>
      <c r="B50853" s="14" t="s">
        <v>1</v>
      </c>
      <c r="C50853" s="14" t="s">
        <v>70</v>
      </c>
      <c r="D50853" s="14" t="s">
        <v>286</v>
      </c>
      <c r="E50853" s="15">
        <v>45494</v>
      </c>
      <c r="F50853" s="14" t="s">
        <v>72</v>
      </c>
      <c r="G50853" s="16">
        <v>1.1209313550695117</v>
      </c>
    </row>
    <row r="50854" spans="1:7" x14ac:dyDescent="0.3">
      <c r="A50854" s="13" t="s">
        <v>285</v>
      </c>
      <c r="B50854" s="14" t="s">
        <v>1</v>
      </c>
      <c r="C50854" s="14" t="s">
        <v>70</v>
      </c>
      <c r="D50854" s="14" t="s">
        <v>286</v>
      </c>
      <c r="E50854" s="15">
        <v>45495</v>
      </c>
      <c r="F50854" s="14" t="s">
        <v>72</v>
      </c>
      <c r="G50854" s="16">
        <v>1.1349307815805512</v>
      </c>
    </row>
    <row r="50855" spans="1:7" x14ac:dyDescent="0.3">
      <c r="A50855" s="13" t="s">
        <v>285</v>
      </c>
      <c r="B50855" s="14" t="s">
        <v>1</v>
      </c>
      <c r="C50855" s="14" t="s">
        <v>70</v>
      </c>
      <c r="D50855" s="14" t="s">
        <v>286</v>
      </c>
      <c r="E50855" s="15">
        <v>45496</v>
      </c>
      <c r="F50855" s="14" t="s">
        <v>72</v>
      </c>
      <c r="G50855" s="16">
        <v>1.1707411506205128</v>
      </c>
    </row>
    <row r="50856" spans="1:7" x14ac:dyDescent="0.3">
      <c r="A50856" s="13" t="s">
        <v>285</v>
      </c>
      <c r="B50856" s="14" t="s">
        <v>1</v>
      </c>
      <c r="C50856" s="14" t="s">
        <v>70</v>
      </c>
      <c r="D50856" s="14" t="s">
        <v>286</v>
      </c>
      <c r="E50856" s="15">
        <v>45497</v>
      </c>
      <c r="F50856" s="14" t="s">
        <v>72</v>
      </c>
      <c r="G50856" s="16">
        <v>1.1815610562453354</v>
      </c>
    </row>
    <row r="50857" spans="1:7" x14ac:dyDescent="0.3">
      <c r="A50857" s="13" t="s">
        <v>285</v>
      </c>
      <c r="B50857" s="14" t="s">
        <v>1</v>
      </c>
      <c r="C50857" s="14" t="s">
        <v>70</v>
      </c>
      <c r="D50857" s="14" t="s">
        <v>286</v>
      </c>
      <c r="E50857" s="15">
        <v>45498</v>
      </c>
      <c r="F50857" s="14" t="s">
        <v>72</v>
      </c>
      <c r="G50857" s="16">
        <v>1.1928315901555766</v>
      </c>
    </row>
    <row r="50858" spans="1:7" x14ac:dyDescent="0.3">
      <c r="A50858" s="13" t="s">
        <v>285</v>
      </c>
      <c r="B50858" s="14" t="s">
        <v>1</v>
      </c>
      <c r="C50858" s="14" t="s">
        <v>70</v>
      </c>
      <c r="D50858" s="14" t="s">
        <v>286</v>
      </c>
      <c r="E50858" s="15">
        <v>45499</v>
      </c>
      <c r="F50858" s="14" t="s">
        <v>72</v>
      </c>
      <c r="G50858" s="16">
        <v>1.1948233823734273</v>
      </c>
    </row>
    <row r="50859" spans="1:7" x14ac:dyDescent="0.3">
      <c r="A50859" s="13" t="s">
        <v>285</v>
      </c>
      <c r="B50859" s="14" t="s">
        <v>1</v>
      </c>
      <c r="C50859" s="14" t="s">
        <v>70</v>
      </c>
      <c r="D50859" s="14" t="s">
        <v>286</v>
      </c>
      <c r="E50859" s="15">
        <v>45500</v>
      </c>
      <c r="F50859" s="14" t="s">
        <v>72</v>
      </c>
      <c r="G50859" s="16">
        <v>1.1948233823734273</v>
      </c>
    </row>
    <row r="50860" spans="1:7" x14ac:dyDescent="0.3">
      <c r="A50860" s="13" t="s">
        <v>285</v>
      </c>
      <c r="B50860" s="14" t="s">
        <v>1</v>
      </c>
      <c r="C50860" s="14" t="s">
        <v>70</v>
      </c>
      <c r="D50860" s="14" t="s">
        <v>286</v>
      </c>
      <c r="E50860" s="15">
        <v>45501</v>
      </c>
      <c r="F50860" s="14" t="s">
        <v>72</v>
      </c>
      <c r="G50860" s="16">
        <v>1.1948233823734273</v>
      </c>
    </row>
    <row r="50861" spans="1:7" x14ac:dyDescent="0.3">
      <c r="A50861" s="13" t="s">
        <v>285</v>
      </c>
      <c r="B50861" s="14" t="s">
        <v>1</v>
      </c>
      <c r="C50861" s="14" t="s">
        <v>70</v>
      </c>
      <c r="D50861" s="14" t="s">
        <v>286</v>
      </c>
      <c r="E50861" s="15">
        <v>45502</v>
      </c>
      <c r="F50861" s="14" t="s">
        <v>72</v>
      </c>
      <c r="G50861" s="16">
        <v>1.1993561780540132</v>
      </c>
    </row>
    <row r="50862" spans="1:7" x14ac:dyDescent="0.3">
      <c r="A50862" s="13" t="s">
        <v>285</v>
      </c>
      <c r="B50862" s="14" t="s">
        <v>1</v>
      </c>
      <c r="C50862" s="14" t="s">
        <v>70</v>
      </c>
      <c r="D50862" s="14" t="s">
        <v>286</v>
      </c>
      <c r="E50862" s="15">
        <v>45503</v>
      </c>
      <c r="F50862" s="14" t="s">
        <v>72</v>
      </c>
      <c r="G50862" s="16">
        <v>1.2120800351724161</v>
      </c>
    </row>
    <row r="50863" spans="1:7" x14ac:dyDescent="0.3">
      <c r="A50863" s="13" t="s">
        <v>285</v>
      </c>
      <c r="B50863" s="14" t="s">
        <v>1</v>
      </c>
      <c r="C50863" s="14" t="s">
        <v>70</v>
      </c>
      <c r="D50863" s="14" t="s">
        <v>286</v>
      </c>
      <c r="E50863" s="15">
        <v>45504</v>
      </c>
      <c r="F50863" s="14" t="s">
        <v>72</v>
      </c>
      <c r="G50863" s="16">
        <v>1.2157284143277824</v>
      </c>
    </row>
    <row r="50864" spans="1:7" x14ac:dyDescent="0.3">
      <c r="A50864" s="13" t="s">
        <v>285</v>
      </c>
      <c r="B50864" s="14" t="s">
        <v>1</v>
      </c>
      <c r="C50864" s="14" t="s">
        <v>70</v>
      </c>
      <c r="D50864" s="14" t="s">
        <v>286</v>
      </c>
      <c r="E50864" s="15">
        <v>45505</v>
      </c>
      <c r="F50864" s="14" t="s">
        <v>72</v>
      </c>
      <c r="G50864" s="16">
        <v>1.2157284143277824</v>
      </c>
    </row>
    <row r="50865" spans="1:7" x14ac:dyDescent="0.3">
      <c r="A50865" s="13" t="s">
        <v>285</v>
      </c>
      <c r="B50865" s="14" t="s">
        <v>1</v>
      </c>
      <c r="C50865" s="14" t="s">
        <v>70</v>
      </c>
      <c r="D50865" s="14" t="s">
        <v>286</v>
      </c>
      <c r="E50865" s="15">
        <v>45506</v>
      </c>
      <c r="F50865" s="14" t="s">
        <v>72</v>
      </c>
      <c r="G50865" s="16">
        <v>1.2359256767514746</v>
      </c>
    </row>
    <row r="50866" spans="1:7" x14ac:dyDescent="0.3">
      <c r="A50866" s="13" t="s">
        <v>285</v>
      </c>
      <c r="B50866" s="14" t="s">
        <v>1</v>
      </c>
      <c r="C50866" s="14" t="s">
        <v>70</v>
      </c>
      <c r="D50866" s="14" t="s">
        <v>286</v>
      </c>
      <c r="E50866" s="15">
        <v>45507</v>
      </c>
      <c r="F50866" s="14" t="s">
        <v>72</v>
      </c>
      <c r="G50866" s="16">
        <v>1.2359256767514746</v>
      </c>
    </row>
    <row r="50867" spans="1:7" x14ac:dyDescent="0.3">
      <c r="A50867" s="13" t="s">
        <v>285</v>
      </c>
      <c r="B50867" s="14" t="s">
        <v>1</v>
      </c>
      <c r="C50867" s="14" t="s">
        <v>70</v>
      </c>
      <c r="D50867" s="14" t="s">
        <v>286</v>
      </c>
      <c r="E50867" s="15">
        <v>45508</v>
      </c>
      <c r="F50867" s="14" t="s">
        <v>72</v>
      </c>
      <c r="G50867" s="16">
        <v>1.2359256767514746</v>
      </c>
    </row>
    <row r="50868" spans="1:7" x14ac:dyDescent="0.3">
      <c r="A50868" s="13" t="s">
        <v>285</v>
      </c>
      <c r="B50868" s="14" t="s">
        <v>1</v>
      </c>
      <c r="C50868" s="14" t="s">
        <v>70</v>
      </c>
      <c r="D50868" s="14" t="s">
        <v>286</v>
      </c>
      <c r="E50868" s="15">
        <v>45509</v>
      </c>
      <c r="F50868" s="14" t="s">
        <v>72</v>
      </c>
      <c r="G50868" s="16">
        <v>1.2359256767514746</v>
      </c>
    </row>
    <row r="50869" spans="1:7" x14ac:dyDescent="0.3">
      <c r="A50869" s="13" t="s">
        <v>285</v>
      </c>
      <c r="B50869" s="14" t="s">
        <v>1</v>
      </c>
      <c r="C50869" s="14" t="s">
        <v>70</v>
      </c>
      <c r="D50869" s="14" t="s">
        <v>286</v>
      </c>
      <c r="E50869" s="15">
        <v>45510</v>
      </c>
      <c r="F50869" s="14" t="s">
        <v>72</v>
      </c>
      <c r="G50869" s="16">
        <v>1.2381413150747258</v>
      </c>
    </row>
    <row r="50870" spans="1:7" x14ac:dyDescent="0.3">
      <c r="A50870" s="13" t="s">
        <v>285</v>
      </c>
      <c r="B50870" s="14" t="s">
        <v>1</v>
      </c>
      <c r="C50870" s="14" t="s">
        <v>70</v>
      </c>
      <c r="D50870" s="14" t="s">
        <v>286</v>
      </c>
      <c r="E50870" s="15">
        <v>45511</v>
      </c>
      <c r="F50870" s="14" t="s">
        <v>72</v>
      </c>
      <c r="G50870" s="16">
        <v>1.2821409006771844</v>
      </c>
    </row>
    <row r="50871" spans="1:7" x14ac:dyDescent="0.3">
      <c r="A50871" s="13" t="s">
        <v>285</v>
      </c>
      <c r="B50871" s="14" t="s">
        <v>1</v>
      </c>
      <c r="C50871" s="14" t="s">
        <v>70</v>
      </c>
      <c r="D50871" s="14" t="s">
        <v>286</v>
      </c>
      <c r="E50871" s="15">
        <v>45512</v>
      </c>
      <c r="F50871" s="14" t="s">
        <v>72</v>
      </c>
      <c r="G50871" s="16">
        <v>1.2722833762110466</v>
      </c>
    </row>
    <row r="50872" spans="1:7" x14ac:dyDescent="0.3">
      <c r="A50872" s="13" t="s">
        <v>285</v>
      </c>
      <c r="B50872" s="14" t="s">
        <v>1</v>
      </c>
      <c r="C50872" s="14" t="s">
        <v>70</v>
      </c>
      <c r="D50872" s="14" t="s">
        <v>286</v>
      </c>
      <c r="E50872" s="15">
        <v>45513</v>
      </c>
      <c r="F50872" s="14" t="s">
        <v>72</v>
      </c>
      <c r="G50872" s="16">
        <v>1.2934095166601396</v>
      </c>
    </row>
    <row r="50873" spans="1:7" x14ac:dyDescent="0.3">
      <c r="A50873" s="13" t="s">
        <v>285</v>
      </c>
      <c r="B50873" s="14" t="s">
        <v>1</v>
      </c>
      <c r="C50873" s="14" t="s">
        <v>70</v>
      </c>
      <c r="D50873" s="14" t="s">
        <v>286</v>
      </c>
      <c r="E50873" s="15">
        <v>45514</v>
      </c>
      <c r="F50873" s="14" t="s">
        <v>72</v>
      </c>
      <c r="G50873" s="16">
        <v>1.2934095166601396</v>
      </c>
    </row>
    <row r="50874" spans="1:7" x14ac:dyDescent="0.3">
      <c r="A50874" s="13" t="s">
        <v>285</v>
      </c>
      <c r="B50874" s="14" t="s">
        <v>1</v>
      </c>
      <c r="C50874" s="14" t="s">
        <v>70</v>
      </c>
      <c r="D50874" s="14" t="s">
        <v>286</v>
      </c>
      <c r="E50874" s="15">
        <v>45515</v>
      </c>
      <c r="F50874" s="14" t="s">
        <v>72</v>
      </c>
      <c r="G50874" s="16">
        <v>1.2934095166601396</v>
      </c>
    </row>
    <row r="50875" spans="1:7" x14ac:dyDescent="0.3">
      <c r="A50875" s="13" t="s">
        <v>285</v>
      </c>
      <c r="B50875" s="14" t="s">
        <v>1</v>
      </c>
      <c r="C50875" s="14" t="s">
        <v>70</v>
      </c>
      <c r="D50875" s="14" t="s">
        <v>286</v>
      </c>
      <c r="E50875" s="15">
        <v>45516</v>
      </c>
      <c r="F50875" s="14" t="s">
        <v>72</v>
      </c>
      <c r="G50875" s="16">
        <v>1.3075527984532735</v>
      </c>
    </row>
    <row r="50876" spans="1:7" x14ac:dyDescent="0.3">
      <c r="A50876" s="13" t="s">
        <v>285</v>
      </c>
      <c r="B50876" s="14" t="s">
        <v>1</v>
      </c>
      <c r="C50876" s="14" t="s">
        <v>70</v>
      </c>
      <c r="D50876" s="14" t="s">
        <v>286</v>
      </c>
      <c r="E50876" s="15">
        <v>45517</v>
      </c>
      <c r="F50876" s="14" t="s">
        <v>72</v>
      </c>
      <c r="G50876" s="16">
        <v>1.3123532818267092</v>
      </c>
    </row>
    <row r="50877" spans="1:7" x14ac:dyDescent="0.3">
      <c r="A50877" s="13" t="s">
        <v>285</v>
      </c>
      <c r="B50877" s="14" t="s">
        <v>1</v>
      </c>
      <c r="C50877" s="14" t="s">
        <v>70</v>
      </c>
      <c r="D50877" s="14" t="s">
        <v>286</v>
      </c>
      <c r="E50877" s="15">
        <v>45518</v>
      </c>
      <c r="F50877" s="14" t="s">
        <v>72</v>
      </c>
      <c r="G50877" s="16">
        <v>1.3231162862670838</v>
      </c>
    </row>
    <row r="50878" spans="1:7" x14ac:dyDescent="0.3">
      <c r="A50878" s="13" t="s">
        <v>285</v>
      </c>
      <c r="B50878" s="14" t="s">
        <v>1</v>
      </c>
      <c r="C50878" s="14" t="s">
        <v>70</v>
      </c>
      <c r="D50878" s="14" t="s">
        <v>286</v>
      </c>
      <c r="E50878" s="15">
        <v>45519</v>
      </c>
      <c r="F50878" s="14" t="s">
        <v>72</v>
      </c>
      <c r="G50878" s="16">
        <v>1.3236385306498928</v>
      </c>
    </row>
    <row r="50879" spans="1:7" x14ac:dyDescent="0.3">
      <c r="A50879" s="13" t="s">
        <v>285</v>
      </c>
      <c r="B50879" s="14" t="s">
        <v>1</v>
      </c>
      <c r="C50879" s="14" t="s">
        <v>70</v>
      </c>
      <c r="D50879" s="14" t="s">
        <v>286</v>
      </c>
      <c r="E50879" s="15">
        <v>45520</v>
      </c>
      <c r="F50879" s="14" t="s">
        <v>72</v>
      </c>
      <c r="G50879" s="16">
        <v>1.3669678917658943</v>
      </c>
    </row>
    <row r="50880" spans="1:7" x14ac:dyDescent="0.3">
      <c r="A50880" s="13" t="s">
        <v>285</v>
      </c>
      <c r="B50880" s="14" t="s">
        <v>1</v>
      </c>
      <c r="C50880" s="14" t="s">
        <v>70</v>
      </c>
      <c r="D50880" s="14" t="s">
        <v>286</v>
      </c>
      <c r="E50880" s="15">
        <v>45521</v>
      </c>
      <c r="F50880" s="14" t="s">
        <v>72</v>
      </c>
      <c r="G50880" s="16">
        <v>1.3669678917658943</v>
      </c>
    </row>
    <row r="50881" spans="1:7" x14ac:dyDescent="0.3">
      <c r="A50881" s="13" t="s">
        <v>285</v>
      </c>
      <c r="B50881" s="14" t="s">
        <v>1</v>
      </c>
      <c r="C50881" s="14" t="s">
        <v>70</v>
      </c>
      <c r="D50881" s="14" t="s">
        <v>286</v>
      </c>
      <c r="E50881" s="15">
        <v>45522</v>
      </c>
      <c r="F50881" s="14" t="s">
        <v>72</v>
      </c>
      <c r="G50881" s="16">
        <v>1.3669678917658943</v>
      </c>
    </row>
    <row r="50882" spans="1:7" x14ac:dyDescent="0.3">
      <c r="A50882" s="13" t="s">
        <v>285</v>
      </c>
      <c r="B50882" s="14" t="s">
        <v>1</v>
      </c>
      <c r="C50882" s="14" t="s">
        <v>70</v>
      </c>
      <c r="D50882" s="14" t="s">
        <v>286</v>
      </c>
      <c r="E50882" s="15">
        <v>45523</v>
      </c>
      <c r="F50882" s="14" t="s">
        <v>72</v>
      </c>
      <c r="G50882" s="16">
        <v>1.3703817067445669</v>
      </c>
    </row>
    <row r="50883" spans="1:7" x14ac:dyDescent="0.3">
      <c r="A50883" s="13" t="s">
        <v>285</v>
      </c>
      <c r="B50883" s="14" t="s">
        <v>1</v>
      </c>
      <c r="C50883" s="14" t="s">
        <v>70</v>
      </c>
      <c r="D50883" s="14" t="s">
        <v>286</v>
      </c>
      <c r="E50883" s="15">
        <v>45524</v>
      </c>
      <c r="F50883" s="14" t="s">
        <v>72</v>
      </c>
      <c r="G50883" s="16">
        <v>1.3899578009595175</v>
      </c>
    </row>
    <row r="50884" spans="1:7" x14ac:dyDescent="0.3">
      <c r="A50884" s="13" t="s">
        <v>285</v>
      </c>
      <c r="B50884" s="14" t="s">
        <v>1</v>
      </c>
      <c r="C50884" s="14" t="s">
        <v>70</v>
      </c>
      <c r="D50884" s="14" t="s">
        <v>286</v>
      </c>
      <c r="E50884" s="15">
        <v>45525</v>
      </c>
      <c r="F50884" s="14" t="s">
        <v>72</v>
      </c>
      <c r="G50884" s="16">
        <v>1.4013378146903399</v>
      </c>
    </row>
    <row r="50885" spans="1:7" x14ac:dyDescent="0.3">
      <c r="A50885" s="13" t="s">
        <v>285</v>
      </c>
      <c r="B50885" s="14" t="s">
        <v>1</v>
      </c>
      <c r="C50885" s="14" t="s">
        <v>70</v>
      </c>
      <c r="D50885" s="14" t="s">
        <v>286</v>
      </c>
      <c r="E50885" s="15">
        <v>45526</v>
      </c>
      <c r="F50885" s="14" t="s">
        <v>72</v>
      </c>
      <c r="G50885" s="16">
        <v>1.4142398025019853</v>
      </c>
    </row>
    <row r="50886" spans="1:7" x14ac:dyDescent="0.3">
      <c r="A50886" s="13" t="s">
        <v>285</v>
      </c>
      <c r="B50886" s="14" t="s">
        <v>1</v>
      </c>
      <c r="C50886" s="14" t="s">
        <v>70</v>
      </c>
      <c r="D50886" s="14" t="s">
        <v>286</v>
      </c>
      <c r="E50886" s="15">
        <v>45527</v>
      </c>
      <c r="F50886" s="14" t="s">
        <v>72</v>
      </c>
      <c r="G50886" s="16">
        <v>1.4001959729860767</v>
      </c>
    </row>
    <row r="50887" spans="1:7" x14ac:dyDescent="0.3">
      <c r="A50887" s="13" t="s">
        <v>285</v>
      </c>
      <c r="B50887" s="14" t="s">
        <v>1</v>
      </c>
      <c r="C50887" s="14" t="s">
        <v>70</v>
      </c>
      <c r="D50887" s="14" t="s">
        <v>286</v>
      </c>
      <c r="E50887" s="15">
        <v>45528</v>
      </c>
      <c r="F50887" s="14" t="s">
        <v>72</v>
      </c>
      <c r="G50887" s="16">
        <v>1.4001959729860767</v>
      </c>
    </row>
    <row r="50888" spans="1:7" x14ac:dyDescent="0.3">
      <c r="A50888" s="13" t="s">
        <v>285</v>
      </c>
      <c r="B50888" s="14" t="s">
        <v>1</v>
      </c>
      <c r="C50888" s="14" t="s">
        <v>70</v>
      </c>
      <c r="D50888" s="14" t="s">
        <v>286</v>
      </c>
      <c r="E50888" s="15">
        <v>45529</v>
      </c>
      <c r="F50888" s="14" t="s">
        <v>72</v>
      </c>
      <c r="G50888" s="16">
        <v>1.4001959729860767</v>
      </c>
    </row>
    <row r="50889" spans="1:7" x14ac:dyDescent="0.3">
      <c r="A50889" s="13" t="s">
        <v>285</v>
      </c>
      <c r="B50889" s="14" t="s">
        <v>1</v>
      </c>
      <c r="C50889" s="14" t="s">
        <v>70</v>
      </c>
      <c r="D50889" s="14" t="s">
        <v>286</v>
      </c>
      <c r="E50889" s="15">
        <v>45530</v>
      </c>
      <c r="F50889" s="14" t="s">
        <v>72</v>
      </c>
      <c r="G50889" s="16">
        <v>1.4082146305946246</v>
      </c>
    </row>
    <row r="50890" spans="1:7" x14ac:dyDescent="0.3">
      <c r="A50890" s="13" t="s">
        <v>285</v>
      </c>
      <c r="B50890" s="14" t="s">
        <v>1</v>
      </c>
      <c r="C50890" s="14" t="s">
        <v>70</v>
      </c>
      <c r="D50890" s="14" t="s">
        <v>286</v>
      </c>
      <c r="E50890" s="15">
        <v>45531</v>
      </c>
      <c r="F50890" s="14" t="s">
        <v>72</v>
      </c>
      <c r="G50890" s="16">
        <v>1.4144816180110309</v>
      </c>
    </row>
    <row r="50891" spans="1:7" x14ac:dyDescent="0.3">
      <c r="A50891" s="13" t="s">
        <v>285</v>
      </c>
      <c r="B50891" s="14" t="s">
        <v>1</v>
      </c>
      <c r="C50891" s="14" t="s">
        <v>70</v>
      </c>
      <c r="D50891" s="14" t="s">
        <v>286</v>
      </c>
      <c r="E50891" s="15">
        <v>45532</v>
      </c>
      <c r="F50891" s="14" t="s">
        <v>72</v>
      </c>
      <c r="G50891" s="16">
        <v>1.4282138001216536</v>
      </c>
    </row>
    <row r="50892" spans="1:7" x14ac:dyDescent="0.3">
      <c r="A50892" s="13" t="s">
        <v>285</v>
      </c>
      <c r="B50892" s="14" t="s">
        <v>1</v>
      </c>
      <c r="C50892" s="14" t="s">
        <v>70</v>
      </c>
      <c r="D50892" s="14" t="s">
        <v>286</v>
      </c>
      <c r="E50892" s="15">
        <v>45533</v>
      </c>
      <c r="F50892" s="14" t="s">
        <v>72</v>
      </c>
      <c r="G50892" s="16">
        <v>1.4295634817947633</v>
      </c>
    </row>
    <row r="50893" spans="1:7" x14ac:dyDescent="0.3">
      <c r="A50893" s="13" t="s">
        <v>285</v>
      </c>
      <c r="B50893" s="14" t="s">
        <v>1</v>
      </c>
      <c r="C50893" s="14" t="s">
        <v>70</v>
      </c>
      <c r="D50893" s="14" t="s">
        <v>286</v>
      </c>
      <c r="E50893" s="15">
        <v>45534</v>
      </c>
      <c r="F50893" s="14" t="s">
        <v>72</v>
      </c>
      <c r="G50893" s="16">
        <v>1.4440955572202159</v>
      </c>
    </row>
    <row r="50894" spans="1:7" x14ac:dyDescent="0.3">
      <c r="A50894" s="13" t="s">
        <v>285</v>
      </c>
      <c r="B50894" s="14" t="s">
        <v>1</v>
      </c>
      <c r="C50894" s="14" t="s">
        <v>70</v>
      </c>
      <c r="D50894" s="14" t="s">
        <v>286</v>
      </c>
      <c r="E50894" s="15">
        <v>45535</v>
      </c>
      <c r="F50894" s="14" t="s">
        <v>72</v>
      </c>
      <c r="G50894" s="16">
        <v>1.4440955572202159</v>
      </c>
    </row>
    <row r="50895" spans="1:7" x14ac:dyDescent="0.3">
      <c r="A50895" s="13" t="s">
        <v>285</v>
      </c>
      <c r="B50895" s="14" t="s">
        <v>1</v>
      </c>
      <c r="C50895" s="14" t="s">
        <v>70</v>
      </c>
      <c r="D50895" s="14" t="s">
        <v>286</v>
      </c>
      <c r="E50895" s="15">
        <v>45536</v>
      </c>
      <c r="F50895" s="14" t="s">
        <v>72</v>
      </c>
      <c r="G50895" s="16">
        <v>1.4440955572202159</v>
      </c>
    </row>
    <row r="50896" spans="1:7" x14ac:dyDescent="0.3">
      <c r="A50896" s="13" t="s">
        <v>285</v>
      </c>
      <c r="B50896" s="14" t="s">
        <v>1</v>
      </c>
      <c r="C50896" s="14" t="s">
        <v>70</v>
      </c>
      <c r="D50896" s="14" t="s">
        <v>286</v>
      </c>
      <c r="E50896" s="15">
        <v>45537</v>
      </c>
      <c r="F50896" s="14" t="s">
        <v>72</v>
      </c>
      <c r="G50896" s="16">
        <v>1.4475126002074568</v>
      </c>
    </row>
    <row r="50897" spans="1:7" x14ac:dyDescent="0.3">
      <c r="A50897" s="13" t="s">
        <v>285</v>
      </c>
      <c r="B50897" s="14" t="s">
        <v>1</v>
      </c>
      <c r="C50897" s="14" t="s">
        <v>70</v>
      </c>
      <c r="D50897" s="14" t="s">
        <v>286</v>
      </c>
      <c r="E50897" s="15">
        <v>45538</v>
      </c>
      <c r="F50897" s="14" t="s">
        <v>72</v>
      </c>
      <c r="G50897" s="16">
        <v>1.4699507378334948</v>
      </c>
    </row>
    <row r="50898" spans="1:7" x14ac:dyDescent="0.3">
      <c r="A50898" s="13" t="s">
        <v>285</v>
      </c>
      <c r="B50898" s="14" t="s">
        <v>1</v>
      </c>
      <c r="C50898" s="14" t="s">
        <v>70</v>
      </c>
      <c r="D50898" s="14" t="s">
        <v>286</v>
      </c>
      <c r="E50898" s="15">
        <v>45539</v>
      </c>
      <c r="F50898" s="14" t="s">
        <v>72</v>
      </c>
      <c r="G50898" s="16">
        <v>1.4711477851712114</v>
      </c>
    </row>
    <row r="50899" spans="1:7" x14ac:dyDescent="0.3">
      <c r="A50899" s="13" t="s">
        <v>285</v>
      </c>
      <c r="B50899" s="14" t="s">
        <v>1</v>
      </c>
      <c r="C50899" s="14" t="s">
        <v>70</v>
      </c>
      <c r="D50899" s="14" t="s">
        <v>286</v>
      </c>
      <c r="E50899" s="15">
        <v>45540</v>
      </c>
      <c r="F50899" s="14" t="s">
        <v>72</v>
      </c>
      <c r="G50899" s="16">
        <v>1.4793969821427342</v>
      </c>
    </row>
    <row r="50900" spans="1:7" x14ac:dyDescent="0.3">
      <c r="A50900" s="13" t="s">
        <v>285</v>
      </c>
      <c r="B50900" s="14" t="s">
        <v>1</v>
      </c>
      <c r="C50900" s="14" t="s">
        <v>70</v>
      </c>
      <c r="D50900" s="14" t="s">
        <v>286</v>
      </c>
      <c r="E50900" s="15">
        <v>45541</v>
      </c>
      <c r="F50900" s="14" t="s">
        <v>72</v>
      </c>
      <c r="G50900" s="16">
        <v>1.4984456671134012</v>
      </c>
    </row>
    <row r="50901" spans="1:7" x14ac:dyDescent="0.3">
      <c r="A50901" s="13" t="s">
        <v>285</v>
      </c>
      <c r="B50901" s="14" t="s">
        <v>1</v>
      </c>
      <c r="C50901" s="14" t="s">
        <v>70</v>
      </c>
      <c r="D50901" s="14" t="s">
        <v>286</v>
      </c>
      <c r="E50901" s="15">
        <v>45542</v>
      </c>
      <c r="F50901" s="14" t="s">
        <v>72</v>
      </c>
      <c r="G50901" s="16">
        <v>1.4984456671134012</v>
      </c>
    </row>
    <row r="50902" spans="1:7" x14ac:dyDescent="0.3">
      <c r="A50902" s="13" t="s">
        <v>285</v>
      </c>
      <c r="B50902" s="14" t="s">
        <v>1</v>
      </c>
      <c r="C50902" s="14" t="s">
        <v>70</v>
      </c>
      <c r="D50902" s="14" t="s">
        <v>286</v>
      </c>
      <c r="E50902" s="15">
        <v>45543</v>
      </c>
      <c r="F50902" s="14" t="s">
        <v>72</v>
      </c>
      <c r="G50902" s="16">
        <v>1.4984456671134012</v>
      </c>
    </row>
    <row r="50903" spans="1:7" x14ac:dyDescent="0.3">
      <c r="A50903" s="13" t="s">
        <v>285</v>
      </c>
      <c r="B50903" s="14" t="s">
        <v>1</v>
      </c>
      <c r="C50903" s="14" t="s">
        <v>70</v>
      </c>
      <c r="D50903" s="14" t="s">
        <v>286</v>
      </c>
      <c r="E50903" s="15">
        <v>45544</v>
      </c>
      <c r="F50903" s="14" t="s">
        <v>72</v>
      </c>
      <c r="G50903" s="16">
        <v>1.5042104216640459</v>
      </c>
    </row>
    <row r="50904" spans="1:7" x14ac:dyDescent="0.3">
      <c r="A50904" s="13" t="s">
        <v>285</v>
      </c>
      <c r="B50904" s="14" t="s">
        <v>1</v>
      </c>
      <c r="C50904" s="14" t="s">
        <v>70</v>
      </c>
      <c r="D50904" s="14" t="s">
        <v>286</v>
      </c>
      <c r="E50904" s="15">
        <v>45545</v>
      </c>
      <c r="F50904" s="14" t="s">
        <v>72</v>
      </c>
      <c r="G50904" s="16">
        <v>1.5177081830613484</v>
      </c>
    </row>
    <row r="50905" spans="1:7" x14ac:dyDescent="0.3">
      <c r="A50905" s="13" t="s">
        <v>285</v>
      </c>
      <c r="B50905" s="14" t="s">
        <v>1</v>
      </c>
      <c r="C50905" s="14" t="s">
        <v>70</v>
      </c>
      <c r="D50905" s="14" t="s">
        <v>286</v>
      </c>
      <c r="E50905" s="15">
        <v>45546</v>
      </c>
      <c r="F50905" s="14" t="s">
        <v>72</v>
      </c>
      <c r="G50905" s="16">
        <v>1.5191945594680749</v>
      </c>
    </row>
    <row r="50906" spans="1:7" x14ac:dyDescent="0.3">
      <c r="A50906" s="13" t="s">
        <v>285</v>
      </c>
      <c r="B50906" s="14" t="s">
        <v>1</v>
      </c>
      <c r="C50906" s="14" t="s">
        <v>70</v>
      </c>
      <c r="D50906" s="14" t="s">
        <v>286</v>
      </c>
      <c r="E50906" s="15">
        <v>45547</v>
      </c>
      <c r="F50906" s="14" t="s">
        <v>72</v>
      </c>
      <c r="G50906" s="16">
        <v>1.511864079587935</v>
      </c>
    </row>
    <row r="50907" spans="1:7" x14ac:dyDescent="0.3">
      <c r="A50907" s="13" t="s">
        <v>285</v>
      </c>
      <c r="B50907" s="14" t="s">
        <v>1</v>
      </c>
      <c r="C50907" s="14" t="s">
        <v>70</v>
      </c>
      <c r="D50907" s="14" t="s">
        <v>286</v>
      </c>
      <c r="E50907" s="15">
        <v>45548</v>
      </c>
      <c r="F50907" s="14" t="s">
        <v>72</v>
      </c>
      <c r="G50907" s="16">
        <v>1.5410941120730668</v>
      </c>
    </row>
    <row r="50908" spans="1:7" x14ac:dyDescent="0.3">
      <c r="A50908" s="13" t="s">
        <v>285</v>
      </c>
      <c r="B50908" s="14" t="s">
        <v>1</v>
      </c>
      <c r="C50908" s="14" t="s">
        <v>70</v>
      </c>
      <c r="D50908" s="14" t="s">
        <v>286</v>
      </c>
      <c r="E50908" s="15">
        <v>45549</v>
      </c>
      <c r="F50908" s="14" t="s">
        <v>72</v>
      </c>
      <c r="G50908" s="16">
        <v>1.5410941120730668</v>
      </c>
    </row>
    <row r="50909" spans="1:7" x14ac:dyDescent="0.3">
      <c r="A50909" s="13" t="s">
        <v>285</v>
      </c>
      <c r="B50909" s="14" t="s">
        <v>1</v>
      </c>
      <c r="C50909" s="14" t="s">
        <v>70</v>
      </c>
      <c r="D50909" s="14" t="s">
        <v>286</v>
      </c>
      <c r="E50909" s="15">
        <v>45550</v>
      </c>
      <c r="F50909" s="14" t="s">
        <v>72</v>
      </c>
      <c r="G50909" s="16">
        <v>1.5410941120730668</v>
      </c>
    </row>
    <row r="50910" spans="1:7" x14ac:dyDescent="0.3">
      <c r="A50910" s="13" t="s">
        <v>285</v>
      </c>
      <c r="B50910" s="14" t="s">
        <v>1</v>
      </c>
      <c r="C50910" s="14" t="s">
        <v>70</v>
      </c>
      <c r="D50910" s="14" t="s">
        <v>286</v>
      </c>
      <c r="E50910" s="15">
        <v>45551</v>
      </c>
      <c r="F50910" s="14" t="s">
        <v>72</v>
      </c>
      <c r="G50910" s="16">
        <v>1.5448095153811503</v>
      </c>
    </row>
    <row r="50911" spans="1:7" x14ac:dyDescent="0.3">
      <c r="A50911" s="13" t="s">
        <v>285</v>
      </c>
      <c r="B50911" s="14" t="s">
        <v>1</v>
      </c>
      <c r="C50911" s="14" t="s">
        <v>70</v>
      </c>
      <c r="D50911" s="14" t="s">
        <v>286</v>
      </c>
      <c r="E50911" s="15">
        <v>45552</v>
      </c>
      <c r="F50911" s="14" t="s">
        <v>72</v>
      </c>
      <c r="G50911" s="16">
        <v>1.5566811624491925</v>
      </c>
    </row>
    <row r="50912" spans="1:7" x14ac:dyDescent="0.3">
      <c r="A50912" s="13" t="s">
        <v>285</v>
      </c>
      <c r="B50912" s="14" t="s">
        <v>1</v>
      </c>
      <c r="C50912" s="14" t="s">
        <v>70</v>
      </c>
      <c r="D50912" s="14" t="s">
        <v>286</v>
      </c>
      <c r="E50912" s="15">
        <v>45553</v>
      </c>
      <c r="F50912" s="14" t="s">
        <v>72</v>
      </c>
      <c r="G50912" s="16">
        <v>1.5591319672495905</v>
      </c>
    </row>
    <row r="50913" spans="1:7" x14ac:dyDescent="0.3">
      <c r="A50913" s="13" t="s">
        <v>285</v>
      </c>
      <c r="B50913" s="14" t="s">
        <v>1</v>
      </c>
      <c r="C50913" s="14" t="s">
        <v>70</v>
      </c>
      <c r="D50913" s="14" t="s">
        <v>286</v>
      </c>
      <c r="E50913" s="15">
        <v>45554</v>
      </c>
      <c r="F50913" s="14" t="s">
        <v>72</v>
      </c>
      <c r="G50913" s="16">
        <v>1.5508410033533517</v>
      </c>
    </row>
    <row r="50914" spans="1:7" x14ac:dyDescent="0.3">
      <c r="A50914" s="13" t="s">
        <v>285</v>
      </c>
      <c r="B50914" s="14" t="s">
        <v>1</v>
      </c>
      <c r="C50914" s="14" t="s">
        <v>70</v>
      </c>
      <c r="D50914" s="14" t="s">
        <v>286</v>
      </c>
      <c r="E50914" s="15">
        <v>45555</v>
      </c>
      <c r="F50914" s="14" t="s">
        <v>72</v>
      </c>
      <c r="G50914" s="16">
        <v>1.5564001771037874</v>
      </c>
    </row>
    <row r="50915" spans="1:7" x14ac:dyDescent="0.3">
      <c r="A50915" s="13" t="s">
        <v>285</v>
      </c>
      <c r="B50915" s="14" t="s">
        <v>1</v>
      </c>
      <c r="C50915" s="14" t="s">
        <v>70</v>
      </c>
      <c r="D50915" s="14" t="s">
        <v>286</v>
      </c>
      <c r="E50915" s="15">
        <v>45556</v>
      </c>
      <c r="F50915" s="14" t="s">
        <v>72</v>
      </c>
      <c r="G50915" s="16">
        <v>1.5564001771037874</v>
      </c>
    </row>
    <row r="50916" spans="1:7" x14ac:dyDescent="0.3">
      <c r="A50916" s="13" t="s">
        <v>285</v>
      </c>
      <c r="B50916" s="14" t="s">
        <v>1</v>
      </c>
      <c r="C50916" s="14" t="s">
        <v>70</v>
      </c>
      <c r="D50916" s="14" t="s">
        <v>286</v>
      </c>
      <c r="E50916" s="15">
        <v>45557</v>
      </c>
      <c r="F50916" s="14" t="s">
        <v>72</v>
      </c>
      <c r="G50916" s="16">
        <v>1.5564001771037874</v>
      </c>
    </row>
    <row r="50917" spans="1:7" x14ac:dyDescent="0.3">
      <c r="A50917" s="13" t="s">
        <v>285</v>
      </c>
      <c r="B50917" s="14" t="s">
        <v>1</v>
      </c>
      <c r="C50917" s="14" t="s">
        <v>70</v>
      </c>
      <c r="D50917" s="14" t="s">
        <v>286</v>
      </c>
      <c r="E50917" s="15">
        <v>45558</v>
      </c>
      <c r="F50917" s="14" t="s">
        <v>72</v>
      </c>
      <c r="G50917" s="16">
        <v>1.552524581181707</v>
      </c>
    </row>
    <row r="50918" spans="1:7" x14ac:dyDescent="0.3">
      <c r="A50918" s="13" t="s">
        <v>285</v>
      </c>
      <c r="B50918" s="14" t="s">
        <v>1</v>
      </c>
      <c r="C50918" s="14" t="s">
        <v>70</v>
      </c>
      <c r="D50918" s="14" t="s">
        <v>286</v>
      </c>
      <c r="E50918" s="15">
        <v>45559</v>
      </c>
      <c r="F50918" s="14" t="s">
        <v>72</v>
      </c>
      <c r="G50918" s="16">
        <v>1.5521025100484382</v>
      </c>
    </row>
    <row r="50919" spans="1:7" x14ac:dyDescent="0.3">
      <c r="A50919" s="13" t="s">
        <v>285</v>
      </c>
      <c r="B50919" s="14" t="s">
        <v>1</v>
      </c>
      <c r="C50919" s="14" t="s">
        <v>70</v>
      </c>
      <c r="D50919" s="14" t="s">
        <v>286</v>
      </c>
      <c r="E50919" s="15">
        <v>45560</v>
      </c>
      <c r="F50919" s="14" t="s">
        <v>72</v>
      </c>
      <c r="G50919" s="16">
        <v>1.5710051264530323</v>
      </c>
    </row>
    <row r="50920" spans="1:7" x14ac:dyDescent="0.3">
      <c r="A50920" s="13" t="s">
        <v>285</v>
      </c>
      <c r="B50920" s="14" t="s">
        <v>1</v>
      </c>
      <c r="C50920" s="14" t="s">
        <v>70</v>
      </c>
      <c r="D50920" s="14" t="s">
        <v>286</v>
      </c>
      <c r="E50920" s="15">
        <v>45561</v>
      </c>
      <c r="F50920" s="14" t="s">
        <v>72</v>
      </c>
      <c r="G50920" s="16">
        <v>1.5647919968600106</v>
      </c>
    </row>
    <row r="50921" spans="1:7" x14ac:dyDescent="0.3">
      <c r="A50921" s="13" t="s">
        <v>285</v>
      </c>
      <c r="B50921" s="14" t="s">
        <v>1</v>
      </c>
      <c r="C50921" s="14" t="s">
        <v>70</v>
      </c>
      <c r="D50921" s="14" t="s">
        <v>286</v>
      </c>
      <c r="E50921" s="15">
        <v>45562</v>
      </c>
      <c r="F50921" s="14" t="s">
        <v>72</v>
      </c>
      <c r="G50921" s="16">
        <v>1.570655696814059</v>
      </c>
    </row>
    <row r="50922" spans="1:7" x14ac:dyDescent="0.3">
      <c r="A50922" s="13" t="s">
        <v>285</v>
      </c>
      <c r="B50922" s="14" t="s">
        <v>1</v>
      </c>
      <c r="C50922" s="14" t="s">
        <v>70</v>
      </c>
      <c r="D50922" s="14" t="s">
        <v>286</v>
      </c>
      <c r="E50922" s="15">
        <v>45563</v>
      </c>
      <c r="F50922" s="14" t="s">
        <v>72</v>
      </c>
      <c r="G50922" s="16">
        <v>1.570655696814059</v>
      </c>
    </row>
    <row r="50923" spans="1:7" x14ac:dyDescent="0.3">
      <c r="A50923" s="13" t="s">
        <v>285</v>
      </c>
      <c r="B50923" s="14" t="s">
        <v>1</v>
      </c>
      <c r="C50923" s="14" t="s">
        <v>70</v>
      </c>
      <c r="D50923" s="14" t="s">
        <v>286</v>
      </c>
      <c r="E50923" s="15">
        <v>45564</v>
      </c>
      <c r="F50923" s="14" t="s">
        <v>72</v>
      </c>
      <c r="G50923" s="16">
        <v>1.570655696814059</v>
      </c>
    </row>
    <row r="50924" spans="1:7" x14ac:dyDescent="0.3">
      <c r="A50924" s="13" t="s">
        <v>285</v>
      </c>
      <c r="B50924" s="14" t="s">
        <v>1</v>
      </c>
      <c r="C50924" s="14" t="s">
        <v>70</v>
      </c>
      <c r="D50924" s="14" t="s">
        <v>286</v>
      </c>
      <c r="E50924" s="15">
        <v>45565</v>
      </c>
      <c r="F50924" s="14" t="s">
        <v>72</v>
      </c>
      <c r="G50924" s="16">
        <v>1.5859875467037925</v>
      </c>
    </row>
    <row r="50925" spans="1:7" x14ac:dyDescent="0.3">
      <c r="A50925" s="13" t="s">
        <v>285</v>
      </c>
      <c r="B50925" s="14" t="s">
        <v>1</v>
      </c>
      <c r="C50925" s="14" t="s">
        <v>70</v>
      </c>
      <c r="D50925" s="14" t="s">
        <v>286</v>
      </c>
      <c r="E50925" s="15">
        <v>45566</v>
      </c>
      <c r="F50925" s="14" t="s">
        <v>72</v>
      </c>
      <c r="G50925" s="16">
        <v>1.6079422039238878</v>
      </c>
    </row>
    <row r="50926" spans="1:7" x14ac:dyDescent="0.3">
      <c r="A50926" s="13" t="s">
        <v>285</v>
      </c>
      <c r="B50926" s="14" t="s">
        <v>1</v>
      </c>
      <c r="C50926" s="14" t="s">
        <v>70</v>
      </c>
      <c r="D50926" s="14" t="s">
        <v>286</v>
      </c>
      <c r="E50926" s="15">
        <v>45567</v>
      </c>
      <c r="F50926" s="14" t="s">
        <v>72</v>
      </c>
      <c r="G50926" s="16">
        <v>1.6123545792301812</v>
      </c>
    </row>
    <row r="50927" spans="1:7" x14ac:dyDescent="0.3">
      <c r="A50927" s="13" t="s">
        <v>285</v>
      </c>
      <c r="B50927" s="14" t="s">
        <v>1</v>
      </c>
      <c r="C50927" s="14" t="s">
        <v>70</v>
      </c>
      <c r="D50927" s="14" t="s">
        <v>286</v>
      </c>
      <c r="E50927" s="15">
        <v>45568</v>
      </c>
      <c r="F50927" s="14" t="s">
        <v>72</v>
      </c>
      <c r="G50927" s="16">
        <v>1.6257486262041456</v>
      </c>
    </row>
    <row r="50928" spans="1:7" x14ac:dyDescent="0.3">
      <c r="A50928" s="13" t="s">
        <v>285</v>
      </c>
      <c r="B50928" s="14" t="s">
        <v>1</v>
      </c>
      <c r="C50928" s="14" t="s">
        <v>70</v>
      </c>
      <c r="D50928" s="14" t="s">
        <v>286</v>
      </c>
      <c r="E50928" s="15">
        <v>45569</v>
      </c>
      <c r="F50928" s="14" t="s">
        <v>72</v>
      </c>
      <c r="G50928" s="16">
        <v>1.6415517363675585</v>
      </c>
    </row>
    <row r="50929" spans="1:7" x14ac:dyDescent="0.3">
      <c r="A50929" s="13" t="s">
        <v>285</v>
      </c>
      <c r="B50929" s="14" t="s">
        <v>1</v>
      </c>
      <c r="C50929" s="14" t="s">
        <v>70</v>
      </c>
      <c r="D50929" s="14" t="s">
        <v>286</v>
      </c>
      <c r="E50929" s="15">
        <v>45570</v>
      </c>
      <c r="F50929" s="14" t="s">
        <v>72</v>
      </c>
      <c r="G50929" s="16">
        <v>1.6415517363675585</v>
      </c>
    </row>
    <row r="50930" spans="1:7" x14ac:dyDescent="0.3">
      <c r="A50930" s="13" t="s">
        <v>285</v>
      </c>
      <c r="B50930" s="14" t="s">
        <v>1</v>
      </c>
      <c r="C50930" s="14" t="s">
        <v>70</v>
      </c>
      <c r="D50930" s="14" t="s">
        <v>286</v>
      </c>
      <c r="E50930" s="15">
        <v>45571</v>
      </c>
      <c r="F50930" s="14" t="s">
        <v>72</v>
      </c>
      <c r="G50930" s="16">
        <v>1.6415517363675585</v>
      </c>
    </row>
    <row r="50931" spans="1:7" x14ac:dyDescent="0.3">
      <c r="A50931" s="13" t="s">
        <v>285</v>
      </c>
      <c r="B50931" s="14" t="s">
        <v>1</v>
      </c>
      <c r="C50931" s="14" t="s">
        <v>70</v>
      </c>
      <c r="D50931" s="14" t="s">
        <v>286</v>
      </c>
      <c r="E50931" s="15">
        <v>45572</v>
      </c>
      <c r="F50931" s="14" t="s">
        <v>72</v>
      </c>
      <c r="G50931" s="16">
        <v>1.6706102105454026</v>
      </c>
    </row>
    <row r="50932" spans="1:7" x14ac:dyDescent="0.3">
      <c r="A50932" s="13" t="s">
        <v>285</v>
      </c>
      <c r="B50932" s="14" t="s">
        <v>1</v>
      </c>
      <c r="C50932" s="14" t="s">
        <v>70</v>
      </c>
      <c r="D50932" s="14" t="s">
        <v>286</v>
      </c>
      <c r="E50932" s="15">
        <v>45573</v>
      </c>
      <c r="F50932" s="14" t="s">
        <v>72</v>
      </c>
      <c r="G50932" s="16">
        <v>1.6835542112844275</v>
      </c>
    </row>
    <row r="50933" spans="1:7" x14ac:dyDescent="0.3">
      <c r="A50933" s="13" t="s">
        <v>285</v>
      </c>
      <c r="B50933" s="14" t="s">
        <v>1</v>
      </c>
      <c r="C50933" s="14" t="s">
        <v>70</v>
      </c>
      <c r="D50933" s="14" t="s">
        <v>286</v>
      </c>
      <c r="E50933" s="15">
        <v>45574</v>
      </c>
      <c r="F50933" s="14" t="s">
        <v>72</v>
      </c>
      <c r="G50933" s="16">
        <v>1.6945380530323522</v>
      </c>
    </row>
    <row r="50934" spans="1:7" x14ac:dyDescent="0.3">
      <c r="A50934" s="13" t="s">
        <v>285</v>
      </c>
      <c r="B50934" s="14" t="s">
        <v>1</v>
      </c>
      <c r="C50934" s="14" t="s">
        <v>70</v>
      </c>
      <c r="D50934" s="14" t="s">
        <v>286</v>
      </c>
      <c r="E50934" s="15">
        <v>45575</v>
      </c>
      <c r="F50934" s="14" t="s">
        <v>72</v>
      </c>
      <c r="G50934" s="16">
        <v>1.6920142974605215</v>
      </c>
    </row>
    <row r="50935" spans="1:7" x14ac:dyDescent="0.3">
      <c r="A50935" s="13" t="s">
        <v>285</v>
      </c>
      <c r="B50935" s="14" t="s">
        <v>1</v>
      </c>
      <c r="C50935" s="14" t="s">
        <v>70</v>
      </c>
      <c r="D50935" s="14" t="s">
        <v>286</v>
      </c>
      <c r="E50935" s="15">
        <v>45576</v>
      </c>
      <c r="F50935" s="14" t="s">
        <v>72</v>
      </c>
      <c r="G50935" s="16">
        <v>1.7067524240106819</v>
      </c>
    </row>
    <row r="50936" spans="1:7" x14ac:dyDescent="0.3">
      <c r="A50936" s="13" t="s">
        <v>285</v>
      </c>
      <c r="B50936" s="14" t="s">
        <v>1</v>
      </c>
      <c r="C50936" s="14" t="s">
        <v>70</v>
      </c>
      <c r="D50936" s="14" t="s">
        <v>286</v>
      </c>
      <c r="E50936" s="15">
        <v>45577</v>
      </c>
      <c r="F50936" s="14" t="s">
        <v>72</v>
      </c>
      <c r="G50936" s="16">
        <v>1.7067524240106819</v>
      </c>
    </row>
    <row r="50937" spans="1:7" x14ac:dyDescent="0.3">
      <c r="A50937" s="13" t="s">
        <v>285</v>
      </c>
      <c r="B50937" s="14" t="s">
        <v>1</v>
      </c>
      <c r="C50937" s="14" t="s">
        <v>70</v>
      </c>
      <c r="D50937" s="14" t="s">
        <v>286</v>
      </c>
      <c r="E50937" s="15">
        <v>45578</v>
      </c>
      <c r="F50937" s="14" t="s">
        <v>72</v>
      </c>
      <c r="G50937" s="16">
        <v>1.7067524240106819</v>
      </c>
    </row>
    <row r="50938" spans="1:7" x14ac:dyDescent="0.3">
      <c r="A50938" s="13" t="s">
        <v>285</v>
      </c>
      <c r="B50938" s="14" t="s">
        <v>1</v>
      </c>
      <c r="C50938" s="14" t="s">
        <v>70</v>
      </c>
      <c r="D50938" s="14" t="s">
        <v>286</v>
      </c>
      <c r="E50938" s="15">
        <v>45579</v>
      </c>
      <c r="F50938" s="14" t="s">
        <v>72</v>
      </c>
      <c r="G50938" s="16">
        <v>1.7162601041429495</v>
      </c>
    </row>
    <row r="50939" spans="1:7" x14ac:dyDescent="0.3">
      <c r="A50939" s="13" t="s">
        <v>285</v>
      </c>
      <c r="B50939" s="14" t="s">
        <v>1</v>
      </c>
      <c r="C50939" s="14" t="s">
        <v>70</v>
      </c>
      <c r="D50939" s="14" t="s">
        <v>286</v>
      </c>
      <c r="E50939" s="15">
        <v>45580</v>
      </c>
      <c r="F50939" s="14" t="s">
        <v>72</v>
      </c>
      <c r="G50939" s="16">
        <v>1.7324954344649115</v>
      </c>
    </row>
    <row r="50940" spans="1:7" x14ac:dyDescent="0.3">
      <c r="A50940" s="13" t="s">
        <v>285</v>
      </c>
      <c r="B50940" s="14" t="s">
        <v>1</v>
      </c>
      <c r="C50940" s="14" t="s">
        <v>70</v>
      </c>
      <c r="D50940" s="14" t="s">
        <v>286</v>
      </c>
      <c r="E50940" s="15">
        <v>45581</v>
      </c>
      <c r="F50940" s="14" t="s">
        <v>72</v>
      </c>
      <c r="G50940" s="16">
        <v>1.7492738885417496</v>
      </c>
    </row>
    <row r="50941" spans="1:7" x14ac:dyDescent="0.3">
      <c r="A50941" s="13" t="s">
        <v>285</v>
      </c>
      <c r="B50941" s="14" t="s">
        <v>1</v>
      </c>
      <c r="C50941" s="14" t="s">
        <v>70</v>
      </c>
      <c r="D50941" s="14" t="s">
        <v>286</v>
      </c>
      <c r="E50941" s="15">
        <v>45582</v>
      </c>
      <c r="F50941" s="14" t="s">
        <v>72</v>
      </c>
      <c r="G50941" s="16">
        <v>1.745837555022576</v>
      </c>
    </row>
    <row r="50942" spans="1:7" x14ac:dyDescent="0.3">
      <c r="A50942" s="13" t="s">
        <v>285</v>
      </c>
      <c r="B50942" s="14" t="s">
        <v>1</v>
      </c>
      <c r="C50942" s="14" t="s">
        <v>70</v>
      </c>
      <c r="D50942" s="14" t="s">
        <v>286</v>
      </c>
      <c r="E50942" s="15">
        <v>45583</v>
      </c>
      <c r="F50942" s="14" t="s">
        <v>72</v>
      </c>
      <c r="G50942" s="16">
        <v>1.7525116147871937</v>
      </c>
    </row>
    <row r="50943" spans="1:7" x14ac:dyDescent="0.3">
      <c r="A50943" s="13" t="s">
        <v>285</v>
      </c>
      <c r="B50943" s="14" t="s">
        <v>1</v>
      </c>
      <c r="C50943" s="14" t="s">
        <v>70</v>
      </c>
      <c r="D50943" s="14" t="s">
        <v>286</v>
      </c>
      <c r="E50943" s="15">
        <v>45584</v>
      </c>
      <c r="F50943" s="14" t="s">
        <v>72</v>
      </c>
      <c r="G50943" s="16">
        <v>1.7525116147871937</v>
      </c>
    </row>
    <row r="50944" spans="1:7" x14ac:dyDescent="0.3">
      <c r="A50944" s="13" t="s">
        <v>285</v>
      </c>
      <c r="B50944" s="14" t="s">
        <v>1</v>
      </c>
      <c r="C50944" s="14" t="s">
        <v>70</v>
      </c>
      <c r="D50944" s="14" t="s">
        <v>286</v>
      </c>
      <c r="E50944" s="15">
        <v>45585</v>
      </c>
      <c r="F50944" s="14" t="s">
        <v>72</v>
      </c>
      <c r="G50944" s="16">
        <v>1.7525116147871937</v>
      </c>
    </row>
    <row r="50945" spans="1:7" x14ac:dyDescent="0.3">
      <c r="A50945" s="13" t="s">
        <v>285</v>
      </c>
      <c r="B50945" s="14" t="s">
        <v>1</v>
      </c>
      <c r="C50945" s="14" t="s">
        <v>70</v>
      </c>
      <c r="D50945" s="14" t="s">
        <v>286</v>
      </c>
      <c r="E50945" s="15">
        <v>45586</v>
      </c>
      <c r="F50945" s="14" t="s">
        <v>72</v>
      </c>
      <c r="G50945" s="16">
        <v>1.7738780630645925</v>
      </c>
    </row>
    <row r="50946" spans="1:7" x14ac:dyDescent="0.3">
      <c r="A50946" s="13" t="s">
        <v>285</v>
      </c>
      <c r="B50946" s="14" t="s">
        <v>1</v>
      </c>
      <c r="C50946" s="14" t="s">
        <v>70</v>
      </c>
      <c r="D50946" s="14" t="s">
        <v>286</v>
      </c>
      <c r="E50946" s="15">
        <v>45587</v>
      </c>
      <c r="F50946" s="14" t="s">
        <v>72</v>
      </c>
      <c r="G50946" s="16">
        <v>1.778691203261604</v>
      </c>
    </row>
    <row r="50947" spans="1:7" x14ac:dyDescent="0.3">
      <c r="A50947" s="13" t="s">
        <v>285</v>
      </c>
      <c r="B50947" s="14" t="s">
        <v>1</v>
      </c>
      <c r="C50947" s="14" t="s">
        <v>70</v>
      </c>
      <c r="D50947" s="14" t="s">
        <v>286</v>
      </c>
      <c r="E50947" s="15">
        <v>45588</v>
      </c>
      <c r="F50947" s="14" t="s">
        <v>72</v>
      </c>
      <c r="G50947" s="16">
        <v>1.7950653269080459</v>
      </c>
    </row>
    <row r="50948" spans="1:7" x14ac:dyDescent="0.3">
      <c r="A50948" s="13" t="s">
        <v>285</v>
      </c>
      <c r="B50948" s="14" t="s">
        <v>1</v>
      </c>
      <c r="C50948" s="14" t="s">
        <v>70</v>
      </c>
      <c r="D50948" s="14" t="s">
        <v>286</v>
      </c>
      <c r="E50948" s="15">
        <v>45589</v>
      </c>
      <c r="F50948" s="14" t="s">
        <v>72</v>
      </c>
      <c r="G50948" s="16">
        <v>1.7991355639540263</v>
      </c>
    </row>
    <row r="50949" spans="1:7" x14ac:dyDescent="0.3">
      <c r="A50949" s="13" t="s">
        <v>285</v>
      </c>
      <c r="B50949" s="14" t="s">
        <v>1</v>
      </c>
      <c r="C50949" s="14" t="s">
        <v>70</v>
      </c>
      <c r="D50949" s="14" t="s">
        <v>286</v>
      </c>
      <c r="E50949" s="15">
        <v>45590</v>
      </c>
      <c r="F50949" s="14" t="s">
        <v>72</v>
      </c>
      <c r="G50949" s="16">
        <v>1.8125040461654605</v>
      </c>
    </row>
    <row r="50950" spans="1:7" x14ac:dyDescent="0.3">
      <c r="A50950" s="13" t="s">
        <v>285</v>
      </c>
      <c r="B50950" s="14" t="s">
        <v>1</v>
      </c>
      <c r="C50950" s="14" t="s">
        <v>70</v>
      </c>
      <c r="D50950" s="14" t="s">
        <v>286</v>
      </c>
      <c r="E50950" s="15">
        <v>45591</v>
      </c>
      <c r="F50950" s="14" t="s">
        <v>72</v>
      </c>
      <c r="G50950" s="16">
        <v>1.8125040461654605</v>
      </c>
    </row>
    <row r="50951" spans="1:7" x14ac:dyDescent="0.3">
      <c r="A50951" s="13" t="s">
        <v>285</v>
      </c>
      <c r="B50951" s="14" t="s">
        <v>1</v>
      </c>
      <c r="C50951" s="14" t="s">
        <v>70</v>
      </c>
      <c r="D50951" s="14" t="s">
        <v>286</v>
      </c>
      <c r="E50951" s="15">
        <v>45592</v>
      </c>
      <c r="F50951" s="14" t="s">
        <v>72</v>
      </c>
      <c r="G50951" s="16">
        <v>1.8125040461654605</v>
      </c>
    </row>
    <row r="50952" spans="1:7" x14ac:dyDescent="0.3">
      <c r="A50952" s="13" t="s">
        <v>285</v>
      </c>
      <c r="B50952" s="14" t="s">
        <v>1</v>
      </c>
      <c r="C50952" s="14" t="s">
        <v>70</v>
      </c>
      <c r="D50952" s="14" t="s">
        <v>286</v>
      </c>
      <c r="E50952" s="15">
        <v>45593</v>
      </c>
      <c r="F50952" s="14" t="s">
        <v>72</v>
      </c>
      <c r="G50952" s="16">
        <v>1.8125040461654605</v>
      </c>
    </row>
    <row r="50953" spans="1:7" x14ac:dyDescent="0.3">
      <c r="A50953" s="13" t="s">
        <v>285</v>
      </c>
      <c r="B50953" s="14" t="s">
        <v>1</v>
      </c>
      <c r="C50953" s="14" t="s">
        <v>70</v>
      </c>
      <c r="D50953" s="14" t="s">
        <v>286</v>
      </c>
      <c r="E50953" s="15">
        <v>45594</v>
      </c>
      <c r="F50953" s="14" t="s">
        <v>72</v>
      </c>
      <c r="G50953" s="16">
        <v>1.8287339759458814</v>
      </c>
    </row>
    <row r="50954" spans="1:7" x14ac:dyDescent="0.3">
      <c r="A50954" s="13" t="s">
        <v>285</v>
      </c>
      <c r="B50954" s="14" t="s">
        <v>1</v>
      </c>
      <c r="C50954" s="14" t="s">
        <v>70</v>
      </c>
      <c r="D50954" s="14" t="s">
        <v>286</v>
      </c>
      <c r="E50954" s="15">
        <v>45595</v>
      </c>
      <c r="F50954" s="14" t="s">
        <v>72</v>
      </c>
      <c r="G50954" s="16">
        <v>1.8480342934524416</v>
      </c>
    </row>
    <row r="50955" spans="1:7" x14ac:dyDescent="0.3">
      <c r="A50955" s="13" t="s">
        <v>285</v>
      </c>
      <c r="B50955" s="14" t="s">
        <v>1</v>
      </c>
      <c r="C50955" s="14" t="s">
        <v>70</v>
      </c>
      <c r="D50955" s="14" t="s">
        <v>286</v>
      </c>
      <c r="E50955" s="15">
        <v>45596</v>
      </c>
      <c r="F50955" s="14" t="s">
        <v>72</v>
      </c>
      <c r="G50955" s="16">
        <v>1.8490518597989698</v>
      </c>
    </row>
    <row r="50956" spans="1:7" x14ac:dyDescent="0.3">
      <c r="A50956" s="13" t="s">
        <v>285</v>
      </c>
      <c r="B50956" s="14" t="s">
        <v>1</v>
      </c>
      <c r="C50956" s="14" t="s">
        <v>70</v>
      </c>
      <c r="D50956" s="14" t="s">
        <v>286</v>
      </c>
      <c r="E50956" s="15">
        <v>45597</v>
      </c>
      <c r="F50956" s="14" t="s">
        <v>72</v>
      </c>
      <c r="G50956" s="16">
        <v>1.8604869679757616</v>
      </c>
    </row>
    <row r="50957" spans="1:7" x14ac:dyDescent="0.3">
      <c r="A50957" s="13" t="s">
        <v>285</v>
      </c>
      <c r="B50957" s="14" t="s">
        <v>1</v>
      </c>
      <c r="C50957" s="14" t="s">
        <v>70</v>
      </c>
      <c r="D50957" s="14" t="s">
        <v>286</v>
      </c>
      <c r="E50957" s="15">
        <v>45598</v>
      </c>
      <c r="F50957" s="14" t="s">
        <v>72</v>
      </c>
      <c r="G50957" s="16">
        <v>1.8604869679757616</v>
      </c>
    </row>
    <row r="50958" spans="1:7" x14ac:dyDescent="0.3">
      <c r="A50958" s="13" t="s">
        <v>285</v>
      </c>
      <c r="B50958" s="14" t="s">
        <v>1</v>
      </c>
      <c r="C50958" s="14" t="s">
        <v>70</v>
      </c>
      <c r="D50958" s="14" t="s">
        <v>286</v>
      </c>
      <c r="E50958" s="15">
        <v>45599</v>
      </c>
      <c r="F50958" s="14" t="s">
        <v>72</v>
      </c>
      <c r="G50958" s="16">
        <v>1.8604869679757616</v>
      </c>
    </row>
    <row r="50959" spans="1:7" x14ac:dyDescent="0.3">
      <c r="A50959" s="13" t="s">
        <v>285</v>
      </c>
      <c r="B50959" s="14" t="s">
        <v>1</v>
      </c>
      <c r="C50959" s="14" t="s">
        <v>70</v>
      </c>
      <c r="D50959" s="14" t="s">
        <v>286</v>
      </c>
      <c r="E50959" s="15">
        <v>45600</v>
      </c>
      <c r="F50959" s="14" t="s">
        <v>72</v>
      </c>
      <c r="G50959" s="16">
        <v>1.8518721154831601</v>
      </c>
    </row>
    <row r="50960" spans="1:7" x14ac:dyDescent="0.3">
      <c r="A50960" s="13" t="s">
        <v>285</v>
      </c>
      <c r="B50960" s="14" t="s">
        <v>1</v>
      </c>
      <c r="C50960" s="14" t="s">
        <v>70</v>
      </c>
      <c r="D50960" s="14" t="s">
        <v>286</v>
      </c>
      <c r="E50960" s="15">
        <v>45601</v>
      </c>
      <c r="F50960" s="14" t="s">
        <v>72</v>
      </c>
      <c r="G50960" s="16">
        <v>1.8465840820080868</v>
      </c>
    </row>
    <row r="50961" spans="1:7" x14ac:dyDescent="0.3">
      <c r="A50961" s="13" t="s">
        <v>285</v>
      </c>
      <c r="B50961" s="14" t="s">
        <v>1</v>
      </c>
      <c r="C50961" s="14" t="s">
        <v>70</v>
      </c>
      <c r="D50961" s="14" t="s">
        <v>286</v>
      </c>
      <c r="E50961" s="15">
        <v>45602</v>
      </c>
      <c r="F50961" s="14" t="s">
        <v>72</v>
      </c>
      <c r="G50961" s="16">
        <v>1.8710000376089677</v>
      </c>
    </row>
    <row r="50962" spans="1:7" x14ac:dyDescent="0.3">
      <c r="A50962" s="13" t="s">
        <v>285</v>
      </c>
      <c r="B50962" s="14" t="s">
        <v>1</v>
      </c>
      <c r="C50962" s="14" t="s">
        <v>70</v>
      </c>
      <c r="D50962" s="14" t="s">
        <v>286</v>
      </c>
      <c r="E50962" s="15">
        <v>45603</v>
      </c>
      <c r="F50962" s="14" t="s">
        <v>72</v>
      </c>
      <c r="G50962" s="16">
        <v>1.8439823290201642</v>
      </c>
    </row>
    <row r="50963" spans="1:7" x14ac:dyDescent="0.3">
      <c r="A50963" s="13" t="s">
        <v>285</v>
      </c>
      <c r="B50963" s="14" t="s">
        <v>1</v>
      </c>
      <c r="C50963" s="14" t="s">
        <v>70</v>
      </c>
      <c r="D50963" s="14" t="s">
        <v>286</v>
      </c>
      <c r="E50963" s="15">
        <v>45604</v>
      </c>
      <c r="F50963" s="14" t="s">
        <v>72</v>
      </c>
      <c r="G50963" s="16">
        <v>1.8869223265291997</v>
      </c>
    </row>
    <row r="50964" spans="1:7" x14ac:dyDescent="0.3">
      <c r="A50964" s="13" t="s">
        <v>285</v>
      </c>
      <c r="B50964" s="14" t="s">
        <v>1</v>
      </c>
      <c r="C50964" s="14" t="s">
        <v>70</v>
      </c>
      <c r="D50964" s="14" t="s">
        <v>286</v>
      </c>
      <c r="E50964" s="15">
        <v>45605</v>
      </c>
      <c r="F50964" s="14" t="s">
        <v>72</v>
      </c>
      <c r="G50964" s="16">
        <v>1.8869223265291997</v>
      </c>
    </row>
    <row r="50965" spans="1:7" x14ac:dyDescent="0.3">
      <c r="A50965" s="13" t="s">
        <v>285</v>
      </c>
      <c r="B50965" s="14" t="s">
        <v>1</v>
      </c>
      <c r="C50965" s="14" t="s">
        <v>70</v>
      </c>
      <c r="D50965" s="14" t="s">
        <v>286</v>
      </c>
      <c r="E50965" s="15">
        <v>45606</v>
      </c>
      <c r="F50965" s="14" t="s">
        <v>72</v>
      </c>
      <c r="G50965" s="16">
        <v>1.8869223265291997</v>
      </c>
    </row>
    <row r="50966" spans="1:7" x14ac:dyDescent="0.3">
      <c r="A50966" s="13" t="s">
        <v>285</v>
      </c>
      <c r="B50966" s="14" t="s">
        <v>1</v>
      </c>
      <c r="C50966" s="14" t="s">
        <v>70</v>
      </c>
      <c r="D50966" s="14" t="s">
        <v>286</v>
      </c>
      <c r="E50966" s="15">
        <v>45607</v>
      </c>
      <c r="F50966" s="14" t="s">
        <v>72</v>
      </c>
      <c r="G50966" s="16">
        <v>1.8989902164467312</v>
      </c>
    </row>
    <row r="50967" spans="1:7" x14ac:dyDescent="0.3">
      <c r="A50967" s="13" t="s">
        <v>285</v>
      </c>
      <c r="B50967" s="14" t="s">
        <v>1</v>
      </c>
      <c r="C50967" s="14" t="s">
        <v>70</v>
      </c>
      <c r="D50967" s="14" t="s">
        <v>286</v>
      </c>
      <c r="E50967" s="15">
        <v>45608</v>
      </c>
      <c r="F50967" s="14" t="s">
        <v>72</v>
      </c>
      <c r="G50967" s="16">
        <v>1.9216801779268358</v>
      </c>
    </row>
    <row r="50968" spans="1:7" x14ac:dyDescent="0.3">
      <c r="A50968" s="13" t="s">
        <v>285</v>
      </c>
      <c r="B50968" s="14" t="s">
        <v>1</v>
      </c>
      <c r="C50968" s="14" t="s">
        <v>70</v>
      </c>
      <c r="D50968" s="14" t="s">
        <v>286</v>
      </c>
      <c r="E50968" s="15">
        <v>45609</v>
      </c>
      <c r="F50968" s="14" t="s">
        <v>72</v>
      </c>
      <c r="G50968" s="16">
        <v>1.9384878195076498</v>
      </c>
    </row>
    <row r="50969" spans="1:7" x14ac:dyDescent="0.3">
      <c r="A50969" s="13" t="s">
        <v>285</v>
      </c>
      <c r="B50969" s="14" t="s">
        <v>1</v>
      </c>
      <c r="C50969" s="14" t="s">
        <v>70</v>
      </c>
      <c r="D50969" s="14" t="s">
        <v>286</v>
      </c>
      <c r="E50969" s="15">
        <v>45610</v>
      </c>
      <c r="F50969" s="14" t="s">
        <v>72</v>
      </c>
      <c r="G50969" s="16">
        <v>1.9512012107947203</v>
      </c>
    </row>
    <row r="50970" spans="1:7" x14ac:dyDescent="0.3">
      <c r="A50970" s="13" t="s">
        <v>285</v>
      </c>
      <c r="B50970" s="14" t="s">
        <v>1</v>
      </c>
      <c r="C50970" s="14" t="s">
        <v>70</v>
      </c>
      <c r="D50970" s="14" t="s">
        <v>286</v>
      </c>
      <c r="E50970" s="15">
        <v>45611</v>
      </c>
      <c r="F50970" s="14" t="s">
        <v>72</v>
      </c>
      <c r="G50970" s="16">
        <v>1.9852624251719169</v>
      </c>
    </row>
    <row r="50971" spans="1:7" x14ac:dyDescent="0.3">
      <c r="A50971" s="13" t="s">
        <v>285</v>
      </c>
      <c r="B50971" s="14" t="s">
        <v>1</v>
      </c>
      <c r="C50971" s="14" t="s">
        <v>70</v>
      </c>
      <c r="D50971" s="14" t="s">
        <v>286</v>
      </c>
      <c r="E50971" s="15">
        <v>45612</v>
      </c>
      <c r="F50971" s="14" t="s">
        <v>72</v>
      </c>
      <c r="G50971" s="16">
        <v>1.9852624251719169</v>
      </c>
    </row>
    <row r="50972" spans="1:7" x14ac:dyDescent="0.3">
      <c r="A50972" s="13" t="s">
        <v>285</v>
      </c>
      <c r="B50972" s="14" t="s">
        <v>1</v>
      </c>
      <c r="C50972" s="14" t="s">
        <v>70</v>
      </c>
      <c r="D50972" s="14" t="s">
        <v>286</v>
      </c>
      <c r="E50972" s="15">
        <v>45613</v>
      </c>
      <c r="F50972" s="14" t="s">
        <v>72</v>
      </c>
      <c r="G50972" s="16">
        <v>1.9852624251719169</v>
      </c>
    </row>
    <row r="50973" spans="1:7" x14ac:dyDescent="0.3">
      <c r="A50973" s="13" t="s">
        <v>285</v>
      </c>
      <c r="B50973" s="14" t="s">
        <v>1</v>
      </c>
      <c r="C50973" s="14" t="s">
        <v>70</v>
      </c>
      <c r="D50973" s="14" t="s">
        <v>286</v>
      </c>
      <c r="E50973" s="15">
        <v>45614</v>
      </c>
      <c r="F50973" s="14" t="s">
        <v>72</v>
      </c>
      <c r="G50973" s="16">
        <v>1.9805774634626498</v>
      </c>
    </row>
    <row r="50974" spans="1:7" x14ac:dyDescent="0.3">
      <c r="A50974" s="13" t="s">
        <v>285</v>
      </c>
      <c r="B50974" s="14" t="s">
        <v>1</v>
      </c>
      <c r="C50974" s="14" t="s">
        <v>70</v>
      </c>
      <c r="D50974" s="14" t="s">
        <v>286</v>
      </c>
      <c r="E50974" s="15">
        <v>45615</v>
      </c>
      <c r="F50974" s="14" t="s">
        <v>72</v>
      </c>
      <c r="G50974" s="16">
        <v>2.0039876635804856</v>
      </c>
    </row>
    <row r="50975" spans="1:7" x14ac:dyDescent="0.3">
      <c r="A50975" s="13" t="s">
        <v>285</v>
      </c>
      <c r="B50975" s="14" t="s">
        <v>1</v>
      </c>
      <c r="C50975" s="14" t="s">
        <v>70</v>
      </c>
      <c r="D50975" s="14" t="s">
        <v>286</v>
      </c>
      <c r="E50975" s="15">
        <v>45616</v>
      </c>
      <c r="F50975" s="14" t="s">
        <v>72</v>
      </c>
      <c r="G50975" s="16">
        <v>2.0147467987098695</v>
      </c>
    </row>
    <row r="50976" spans="1:7" x14ac:dyDescent="0.3">
      <c r="A50976" s="13" t="s">
        <v>285</v>
      </c>
      <c r="B50976" s="14" t="s">
        <v>1</v>
      </c>
      <c r="C50976" s="14" t="s">
        <v>70</v>
      </c>
      <c r="D50976" s="14" t="s">
        <v>286</v>
      </c>
      <c r="E50976" s="15">
        <v>45617</v>
      </c>
      <c r="F50976" s="14" t="s">
        <v>72</v>
      </c>
      <c r="G50976" s="16">
        <v>2.0195536087772452</v>
      </c>
    </row>
    <row r="50977" spans="1:7" x14ac:dyDescent="0.3">
      <c r="A50977" s="13" t="s">
        <v>285</v>
      </c>
      <c r="B50977" s="14" t="s">
        <v>1</v>
      </c>
      <c r="C50977" s="14" t="s">
        <v>70</v>
      </c>
      <c r="D50977" s="14" t="s">
        <v>286</v>
      </c>
      <c r="E50977" s="15">
        <v>45618</v>
      </c>
      <c r="F50977" s="14" t="s">
        <v>72</v>
      </c>
      <c r="G50977" s="16">
        <v>2.0290854007674595</v>
      </c>
    </row>
    <row r="50978" spans="1:7" x14ac:dyDescent="0.3">
      <c r="A50978" s="13" t="s">
        <v>285</v>
      </c>
      <c r="B50978" s="14" t="s">
        <v>1</v>
      </c>
      <c r="C50978" s="14" t="s">
        <v>70</v>
      </c>
      <c r="D50978" s="14" t="s">
        <v>286</v>
      </c>
      <c r="E50978" s="15">
        <v>45619</v>
      </c>
      <c r="F50978" s="14" t="s">
        <v>72</v>
      </c>
      <c r="G50978" s="16">
        <v>2.0290854007674595</v>
      </c>
    </row>
    <row r="50979" spans="1:7" x14ac:dyDescent="0.3">
      <c r="A50979" s="13" t="s">
        <v>285</v>
      </c>
      <c r="B50979" s="14" t="s">
        <v>1</v>
      </c>
      <c r="C50979" s="14" t="s">
        <v>70</v>
      </c>
      <c r="D50979" s="14" t="s">
        <v>286</v>
      </c>
      <c r="E50979" s="15">
        <v>45620</v>
      </c>
      <c r="F50979" s="14" t="s">
        <v>72</v>
      </c>
      <c r="G50979" s="16">
        <v>2.0290854007674595</v>
      </c>
    </row>
    <row r="50980" spans="1:7" x14ac:dyDescent="0.3">
      <c r="A50980" s="13" t="s">
        <v>285</v>
      </c>
      <c r="B50980" s="14" t="s">
        <v>1</v>
      </c>
      <c r="C50980" s="14" t="s">
        <v>70</v>
      </c>
      <c r="D50980" s="14" t="s">
        <v>286</v>
      </c>
      <c r="E50980" s="15">
        <v>45621</v>
      </c>
      <c r="F50980" s="14" t="s">
        <v>72</v>
      </c>
      <c r="G50980" s="16">
        <v>2.0311841626665377</v>
      </c>
    </row>
    <row r="50981" spans="1:7" x14ac:dyDescent="0.3">
      <c r="A50981" s="13" t="s">
        <v>285</v>
      </c>
      <c r="B50981" s="14" t="s">
        <v>1</v>
      </c>
      <c r="C50981" s="14" t="s">
        <v>70</v>
      </c>
      <c r="D50981" s="14" t="s">
        <v>286</v>
      </c>
      <c r="E50981" s="15">
        <v>45622</v>
      </c>
      <c r="F50981" s="14" t="s">
        <v>72</v>
      </c>
      <c r="G50981" s="16">
        <v>2.0604989158255749</v>
      </c>
    </row>
    <row r="50982" spans="1:7" x14ac:dyDescent="0.3">
      <c r="A50982" s="13" t="s">
        <v>285</v>
      </c>
      <c r="B50982" s="14" t="s">
        <v>1</v>
      </c>
      <c r="C50982" s="14" t="s">
        <v>70</v>
      </c>
      <c r="D50982" s="14" t="s">
        <v>286</v>
      </c>
      <c r="E50982" s="15">
        <v>45623</v>
      </c>
      <c r="F50982" s="14" t="s">
        <v>72</v>
      </c>
      <c r="G50982" s="16">
        <v>2.0621595599808518</v>
      </c>
    </row>
    <row r="50983" spans="1:7" x14ac:dyDescent="0.3">
      <c r="A50983" s="13" t="s">
        <v>285</v>
      </c>
      <c r="B50983" s="14" t="s">
        <v>1</v>
      </c>
      <c r="C50983" s="14" t="s">
        <v>70</v>
      </c>
      <c r="D50983" s="14" t="s">
        <v>286</v>
      </c>
      <c r="E50983" s="15">
        <v>45624</v>
      </c>
      <c r="F50983" s="14" t="s">
        <v>72</v>
      </c>
      <c r="G50983" s="16">
        <v>2.0697368801981564</v>
      </c>
    </row>
    <row r="50984" spans="1:7" x14ac:dyDescent="0.3">
      <c r="A50984" s="13" t="s">
        <v>285</v>
      </c>
      <c r="B50984" s="14" t="s">
        <v>1</v>
      </c>
      <c r="C50984" s="14" t="s">
        <v>70</v>
      </c>
      <c r="D50984" s="14" t="s">
        <v>286</v>
      </c>
      <c r="E50984" s="15">
        <v>45625</v>
      </c>
      <c r="F50984" s="14" t="s">
        <v>72</v>
      </c>
      <c r="G50984" s="16">
        <v>2.0686725816396985</v>
      </c>
    </row>
    <row r="50985" spans="1:7" x14ac:dyDescent="0.3">
      <c r="A50985" s="13" t="s">
        <v>285</v>
      </c>
      <c r="B50985" s="14" t="s">
        <v>1</v>
      </c>
      <c r="C50985" s="14" t="s">
        <v>70</v>
      </c>
      <c r="D50985" s="14" t="s">
        <v>286</v>
      </c>
      <c r="E50985" s="15">
        <v>45626</v>
      </c>
      <c r="F50985" s="14" t="s">
        <v>72</v>
      </c>
      <c r="G50985" s="16">
        <v>2.0686725816396985</v>
      </c>
    </row>
    <row r="50986" spans="1:7" x14ac:dyDescent="0.3">
      <c r="A50986" s="13" t="s">
        <v>285</v>
      </c>
      <c r="B50986" s="14" t="s">
        <v>1</v>
      </c>
      <c r="C50986" s="14" t="s">
        <v>70</v>
      </c>
      <c r="D50986" s="14" t="s">
        <v>286</v>
      </c>
      <c r="E50986" s="15">
        <v>45627</v>
      </c>
      <c r="F50986" s="14" t="s">
        <v>72</v>
      </c>
      <c r="G50986" s="16">
        <v>2.0686725816396985</v>
      </c>
    </row>
    <row r="50987" spans="1:7" x14ac:dyDescent="0.3">
      <c r="A50987" s="13" t="s">
        <v>285</v>
      </c>
      <c r="B50987" s="14" t="s">
        <v>1</v>
      </c>
      <c r="C50987" s="14" t="s">
        <v>70</v>
      </c>
      <c r="D50987" s="14" t="s">
        <v>286</v>
      </c>
      <c r="E50987" s="15">
        <v>45628</v>
      </c>
      <c r="F50987" s="14" t="s">
        <v>72</v>
      </c>
      <c r="G50987" s="16">
        <v>2.0916056621971397</v>
      </c>
    </row>
    <row r="50988" spans="1:7" x14ac:dyDescent="0.3">
      <c r="A50988" s="13" t="s">
        <v>285</v>
      </c>
      <c r="B50988" s="14" t="s">
        <v>1</v>
      </c>
      <c r="C50988" s="14" t="s">
        <v>70</v>
      </c>
      <c r="D50988" s="14" t="s">
        <v>286</v>
      </c>
      <c r="E50988" s="15">
        <v>45629</v>
      </c>
      <c r="F50988" s="14" t="s">
        <v>72</v>
      </c>
      <c r="G50988" s="16">
        <v>2.1046045381555034</v>
      </c>
    </row>
    <row r="50989" spans="1:7" x14ac:dyDescent="0.3">
      <c r="A50989" s="13" t="s">
        <v>285</v>
      </c>
      <c r="B50989" s="14" t="s">
        <v>1</v>
      </c>
      <c r="C50989" s="14" t="s">
        <v>70</v>
      </c>
      <c r="D50989" s="14" t="s">
        <v>286</v>
      </c>
      <c r="E50989" s="15">
        <v>45630</v>
      </c>
      <c r="F50989" s="14" t="s">
        <v>72</v>
      </c>
      <c r="G50989" s="16">
        <v>2.1290825559694717</v>
      </c>
    </row>
    <row r="50990" spans="1:7" x14ac:dyDescent="0.3">
      <c r="A50990" s="13" t="s">
        <v>285</v>
      </c>
      <c r="B50990" s="14" t="s">
        <v>1</v>
      </c>
      <c r="C50990" s="14" t="s">
        <v>70</v>
      </c>
      <c r="D50990" s="14" t="s">
        <v>286</v>
      </c>
      <c r="E50990" s="15">
        <v>45631</v>
      </c>
      <c r="F50990" s="14" t="s">
        <v>72</v>
      </c>
      <c r="G50990" s="16">
        <v>2.1262749017771059</v>
      </c>
    </row>
    <row r="50991" spans="1:7" x14ac:dyDescent="0.3">
      <c r="A50991" s="13" t="s">
        <v>285</v>
      </c>
      <c r="B50991" s="14" t="s">
        <v>1</v>
      </c>
      <c r="C50991" s="14" t="s">
        <v>70</v>
      </c>
      <c r="D50991" s="14" t="s">
        <v>286</v>
      </c>
      <c r="E50991" s="15">
        <v>45632</v>
      </c>
      <c r="F50991" s="14" t="s">
        <v>72</v>
      </c>
      <c r="G50991" s="16">
        <v>2.1554929973561578</v>
      </c>
    </row>
    <row r="50992" spans="1:7" x14ac:dyDescent="0.3">
      <c r="A50992" s="13" t="s">
        <v>285</v>
      </c>
      <c r="B50992" s="14" t="s">
        <v>1</v>
      </c>
      <c r="C50992" s="14" t="s">
        <v>70</v>
      </c>
      <c r="D50992" s="14" t="s">
        <v>286</v>
      </c>
      <c r="E50992" s="15">
        <v>45633</v>
      </c>
      <c r="F50992" s="14" t="s">
        <v>72</v>
      </c>
      <c r="G50992" s="16">
        <v>2.1554929973561578</v>
      </c>
    </row>
    <row r="50993" spans="1:7" x14ac:dyDescent="0.3">
      <c r="A50993" s="13" t="s">
        <v>285</v>
      </c>
      <c r="B50993" s="14" t="s">
        <v>1</v>
      </c>
      <c r="C50993" s="14" t="s">
        <v>70</v>
      </c>
      <c r="D50993" s="14" t="s">
        <v>286</v>
      </c>
      <c r="E50993" s="15">
        <v>45634</v>
      </c>
      <c r="F50993" s="14" t="s">
        <v>72</v>
      </c>
      <c r="G50993" s="16">
        <v>2.1554929973561578</v>
      </c>
    </row>
    <row r="50994" spans="1:7" x14ac:dyDescent="0.3">
      <c r="A50994" s="13" t="s">
        <v>285</v>
      </c>
      <c r="B50994" s="14" t="s">
        <v>1</v>
      </c>
      <c r="C50994" s="14" t="s">
        <v>70</v>
      </c>
      <c r="D50994" s="14" t="s">
        <v>286</v>
      </c>
      <c r="E50994" s="15">
        <v>45635</v>
      </c>
      <c r="F50994" s="14" t="s">
        <v>72</v>
      </c>
      <c r="G50994" s="16">
        <v>2.1414480370012381</v>
      </c>
    </row>
    <row r="50995" spans="1:7" x14ac:dyDescent="0.3">
      <c r="A50995" s="13" t="s">
        <v>285</v>
      </c>
      <c r="B50995" s="14" t="s">
        <v>1</v>
      </c>
      <c r="C50995" s="14" t="s">
        <v>70</v>
      </c>
      <c r="D50995" s="14" t="s">
        <v>286</v>
      </c>
      <c r="E50995" s="15">
        <v>45636</v>
      </c>
      <c r="F50995" s="14" t="s">
        <v>72</v>
      </c>
      <c r="G50995" s="16">
        <v>2.1776240562055582</v>
      </c>
    </row>
    <row r="50996" spans="1:7" x14ac:dyDescent="0.3">
      <c r="A50996" s="13" t="s">
        <v>285</v>
      </c>
      <c r="B50996" s="14" t="s">
        <v>1</v>
      </c>
      <c r="C50996" s="14" t="s">
        <v>70</v>
      </c>
      <c r="D50996" s="14" t="s">
        <v>286</v>
      </c>
      <c r="E50996" s="15">
        <v>45637</v>
      </c>
      <c r="F50996" s="14" t="s">
        <v>72</v>
      </c>
      <c r="G50996" s="16">
        <v>2.1853666609445583</v>
      </c>
    </row>
    <row r="50997" spans="1:7" x14ac:dyDescent="0.3">
      <c r="A50997" s="13" t="s">
        <v>285</v>
      </c>
      <c r="B50997" s="14" t="s">
        <v>1</v>
      </c>
      <c r="C50997" s="14" t="s">
        <v>70</v>
      </c>
      <c r="D50997" s="14" t="s">
        <v>286</v>
      </c>
      <c r="E50997" s="15">
        <v>45638</v>
      </c>
      <c r="F50997" s="14" t="s">
        <v>72</v>
      </c>
      <c r="G50997" s="16">
        <v>2.1902633939342069</v>
      </c>
    </row>
    <row r="50998" spans="1:7" x14ac:dyDescent="0.3">
      <c r="A50998" s="13" t="s">
        <v>285</v>
      </c>
      <c r="B50998" s="14" t="s">
        <v>1</v>
      </c>
      <c r="C50998" s="14" t="s">
        <v>70</v>
      </c>
      <c r="D50998" s="14" t="s">
        <v>286</v>
      </c>
      <c r="E50998" s="15">
        <v>45639</v>
      </c>
      <c r="F50998" s="14" t="s">
        <v>72</v>
      </c>
      <c r="G50998" s="16">
        <v>2.1973115946302046</v>
      </c>
    </row>
    <row r="50999" spans="1:7" x14ac:dyDescent="0.3">
      <c r="A50999" s="13" t="s">
        <v>285</v>
      </c>
      <c r="B50999" s="14" t="s">
        <v>1</v>
      </c>
      <c r="C50999" s="14" t="s">
        <v>70</v>
      </c>
      <c r="D50999" s="14" t="s">
        <v>286</v>
      </c>
      <c r="E50999" s="15">
        <v>45640</v>
      </c>
      <c r="F50999" s="14" t="s">
        <v>72</v>
      </c>
      <c r="G50999" s="16">
        <v>2.1973115946302046</v>
      </c>
    </row>
    <row r="51000" spans="1:7" x14ac:dyDescent="0.3">
      <c r="A51000" s="13" t="s">
        <v>285</v>
      </c>
      <c r="B51000" s="14" t="s">
        <v>1</v>
      </c>
      <c r="C51000" s="14" t="s">
        <v>70</v>
      </c>
      <c r="D51000" s="14" t="s">
        <v>286</v>
      </c>
      <c r="E51000" s="15">
        <v>45641</v>
      </c>
      <c r="F51000" s="14" t="s">
        <v>72</v>
      </c>
      <c r="G51000" s="16">
        <v>2.1973115946302046</v>
      </c>
    </row>
    <row r="51001" spans="1:7" x14ac:dyDescent="0.3">
      <c r="A51001" s="13" t="s">
        <v>285</v>
      </c>
      <c r="B51001" s="14" t="s">
        <v>1</v>
      </c>
      <c r="C51001" s="14" t="s">
        <v>70</v>
      </c>
      <c r="D51001" s="14" t="s">
        <v>286</v>
      </c>
      <c r="E51001" s="15">
        <v>45642</v>
      </c>
      <c r="F51001" s="14" t="s">
        <v>72</v>
      </c>
      <c r="G51001" s="16">
        <v>2.2016197611887112</v>
      </c>
    </row>
    <row r="51002" spans="1:7" x14ac:dyDescent="0.3">
      <c r="A51002" s="13" t="s">
        <v>285</v>
      </c>
      <c r="B51002" s="14" t="s">
        <v>1</v>
      </c>
      <c r="C51002" s="14" t="s">
        <v>70</v>
      </c>
      <c r="D51002" s="14" t="s">
        <v>286</v>
      </c>
      <c r="E51002" s="15">
        <v>45643</v>
      </c>
      <c r="F51002" s="14" t="s">
        <v>72</v>
      </c>
      <c r="G51002" s="16">
        <v>2.2281003700925899</v>
      </c>
    </row>
    <row r="51003" spans="1:7" x14ac:dyDescent="0.3">
      <c r="A51003" s="13" t="s">
        <v>285</v>
      </c>
      <c r="B51003" s="14" t="s">
        <v>1</v>
      </c>
      <c r="C51003" s="14" t="s">
        <v>70</v>
      </c>
      <c r="D51003" s="14" t="s">
        <v>286</v>
      </c>
      <c r="E51003" s="15">
        <v>45644</v>
      </c>
      <c r="F51003" s="14" t="s">
        <v>72</v>
      </c>
      <c r="G51003" s="16">
        <v>2.2548350382685571</v>
      </c>
    </row>
    <row r="51004" spans="1:7" x14ac:dyDescent="0.3">
      <c r="A51004" s="13" t="s">
        <v>285</v>
      </c>
      <c r="B51004" s="14" t="s">
        <v>1</v>
      </c>
      <c r="C51004" s="14" t="s">
        <v>70</v>
      </c>
      <c r="D51004" s="14" t="s">
        <v>286</v>
      </c>
      <c r="E51004" s="15">
        <v>45645</v>
      </c>
      <c r="F51004" s="14" t="s">
        <v>72</v>
      </c>
      <c r="G51004" s="16">
        <v>2.250443142857498</v>
      </c>
    </row>
    <row r="51005" spans="1:7" x14ac:dyDescent="0.3">
      <c r="A51005" s="13" t="s">
        <v>285</v>
      </c>
      <c r="B51005" s="14" t="s">
        <v>1</v>
      </c>
      <c r="C51005" s="14" t="s">
        <v>70</v>
      </c>
      <c r="D51005" s="14" t="s">
        <v>286</v>
      </c>
      <c r="E51005" s="15">
        <v>45646</v>
      </c>
      <c r="F51005" s="14" t="s">
        <v>72</v>
      </c>
      <c r="G51005" s="16">
        <v>2.2534440370344648</v>
      </c>
    </row>
    <row r="51006" spans="1:7" x14ac:dyDescent="0.3">
      <c r="A51006" s="13" t="s">
        <v>285</v>
      </c>
      <c r="B51006" s="14" t="s">
        <v>1</v>
      </c>
      <c r="C51006" s="14" t="s">
        <v>70</v>
      </c>
      <c r="D51006" s="14" t="s">
        <v>286</v>
      </c>
      <c r="E51006" s="15">
        <v>45647</v>
      </c>
      <c r="F51006" s="14" t="s">
        <v>72</v>
      </c>
      <c r="G51006" s="16">
        <v>2.2534440370344648</v>
      </c>
    </row>
    <row r="51007" spans="1:7" x14ac:dyDescent="0.3">
      <c r="A51007" s="13" t="s">
        <v>285</v>
      </c>
      <c r="B51007" s="14" t="s">
        <v>1</v>
      </c>
      <c r="C51007" s="14" t="s">
        <v>70</v>
      </c>
      <c r="D51007" s="14" t="s">
        <v>286</v>
      </c>
      <c r="E51007" s="15">
        <v>45648</v>
      </c>
      <c r="F51007" s="14" t="s">
        <v>72</v>
      </c>
      <c r="G51007" s="16">
        <v>2.2534440370344648</v>
      </c>
    </row>
    <row r="51008" spans="1:7" x14ac:dyDescent="0.3">
      <c r="A51008" s="13" t="s">
        <v>285</v>
      </c>
      <c r="B51008" s="14" t="s">
        <v>1</v>
      </c>
      <c r="C51008" s="14" t="s">
        <v>70</v>
      </c>
      <c r="D51008" s="14" t="s">
        <v>286</v>
      </c>
      <c r="E51008" s="15">
        <v>45649</v>
      </c>
      <c r="F51008" s="14" t="s">
        <v>72</v>
      </c>
      <c r="G51008" s="16">
        <v>2.256918874863683</v>
      </c>
    </row>
    <row r="51009" spans="1:7" x14ac:dyDescent="0.3">
      <c r="A51009" s="13" t="s">
        <v>285</v>
      </c>
      <c r="B51009" s="14" t="s">
        <v>1</v>
      </c>
      <c r="C51009" s="14" t="s">
        <v>70</v>
      </c>
      <c r="D51009" s="14" t="s">
        <v>286</v>
      </c>
      <c r="E51009" s="15">
        <v>45650</v>
      </c>
      <c r="F51009" s="14" t="s">
        <v>72</v>
      </c>
      <c r="G51009" s="16">
        <v>2.2732131897519205</v>
      </c>
    </row>
    <row r="51010" spans="1:7" x14ac:dyDescent="0.3">
      <c r="A51010" s="13" t="s">
        <v>285</v>
      </c>
      <c r="B51010" s="14" t="s">
        <v>1</v>
      </c>
      <c r="C51010" s="14" t="s">
        <v>70</v>
      </c>
      <c r="D51010" s="14" t="s">
        <v>286</v>
      </c>
      <c r="E51010" s="15">
        <v>45651</v>
      </c>
      <c r="F51010" s="14" t="s">
        <v>72</v>
      </c>
      <c r="G51010" s="16">
        <v>2.2732131897519205</v>
      </c>
    </row>
    <row r="51011" spans="1:7" x14ac:dyDescent="0.3">
      <c r="A51011" s="13" t="s">
        <v>285</v>
      </c>
      <c r="B51011" s="14" t="s">
        <v>1</v>
      </c>
      <c r="C51011" s="14" t="s">
        <v>70</v>
      </c>
      <c r="D51011" s="14" t="s">
        <v>286</v>
      </c>
      <c r="E51011" s="15">
        <v>45652</v>
      </c>
      <c r="F51011" s="14" t="s">
        <v>72</v>
      </c>
      <c r="G51011" s="16">
        <v>2.2732131897519205</v>
      </c>
    </row>
    <row r="51012" spans="1:7" x14ac:dyDescent="0.3">
      <c r="A51012" s="13" t="s">
        <v>285</v>
      </c>
      <c r="B51012" s="14" t="s">
        <v>1</v>
      </c>
      <c r="C51012" s="14" t="s">
        <v>70</v>
      </c>
      <c r="D51012" s="14" t="s">
        <v>286</v>
      </c>
      <c r="E51012" s="15">
        <v>45653</v>
      </c>
      <c r="F51012" s="14" t="s">
        <v>72</v>
      </c>
      <c r="G51012" s="16">
        <v>2.2732131897519205</v>
      </c>
    </row>
    <row r="51013" spans="1:7" x14ac:dyDescent="0.3">
      <c r="A51013" s="13" t="s">
        <v>285</v>
      </c>
      <c r="B51013" s="14" t="s">
        <v>1</v>
      </c>
      <c r="C51013" s="14" t="s">
        <v>70</v>
      </c>
      <c r="D51013" s="14" t="s">
        <v>286</v>
      </c>
      <c r="E51013" s="15">
        <v>45654</v>
      </c>
      <c r="F51013" s="14" t="s">
        <v>72</v>
      </c>
      <c r="G51013" s="16">
        <v>2.2732131897519205</v>
      </c>
    </row>
    <row r="51014" spans="1:7" x14ac:dyDescent="0.3">
      <c r="A51014" s="13" t="s">
        <v>285</v>
      </c>
      <c r="B51014" s="14" t="s">
        <v>1</v>
      </c>
      <c r="C51014" s="14" t="s">
        <v>70</v>
      </c>
      <c r="D51014" s="14" t="s">
        <v>286</v>
      </c>
      <c r="E51014" s="15">
        <v>45655</v>
      </c>
      <c r="F51014" s="14" t="s">
        <v>72</v>
      </c>
      <c r="G51014" s="16">
        <v>2.2732131897519205</v>
      </c>
    </row>
    <row r="51015" spans="1:7" x14ac:dyDescent="0.3">
      <c r="A51015" s="13" t="s">
        <v>285</v>
      </c>
      <c r="B51015" s="14" t="s">
        <v>1</v>
      </c>
      <c r="C51015" s="14" t="s">
        <v>70</v>
      </c>
      <c r="D51015" s="14" t="s">
        <v>286</v>
      </c>
      <c r="E51015" s="15">
        <v>45656</v>
      </c>
      <c r="F51015" s="14" t="s">
        <v>72</v>
      </c>
      <c r="G51015" s="16">
        <v>2.2826403230709587</v>
      </c>
    </row>
    <row r="51016" spans="1:7" x14ac:dyDescent="0.3">
      <c r="A51016" s="13" t="s">
        <v>285</v>
      </c>
      <c r="B51016" s="14" t="s">
        <v>1</v>
      </c>
      <c r="C51016" s="14" t="s">
        <v>70</v>
      </c>
      <c r="D51016" s="14" t="s">
        <v>286</v>
      </c>
      <c r="E51016" s="15">
        <v>45657</v>
      </c>
      <c r="F51016" s="14" t="s">
        <v>72</v>
      </c>
      <c r="G51016" s="16">
        <v>2.3178642190460326</v>
      </c>
    </row>
    <row r="51017" spans="1:7" x14ac:dyDescent="0.3">
      <c r="A51017" s="13" t="s">
        <v>285</v>
      </c>
      <c r="B51017" s="14" t="s">
        <v>1</v>
      </c>
      <c r="C51017" s="14" t="s">
        <v>70</v>
      </c>
      <c r="D51017" s="14" t="s">
        <v>286</v>
      </c>
      <c r="E51017" s="15">
        <v>45658</v>
      </c>
      <c r="F51017" s="14" t="s">
        <v>72</v>
      </c>
      <c r="G51017" s="16">
        <v>2.3178642190460326</v>
      </c>
    </row>
    <row r="51018" spans="1:7" x14ac:dyDescent="0.3">
      <c r="A51018" s="13" t="s">
        <v>285</v>
      </c>
      <c r="B51018" s="14" t="s">
        <v>1</v>
      </c>
      <c r="C51018" s="14" t="s">
        <v>70</v>
      </c>
      <c r="D51018" s="14" t="s">
        <v>286</v>
      </c>
      <c r="E51018" s="15">
        <v>45659</v>
      </c>
      <c r="F51018" s="14" t="s">
        <v>72</v>
      </c>
      <c r="G51018" s="16">
        <v>2.3178642190460326</v>
      </c>
    </row>
    <row r="51019" spans="1:7" x14ac:dyDescent="0.3">
      <c r="A51019" s="13" t="s">
        <v>285</v>
      </c>
      <c r="B51019" s="14" t="s">
        <v>1</v>
      </c>
      <c r="C51019" s="14" t="s">
        <v>70</v>
      </c>
      <c r="D51019" s="14" t="s">
        <v>286</v>
      </c>
      <c r="E51019" s="15">
        <v>45660</v>
      </c>
      <c r="F51019" s="14" t="s">
        <v>72</v>
      </c>
      <c r="G51019" s="16">
        <v>2.3182631896564176</v>
      </c>
    </row>
    <row r="51020" spans="1:7" x14ac:dyDescent="0.3">
      <c r="A51020" s="13" t="s">
        <v>285</v>
      </c>
      <c r="B51020" s="14" t="s">
        <v>1</v>
      </c>
      <c r="C51020" s="14" t="s">
        <v>70</v>
      </c>
      <c r="D51020" s="14" t="s">
        <v>286</v>
      </c>
      <c r="E51020" s="15">
        <v>45661</v>
      </c>
      <c r="F51020" s="14" t="s">
        <v>72</v>
      </c>
      <c r="G51020" s="16">
        <v>2.3182631896564176</v>
      </c>
    </row>
    <row r="51021" spans="1:7" x14ac:dyDescent="0.3">
      <c r="A51021" s="13" t="s">
        <v>285</v>
      </c>
      <c r="B51021" s="14" t="s">
        <v>1</v>
      </c>
      <c r="C51021" s="14" t="s">
        <v>70</v>
      </c>
      <c r="D51021" s="14" t="s">
        <v>286</v>
      </c>
      <c r="E51021" s="15">
        <v>45662</v>
      </c>
      <c r="F51021" s="14" t="s">
        <v>72</v>
      </c>
      <c r="G51021" s="16">
        <v>2.3182631896564176</v>
      </c>
    </row>
    <row r="51022" spans="1:7" x14ac:dyDescent="0.3">
      <c r="A51022" s="13" t="s">
        <v>285</v>
      </c>
      <c r="B51022" s="14" t="s">
        <v>1</v>
      </c>
      <c r="C51022" s="14" t="s">
        <v>70</v>
      </c>
      <c r="D51022" s="14" t="s">
        <v>286</v>
      </c>
      <c r="E51022" s="15">
        <v>45663</v>
      </c>
      <c r="F51022" s="14" t="s">
        <v>72</v>
      </c>
      <c r="G51022" s="16">
        <v>2.3321412279206344</v>
      </c>
    </row>
    <row r="51023" spans="1:7" x14ac:dyDescent="0.3">
      <c r="A51023" s="13" t="s">
        <v>285</v>
      </c>
      <c r="B51023" s="14" t="s">
        <v>1</v>
      </c>
      <c r="C51023" s="14" t="s">
        <v>70</v>
      </c>
      <c r="D51023" s="14" t="s">
        <v>286</v>
      </c>
      <c r="E51023" s="15">
        <v>45664</v>
      </c>
      <c r="F51023" s="14" t="s">
        <v>72</v>
      </c>
      <c r="G51023" s="16">
        <v>2.3570606316617515</v>
      </c>
    </row>
    <row r="51024" spans="1:7" x14ac:dyDescent="0.3">
      <c r="A51024" s="13" t="s">
        <v>285</v>
      </c>
      <c r="B51024" s="14" t="s">
        <v>1</v>
      </c>
      <c r="C51024" s="14" t="s">
        <v>70</v>
      </c>
      <c r="D51024" s="14" t="s">
        <v>286</v>
      </c>
      <c r="E51024" s="15">
        <v>45665</v>
      </c>
      <c r="F51024" s="14" t="s">
        <v>72</v>
      </c>
      <c r="G51024" s="16">
        <v>2.3663614368848691</v>
      </c>
    </row>
    <row r="51025" spans="1:7" x14ac:dyDescent="0.3">
      <c r="A51025" s="13" t="s">
        <v>285</v>
      </c>
      <c r="B51025" s="14" t="s">
        <v>1</v>
      </c>
      <c r="C51025" s="14" t="s">
        <v>70</v>
      </c>
      <c r="D51025" s="14" t="s">
        <v>286</v>
      </c>
      <c r="E51025" s="15">
        <v>45666</v>
      </c>
      <c r="F51025" s="14" t="s">
        <v>72</v>
      </c>
      <c r="G51025" s="16">
        <v>2.3855979574826263</v>
      </c>
    </row>
    <row r="51026" spans="1:7" x14ac:dyDescent="0.3">
      <c r="A51026" s="13" t="s">
        <v>285</v>
      </c>
      <c r="B51026" s="14" t="s">
        <v>1</v>
      </c>
      <c r="C51026" s="14" t="s">
        <v>70</v>
      </c>
      <c r="D51026" s="14" t="s">
        <v>286</v>
      </c>
      <c r="E51026" s="15">
        <v>45667</v>
      </c>
      <c r="F51026" s="14" t="s">
        <v>72</v>
      </c>
      <c r="G51026" s="16">
        <v>2.4075411163394764</v>
      </c>
    </row>
    <row r="51027" spans="1:7" x14ac:dyDescent="0.3">
      <c r="A51027" s="13" t="s">
        <v>285</v>
      </c>
      <c r="B51027" s="14" t="s">
        <v>1</v>
      </c>
      <c r="C51027" s="14" t="s">
        <v>70</v>
      </c>
      <c r="D51027" s="14" t="s">
        <v>286</v>
      </c>
      <c r="E51027" s="15">
        <v>45668</v>
      </c>
      <c r="F51027" s="14" t="s">
        <v>72</v>
      </c>
      <c r="G51027" s="16">
        <v>2.4075411163394764</v>
      </c>
    </row>
    <row r="51028" spans="1:7" x14ac:dyDescent="0.3">
      <c r="A51028" s="13" t="s">
        <v>285</v>
      </c>
      <c r="B51028" s="14" t="s">
        <v>1</v>
      </c>
      <c r="C51028" s="14" t="s">
        <v>70</v>
      </c>
      <c r="D51028" s="14" t="s">
        <v>286</v>
      </c>
      <c r="E51028" s="15">
        <v>45669</v>
      </c>
      <c r="F51028" s="14" t="s">
        <v>72</v>
      </c>
      <c r="G51028" s="16">
        <v>2.4075411163394764</v>
      </c>
    </row>
    <row r="51029" spans="1:7" x14ac:dyDescent="0.3">
      <c r="A51029" s="13" t="s">
        <v>285</v>
      </c>
      <c r="B51029" s="14" t="s">
        <v>1</v>
      </c>
      <c r="C51029" s="14" t="s">
        <v>70</v>
      </c>
      <c r="D51029" s="14" t="s">
        <v>286</v>
      </c>
      <c r="E51029" s="15">
        <v>45670</v>
      </c>
      <c r="F51029" s="14" t="s">
        <v>72</v>
      </c>
      <c r="G51029" s="16">
        <v>2.4147769400717269</v>
      </c>
    </row>
    <row r="51030" spans="1:7" x14ac:dyDescent="0.3">
      <c r="A51030" s="13" t="s">
        <v>285</v>
      </c>
      <c r="B51030" s="14" t="s">
        <v>1</v>
      </c>
      <c r="C51030" s="14" t="s">
        <v>70</v>
      </c>
      <c r="D51030" s="14" t="s">
        <v>286</v>
      </c>
      <c r="E51030" s="15">
        <v>45671</v>
      </c>
      <c r="F51030" s="14" t="s">
        <v>72</v>
      </c>
      <c r="G51030" s="16">
        <v>2.4187686934804655</v>
      </c>
    </row>
    <row r="51031" spans="1:7" x14ac:dyDescent="0.3">
      <c r="A51031" s="13" t="s">
        <v>285</v>
      </c>
      <c r="B51031" s="14" t="s">
        <v>1</v>
      </c>
      <c r="C51031" s="14" t="s">
        <v>70</v>
      </c>
      <c r="D51031" s="14" t="s">
        <v>286</v>
      </c>
      <c r="E51031" s="15">
        <v>45672</v>
      </c>
      <c r="F51031" s="14" t="s">
        <v>72</v>
      </c>
      <c r="G51031" s="16">
        <v>2.4103918081162159</v>
      </c>
    </row>
    <row r="51032" spans="1:7" x14ac:dyDescent="0.3">
      <c r="A51032" s="13" t="s">
        <v>285</v>
      </c>
      <c r="B51032" s="14" t="s">
        <v>1</v>
      </c>
      <c r="C51032" s="14" t="s">
        <v>70</v>
      </c>
      <c r="D51032" s="14" t="s">
        <v>286</v>
      </c>
      <c r="E51032" s="15">
        <v>45673</v>
      </c>
      <c r="F51032" s="14" t="s">
        <v>72</v>
      </c>
      <c r="G51032" s="16">
        <v>2.4232708549224262</v>
      </c>
    </row>
    <row r="51033" spans="1:7" x14ac:dyDescent="0.3">
      <c r="A51033" s="13" t="s">
        <v>285</v>
      </c>
      <c r="B51033" s="14" t="s">
        <v>1</v>
      </c>
      <c r="C51033" s="14" t="s">
        <v>70</v>
      </c>
      <c r="D51033" s="14" t="s">
        <v>286</v>
      </c>
      <c r="E51033" s="15">
        <v>45674</v>
      </c>
      <c r="F51033" s="14" t="s">
        <v>72</v>
      </c>
      <c r="G51033" s="16">
        <v>2.4339097566613206</v>
      </c>
    </row>
    <row r="51034" spans="1:7" x14ac:dyDescent="0.3">
      <c r="A51034" s="13" t="s">
        <v>285</v>
      </c>
      <c r="B51034" s="14" t="s">
        <v>1</v>
      </c>
      <c r="C51034" s="14" t="s">
        <v>70</v>
      </c>
      <c r="D51034" s="14" t="s">
        <v>286</v>
      </c>
      <c r="E51034" s="15">
        <v>45675</v>
      </c>
      <c r="F51034" s="14" t="s">
        <v>72</v>
      </c>
      <c r="G51034" s="16">
        <v>2.4339097566613206</v>
      </c>
    </row>
    <row r="51035" spans="1:7" x14ac:dyDescent="0.3">
      <c r="A51035" s="13" t="s">
        <v>285</v>
      </c>
      <c r="B51035" s="14" t="s">
        <v>1</v>
      </c>
      <c r="C51035" s="14" t="s">
        <v>70</v>
      </c>
      <c r="D51035" s="14" t="s">
        <v>286</v>
      </c>
      <c r="E51035" s="15">
        <v>45676</v>
      </c>
      <c r="F51035" s="14" t="s">
        <v>72</v>
      </c>
      <c r="G51035" s="16">
        <v>2.4339097566613206</v>
      </c>
    </row>
    <row r="51036" spans="1:7" x14ac:dyDescent="0.3">
      <c r="A51036" s="13" t="s">
        <v>285</v>
      </c>
      <c r="B51036" s="14" t="s">
        <v>1</v>
      </c>
      <c r="C51036" s="14" t="s">
        <v>70</v>
      </c>
      <c r="D51036" s="14" t="s">
        <v>286</v>
      </c>
      <c r="E51036" s="15">
        <v>45677</v>
      </c>
      <c r="F51036" s="14" t="s">
        <v>72</v>
      </c>
      <c r="G51036" s="16">
        <v>2.4113485449279906</v>
      </c>
    </row>
    <row r="51037" spans="1:7" x14ac:dyDescent="0.3">
      <c r="A51037" s="13" t="s">
        <v>285</v>
      </c>
      <c r="B51037" s="14" t="s">
        <v>1</v>
      </c>
      <c r="C51037" s="14" t="s">
        <v>70</v>
      </c>
      <c r="D51037" s="14" t="s">
        <v>286</v>
      </c>
      <c r="E51037" s="15">
        <v>45678</v>
      </c>
      <c r="F51037" s="14" t="s">
        <v>72</v>
      </c>
      <c r="G51037" s="16">
        <v>2.4387446111855091</v>
      </c>
    </row>
    <row r="51038" spans="1:7" x14ac:dyDescent="0.3">
      <c r="A51038" s="13" t="s">
        <v>285</v>
      </c>
      <c r="B51038" s="14" t="s">
        <v>1</v>
      </c>
      <c r="C51038" s="14" t="s">
        <v>70</v>
      </c>
      <c r="D51038" s="14" t="s">
        <v>286</v>
      </c>
      <c r="E51038" s="15">
        <v>45679</v>
      </c>
      <c r="F51038" s="14" t="s">
        <v>72</v>
      </c>
      <c r="G51038" s="16">
        <v>2.4434773952146362</v>
      </c>
    </row>
    <row r="51039" spans="1:7" x14ac:dyDescent="0.3">
      <c r="A51039" s="13" t="s">
        <v>285</v>
      </c>
      <c r="B51039" s="14" t="s">
        <v>1</v>
      </c>
      <c r="C51039" s="14" t="s">
        <v>70</v>
      </c>
      <c r="D51039" s="14" t="s">
        <v>286</v>
      </c>
      <c r="E51039" s="15">
        <v>45680</v>
      </c>
      <c r="F51039" s="14" t="s">
        <v>72</v>
      </c>
      <c r="G51039" s="16">
        <v>2.4421496523490167</v>
      </c>
    </row>
    <row r="51040" spans="1:7" x14ac:dyDescent="0.3">
      <c r="A51040" s="13" t="s">
        <v>285</v>
      </c>
      <c r="B51040" s="14" t="s">
        <v>1</v>
      </c>
      <c r="C51040" s="14" t="s">
        <v>70</v>
      </c>
      <c r="D51040" s="14" t="s">
        <v>286</v>
      </c>
      <c r="E51040" s="15">
        <v>45681</v>
      </c>
      <c r="F51040" s="14" t="s">
        <v>72</v>
      </c>
      <c r="G51040" s="16">
        <v>2.4345940235556705</v>
      </c>
    </row>
    <row r="51041" spans="1:7" x14ac:dyDescent="0.3">
      <c r="A51041" s="13" t="s">
        <v>285</v>
      </c>
      <c r="B51041" s="14" t="s">
        <v>1</v>
      </c>
      <c r="C51041" s="14" t="s">
        <v>70</v>
      </c>
      <c r="D51041" s="14" t="s">
        <v>286</v>
      </c>
      <c r="E51041" s="15">
        <v>45682</v>
      </c>
      <c r="F51041" s="14" t="s">
        <v>72</v>
      </c>
      <c r="G51041" s="16">
        <v>2.4345940235556705</v>
      </c>
    </row>
    <row r="51042" spans="1:7" x14ac:dyDescent="0.3">
      <c r="A51042" s="13" t="s">
        <v>285</v>
      </c>
      <c r="B51042" s="14" t="s">
        <v>1</v>
      </c>
      <c r="C51042" s="14" t="s">
        <v>70</v>
      </c>
      <c r="D51042" s="14" t="s">
        <v>286</v>
      </c>
      <c r="E51042" s="15">
        <v>45683</v>
      </c>
      <c r="F51042" s="14" t="s">
        <v>72</v>
      </c>
      <c r="G51042" s="16">
        <v>2.4345940235556705</v>
      </c>
    </row>
    <row r="51043" spans="1:7" x14ac:dyDescent="0.3">
      <c r="A51043" s="13" t="s">
        <v>285</v>
      </c>
      <c r="B51043" s="14" t="s">
        <v>1</v>
      </c>
      <c r="C51043" s="14" t="s">
        <v>70</v>
      </c>
      <c r="D51043" s="14" t="s">
        <v>286</v>
      </c>
      <c r="E51043" s="15">
        <v>45684</v>
      </c>
      <c r="F51043" s="14" t="s">
        <v>72</v>
      </c>
      <c r="G51043" s="16">
        <v>2.4522974555940138</v>
      </c>
    </row>
    <row r="51044" spans="1:7" x14ac:dyDescent="0.3">
      <c r="A51044" s="13" t="s">
        <v>285</v>
      </c>
      <c r="B51044" s="14" t="s">
        <v>1</v>
      </c>
      <c r="C51044" s="14" t="s">
        <v>70</v>
      </c>
      <c r="D51044" s="14" t="s">
        <v>286</v>
      </c>
      <c r="E51044" s="15">
        <v>45685</v>
      </c>
      <c r="F51044" s="14" t="s">
        <v>72</v>
      </c>
      <c r="G51044" s="16">
        <v>2.4756403127990367</v>
      </c>
    </row>
    <row r="51045" spans="1:7" x14ac:dyDescent="0.3">
      <c r="A51045" s="13" t="s">
        <v>285</v>
      </c>
      <c r="B51045" s="14" t="s">
        <v>1</v>
      </c>
      <c r="C51045" s="14" t="s">
        <v>70</v>
      </c>
      <c r="D51045" s="14" t="s">
        <v>286</v>
      </c>
      <c r="E51045" s="15">
        <v>45686</v>
      </c>
      <c r="F51045" s="14" t="s">
        <v>72</v>
      </c>
      <c r="G51045" s="16">
        <v>2.4881646828891468</v>
      </c>
    </row>
    <row r="51046" spans="1:7" x14ac:dyDescent="0.3">
      <c r="A51046" s="13" t="s">
        <v>285</v>
      </c>
      <c r="B51046" s="14" t="s">
        <v>1</v>
      </c>
      <c r="C51046" s="14" t="s">
        <v>70</v>
      </c>
      <c r="D51046" s="14" t="s">
        <v>286</v>
      </c>
      <c r="E51046" s="15">
        <v>45687</v>
      </c>
      <c r="F51046" s="14" t="s">
        <v>72</v>
      </c>
      <c r="G51046" s="16">
        <v>2.5015035255327276</v>
      </c>
    </row>
    <row r="51047" spans="1:7" x14ac:dyDescent="0.3">
      <c r="A51047" s="13" t="s">
        <v>285</v>
      </c>
      <c r="B51047" s="14" t="s">
        <v>1</v>
      </c>
      <c r="C51047" s="14" t="s">
        <v>70</v>
      </c>
      <c r="D51047" s="14" t="s">
        <v>286</v>
      </c>
      <c r="E51047" s="15">
        <v>45688</v>
      </c>
      <c r="F51047" s="14" t="s">
        <v>72</v>
      </c>
      <c r="G51047" s="16">
        <v>2.5044190088190086</v>
      </c>
    </row>
    <row r="51048" spans="1:7" x14ac:dyDescent="0.3">
      <c r="A51048" s="13" t="s">
        <v>285</v>
      </c>
      <c r="B51048" s="14" t="s">
        <v>1</v>
      </c>
      <c r="C51048" s="14" t="s">
        <v>70</v>
      </c>
      <c r="D51048" s="14" t="s">
        <v>286</v>
      </c>
      <c r="E51048" s="15">
        <v>45689</v>
      </c>
      <c r="F51048" s="14" t="s">
        <v>72</v>
      </c>
      <c r="G51048" s="16">
        <v>2.5044190088190086</v>
      </c>
    </row>
    <row r="51049" spans="1:7" x14ac:dyDescent="0.3">
      <c r="A51049" s="13" t="s">
        <v>285</v>
      </c>
      <c r="B51049" s="14" t="s">
        <v>1</v>
      </c>
      <c r="C51049" s="14" t="s">
        <v>70</v>
      </c>
      <c r="D51049" s="14" t="s">
        <v>286</v>
      </c>
      <c r="E51049" s="15">
        <v>45690</v>
      </c>
      <c r="F51049" s="14" t="s">
        <v>72</v>
      </c>
      <c r="G51049" s="16">
        <v>2.5044190088190086</v>
      </c>
    </row>
    <row r="51050" spans="1:7" x14ac:dyDescent="0.3">
      <c r="A51050" s="13" t="s">
        <v>285</v>
      </c>
      <c r="B51050" s="14" t="s">
        <v>1</v>
      </c>
      <c r="C51050" s="14" t="s">
        <v>70</v>
      </c>
      <c r="D51050" s="14" t="s">
        <v>286</v>
      </c>
      <c r="E51050" s="15">
        <v>45691</v>
      </c>
      <c r="F51050" s="14" t="s">
        <v>72</v>
      </c>
      <c r="G51050" s="16">
        <v>2.5044190088190086</v>
      </c>
    </row>
    <row r="51051" spans="1:7" x14ac:dyDescent="0.3">
      <c r="A51051" s="13" t="s">
        <v>285</v>
      </c>
      <c r="B51051" s="14" t="s">
        <v>1</v>
      </c>
      <c r="C51051" s="14" t="s">
        <v>70</v>
      </c>
      <c r="D51051" s="14" t="s">
        <v>286</v>
      </c>
      <c r="E51051" s="15">
        <v>45692</v>
      </c>
      <c r="F51051" s="14" t="s">
        <v>72</v>
      </c>
      <c r="G51051" s="16">
        <v>2.4927710239531602</v>
      </c>
    </row>
    <row r="51052" spans="1:7" x14ac:dyDescent="0.3">
      <c r="A51052" s="13" t="s">
        <v>285</v>
      </c>
      <c r="B51052" s="14" t="s">
        <v>1</v>
      </c>
      <c r="C51052" s="14" t="s">
        <v>70</v>
      </c>
      <c r="D51052" s="14" t="s">
        <v>286</v>
      </c>
      <c r="E51052" s="15">
        <v>45693</v>
      </c>
      <c r="F51052" s="14" t="s">
        <v>72</v>
      </c>
      <c r="G51052" s="16">
        <v>2.4903831127105986</v>
      </c>
    </row>
    <row r="51053" spans="1:7" x14ac:dyDescent="0.3">
      <c r="A51053" s="13" t="s">
        <v>285</v>
      </c>
      <c r="B51053" s="14" t="s">
        <v>1</v>
      </c>
      <c r="C51053" s="14" t="s">
        <v>70</v>
      </c>
      <c r="D51053" s="14" t="s">
        <v>286</v>
      </c>
      <c r="E51053" s="15">
        <v>45694</v>
      </c>
      <c r="F51053" s="14" t="s">
        <v>72</v>
      </c>
      <c r="G51053" s="16">
        <v>2.4947779151598688</v>
      </c>
    </row>
    <row r="51054" spans="1:7" x14ac:dyDescent="0.3">
      <c r="A51054" s="13" t="s">
        <v>285</v>
      </c>
      <c r="B51054" s="14" t="s">
        <v>1</v>
      </c>
      <c r="C51054" s="14" t="s">
        <v>70</v>
      </c>
      <c r="D51054" s="14" t="s">
        <v>286</v>
      </c>
      <c r="E51054" s="15">
        <v>45695</v>
      </c>
      <c r="F51054" s="14" t="s">
        <v>72</v>
      </c>
      <c r="G51054" s="16">
        <v>2.5054396167714965</v>
      </c>
    </row>
    <row r="51055" spans="1:7" x14ac:dyDescent="0.3">
      <c r="A51055" s="13" t="s">
        <v>285</v>
      </c>
      <c r="B51055" s="14" t="s">
        <v>1</v>
      </c>
      <c r="C51055" s="14" t="s">
        <v>70</v>
      </c>
      <c r="D51055" s="14" t="s">
        <v>286</v>
      </c>
      <c r="E51055" s="15">
        <v>45696</v>
      </c>
      <c r="F51055" s="14" t="s">
        <v>72</v>
      </c>
      <c r="G51055" s="16">
        <v>2.5054396167714965</v>
      </c>
    </row>
    <row r="51056" spans="1:7" x14ac:dyDescent="0.3">
      <c r="A51056" s="13" t="s">
        <v>285</v>
      </c>
      <c r="B51056" s="14" t="s">
        <v>1</v>
      </c>
      <c r="C51056" s="14" t="s">
        <v>70</v>
      </c>
      <c r="D51056" s="14" t="s">
        <v>286</v>
      </c>
      <c r="E51056" s="15">
        <v>45697</v>
      </c>
      <c r="F51056" s="14" t="s">
        <v>72</v>
      </c>
      <c r="G51056" s="16">
        <v>2.5054396167714965</v>
      </c>
    </row>
    <row r="51057" spans="1:7" x14ac:dyDescent="0.3">
      <c r="A51057" s="13" t="s">
        <v>285</v>
      </c>
      <c r="B51057" s="14" t="s">
        <v>1</v>
      </c>
      <c r="C51057" s="14" t="s">
        <v>70</v>
      </c>
      <c r="D51057" s="14" t="s">
        <v>286</v>
      </c>
      <c r="E51057" s="15">
        <v>45698</v>
      </c>
      <c r="F51057" s="14" t="s">
        <v>72</v>
      </c>
      <c r="G51057" s="16">
        <v>2.5062251498786989</v>
      </c>
    </row>
    <row r="51058" spans="1:7" x14ac:dyDescent="0.3">
      <c r="A51058" s="13" t="s">
        <v>285</v>
      </c>
      <c r="B51058" s="14" t="s">
        <v>1</v>
      </c>
      <c r="C51058" s="14" t="s">
        <v>70</v>
      </c>
      <c r="D51058" s="14" t="s">
        <v>286</v>
      </c>
      <c r="E51058" s="15">
        <v>45699</v>
      </c>
      <c r="F51058" s="14" t="s">
        <v>72</v>
      </c>
      <c r="G51058" s="16">
        <v>2.5113661647501062</v>
      </c>
    </row>
    <row r="51059" spans="1:7" x14ac:dyDescent="0.3">
      <c r="A51059" s="13" t="s">
        <v>285</v>
      </c>
      <c r="B51059" s="14" t="s">
        <v>1</v>
      </c>
      <c r="C51059" s="14" t="s">
        <v>70</v>
      </c>
      <c r="D51059" s="14" t="s">
        <v>286</v>
      </c>
      <c r="E51059" s="15">
        <v>45700</v>
      </c>
      <c r="F51059" s="14" t="s">
        <v>72</v>
      </c>
      <c r="G51059" s="16">
        <v>2.5200180817798201</v>
      </c>
    </row>
    <row r="51060" spans="1:7" x14ac:dyDescent="0.3">
      <c r="A51060" s="13" t="s">
        <v>285</v>
      </c>
      <c r="B51060" s="14" t="s">
        <v>1</v>
      </c>
      <c r="C51060" s="14" t="s">
        <v>70</v>
      </c>
      <c r="D51060" s="14" t="s">
        <v>286</v>
      </c>
      <c r="E51060" s="15">
        <v>45701</v>
      </c>
      <c r="F51060" s="14" t="s">
        <v>72</v>
      </c>
      <c r="G51060" s="16">
        <v>2.5152924456916979</v>
      </c>
    </row>
    <row r="51061" spans="1:7" x14ac:dyDescent="0.3">
      <c r="A51061" s="13" t="s">
        <v>285</v>
      </c>
      <c r="B51061" s="14" t="s">
        <v>1</v>
      </c>
      <c r="C51061" s="14" t="s">
        <v>70</v>
      </c>
      <c r="D51061" s="14" t="s">
        <v>286</v>
      </c>
      <c r="E51061" s="15">
        <v>45702</v>
      </c>
      <c r="F51061" s="14" t="s">
        <v>72</v>
      </c>
      <c r="G51061" s="16">
        <v>2.5152578440094646</v>
      </c>
    </row>
    <row r="51062" spans="1:7" x14ac:dyDescent="0.3">
      <c r="A51062" s="13" t="s">
        <v>285</v>
      </c>
      <c r="B51062" s="14" t="s">
        <v>1</v>
      </c>
      <c r="C51062" s="14" t="s">
        <v>70</v>
      </c>
      <c r="D51062" s="14" t="s">
        <v>286</v>
      </c>
      <c r="E51062" s="15">
        <v>45703</v>
      </c>
      <c r="F51062" s="14" t="s">
        <v>72</v>
      </c>
      <c r="G51062" s="16">
        <v>2.5152578440094646</v>
      </c>
    </row>
    <row r="51063" spans="1:7" x14ac:dyDescent="0.3">
      <c r="A51063" s="13" t="s">
        <v>285</v>
      </c>
      <c r="B51063" s="14" t="s">
        <v>1</v>
      </c>
      <c r="C51063" s="14" t="s">
        <v>70</v>
      </c>
      <c r="D51063" s="14" t="s">
        <v>286</v>
      </c>
      <c r="E51063" s="15">
        <v>45704</v>
      </c>
      <c r="F51063" s="14" t="s">
        <v>72</v>
      </c>
      <c r="G51063" s="16">
        <v>2.5152578440094646</v>
      </c>
    </row>
    <row r="51064" spans="1:7" x14ac:dyDescent="0.3">
      <c r="A51064" s="13" t="s">
        <v>285</v>
      </c>
      <c r="B51064" s="14" t="s">
        <v>1</v>
      </c>
      <c r="C51064" s="14" t="s">
        <v>70</v>
      </c>
      <c r="D51064" s="14" t="s">
        <v>286</v>
      </c>
      <c r="E51064" s="15">
        <v>45705</v>
      </c>
      <c r="F51064" s="14" t="s">
        <v>72</v>
      </c>
      <c r="G51064" s="16">
        <v>2.5586256998360541</v>
      </c>
    </row>
    <row r="51065" spans="1:7" x14ac:dyDescent="0.3">
      <c r="A51065" s="13" t="s">
        <v>285</v>
      </c>
      <c r="B51065" s="14" t="s">
        <v>1</v>
      </c>
      <c r="C51065" s="14" t="s">
        <v>70</v>
      </c>
      <c r="D51065" s="14" t="s">
        <v>286</v>
      </c>
      <c r="E51065" s="15">
        <v>45706</v>
      </c>
      <c r="F51065" s="14" t="s">
        <v>72</v>
      </c>
      <c r="G51065" s="16">
        <v>2.5709149720893349</v>
      </c>
    </row>
    <row r="51066" spans="1:7" x14ac:dyDescent="0.3">
      <c r="A51066" s="13" t="s">
        <v>285</v>
      </c>
      <c r="B51066" s="14" t="s">
        <v>1</v>
      </c>
      <c r="C51066" s="14" t="s">
        <v>70</v>
      </c>
      <c r="D51066" s="14" t="s">
        <v>286</v>
      </c>
      <c r="E51066" s="15">
        <v>45707</v>
      </c>
      <c r="F51066" s="14" t="s">
        <v>72</v>
      </c>
      <c r="G51066" s="16">
        <v>2.5906572206694447</v>
      </c>
    </row>
    <row r="51067" spans="1:7" x14ac:dyDescent="0.3">
      <c r="A51067" s="13" t="s">
        <v>285</v>
      </c>
      <c r="B51067" s="14" t="s">
        <v>1</v>
      </c>
      <c r="C51067" s="14" t="s">
        <v>70</v>
      </c>
      <c r="D51067" s="14" t="s">
        <v>286</v>
      </c>
      <c r="E51067" s="15">
        <v>45708</v>
      </c>
      <c r="F51067" s="14" t="s">
        <v>72</v>
      </c>
      <c r="G51067" s="16">
        <v>2.5711811856998872</v>
      </c>
    </row>
    <row r="51068" spans="1:7" x14ac:dyDescent="0.3">
      <c r="A51068" s="13" t="s">
        <v>285</v>
      </c>
      <c r="B51068" s="14" t="s">
        <v>1</v>
      </c>
      <c r="C51068" s="14" t="s">
        <v>70</v>
      </c>
      <c r="D51068" s="14" t="s">
        <v>286</v>
      </c>
      <c r="E51068" s="15">
        <v>45709</v>
      </c>
      <c r="F51068" s="14" t="s">
        <v>72</v>
      </c>
      <c r="G51068" s="16">
        <v>2.5918030963075762</v>
      </c>
    </row>
    <row r="51069" spans="1:7" x14ac:dyDescent="0.3">
      <c r="A51069" s="13" t="s">
        <v>285</v>
      </c>
      <c r="B51069" s="14" t="s">
        <v>1</v>
      </c>
      <c r="C51069" s="14" t="s">
        <v>70</v>
      </c>
      <c r="D51069" s="14" t="s">
        <v>286</v>
      </c>
      <c r="E51069" s="15">
        <v>45710</v>
      </c>
      <c r="F51069" s="14" t="s">
        <v>72</v>
      </c>
      <c r="G51069" s="16">
        <v>2.5918030963075762</v>
      </c>
    </row>
    <row r="51070" spans="1:7" x14ac:dyDescent="0.3">
      <c r="A51070" s="13" t="s">
        <v>285</v>
      </c>
      <c r="B51070" s="14" t="s">
        <v>1</v>
      </c>
      <c r="C51070" s="14" t="s">
        <v>70</v>
      </c>
      <c r="D51070" s="14" t="s">
        <v>286</v>
      </c>
      <c r="E51070" s="15">
        <v>45711</v>
      </c>
      <c r="F51070" s="14" t="s">
        <v>72</v>
      </c>
      <c r="G51070" s="16">
        <v>2.5918030963075762</v>
      </c>
    </row>
    <row r="51071" spans="1:7" x14ac:dyDescent="0.3">
      <c r="A51071" s="13" t="s">
        <v>285</v>
      </c>
      <c r="B51071" s="14" t="s">
        <v>1</v>
      </c>
      <c r="C51071" s="14" t="s">
        <v>70</v>
      </c>
      <c r="D51071" s="14" t="s">
        <v>286</v>
      </c>
      <c r="E51071" s="15">
        <v>45712</v>
      </c>
      <c r="F51071" s="14" t="s">
        <v>72</v>
      </c>
      <c r="G51071" s="16">
        <v>2.5989329527351579</v>
      </c>
    </row>
    <row r="51072" spans="1:7" x14ac:dyDescent="0.3">
      <c r="A51072" s="13" t="s">
        <v>285</v>
      </c>
      <c r="B51072" s="14" t="s">
        <v>1</v>
      </c>
      <c r="C51072" s="14" t="s">
        <v>70</v>
      </c>
      <c r="D51072" s="14" t="s">
        <v>286</v>
      </c>
      <c r="E51072" s="15">
        <v>45713</v>
      </c>
      <c r="F51072" s="14" t="s">
        <v>72</v>
      </c>
      <c r="G51072" s="16">
        <v>2.6119038818742872</v>
      </c>
    </row>
    <row r="51073" spans="1:7" x14ac:dyDescent="0.3">
      <c r="A51073" s="13" t="s">
        <v>285</v>
      </c>
      <c r="B51073" s="14" t="s">
        <v>1</v>
      </c>
      <c r="C51073" s="14" t="s">
        <v>70</v>
      </c>
      <c r="D51073" s="14" t="s">
        <v>286</v>
      </c>
      <c r="E51073" s="15">
        <v>45714</v>
      </c>
      <c r="F51073" s="14" t="s">
        <v>72</v>
      </c>
      <c r="G51073" s="16">
        <v>2.6314056781495281</v>
      </c>
    </row>
    <row r="51074" spans="1:7" x14ac:dyDescent="0.3">
      <c r="A51074" s="13" t="s">
        <v>285</v>
      </c>
      <c r="B51074" s="14" t="s">
        <v>1</v>
      </c>
      <c r="C51074" s="14" t="s">
        <v>70</v>
      </c>
      <c r="D51074" s="14" t="s">
        <v>286</v>
      </c>
      <c r="E51074" s="15">
        <v>45715</v>
      </c>
      <c r="F51074" s="14" t="s">
        <v>72</v>
      </c>
      <c r="G51074" s="16">
        <v>2.6652200796663599</v>
      </c>
    </row>
    <row r="51075" spans="1:7" x14ac:dyDescent="0.3">
      <c r="A51075" s="13" t="s">
        <v>285</v>
      </c>
      <c r="B51075" s="14" t="s">
        <v>1</v>
      </c>
      <c r="C51075" s="14" t="s">
        <v>70</v>
      </c>
      <c r="D51075" s="14" t="s">
        <v>286</v>
      </c>
      <c r="E51075" s="15">
        <v>45716</v>
      </c>
      <c r="F51075" s="14" t="s">
        <v>72</v>
      </c>
      <c r="G51075" s="16">
        <v>2.685633264694022</v>
      </c>
    </row>
    <row r="51076" spans="1:7" x14ac:dyDescent="0.3">
      <c r="A51076" s="13" t="s">
        <v>285</v>
      </c>
      <c r="B51076" s="14" t="s">
        <v>1</v>
      </c>
      <c r="C51076" s="14" t="s">
        <v>70</v>
      </c>
      <c r="D51076" s="14" t="s">
        <v>286</v>
      </c>
      <c r="E51076" s="15">
        <v>45717</v>
      </c>
      <c r="F51076" s="14" t="s">
        <v>72</v>
      </c>
      <c r="G51076" s="16">
        <v>2.685633264694022</v>
      </c>
    </row>
    <row r="51077" spans="1:7" x14ac:dyDescent="0.3">
      <c r="A51077" s="13" t="s">
        <v>285</v>
      </c>
      <c r="B51077" s="14" t="s">
        <v>1</v>
      </c>
      <c r="C51077" s="14" t="s">
        <v>70</v>
      </c>
      <c r="D51077" s="14" t="s">
        <v>286</v>
      </c>
      <c r="E51077" s="15">
        <v>45718</v>
      </c>
      <c r="F51077" s="14" t="s">
        <v>72</v>
      </c>
      <c r="G51077" s="16">
        <v>2.685633264694022</v>
      </c>
    </row>
    <row r="51078" spans="1:7" x14ac:dyDescent="0.3">
      <c r="A51078" s="13" t="s">
        <v>285</v>
      </c>
      <c r="B51078" s="14" t="s">
        <v>1</v>
      </c>
      <c r="C51078" s="14" t="s">
        <v>70</v>
      </c>
      <c r="D51078" s="14" t="s">
        <v>286</v>
      </c>
      <c r="E51078" s="15">
        <v>45719</v>
      </c>
      <c r="F51078" s="14" t="s">
        <v>72</v>
      </c>
      <c r="G51078" s="16">
        <v>2.705466467825095</v>
      </c>
    </row>
    <row r="51079" spans="1:7" x14ac:dyDescent="0.3">
      <c r="A51079" s="13" t="s">
        <v>285</v>
      </c>
      <c r="B51079" s="14" t="s">
        <v>1</v>
      </c>
      <c r="C51079" s="14" t="s">
        <v>70</v>
      </c>
      <c r="D51079" s="14" t="s">
        <v>286</v>
      </c>
      <c r="E51079" s="15">
        <v>45720</v>
      </c>
      <c r="F51079" s="14" t="s">
        <v>72</v>
      </c>
      <c r="G51079" s="16">
        <v>2.6955099824920334</v>
      </c>
    </row>
    <row r="51080" spans="1:7" x14ac:dyDescent="0.3">
      <c r="A51080" s="13" t="s">
        <v>285</v>
      </c>
      <c r="B51080" s="14" t="s">
        <v>1</v>
      </c>
      <c r="C51080" s="14" t="s">
        <v>70</v>
      </c>
      <c r="D51080" s="14" t="s">
        <v>286</v>
      </c>
      <c r="E51080" s="15">
        <v>45721</v>
      </c>
      <c r="F51080" s="14" t="s">
        <v>72</v>
      </c>
      <c r="G51080" s="16">
        <v>2.6728429633007154</v>
      </c>
    </row>
    <row r="51081" spans="1:7" x14ac:dyDescent="0.3">
      <c r="A51081" s="13" t="s">
        <v>285</v>
      </c>
      <c r="B51081" s="14" t="s">
        <v>1</v>
      </c>
      <c r="C51081" s="14" t="s">
        <v>70</v>
      </c>
      <c r="D51081" s="14" t="s">
        <v>286</v>
      </c>
      <c r="E51081" s="15">
        <v>45722</v>
      </c>
      <c r="F51081" s="14" t="s">
        <v>72</v>
      </c>
      <c r="G51081" s="16">
        <v>2.6798215056651942</v>
      </c>
    </row>
    <row r="51082" spans="1:7" x14ac:dyDescent="0.3">
      <c r="A51082" s="13" t="s">
        <v>285</v>
      </c>
      <c r="B51082" s="14" t="s">
        <v>1</v>
      </c>
      <c r="C51082" s="14" t="s">
        <v>70</v>
      </c>
      <c r="D51082" s="14" t="s">
        <v>286</v>
      </c>
      <c r="E51082" s="15">
        <v>45723</v>
      </c>
      <c r="F51082" s="14" t="s">
        <v>72</v>
      </c>
      <c r="G51082" s="16">
        <v>2.7360382668921943</v>
      </c>
    </row>
    <row r="51083" spans="1:7" x14ac:dyDescent="0.3">
      <c r="A51083" s="13" t="s">
        <v>285</v>
      </c>
      <c r="B51083" s="14" t="s">
        <v>1</v>
      </c>
      <c r="C51083" s="14" t="s">
        <v>70</v>
      </c>
      <c r="D51083" s="14" t="s">
        <v>286</v>
      </c>
      <c r="E51083" s="15">
        <v>45724</v>
      </c>
      <c r="F51083" s="14" t="s">
        <v>72</v>
      </c>
      <c r="G51083" s="16">
        <v>2.7360382668921943</v>
      </c>
    </row>
    <row r="51084" spans="1:7" x14ac:dyDescent="0.3">
      <c r="A51084" s="13" t="s">
        <v>285</v>
      </c>
      <c r="B51084" s="14" t="s">
        <v>1</v>
      </c>
      <c r="C51084" s="14" t="s">
        <v>70</v>
      </c>
      <c r="D51084" s="14" t="s">
        <v>286</v>
      </c>
      <c r="E51084" s="15">
        <v>45725</v>
      </c>
      <c r="F51084" s="14" t="s">
        <v>72</v>
      </c>
      <c r="G51084" s="16">
        <v>2.7360382668921943</v>
      </c>
    </row>
    <row r="51085" spans="1:7" x14ac:dyDescent="0.3">
      <c r="A51085" s="13" t="s">
        <v>285</v>
      </c>
      <c r="B51085" s="14" t="s">
        <v>1</v>
      </c>
      <c r="C51085" s="14" t="s">
        <v>70</v>
      </c>
      <c r="D51085" s="14" t="s">
        <v>286</v>
      </c>
      <c r="E51085" s="15">
        <v>45726</v>
      </c>
      <c r="F51085" s="14" t="s">
        <v>72</v>
      </c>
      <c r="G51085" s="16">
        <v>2.7555102372847347</v>
      </c>
    </row>
    <row r="51086" spans="1:7" x14ac:dyDescent="0.3">
      <c r="A51086" s="13" t="s">
        <v>285</v>
      </c>
      <c r="B51086" s="14" t="s">
        <v>1</v>
      </c>
      <c r="C51086" s="14" t="s">
        <v>70</v>
      </c>
      <c r="D51086" s="14" t="s">
        <v>286</v>
      </c>
      <c r="E51086" s="15">
        <v>45727</v>
      </c>
      <c r="F51086" s="14" t="s">
        <v>72</v>
      </c>
      <c r="G51086" s="16">
        <v>2.7598209619379683</v>
      </c>
    </row>
    <row r="51087" spans="1:7" x14ac:dyDescent="0.3">
      <c r="A51087" s="13" t="s">
        <v>285</v>
      </c>
      <c r="B51087" s="14" t="s">
        <v>1</v>
      </c>
      <c r="C51087" s="14" t="s">
        <v>70</v>
      </c>
      <c r="D51087" s="14" t="s">
        <v>286</v>
      </c>
      <c r="E51087" s="15">
        <v>45728</v>
      </c>
      <c r="F51087" s="14" t="s">
        <v>72</v>
      </c>
      <c r="G51087" s="16">
        <v>2.7638354624009343</v>
      </c>
    </row>
    <row r="51088" spans="1:7" x14ac:dyDescent="0.3">
      <c r="A51088" s="13" t="s">
        <v>285</v>
      </c>
      <c r="B51088" s="14" t="s">
        <v>1</v>
      </c>
      <c r="C51088" s="14" t="s">
        <v>70</v>
      </c>
      <c r="D51088" s="14" t="s">
        <v>286</v>
      </c>
      <c r="E51088" s="15">
        <v>45729</v>
      </c>
      <c r="F51088" s="14" t="s">
        <v>72</v>
      </c>
      <c r="G51088" s="16">
        <v>2.7837523811987248</v>
      </c>
    </row>
    <row r="51089" spans="1:7" x14ac:dyDescent="0.3">
      <c r="A51089" s="13" t="s">
        <v>285</v>
      </c>
      <c r="B51089" s="14" t="s">
        <v>1</v>
      </c>
      <c r="C51089" s="14" t="s">
        <v>70</v>
      </c>
      <c r="D51089" s="14" t="s">
        <v>286</v>
      </c>
      <c r="E51089" s="15">
        <v>45730</v>
      </c>
      <c r="F51089" s="14" t="s">
        <v>72</v>
      </c>
      <c r="G51089" s="16">
        <v>2.7796213938555816</v>
      </c>
    </row>
    <row r="51090" spans="1:7" x14ac:dyDescent="0.3">
      <c r="A51090" s="13" t="s">
        <v>285</v>
      </c>
      <c r="B51090" s="14" t="s">
        <v>1</v>
      </c>
      <c r="C51090" s="14" t="s">
        <v>70</v>
      </c>
      <c r="D51090" s="14" t="s">
        <v>286</v>
      </c>
      <c r="E51090" s="15">
        <v>45731</v>
      </c>
      <c r="F51090" s="14" t="s">
        <v>72</v>
      </c>
      <c r="G51090" s="16">
        <v>2.7796213938555816</v>
      </c>
    </row>
    <row r="51091" spans="1:7" x14ac:dyDescent="0.3">
      <c r="A51091" s="13" t="s">
        <v>285</v>
      </c>
      <c r="B51091" s="14" t="s">
        <v>1</v>
      </c>
      <c r="C51091" s="14" t="s">
        <v>70</v>
      </c>
      <c r="D51091" s="14" t="s">
        <v>286</v>
      </c>
      <c r="E51091" s="15">
        <v>45732</v>
      </c>
      <c r="F51091" s="14" t="s">
        <v>72</v>
      </c>
      <c r="G51091" s="16">
        <v>2.7796213938555816</v>
      </c>
    </row>
    <row r="51092" spans="1:7" x14ac:dyDescent="0.3">
      <c r="A51092" s="13" t="s">
        <v>285</v>
      </c>
      <c r="B51092" s="14" t="s">
        <v>1</v>
      </c>
      <c r="C51092" s="14" t="s">
        <v>70</v>
      </c>
      <c r="D51092" s="14" t="s">
        <v>286</v>
      </c>
      <c r="E51092" s="15">
        <v>45733</v>
      </c>
      <c r="F51092" s="14" t="s">
        <v>72</v>
      </c>
      <c r="G51092" s="16">
        <v>2.7796213938555816</v>
      </c>
    </row>
    <row r="51093" spans="1:7" x14ac:dyDescent="0.3">
      <c r="A51093" s="13" t="s">
        <v>285</v>
      </c>
      <c r="B51093" s="14" t="s">
        <v>1</v>
      </c>
      <c r="C51093" s="14" t="s">
        <v>70</v>
      </c>
      <c r="D51093" s="14" t="s">
        <v>286</v>
      </c>
      <c r="E51093" s="15">
        <v>45734</v>
      </c>
      <c r="F51093" s="14" t="s">
        <v>72</v>
      </c>
      <c r="G51093" s="16">
        <v>2.7720409168445008</v>
      </c>
    </row>
    <row r="51094" spans="1:7" x14ac:dyDescent="0.3">
      <c r="A51094" s="13" t="s">
        <v>285</v>
      </c>
      <c r="B51094" s="14" t="s">
        <v>1</v>
      </c>
      <c r="C51094" s="14" t="s">
        <v>70</v>
      </c>
      <c r="D51094" s="14" t="s">
        <v>286</v>
      </c>
      <c r="E51094" s="15">
        <v>45735</v>
      </c>
      <c r="F51094" s="14" t="s">
        <v>72</v>
      </c>
      <c r="G51094" s="16">
        <v>2.795681279705311</v>
      </c>
    </row>
    <row r="51095" spans="1:7" x14ac:dyDescent="0.3">
      <c r="A51095" s="13" t="s">
        <v>285</v>
      </c>
      <c r="B51095" s="14" t="s">
        <v>1</v>
      </c>
      <c r="C51095" s="14" t="s">
        <v>70</v>
      </c>
      <c r="D51095" s="14" t="s">
        <v>286</v>
      </c>
      <c r="E51095" s="15">
        <v>45736</v>
      </c>
      <c r="F51095" s="14" t="s">
        <v>72</v>
      </c>
      <c r="G51095" s="16">
        <v>2.8227125376251085</v>
      </c>
    </row>
    <row r="51096" spans="1:7" x14ac:dyDescent="0.3">
      <c r="A51096" s="13" t="s">
        <v>285</v>
      </c>
      <c r="B51096" s="14" t="s">
        <v>1</v>
      </c>
      <c r="C51096" s="14" t="s">
        <v>70</v>
      </c>
      <c r="D51096" s="14" t="s">
        <v>286</v>
      </c>
      <c r="E51096" s="15">
        <v>45737</v>
      </c>
      <c r="F51096" s="14" t="s">
        <v>72</v>
      </c>
      <c r="G51096" s="16">
        <v>2.8403839866839222</v>
      </c>
    </row>
    <row r="51097" spans="1:7" x14ac:dyDescent="0.3">
      <c r="A51097" s="13" t="s">
        <v>285</v>
      </c>
      <c r="B51097" s="14" t="s">
        <v>1</v>
      </c>
      <c r="C51097" s="14" t="s">
        <v>70</v>
      </c>
      <c r="D51097" s="14" t="s">
        <v>286</v>
      </c>
      <c r="E51097" s="15">
        <v>45738</v>
      </c>
      <c r="F51097" s="14" t="s">
        <v>72</v>
      </c>
      <c r="G51097" s="16">
        <v>2.8403839866839222</v>
      </c>
    </row>
    <row r="51098" spans="1:7" x14ac:dyDescent="0.3">
      <c r="A51098" s="13" t="s">
        <v>285</v>
      </c>
      <c r="B51098" s="14" t="s">
        <v>1</v>
      </c>
      <c r="C51098" s="14" t="s">
        <v>70</v>
      </c>
      <c r="D51098" s="14" t="s">
        <v>286</v>
      </c>
      <c r="E51098" s="15">
        <v>45739</v>
      </c>
      <c r="F51098" s="14" t="s">
        <v>72</v>
      </c>
      <c r="G51098" s="16">
        <v>2.8403839866839222</v>
      </c>
    </row>
    <row r="51099" spans="1:7" x14ac:dyDescent="0.3">
      <c r="A51099" s="13" t="s">
        <v>285</v>
      </c>
      <c r="B51099" s="14" t="s">
        <v>1</v>
      </c>
      <c r="C51099" s="14" t="s">
        <v>70</v>
      </c>
      <c r="D51099" s="14" t="s">
        <v>286</v>
      </c>
      <c r="E51099" s="15">
        <v>45740</v>
      </c>
      <c r="F51099" s="14" t="s">
        <v>72</v>
      </c>
      <c r="G51099" s="16">
        <v>2.8381030066817576</v>
      </c>
    </row>
    <row r="51100" spans="1:7" x14ac:dyDescent="0.3">
      <c r="A51100" s="13" t="s">
        <v>285</v>
      </c>
      <c r="B51100" s="14" t="s">
        <v>1</v>
      </c>
      <c r="C51100" s="14" t="s">
        <v>70</v>
      </c>
      <c r="D51100" s="14" t="s">
        <v>286</v>
      </c>
      <c r="E51100" s="15">
        <v>45741</v>
      </c>
      <c r="F51100" s="14" t="s">
        <v>72</v>
      </c>
      <c r="G51100" s="16">
        <v>2.8399502704800343</v>
      </c>
    </row>
    <row r="51101" spans="1:7" x14ac:dyDescent="0.3">
      <c r="A51101" s="13" t="s">
        <v>285</v>
      </c>
      <c r="B51101" s="14" t="s">
        <v>1</v>
      </c>
      <c r="C51101" s="14" t="s">
        <v>70</v>
      </c>
      <c r="D51101" s="14" t="s">
        <v>286</v>
      </c>
      <c r="E51101" s="15">
        <v>45742</v>
      </c>
      <c r="F51101" s="14" t="s">
        <v>72</v>
      </c>
      <c r="G51101" s="16">
        <v>2.8456164292135249</v>
      </c>
    </row>
    <row r="51102" spans="1:7" x14ac:dyDescent="0.3">
      <c r="A51102" s="13" t="s">
        <v>285</v>
      </c>
      <c r="B51102" s="14" t="s">
        <v>1</v>
      </c>
      <c r="C51102" s="14" t="s">
        <v>70</v>
      </c>
      <c r="D51102" s="14" t="s">
        <v>286</v>
      </c>
      <c r="E51102" s="15">
        <v>45743</v>
      </c>
      <c r="F51102" s="14" t="s">
        <v>72</v>
      </c>
      <c r="G51102" s="16">
        <v>2.8646645222027014</v>
      </c>
    </row>
    <row r="51103" spans="1:7" x14ac:dyDescent="0.3">
      <c r="A51103" s="13" t="s">
        <v>285</v>
      </c>
      <c r="B51103" s="14" t="s">
        <v>1</v>
      </c>
      <c r="C51103" s="14" t="s">
        <v>70</v>
      </c>
      <c r="D51103" s="14" t="s">
        <v>286</v>
      </c>
      <c r="E51103" s="15">
        <v>45744</v>
      </c>
      <c r="F51103" s="14" t="s">
        <v>72</v>
      </c>
      <c r="G51103" s="16">
        <v>2.9660318459933777</v>
      </c>
    </row>
    <row r="51104" spans="1:7" x14ac:dyDescent="0.3">
      <c r="A51104" s="13" t="s">
        <v>285</v>
      </c>
      <c r="B51104" s="14" t="s">
        <v>1</v>
      </c>
      <c r="C51104" s="14" t="s">
        <v>70</v>
      </c>
      <c r="D51104" s="14" t="s">
        <v>286</v>
      </c>
      <c r="E51104" s="15">
        <v>45745</v>
      </c>
      <c r="F51104" s="14" t="s">
        <v>72</v>
      </c>
      <c r="G51104" s="16">
        <v>2.9660318459933777</v>
      </c>
    </row>
    <row r="51105" spans="1:7" x14ac:dyDescent="0.3">
      <c r="A51105" s="13" t="s">
        <v>285</v>
      </c>
      <c r="B51105" s="14" t="s">
        <v>1</v>
      </c>
      <c r="C51105" s="14" t="s">
        <v>70</v>
      </c>
      <c r="D51105" s="14" t="s">
        <v>286</v>
      </c>
      <c r="E51105" s="15">
        <v>45746</v>
      </c>
      <c r="F51105" s="14" t="s">
        <v>72</v>
      </c>
      <c r="G51105" s="16">
        <v>2.9660318459933777</v>
      </c>
    </row>
    <row r="51106" spans="1:7" x14ac:dyDescent="0.3">
      <c r="A51106" s="13" t="s">
        <v>285</v>
      </c>
      <c r="B51106" s="14" t="s">
        <v>1</v>
      </c>
      <c r="C51106" s="14" t="s">
        <v>70</v>
      </c>
      <c r="D51106" s="14" t="s">
        <v>286</v>
      </c>
      <c r="E51106" s="15">
        <v>45747</v>
      </c>
      <c r="F51106" s="14" t="s">
        <v>72</v>
      </c>
      <c r="G51106" s="16">
        <v>3.0318854092145262</v>
      </c>
    </row>
    <row r="51107" spans="1:7" x14ac:dyDescent="0.3">
      <c r="A51107" s="13" t="s">
        <v>287</v>
      </c>
      <c r="B51107" s="14" t="s">
        <v>1</v>
      </c>
      <c r="C51107" s="14" t="s">
        <v>101</v>
      </c>
      <c r="D51107" s="14" t="s">
        <v>122</v>
      </c>
      <c r="E51107" s="15">
        <v>45383</v>
      </c>
      <c r="F51107" s="14" t="s">
        <v>15</v>
      </c>
      <c r="G51107" s="16">
        <v>0</v>
      </c>
    </row>
    <row r="51108" spans="1:7" x14ac:dyDescent="0.3">
      <c r="A51108" s="13" t="s">
        <v>287</v>
      </c>
      <c r="B51108" s="14" t="s">
        <v>1</v>
      </c>
      <c r="C51108" s="14" t="s">
        <v>101</v>
      </c>
      <c r="D51108" s="14" t="s">
        <v>122</v>
      </c>
      <c r="E51108" s="15">
        <v>45384</v>
      </c>
      <c r="F51108" s="14" t="s">
        <v>15</v>
      </c>
      <c r="G51108" s="16">
        <v>0</v>
      </c>
    </row>
    <row r="51109" spans="1:7" x14ac:dyDescent="0.3">
      <c r="A51109" s="13" t="s">
        <v>287</v>
      </c>
      <c r="B51109" s="14" t="s">
        <v>1</v>
      </c>
      <c r="C51109" s="14" t="s">
        <v>101</v>
      </c>
      <c r="D51109" s="14" t="s">
        <v>122</v>
      </c>
      <c r="E51109" s="15">
        <v>45385</v>
      </c>
      <c r="F51109" s="14" t="s">
        <v>15</v>
      </c>
      <c r="G51109" s="16">
        <v>0</v>
      </c>
    </row>
    <row r="51110" spans="1:7" x14ac:dyDescent="0.3">
      <c r="A51110" s="13" t="s">
        <v>287</v>
      </c>
      <c r="B51110" s="14" t="s">
        <v>1</v>
      </c>
      <c r="C51110" s="14" t="s">
        <v>101</v>
      </c>
      <c r="D51110" s="14" t="s">
        <v>122</v>
      </c>
      <c r="E51110" s="15">
        <v>45386</v>
      </c>
      <c r="F51110" s="14" t="s">
        <v>15</v>
      </c>
      <c r="G51110" s="16">
        <v>0</v>
      </c>
    </row>
    <row r="51111" spans="1:7" x14ac:dyDescent="0.3">
      <c r="A51111" s="13" t="s">
        <v>287</v>
      </c>
      <c r="B51111" s="14" t="s">
        <v>1</v>
      </c>
      <c r="C51111" s="14" t="s">
        <v>101</v>
      </c>
      <c r="D51111" s="14" t="s">
        <v>122</v>
      </c>
      <c r="E51111" s="15">
        <v>45387</v>
      </c>
      <c r="F51111" s="14" t="s">
        <v>15</v>
      </c>
      <c r="G51111" s="16">
        <v>0</v>
      </c>
    </row>
    <row r="51112" spans="1:7" x14ac:dyDescent="0.3">
      <c r="A51112" s="13" t="s">
        <v>287</v>
      </c>
      <c r="B51112" s="14" t="s">
        <v>1</v>
      </c>
      <c r="C51112" s="14" t="s">
        <v>101</v>
      </c>
      <c r="D51112" s="14" t="s">
        <v>122</v>
      </c>
      <c r="E51112" s="15">
        <v>45388</v>
      </c>
      <c r="F51112" s="14" t="s">
        <v>15</v>
      </c>
      <c r="G51112" s="16">
        <v>0</v>
      </c>
    </row>
    <row r="51113" spans="1:7" x14ac:dyDescent="0.3">
      <c r="A51113" s="13" t="s">
        <v>287</v>
      </c>
      <c r="B51113" s="14" t="s">
        <v>1</v>
      </c>
      <c r="C51113" s="14" t="s">
        <v>101</v>
      </c>
      <c r="D51113" s="14" t="s">
        <v>122</v>
      </c>
      <c r="E51113" s="15">
        <v>45389</v>
      </c>
      <c r="F51113" s="14" t="s">
        <v>15</v>
      </c>
      <c r="G51113" s="16">
        <v>0</v>
      </c>
    </row>
    <row r="51114" spans="1:7" x14ac:dyDescent="0.3">
      <c r="A51114" s="13" t="s">
        <v>287</v>
      </c>
      <c r="B51114" s="14" t="s">
        <v>1</v>
      </c>
      <c r="C51114" s="14" t="s">
        <v>101</v>
      </c>
      <c r="D51114" s="14" t="s">
        <v>122</v>
      </c>
      <c r="E51114" s="15">
        <v>45390</v>
      </c>
      <c r="F51114" s="14" t="s">
        <v>15</v>
      </c>
      <c r="G51114" s="16">
        <v>0</v>
      </c>
    </row>
    <row r="51115" spans="1:7" x14ac:dyDescent="0.3">
      <c r="A51115" s="13" t="s">
        <v>287</v>
      </c>
      <c r="B51115" s="14" t="s">
        <v>1</v>
      </c>
      <c r="C51115" s="14" t="s">
        <v>101</v>
      </c>
      <c r="D51115" s="14" t="s">
        <v>122</v>
      </c>
      <c r="E51115" s="15">
        <v>45391</v>
      </c>
      <c r="F51115" s="14" t="s">
        <v>15</v>
      </c>
      <c r="G51115" s="16">
        <v>0</v>
      </c>
    </row>
    <row r="51116" spans="1:7" x14ac:dyDescent="0.3">
      <c r="A51116" s="13" t="s">
        <v>287</v>
      </c>
      <c r="B51116" s="14" t="s">
        <v>1</v>
      </c>
      <c r="C51116" s="14" t="s">
        <v>101</v>
      </c>
      <c r="D51116" s="14" t="s">
        <v>122</v>
      </c>
      <c r="E51116" s="15">
        <v>45392</v>
      </c>
      <c r="F51116" s="14" t="s">
        <v>15</v>
      </c>
      <c r="G51116" s="16">
        <v>0</v>
      </c>
    </row>
    <row r="51117" spans="1:7" x14ac:dyDescent="0.3">
      <c r="A51117" s="13" t="s">
        <v>287</v>
      </c>
      <c r="B51117" s="14" t="s">
        <v>1</v>
      </c>
      <c r="C51117" s="14" t="s">
        <v>101</v>
      </c>
      <c r="D51117" s="14" t="s">
        <v>122</v>
      </c>
      <c r="E51117" s="15">
        <v>45393</v>
      </c>
      <c r="F51117" s="14" t="s">
        <v>15</v>
      </c>
      <c r="G51117" s="16">
        <v>0</v>
      </c>
    </row>
    <row r="51118" spans="1:7" x14ac:dyDescent="0.3">
      <c r="A51118" s="13" t="s">
        <v>287</v>
      </c>
      <c r="B51118" s="14" t="s">
        <v>1</v>
      </c>
      <c r="C51118" s="14" t="s">
        <v>101</v>
      </c>
      <c r="D51118" s="14" t="s">
        <v>122</v>
      </c>
      <c r="E51118" s="15">
        <v>45394</v>
      </c>
      <c r="F51118" s="14" t="s">
        <v>15</v>
      </c>
      <c r="G51118" s="16">
        <v>2.9137174717814351E-2</v>
      </c>
    </row>
    <row r="51119" spans="1:7" x14ac:dyDescent="0.3">
      <c r="A51119" s="13" t="s">
        <v>287</v>
      </c>
      <c r="B51119" s="14" t="s">
        <v>1</v>
      </c>
      <c r="C51119" s="14" t="s">
        <v>101</v>
      </c>
      <c r="D51119" s="14" t="s">
        <v>122</v>
      </c>
      <c r="E51119" s="15">
        <v>45395</v>
      </c>
      <c r="F51119" s="14" t="s">
        <v>15</v>
      </c>
      <c r="G51119" s="16">
        <v>2.9137174717814351E-2</v>
      </c>
    </row>
    <row r="51120" spans="1:7" x14ac:dyDescent="0.3">
      <c r="A51120" s="13" t="s">
        <v>287</v>
      </c>
      <c r="B51120" s="14" t="s">
        <v>1</v>
      </c>
      <c r="C51120" s="14" t="s">
        <v>101</v>
      </c>
      <c r="D51120" s="14" t="s">
        <v>122</v>
      </c>
      <c r="E51120" s="15">
        <v>45396</v>
      </c>
      <c r="F51120" s="14" t="s">
        <v>15</v>
      </c>
      <c r="G51120" s="16">
        <v>2.9137174717814351E-2</v>
      </c>
    </row>
    <row r="51121" spans="1:7" x14ac:dyDescent="0.3">
      <c r="A51121" s="13" t="s">
        <v>287</v>
      </c>
      <c r="B51121" s="14" t="s">
        <v>1</v>
      </c>
      <c r="C51121" s="14" t="s">
        <v>101</v>
      </c>
      <c r="D51121" s="14" t="s">
        <v>122</v>
      </c>
      <c r="E51121" s="15">
        <v>45397</v>
      </c>
      <c r="F51121" s="14" t="s">
        <v>15</v>
      </c>
      <c r="G51121" s="16">
        <v>2.4372541896524196E-2</v>
      </c>
    </row>
    <row r="51122" spans="1:7" x14ac:dyDescent="0.3">
      <c r="A51122" s="13" t="s">
        <v>287</v>
      </c>
      <c r="B51122" s="14" t="s">
        <v>1</v>
      </c>
      <c r="C51122" s="14" t="s">
        <v>101</v>
      </c>
      <c r="D51122" s="14" t="s">
        <v>122</v>
      </c>
      <c r="E51122" s="15">
        <v>45398</v>
      </c>
      <c r="F51122" s="14" t="s">
        <v>15</v>
      </c>
      <c r="G51122" s="16">
        <v>1.0251976871844213E-2</v>
      </c>
    </row>
    <row r="51123" spans="1:7" x14ac:dyDescent="0.3">
      <c r="A51123" s="13" t="s">
        <v>287</v>
      </c>
      <c r="B51123" s="14" t="s">
        <v>1</v>
      </c>
      <c r="C51123" s="14" t="s">
        <v>101</v>
      </c>
      <c r="D51123" s="14" t="s">
        <v>122</v>
      </c>
      <c r="E51123" s="15">
        <v>45399</v>
      </c>
      <c r="F51123" s="14" t="s">
        <v>15</v>
      </c>
      <c r="G51123" s="16">
        <v>6.6285869884071657E-3</v>
      </c>
    </row>
    <row r="51124" spans="1:7" x14ac:dyDescent="0.3">
      <c r="A51124" s="13" t="s">
        <v>287</v>
      </c>
      <c r="B51124" s="14" t="s">
        <v>1</v>
      </c>
      <c r="C51124" s="14" t="s">
        <v>101</v>
      </c>
      <c r="D51124" s="14" t="s">
        <v>122</v>
      </c>
      <c r="E51124" s="15">
        <v>45400</v>
      </c>
      <c r="F51124" s="14" t="s">
        <v>15</v>
      </c>
      <c r="G51124" s="16">
        <v>1.9769485173994966E-3</v>
      </c>
    </row>
    <row r="51125" spans="1:7" x14ac:dyDescent="0.3">
      <c r="A51125" s="13" t="s">
        <v>287</v>
      </c>
      <c r="B51125" s="14" t="s">
        <v>1</v>
      </c>
      <c r="C51125" s="14" t="s">
        <v>101</v>
      </c>
      <c r="D51125" s="14" t="s">
        <v>122</v>
      </c>
      <c r="E51125" s="15">
        <v>45401</v>
      </c>
      <c r="F51125" s="14" t="s">
        <v>15</v>
      </c>
      <c r="G51125" s="16">
        <v>3.528699876900303E-3</v>
      </c>
    </row>
    <row r="51126" spans="1:7" x14ac:dyDescent="0.3">
      <c r="A51126" s="13" t="s">
        <v>287</v>
      </c>
      <c r="B51126" s="14" t="s">
        <v>1</v>
      </c>
      <c r="C51126" s="14" t="s">
        <v>101</v>
      </c>
      <c r="D51126" s="14" t="s">
        <v>122</v>
      </c>
      <c r="E51126" s="15">
        <v>45402</v>
      </c>
      <c r="F51126" s="14" t="s">
        <v>15</v>
      </c>
      <c r="G51126" s="16">
        <v>3.528699876900303E-3</v>
      </c>
    </row>
    <row r="51127" spans="1:7" x14ac:dyDescent="0.3">
      <c r="A51127" s="13" t="s">
        <v>287</v>
      </c>
      <c r="B51127" s="14" t="s">
        <v>1</v>
      </c>
      <c r="C51127" s="14" t="s">
        <v>101</v>
      </c>
      <c r="D51127" s="14" t="s">
        <v>122</v>
      </c>
      <c r="E51127" s="15">
        <v>45403</v>
      </c>
      <c r="F51127" s="14" t="s">
        <v>15</v>
      </c>
      <c r="G51127" s="16">
        <v>3.528699876900303E-3</v>
      </c>
    </row>
    <row r="51128" spans="1:7" x14ac:dyDescent="0.3">
      <c r="A51128" s="13" t="s">
        <v>287</v>
      </c>
      <c r="B51128" s="14" t="s">
        <v>1</v>
      </c>
      <c r="C51128" s="14" t="s">
        <v>101</v>
      </c>
      <c r="D51128" s="14" t="s">
        <v>122</v>
      </c>
      <c r="E51128" s="15">
        <v>45404</v>
      </c>
      <c r="F51128" s="14" t="s">
        <v>15</v>
      </c>
      <c r="G51128" s="16">
        <v>0</v>
      </c>
    </row>
    <row r="51129" spans="1:7" x14ac:dyDescent="0.3">
      <c r="A51129" s="13" t="s">
        <v>287</v>
      </c>
      <c r="B51129" s="14" t="s">
        <v>1</v>
      </c>
      <c r="C51129" s="14" t="s">
        <v>101</v>
      </c>
      <c r="D51129" s="14" t="s">
        <v>122</v>
      </c>
      <c r="E51129" s="15">
        <v>45405</v>
      </c>
      <c r="F51129" s="14" t="s">
        <v>15</v>
      </c>
      <c r="G51129" s="16">
        <v>5.7762146098726784E-2</v>
      </c>
    </row>
    <row r="51130" spans="1:7" x14ac:dyDescent="0.3">
      <c r="A51130" s="13" t="s">
        <v>287</v>
      </c>
      <c r="B51130" s="14" t="s">
        <v>1</v>
      </c>
      <c r="C51130" s="14" t="s">
        <v>101</v>
      </c>
      <c r="D51130" s="14" t="s">
        <v>122</v>
      </c>
      <c r="E51130" s="15">
        <v>45406</v>
      </c>
      <c r="F51130" s="14" t="s">
        <v>15</v>
      </c>
      <c r="G51130" s="16">
        <v>5.7279999153142844E-2</v>
      </c>
    </row>
    <row r="51131" spans="1:7" x14ac:dyDescent="0.3">
      <c r="A51131" s="13" t="s">
        <v>287</v>
      </c>
      <c r="B51131" s="14" t="s">
        <v>1</v>
      </c>
      <c r="C51131" s="14" t="s">
        <v>101</v>
      </c>
      <c r="D51131" s="14" t="s">
        <v>122</v>
      </c>
      <c r="E51131" s="15">
        <v>45407</v>
      </c>
      <c r="F51131" s="14" t="s">
        <v>15</v>
      </c>
      <c r="G51131" s="16">
        <v>4.8470168591739693E-2</v>
      </c>
    </row>
    <row r="51132" spans="1:7" x14ac:dyDescent="0.3">
      <c r="A51132" s="13" t="s">
        <v>287</v>
      </c>
      <c r="B51132" s="14" t="s">
        <v>1</v>
      </c>
      <c r="C51132" s="14" t="s">
        <v>101</v>
      </c>
      <c r="D51132" s="14" t="s">
        <v>122</v>
      </c>
      <c r="E51132" s="15">
        <v>45408</v>
      </c>
      <c r="F51132" s="14" t="s">
        <v>15</v>
      </c>
      <c r="G51132" s="16">
        <v>4.5377852154630326E-2</v>
      </c>
    </row>
    <row r="51133" spans="1:7" x14ac:dyDescent="0.3">
      <c r="A51133" s="13" t="s">
        <v>287</v>
      </c>
      <c r="B51133" s="14" t="s">
        <v>1</v>
      </c>
      <c r="C51133" s="14" t="s">
        <v>101</v>
      </c>
      <c r="D51133" s="14" t="s">
        <v>122</v>
      </c>
      <c r="E51133" s="15">
        <v>45409</v>
      </c>
      <c r="F51133" s="14" t="s">
        <v>15</v>
      </c>
      <c r="G51133" s="16">
        <v>4.5377852154630326E-2</v>
      </c>
    </row>
    <row r="51134" spans="1:7" x14ac:dyDescent="0.3">
      <c r="A51134" s="13" t="s">
        <v>287</v>
      </c>
      <c r="B51134" s="14" t="s">
        <v>1</v>
      </c>
      <c r="C51134" s="14" t="s">
        <v>101</v>
      </c>
      <c r="D51134" s="14" t="s">
        <v>122</v>
      </c>
      <c r="E51134" s="15">
        <v>45410</v>
      </c>
      <c r="F51134" s="14" t="s">
        <v>15</v>
      </c>
      <c r="G51134" s="16">
        <v>4.5377852154630326E-2</v>
      </c>
    </row>
    <row r="51135" spans="1:7" x14ac:dyDescent="0.3">
      <c r="A51135" s="13" t="s">
        <v>287</v>
      </c>
      <c r="B51135" s="14" t="s">
        <v>1</v>
      </c>
      <c r="C51135" s="14" t="s">
        <v>101</v>
      </c>
      <c r="D51135" s="14" t="s">
        <v>122</v>
      </c>
      <c r="E51135" s="15">
        <v>45411</v>
      </c>
      <c r="F51135" s="14" t="s">
        <v>15</v>
      </c>
      <c r="G51135" s="16">
        <v>4.0669716508481411E-2</v>
      </c>
    </row>
    <row r="51136" spans="1:7" x14ac:dyDescent="0.3">
      <c r="A51136" s="13" t="s">
        <v>287</v>
      </c>
      <c r="B51136" s="14" t="s">
        <v>1</v>
      </c>
      <c r="C51136" s="14" t="s">
        <v>101</v>
      </c>
      <c r="D51136" s="14" t="s">
        <v>122</v>
      </c>
      <c r="E51136" s="15">
        <v>45412</v>
      </c>
      <c r="F51136" s="14" t="s">
        <v>15</v>
      </c>
      <c r="G51136" s="16">
        <v>3.2967230579846622E-2</v>
      </c>
    </row>
    <row r="51137" spans="1:7" x14ac:dyDescent="0.3">
      <c r="A51137" s="13" t="s">
        <v>287</v>
      </c>
      <c r="B51137" s="14" t="s">
        <v>1</v>
      </c>
      <c r="C51137" s="14" t="s">
        <v>101</v>
      </c>
      <c r="D51137" s="14" t="s">
        <v>122</v>
      </c>
      <c r="E51137" s="15">
        <v>45413</v>
      </c>
      <c r="F51137" s="14" t="s">
        <v>15</v>
      </c>
      <c r="G51137" s="16">
        <v>0.17341163730657908</v>
      </c>
    </row>
    <row r="51138" spans="1:7" x14ac:dyDescent="0.3">
      <c r="A51138" s="13" t="s">
        <v>287</v>
      </c>
      <c r="B51138" s="14" t="s">
        <v>1</v>
      </c>
      <c r="C51138" s="14" t="s">
        <v>101</v>
      </c>
      <c r="D51138" s="14" t="s">
        <v>122</v>
      </c>
      <c r="E51138" s="15">
        <v>45414</v>
      </c>
      <c r="F51138" s="14" t="s">
        <v>15</v>
      </c>
      <c r="G51138" s="16">
        <v>0.16772045081297254</v>
      </c>
    </row>
    <row r="51139" spans="1:7" x14ac:dyDescent="0.3">
      <c r="A51139" s="13" t="s">
        <v>287</v>
      </c>
      <c r="B51139" s="14" t="s">
        <v>1</v>
      </c>
      <c r="C51139" s="14" t="s">
        <v>101</v>
      </c>
      <c r="D51139" s="14" t="s">
        <v>122</v>
      </c>
      <c r="E51139" s="15">
        <v>45415</v>
      </c>
      <c r="F51139" s="14" t="s">
        <v>15</v>
      </c>
      <c r="G51139" s="16">
        <v>0.16297841686173889</v>
      </c>
    </row>
    <row r="51140" spans="1:7" x14ac:dyDescent="0.3">
      <c r="A51140" s="13" t="s">
        <v>287</v>
      </c>
      <c r="B51140" s="14" t="s">
        <v>1</v>
      </c>
      <c r="C51140" s="14" t="s">
        <v>101</v>
      </c>
      <c r="D51140" s="14" t="s">
        <v>122</v>
      </c>
      <c r="E51140" s="15">
        <v>45416</v>
      </c>
      <c r="F51140" s="14" t="s">
        <v>15</v>
      </c>
      <c r="G51140" s="16">
        <v>0.16297841686173889</v>
      </c>
    </row>
    <row r="51141" spans="1:7" x14ac:dyDescent="0.3">
      <c r="A51141" s="13" t="s">
        <v>287</v>
      </c>
      <c r="B51141" s="14" t="s">
        <v>1</v>
      </c>
      <c r="C51141" s="14" t="s">
        <v>101</v>
      </c>
      <c r="D51141" s="14" t="s">
        <v>122</v>
      </c>
      <c r="E51141" s="15">
        <v>45417</v>
      </c>
      <c r="F51141" s="14" t="s">
        <v>15</v>
      </c>
      <c r="G51141" s="16">
        <v>0.16297841686173889</v>
      </c>
    </row>
    <row r="51142" spans="1:7" x14ac:dyDescent="0.3">
      <c r="A51142" s="13" t="s">
        <v>287</v>
      </c>
      <c r="B51142" s="14" t="s">
        <v>1</v>
      </c>
      <c r="C51142" s="14" t="s">
        <v>101</v>
      </c>
      <c r="D51142" s="14" t="s">
        <v>122</v>
      </c>
      <c r="E51142" s="15">
        <v>45418</v>
      </c>
      <c r="F51142" s="14" t="s">
        <v>15</v>
      </c>
      <c r="G51142" s="16">
        <v>0.16297841686173889</v>
      </c>
    </row>
    <row r="51143" spans="1:7" x14ac:dyDescent="0.3">
      <c r="A51143" s="13" t="s">
        <v>287</v>
      </c>
      <c r="B51143" s="14" t="s">
        <v>1</v>
      </c>
      <c r="C51143" s="14" t="s">
        <v>101</v>
      </c>
      <c r="D51143" s="14" t="s">
        <v>122</v>
      </c>
      <c r="E51143" s="15">
        <v>45419</v>
      </c>
      <c r="F51143" s="14" t="s">
        <v>15</v>
      </c>
      <c r="G51143" s="16">
        <v>0.17433807782575947</v>
      </c>
    </row>
    <row r="51144" spans="1:7" x14ac:dyDescent="0.3">
      <c r="A51144" s="13" t="s">
        <v>287</v>
      </c>
      <c r="B51144" s="14" t="s">
        <v>1</v>
      </c>
      <c r="C51144" s="14" t="s">
        <v>101</v>
      </c>
      <c r="D51144" s="14" t="s">
        <v>122</v>
      </c>
      <c r="E51144" s="15">
        <v>45420</v>
      </c>
      <c r="F51144" s="14" t="s">
        <v>15</v>
      </c>
      <c r="G51144" s="16">
        <v>0.21398022466548627</v>
      </c>
    </row>
    <row r="51145" spans="1:7" x14ac:dyDescent="0.3">
      <c r="A51145" s="13" t="s">
        <v>287</v>
      </c>
      <c r="B51145" s="14" t="s">
        <v>1</v>
      </c>
      <c r="C51145" s="14" t="s">
        <v>101</v>
      </c>
      <c r="D51145" s="14" t="s">
        <v>122</v>
      </c>
      <c r="E51145" s="15">
        <v>45421</v>
      </c>
      <c r="F51145" s="14" t="s">
        <v>15</v>
      </c>
      <c r="G51145" s="16">
        <v>0.26731728675945038</v>
      </c>
    </row>
    <row r="51146" spans="1:7" x14ac:dyDescent="0.3">
      <c r="A51146" s="13" t="s">
        <v>287</v>
      </c>
      <c r="B51146" s="14" t="s">
        <v>1</v>
      </c>
      <c r="C51146" s="14" t="s">
        <v>101</v>
      </c>
      <c r="D51146" s="14" t="s">
        <v>122</v>
      </c>
      <c r="E51146" s="15">
        <v>45422</v>
      </c>
      <c r="F51146" s="14" t="s">
        <v>15</v>
      </c>
      <c r="G51146" s="16">
        <v>0.27885773868392294</v>
      </c>
    </row>
    <row r="51147" spans="1:7" x14ac:dyDescent="0.3">
      <c r="A51147" s="13" t="s">
        <v>287</v>
      </c>
      <c r="B51147" s="14" t="s">
        <v>1</v>
      </c>
      <c r="C51147" s="14" t="s">
        <v>101</v>
      </c>
      <c r="D51147" s="14" t="s">
        <v>122</v>
      </c>
      <c r="E51147" s="15">
        <v>45423</v>
      </c>
      <c r="F51147" s="14" t="s">
        <v>15</v>
      </c>
      <c r="G51147" s="16">
        <v>0.27885773868392294</v>
      </c>
    </row>
    <row r="51148" spans="1:7" x14ac:dyDescent="0.3">
      <c r="A51148" s="13" t="s">
        <v>287</v>
      </c>
      <c r="B51148" s="14" t="s">
        <v>1</v>
      </c>
      <c r="C51148" s="14" t="s">
        <v>101</v>
      </c>
      <c r="D51148" s="14" t="s">
        <v>122</v>
      </c>
      <c r="E51148" s="15">
        <v>45424</v>
      </c>
      <c r="F51148" s="14" t="s">
        <v>15</v>
      </c>
      <c r="G51148" s="16">
        <v>0.27885773868392294</v>
      </c>
    </row>
    <row r="51149" spans="1:7" x14ac:dyDescent="0.3">
      <c r="A51149" s="13" t="s">
        <v>287</v>
      </c>
      <c r="B51149" s="14" t="s">
        <v>1</v>
      </c>
      <c r="C51149" s="14" t="s">
        <v>101</v>
      </c>
      <c r="D51149" s="14" t="s">
        <v>122</v>
      </c>
      <c r="E51149" s="15">
        <v>45425</v>
      </c>
      <c r="F51149" s="14" t="s">
        <v>15</v>
      </c>
      <c r="G51149" s="16">
        <v>0.27705355784003388</v>
      </c>
    </row>
    <row r="51150" spans="1:7" x14ac:dyDescent="0.3">
      <c r="A51150" s="13" t="s">
        <v>287</v>
      </c>
      <c r="B51150" s="14" t="s">
        <v>1</v>
      </c>
      <c r="C51150" s="14" t="s">
        <v>101</v>
      </c>
      <c r="D51150" s="14" t="s">
        <v>122</v>
      </c>
      <c r="E51150" s="15">
        <v>45426</v>
      </c>
      <c r="F51150" s="14" t="s">
        <v>15</v>
      </c>
      <c r="G51150" s="16">
        <v>0.25563355778710534</v>
      </c>
    </row>
    <row r="51151" spans="1:7" x14ac:dyDescent="0.3">
      <c r="A51151" s="13" t="s">
        <v>287</v>
      </c>
      <c r="B51151" s="14" t="s">
        <v>1</v>
      </c>
      <c r="C51151" s="14" t="s">
        <v>101</v>
      </c>
      <c r="D51151" s="14" t="s">
        <v>122</v>
      </c>
      <c r="E51151" s="15">
        <v>45427</v>
      </c>
      <c r="F51151" s="14" t="s">
        <v>15</v>
      </c>
      <c r="G51151" s="16">
        <v>0.25074463118050444</v>
      </c>
    </row>
    <row r="51152" spans="1:7" x14ac:dyDescent="0.3">
      <c r="A51152" s="13" t="s">
        <v>287</v>
      </c>
      <c r="B51152" s="14" t="s">
        <v>1</v>
      </c>
      <c r="C51152" s="14" t="s">
        <v>101</v>
      </c>
      <c r="D51152" s="14" t="s">
        <v>122</v>
      </c>
      <c r="E51152" s="15">
        <v>45428</v>
      </c>
      <c r="F51152" s="14" t="s">
        <v>15</v>
      </c>
      <c r="G51152" s="16">
        <v>0.28665796446090919</v>
      </c>
    </row>
    <row r="51153" spans="1:7" x14ac:dyDescent="0.3">
      <c r="A51153" s="13" t="s">
        <v>287</v>
      </c>
      <c r="B51153" s="14" t="s">
        <v>1</v>
      </c>
      <c r="C51153" s="14" t="s">
        <v>101</v>
      </c>
      <c r="D51153" s="14" t="s">
        <v>122</v>
      </c>
      <c r="E51153" s="15">
        <v>45429</v>
      </c>
      <c r="F51153" s="14" t="s">
        <v>15</v>
      </c>
      <c r="G51153" s="16">
        <v>0.31659389661137044</v>
      </c>
    </row>
    <row r="51154" spans="1:7" x14ac:dyDescent="0.3">
      <c r="A51154" s="13" t="s">
        <v>287</v>
      </c>
      <c r="B51154" s="14" t="s">
        <v>1</v>
      </c>
      <c r="C51154" s="14" t="s">
        <v>101</v>
      </c>
      <c r="D51154" s="14" t="s">
        <v>122</v>
      </c>
      <c r="E51154" s="15">
        <v>45430</v>
      </c>
      <c r="F51154" s="14" t="s">
        <v>15</v>
      </c>
      <c r="G51154" s="16">
        <v>0.31659389661137044</v>
      </c>
    </row>
    <row r="51155" spans="1:7" x14ac:dyDescent="0.3">
      <c r="A51155" s="13" t="s">
        <v>287</v>
      </c>
      <c r="B51155" s="14" t="s">
        <v>1</v>
      </c>
      <c r="C51155" s="14" t="s">
        <v>101</v>
      </c>
      <c r="D51155" s="14" t="s">
        <v>122</v>
      </c>
      <c r="E51155" s="15">
        <v>45431</v>
      </c>
      <c r="F51155" s="14" t="s">
        <v>15</v>
      </c>
      <c r="G51155" s="16">
        <v>0.31659389661137044</v>
      </c>
    </row>
    <row r="51156" spans="1:7" x14ac:dyDescent="0.3">
      <c r="A51156" s="13" t="s">
        <v>287</v>
      </c>
      <c r="B51156" s="14" t="s">
        <v>1</v>
      </c>
      <c r="C51156" s="14" t="s">
        <v>101</v>
      </c>
      <c r="D51156" s="14" t="s">
        <v>122</v>
      </c>
      <c r="E51156" s="15">
        <v>45432</v>
      </c>
      <c r="F51156" s="14" t="s">
        <v>15</v>
      </c>
      <c r="G51156" s="16">
        <v>0.31164847282962826</v>
      </c>
    </row>
    <row r="51157" spans="1:7" x14ac:dyDescent="0.3">
      <c r="A51157" s="13" t="s">
        <v>287</v>
      </c>
      <c r="B51157" s="14" t="s">
        <v>1</v>
      </c>
      <c r="C51157" s="14" t="s">
        <v>101</v>
      </c>
      <c r="D51157" s="14" t="s">
        <v>122</v>
      </c>
      <c r="E51157" s="15">
        <v>45433</v>
      </c>
      <c r="F51157" s="14" t="s">
        <v>15</v>
      </c>
      <c r="G51157" s="16">
        <v>0.29679344452811218</v>
      </c>
    </row>
    <row r="51158" spans="1:7" x14ac:dyDescent="0.3">
      <c r="A51158" s="13" t="s">
        <v>287</v>
      </c>
      <c r="B51158" s="14" t="s">
        <v>1</v>
      </c>
      <c r="C51158" s="14" t="s">
        <v>101</v>
      </c>
      <c r="D51158" s="14" t="s">
        <v>122</v>
      </c>
      <c r="E51158" s="15">
        <v>45434</v>
      </c>
      <c r="F51158" s="14" t="s">
        <v>15</v>
      </c>
      <c r="G51158" s="16">
        <v>0.29184802074637001</v>
      </c>
    </row>
    <row r="51159" spans="1:7" x14ac:dyDescent="0.3">
      <c r="A51159" s="13" t="s">
        <v>287</v>
      </c>
      <c r="B51159" s="14" t="s">
        <v>1</v>
      </c>
      <c r="C51159" s="14" t="s">
        <v>101</v>
      </c>
      <c r="D51159" s="14" t="s">
        <v>122</v>
      </c>
      <c r="E51159" s="15">
        <v>45435</v>
      </c>
      <c r="F51159" s="14" t="s">
        <v>15</v>
      </c>
      <c r="G51159" s="16">
        <v>0.28690259696462789</v>
      </c>
    </row>
    <row r="51160" spans="1:7" x14ac:dyDescent="0.3">
      <c r="A51160" s="13" t="s">
        <v>287</v>
      </c>
      <c r="B51160" s="14" t="s">
        <v>1</v>
      </c>
      <c r="C51160" s="14" t="s">
        <v>101</v>
      </c>
      <c r="D51160" s="14" t="s">
        <v>122</v>
      </c>
      <c r="E51160" s="15">
        <v>45436</v>
      </c>
      <c r="F51160" s="14" t="s">
        <v>15</v>
      </c>
      <c r="G51160" s="16">
        <v>0.29104191894559767</v>
      </c>
    </row>
    <row r="51161" spans="1:7" x14ac:dyDescent="0.3">
      <c r="A51161" s="13" t="s">
        <v>287</v>
      </c>
      <c r="B51161" s="14" t="s">
        <v>1</v>
      </c>
      <c r="C51161" s="14" t="s">
        <v>101</v>
      </c>
      <c r="D51161" s="14" t="s">
        <v>122</v>
      </c>
      <c r="E51161" s="15">
        <v>45437</v>
      </c>
      <c r="F51161" s="14" t="s">
        <v>15</v>
      </c>
      <c r="G51161" s="16">
        <v>0.29104191894559767</v>
      </c>
    </row>
    <row r="51162" spans="1:7" x14ac:dyDescent="0.3">
      <c r="A51162" s="13" t="s">
        <v>287</v>
      </c>
      <c r="B51162" s="14" t="s">
        <v>1</v>
      </c>
      <c r="C51162" s="14" t="s">
        <v>101</v>
      </c>
      <c r="D51162" s="14" t="s">
        <v>122</v>
      </c>
      <c r="E51162" s="15">
        <v>45438</v>
      </c>
      <c r="F51162" s="14" t="s">
        <v>15</v>
      </c>
      <c r="G51162" s="16">
        <v>0.29104191894559767</v>
      </c>
    </row>
    <row r="51163" spans="1:7" x14ac:dyDescent="0.3">
      <c r="A51163" s="13" t="s">
        <v>287</v>
      </c>
      <c r="B51163" s="14" t="s">
        <v>1</v>
      </c>
      <c r="C51163" s="14" t="s">
        <v>101</v>
      </c>
      <c r="D51163" s="14" t="s">
        <v>122</v>
      </c>
      <c r="E51163" s="15">
        <v>45439</v>
      </c>
      <c r="F51163" s="14" t="s">
        <v>15</v>
      </c>
      <c r="G51163" s="16">
        <v>0.28615299233899677</v>
      </c>
    </row>
    <row r="51164" spans="1:7" x14ac:dyDescent="0.3">
      <c r="A51164" s="13" t="s">
        <v>287</v>
      </c>
      <c r="B51164" s="14" t="s">
        <v>1</v>
      </c>
      <c r="C51164" s="14" t="s">
        <v>101</v>
      </c>
      <c r="D51164" s="14" t="s">
        <v>122</v>
      </c>
      <c r="E51164" s="15">
        <v>45440</v>
      </c>
      <c r="F51164" s="14" t="s">
        <v>15</v>
      </c>
      <c r="G51164" s="16">
        <v>0.27143355725781959</v>
      </c>
    </row>
    <row r="51165" spans="1:7" x14ac:dyDescent="0.3">
      <c r="A51165" s="13" t="s">
        <v>287</v>
      </c>
      <c r="B51165" s="14" t="s">
        <v>1</v>
      </c>
      <c r="C51165" s="14" t="s">
        <v>101</v>
      </c>
      <c r="D51165" s="14" t="s">
        <v>122</v>
      </c>
      <c r="E51165" s="15">
        <v>45441</v>
      </c>
      <c r="F51165" s="14" t="s">
        <v>15</v>
      </c>
      <c r="G51165" s="16">
        <v>0.29882711652692495</v>
      </c>
    </row>
    <row r="51166" spans="1:7" x14ac:dyDescent="0.3">
      <c r="A51166" s="13" t="s">
        <v>287</v>
      </c>
      <c r="B51166" s="14" t="s">
        <v>1</v>
      </c>
      <c r="C51166" s="14" t="s">
        <v>101</v>
      </c>
      <c r="D51166" s="14" t="s">
        <v>122</v>
      </c>
      <c r="E51166" s="15">
        <v>45442</v>
      </c>
      <c r="F51166" s="14" t="s">
        <v>15</v>
      </c>
      <c r="G51166" s="16">
        <v>0.29392689048529586</v>
      </c>
    </row>
    <row r="51167" spans="1:7" x14ac:dyDescent="0.3">
      <c r="A51167" s="13" t="s">
        <v>287</v>
      </c>
      <c r="B51167" s="14" t="s">
        <v>1</v>
      </c>
      <c r="C51167" s="14" t="s">
        <v>101</v>
      </c>
      <c r="D51167" s="14" t="s">
        <v>122</v>
      </c>
      <c r="E51167" s="15">
        <v>45443</v>
      </c>
      <c r="F51167" s="14" t="s">
        <v>15</v>
      </c>
      <c r="G51167" s="16">
        <v>0.29377242715553109</v>
      </c>
    </row>
    <row r="51168" spans="1:7" x14ac:dyDescent="0.3">
      <c r="A51168" s="13" t="s">
        <v>287</v>
      </c>
      <c r="B51168" s="14" t="s">
        <v>1</v>
      </c>
      <c r="C51168" s="14" t="s">
        <v>101</v>
      </c>
      <c r="D51168" s="14" t="s">
        <v>122</v>
      </c>
      <c r="E51168" s="15">
        <v>45444</v>
      </c>
      <c r="F51168" s="14" t="s">
        <v>15</v>
      </c>
      <c r="G51168" s="16">
        <v>0.29377242715553109</v>
      </c>
    </row>
    <row r="51169" spans="1:7" x14ac:dyDescent="0.3">
      <c r="A51169" s="13" t="s">
        <v>287</v>
      </c>
      <c r="B51169" s="14" t="s">
        <v>1</v>
      </c>
      <c r="C51169" s="14" t="s">
        <v>101</v>
      </c>
      <c r="D51169" s="14" t="s">
        <v>122</v>
      </c>
      <c r="E51169" s="15">
        <v>45445</v>
      </c>
      <c r="F51169" s="14" t="s">
        <v>15</v>
      </c>
      <c r="G51169" s="16">
        <v>0.29377242715553109</v>
      </c>
    </row>
    <row r="51170" spans="1:7" x14ac:dyDescent="0.3">
      <c r="A51170" s="13" t="s">
        <v>287</v>
      </c>
      <c r="B51170" s="14" t="s">
        <v>1</v>
      </c>
      <c r="C51170" s="14" t="s">
        <v>101</v>
      </c>
      <c r="D51170" s="14" t="s">
        <v>122</v>
      </c>
      <c r="E51170" s="15">
        <v>45446</v>
      </c>
      <c r="F51170" s="14" t="s">
        <v>15</v>
      </c>
      <c r="G51170" s="16">
        <v>0.29377242715553109</v>
      </c>
    </row>
    <row r="51171" spans="1:7" x14ac:dyDescent="0.3">
      <c r="A51171" s="13" t="s">
        <v>287</v>
      </c>
      <c r="B51171" s="14" t="s">
        <v>1</v>
      </c>
      <c r="C51171" s="14" t="s">
        <v>101</v>
      </c>
      <c r="D51171" s="14" t="s">
        <v>122</v>
      </c>
      <c r="E51171" s="15">
        <v>45447</v>
      </c>
      <c r="F51171" s="14" t="s">
        <v>15</v>
      </c>
      <c r="G51171" s="16">
        <v>0.32166316156587937</v>
      </c>
    </row>
    <row r="51172" spans="1:7" x14ac:dyDescent="0.3">
      <c r="A51172" s="13" t="s">
        <v>287</v>
      </c>
      <c r="B51172" s="14" t="s">
        <v>1</v>
      </c>
      <c r="C51172" s="14" t="s">
        <v>101</v>
      </c>
      <c r="D51172" s="14" t="s">
        <v>122</v>
      </c>
      <c r="E51172" s="15">
        <v>45448</v>
      </c>
      <c r="F51172" s="14" t="s">
        <v>15</v>
      </c>
      <c r="G51172" s="16">
        <v>0.31754259654119937</v>
      </c>
    </row>
    <row r="51173" spans="1:7" x14ac:dyDescent="0.3">
      <c r="A51173" s="13" t="s">
        <v>287</v>
      </c>
      <c r="B51173" s="14" t="s">
        <v>1</v>
      </c>
      <c r="C51173" s="14" t="s">
        <v>101</v>
      </c>
      <c r="D51173" s="14" t="s">
        <v>122</v>
      </c>
      <c r="E51173" s="15">
        <v>45449</v>
      </c>
      <c r="F51173" s="14" t="s">
        <v>15</v>
      </c>
      <c r="G51173" s="16">
        <v>0.32329773773120873</v>
      </c>
    </row>
    <row r="51174" spans="1:7" x14ac:dyDescent="0.3">
      <c r="A51174" s="13" t="s">
        <v>287</v>
      </c>
      <c r="B51174" s="14" t="s">
        <v>1</v>
      </c>
      <c r="C51174" s="14" t="s">
        <v>101</v>
      </c>
      <c r="D51174" s="14" t="s">
        <v>122</v>
      </c>
      <c r="E51174" s="15">
        <v>45450</v>
      </c>
      <c r="F51174" s="14" t="s">
        <v>15</v>
      </c>
      <c r="G51174" s="16">
        <v>0.32303028005116147</v>
      </c>
    </row>
    <row r="51175" spans="1:7" x14ac:dyDescent="0.3">
      <c r="A51175" s="13" t="s">
        <v>287</v>
      </c>
      <c r="B51175" s="14" t="s">
        <v>1</v>
      </c>
      <c r="C51175" s="14" t="s">
        <v>101</v>
      </c>
      <c r="D51175" s="14" t="s">
        <v>122</v>
      </c>
      <c r="E51175" s="15">
        <v>45451</v>
      </c>
      <c r="F51175" s="14" t="s">
        <v>15</v>
      </c>
      <c r="G51175" s="16">
        <v>0.32303028005116147</v>
      </c>
    </row>
    <row r="51176" spans="1:7" x14ac:dyDescent="0.3">
      <c r="A51176" s="13" t="s">
        <v>287</v>
      </c>
      <c r="B51176" s="14" t="s">
        <v>1</v>
      </c>
      <c r="C51176" s="14" t="s">
        <v>101</v>
      </c>
      <c r="D51176" s="14" t="s">
        <v>122</v>
      </c>
      <c r="E51176" s="15">
        <v>45452</v>
      </c>
      <c r="F51176" s="14" t="s">
        <v>15</v>
      </c>
      <c r="G51176" s="16">
        <v>0.32303028005116147</v>
      </c>
    </row>
    <row r="51177" spans="1:7" x14ac:dyDescent="0.3">
      <c r="A51177" s="13" t="s">
        <v>287</v>
      </c>
      <c r="B51177" s="14" t="s">
        <v>1</v>
      </c>
      <c r="C51177" s="14" t="s">
        <v>101</v>
      </c>
      <c r="D51177" s="14" t="s">
        <v>122</v>
      </c>
      <c r="E51177" s="15">
        <v>45453</v>
      </c>
      <c r="F51177" s="14" t="s">
        <v>15</v>
      </c>
      <c r="G51177" s="16">
        <v>0.32544078847280916</v>
      </c>
    </row>
    <row r="51178" spans="1:7" x14ac:dyDescent="0.3">
      <c r="A51178" s="13" t="s">
        <v>287</v>
      </c>
      <c r="B51178" s="14" t="s">
        <v>1</v>
      </c>
      <c r="C51178" s="14" t="s">
        <v>101</v>
      </c>
      <c r="D51178" s="14" t="s">
        <v>122</v>
      </c>
      <c r="E51178" s="15">
        <v>45454</v>
      </c>
      <c r="F51178" s="14" t="s">
        <v>15</v>
      </c>
      <c r="G51178" s="16">
        <v>0.37498124039728176</v>
      </c>
    </row>
    <row r="51179" spans="1:7" x14ac:dyDescent="0.3">
      <c r="A51179" s="13" t="s">
        <v>287</v>
      </c>
      <c r="B51179" s="14" t="s">
        <v>1</v>
      </c>
      <c r="C51179" s="14" t="s">
        <v>101</v>
      </c>
      <c r="D51179" s="14" t="s">
        <v>122</v>
      </c>
      <c r="E51179" s="15">
        <v>45455</v>
      </c>
      <c r="F51179" s="14" t="s">
        <v>15</v>
      </c>
      <c r="G51179" s="16">
        <v>0.37014881096582214</v>
      </c>
    </row>
    <row r="51180" spans="1:7" x14ac:dyDescent="0.3">
      <c r="A51180" s="13" t="s">
        <v>287</v>
      </c>
      <c r="B51180" s="14" t="s">
        <v>1</v>
      </c>
      <c r="C51180" s="14" t="s">
        <v>101</v>
      </c>
      <c r="D51180" s="14" t="s">
        <v>122</v>
      </c>
      <c r="E51180" s="15">
        <v>45456</v>
      </c>
      <c r="F51180" s="14" t="s">
        <v>15</v>
      </c>
      <c r="G51180" s="16">
        <v>0.36535027983944718</v>
      </c>
    </row>
    <row r="51181" spans="1:7" x14ac:dyDescent="0.3">
      <c r="A51181" s="13" t="s">
        <v>287</v>
      </c>
      <c r="B51181" s="14" t="s">
        <v>1</v>
      </c>
      <c r="C51181" s="14" t="s">
        <v>101</v>
      </c>
      <c r="D51181" s="14" t="s">
        <v>122</v>
      </c>
      <c r="E51181" s="15">
        <v>45457</v>
      </c>
      <c r="F51181" s="14" t="s">
        <v>15</v>
      </c>
      <c r="G51181" s="16">
        <v>0.36565909334584062</v>
      </c>
    </row>
    <row r="51182" spans="1:7" x14ac:dyDescent="0.3">
      <c r="A51182" s="13" t="s">
        <v>287</v>
      </c>
      <c r="B51182" s="14" t="s">
        <v>1</v>
      </c>
      <c r="C51182" s="14" t="s">
        <v>101</v>
      </c>
      <c r="D51182" s="14" t="s">
        <v>122</v>
      </c>
      <c r="E51182" s="15">
        <v>45458</v>
      </c>
      <c r="F51182" s="14" t="s">
        <v>15</v>
      </c>
      <c r="G51182" s="16">
        <v>0.36565909334584062</v>
      </c>
    </row>
    <row r="51183" spans="1:7" x14ac:dyDescent="0.3">
      <c r="A51183" s="13" t="s">
        <v>287</v>
      </c>
      <c r="B51183" s="14" t="s">
        <v>1</v>
      </c>
      <c r="C51183" s="14" t="s">
        <v>101</v>
      </c>
      <c r="D51183" s="14" t="s">
        <v>122</v>
      </c>
      <c r="E51183" s="15">
        <v>45459</v>
      </c>
      <c r="F51183" s="14" t="s">
        <v>15</v>
      </c>
      <c r="G51183" s="16">
        <v>0.36565909334584062</v>
      </c>
    </row>
    <row r="51184" spans="1:7" x14ac:dyDescent="0.3">
      <c r="A51184" s="13" t="s">
        <v>287</v>
      </c>
      <c r="B51184" s="14" t="s">
        <v>1</v>
      </c>
      <c r="C51184" s="14" t="s">
        <v>101</v>
      </c>
      <c r="D51184" s="14" t="s">
        <v>122</v>
      </c>
      <c r="E51184" s="15">
        <v>45460</v>
      </c>
      <c r="F51184" s="14" t="s">
        <v>15</v>
      </c>
      <c r="G51184" s="16">
        <v>0.36288316108952223</v>
      </c>
    </row>
    <row r="51185" spans="1:7" x14ac:dyDescent="0.3">
      <c r="A51185" s="13" t="s">
        <v>287</v>
      </c>
      <c r="B51185" s="14" t="s">
        <v>1</v>
      </c>
      <c r="C51185" s="14" t="s">
        <v>101</v>
      </c>
      <c r="D51185" s="14" t="s">
        <v>122</v>
      </c>
      <c r="E51185" s="15">
        <v>45461</v>
      </c>
      <c r="F51185" s="14" t="s">
        <v>15</v>
      </c>
      <c r="G51185" s="16">
        <v>0.36986994069761064</v>
      </c>
    </row>
    <row r="51186" spans="1:7" x14ac:dyDescent="0.3">
      <c r="A51186" s="13" t="s">
        <v>287</v>
      </c>
      <c r="B51186" s="14" t="s">
        <v>1</v>
      </c>
      <c r="C51186" s="14" t="s">
        <v>101</v>
      </c>
      <c r="D51186" s="14" t="s">
        <v>122</v>
      </c>
      <c r="E51186" s="15">
        <v>45462</v>
      </c>
      <c r="F51186" s="14" t="s">
        <v>15</v>
      </c>
      <c r="G51186" s="16">
        <v>0.37145559036219622</v>
      </c>
    </row>
    <row r="51187" spans="1:7" x14ac:dyDescent="0.3">
      <c r="A51187" s="13" t="s">
        <v>287</v>
      </c>
      <c r="B51187" s="14" t="s">
        <v>1</v>
      </c>
      <c r="C51187" s="14" t="s">
        <v>101</v>
      </c>
      <c r="D51187" s="14" t="s">
        <v>122</v>
      </c>
      <c r="E51187" s="15">
        <v>45463</v>
      </c>
      <c r="F51187" s="14" t="s">
        <v>15</v>
      </c>
      <c r="G51187" s="16">
        <v>0.36661186149570835</v>
      </c>
    </row>
    <row r="51188" spans="1:7" x14ac:dyDescent="0.3">
      <c r="A51188" s="13" t="s">
        <v>287</v>
      </c>
      <c r="B51188" s="14" t="s">
        <v>1</v>
      </c>
      <c r="C51188" s="14" t="s">
        <v>101</v>
      </c>
      <c r="D51188" s="14" t="s">
        <v>122</v>
      </c>
      <c r="E51188" s="15">
        <v>45464</v>
      </c>
      <c r="F51188" s="14" t="s">
        <v>15</v>
      </c>
      <c r="G51188" s="16">
        <v>0.36633310438063288</v>
      </c>
    </row>
    <row r="51189" spans="1:7" x14ac:dyDescent="0.3">
      <c r="A51189" s="13" t="s">
        <v>287</v>
      </c>
      <c r="B51189" s="14" t="s">
        <v>1</v>
      </c>
      <c r="C51189" s="14" t="s">
        <v>101</v>
      </c>
      <c r="D51189" s="14" t="s">
        <v>122</v>
      </c>
      <c r="E51189" s="15">
        <v>45465</v>
      </c>
      <c r="F51189" s="14" t="s">
        <v>15</v>
      </c>
      <c r="G51189" s="16">
        <v>0.36633310438063288</v>
      </c>
    </row>
    <row r="51190" spans="1:7" x14ac:dyDescent="0.3">
      <c r="A51190" s="13" t="s">
        <v>287</v>
      </c>
      <c r="B51190" s="14" t="s">
        <v>1</v>
      </c>
      <c r="C51190" s="14" t="s">
        <v>101</v>
      </c>
      <c r="D51190" s="14" t="s">
        <v>122</v>
      </c>
      <c r="E51190" s="15">
        <v>45466</v>
      </c>
      <c r="F51190" s="14" t="s">
        <v>15</v>
      </c>
      <c r="G51190" s="16">
        <v>0.36633310438063288</v>
      </c>
    </row>
    <row r="51191" spans="1:7" x14ac:dyDescent="0.3">
      <c r="A51191" s="13" t="s">
        <v>287</v>
      </c>
      <c r="B51191" s="14" t="s">
        <v>1</v>
      </c>
      <c r="C51191" s="14" t="s">
        <v>101</v>
      </c>
      <c r="D51191" s="14" t="s">
        <v>122</v>
      </c>
      <c r="E51191" s="15">
        <v>45467</v>
      </c>
      <c r="F51191" s="14" t="s">
        <v>15</v>
      </c>
      <c r="G51191" s="16">
        <v>0.36147807607911669</v>
      </c>
    </row>
    <row r="51192" spans="1:7" x14ac:dyDescent="0.3">
      <c r="A51192" s="13" t="s">
        <v>287</v>
      </c>
      <c r="B51192" s="14" t="s">
        <v>1</v>
      </c>
      <c r="C51192" s="14" t="s">
        <v>101</v>
      </c>
      <c r="D51192" s="14" t="s">
        <v>122</v>
      </c>
      <c r="E51192" s="15">
        <v>45468</v>
      </c>
      <c r="F51192" s="14" t="s">
        <v>15</v>
      </c>
      <c r="G51192" s="16">
        <v>0.34692813252336324</v>
      </c>
    </row>
    <row r="51193" spans="1:7" x14ac:dyDescent="0.3">
      <c r="A51193" s="13" t="s">
        <v>287</v>
      </c>
      <c r="B51193" s="14" t="s">
        <v>1</v>
      </c>
      <c r="C51193" s="14" t="s">
        <v>101</v>
      </c>
      <c r="D51193" s="14" t="s">
        <v>122</v>
      </c>
      <c r="E51193" s="15">
        <v>45469</v>
      </c>
      <c r="F51193" s="14" t="s">
        <v>15</v>
      </c>
      <c r="G51193" s="16">
        <v>0.34206180478681886</v>
      </c>
    </row>
    <row r="51194" spans="1:7" x14ac:dyDescent="0.3">
      <c r="A51194" s="13" t="s">
        <v>287</v>
      </c>
      <c r="B51194" s="14" t="s">
        <v>1</v>
      </c>
      <c r="C51194" s="14" t="s">
        <v>101</v>
      </c>
      <c r="D51194" s="14" t="s">
        <v>122</v>
      </c>
      <c r="E51194" s="15">
        <v>45470</v>
      </c>
      <c r="F51194" s="14" t="s">
        <v>15</v>
      </c>
      <c r="G51194" s="16">
        <v>0.33722937535535924</v>
      </c>
    </row>
    <row r="51195" spans="1:7" x14ac:dyDescent="0.3">
      <c r="A51195" s="13" t="s">
        <v>287</v>
      </c>
      <c r="B51195" s="14" t="s">
        <v>1</v>
      </c>
      <c r="C51195" s="14" t="s">
        <v>101</v>
      </c>
      <c r="D51195" s="14" t="s">
        <v>122</v>
      </c>
      <c r="E51195" s="15">
        <v>45471</v>
      </c>
      <c r="F51195" s="14" t="s">
        <v>15</v>
      </c>
      <c r="G51195" s="16">
        <v>0.34586587247757189</v>
      </c>
    </row>
    <row r="51196" spans="1:7" x14ac:dyDescent="0.3">
      <c r="A51196" s="13" t="s">
        <v>287</v>
      </c>
      <c r="B51196" s="14" t="s">
        <v>1</v>
      </c>
      <c r="C51196" s="14" t="s">
        <v>101</v>
      </c>
      <c r="D51196" s="14" t="s">
        <v>122</v>
      </c>
      <c r="E51196" s="15">
        <v>45472</v>
      </c>
      <c r="F51196" s="14" t="s">
        <v>15</v>
      </c>
      <c r="G51196" s="16">
        <v>0.34586587247757189</v>
      </c>
    </row>
    <row r="51197" spans="1:7" x14ac:dyDescent="0.3">
      <c r="A51197" s="13" t="s">
        <v>287</v>
      </c>
      <c r="B51197" s="14" t="s">
        <v>1</v>
      </c>
      <c r="C51197" s="14" t="s">
        <v>101</v>
      </c>
      <c r="D51197" s="14" t="s">
        <v>122</v>
      </c>
      <c r="E51197" s="15">
        <v>45473</v>
      </c>
      <c r="F51197" s="14" t="s">
        <v>15</v>
      </c>
      <c r="G51197" s="16">
        <v>0.34586587247757189</v>
      </c>
    </row>
    <row r="51198" spans="1:7" x14ac:dyDescent="0.3">
      <c r="A51198" s="13" t="s">
        <v>287</v>
      </c>
      <c r="B51198" s="14" t="s">
        <v>1</v>
      </c>
      <c r="C51198" s="14" t="s">
        <v>101</v>
      </c>
      <c r="D51198" s="14" t="s">
        <v>122</v>
      </c>
      <c r="E51198" s="15">
        <v>45474</v>
      </c>
      <c r="F51198" s="14" t="s">
        <v>15</v>
      </c>
      <c r="G51198" s="16">
        <v>0.34677355604046251</v>
      </c>
    </row>
    <row r="51199" spans="1:7" x14ac:dyDescent="0.3">
      <c r="A51199" s="13" t="s">
        <v>287</v>
      </c>
      <c r="B51199" s="14" t="s">
        <v>1</v>
      </c>
      <c r="C51199" s="14" t="s">
        <v>101</v>
      </c>
      <c r="D51199" s="14" t="s">
        <v>122</v>
      </c>
      <c r="E51199" s="15">
        <v>45475</v>
      </c>
      <c r="F51199" s="14" t="s">
        <v>15</v>
      </c>
      <c r="G51199" s="16">
        <v>0.33249479892538708</v>
      </c>
    </row>
    <row r="51200" spans="1:7" x14ac:dyDescent="0.3">
      <c r="A51200" s="13" t="s">
        <v>287</v>
      </c>
      <c r="B51200" s="14" t="s">
        <v>1</v>
      </c>
      <c r="C51200" s="14" t="s">
        <v>101</v>
      </c>
      <c r="D51200" s="14" t="s">
        <v>122</v>
      </c>
      <c r="E51200" s="15">
        <v>45476</v>
      </c>
      <c r="F51200" s="14" t="s">
        <v>15</v>
      </c>
      <c r="G51200" s="16">
        <v>0.32760587231878618</v>
      </c>
    </row>
    <row r="51201" spans="1:7" x14ac:dyDescent="0.3">
      <c r="A51201" s="13" t="s">
        <v>287</v>
      </c>
      <c r="B51201" s="14" t="s">
        <v>1</v>
      </c>
      <c r="C51201" s="14" t="s">
        <v>101</v>
      </c>
      <c r="D51201" s="14" t="s">
        <v>122</v>
      </c>
      <c r="E51201" s="15">
        <v>45477</v>
      </c>
      <c r="F51201" s="14" t="s">
        <v>15</v>
      </c>
      <c r="G51201" s="16">
        <v>0.32699943158789152</v>
      </c>
    </row>
    <row r="51202" spans="1:7" x14ac:dyDescent="0.3">
      <c r="A51202" s="13" t="s">
        <v>287</v>
      </c>
      <c r="B51202" s="14" t="s">
        <v>1</v>
      </c>
      <c r="C51202" s="14" t="s">
        <v>101</v>
      </c>
      <c r="D51202" s="14" t="s">
        <v>122</v>
      </c>
      <c r="E51202" s="15">
        <v>45478</v>
      </c>
      <c r="F51202" s="14" t="s">
        <v>15</v>
      </c>
      <c r="G51202" s="16">
        <v>0.32203140893609294</v>
      </c>
    </row>
    <row r="51203" spans="1:7" x14ac:dyDescent="0.3">
      <c r="A51203" s="13" t="s">
        <v>287</v>
      </c>
      <c r="B51203" s="14" t="s">
        <v>1</v>
      </c>
      <c r="C51203" s="14" t="s">
        <v>101</v>
      </c>
      <c r="D51203" s="14" t="s">
        <v>122</v>
      </c>
      <c r="E51203" s="15">
        <v>45479</v>
      </c>
      <c r="F51203" s="14" t="s">
        <v>15</v>
      </c>
      <c r="G51203" s="16">
        <v>0.32203140893609294</v>
      </c>
    </row>
    <row r="51204" spans="1:7" x14ac:dyDescent="0.3">
      <c r="A51204" s="13" t="s">
        <v>287</v>
      </c>
      <c r="B51204" s="14" t="s">
        <v>1</v>
      </c>
      <c r="C51204" s="14" t="s">
        <v>101</v>
      </c>
      <c r="D51204" s="14" t="s">
        <v>122</v>
      </c>
      <c r="E51204" s="15">
        <v>45480</v>
      </c>
      <c r="F51204" s="14" t="s">
        <v>15</v>
      </c>
      <c r="G51204" s="16">
        <v>0.32203140893609294</v>
      </c>
    </row>
    <row r="51205" spans="1:7" x14ac:dyDescent="0.3">
      <c r="A51205" s="13" t="s">
        <v>287</v>
      </c>
      <c r="B51205" s="14" t="s">
        <v>1</v>
      </c>
      <c r="C51205" s="14" t="s">
        <v>101</v>
      </c>
      <c r="D51205" s="14" t="s">
        <v>122</v>
      </c>
      <c r="E51205" s="15">
        <v>45481</v>
      </c>
      <c r="F51205" s="14" t="s">
        <v>15</v>
      </c>
      <c r="G51205" s="16">
        <v>0.3181594314820344</v>
      </c>
    </row>
    <row r="51206" spans="1:7" x14ac:dyDescent="0.3">
      <c r="A51206" s="13" t="s">
        <v>287</v>
      </c>
      <c r="B51206" s="14" t="s">
        <v>1</v>
      </c>
      <c r="C51206" s="14" t="s">
        <v>101</v>
      </c>
      <c r="D51206" s="14" t="s">
        <v>122</v>
      </c>
      <c r="E51206" s="15">
        <v>45482</v>
      </c>
      <c r="F51206" s="14" t="s">
        <v>15</v>
      </c>
      <c r="G51206" s="16">
        <v>0.30318010939520751</v>
      </c>
    </row>
    <row r="51207" spans="1:7" x14ac:dyDescent="0.3">
      <c r="A51207" s="13" t="s">
        <v>287</v>
      </c>
      <c r="B51207" s="14" t="s">
        <v>1</v>
      </c>
      <c r="C51207" s="14" t="s">
        <v>101</v>
      </c>
      <c r="D51207" s="14" t="s">
        <v>122</v>
      </c>
      <c r="E51207" s="15">
        <v>45483</v>
      </c>
      <c r="F51207" s="14" t="s">
        <v>15</v>
      </c>
      <c r="G51207" s="16">
        <v>0.29818948787335237</v>
      </c>
    </row>
    <row r="51208" spans="1:7" x14ac:dyDescent="0.3">
      <c r="A51208" s="13" t="s">
        <v>287</v>
      </c>
      <c r="B51208" s="14" t="s">
        <v>1</v>
      </c>
      <c r="C51208" s="14" t="s">
        <v>101</v>
      </c>
      <c r="D51208" s="14" t="s">
        <v>122</v>
      </c>
      <c r="E51208" s="15">
        <v>45484</v>
      </c>
      <c r="F51208" s="14" t="s">
        <v>15</v>
      </c>
      <c r="G51208" s="16">
        <v>0.29322146522155373</v>
      </c>
    </row>
    <row r="51209" spans="1:7" x14ac:dyDescent="0.3">
      <c r="A51209" s="13" t="s">
        <v>287</v>
      </c>
      <c r="B51209" s="14" t="s">
        <v>1</v>
      </c>
      <c r="C51209" s="14" t="s">
        <v>101</v>
      </c>
      <c r="D51209" s="14" t="s">
        <v>122</v>
      </c>
      <c r="E51209" s="15">
        <v>45485</v>
      </c>
      <c r="F51209" s="14" t="s">
        <v>15</v>
      </c>
      <c r="G51209" s="16">
        <v>0.29628734087483988</v>
      </c>
    </row>
    <row r="51210" spans="1:7" x14ac:dyDescent="0.3">
      <c r="A51210" s="13" t="s">
        <v>287</v>
      </c>
      <c r="B51210" s="14" t="s">
        <v>1</v>
      </c>
      <c r="C51210" s="14" t="s">
        <v>101</v>
      </c>
      <c r="D51210" s="14" t="s">
        <v>122</v>
      </c>
      <c r="E51210" s="15">
        <v>45486</v>
      </c>
      <c r="F51210" s="14" t="s">
        <v>15</v>
      </c>
      <c r="G51210" s="16">
        <v>0.29628734087483988</v>
      </c>
    </row>
    <row r="51211" spans="1:7" x14ac:dyDescent="0.3">
      <c r="A51211" s="13" t="s">
        <v>287</v>
      </c>
      <c r="B51211" s="14" t="s">
        <v>1</v>
      </c>
      <c r="C51211" s="14" t="s">
        <v>101</v>
      </c>
      <c r="D51211" s="14" t="s">
        <v>122</v>
      </c>
      <c r="E51211" s="15">
        <v>45487</v>
      </c>
      <c r="F51211" s="14" t="s">
        <v>15</v>
      </c>
      <c r="G51211" s="16">
        <v>0.29628734087483988</v>
      </c>
    </row>
    <row r="51212" spans="1:7" x14ac:dyDescent="0.3">
      <c r="A51212" s="13" t="s">
        <v>287</v>
      </c>
      <c r="B51212" s="14" t="s">
        <v>1</v>
      </c>
      <c r="C51212" s="14" t="s">
        <v>101</v>
      </c>
      <c r="D51212" s="14" t="s">
        <v>122</v>
      </c>
      <c r="E51212" s="15">
        <v>45488</v>
      </c>
      <c r="F51212" s="14" t="s">
        <v>15</v>
      </c>
      <c r="G51212" s="16">
        <v>0.29595208658462319</v>
      </c>
    </row>
    <row r="51213" spans="1:7" x14ac:dyDescent="0.3">
      <c r="A51213" s="13" t="s">
        <v>287</v>
      </c>
      <c r="B51213" s="14" t="s">
        <v>1</v>
      </c>
      <c r="C51213" s="14" t="s">
        <v>101</v>
      </c>
      <c r="D51213" s="14" t="s">
        <v>122</v>
      </c>
      <c r="E51213" s="15">
        <v>45489</v>
      </c>
      <c r="F51213" s="14" t="s">
        <v>15</v>
      </c>
      <c r="G51213" s="16">
        <v>0.2805659848367793</v>
      </c>
    </row>
    <row r="51214" spans="1:7" x14ac:dyDescent="0.3">
      <c r="A51214" s="13" t="s">
        <v>287</v>
      </c>
      <c r="B51214" s="14" t="s">
        <v>1</v>
      </c>
      <c r="C51214" s="14" t="s">
        <v>101</v>
      </c>
      <c r="D51214" s="14" t="s">
        <v>122</v>
      </c>
      <c r="E51214" s="15">
        <v>45490</v>
      </c>
      <c r="F51214" s="14" t="s">
        <v>15</v>
      </c>
      <c r="G51214" s="16">
        <v>0.27545106952961346</v>
      </c>
    </row>
    <row r="51215" spans="1:7" x14ac:dyDescent="0.3">
      <c r="A51215" s="13" t="s">
        <v>287</v>
      </c>
      <c r="B51215" s="14" t="s">
        <v>1</v>
      </c>
      <c r="C51215" s="14" t="s">
        <v>101</v>
      </c>
      <c r="D51215" s="14" t="s">
        <v>122</v>
      </c>
      <c r="E51215" s="15">
        <v>45491</v>
      </c>
      <c r="F51215" s="14" t="s">
        <v>15</v>
      </c>
      <c r="G51215" s="16">
        <v>0.27027965704730639</v>
      </c>
    </row>
    <row r="51216" spans="1:7" x14ac:dyDescent="0.3">
      <c r="A51216" s="13" t="s">
        <v>287</v>
      </c>
      <c r="B51216" s="14" t="s">
        <v>1</v>
      </c>
      <c r="C51216" s="14" t="s">
        <v>101</v>
      </c>
      <c r="D51216" s="14" t="s">
        <v>122</v>
      </c>
      <c r="E51216" s="15">
        <v>45492</v>
      </c>
      <c r="F51216" s="14" t="s">
        <v>15</v>
      </c>
      <c r="G51216" s="16">
        <v>0.27256587168364332</v>
      </c>
    </row>
    <row r="51217" spans="1:7" x14ac:dyDescent="0.3">
      <c r="A51217" s="13" t="s">
        <v>287</v>
      </c>
      <c r="B51217" s="14" t="s">
        <v>1</v>
      </c>
      <c r="C51217" s="14" t="s">
        <v>101</v>
      </c>
      <c r="D51217" s="14" t="s">
        <v>122</v>
      </c>
      <c r="E51217" s="15">
        <v>45493</v>
      </c>
      <c r="F51217" s="14" t="s">
        <v>15</v>
      </c>
      <c r="G51217" s="16">
        <v>0.27256587168364332</v>
      </c>
    </row>
    <row r="51218" spans="1:7" x14ac:dyDescent="0.3">
      <c r="A51218" s="13" t="s">
        <v>287</v>
      </c>
      <c r="B51218" s="14" t="s">
        <v>1</v>
      </c>
      <c r="C51218" s="14" t="s">
        <v>101</v>
      </c>
      <c r="D51218" s="14" t="s">
        <v>122</v>
      </c>
      <c r="E51218" s="15">
        <v>45494</v>
      </c>
      <c r="F51218" s="14" t="s">
        <v>15</v>
      </c>
      <c r="G51218" s="16">
        <v>0.27256587168364332</v>
      </c>
    </row>
    <row r="51219" spans="1:7" x14ac:dyDescent="0.3">
      <c r="A51219" s="13" t="s">
        <v>287</v>
      </c>
      <c r="B51219" s="14" t="s">
        <v>1</v>
      </c>
      <c r="C51219" s="14" t="s">
        <v>101</v>
      </c>
      <c r="D51219" s="14" t="s">
        <v>122</v>
      </c>
      <c r="E51219" s="15">
        <v>45495</v>
      </c>
      <c r="F51219" s="14" t="s">
        <v>15</v>
      </c>
      <c r="G51219" s="16">
        <v>0.26745095637647748</v>
      </c>
    </row>
    <row r="51220" spans="1:7" x14ac:dyDescent="0.3">
      <c r="A51220" s="13" t="s">
        <v>287</v>
      </c>
      <c r="B51220" s="14" t="s">
        <v>1</v>
      </c>
      <c r="C51220" s="14" t="s">
        <v>101</v>
      </c>
      <c r="D51220" s="14" t="s">
        <v>122</v>
      </c>
      <c r="E51220" s="15">
        <v>45496</v>
      </c>
      <c r="F51220" s="14" t="s">
        <v>15</v>
      </c>
      <c r="G51220" s="16">
        <v>0.25223434615405738</v>
      </c>
    </row>
    <row r="51221" spans="1:7" x14ac:dyDescent="0.3">
      <c r="A51221" s="13" t="s">
        <v>287</v>
      </c>
      <c r="B51221" s="14" t="s">
        <v>1</v>
      </c>
      <c r="C51221" s="14" t="s">
        <v>101</v>
      </c>
      <c r="D51221" s="14" t="s">
        <v>122</v>
      </c>
      <c r="E51221" s="15">
        <v>45497</v>
      </c>
      <c r="F51221" s="14" t="s">
        <v>15</v>
      </c>
      <c r="G51221" s="16">
        <v>0.24710813141186325</v>
      </c>
    </row>
    <row r="51222" spans="1:7" x14ac:dyDescent="0.3">
      <c r="A51222" s="13" t="s">
        <v>287</v>
      </c>
      <c r="B51222" s="14" t="s">
        <v>1</v>
      </c>
      <c r="C51222" s="14" t="s">
        <v>101</v>
      </c>
      <c r="D51222" s="14" t="s">
        <v>122</v>
      </c>
      <c r="E51222" s="15">
        <v>45498</v>
      </c>
      <c r="F51222" s="14" t="s">
        <v>15</v>
      </c>
      <c r="G51222" s="16">
        <v>0.24199321610469737</v>
      </c>
    </row>
    <row r="51223" spans="1:7" x14ac:dyDescent="0.3">
      <c r="A51223" s="13" t="s">
        <v>287</v>
      </c>
      <c r="B51223" s="14" t="s">
        <v>1</v>
      </c>
      <c r="C51223" s="14" t="s">
        <v>101</v>
      </c>
      <c r="D51223" s="14" t="s">
        <v>122</v>
      </c>
      <c r="E51223" s="15">
        <v>45499</v>
      </c>
      <c r="F51223" s="14" t="s">
        <v>15</v>
      </c>
      <c r="G51223" s="16">
        <v>0.29830202961109081</v>
      </c>
    </row>
    <row r="51224" spans="1:7" x14ac:dyDescent="0.3">
      <c r="A51224" s="13" t="s">
        <v>287</v>
      </c>
      <c r="B51224" s="14" t="s">
        <v>1</v>
      </c>
      <c r="C51224" s="14" t="s">
        <v>101</v>
      </c>
      <c r="D51224" s="14" t="s">
        <v>122</v>
      </c>
      <c r="E51224" s="15">
        <v>45500</v>
      </c>
      <c r="F51224" s="14" t="s">
        <v>15</v>
      </c>
      <c r="G51224" s="16">
        <v>0.29830202961109081</v>
      </c>
    </row>
    <row r="51225" spans="1:7" x14ac:dyDescent="0.3">
      <c r="A51225" s="13" t="s">
        <v>287</v>
      </c>
      <c r="B51225" s="14" t="s">
        <v>1</v>
      </c>
      <c r="C51225" s="14" t="s">
        <v>101</v>
      </c>
      <c r="D51225" s="14" t="s">
        <v>122</v>
      </c>
      <c r="E51225" s="15">
        <v>45501</v>
      </c>
      <c r="F51225" s="14" t="s">
        <v>15</v>
      </c>
      <c r="G51225" s="16">
        <v>0.29830202961109081</v>
      </c>
    </row>
    <row r="51226" spans="1:7" x14ac:dyDescent="0.3">
      <c r="A51226" s="13" t="s">
        <v>287</v>
      </c>
      <c r="B51226" s="14" t="s">
        <v>1</v>
      </c>
      <c r="C51226" s="14" t="s">
        <v>101</v>
      </c>
      <c r="D51226" s="14" t="s">
        <v>122</v>
      </c>
      <c r="E51226" s="15">
        <v>45502</v>
      </c>
      <c r="F51226" s="14" t="s">
        <v>15</v>
      </c>
      <c r="G51226" s="16">
        <v>0.30053174707228653</v>
      </c>
    </row>
    <row r="51227" spans="1:7" x14ac:dyDescent="0.3">
      <c r="A51227" s="13" t="s">
        <v>287</v>
      </c>
      <c r="B51227" s="14" t="s">
        <v>1</v>
      </c>
      <c r="C51227" s="14" t="s">
        <v>101</v>
      </c>
      <c r="D51227" s="14" t="s">
        <v>122</v>
      </c>
      <c r="E51227" s="15">
        <v>45503</v>
      </c>
      <c r="F51227" s="14" t="s">
        <v>15</v>
      </c>
      <c r="G51227" s="16">
        <v>0.28652417639788907</v>
      </c>
    </row>
    <row r="51228" spans="1:7" x14ac:dyDescent="0.3">
      <c r="A51228" s="13" t="s">
        <v>287</v>
      </c>
      <c r="B51228" s="14" t="s">
        <v>1</v>
      </c>
      <c r="C51228" s="14" t="s">
        <v>101</v>
      </c>
      <c r="D51228" s="14" t="s">
        <v>122</v>
      </c>
      <c r="E51228" s="15">
        <v>45504</v>
      </c>
      <c r="F51228" s="14" t="s">
        <v>15</v>
      </c>
      <c r="G51228" s="16">
        <v>0.28142056052575148</v>
      </c>
    </row>
    <row r="51229" spans="1:7" x14ac:dyDescent="0.3">
      <c r="A51229" s="13" t="s">
        <v>287</v>
      </c>
      <c r="B51229" s="14" t="s">
        <v>1</v>
      </c>
      <c r="C51229" s="14" t="s">
        <v>101</v>
      </c>
      <c r="D51229" s="14" t="s">
        <v>122</v>
      </c>
      <c r="E51229" s="15">
        <v>45505</v>
      </c>
      <c r="F51229" s="14" t="s">
        <v>15</v>
      </c>
      <c r="G51229" s="16">
        <v>0.28603445877790762</v>
      </c>
    </row>
    <row r="51230" spans="1:7" x14ac:dyDescent="0.3">
      <c r="A51230" s="13" t="s">
        <v>287</v>
      </c>
      <c r="B51230" s="14" t="s">
        <v>1</v>
      </c>
      <c r="C51230" s="14" t="s">
        <v>101</v>
      </c>
      <c r="D51230" s="14" t="s">
        <v>122</v>
      </c>
      <c r="E51230" s="15">
        <v>45506</v>
      </c>
      <c r="F51230" s="14" t="s">
        <v>15</v>
      </c>
      <c r="G51230" s="16">
        <v>0.28132632313175876</v>
      </c>
    </row>
    <row r="51231" spans="1:7" x14ac:dyDescent="0.3">
      <c r="A51231" s="13" t="s">
        <v>287</v>
      </c>
      <c r="B51231" s="14" t="s">
        <v>1</v>
      </c>
      <c r="C51231" s="14" t="s">
        <v>101</v>
      </c>
      <c r="D51231" s="14" t="s">
        <v>122</v>
      </c>
      <c r="E51231" s="15">
        <v>45507</v>
      </c>
      <c r="F51231" s="14" t="s">
        <v>15</v>
      </c>
      <c r="G51231" s="16">
        <v>0.28132632313175876</v>
      </c>
    </row>
    <row r="51232" spans="1:7" x14ac:dyDescent="0.3">
      <c r="A51232" s="13" t="s">
        <v>287</v>
      </c>
      <c r="B51232" s="14" t="s">
        <v>1</v>
      </c>
      <c r="C51232" s="14" t="s">
        <v>101</v>
      </c>
      <c r="D51232" s="14" t="s">
        <v>122</v>
      </c>
      <c r="E51232" s="15">
        <v>45508</v>
      </c>
      <c r="F51232" s="14" t="s">
        <v>15</v>
      </c>
      <c r="G51232" s="16">
        <v>0.28132632313175876</v>
      </c>
    </row>
    <row r="51233" spans="1:7" x14ac:dyDescent="0.3">
      <c r="A51233" s="13" t="s">
        <v>287</v>
      </c>
      <c r="B51233" s="14" t="s">
        <v>1</v>
      </c>
      <c r="C51233" s="14" t="s">
        <v>101</v>
      </c>
      <c r="D51233" s="14" t="s">
        <v>122</v>
      </c>
      <c r="E51233" s="15">
        <v>45509</v>
      </c>
      <c r="F51233" s="14" t="s">
        <v>15</v>
      </c>
      <c r="G51233" s="16">
        <v>0.28132632313175876</v>
      </c>
    </row>
    <row r="51234" spans="1:7" x14ac:dyDescent="0.3">
      <c r="A51234" s="13" t="s">
        <v>287</v>
      </c>
      <c r="B51234" s="14" t="s">
        <v>1</v>
      </c>
      <c r="C51234" s="14" t="s">
        <v>101</v>
      </c>
      <c r="D51234" s="14" t="s">
        <v>122</v>
      </c>
      <c r="E51234" s="15">
        <v>45510</v>
      </c>
      <c r="F51234" s="14" t="s">
        <v>15</v>
      </c>
      <c r="G51234" s="16">
        <v>0.27625660556470588</v>
      </c>
    </row>
    <row r="51235" spans="1:7" x14ac:dyDescent="0.3">
      <c r="A51235" s="13" t="s">
        <v>287</v>
      </c>
      <c r="B51235" s="14" t="s">
        <v>1</v>
      </c>
      <c r="C51235" s="14" t="s">
        <v>101</v>
      </c>
      <c r="D51235" s="14" t="s">
        <v>122</v>
      </c>
      <c r="E51235" s="15">
        <v>45511</v>
      </c>
      <c r="F51235" s="14" t="s">
        <v>15</v>
      </c>
      <c r="G51235" s="16">
        <v>0.25687050381686205</v>
      </c>
    </row>
    <row r="51236" spans="1:7" x14ac:dyDescent="0.3">
      <c r="A51236" s="13" t="s">
        <v>287</v>
      </c>
      <c r="B51236" s="14" t="s">
        <v>1</v>
      </c>
      <c r="C51236" s="14" t="s">
        <v>101</v>
      </c>
      <c r="D51236" s="14" t="s">
        <v>122</v>
      </c>
      <c r="E51236" s="15">
        <v>45512</v>
      </c>
      <c r="F51236" s="14" t="s">
        <v>15</v>
      </c>
      <c r="G51236" s="16">
        <v>0.25194767890517644</v>
      </c>
    </row>
    <row r="51237" spans="1:7" x14ac:dyDescent="0.3">
      <c r="A51237" s="13" t="s">
        <v>287</v>
      </c>
      <c r="B51237" s="14" t="s">
        <v>1</v>
      </c>
      <c r="C51237" s="14" t="s">
        <v>101</v>
      </c>
      <c r="D51237" s="14" t="s">
        <v>122</v>
      </c>
      <c r="E51237" s="15">
        <v>45513</v>
      </c>
      <c r="F51237" s="14" t="s">
        <v>15</v>
      </c>
      <c r="G51237" s="16">
        <v>0.24701355455846252</v>
      </c>
    </row>
    <row r="51238" spans="1:7" x14ac:dyDescent="0.3">
      <c r="A51238" s="13" t="s">
        <v>287</v>
      </c>
      <c r="B51238" s="14" t="s">
        <v>1</v>
      </c>
      <c r="C51238" s="14" t="s">
        <v>101</v>
      </c>
      <c r="D51238" s="14" t="s">
        <v>122</v>
      </c>
      <c r="E51238" s="15">
        <v>45514</v>
      </c>
      <c r="F51238" s="14" t="s">
        <v>15</v>
      </c>
      <c r="G51238" s="16">
        <v>0.24701355455846252</v>
      </c>
    </row>
    <row r="51239" spans="1:7" x14ac:dyDescent="0.3">
      <c r="A51239" s="13" t="s">
        <v>287</v>
      </c>
      <c r="B51239" s="14" t="s">
        <v>1</v>
      </c>
      <c r="C51239" s="14" t="s">
        <v>101</v>
      </c>
      <c r="D51239" s="14" t="s">
        <v>122</v>
      </c>
      <c r="E51239" s="15">
        <v>45515</v>
      </c>
      <c r="F51239" s="14" t="s">
        <v>15</v>
      </c>
      <c r="G51239" s="16">
        <v>0.24701355455846252</v>
      </c>
    </row>
    <row r="51240" spans="1:7" x14ac:dyDescent="0.3">
      <c r="A51240" s="13" t="s">
        <v>287</v>
      </c>
      <c r="B51240" s="14" t="s">
        <v>1</v>
      </c>
      <c r="C51240" s="14" t="s">
        <v>101</v>
      </c>
      <c r="D51240" s="14" t="s">
        <v>122</v>
      </c>
      <c r="E51240" s="15">
        <v>45516</v>
      </c>
      <c r="F51240" s="14" t="s">
        <v>15</v>
      </c>
      <c r="G51240" s="16">
        <v>0.24203423247163564</v>
      </c>
    </row>
    <row r="51241" spans="1:7" x14ac:dyDescent="0.3">
      <c r="A51241" s="13" t="s">
        <v>287</v>
      </c>
      <c r="B51241" s="14" t="s">
        <v>1</v>
      </c>
      <c r="C51241" s="14" t="s">
        <v>101</v>
      </c>
      <c r="D51241" s="14" t="s">
        <v>122</v>
      </c>
      <c r="E51241" s="15">
        <v>45517</v>
      </c>
      <c r="F51241" s="14" t="s">
        <v>15</v>
      </c>
      <c r="G51241" s="16">
        <v>0.22707750925486528</v>
      </c>
    </row>
    <row r="51242" spans="1:7" x14ac:dyDescent="0.3">
      <c r="A51242" s="13" t="s">
        <v>287</v>
      </c>
      <c r="B51242" s="14" t="s">
        <v>1</v>
      </c>
      <c r="C51242" s="14" t="s">
        <v>101</v>
      </c>
      <c r="D51242" s="14" t="s">
        <v>122</v>
      </c>
      <c r="E51242" s="15">
        <v>45518</v>
      </c>
      <c r="F51242" s="14" t="s">
        <v>15</v>
      </c>
      <c r="G51242" s="16">
        <v>0.23277615326973333</v>
      </c>
    </row>
    <row r="51243" spans="1:7" x14ac:dyDescent="0.3">
      <c r="A51243" s="13" t="s">
        <v>287</v>
      </c>
      <c r="B51243" s="14" t="s">
        <v>1</v>
      </c>
      <c r="C51243" s="14" t="s">
        <v>101</v>
      </c>
      <c r="D51243" s="14" t="s">
        <v>122</v>
      </c>
      <c r="E51243" s="15">
        <v>45519</v>
      </c>
      <c r="F51243" s="14" t="s">
        <v>15</v>
      </c>
      <c r="G51243" s="16">
        <v>0.22774033400776522</v>
      </c>
    </row>
    <row r="51244" spans="1:7" x14ac:dyDescent="0.3">
      <c r="A51244" s="13" t="s">
        <v>287</v>
      </c>
      <c r="B51244" s="14" t="s">
        <v>1</v>
      </c>
      <c r="C51244" s="14" t="s">
        <v>101</v>
      </c>
      <c r="D51244" s="14" t="s">
        <v>122</v>
      </c>
      <c r="E51244" s="15">
        <v>45520</v>
      </c>
      <c r="F51244" s="14" t="s">
        <v>15</v>
      </c>
      <c r="G51244" s="16">
        <v>0.24008304581924342</v>
      </c>
    </row>
    <row r="51245" spans="1:7" x14ac:dyDescent="0.3">
      <c r="A51245" s="13" t="s">
        <v>287</v>
      </c>
      <c r="B51245" s="14" t="s">
        <v>1</v>
      </c>
      <c r="C51245" s="14" t="s">
        <v>101</v>
      </c>
      <c r="D51245" s="14" t="s">
        <v>122</v>
      </c>
      <c r="E51245" s="15">
        <v>45521</v>
      </c>
      <c r="F51245" s="14" t="s">
        <v>15</v>
      </c>
      <c r="G51245" s="16">
        <v>0.24008304581924342</v>
      </c>
    </row>
    <row r="51246" spans="1:7" x14ac:dyDescent="0.3">
      <c r="A51246" s="13" t="s">
        <v>287</v>
      </c>
      <c r="B51246" s="14" t="s">
        <v>1</v>
      </c>
      <c r="C51246" s="14" t="s">
        <v>101</v>
      </c>
      <c r="D51246" s="14" t="s">
        <v>122</v>
      </c>
      <c r="E51246" s="15">
        <v>45522</v>
      </c>
      <c r="F51246" s="14" t="s">
        <v>15</v>
      </c>
      <c r="G51246" s="16">
        <v>0.24008304581924342</v>
      </c>
    </row>
    <row r="51247" spans="1:7" x14ac:dyDescent="0.3">
      <c r="A51247" s="13" t="s">
        <v>287</v>
      </c>
      <c r="B51247" s="14" t="s">
        <v>1</v>
      </c>
      <c r="C51247" s="14" t="s">
        <v>101</v>
      </c>
      <c r="D51247" s="14" t="s">
        <v>122</v>
      </c>
      <c r="E51247" s="15">
        <v>45523</v>
      </c>
      <c r="F51247" s="14" t="s">
        <v>15</v>
      </c>
      <c r="G51247" s="16">
        <v>0.24163479717874423</v>
      </c>
    </row>
    <row r="51248" spans="1:7" x14ac:dyDescent="0.3">
      <c r="A51248" s="13" t="s">
        <v>287</v>
      </c>
      <c r="B51248" s="14" t="s">
        <v>1</v>
      </c>
      <c r="C51248" s="14" t="s">
        <v>101</v>
      </c>
      <c r="D51248" s="14" t="s">
        <v>122</v>
      </c>
      <c r="E51248" s="15">
        <v>45524</v>
      </c>
      <c r="F51248" s="14" t="s">
        <v>15</v>
      </c>
      <c r="G51248" s="16">
        <v>0.22623739599587214</v>
      </c>
    </row>
    <row r="51249" spans="1:7" x14ac:dyDescent="0.3">
      <c r="A51249" s="13" t="s">
        <v>287</v>
      </c>
      <c r="B51249" s="14" t="s">
        <v>1</v>
      </c>
      <c r="C51249" s="14" t="s">
        <v>101</v>
      </c>
      <c r="D51249" s="14" t="s">
        <v>122</v>
      </c>
      <c r="E51249" s="15">
        <v>45525</v>
      </c>
      <c r="F51249" s="14" t="s">
        <v>15</v>
      </c>
      <c r="G51249" s="16">
        <v>0.22064790441751986</v>
      </c>
    </row>
    <row r="51250" spans="1:7" x14ac:dyDescent="0.3">
      <c r="A51250" s="13" t="s">
        <v>287</v>
      </c>
      <c r="B51250" s="14" t="s">
        <v>1</v>
      </c>
      <c r="C51250" s="14" t="s">
        <v>101</v>
      </c>
      <c r="D51250" s="14" t="s">
        <v>122</v>
      </c>
      <c r="E51250" s="15">
        <v>45526</v>
      </c>
      <c r="F51250" s="14" t="s">
        <v>15</v>
      </c>
      <c r="G51250" s="16">
        <v>0.27112620944933707</v>
      </c>
    </row>
    <row r="51251" spans="1:7" x14ac:dyDescent="0.3">
      <c r="A51251" s="13" t="s">
        <v>287</v>
      </c>
      <c r="B51251" s="14" t="s">
        <v>1</v>
      </c>
      <c r="C51251" s="14" t="s">
        <v>101</v>
      </c>
      <c r="D51251" s="14" t="s">
        <v>122</v>
      </c>
      <c r="E51251" s="15">
        <v>45527</v>
      </c>
      <c r="F51251" s="14" t="s">
        <v>15</v>
      </c>
      <c r="G51251" s="16">
        <v>0.26589829979188873</v>
      </c>
    </row>
    <row r="51252" spans="1:7" x14ac:dyDescent="0.3">
      <c r="A51252" s="13" t="s">
        <v>287</v>
      </c>
      <c r="B51252" s="14" t="s">
        <v>1</v>
      </c>
      <c r="C51252" s="14" t="s">
        <v>101</v>
      </c>
      <c r="D51252" s="14" t="s">
        <v>122</v>
      </c>
      <c r="E51252" s="15">
        <v>45528</v>
      </c>
      <c r="F51252" s="14" t="s">
        <v>15</v>
      </c>
      <c r="G51252" s="16">
        <v>0.26589829979188873</v>
      </c>
    </row>
    <row r="51253" spans="1:7" x14ac:dyDescent="0.3">
      <c r="A51253" s="13" t="s">
        <v>287</v>
      </c>
      <c r="B51253" s="14" t="s">
        <v>1</v>
      </c>
      <c r="C51253" s="14" t="s">
        <v>101</v>
      </c>
      <c r="D51253" s="14" t="s">
        <v>122</v>
      </c>
      <c r="E51253" s="15">
        <v>45529</v>
      </c>
      <c r="F51253" s="14" t="s">
        <v>15</v>
      </c>
      <c r="G51253" s="16">
        <v>0.26589829979188873</v>
      </c>
    </row>
    <row r="51254" spans="1:7" x14ac:dyDescent="0.3">
      <c r="A51254" s="13" t="s">
        <v>287</v>
      </c>
      <c r="B51254" s="14" t="s">
        <v>1</v>
      </c>
      <c r="C51254" s="14" t="s">
        <v>101</v>
      </c>
      <c r="D51254" s="14" t="s">
        <v>122</v>
      </c>
      <c r="E51254" s="15">
        <v>45530</v>
      </c>
      <c r="F51254" s="14" t="s">
        <v>15</v>
      </c>
      <c r="G51254" s="16">
        <v>0.26941615284630477</v>
      </c>
    </row>
    <row r="51255" spans="1:7" x14ac:dyDescent="0.3">
      <c r="A51255" s="13" t="s">
        <v>287</v>
      </c>
      <c r="B51255" s="14" t="s">
        <v>1</v>
      </c>
      <c r="C51255" s="14" t="s">
        <v>101</v>
      </c>
      <c r="D51255" s="14" t="s">
        <v>122</v>
      </c>
      <c r="E51255" s="15">
        <v>45531</v>
      </c>
      <c r="F51255" s="14" t="s">
        <v>15</v>
      </c>
      <c r="G51255" s="16">
        <v>0.25364587030750052</v>
      </c>
    </row>
    <row r="51256" spans="1:7" x14ac:dyDescent="0.3">
      <c r="A51256" s="13" t="s">
        <v>287</v>
      </c>
      <c r="B51256" s="14" t="s">
        <v>1</v>
      </c>
      <c r="C51256" s="14" t="s">
        <v>101</v>
      </c>
      <c r="D51256" s="14" t="s">
        <v>122</v>
      </c>
      <c r="E51256" s="15">
        <v>45532</v>
      </c>
      <c r="F51256" s="14" t="s">
        <v>15</v>
      </c>
      <c r="G51256" s="16">
        <v>0.24839536177999563</v>
      </c>
    </row>
    <row r="51257" spans="1:7" x14ac:dyDescent="0.3">
      <c r="A51257" s="13" t="s">
        <v>287</v>
      </c>
      <c r="B51257" s="14" t="s">
        <v>1</v>
      </c>
      <c r="C51257" s="14" t="s">
        <v>101</v>
      </c>
      <c r="D51257" s="14" t="s">
        <v>122</v>
      </c>
      <c r="E51257" s="15">
        <v>45533</v>
      </c>
      <c r="F51257" s="14" t="s">
        <v>15</v>
      </c>
      <c r="G51257" s="16">
        <v>0.24314485325249077</v>
      </c>
    </row>
    <row r="51258" spans="1:7" x14ac:dyDescent="0.3">
      <c r="A51258" s="13" t="s">
        <v>287</v>
      </c>
      <c r="B51258" s="14" t="s">
        <v>1</v>
      </c>
      <c r="C51258" s="14" t="s">
        <v>101</v>
      </c>
      <c r="D51258" s="14" t="s">
        <v>122</v>
      </c>
      <c r="E51258" s="15">
        <v>45534</v>
      </c>
      <c r="F51258" s="14" t="s">
        <v>15</v>
      </c>
      <c r="G51258" s="16">
        <v>0.24391694359504243</v>
      </c>
    </row>
    <row r="51259" spans="1:7" x14ac:dyDescent="0.3">
      <c r="A51259" s="13" t="s">
        <v>287</v>
      </c>
      <c r="B51259" s="14" t="s">
        <v>1</v>
      </c>
      <c r="C51259" s="14" t="s">
        <v>101</v>
      </c>
      <c r="D51259" s="14" t="s">
        <v>122</v>
      </c>
      <c r="E51259" s="15">
        <v>45535</v>
      </c>
      <c r="F51259" s="14" t="s">
        <v>15</v>
      </c>
      <c r="G51259" s="16">
        <v>0.24391694359504243</v>
      </c>
    </row>
    <row r="51260" spans="1:7" x14ac:dyDescent="0.3">
      <c r="A51260" s="13" t="s">
        <v>287</v>
      </c>
      <c r="B51260" s="14" t="s">
        <v>1</v>
      </c>
      <c r="C51260" s="14" t="s">
        <v>101</v>
      </c>
      <c r="D51260" s="14" t="s">
        <v>122</v>
      </c>
      <c r="E51260" s="15">
        <v>45536</v>
      </c>
      <c r="F51260" s="14" t="s">
        <v>15</v>
      </c>
      <c r="G51260" s="16">
        <v>0.24391694359504243</v>
      </c>
    </row>
    <row r="51261" spans="1:7" x14ac:dyDescent="0.3">
      <c r="A51261" s="13" t="s">
        <v>287</v>
      </c>
      <c r="B51261" s="14" t="s">
        <v>1</v>
      </c>
      <c r="C51261" s="14" t="s">
        <v>101</v>
      </c>
      <c r="D51261" s="14" t="s">
        <v>122</v>
      </c>
      <c r="E51261" s="15">
        <v>45537</v>
      </c>
      <c r="F51261" s="14" t="s">
        <v>15</v>
      </c>
      <c r="G51261" s="16">
        <v>0.2996720847850517</v>
      </c>
    </row>
    <row r="51262" spans="1:7" x14ac:dyDescent="0.3">
      <c r="A51262" s="13" t="s">
        <v>287</v>
      </c>
      <c r="B51262" s="14" t="s">
        <v>1</v>
      </c>
      <c r="C51262" s="14" t="s">
        <v>101</v>
      </c>
      <c r="D51262" s="14" t="s">
        <v>122</v>
      </c>
      <c r="E51262" s="15">
        <v>45538</v>
      </c>
      <c r="F51262" s="14" t="s">
        <v>15</v>
      </c>
      <c r="G51262" s="16">
        <v>0.28437637851743386</v>
      </c>
    </row>
    <row r="51263" spans="1:7" x14ac:dyDescent="0.3">
      <c r="A51263" s="13" t="s">
        <v>287</v>
      </c>
      <c r="B51263" s="14" t="s">
        <v>1</v>
      </c>
      <c r="C51263" s="14" t="s">
        <v>101</v>
      </c>
      <c r="D51263" s="14" t="s">
        <v>122</v>
      </c>
      <c r="E51263" s="15">
        <v>45539</v>
      </c>
      <c r="F51263" s="14" t="s">
        <v>15</v>
      </c>
      <c r="G51263" s="16">
        <v>0.27905807337975957</v>
      </c>
    </row>
    <row r="51264" spans="1:7" x14ac:dyDescent="0.3">
      <c r="A51264" s="13" t="s">
        <v>287</v>
      </c>
      <c r="B51264" s="14" t="s">
        <v>1</v>
      </c>
      <c r="C51264" s="14" t="s">
        <v>101</v>
      </c>
      <c r="D51264" s="14" t="s">
        <v>122</v>
      </c>
      <c r="E51264" s="15">
        <v>45540</v>
      </c>
      <c r="F51264" s="14" t="s">
        <v>15</v>
      </c>
      <c r="G51264" s="16">
        <v>0.28775106767711345</v>
      </c>
    </row>
    <row r="51265" spans="1:7" x14ac:dyDescent="0.3">
      <c r="A51265" s="13" t="s">
        <v>287</v>
      </c>
      <c r="B51265" s="14" t="s">
        <v>1</v>
      </c>
      <c r="C51265" s="14" t="s">
        <v>101</v>
      </c>
      <c r="D51265" s="14" t="s">
        <v>122</v>
      </c>
      <c r="E51265" s="15">
        <v>45541</v>
      </c>
      <c r="F51265" s="14" t="s">
        <v>15</v>
      </c>
      <c r="G51265" s="16">
        <v>0.28248925971458033</v>
      </c>
    </row>
    <row r="51266" spans="1:7" x14ac:dyDescent="0.3">
      <c r="A51266" s="13" t="s">
        <v>287</v>
      </c>
      <c r="B51266" s="14" t="s">
        <v>1</v>
      </c>
      <c r="C51266" s="14" t="s">
        <v>101</v>
      </c>
      <c r="D51266" s="14" t="s">
        <v>122</v>
      </c>
      <c r="E51266" s="15">
        <v>45542</v>
      </c>
      <c r="F51266" s="14" t="s">
        <v>15</v>
      </c>
      <c r="G51266" s="16">
        <v>0.28248925971458033</v>
      </c>
    </row>
    <row r="51267" spans="1:7" x14ac:dyDescent="0.3">
      <c r="A51267" s="13" t="s">
        <v>287</v>
      </c>
      <c r="B51267" s="14" t="s">
        <v>1</v>
      </c>
      <c r="C51267" s="14" t="s">
        <v>101</v>
      </c>
      <c r="D51267" s="14" t="s">
        <v>122</v>
      </c>
      <c r="E51267" s="15">
        <v>45543</v>
      </c>
      <c r="F51267" s="14" t="s">
        <v>15</v>
      </c>
      <c r="G51267" s="16">
        <v>0.28248925971458033</v>
      </c>
    </row>
    <row r="51268" spans="1:7" x14ac:dyDescent="0.3">
      <c r="A51268" s="13" t="s">
        <v>287</v>
      </c>
      <c r="B51268" s="14" t="s">
        <v>1</v>
      </c>
      <c r="C51268" s="14" t="s">
        <v>101</v>
      </c>
      <c r="D51268" s="14" t="s">
        <v>122</v>
      </c>
      <c r="E51268" s="15">
        <v>45544</v>
      </c>
      <c r="F51268" s="14" t="s">
        <v>15</v>
      </c>
      <c r="G51268" s="16">
        <v>0.28343084158255571</v>
      </c>
    </row>
    <row r="51269" spans="1:7" x14ac:dyDescent="0.3">
      <c r="A51269" s="13" t="s">
        <v>287</v>
      </c>
      <c r="B51269" s="14" t="s">
        <v>1</v>
      </c>
      <c r="C51269" s="14" t="s">
        <v>101</v>
      </c>
      <c r="D51269" s="14" t="s">
        <v>122</v>
      </c>
      <c r="E51269" s="15">
        <v>45545</v>
      </c>
      <c r="F51269" s="14" t="s">
        <v>15</v>
      </c>
      <c r="G51269" s="16">
        <v>0.26778485282906217</v>
      </c>
    </row>
    <row r="51270" spans="1:7" x14ac:dyDescent="0.3">
      <c r="A51270" s="13" t="s">
        <v>287</v>
      </c>
      <c r="B51270" s="14" t="s">
        <v>1</v>
      </c>
      <c r="C51270" s="14" t="s">
        <v>101</v>
      </c>
      <c r="D51270" s="14" t="s">
        <v>122</v>
      </c>
      <c r="E51270" s="15">
        <v>45546</v>
      </c>
      <c r="F51270" s="14" t="s">
        <v>15</v>
      </c>
      <c r="G51270" s="16">
        <v>0.26253434430155731</v>
      </c>
    </row>
    <row r="51271" spans="1:7" x14ac:dyDescent="0.3">
      <c r="A51271" s="13" t="s">
        <v>287</v>
      </c>
      <c r="B51271" s="14" t="s">
        <v>1</v>
      </c>
      <c r="C51271" s="14" t="s">
        <v>101</v>
      </c>
      <c r="D51271" s="14" t="s">
        <v>122</v>
      </c>
      <c r="E51271" s="15">
        <v>45547</v>
      </c>
      <c r="F51271" s="14" t="s">
        <v>15</v>
      </c>
      <c r="G51271" s="16">
        <v>0.28404089792094511</v>
      </c>
    </row>
    <row r="51272" spans="1:7" x14ac:dyDescent="0.3">
      <c r="A51272" s="13" t="s">
        <v>287</v>
      </c>
      <c r="B51272" s="14" t="s">
        <v>1</v>
      </c>
      <c r="C51272" s="14" t="s">
        <v>101</v>
      </c>
      <c r="D51272" s="14" t="s">
        <v>122</v>
      </c>
      <c r="E51272" s="15">
        <v>45548</v>
      </c>
      <c r="F51272" s="14" t="s">
        <v>15</v>
      </c>
      <c r="G51272" s="16">
        <v>0.27620281877197134</v>
      </c>
    </row>
    <row r="51273" spans="1:7" x14ac:dyDescent="0.3">
      <c r="A51273" s="13" t="s">
        <v>287</v>
      </c>
      <c r="B51273" s="14" t="s">
        <v>1</v>
      </c>
      <c r="C51273" s="14" t="s">
        <v>101</v>
      </c>
      <c r="D51273" s="14" t="s">
        <v>122</v>
      </c>
      <c r="E51273" s="15">
        <v>45549</v>
      </c>
      <c r="F51273" s="14" t="s">
        <v>15</v>
      </c>
      <c r="G51273" s="16">
        <v>0.27620281877197134</v>
      </c>
    </row>
    <row r="51274" spans="1:7" x14ac:dyDescent="0.3">
      <c r="A51274" s="13" t="s">
        <v>287</v>
      </c>
      <c r="B51274" s="14" t="s">
        <v>1</v>
      </c>
      <c r="C51274" s="14" t="s">
        <v>101</v>
      </c>
      <c r="D51274" s="14" t="s">
        <v>122</v>
      </c>
      <c r="E51274" s="15">
        <v>45550</v>
      </c>
      <c r="F51274" s="14" t="s">
        <v>15</v>
      </c>
      <c r="G51274" s="16">
        <v>0.27620281877197134</v>
      </c>
    </row>
    <row r="51275" spans="1:7" x14ac:dyDescent="0.3">
      <c r="A51275" s="13" t="s">
        <v>287</v>
      </c>
      <c r="B51275" s="14" t="s">
        <v>1</v>
      </c>
      <c r="C51275" s="14" t="s">
        <v>101</v>
      </c>
      <c r="D51275" s="14" t="s">
        <v>122</v>
      </c>
      <c r="E51275" s="15">
        <v>45551</v>
      </c>
      <c r="F51275" s="14" t="s">
        <v>15</v>
      </c>
      <c r="G51275" s="16">
        <v>0.28030824244785635</v>
      </c>
    </row>
    <row r="51276" spans="1:7" x14ac:dyDescent="0.3">
      <c r="A51276" s="13" t="s">
        <v>287</v>
      </c>
      <c r="B51276" s="14" t="s">
        <v>1</v>
      </c>
      <c r="C51276" s="14" t="s">
        <v>101</v>
      </c>
      <c r="D51276" s="14" t="s">
        <v>122</v>
      </c>
      <c r="E51276" s="15">
        <v>45552</v>
      </c>
      <c r="F51276" s="14" t="s">
        <v>15</v>
      </c>
      <c r="G51276" s="16">
        <v>0.26427807290340233</v>
      </c>
    </row>
    <row r="51277" spans="1:7" x14ac:dyDescent="0.3">
      <c r="A51277" s="13" t="s">
        <v>287</v>
      </c>
      <c r="B51277" s="14" t="s">
        <v>1</v>
      </c>
      <c r="C51277" s="14" t="s">
        <v>101</v>
      </c>
      <c r="D51277" s="14" t="s">
        <v>122</v>
      </c>
      <c r="E51277" s="15">
        <v>45553</v>
      </c>
      <c r="F51277" s="14" t="s">
        <v>15</v>
      </c>
      <c r="G51277" s="16">
        <v>0.26781852482787488</v>
      </c>
    </row>
    <row r="51278" spans="1:7" x14ac:dyDescent="0.3">
      <c r="A51278" s="13" t="s">
        <v>287</v>
      </c>
      <c r="B51278" s="14" t="s">
        <v>1</v>
      </c>
      <c r="C51278" s="14" t="s">
        <v>101</v>
      </c>
      <c r="D51278" s="14" t="s">
        <v>122</v>
      </c>
      <c r="E51278" s="15">
        <v>45554</v>
      </c>
      <c r="F51278" s="14" t="s">
        <v>15</v>
      </c>
      <c r="G51278" s="16">
        <v>0.26244372251505932</v>
      </c>
    </row>
    <row r="51279" spans="1:7" x14ac:dyDescent="0.3">
      <c r="A51279" s="13" t="s">
        <v>287</v>
      </c>
      <c r="B51279" s="14" t="s">
        <v>1</v>
      </c>
      <c r="C51279" s="14" t="s">
        <v>101</v>
      </c>
      <c r="D51279" s="14" t="s">
        <v>122</v>
      </c>
      <c r="E51279" s="15">
        <v>45555</v>
      </c>
      <c r="F51279" s="14" t="s">
        <v>15</v>
      </c>
      <c r="G51279" s="16">
        <v>0.26347569986326064</v>
      </c>
    </row>
    <row r="51280" spans="1:7" x14ac:dyDescent="0.3">
      <c r="A51280" s="13" t="s">
        <v>287</v>
      </c>
      <c r="B51280" s="14" t="s">
        <v>1</v>
      </c>
      <c r="C51280" s="14" t="s">
        <v>101</v>
      </c>
      <c r="D51280" s="14" t="s">
        <v>122</v>
      </c>
      <c r="E51280" s="15">
        <v>45556</v>
      </c>
      <c r="F51280" s="14" t="s">
        <v>15</v>
      </c>
      <c r="G51280" s="16">
        <v>0.26347569986326064</v>
      </c>
    </row>
    <row r="51281" spans="1:7" x14ac:dyDescent="0.3">
      <c r="A51281" s="13" t="s">
        <v>287</v>
      </c>
      <c r="B51281" s="14" t="s">
        <v>1</v>
      </c>
      <c r="C51281" s="14" t="s">
        <v>101</v>
      </c>
      <c r="D51281" s="14" t="s">
        <v>122</v>
      </c>
      <c r="E51281" s="15">
        <v>45557</v>
      </c>
      <c r="F51281" s="14" t="s">
        <v>15</v>
      </c>
      <c r="G51281" s="16">
        <v>0.26347569986326064</v>
      </c>
    </row>
    <row r="51282" spans="1:7" x14ac:dyDescent="0.3">
      <c r="A51282" s="13" t="s">
        <v>287</v>
      </c>
      <c r="B51282" s="14" t="s">
        <v>1</v>
      </c>
      <c r="C51282" s="14" t="s">
        <v>101</v>
      </c>
      <c r="D51282" s="14" t="s">
        <v>122</v>
      </c>
      <c r="E51282" s="15">
        <v>45558</v>
      </c>
      <c r="F51282" s="14" t="s">
        <v>15</v>
      </c>
      <c r="G51282" s="16">
        <v>0.2580444003753038</v>
      </c>
    </row>
    <row r="51283" spans="1:7" x14ac:dyDescent="0.3">
      <c r="A51283" s="13" t="s">
        <v>287</v>
      </c>
      <c r="B51283" s="14" t="s">
        <v>1</v>
      </c>
      <c r="C51283" s="14" t="s">
        <v>101</v>
      </c>
      <c r="D51283" s="14" t="s">
        <v>122</v>
      </c>
      <c r="E51283" s="15">
        <v>45559</v>
      </c>
      <c r="F51283" s="14" t="s">
        <v>15</v>
      </c>
      <c r="G51283" s="16">
        <v>0.2417317449551436</v>
      </c>
    </row>
    <row r="51284" spans="1:7" x14ac:dyDescent="0.3">
      <c r="A51284" s="13" t="s">
        <v>287</v>
      </c>
      <c r="B51284" s="14" t="s">
        <v>1</v>
      </c>
      <c r="C51284" s="14" t="s">
        <v>101</v>
      </c>
      <c r="D51284" s="14" t="s">
        <v>122</v>
      </c>
      <c r="E51284" s="15">
        <v>45560</v>
      </c>
      <c r="F51284" s="14" t="s">
        <v>15</v>
      </c>
      <c r="G51284" s="16">
        <v>0.24982586919600033</v>
      </c>
    </row>
    <row r="51285" spans="1:7" x14ac:dyDescent="0.3">
      <c r="A51285" s="13" t="s">
        <v>287</v>
      </c>
      <c r="B51285" s="14" t="s">
        <v>1</v>
      </c>
      <c r="C51285" s="14" t="s">
        <v>101</v>
      </c>
      <c r="D51285" s="14" t="s">
        <v>122</v>
      </c>
      <c r="E51285" s="15">
        <v>45561</v>
      </c>
      <c r="F51285" s="14" t="s">
        <v>15</v>
      </c>
      <c r="G51285" s="16">
        <v>0.24433807253290227</v>
      </c>
    </row>
    <row r="51286" spans="1:7" x14ac:dyDescent="0.3">
      <c r="A51286" s="13" t="s">
        <v>287</v>
      </c>
      <c r="B51286" s="14" t="s">
        <v>1</v>
      </c>
      <c r="C51286" s="14" t="s">
        <v>101</v>
      </c>
      <c r="D51286" s="14" t="s">
        <v>122</v>
      </c>
      <c r="E51286" s="15">
        <v>45562</v>
      </c>
      <c r="F51286" s="14" t="s">
        <v>15</v>
      </c>
      <c r="G51286" s="16">
        <v>0.23887287473986069</v>
      </c>
    </row>
    <row r="51287" spans="1:7" x14ac:dyDescent="0.3">
      <c r="A51287" s="13" t="s">
        <v>287</v>
      </c>
      <c r="B51287" s="14" t="s">
        <v>1</v>
      </c>
      <c r="C51287" s="14" t="s">
        <v>101</v>
      </c>
      <c r="D51287" s="14" t="s">
        <v>122</v>
      </c>
      <c r="E51287" s="15">
        <v>45563</v>
      </c>
      <c r="F51287" s="14" t="s">
        <v>15</v>
      </c>
      <c r="G51287" s="16">
        <v>0.23887287473986069</v>
      </c>
    </row>
    <row r="51288" spans="1:7" x14ac:dyDescent="0.3">
      <c r="A51288" s="13" t="s">
        <v>287</v>
      </c>
      <c r="B51288" s="14" t="s">
        <v>1</v>
      </c>
      <c r="C51288" s="14" t="s">
        <v>101</v>
      </c>
      <c r="D51288" s="14" t="s">
        <v>122</v>
      </c>
      <c r="E51288" s="15">
        <v>45564</v>
      </c>
      <c r="F51288" s="14" t="s">
        <v>15</v>
      </c>
      <c r="G51288" s="16">
        <v>0.23887287473986069</v>
      </c>
    </row>
    <row r="51289" spans="1:7" x14ac:dyDescent="0.3">
      <c r="A51289" s="13" t="s">
        <v>287</v>
      </c>
      <c r="B51289" s="14" t="s">
        <v>1</v>
      </c>
      <c r="C51289" s="14" t="s">
        <v>101</v>
      </c>
      <c r="D51289" s="14" t="s">
        <v>122</v>
      </c>
      <c r="E51289" s="15">
        <v>45565</v>
      </c>
      <c r="F51289" s="14" t="s">
        <v>15</v>
      </c>
      <c r="G51289" s="16">
        <v>0.33326078429145189</v>
      </c>
    </row>
    <row r="51290" spans="1:7" x14ac:dyDescent="0.3">
      <c r="A51290" s="13" t="s">
        <v>287</v>
      </c>
      <c r="B51290" s="14" t="s">
        <v>1</v>
      </c>
      <c r="C51290" s="14" t="s">
        <v>101</v>
      </c>
      <c r="D51290" s="14" t="s">
        <v>122</v>
      </c>
      <c r="E51290" s="15">
        <v>45566</v>
      </c>
      <c r="F51290" s="14" t="s">
        <v>15</v>
      </c>
      <c r="G51290" s="16">
        <v>0.32071084073569844</v>
      </c>
    </row>
    <row r="51291" spans="1:7" x14ac:dyDescent="0.3">
      <c r="A51291" s="13" t="s">
        <v>287</v>
      </c>
      <c r="B51291" s="14" t="s">
        <v>1</v>
      </c>
      <c r="C51291" s="14" t="s">
        <v>101</v>
      </c>
      <c r="D51291" s="14" t="s">
        <v>122</v>
      </c>
      <c r="E51291" s="15">
        <v>45567</v>
      </c>
      <c r="F51291" s="14" t="s">
        <v>15</v>
      </c>
      <c r="G51291" s="16">
        <v>0.31457897627599019</v>
      </c>
    </row>
    <row r="51292" spans="1:7" x14ac:dyDescent="0.3">
      <c r="A51292" s="13" t="s">
        <v>287</v>
      </c>
      <c r="B51292" s="14" t="s">
        <v>1</v>
      </c>
      <c r="C51292" s="14" t="s">
        <v>101</v>
      </c>
      <c r="D51292" s="14" t="s">
        <v>122</v>
      </c>
      <c r="E51292" s="15">
        <v>45568</v>
      </c>
      <c r="F51292" s="14" t="s">
        <v>15</v>
      </c>
      <c r="G51292" s="16">
        <v>0.30665050164679047</v>
      </c>
    </row>
    <row r="51293" spans="1:7" x14ac:dyDescent="0.3">
      <c r="A51293" s="13" t="s">
        <v>287</v>
      </c>
      <c r="B51293" s="14" t="s">
        <v>1</v>
      </c>
      <c r="C51293" s="14" t="s">
        <v>101</v>
      </c>
      <c r="D51293" s="14" t="s">
        <v>122</v>
      </c>
      <c r="E51293" s="15">
        <v>45569</v>
      </c>
      <c r="F51293" s="14" t="s">
        <v>15</v>
      </c>
      <c r="G51293" s="16">
        <v>0.30119660328877718</v>
      </c>
    </row>
    <row r="51294" spans="1:7" x14ac:dyDescent="0.3">
      <c r="A51294" s="13" t="s">
        <v>287</v>
      </c>
      <c r="B51294" s="14" t="s">
        <v>1</v>
      </c>
      <c r="C51294" s="14" t="s">
        <v>101</v>
      </c>
      <c r="D51294" s="14" t="s">
        <v>122</v>
      </c>
      <c r="E51294" s="15">
        <v>45570</v>
      </c>
      <c r="F51294" s="14" t="s">
        <v>15</v>
      </c>
      <c r="G51294" s="16">
        <v>0.30119660328877718</v>
      </c>
    </row>
    <row r="51295" spans="1:7" x14ac:dyDescent="0.3">
      <c r="A51295" s="13" t="s">
        <v>287</v>
      </c>
      <c r="B51295" s="14" t="s">
        <v>1</v>
      </c>
      <c r="C51295" s="14" t="s">
        <v>101</v>
      </c>
      <c r="D51295" s="14" t="s">
        <v>122</v>
      </c>
      <c r="E51295" s="15">
        <v>45571</v>
      </c>
      <c r="F51295" s="14" t="s">
        <v>15</v>
      </c>
      <c r="G51295" s="16">
        <v>0.30119660328877718</v>
      </c>
    </row>
    <row r="51296" spans="1:7" x14ac:dyDescent="0.3">
      <c r="A51296" s="13" t="s">
        <v>287</v>
      </c>
      <c r="B51296" s="14" t="s">
        <v>1</v>
      </c>
      <c r="C51296" s="14" t="s">
        <v>101</v>
      </c>
      <c r="D51296" s="14" t="s">
        <v>122</v>
      </c>
      <c r="E51296" s="15">
        <v>45572</v>
      </c>
      <c r="F51296" s="14" t="s">
        <v>15</v>
      </c>
      <c r="G51296" s="16">
        <v>0.3001268857217243</v>
      </c>
    </row>
    <row r="51297" spans="1:7" x14ac:dyDescent="0.3">
      <c r="A51297" s="13" t="s">
        <v>287</v>
      </c>
      <c r="B51297" s="14" t="s">
        <v>1</v>
      </c>
      <c r="C51297" s="14" t="s">
        <v>101</v>
      </c>
      <c r="D51297" s="14" t="s">
        <v>122</v>
      </c>
      <c r="E51297" s="15">
        <v>45573</v>
      </c>
      <c r="F51297" s="14" t="s">
        <v>15</v>
      </c>
      <c r="G51297" s="16">
        <v>0.28385942804167708</v>
      </c>
    </row>
    <row r="51298" spans="1:7" x14ac:dyDescent="0.3">
      <c r="A51298" s="13" t="s">
        <v>287</v>
      </c>
      <c r="B51298" s="14" t="s">
        <v>1</v>
      </c>
      <c r="C51298" s="14" t="s">
        <v>101</v>
      </c>
      <c r="D51298" s="14" t="s">
        <v>122</v>
      </c>
      <c r="E51298" s="15">
        <v>45574</v>
      </c>
      <c r="F51298" s="14" t="s">
        <v>15</v>
      </c>
      <c r="G51298" s="16">
        <v>0.278462026858805</v>
      </c>
    </row>
    <row r="51299" spans="1:7" x14ac:dyDescent="0.3">
      <c r="A51299" s="13" t="s">
        <v>287</v>
      </c>
      <c r="B51299" s="14" t="s">
        <v>1</v>
      </c>
      <c r="C51299" s="14" t="s">
        <v>101</v>
      </c>
      <c r="D51299" s="14" t="s">
        <v>122</v>
      </c>
      <c r="E51299" s="15">
        <v>45575</v>
      </c>
      <c r="F51299" s="14" t="s">
        <v>15</v>
      </c>
      <c r="G51299" s="16">
        <v>0.27306462567593293</v>
      </c>
    </row>
    <row r="51300" spans="1:7" x14ac:dyDescent="0.3">
      <c r="A51300" s="13" t="s">
        <v>287</v>
      </c>
      <c r="B51300" s="14" t="s">
        <v>1</v>
      </c>
      <c r="C51300" s="14" t="s">
        <v>101</v>
      </c>
      <c r="D51300" s="14" t="s">
        <v>122</v>
      </c>
      <c r="E51300" s="15">
        <v>45576</v>
      </c>
      <c r="F51300" s="14" t="s">
        <v>15</v>
      </c>
      <c r="G51300" s="16">
        <v>0.27735084031226992</v>
      </c>
    </row>
    <row r="51301" spans="1:7" x14ac:dyDescent="0.3">
      <c r="A51301" s="13" t="s">
        <v>287</v>
      </c>
      <c r="B51301" s="14" t="s">
        <v>1</v>
      </c>
      <c r="C51301" s="14" t="s">
        <v>101</v>
      </c>
      <c r="D51301" s="14" t="s">
        <v>122</v>
      </c>
      <c r="E51301" s="15">
        <v>45577</v>
      </c>
      <c r="F51301" s="14" t="s">
        <v>15</v>
      </c>
      <c r="G51301" s="16">
        <v>0.27735084031226992</v>
      </c>
    </row>
    <row r="51302" spans="1:7" x14ac:dyDescent="0.3">
      <c r="A51302" s="13" t="s">
        <v>287</v>
      </c>
      <c r="B51302" s="14" t="s">
        <v>1</v>
      </c>
      <c r="C51302" s="14" t="s">
        <v>101</v>
      </c>
      <c r="D51302" s="14" t="s">
        <v>122</v>
      </c>
      <c r="E51302" s="15">
        <v>45578</v>
      </c>
      <c r="F51302" s="14" t="s">
        <v>15</v>
      </c>
      <c r="G51302" s="16">
        <v>0.27735084031226992</v>
      </c>
    </row>
    <row r="51303" spans="1:7" x14ac:dyDescent="0.3">
      <c r="A51303" s="13" t="s">
        <v>287</v>
      </c>
      <c r="B51303" s="14" t="s">
        <v>1</v>
      </c>
      <c r="C51303" s="14" t="s">
        <v>101</v>
      </c>
      <c r="D51303" s="14" t="s">
        <v>122</v>
      </c>
      <c r="E51303" s="15">
        <v>45579</v>
      </c>
      <c r="F51303" s="14" t="s">
        <v>15</v>
      </c>
      <c r="G51303" s="16">
        <v>0.27678959732148822</v>
      </c>
    </row>
    <row r="51304" spans="1:7" x14ac:dyDescent="0.3">
      <c r="A51304" s="13" t="s">
        <v>287</v>
      </c>
      <c r="B51304" s="14" t="s">
        <v>1</v>
      </c>
      <c r="C51304" s="14" t="s">
        <v>101</v>
      </c>
      <c r="D51304" s="14" t="s">
        <v>122</v>
      </c>
      <c r="E51304" s="15">
        <v>45580</v>
      </c>
      <c r="F51304" s="14" t="s">
        <v>15</v>
      </c>
      <c r="G51304" s="16">
        <v>0.26055603794652571</v>
      </c>
    </row>
    <row r="51305" spans="1:7" x14ac:dyDescent="0.3">
      <c r="A51305" s="13" t="s">
        <v>287</v>
      </c>
      <c r="B51305" s="14" t="s">
        <v>1</v>
      </c>
      <c r="C51305" s="14" t="s">
        <v>101</v>
      </c>
      <c r="D51305" s="14" t="s">
        <v>122</v>
      </c>
      <c r="E51305" s="15">
        <v>45581</v>
      </c>
      <c r="F51305" s="14" t="s">
        <v>15</v>
      </c>
      <c r="G51305" s="16">
        <v>0.25513603789359718</v>
      </c>
    </row>
    <row r="51306" spans="1:7" x14ac:dyDescent="0.3">
      <c r="A51306" s="13" t="s">
        <v>287</v>
      </c>
      <c r="B51306" s="14" t="s">
        <v>1</v>
      </c>
      <c r="C51306" s="14" t="s">
        <v>101</v>
      </c>
      <c r="D51306" s="14" t="s">
        <v>122</v>
      </c>
      <c r="E51306" s="15">
        <v>45582</v>
      </c>
      <c r="F51306" s="14" t="s">
        <v>15</v>
      </c>
      <c r="G51306" s="16">
        <v>0.24973863671072508</v>
      </c>
    </row>
    <row r="51307" spans="1:7" x14ac:dyDescent="0.3">
      <c r="A51307" s="13" t="s">
        <v>287</v>
      </c>
      <c r="B51307" s="14" t="s">
        <v>1</v>
      </c>
      <c r="C51307" s="14" t="s">
        <v>101</v>
      </c>
      <c r="D51307" s="14" t="s">
        <v>122</v>
      </c>
      <c r="E51307" s="15">
        <v>45583</v>
      </c>
      <c r="F51307" s="14" t="s">
        <v>15</v>
      </c>
      <c r="G51307" s="16">
        <v>0.24434123552785297</v>
      </c>
    </row>
    <row r="51308" spans="1:7" x14ac:dyDescent="0.3">
      <c r="A51308" s="13" t="s">
        <v>287</v>
      </c>
      <c r="B51308" s="14" t="s">
        <v>1</v>
      </c>
      <c r="C51308" s="14" t="s">
        <v>101</v>
      </c>
      <c r="D51308" s="14" t="s">
        <v>122</v>
      </c>
      <c r="E51308" s="15">
        <v>45584</v>
      </c>
      <c r="F51308" s="14" t="s">
        <v>15</v>
      </c>
      <c r="G51308" s="16">
        <v>0.24434123552785297</v>
      </c>
    </row>
    <row r="51309" spans="1:7" x14ac:dyDescent="0.3">
      <c r="A51309" s="13" t="s">
        <v>287</v>
      </c>
      <c r="B51309" s="14" t="s">
        <v>1</v>
      </c>
      <c r="C51309" s="14" t="s">
        <v>101</v>
      </c>
      <c r="D51309" s="14" t="s">
        <v>122</v>
      </c>
      <c r="E51309" s="15">
        <v>45585</v>
      </c>
      <c r="F51309" s="14" t="s">
        <v>15</v>
      </c>
      <c r="G51309" s="16">
        <v>0.24434123552785297</v>
      </c>
    </row>
    <row r="51310" spans="1:7" x14ac:dyDescent="0.3">
      <c r="A51310" s="13" t="s">
        <v>287</v>
      </c>
      <c r="B51310" s="14" t="s">
        <v>1</v>
      </c>
      <c r="C51310" s="14" t="s">
        <v>101</v>
      </c>
      <c r="D51310" s="14" t="s">
        <v>122</v>
      </c>
      <c r="E51310" s="15">
        <v>45586</v>
      </c>
      <c r="F51310" s="14" t="s">
        <v>15</v>
      </c>
      <c r="G51310" s="16">
        <v>0.24005117897774927</v>
      </c>
    </row>
    <row r="51311" spans="1:7" x14ac:dyDescent="0.3">
      <c r="A51311" s="13" t="s">
        <v>287</v>
      </c>
      <c r="B51311" s="14" t="s">
        <v>1</v>
      </c>
      <c r="C51311" s="14" t="s">
        <v>101</v>
      </c>
      <c r="D51311" s="14" t="s">
        <v>122</v>
      </c>
      <c r="E51311" s="15">
        <v>45587</v>
      </c>
      <c r="F51311" s="14" t="s">
        <v>15</v>
      </c>
      <c r="G51311" s="16">
        <v>0.22380632016775856</v>
      </c>
    </row>
    <row r="51312" spans="1:7" x14ac:dyDescent="0.3">
      <c r="A51312" s="13" t="s">
        <v>287</v>
      </c>
      <c r="B51312" s="14" t="s">
        <v>1</v>
      </c>
      <c r="C51312" s="14" t="s">
        <v>101</v>
      </c>
      <c r="D51312" s="14" t="s">
        <v>122</v>
      </c>
      <c r="E51312" s="15">
        <v>45588</v>
      </c>
      <c r="F51312" s="14" t="s">
        <v>15</v>
      </c>
      <c r="G51312" s="16">
        <v>0.21840891898488646</v>
      </c>
    </row>
    <row r="51313" spans="1:7" x14ac:dyDescent="0.3">
      <c r="A51313" s="13" t="s">
        <v>287</v>
      </c>
      <c r="B51313" s="14" t="s">
        <v>1</v>
      </c>
      <c r="C51313" s="14" t="s">
        <v>101</v>
      </c>
      <c r="D51313" s="14" t="s">
        <v>122</v>
      </c>
      <c r="E51313" s="15">
        <v>45589</v>
      </c>
      <c r="F51313" s="14" t="s">
        <v>15</v>
      </c>
      <c r="G51313" s="16">
        <v>0.21327140480766413</v>
      </c>
    </row>
    <row r="51314" spans="1:7" x14ac:dyDescent="0.3">
      <c r="A51314" s="13" t="s">
        <v>287</v>
      </c>
      <c r="B51314" s="14" t="s">
        <v>1</v>
      </c>
      <c r="C51314" s="14" t="s">
        <v>101</v>
      </c>
      <c r="D51314" s="14" t="s">
        <v>122</v>
      </c>
      <c r="E51314" s="15">
        <v>45590</v>
      </c>
      <c r="F51314" s="14" t="s">
        <v>15</v>
      </c>
      <c r="G51314" s="16">
        <v>0.20796439910501804</v>
      </c>
    </row>
    <row r="51315" spans="1:7" x14ac:dyDescent="0.3">
      <c r="A51315" s="13" t="s">
        <v>287</v>
      </c>
      <c r="B51315" s="14" t="s">
        <v>1</v>
      </c>
      <c r="C51315" s="14" t="s">
        <v>101</v>
      </c>
      <c r="D51315" s="14" t="s">
        <v>122</v>
      </c>
      <c r="E51315" s="15">
        <v>45591</v>
      </c>
      <c r="F51315" s="14" t="s">
        <v>15</v>
      </c>
      <c r="G51315" s="16">
        <v>0.20796439910501804</v>
      </c>
    </row>
    <row r="51316" spans="1:7" x14ac:dyDescent="0.3">
      <c r="A51316" s="13" t="s">
        <v>287</v>
      </c>
      <c r="B51316" s="14" t="s">
        <v>1</v>
      </c>
      <c r="C51316" s="14" t="s">
        <v>101</v>
      </c>
      <c r="D51316" s="14" t="s">
        <v>122</v>
      </c>
      <c r="E51316" s="15">
        <v>45592</v>
      </c>
      <c r="F51316" s="14" t="s">
        <v>15</v>
      </c>
      <c r="G51316" s="16">
        <v>0.20796439910501804</v>
      </c>
    </row>
    <row r="51317" spans="1:7" x14ac:dyDescent="0.3">
      <c r="A51317" s="13" t="s">
        <v>287</v>
      </c>
      <c r="B51317" s="14" t="s">
        <v>1</v>
      </c>
      <c r="C51317" s="14" t="s">
        <v>101</v>
      </c>
      <c r="D51317" s="14" t="s">
        <v>122</v>
      </c>
      <c r="E51317" s="15">
        <v>45593</v>
      </c>
      <c r="F51317" s="14" t="s">
        <v>15</v>
      </c>
      <c r="G51317" s="16">
        <v>0.20796439910501804</v>
      </c>
    </row>
    <row r="51318" spans="1:7" x14ac:dyDescent="0.3">
      <c r="A51318" s="13" t="s">
        <v>287</v>
      </c>
      <c r="B51318" s="14" t="s">
        <v>1</v>
      </c>
      <c r="C51318" s="14" t="s">
        <v>101</v>
      </c>
      <c r="D51318" s="14" t="s">
        <v>122</v>
      </c>
      <c r="E51318" s="15">
        <v>45594</v>
      </c>
      <c r="F51318" s="14" t="s">
        <v>15</v>
      </c>
      <c r="G51318" s="16">
        <v>0.20367434255491434</v>
      </c>
    </row>
    <row r="51319" spans="1:7" x14ac:dyDescent="0.3">
      <c r="A51319" s="13" t="s">
        <v>287</v>
      </c>
      <c r="B51319" s="14" t="s">
        <v>1</v>
      </c>
      <c r="C51319" s="14" t="s">
        <v>101</v>
      </c>
      <c r="D51319" s="14" t="s">
        <v>122</v>
      </c>
      <c r="E51319" s="15">
        <v>45595</v>
      </c>
      <c r="F51319" s="14" t="s">
        <v>15</v>
      </c>
      <c r="G51319" s="16">
        <v>0.18227694137204226</v>
      </c>
    </row>
    <row r="51320" spans="1:7" x14ac:dyDescent="0.3">
      <c r="A51320" s="13" t="s">
        <v>287</v>
      </c>
      <c r="B51320" s="14" t="s">
        <v>1</v>
      </c>
      <c r="C51320" s="14" t="s">
        <v>101</v>
      </c>
      <c r="D51320" s="14" t="s">
        <v>122</v>
      </c>
      <c r="E51320" s="15">
        <v>45596</v>
      </c>
      <c r="F51320" s="14" t="s">
        <v>15</v>
      </c>
      <c r="G51320" s="16">
        <v>0.17692473792928318</v>
      </c>
    </row>
    <row r="51321" spans="1:7" x14ac:dyDescent="0.3">
      <c r="A51321" s="13" t="s">
        <v>287</v>
      </c>
      <c r="B51321" s="14" t="s">
        <v>1</v>
      </c>
      <c r="C51321" s="14" t="s">
        <v>101</v>
      </c>
      <c r="D51321" s="14" t="s">
        <v>122</v>
      </c>
      <c r="E51321" s="15">
        <v>45597</v>
      </c>
      <c r="F51321" s="14" t="s">
        <v>15</v>
      </c>
      <c r="G51321" s="16">
        <v>0.18541434239612864</v>
      </c>
    </row>
    <row r="51322" spans="1:7" x14ac:dyDescent="0.3">
      <c r="A51322" s="13" t="s">
        <v>287</v>
      </c>
      <c r="B51322" s="14" t="s">
        <v>1</v>
      </c>
      <c r="C51322" s="14" t="s">
        <v>101</v>
      </c>
      <c r="D51322" s="14" t="s">
        <v>122</v>
      </c>
      <c r="E51322" s="15">
        <v>45598</v>
      </c>
      <c r="F51322" s="14" t="s">
        <v>15</v>
      </c>
      <c r="G51322" s="16">
        <v>0.18541434239612864</v>
      </c>
    </row>
    <row r="51323" spans="1:7" x14ac:dyDescent="0.3">
      <c r="A51323" s="13" t="s">
        <v>287</v>
      </c>
      <c r="B51323" s="14" t="s">
        <v>1</v>
      </c>
      <c r="C51323" s="14" t="s">
        <v>101</v>
      </c>
      <c r="D51323" s="14" t="s">
        <v>122</v>
      </c>
      <c r="E51323" s="15">
        <v>45599</v>
      </c>
      <c r="F51323" s="14" t="s">
        <v>15</v>
      </c>
      <c r="G51323" s="16">
        <v>0.18541434239612864</v>
      </c>
    </row>
    <row r="51324" spans="1:7" x14ac:dyDescent="0.3">
      <c r="A51324" s="13" t="s">
        <v>287</v>
      </c>
      <c r="B51324" s="14" t="s">
        <v>1</v>
      </c>
      <c r="C51324" s="14" t="s">
        <v>101</v>
      </c>
      <c r="D51324" s="14" t="s">
        <v>122</v>
      </c>
      <c r="E51324" s="15">
        <v>45600</v>
      </c>
      <c r="F51324" s="14" t="s">
        <v>15</v>
      </c>
      <c r="G51324" s="16">
        <v>0.18072880562003621</v>
      </c>
    </row>
    <row r="51325" spans="1:7" x14ac:dyDescent="0.3">
      <c r="A51325" s="13" t="s">
        <v>287</v>
      </c>
      <c r="B51325" s="14" t="s">
        <v>1</v>
      </c>
      <c r="C51325" s="14" t="s">
        <v>101</v>
      </c>
      <c r="D51325" s="14" t="s">
        <v>122</v>
      </c>
      <c r="E51325" s="15">
        <v>45601</v>
      </c>
      <c r="F51325" s="14" t="s">
        <v>15</v>
      </c>
      <c r="G51325" s="16">
        <v>0.16490202590609068</v>
      </c>
    </row>
    <row r="51326" spans="1:7" x14ac:dyDescent="0.3">
      <c r="A51326" s="13" t="s">
        <v>287</v>
      </c>
      <c r="B51326" s="14" t="s">
        <v>1</v>
      </c>
      <c r="C51326" s="14" t="s">
        <v>101</v>
      </c>
      <c r="D51326" s="14" t="s">
        <v>122</v>
      </c>
      <c r="E51326" s="15">
        <v>45602</v>
      </c>
      <c r="F51326" s="14" t="s">
        <v>15</v>
      </c>
      <c r="G51326" s="16">
        <v>0.15961761907350111</v>
      </c>
    </row>
    <row r="51327" spans="1:7" x14ac:dyDescent="0.3">
      <c r="A51327" s="13" t="s">
        <v>287</v>
      </c>
      <c r="B51327" s="14" t="s">
        <v>1</v>
      </c>
      <c r="C51327" s="14" t="s">
        <v>101</v>
      </c>
      <c r="D51327" s="14" t="s">
        <v>122</v>
      </c>
      <c r="E51327" s="15">
        <v>45603</v>
      </c>
      <c r="F51327" s="14" t="s">
        <v>15</v>
      </c>
      <c r="G51327" s="16">
        <v>0.15427671506577029</v>
      </c>
    </row>
    <row r="51328" spans="1:7" x14ac:dyDescent="0.3">
      <c r="A51328" s="13" t="s">
        <v>287</v>
      </c>
      <c r="B51328" s="14" t="s">
        <v>1</v>
      </c>
      <c r="C51328" s="14" t="s">
        <v>101</v>
      </c>
      <c r="D51328" s="14" t="s">
        <v>122</v>
      </c>
      <c r="E51328" s="15">
        <v>45604</v>
      </c>
      <c r="F51328" s="14" t="s">
        <v>15</v>
      </c>
      <c r="G51328" s="16">
        <v>0.14889061331792647</v>
      </c>
    </row>
    <row r="51329" spans="1:7" x14ac:dyDescent="0.3">
      <c r="A51329" s="13" t="s">
        <v>287</v>
      </c>
      <c r="B51329" s="14" t="s">
        <v>1</v>
      </c>
      <c r="C51329" s="14" t="s">
        <v>101</v>
      </c>
      <c r="D51329" s="14" t="s">
        <v>122</v>
      </c>
      <c r="E51329" s="15">
        <v>45605</v>
      </c>
      <c r="F51329" s="14" t="s">
        <v>15</v>
      </c>
      <c r="G51329" s="16">
        <v>0.14889061331792647</v>
      </c>
    </row>
    <row r="51330" spans="1:7" x14ac:dyDescent="0.3">
      <c r="A51330" s="13" t="s">
        <v>287</v>
      </c>
      <c r="B51330" s="14" t="s">
        <v>1</v>
      </c>
      <c r="C51330" s="14" t="s">
        <v>101</v>
      </c>
      <c r="D51330" s="14" t="s">
        <v>122</v>
      </c>
      <c r="E51330" s="15">
        <v>45606</v>
      </c>
      <c r="F51330" s="14" t="s">
        <v>15</v>
      </c>
      <c r="G51330" s="16">
        <v>0.14889061331792647</v>
      </c>
    </row>
    <row r="51331" spans="1:7" x14ac:dyDescent="0.3">
      <c r="A51331" s="13" t="s">
        <v>287</v>
      </c>
      <c r="B51331" s="14" t="s">
        <v>1</v>
      </c>
      <c r="C51331" s="14" t="s">
        <v>101</v>
      </c>
      <c r="D51331" s="14" t="s">
        <v>122</v>
      </c>
      <c r="E51331" s="15">
        <v>45607</v>
      </c>
      <c r="F51331" s="14" t="s">
        <v>15</v>
      </c>
      <c r="G51331" s="16">
        <v>0.14345931382996965</v>
      </c>
    </row>
    <row r="51332" spans="1:7" x14ac:dyDescent="0.3">
      <c r="A51332" s="13" t="s">
        <v>287</v>
      </c>
      <c r="B51332" s="14" t="s">
        <v>1</v>
      </c>
      <c r="C51332" s="14" t="s">
        <v>101</v>
      </c>
      <c r="D51332" s="14" t="s">
        <v>122</v>
      </c>
      <c r="E51332" s="15">
        <v>45608</v>
      </c>
      <c r="F51332" s="14" t="s">
        <v>15</v>
      </c>
      <c r="G51332" s="16">
        <v>0.12718055671489417</v>
      </c>
    </row>
    <row r="51333" spans="1:7" x14ac:dyDescent="0.3">
      <c r="A51333" s="13" t="s">
        <v>287</v>
      </c>
      <c r="B51333" s="14" t="s">
        <v>1</v>
      </c>
      <c r="C51333" s="14" t="s">
        <v>101</v>
      </c>
      <c r="D51333" s="14" t="s">
        <v>122</v>
      </c>
      <c r="E51333" s="15">
        <v>45609</v>
      </c>
      <c r="F51333" s="14" t="s">
        <v>15</v>
      </c>
      <c r="G51333" s="16">
        <v>0.13987355101224808</v>
      </c>
    </row>
    <row r="51334" spans="1:7" x14ac:dyDescent="0.3">
      <c r="A51334" s="13" t="s">
        <v>287</v>
      </c>
      <c r="B51334" s="14" t="s">
        <v>1</v>
      </c>
      <c r="C51334" s="14" t="s">
        <v>101</v>
      </c>
      <c r="D51334" s="14" t="s">
        <v>122</v>
      </c>
      <c r="E51334" s="15">
        <v>45610</v>
      </c>
      <c r="F51334" s="14" t="s">
        <v>15</v>
      </c>
      <c r="G51334" s="16">
        <v>0.13780948316270936</v>
      </c>
    </row>
    <row r="51335" spans="1:7" x14ac:dyDescent="0.3">
      <c r="A51335" s="13" t="s">
        <v>287</v>
      </c>
      <c r="B51335" s="14" t="s">
        <v>1</v>
      </c>
      <c r="C51335" s="14" t="s">
        <v>101</v>
      </c>
      <c r="D51335" s="14" t="s">
        <v>122</v>
      </c>
      <c r="E51335" s="15">
        <v>45611</v>
      </c>
      <c r="F51335" s="14" t="s">
        <v>15</v>
      </c>
      <c r="G51335" s="16">
        <v>0.13243468084989377</v>
      </c>
    </row>
    <row r="51336" spans="1:7" x14ac:dyDescent="0.3">
      <c r="A51336" s="13" t="s">
        <v>287</v>
      </c>
      <c r="B51336" s="14" t="s">
        <v>1</v>
      </c>
      <c r="C51336" s="14" t="s">
        <v>101</v>
      </c>
      <c r="D51336" s="14" t="s">
        <v>122</v>
      </c>
      <c r="E51336" s="15">
        <v>45612</v>
      </c>
      <c r="F51336" s="14" t="s">
        <v>15</v>
      </c>
      <c r="G51336" s="16">
        <v>0.13243468084989377</v>
      </c>
    </row>
    <row r="51337" spans="1:7" x14ac:dyDescent="0.3">
      <c r="A51337" s="13" t="s">
        <v>287</v>
      </c>
      <c r="B51337" s="14" t="s">
        <v>1</v>
      </c>
      <c r="C51337" s="14" t="s">
        <v>101</v>
      </c>
      <c r="D51337" s="14" t="s">
        <v>122</v>
      </c>
      <c r="E51337" s="15">
        <v>45613</v>
      </c>
      <c r="F51337" s="14" t="s">
        <v>15</v>
      </c>
      <c r="G51337" s="16">
        <v>0.13243468084989377</v>
      </c>
    </row>
    <row r="51338" spans="1:7" x14ac:dyDescent="0.3">
      <c r="A51338" s="13" t="s">
        <v>287</v>
      </c>
      <c r="B51338" s="14" t="s">
        <v>1</v>
      </c>
      <c r="C51338" s="14" t="s">
        <v>101</v>
      </c>
      <c r="D51338" s="14" t="s">
        <v>122</v>
      </c>
      <c r="E51338" s="15">
        <v>45614</v>
      </c>
      <c r="F51338" s="14" t="s">
        <v>15</v>
      </c>
      <c r="G51338" s="16">
        <v>0.16909377684216292</v>
      </c>
    </row>
    <row r="51339" spans="1:7" x14ac:dyDescent="0.3">
      <c r="A51339" s="13" t="s">
        <v>287</v>
      </c>
      <c r="B51339" s="14" t="s">
        <v>1</v>
      </c>
      <c r="C51339" s="14" t="s">
        <v>101</v>
      </c>
      <c r="D51339" s="14" t="s">
        <v>122</v>
      </c>
      <c r="E51339" s="15">
        <v>45615</v>
      </c>
      <c r="F51339" s="14" t="s">
        <v>15</v>
      </c>
      <c r="G51339" s="16">
        <v>0.15321049995307615</v>
      </c>
    </row>
    <row r="51340" spans="1:7" x14ac:dyDescent="0.3">
      <c r="A51340" s="13" t="s">
        <v>287</v>
      </c>
      <c r="B51340" s="14" t="s">
        <v>1</v>
      </c>
      <c r="C51340" s="14" t="s">
        <v>101</v>
      </c>
      <c r="D51340" s="14" t="s">
        <v>122</v>
      </c>
      <c r="E51340" s="15">
        <v>45616</v>
      </c>
      <c r="F51340" s="14" t="s">
        <v>15</v>
      </c>
      <c r="G51340" s="16">
        <v>0.14788089538037355</v>
      </c>
    </row>
    <row r="51341" spans="1:7" x14ac:dyDescent="0.3">
      <c r="A51341" s="13" t="s">
        <v>287</v>
      </c>
      <c r="B51341" s="14" t="s">
        <v>1</v>
      </c>
      <c r="C51341" s="14" t="s">
        <v>101</v>
      </c>
      <c r="D51341" s="14" t="s">
        <v>122</v>
      </c>
      <c r="E51341" s="15">
        <v>45617</v>
      </c>
      <c r="F51341" s="14" t="s">
        <v>15</v>
      </c>
      <c r="G51341" s="16">
        <v>0.14255129080767098</v>
      </c>
    </row>
    <row r="51342" spans="1:7" x14ac:dyDescent="0.3">
      <c r="A51342" s="13" t="s">
        <v>287</v>
      </c>
      <c r="B51342" s="14" t="s">
        <v>1</v>
      </c>
      <c r="C51342" s="14" t="s">
        <v>101</v>
      </c>
      <c r="D51342" s="14" t="s">
        <v>122</v>
      </c>
      <c r="E51342" s="15">
        <v>45618</v>
      </c>
      <c r="F51342" s="14" t="s">
        <v>15</v>
      </c>
      <c r="G51342" s="16">
        <v>0.13722168623496839</v>
      </c>
    </row>
    <row r="51343" spans="1:7" x14ac:dyDescent="0.3">
      <c r="A51343" s="13" t="s">
        <v>287</v>
      </c>
      <c r="B51343" s="14" t="s">
        <v>1</v>
      </c>
      <c r="C51343" s="14" t="s">
        <v>101</v>
      </c>
      <c r="D51343" s="14" t="s">
        <v>122</v>
      </c>
      <c r="E51343" s="15">
        <v>45619</v>
      </c>
      <c r="F51343" s="14" t="s">
        <v>15</v>
      </c>
      <c r="G51343" s="16">
        <v>0.13722168623496839</v>
      </c>
    </row>
    <row r="51344" spans="1:7" x14ac:dyDescent="0.3">
      <c r="A51344" s="13" t="s">
        <v>287</v>
      </c>
      <c r="B51344" s="14" t="s">
        <v>1</v>
      </c>
      <c r="C51344" s="14" t="s">
        <v>101</v>
      </c>
      <c r="D51344" s="14" t="s">
        <v>122</v>
      </c>
      <c r="E51344" s="15">
        <v>45620</v>
      </c>
      <c r="F51344" s="14" t="s">
        <v>15</v>
      </c>
      <c r="G51344" s="16">
        <v>0.13722168623496839</v>
      </c>
    </row>
    <row r="51345" spans="1:7" x14ac:dyDescent="0.3">
      <c r="A51345" s="13" t="s">
        <v>287</v>
      </c>
      <c r="B51345" s="14" t="s">
        <v>1</v>
      </c>
      <c r="C51345" s="14" t="s">
        <v>101</v>
      </c>
      <c r="D51345" s="14" t="s">
        <v>122</v>
      </c>
      <c r="E51345" s="15">
        <v>45621</v>
      </c>
      <c r="F51345" s="14" t="s">
        <v>15</v>
      </c>
      <c r="G51345" s="16">
        <v>0.14275083872441269</v>
      </c>
    </row>
    <row r="51346" spans="1:7" x14ac:dyDescent="0.3">
      <c r="A51346" s="13" t="s">
        <v>287</v>
      </c>
      <c r="B51346" s="14" t="s">
        <v>1</v>
      </c>
      <c r="C51346" s="14" t="s">
        <v>101</v>
      </c>
      <c r="D51346" s="14" t="s">
        <v>122</v>
      </c>
      <c r="E51346" s="15">
        <v>45622</v>
      </c>
      <c r="F51346" s="14" t="s">
        <v>15</v>
      </c>
      <c r="G51346" s="16">
        <v>0.12644948273928072</v>
      </c>
    </row>
    <row r="51347" spans="1:7" x14ac:dyDescent="0.3">
      <c r="A51347" s="13" t="s">
        <v>287</v>
      </c>
      <c r="B51347" s="14" t="s">
        <v>1</v>
      </c>
      <c r="C51347" s="14" t="s">
        <v>101</v>
      </c>
      <c r="D51347" s="14" t="s">
        <v>122</v>
      </c>
      <c r="E51347" s="15">
        <v>45623</v>
      </c>
      <c r="F51347" s="14" t="s">
        <v>15</v>
      </c>
      <c r="G51347" s="16">
        <v>0.12723287251686061</v>
      </c>
    </row>
    <row r="51348" spans="1:7" x14ac:dyDescent="0.3">
      <c r="A51348" s="13" t="s">
        <v>287</v>
      </c>
      <c r="B51348" s="14" t="s">
        <v>1</v>
      </c>
      <c r="C51348" s="14" t="s">
        <v>101</v>
      </c>
      <c r="D51348" s="14" t="s">
        <v>122</v>
      </c>
      <c r="E51348" s="15">
        <v>45624</v>
      </c>
      <c r="F51348" s="14" t="s">
        <v>15</v>
      </c>
      <c r="G51348" s="16">
        <v>0.11975637528879081</v>
      </c>
    </row>
    <row r="51349" spans="1:7" x14ac:dyDescent="0.3">
      <c r="A51349" s="13" t="s">
        <v>287</v>
      </c>
      <c r="B51349" s="14" t="s">
        <v>1</v>
      </c>
      <c r="C51349" s="14" t="s">
        <v>101</v>
      </c>
      <c r="D51349" s="14" t="s">
        <v>122</v>
      </c>
      <c r="E51349" s="15">
        <v>45625</v>
      </c>
      <c r="F51349" s="14" t="s">
        <v>15</v>
      </c>
      <c r="G51349" s="16">
        <v>0.11434767467089048</v>
      </c>
    </row>
    <row r="51350" spans="1:7" x14ac:dyDescent="0.3">
      <c r="A51350" s="13" t="s">
        <v>287</v>
      </c>
      <c r="B51350" s="14" t="s">
        <v>1</v>
      </c>
      <c r="C51350" s="14" t="s">
        <v>101</v>
      </c>
      <c r="D51350" s="14" t="s">
        <v>122</v>
      </c>
      <c r="E51350" s="15">
        <v>45626</v>
      </c>
      <c r="F51350" s="14" t="s">
        <v>15</v>
      </c>
      <c r="G51350" s="16">
        <v>0.11434767467089048</v>
      </c>
    </row>
    <row r="51351" spans="1:7" x14ac:dyDescent="0.3">
      <c r="A51351" s="13" t="s">
        <v>287</v>
      </c>
      <c r="B51351" s="14" t="s">
        <v>1</v>
      </c>
      <c r="C51351" s="14" t="s">
        <v>101</v>
      </c>
      <c r="D51351" s="14" t="s">
        <v>122</v>
      </c>
      <c r="E51351" s="15">
        <v>45627</v>
      </c>
      <c r="F51351" s="14" t="s">
        <v>15</v>
      </c>
      <c r="G51351" s="16">
        <v>0.11434767467089048</v>
      </c>
    </row>
    <row r="51352" spans="1:7" x14ac:dyDescent="0.3">
      <c r="A51352" s="13" t="s">
        <v>287</v>
      </c>
      <c r="B51352" s="14" t="s">
        <v>1</v>
      </c>
      <c r="C51352" s="14" t="s">
        <v>101</v>
      </c>
      <c r="D51352" s="14" t="s">
        <v>122</v>
      </c>
      <c r="E51352" s="15">
        <v>45628</v>
      </c>
      <c r="F51352" s="14" t="s">
        <v>15</v>
      </c>
      <c r="G51352" s="16">
        <v>0.14965083845976981</v>
      </c>
    </row>
    <row r="51353" spans="1:7" x14ac:dyDescent="0.3">
      <c r="A51353" s="13" t="s">
        <v>287</v>
      </c>
      <c r="B51353" s="14" t="s">
        <v>1</v>
      </c>
      <c r="C51353" s="14" t="s">
        <v>101</v>
      </c>
      <c r="D51353" s="14" t="s">
        <v>122</v>
      </c>
      <c r="E51353" s="15">
        <v>45629</v>
      </c>
      <c r="F51353" s="14" t="s">
        <v>15</v>
      </c>
      <c r="G51353" s="16">
        <v>0.13516869151418587</v>
      </c>
    </row>
    <row r="51354" spans="1:7" x14ac:dyDescent="0.3">
      <c r="A51354" s="13" t="s">
        <v>287</v>
      </c>
      <c r="B51354" s="14" t="s">
        <v>1</v>
      </c>
      <c r="C51354" s="14" t="s">
        <v>101</v>
      </c>
      <c r="D51354" s="14" t="s">
        <v>122</v>
      </c>
      <c r="E51354" s="15">
        <v>45630</v>
      </c>
      <c r="F51354" s="14" t="s">
        <v>15</v>
      </c>
      <c r="G51354" s="16">
        <v>0.14435886095278272</v>
      </c>
    </row>
    <row r="51355" spans="1:7" x14ac:dyDescent="0.3">
      <c r="A51355" s="13" t="s">
        <v>287</v>
      </c>
      <c r="B51355" s="14" t="s">
        <v>1</v>
      </c>
      <c r="C51355" s="14" t="s">
        <v>101</v>
      </c>
      <c r="D51355" s="14" t="s">
        <v>122</v>
      </c>
      <c r="E51355" s="15">
        <v>45631</v>
      </c>
      <c r="F51355" s="14" t="s">
        <v>15</v>
      </c>
      <c r="G51355" s="16">
        <v>0.13891626202979765</v>
      </c>
    </row>
    <row r="51356" spans="1:7" x14ac:dyDescent="0.3">
      <c r="A51356" s="13" t="s">
        <v>287</v>
      </c>
      <c r="B51356" s="14" t="s">
        <v>1</v>
      </c>
      <c r="C51356" s="14" t="s">
        <v>101</v>
      </c>
      <c r="D51356" s="14" t="s">
        <v>122</v>
      </c>
      <c r="E51356" s="15">
        <v>45632</v>
      </c>
      <c r="F51356" s="14" t="s">
        <v>15</v>
      </c>
      <c r="G51356" s="16">
        <v>0.13346236367178432</v>
      </c>
    </row>
    <row r="51357" spans="1:7" x14ac:dyDescent="0.3">
      <c r="A51357" s="13" t="s">
        <v>287</v>
      </c>
      <c r="B51357" s="14" t="s">
        <v>1</v>
      </c>
      <c r="C51357" s="14" t="s">
        <v>101</v>
      </c>
      <c r="D51357" s="14" t="s">
        <v>122</v>
      </c>
      <c r="E51357" s="15">
        <v>45633</v>
      </c>
      <c r="F51357" s="14" t="s">
        <v>15</v>
      </c>
      <c r="G51357" s="16">
        <v>0.13346236367178432</v>
      </c>
    </row>
    <row r="51358" spans="1:7" x14ac:dyDescent="0.3">
      <c r="A51358" s="13" t="s">
        <v>287</v>
      </c>
      <c r="B51358" s="14" t="s">
        <v>1</v>
      </c>
      <c r="C51358" s="14" t="s">
        <v>101</v>
      </c>
      <c r="D51358" s="14" t="s">
        <v>122</v>
      </c>
      <c r="E51358" s="15">
        <v>45634</v>
      </c>
      <c r="F51358" s="14" t="s">
        <v>15</v>
      </c>
      <c r="G51358" s="16">
        <v>0.13346236367178432</v>
      </c>
    </row>
    <row r="51359" spans="1:7" x14ac:dyDescent="0.3">
      <c r="A51359" s="13" t="s">
        <v>287</v>
      </c>
      <c r="B51359" s="14" t="s">
        <v>1</v>
      </c>
      <c r="C51359" s="14" t="s">
        <v>101</v>
      </c>
      <c r="D51359" s="14" t="s">
        <v>122</v>
      </c>
      <c r="E51359" s="15">
        <v>45635</v>
      </c>
      <c r="F51359" s="14" t="s">
        <v>15</v>
      </c>
      <c r="G51359" s="16">
        <v>0.14073162915557894</v>
      </c>
    </row>
    <row r="51360" spans="1:7" x14ac:dyDescent="0.3">
      <c r="A51360" s="13" t="s">
        <v>287</v>
      </c>
      <c r="B51360" s="14" t="s">
        <v>1</v>
      </c>
      <c r="C51360" s="14" t="s">
        <v>101</v>
      </c>
      <c r="D51360" s="14" t="s">
        <v>122</v>
      </c>
      <c r="E51360" s="15">
        <v>45636</v>
      </c>
      <c r="F51360" s="14" t="s">
        <v>15</v>
      </c>
      <c r="G51360" s="16">
        <v>0.1244189737354187</v>
      </c>
    </row>
    <row r="51361" spans="1:7" x14ac:dyDescent="0.3">
      <c r="A51361" s="13" t="s">
        <v>287</v>
      </c>
      <c r="B51361" s="14" t="s">
        <v>1</v>
      </c>
      <c r="C51361" s="14" t="s">
        <v>101</v>
      </c>
      <c r="D51361" s="14" t="s">
        <v>122</v>
      </c>
      <c r="E51361" s="15">
        <v>45637</v>
      </c>
      <c r="F51361" s="14" t="s">
        <v>15</v>
      </c>
      <c r="G51361" s="16">
        <v>0.11898767424746189</v>
      </c>
    </row>
    <row r="51362" spans="1:7" x14ac:dyDescent="0.3">
      <c r="A51362" s="13" t="s">
        <v>287</v>
      </c>
      <c r="B51362" s="14" t="s">
        <v>1</v>
      </c>
      <c r="C51362" s="14" t="s">
        <v>101</v>
      </c>
      <c r="D51362" s="14" t="s">
        <v>122</v>
      </c>
      <c r="E51362" s="15">
        <v>45638</v>
      </c>
      <c r="F51362" s="14" t="s">
        <v>15</v>
      </c>
      <c r="G51362" s="16">
        <v>0.11717219396854463</v>
      </c>
    </row>
    <row r="51363" spans="1:7" x14ac:dyDescent="0.3">
      <c r="A51363" s="13" t="s">
        <v>287</v>
      </c>
      <c r="B51363" s="14" t="s">
        <v>1</v>
      </c>
      <c r="C51363" s="14" t="s">
        <v>101</v>
      </c>
      <c r="D51363" s="14" t="s">
        <v>122</v>
      </c>
      <c r="E51363" s="15">
        <v>45639</v>
      </c>
      <c r="F51363" s="14" t="s">
        <v>15</v>
      </c>
      <c r="G51363" s="16">
        <v>0.11175219391561604</v>
      </c>
    </row>
    <row r="51364" spans="1:7" x14ac:dyDescent="0.3">
      <c r="A51364" s="13" t="s">
        <v>287</v>
      </c>
      <c r="B51364" s="14" t="s">
        <v>1</v>
      </c>
      <c r="C51364" s="14" t="s">
        <v>101</v>
      </c>
      <c r="D51364" s="14" t="s">
        <v>122</v>
      </c>
      <c r="E51364" s="15">
        <v>45640</v>
      </c>
      <c r="F51364" s="14" t="s">
        <v>15</v>
      </c>
      <c r="G51364" s="16">
        <v>0.11175219391561604</v>
      </c>
    </row>
    <row r="51365" spans="1:7" x14ac:dyDescent="0.3">
      <c r="A51365" s="13" t="s">
        <v>287</v>
      </c>
      <c r="B51365" s="14" t="s">
        <v>1</v>
      </c>
      <c r="C51365" s="14" t="s">
        <v>101</v>
      </c>
      <c r="D51365" s="14" t="s">
        <v>122</v>
      </c>
      <c r="E51365" s="15">
        <v>45641</v>
      </c>
      <c r="F51365" s="14" t="s">
        <v>15</v>
      </c>
      <c r="G51365" s="16">
        <v>0.11175219391561604</v>
      </c>
    </row>
    <row r="51366" spans="1:7" x14ac:dyDescent="0.3">
      <c r="A51366" s="13" t="s">
        <v>287</v>
      </c>
      <c r="B51366" s="14" t="s">
        <v>1</v>
      </c>
      <c r="C51366" s="14" t="s">
        <v>101</v>
      </c>
      <c r="D51366" s="14" t="s">
        <v>122</v>
      </c>
      <c r="E51366" s="15">
        <v>45642</v>
      </c>
      <c r="F51366" s="14" t="s">
        <v>15</v>
      </c>
      <c r="G51366" s="16">
        <v>0.10826439725251798</v>
      </c>
    </row>
    <row r="51367" spans="1:7" x14ac:dyDescent="0.3">
      <c r="A51367" s="13" t="s">
        <v>287</v>
      </c>
      <c r="B51367" s="14" t="s">
        <v>1</v>
      </c>
      <c r="C51367" s="14" t="s">
        <v>101</v>
      </c>
      <c r="D51367" s="14" t="s">
        <v>122</v>
      </c>
      <c r="E51367" s="15">
        <v>45643</v>
      </c>
      <c r="F51367" s="14" t="s">
        <v>15</v>
      </c>
      <c r="G51367" s="16">
        <v>9.210993392275324E-2</v>
      </c>
    </row>
    <row r="51368" spans="1:7" x14ac:dyDescent="0.3">
      <c r="A51368" s="13" t="s">
        <v>287</v>
      </c>
      <c r="B51368" s="14" t="s">
        <v>1</v>
      </c>
      <c r="C51368" s="14" t="s">
        <v>101</v>
      </c>
      <c r="D51368" s="14" t="s">
        <v>122</v>
      </c>
      <c r="E51368" s="15">
        <v>45644</v>
      </c>
      <c r="F51368" s="14" t="s">
        <v>15</v>
      </c>
      <c r="G51368" s="16">
        <v>9.3898973417847281E-2</v>
      </c>
    </row>
    <row r="51369" spans="1:7" x14ac:dyDescent="0.3">
      <c r="A51369" s="13" t="s">
        <v>287</v>
      </c>
      <c r="B51369" s="14" t="s">
        <v>1</v>
      </c>
      <c r="C51369" s="14" t="s">
        <v>101</v>
      </c>
      <c r="D51369" s="14" t="s">
        <v>122</v>
      </c>
      <c r="E51369" s="15">
        <v>45645</v>
      </c>
      <c r="F51369" s="14" t="s">
        <v>15</v>
      </c>
      <c r="G51369" s="16">
        <v>8.8524171105031704E-2</v>
      </c>
    </row>
    <row r="51370" spans="1:7" x14ac:dyDescent="0.3">
      <c r="A51370" s="13" t="s">
        <v>287</v>
      </c>
      <c r="B51370" s="14" t="s">
        <v>1</v>
      </c>
      <c r="C51370" s="14" t="s">
        <v>101</v>
      </c>
      <c r="D51370" s="14" t="s">
        <v>122</v>
      </c>
      <c r="E51370" s="15">
        <v>45646</v>
      </c>
      <c r="F51370" s="14" t="s">
        <v>15</v>
      </c>
      <c r="G51370" s="16">
        <v>9.1770837718769788E-2</v>
      </c>
    </row>
    <row r="51371" spans="1:7" x14ac:dyDescent="0.3">
      <c r="A51371" s="13" t="s">
        <v>287</v>
      </c>
      <c r="B51371" s="14" t="s">
        <v>1</v>
      </c>
      <c r="C51371" s="14" t="s">
        <v>101</v>
      </c>
      <c r="D51371" s="14" t="s">
        <v>122</v>
      </c>
      <c r="E51371" s="15">
        <v>45647</v>
      </c>
      <c r="F51371" s="14" t="s">
        <v>15</v>
      </c>
      <c r="G51371" s="16">
        <v>9.1770837718769788E-2</v>
      </c>
    </row>
    <row r="51372" spans="1:7" x14ac:dyDescent="0.3">
      <c r="A51372" s="13" t="s">
        <v>287</v>
      </c>
      <c r="B51372" s="14" t="s">
        <v>1</v>
      </c>
      <c r="C51372" s="14" t="s">
        <v>101</v>
      </c>
      <c r="D51372" s="14" t="s">
        <v>122</v>
      </c>
      <c r="E51372" s="15">
        <v>45648</v>
      </c>
      <c r="F51372" s="14" t="s">
        <v>15</v>
      </c>
      <c r="G51372" s="16">
        <v>9.1770837718769788E-2</v>
      </c>
    </row>
    <row r="51373" spans="1:7" x14ac:dyDescent="0.3">
      <c r="A51373" s="13" t="s">
        <v>287</v>
      </c>
      <c r="B51373" s="14" t="s">
        <v>1</v>
      </c>
      <c r="C51373" s="14" t="s">
        <v>101</v>
      </c>
      <c r="D51373" s="14" t="s">
        <v>122</v>
      </c>
      <c r="E51373" s="15">
        <v>45649</v>
      </c>
      <c r="F51373" s="14" t="s">
        <v>15</v>
      </c>
      <c r="G51373" s="16">
        <v>9.0497730321208447E-2</v>
      </c>
    </row>
    <row r="51374" spans="1:7" x14ac:dyDescent="0.3">
      <c r="A51374" s="13" t="s">
        <v>287</v>
      </c>
      <c r="B51374" s="14" t="s">
        <v>1</v>
      </c>
      <c r="C51374" s="14" t="s">
        <v>101</v>
      </c>
      <c r="D51374" s="14" t="s">
        <v>122</v>
      </c>
      <c r="E51374" s="15">
        <v>45650</v>
      </c>
      <c r="F51374" s="14" t="s">
        <v>15</v>
      </c>
      <c r="G51374" s="16">
        <v>8.0874340437771391E-2</v>
      </c>
    </row>
    <row r="51375" spans="1:7" x14ac:dyDescent="0.3">
      <c r="A51375" s="13" t="s">
        <v>287</v>
      </c>
      <c r="B51375" s="14" t="s">
        <v>1</v>
      </c>
      <c r="C51375" s="14" t="s">
        <v>101</v>
      </c>
      <c r="D51375" s="14" t="s">
        <v>122</v>
      </c>
      <c r="E51375" s="15">
        <v>45651</v>
      </c>
      <c r="F51375" s="14" t="s">
        <v>15</v>
      </c>
      <c r="G51375" s="16">
        <v>8.0874340437771391E-2</v>
      </c>
    </row>
    <row r="51376" spans="1:7" x14ac:dyDescent="0.3">
      <c r="A51376" s="13" t="s">
        <v>287</v>
      </c>
      <c r="B51376" s="14" t="s">
        <v>1</v>
      </c>
      <c r="C51376" s="14" t="s">
        <v>101</v>
      </c>
      <c r="D51376" s="14" t="s">
        <v>122</v>
      </c>
      <c r="E51376" s="15">
        <v>45652</v>
      </c>
      <c r="F51376" s="14" t="s">
        <v>15</v>
      </c>
      <c r="G51376" s="16">
        <v>8.0874340437771391E-2</v>
      </c>
    </row>
    <row r="51377" spans="1:7" x14ac:dyDescent="0.3">
      <c r="A51377" s="13" t="s">
        <v>287</v>
      </c>
      <c r="B51377" s="14" t="s">
        <v>1</v>
      </c>
      <c r="C51377" s="14" t="s">
        <v>101</v>
      </c>
      <c r="D51377" s="14" t="s">
        <v>122</v>
      </c>
      <c r="E51377" s="15">
        <v>45653</v>
      </c>
      <c r="F51377" s="14" t="s">
        <v>15</v>
      </c>
      <c r="G51377" s="16">
        <v>8.0874340437771391E-2</v>
      </c>
    </row>
    <row r="51378" spans="1:7" x14ac:dyDescent="0.3">
      <c r="A51378" s="13" t="s">
        <v>287</v>
      </c>
      <c r="B51378" s="14" t="s">
        <v>1</v>
      </c>
      <c r="C51378" s="14" t="s">
        <v>101</v>
      </c>
      <c r="D51378" s="14" t="s">
        <v>122</v>
      </c>
      <c r="E51378" s="15">
        <v>45654</v>
      </c>
      <c r="F51378" s="14" t="s">
        <v>15</v>
      </c>
      <c r="G51378" s="16">
        <v>8.0874340437771391E-2</v>
      </c>
    </row>
    <row r="51379" spans="1:7" x14ac:dyDescent="0.3">
      <c r="A51379" s="13" t="s">
        <v>287</v>
      </c>
      <c r="B51379" s="14" t="s">
        <v>1</v>
      </c>
      <c r="C51379" s="14" t="s">
        <v>101</v>
      </c>
      <c r="D51379" s="14" t="s">
        <v>122</v>
      </c>
      <c r="E51379" s="15">
        <v>45655</v>
      </c>
      <c r="F51379" s="14" t="s">
        <v>15</v>
      </c>
      <c r="G51379" s="16">
        <v>8.0874340437771391E-2</v>
      </c>
    </row>
    <row r="51380" spans="1:7" x14ac:dyDescent="0.3">
      <c r="A51380" s="13" t="s">
        <v>287</v>
      </c>
      <c r="B51380" s="14" t="s">
        <v>1</v>
      </c>
      <c r="C51380" s="14" t="s">
        <v>101</v>
      </c>
      <c r="D51380" s="14" t="s">
        <v>122</v>
      </c>
      <c r="E51380" s="15">
        <v>45656</v>
      </c>
      <c r="F51380" s="14" t="s">
        <v>15</v>
      </c>
      <c r="G51380" s="16">
        <v>7.5646430780323043E-2</v>
      </c>
    </row>
    <row r="51381" spans="1:7" x14ac:dyDescent="0.3">
      <c r="A51381" s="13" t="s">
        <v>287</v>
      </c>
      <c r="B51381" s="14" t="s">
        <v>1</v>
      </c>
      <c r="C51381" s="14" t="s">
        <v>101</v>
      </c>
      <c r="D51381" s="14" t="s">
        <v>122</v>
      </c>
      <c r="E51381" s="15">
        <v>45657</v>
      </c>
      <c r="F51381" s="14" t="s">
        <v>15</v>
      </c>
      <c r="G51381" s="16">
        <v>6.0056939201970742E-2</v>
      </c>
    </row>
    <row r="51382" spans="1:7" x14ac:dyDescent="0.3">
      <c r="A51382" s="13" t="s">
        <v>287</v>
      </c>
      <c r="B51382" s="14" t="s">
        <v>1</v>
      </c>
      <c r="C51382" s="14" t="s">
        <v>101</v>
      </c>
      <c r="D51382" s="14" t="s">
        <v>122</v>
      </c>
      <c r="E51382" s="15">
        <v>45658</v>
      </c>
      <c r="F51382" s="14" t="s">
        <v>15</v>
      </c>
      <c r="G51382" s="16">
        <v>6.0056939201970742E-2</v>
      </c>
    </row>
    <row r="51383" spans="1:7" x14ac:dyDescent="0.3">
      <c r="A51383" s="13" t="s">
        <v>287</v>
      </c>
      <c r="B51383" s="14" t="s">
        <v>1</v>
      </c>
      <c r="C51383" s="14" t="s">
        <v>101</v>
      </c>
      <c r="D51383" s="14" t="s">
        <v>122</v>
      </c>
      <c r="E51383" s="15">
        <v>45659</v>
      </c>
      <c r="F51383" s="14" t="s">
        <v>15</v>
      </c>
      <c r="G51383" s="16">
        <v>6.1495696211189062E-2</v>
      </c>
    </row>
    <row r="51384" spans="1:7" x14ac:dyDescent="0.3">
      <c r="A51384" s="13" t="s">
        <v>287</v>
      </c>
      <c r="B51384" s="14" t="s">
        <v>1</v>
      </c>
      <c r="C51384" s="14" t="s">
        <v>101</v>
      </c>
      <c r="D51384" s="14" t="s">
        <v>122</v>
      </c>
      <c r="E51384" s="15">
        <v>45660</v>
      </c>
      <c r="F51384" s="14" t="s">
        <v>15</v>
      </c>
      <c r="G51384" s="16">
        <v>5.1036148135661624E-2</v>
      </c>
    </row>
    <row r="51385" spans="1:7" x14ac:dyDescent="0.3">
      <c r="A51385" s="13" t="s">
        <v>287</v>
      </c>
      <c r="B51385" s="14" t="s">
        <v>1</v>
      </c>
      <c r="C51385" s="14" t="s">
        <v>101</v>
      </c>
      <c r="D51385" s="14" t="s">
        <v>122</v>
      </c>
      <c r="E51385" s="15">
        <v>45661</v>
      </c>
      <c r="F51385" s="14" t="s">
        <v>15</v>
      </c>
      <c r="G51385" s="16">
        <v>5.1036148135661624E-2</v>
      </c>
    </row>
    <row r="51386" spans="1:7" x14ac:dyDescent="0.3">
      <c r="A51386" s="13" t="s">
        <v>287</v>
      </c>
      <c r="B51386" s="14" t="s">
        <v>1</v>
      </c>
      <c r="C51386" s="14" t="s">
        <v>101</v>
      </c>
      <c r="D51386" s="14" t="s">
        <v>122</v>
      </c>
      <c r="E51386" s="15">
        <v>45662</v>
      </c>
      <c r="F51386" s="14" t="s">
        <v>15</v>
      </c>
      <c r="G51386" s="16">
        <v>5.1036148135661624E-2</v>
      </c>
    </row>
    <row r="51387" spans="1:7" x14ac:dyDescent="0.3">
      <c r="A51387" s="13" t="s">
        <v>287</v>
      </c>
      <c r="B51387" s="14" t="s">
        <v>1</v>
      </c>
      <c r="C51387" s="14" t="s">
        <v>101</v>
      </c>
      <c r="D51387" s="14" t="s">
        <v>122</v>
      </c>
      <c r="E51387" s="15">
        <v>45663</v>
      </c>
      <c r="F51387" s="14" t="s">
        <v>15</v>
      </c>
      <c r="G51387" s="16">
        <v>4.5853436218326271E-2</v>
      </c>
    </row>
    <row r="51388" spans="1:7" x14ac:dyDescent="0.3">
      <c r="A51388" s="13" t="s">
        <v>287</v>
      </c>
      <c r="B51388" s="14" t="s">
        <v>1</v>
      </c>
      <c r="C51388" s="14" t="s">
        <v>101</v>
      </c>
      <c r="D51388" s="14" t="s">
        <v>122</v>
      </c>
      <c r="E51388" s="15">
        <v>45664</v>
      </c>
      <c r="F51388" s="14" t="s">
        <v>15</v>
      </c>
      <c r="G51388" s="16">
        <v>2.4501232775567192E-2</v>
      </c>
    </row>
    <row r="51389" spans="1:7" x14ac:dyDescent="0.3">
      <c r="A51389" s="13" t="s">
        <v>287</v>
      </c>
      <c r="B51389" s="14" t="s">
        <v>1</v>
      </c>
      <c r="C51389" s="14" t="s">
        <v>101</v>
      </c>
      <c r="D51389" s="14" t="s">
        <v>122</v>
      </c>
      <c r="E51389" s="15">
        <v>45665</v>
      </c>
      <c r="F51389" s="14" t="s">
        <v>15</v>
      </c>
      <c r="G51389" s="16">
        <v>1.9273323118118846E-2</v>
      </c>
    </row>
    <row r="51390" spans="1:7" x14ac:dyDescent="0.3">
      <c r="A51390" s="13" t="s">
        <v>287</v>
      </c>
      <c r="B51390" s="14" t="s">
        <v>1</v>
      </c>
      <c r="C51390" s="14" t="s">
        <v>101</v>
      </c>
      <c r="D51390" s="14" t="s">
        <v>122</v>
      </c>
      <c r="E51390" s="15">
        <v>45666</v>
      </c>
      <c r="F51390" s="14" t="s">
        <v>15</v>
      </c>
      <c r="G51390" s="16">
        <v>1.4068012330726994E-2</v>
      </c>
    </row>
    <row r="51391" spans="1:7" x14ac:dyDescent="0.3">
      <c r="A51391" s="13" t="s">
        <v>287</v>
      </c>
      <c r="B51391" s="14" t="s">
        <v>1</v>
      </c>
      <c r="C51391" s="14" t="s">
        <v>101</v>
      </c>
      <c r="D51391" s="14" t="s">
        <v>122</v>
      </c>
      <c r="E51391" s="15">
        <v>45667</v>
      </c>
      <c r="F51391" s="14" t="s">
        <v>15</v>
      </c>
      <c r="G51391" s="16">
        <v>1.9868351260849272E-2</v>
      </c>
    </row>
    <row r="51392" spans="1:7" x14ac:dyDescent="0.3">
      <c r="A51392" s="13" t="s">
        <v>287</v>
      </c>
      <c r="B51392" s="14" t="s">
        <v>1</v>
      </c>
      <c r="C51392" s="14" t="s">
        <v>101</v>
      </c>
      <c r="D51392" s="14" t="s">
        <v>122</v>
      </c>
      <c r="E51392" s="15">
        <v>45668</v>
      </c>
      <c r="F51392" s="14" t="s">
        <v>15</v>
      </c>
      <c r="G51392" s="16">
        <v>1.9868351260849272E-2</v>
      </c>
    </row>
    <row r="51393" spans="1:7" x14ac:dyDescent="0.3">
      <c r="A51393" s="13" t="s">
        <v>287</v>
      </c>
      <c r="B51393" s="14" t="s">
        <v>1</v>
      </c>
      <c r="C51393" s="14" t="s">
        <v>101</v>
      </c>
      <c r="D51393" s="14" t="s">
        <v>122</v>
      </c>
      <c r="E51393" s="15">
        <v>45669</v>
      </c>
      <c r="F51393" s="14" t="s">
        <v>15</v>
      </c>
      <c r="G51393" s="16">
        <v>1.9868351260849272E-2</v>
      </c>
    </row>
    <row r="51394" spans="1:7" x14ac:dyDescent="0.3">
      <c r="A51394" s="13" t="s">
        <v>287</v>
      </c>
      <c r="B51394" s="14" t="s">
        <v>1</v>
      </c>
      <c r="C51394" s="14" t="s">
        <v>101</v>
      </c>
      <c r="D51394" s="14" t="s">
        <v>122</v>
      </c>
      <c r="E51394" s="15">
        <v>45670</v>
      </c>
      <c r="F51394" s="14" t="s">
        <v>15</v>
      </c>
      <c r="G51394" s="16">
        <v>1.4674339908485672E-2</v>
      </c>
    </row>
    <row r="51395" spans="1:7" x14ac:dyDescent="0.3">
      <c r="A51395" s="13" t="s">
        <v>287</v>
      </c>
      <c r="B51395" s="14" t="s">
        <v>1</v>
      </c>
      <c r="C51395" s="14" t="s">
        <v>101</v>
      </c>
      <c r="D51395" s="14" t="s">
        <v>122</v>
      </c>
      <c r="E51395" s="15">
        <v>45671</v>
      </c>
      <c r="F51395" s="14" t="s">
        <v>15</v>
      </c>
      <c r="G51395" s="16">
        <v>0</v>
      </c>
    </row>
    <row r="51396" spans="1:7" x14ac:dyDescent="0.3">
      <c r="A51396" s="13" t="s">
        <v>287</v>
      </c>
      <c r="B51396" s="14" t="s">
        <v>1</v>
      </c>
      <c r="C51396" s="14" t="s">
        <v>101</v>
      </c>
      <c r="D51396" s="14" t="s">
        <v>122</v>
      </c>
      <c r="E51396" s="15">
        <v>45672</v>
      </c>
      <c r="F51396" s="14" t="s">
        <v>15</v>
      </c>
      <c r="G51396" s="16">
        <v>0</v>
      </c>
    </row>
    <row r="51397" spans="1:7" x14ac:dyDescent="0.3">
      <c r="A51397" s="13" t="s">
        <v>287</v>
      </c>
      <c r="B51397" s="14" t="s">
        <v>1</v>
      </c>
      <c r="C51397" s="14" t="s">
        <v>101</v>
      </c>
      <c r="D51397" s="14" t="s">
        <v>122</v>
      </c>
      <c r="E51397" s="15">
        <v>45673</v>
      </c>
      <c r="F51397" s="14" t="s">
        <v>15</v>
      </c>
      <c r="G51397" s="16">
        <v>0</v>
      </c>
    </row>
    <row r="51398" spans="1:7" x14ac:dyDescent="0.3">
      <c r="A51398" s="13" t="s">
        <v>287</v>
      </c>
      <c r="B51398" s="14" t="s">
        <v>1</v>
      </c>
      <c r="C51398" s="14" t="s">
        <v>101</v>
      </c>
      <c r="D51398" s="14" t="s">
        <v>122</v>
      </c>
      <c r="E51398" s="15">
        <v>45674</v>
      </c>
      <c r="F51398" s="14" t="s">
        <v>15</v>
      </c>
      <c r="G51398" s="16">
        <v>0</v>
      </c>
    </row>
    <row r="51399" spans="1:7" x14ac:dyDescent="0.3">
      <c r="A51399" s="13" t="s">
        <v>287</v>
      </c>
      <c r="B51399" s="14" t="s">
        <v>1</v>
      </c>
      <c r="C51399" s="14" t="s">
        <v>101</v>
      </c>
      <c r="D51399" s="14" t="s">
        <v>122</v>
      </c>
      <c r="E51399" s="15">
        <v>45675</v>
      </c>
      <c r="F51399" s="14" t="s">
        <v>15</v>
      </c>
      <c r="G51399" s="16">
        <v>0</v>
      </c>
    </row>
    <row r="51400" spans="1:7" x14ac:dyDescent="0.3">
      <c r="A51400" s="13" t="s">
        <v>287</v>
      </c>
      <c r="B51400" s="14" t="s">
        <v>1</v>
      </c>
      <c r="C51400" s="14" t="s">
        <v>101</v>
      </c>
      <c r="D51400" s="14" t="s">
        <v>122</v>
      </c>
      <c r="E51400" s="15">
        <v>45676</v>
      </c>
      <c r="F51400" s="14" t="s">
        <v>15</v>
      </c>
      <c r="G51400" s="16">
        <v>0</v>
      </c>
    </row>
    <row r="51401" spans="1:7" x14ac:dyDescent="0.3">
      <c r="A51401" s="13" t="s">
        <v>287</v>
      </c>
      <c r="B51401" s="14" t="s">
        <v>1</v>
      </c>
      <c r="C51401" s="14" t="s">
        <v>101</v>
      </c>
      <c r="D51401" s="14" t="s">
        <v>122</v>
      </c>
      <c r="E51401" s="15">
        <v>45677</v>
      </c>
      <c r="F51401" s="14" t="s">
        <v>15</v>
      </c>
      <c r="G51401" s="16">
        <v>0</v>
      </c>
    </row>
    <row r="51402" spans="1:7" x14ac:dyDescent="0.3">
      <c r="A51402" s="13" t="s">
        <v>287</v>
      </c>
      <c r="B51402" s="14" t="s">
        <v>1</v>
      </c>
      <c r="C51402" s="14" t="s">
        <v>101</v>
      </c>
      <c r="D51402" s="14" t="s">
        <v>122</v>
      </c>
      <c r="E51402" s="15">
        <v>45678</v>
      </c>
      <c r="F51402" s="14" t="s">
        <v>15</v>
      </c>
      <c r="G51402" s="16">
        <v>0</v>
      </c>
    </row>
    <row r="51403" spans="1:7" x14ac:dyDescent="0.3">
      <c r="A51403" s="13" t="s">
        <v>287</v>
      </c>
      <c r="B51403" s="14" t="s">
        <v>1</v>
      </c>
      <c r="C51403" s="14" t="s">
        <v>101</v>
      </c>
      <c r="D51403" s="14" t="s">
        <v>122</v>
      </c>
      <c r="E51403" s="15">
        <v>45679</v>
      </c>
      <c r="F51403" s="14" t="s">
        <v>15</v>
      </c>
      <c r="G51403" s="16">
        <v>0</v>
      </c>
    </row>
    <row r="51404" spans="1:7" x14ac:dyDescent="0.3">
      <c r="A51404" s="13" t="s">
        <v>287</v>
      </c>
      <c r="B51404" s="14" t="s">
        <v>1</v>
      </c>
      <c r="C51404" s="14" t="s">
        <v>101</v>
      </c>
      <c r="D51404" s="14" t="s">
        <v>122</v>
      </c>
      <c r="E51404" s="15">
        <v>45680</v>
      </c>
      <c r="F51404" s="14" t="s">
        <v>15</v>
      </c>
      <c r="G51404" s="16">
        <v>0</v>
      </c>
    </row>
    <row r="51405" spans="1:7" x14ac:dyDescent="0.3">
      <c r="A51405" s="13" t="s">
        <v>287</v>
      </c>
      <c r="B51405" s="14" t="s">
        <v>1</v>
      </c>
      <c r="C51405" s="14" t="s">
        <v>101</v>
      </c>
      <c r="D51405" s="14" t="s">
        <v>122</v>
      </c>
      <c r="E51405" s="15">
        <v>45681</v>
      </c>
      <c r="F51405" s="14" t="s">
        <v>15</v>
      </c>
      <c r="G51405" s="16">
        <v>0</v>
      </c>
    </row>
    <row r="51406" spans="1:7" x14ac:dyDescent="0.3">
      <c r="A51406" s="13" t="s">
        <v>287</v>
      </c>
      <c r="B51406" s="14" t="s">
        <v>1</v>
      </c>
      <c r="C51406" s="14" t="s">
        <v>101</v>
      </c>
      <c r="D51406" s="14" t="s">
        <v>122</v>
      </c>
      <c r="E51406" s="15">
        <v>45682</v>
      </c>
      <c r="F51406" s="14" t="s">
        <v>15</v>
      </c>
      <c r="G51406" s="16">
        <v>0</v>
      </c>
    </row>
    <row r="51407" spans="1:7" x14ac:dyDescent="0.3">
      <c r="A51407" s="13" t="s">
        <v>287</v>
      </c>
      <c r="B51407" s="14" t="s">
        <v>1</v>
      </c>
      <c r="C51407" s="14" t="s">
        <v>101</v>
      </c>
      <c r="D51407" s="14" t="s">
        <v>122</v>
      </c>
      <c r="E51407" s="15">
        <v>45683</v>
      </c>
      <c r="F51407" s="14" t="s">
        <v>15</v>
      </c>
      <c r="G51407" s="16">
        <v>0</v>
      </c>
    </row>
    <row r="51408" spans="1:7" x14ac:dyDescent="0.3">
      <c r="A51408" s="13" t="s">
        <v>287</v>
      </c>
      <c r="B51408" s="14" t="s">
        <v>1</v>
      </c>
      <c r="C51408" s="14" t="s">
        <v>101</v>
      </c>
      <c r="D51408" s="14" t="s">
        <v>122</v>
      </c>
      <c r="E51408" s="15">
        <v>45684</v>
      </c>
      <c r="F51408" s="14" t="s">
        <v>15</v>
      </c>
      <c r="G51408" s="16">
        <v>0</v>
      </c>
    </row>
    <row r="51409" spans="1:7" x14ac:dyDescent="0.3">
      <c r="A51409" s="13" t="s">
        <v>287</v>
      </c>
      <c r="B51409" s="14" t="s">
        <v>1</v>
      </c>
      <c r="C51409" s="14" t="s">
        <v>101</v>
      </c>
      <c r="D51409" s="14" t="s">
        <v>122</v>
      </c>
      <c r="E51409" s="15">
        <v>45685</v>
      </c>
      <c r="F51409" s="14" t="s">
        <v>15</v>
      </c>
      <c r="G51409" s="16">
        <v>0</v>
      </c>
    </row>
    <row r="51410" spans="1:7" x14ac:dyDescent="0.3">
      <c r="A51410" s="13" t="s">
        <v>287</v>
      </c>
      <c r="B51410" s="14" t="s">
        <v>1</v>
      </c>
      <c r="C51410" s="14" t="s">
        <v>101</v>
      </c>
      <c r="D51410" s="14" t="s">
        <v>122</v>
      </c>
      <c r="E51410" s="15">
        <v>45686</v>
      </c>
      <c r="F51410" s="14" t="s">
        <v>15</v>
      </c>
      <c r="G51410" s="16">
        <v>0</v>
      </c>
    </row>
    <row r="51411" spans="1:7" x14ac:dyDescent="0.3">
      <c r="A51411" s="13" t="s">
        <v>287</v>
      </c>
      <c r="B51411" s="14" t="s">
        <v>1</v>
      </c>
      <c r="C51411" s="14" t="s">
        <v>101</v>
      </c>
      <c r="D51411" s="14" t="s">
        <v>122</v>
      </c>
      <c r="E51411" s="15">
        <v>45687</v>
      </c>
      <c r="F51411" s="14" t="s">
        <v>15</v>
      </c>
      <c r="G51411" s="16">
        <v>0</v>
      </c>
    </row>
    <row r="51412" spans="1:7" x14ac:dyDescent="0.3">
      <c r="A51412" s="13" t="s">
        <v>287</v>
      </c>
      <c r="B51412" s="14" t="s">
        <v>1</v>
      </c>
      <c r="C51412" s="14" t="s">
        <v>101</v>
      </c>
      <c r="D51412" s="14" t="s">
        <v>122</v>
      </c>
      <c r="E51412" s="15">
        <v>45688</v>
      </c>
      <c r="F51412" s="14" t="s">
        <v>15</v>
      </c>
      <c r="G51412" s="16">
        <v>0</v>
      </c>
    </row>
    <row r="51413" spans="1:7" x14ac:dyDescent="0.3">
      <c r="A51413" s="13" t="s">
        <v>287</v>
      </c>
      <c r="B51413" s="14" t="s">
        <v>1</v>
      </c>
      <c r="C51413" s="14" t="s">
        <v>101</v>
      </c>
      <c r="D51413" s="14" t="s">
        <v>122</v>
      </c>
      <c r="E51413" s="15">
        <v>45689</v>
      </c>
      <c r="F51413" s="14" t="s">
        <v>15</v>
      </c>
      <c r="G51413" s="16">
        <v>0</v>
      </c>
    </row>
    <row r="51414" spans="1:7" x14ac:dyDescent="0.3">
      <c r="A51414" s="13" t="s">
        <v>287</v>
      </c>
      <c r="B51414" s="14" t="s">
        <v>1</v>
      </c>
      <c r="C51414" s="14" t="s">
        <v>101</v>
      </c>
      <c r="D51414" s="14" t="s">
        <v>122</v>
      </c>
      <c r="E51414" s="15">
        <v>45690</v>
      </c>
      <c r="F51414" s="14" t="s">
        <v>15</v>
      </c>
      <c r="G51414" s="16">
        <v>0</v>
      </c>
    </row>
    <row r="51415" spans="1:7" x14ac:dyDescent="0.3">
      <c r="A51415" s="13" t="s">
        <v>287</v>
      </c>
      <c r="B51415" s="14" t="s">
        <v>1</v>
      </c>
      <c r="C51415" s="14" t="s">
        <v>101</v>
      </c>
      <c r="D51415" s="14" t="s">
        <v>122</v>
      </c>
      <c r="E51415" s="15">
        <v>45691</v>
      </c>
      <c r="F51415" s="14" t="s">
        <v>15</v>
      </c>
      <c r="G51415" s="16">
        <v>0</v>
      </c>
    </row>
    <row r="51416" spans="1:7" x14ac:dyDescent="0.3">
      <c r="A51416" s="13" t="s">
        <v>287</v>
      </c>
      <c r="B51416" s="14" t="s">
        <v>1</v>
      </c>
      <c r="C51416" s="14" t="s">
        <v>101</v>
      </c>
      <c r="D51416" s="14" t="s">
        <v>122</v>
      </c>
      <c r="E51416" s="15">
        <v>45692</v>
      </c>
      <c r="F51416" s="14" t="s">
        <v>15</v>
      </c>
      <c r="G51416" s="16">
        <v>0</v>
      </c>
    </row>
    <row r="51417" spans="1:7" x14ac:dyDescent="0.3">
      <c r="A51417" s="13" t="s">
        <v>287</v>
      </c>
      <c r="B51417" s="14" t="s">
        <v>1</v>
      </c>
      <c r="C51417" s="14" t="s">
        <v>101</v>
      </c>
      <c r="D51417" s="14" t="s">
        <v>122</v>
      </c>
      <c r="E51417" s="15">
        <v>45693</v>
      </c>
      <c r="F51417" s="14" t="s">
        <v>15</v>
      </c>
      <c r="G51417" s="16">
        <v>0</v>
      </c>
    </row>
    <row r="51418" spans="1:7" x14ac:dyDescent="0.3">
      <c r="A51418" s="13" t="s">
        <v>287</v>
      </c>
      <c r="B51418" s="14" t="s">
        <v>1</v>
      </c>
      <c r="C51418" s="14" t="s">
        <v>101</v>
      </c>
      <c r="D51418" s="14" t="s">
        <v>122</v>
      </c>
      <c r="E51418" s="15">
        <v>45694</v>
      </c>
      <c r="F51418" s="14" t="s">
        <v>15</v>
      </c>
      <c r="G51418" s="16">
        <v>0</v>
      </c>
    </row>
    <row r="51419" spans="1:7" x14ac:dyDescent="0.3">
      <c r="A51419" s="13" t="s">
        <v>287</v>
      </c>
      <c r="B51419" s="14" t="s">
        <v>1</v>
      </c>
      <c r="C51419" s="14" t="s">
        <v>101</v>
      </c>
      <c r="D51419" s="14" t="s">
        <v>122</v>
      </c>
      <c r="E51419" s="15">
        <v>45695</v>
      </c>
      <c r="F51419" s="14" t="s">
        <v>15</v>
      </c>
      <c r="G51419" s="16">
        <v>0</v>
      </c>
    </row>
    <row r="51420" spans="1:7" x14ac:dyDescent="0.3">
      <c r="A51420" s="13" t="s">
        <v>287</v>
      </c>
      <c r="B51420" s="14" t="s">
        <v>1</v>
      </c>
      <c r="C51420" s="14" t="s">
        <v>101</v>
      </c>
      <c r="D51420" s="14" t="s">
        <v>122</v>
      </c>
      <c r="E51420" s="15">
        <v>45696</v>
      </c>
      <c r="F51420" s="14" t="s">
        <v>15</v>
      </c>
      <c r="G51420" s="16">
        <v>0</v>
      </c>
    </row>
    <row r="51421" spans="1:7" x14ac:dyDescent="0.3">
      <c r="A51421" s="13" t="s">
        <v>287</v>
      </c>
      <c r="B51421" s="14" t="s">
        <v>1</v>
      </c>
      <c r="C51421" s="14" t="s">
        <v>101</v>
      </c>
      <c r="D51421" s="14" t="s">
        <v>122</v>
      </c>
      <c r="E51421" s="15">
        <v>45697</v>
      </c>
      <c r="F51421" s="14" t="s">
        <v>15</v>
      </c>
      <c r="G51421" s="16">
        <v>0</v>
      </c>
    </row>
    <row r="51422" spans="1:7" x14ac:dyDescent="0.3">
      <c r="A51422" s="13" t="s">
        <v>287</v>
      </c>
      <c r="B51422" s="14" t="s">
        <v>1</v>
      </c>
      <c r="C51422" s="14" t="s">
        <v>101</v>
      </c>
      <c r="D51422" s="14" t="s">
        <v>122</v>
      </c>
      <c r="E51422" s="15">
        <v>45698</v>
      </c>
      <c r="F51422" s="14" t="s">
        <v>15</v>
      </c>
      <c r="G51422" s="16">
        <v>0</v>
      </c>
    </row>
    <row r="51423" spans="1:7" x14ac:dyDescent="0.3">
      <c r="A51423" s="13" t="s">
        <v>287</v>
      </c>
      <c r="B51423" s="14" t="s">
        <v>1</v>
      </c>
      <c r="C51423" s="14" t="s">
        <v>101</v>
      </c>
      <c r="D51423" s="14" t="s">
        <v>122</v>
      </c>
      <c r="E51423" s="15">
        <v>45699</v>
      </c>
      <c r="F51423" s="14" t="s">
        <v>15</v>
      </c>
      <c r="G51423" s="16">
        <v>0</v>
      </c>
    </row>
    <row r="51424" spans="1:7" x14ac:dyDescent="0.3">
      <c r="A51424" s="13" t="s">
        <v>287</v>
      </c>
      <c r="B51424" s="14" t="s">
        <v>1</v>
      </c>
      <c r="C51424" s="14" t="s">
        <v>101</v>
      </c>
      <c r="D51424" s="14" t="s">
        <v>122</v>
      </c>
      <c r="E51424" s="15">
        <v>45700</v>
      </c>
      <c r="F51424" s="14" t="s">
        <v>15</v>
      </c>
      <c r="G51424" s="16">
        <v>0</v>
      </c>
    </row>
    <row r="51425" spans="1:7" x14ac:dyDescent="0.3">
      <c r="A51425" s="13" t="s">
        <v>287</v>
      </c>
      <c r="B51425" s="14" t="s">
        <v>1</v>
      </c>
      <c r="C51425" s="14" t="s">
        <v>101</v>
      </c>
      <c r="D51425" s="14" t="s">
        <v>122</v>
      </c>
      <c r="E51425" s="15">
        <v>45701</v>
      </c>
      <c r="F51425" s="14" t="s">
        <v>15</v>
      </c>
      <c r="G51425" s="16">
        <v>0</v>
      </c>
    </row>
    <row r="51426" spans="1:7" x14ac:dyDescent="0.3">
      <c r="A51426" s="13" t="s">
        <v>287</v>
      </c>
      <c r="B51426" s="14" t="s">
        <v>1</v>
      </c>
      <c r="C51426" s="14" t="s">
        <v>101</v>
      </c>
      <c r="D51426" s="14" t="s">
        <v>122</v>
      </c>
      <c r="E51426" s="15">
        <v>45702</v>
      </c>
      <c r="F51426" s="14" t="s">
        <v>15</v>
      </c>
      <c r="G51426" s="16">
        <v>0</v>
      </c>
    </row>
    <row r="51427" spans="1:7" x14ac:dyDescent="0.3">
      <c r="A51427" s="13" t="s">
        <v>287</v>
      </c>
      <c r="B51427" s="14" t="s">
        <v>1</v>
      </c>
      <c r="C51427" s="14" t="s">
        <v>101</v>
      </c>
      <c r="D51427" s="14" t="s">
        <v>122</v>
      </c>
      <c r="E51427" s="15">
        <v>45703</v>
      </c>
      <c r="F51427" s="14" t="s">
        <v>15</v>
      </c>
      <c r="G51427" s="16">
        <v>0</v>
      </c>
    </row>
    <row r="51428" spans="1:7" x14ac:dyDescent="0.3">
      <c r="A51428" s="13" t="s">
        <v>287</v>
      </c>
      <c r="B51428" s="14" t="s">
        <v>1</v>
      </c>
      <c r="C51428" s="14" t="s">
        <v>101</v>
      </c>
      <c r="D51428" s="14" t="s">
        <v>122</v>
      </c>
      <c r="E51428" s="15">
        <v>45704</v>
      </c>
      <c r="F51428" s="14" t="s">
        <v>15</v>
      </c>
      <c r="G51428" s="16">
        <v>0</v>
      </c>
    </row>
    <row r="51429" spans="1:7" x14ac:dyDescent="0.3">
      <c r="A51429" s="13" t="s">
        <v>287</v>
      </c>
      <c r="B51429" s="14" t="s">
        <v>1</v>
      </c>
      <c r="C51429" s="14" t="s">
        <v>101</v>
      </c>
      <c r="D51429" s="14" t="s">
        <v>122</v>
      </c>
      <c r="E51429" s="15">
        <v>45705</v>
      </c>
      <c r="F51429" s="14" t="s">
        <v>15</v>
      </c>
      <c r="G51429" s="16">
        <v>0</v>
      </c>
    </row>
    <row r="51430" spans="1:7" x14ac:dyDescent="0.3">
      <c r="A51430" s="13" t="s">
        <v>287</v>
      </c>
      <c r="B51430" s="14" t="s">
        <v>1</v>
      </c>
      <c r="C51430" s="14" t="s">
        <v>101</v>
      </c>
      <c r="D51430" s="14" t="s">
        <v>122</v>
      </c>
      <c r="E51430" s="15">
        <v>45706</v>
      </c>
      <c r="F51430" s="14" t="s">
        <v>15</v>
      </c>
      <c r="G51430" s="16">
        <v>0</v>
      </c>
    </row>
    <row r="51431" spans="1:7" x14ac:dyDescent="0.3">
      <c r="A51431" s="13" t="s">
        <v>287</v>
      </c>
      <c r="B51431" s="14" t="s">
        <v>1</v>
      </c>
      <c r="C51431" s="14" t="s">
        <v>101</v>
      </c>
      <c r="D51431" s="14" t="s">
        <v>122</v>
      </c>
      <c r="E51431" s="15">
        <v>45707</v>
      </c>
      <c r="F51431" s="14" t="s">
        <v>15</v>
      </c>
      <c r="G51431" s="16">
        <v>0</v>
      </c>
    </row>
    <row r="51432" spans="1:7" x14ac:dyDescent="0.3">
      <c r="A51432" s="13" t="s">
        <v>287</v>
      </c>
      <c r="B51432" s="14" t="s">
        <v>1</v>
      </c>
      <c r="C51432" s="14" t="s">
        <v>101</v>
      </c>
      <c r="D51432" s="14" t="s">
        <v>122</v>
      </c>
      <c r="E51432" s="15">
        <v>45708</v>
      </c>
      <c r="F51432" s="14" t="s">
        <v>15</v>
      </c>
      <c r="G51432" s="16">
        <v>0</v>
      </c>
    </row>
    <row r="51433" spans="1:7" x14ac:dyDescent="0.3">
      <c r="A51433" s="13" t="s">
        <v>287</v>
      </c>
      <c r="B51433" s="14" t="s">
        <v>1</v>
      </c>
      <c r="C51433" s="14" t="s">
        <v>101</v>
      </c>
      <c r="D51433" s="14" t="s">
        <v>122</v>
      </c>
      <c r="E51433" s="15">
        <v>45709</v>
      </c>
      <c r="F51433" s="14" t="s">
        <v>15</v>
      </c>
      <c r="G51433" s="16">
        <v>0</v>
      </c>
    </row>
    <row r="51434" spans="1:7" x14ac:dyDescent="0.3">
      <c r="A51434" s="13" t="s">
        <v>287</v>
      </c>
      <c r="B51434" s="14" t="s">
        <v>1</v>
      </c>
      <c r="C51434" s="14" t="s">
        <v>101</v>
      </c>
      <c r="D51434" s="14" t="s">
        <v>122</v>
      </c>
      <c r="E51434" s="15">
        <v>45710</v>
      </c>
      <c r="F51434" s="14" t="s">
        <v>15</v>
      </c>
      <c r="G51434" s="16">
        <v>0</v>
      </c>
    </row>
    <row r="51435" spans="1:7" x14ac:dyDescent="0.3">
      <c r="A51435" s="13" t="s">
        <v>287</v>
      </c>
      <c r="B51435" s="14" t="s">
        <v>1</v>
      </c>
      <c r="C51435" s="14" t="s">
        <v>101</v>
      </c>
      <c r="D51435" s="14" t="s">
        <v>122</v>
      </c>
      <c r="E51435" s="15">
        <v>45711</v>
      </c>
      <c r="F51435" s="14" t="s">
        <v>15</v>
      </c>
      <c r="G51435" s="16">
        <v>0</v>
      </c>
    </row>
    <row r="51436" spans="1:7" x14ac:dyDescent="0.3">
      <c r="A51436" s="13" t="s">
        <v>287</v>
      </c>
      <c r="B51436" s="14" t="s">
        <v>1</v>
      </c>
      <c r="C51436" s="14" t="s">
        <v>101</v>
      </c>
      <c r="D51436" s="14" t="s">
        <v>122</v>
      </c>
      <c r="E51436" s="15">
        <v>45712</v>
      </c>
      <c r="F51436" s="14" t="s">
        <v>15</v>
      </c>
      <c r="G51436" s="16">
        <v>0</v>
      </c>
    </row>
    <row r="51437" spans="1:7" x14ac:dyDescent="0.3">
      <c r="A51437" s="13" t="s">
        <v>287</v>
      </c>
      <c r="B51437" s="14" t="s">
        <v>1</v>
      </c>
      <c r="C51437" s="14" t="s">
        <v>101</v>
      </c>
      <c r="D51437" s="14" t="s">
        <v>122</v>
      </c>
      <c r="E51437" s="15">
        <v>45713</v>
      </c>
      <c r="F51437" s="14" t="s">
        <v>15</v>
      </c>
      <c r="G51437" s="16">
        <v>0</v>
      </c>
    </row>
    <row r="51438" spans="1:7" x14ac:dyDescent="0.3">
      <c r="A51438" s="13" t="s">
        <v>287</v>
      </c>
      <c r="B51438" s="14" t="s">
        <v>1</v>
      </c>
      <c r="C51438" s="14" t="s">
        <v>101</v>
      </c>
      <c r="D51438" s="14" t="s">
        <v>122</v>
      </c>
      <c r="E51438" s="15">
        <v>45714</v>
      </c>
      <c r="F51438" s="14" t="s">
        <v>15</v>
      </c>
      <c r="G51438" s="16">
        <v>0</v>
      </c>
    </row>
    <row r="51439" spans="1:7" x14ac:dyDescent="0.3">
      <c r="A51439" s="13" t="s">
        <v>287</v>
      </c>
      <c r="B51439" s="14" t="s">
        <v>1</v>
      </c>
      <c r="C51439" s="14" t="s">
        <v>101</v>
      </c>
      <c r="D51439" s="14" t="s">
        <v>122</v>
      </c>
      <c r="E51439" s="15">
        <v>45715</v>
      </c>
      <c r="F51439" s="14" t="s">
        <v>15</v>
      </c>
      <c r="G51439" s="16">
        <v>0</v>
      </c>
    </row>
    <row r="51440" spans="1:7" x14ac:dyDescent="0.3">
      <c r="A51440" s="13" t="s">
        <v>287</v>
      </c>
      <c r="B51440" s="14" t="s">
        <v>1</v>
      </c>
      <c r="C51440" s="14" t="s">
        <v>101</v>
      </c>
      <c r="D51440" s="14" t="s">
        <v>122</v>
      </c>
      <c r="E51440" s="15">
        <v>45716</v>
      </c>
      <c r="F51440" s="14" t="s">
        <v>15</v>
      </c>
      <c r="G51440" s="16">
        <v>0</v>
      </c>
    </row>
    <row r="51441" spans="1:7" x14ac:dyDescent="0.3">
      <c r="A51441" s="13" t="s">
        <v>287</v>
      </c>
      <c r="B51441" s="14" t="s">
        <v>1</v>
      </c>
      <c r="C51441" s="14" t="s">
        <v>101</v>
      </c>
      <c r="D51441" s="14" t="s">
        <v>122</v>
      </c>
      <c r="E51441" s="15">
        <v>45717</v>
      </c>
      <c r="F51441" s="14" t="s">
        <v>15</v>
      </c>
      <c r="G51441" s="16">
        <v>0</v>
      </c>
    </row>
    <row r="51442" spans="1:7" x14ac:dyDescent="0.3">
      <c r="A51442" s="13" t="s">
        <v>287</v>
      </c>
      <c r="B51442" s="14" t="s">
        <v>1</v>
      </c>
      <c r="C51442" s="14" t="s">
        <v>101</v>
      </c>
      <c r="D51442" s="14" t="s">
        <v>122</v>
      </c>
      <c r="E51442" s="15">
        <v>45718</v>
      </c>
      <c r="F51442" s="14" t="s">
        <v>15</v>
      </c>
      <c r="G51442" s="16">
        <v>0</v>
      </c>
    </row>
    <row r="51443" spans="1:7" x14ac:dyDescent="0.3">
      <c r="A51443" s="13" t="s">
        <v>287</v>
      </c>
      <c r="B51443" s="14" t="s">
        <v>1</v>
      </c>
      <c r="C51443" s="14" t="s">
        <v>101</v>
      </c>
      <c r="D51443" s="14" t="s">
        <v>122</v>
      </c>
      <c r="E51443" s="15">
        <v>45719</v>
      </c>
      <c r="F51443" s="14" t="s">
        <v>15</v>
      </c>
      <c r="G51443" s="16">
        <v>0</v>
      </c>
    </row>
    <row r="51444" spans="1:7" x14ac:dyDescent="0.3">
      <c r="A51444" s="13" t="s">
        <v>287</v>
      </c>
      <c r="B51444" s="14" t="s">
        <v>1</v>
      </c>
      <c r="C51444" s="14" t="s">
        <v>101</v>
      </c>
      <c r="D51444" s="14" t="s">
        <v>122</v>
      </c>
      <c r="E51444" s="15">
        <v>45720</v>
      </c>
      <c r="F51444" s="14" t="s">
        <v>15</v>
      </c>
      <c r="G51444" s="16">
        <v>0</v>
      </c>
    </row>
    <row r="51445" spans="1:7" x14ac:dyDescent="0.3">
      <c r="A51445" s="13" t="s">
        <v>287</v>
      </c>
      <c r="B51445" s="14" t="s">
        <v>1</v>
      </c>
      <c r="C51445" s="14" t="s">
        <v>101</v>
      </c>
      <c r="D51445" s="14" t="s">
        <v>122</v>
      </c>
      <c r="E51445" s="15">
        <v>45721</v>
      </c>
      <c r="F51445" s="14" t="s">
        <v>15</v>
      </c>
      <c r="G51445" s="16">
        <v>0</v>
      </c>
    </row>
    <row r="51446" spans="1:7" x14ac:dyDescent="0.3">
      <c r="A51446" s="13" t="s">
        <v>287</v>
      </c>
      <c r="B51446" s="14" t="s">
        <v>1</v>
      </c>
      <c r="C51446" s="14" t="s">
        <v>101</v>
      </c>
      <c r="D51446" s="14" t="s">
        <v>122</v>
      </c>
      <c r="E51446" s="15">
        <v>45722</v>
      </c>
      <c r="F51446" s="14" t="s">
        <v>15</v>
      </c>
      <c r="G51446" s="16">
        <v>0</v>
      </c>
    </row>
    <row r="51447" spans="1:7" x14ac:dyDescent="0.3">
      <c r="A51447" s="13" t="s">
        <v>287</v>
      </c>
      <c r="B51447" s="14" t="s">
        <v>1</v>
      </c>
      <c r="C51447" s="14" t="s">
        <v>101</v>
      </c>
      <c r="D51447" s="14" t="s">
        <v>122</v>
      </c>
      <c r="E51447" s="15">
        <v>45723</v>
      </c>
      <c r="F51447" s="14" t="s">
        <v>15</v>
      </c>
      <c r="G51447" s="16">
        <v>0</v>
      </c>
    </row>
    <row r="51448" spans="1:7" x14ac:dyDescent="0.3">
      <c r="A51448" s="13" t="s">
        <v>287</v>
      </c>
      <c r="B51448" s="14" t="s">
        <v>1</v>
      </c>
      <c r="C51448" s="14" t="s">
        <v>101</v>
      </c>
      <c r="D51448" s="14" t="s">
        <v>122</v>
      </c>
      <c r="E51448" s="15">
        <v>45724</v>
      </c>
      <c r="F51448" s="14" t="s">
        <v>15</v>
      </c>
      <c r="G51448" s="16">
        <v>0</v>
      </c>
    </row>
    <row r="51449" spans="1:7" x14ac:dyDescent="0.3">
      <c r="A51449" s="13" t="s">
        <v>287</v>
      </c>
      <c r="B51449" s="14" t="s">
        <v>1</v>
      </c>
      <c r="C51449" s="14" t="s">
        <v>101</v>
      </c>
      <c r="D51449" s="14" t="s">
        <v>122</v>
      </c>
      <c r="E51449" s="15">
        <v>45725</v>
      </c>
      <c r="F51449" s="14" t="s">
        <v>15</v>
      </c>
      <c r="G51449" s="16">
        <v>0</v>
      </c>
    </row>
    <row r="51450" spans="1:7" x14ac:dyDescent="0.3">
      <c r="A51450" s="13" t="s">
        <v>287</v>
      </c>
      <c r="B51450" s="14" t="s">
        <v>1</v>
      </c>
      <c r="C51450" s="14" t="s">
        <v>101</v>
      </c>
      <c r="D51450" s="14" t="s">
        <v>122</v>
      </c>
      <c r="E51450" s="15">
        <v>45726</v>
      </c>
      <c r="F51450" s="14" t="s">
        <v>15</v>
      </c>
      <c r="G51450" s="16">
        <v>0</v>
      </c>
    </row>
    <row r="51451" spans="1:7" x14ac:dyDescent="0.3">
      <c r="A51451" s="13" t="s">
        <v>287</v>
      </c>
      <c r="B51451" s="14" t="s">
        <v>1</v>
      </c>
      <c r="C51451" s="14" t="s">
        <v>101</v>
      </c>
      <c r="D51451" s="14" t="s">
        <v>122</v>
      </c>
      <c r="E51451" s="15">
        <v>45727</v>
      </c>
      <c r="F51451" s="14" t="s">
        <v>15</v>
      </c>
      <c r="G51451" s="16">
        <v>0</v>
      </c>
    </row>
    <row r="51452" spans="1:7" x14ac:dyDescent="0.3">
      <c r="A51452" s="13" t="s">
        <v>287</v>
      </c>
      <c r="B51452" s="14" t="s">
        <v>1</v>
      </c>
      <c r="C51452" s="14" t="s">
        <v>101</v>
      </c>
      <c r="D51452" s="14" t="s">
        <v>122</v>
      </c>
      <c r="E51452" s="15">
        <v>45728</v>
      </c>
      <c r="F51452" s="14" t="s">
        <v>15</v>
      </c>
      <c r="G51452" s="16">
        <v>0</v>
      </c>
    </row>
    <row r="51453" spans="1:7" x14ac:dyDescent="0.3">
      <c r="A51453" s="13" t="s">
        <v>287</v>
      </c>
      <c r="B51453" s="14" t="s">
        <v>1</v>
      </c>
      <c r="C51453" s="14" t="s">
        <v>101</v>
      </c>
      <c r="D51453" s="14" t="s">
        <v>122</v>
      </c>
      <c r="E51453" s="15">
        <v>45729</v>
      </c>
      <c r="F51453" s="14" t="s">
        <v>15</v>
      </c>
      <c r="G51453" s="16">
        <v>0</v>
      </c>
    </row>
    <row r="51454" spans="1:7" x14ac:dyDescent="0.3">
      <c r="A51454" s="13" t="s">
        <v>287</v>
      </c>
      <c r="B51454" s="14" t="s">
        <v>1</v>
      </c>
      <c r="C51454" s="14" t="s">
        <v>101</v>
      </c>
      <c r="D51454" s="14" t="s">
        <v>122</v>
      </c>
      <c r="E51454" s="15">
        <v>45730</v>
      </c>
      <c r="F51454" s="14" t="s">
        <v>15</v>
      </c>
      <c r="G51454" s="16">
        <v>0</v>
      </c>
    </row>
    <row r="51455" spans="1:7" x14ac:dyDescent="0.3">
      <c r="A51455" s="13" t="s">
        <v>287</v>
      </c>
      <c r="B51455" s="14" t="s">
        <v>1</v>
      </c>
      <c r="C51455" s="14" t="s">
        <v>101</v>
      </c>
      <c r="D51455" s="14" t="s">
        <v>122</v>
      </c>
      <c r="E51455" s="15">
        <v>45731</v>
      </c>
      <c r="F51455" s="14" t="s">
        <v>15</v>
      </c>
      <c r="G51455" s="16">
        <v>0</v>
      </c>
    </row>
    <row r="51456" spans="1:7" x14ac:dyDescent="0.3">
      <c r="A51456" s="13" t="s">
        <v>287</v>
      </c>
      <c r="B51456" s="14" t="s">
        <v>1</v>
      </c>
      <c r="C51456" s="14" t="s">
        <v>101</v>
      </c>
      <c r="D51456" s="14" t="s">
        <v>122</v>
      </c>
      <c r="E51456" s="15">
        <v>45732</v>
      </c>
      <c r="F51456" s="14" t="s">
        <v>15</v>
      </c>
      <c r="G51456" s="16">
        <v>0</v>
      </c>
    </row>
    <row r="51457" spans="1:7" x14ac:dyDescent="0.3">
      <c r="A51457" s="13" t="s">
        <v>287</v>
      </c>
      <c r="B51457" s="14" t="s">
        <v>1</v>
      </c>
      <c r="C51457" s="14" t="s">
        <v>101</v>
      </c>
      <c r="D51457" s="14" t="s">
        <v>122</v>
      </c>
      <c r="E51457" s="15">
        <v>45733</v>
      </c>
      <c r="F51457" s="14" t="s">
        <v>15</v>
      </c>
      <c r="G51457" s="16">
        <v>0</v>
      </c>
    </row>
    <row r="51458" spans="1:7" x14ac:dyDescent="0.3">
      <c r="A51458" s="13" t="s">
        <v>287</v>
      </c>
      <c r="B51458" s="14" t="s">
        <v>1</v>
      </c>
      <c r="C51458" s="14" t="s">
        <v>101</v>
      </c>
      <c r="D51458" s="14" t="s">
        <v>122</v>
      </c>
      <c r="E51458" s="15">
        <v>45734</v>
      </c>
      <c r="F51458" s="14" t="s">
        <v>15</v>
      </c>
      <c r="G51458" s="16">
        <v>0</v>
      </c>
    </row>
    <row r="51459" spans="1:7" x14ac:dyDescent="0.3">
      <c r="A51459" s="13" t="s">
        <v>287</v>
      </c>
      <c r="B51459" s="14" t="s">
        <v>1</v>
      </c>
      <c r="C51459" s="14" t="s">
        <v>101</v>
      </c>
      <c r="D51459" s="14" t="s">
        <v>122</v>
      </c>
      <c r="E51459" s="15">
        <v>45735</v>
      </c>
      <c r="F51459" s="14" t="s">
        <v>15</v>
      </c>
      <c r="G51459" s="16">
        <v>0</v>
      </c>
    </row>
    <row r="51460" spans="1:7" x14ac:dyDescent="0.3">
      <c r="A51460" s="13" t="s">
        <v>287</v>
      </c>
      <c r="B51460" s="14" t="s">
        <v>1</v>
      </c>
      <c r="C51460" s="14" t="s">
        <v>101</v>
      </c>
      <c r="D51460" s="14" t="s">
        <v>122</v>
      </c>
      <c r="E51460" s="15">
        <v>45736</v>
      </c>
      <c r="F51460" s="14" t="s">
        <v>15</v>
      </c>
      <c r="G51460" s="16">
        <v>0</v>
      </c>
    </row>
    <row r="51461" spans="1:7" x14ac:dyDescent="0.3">
      <c r="A51461" s="13" t="s">
        <v>287</v>
      </c>
      <c r="B51461" s="14" t="s">
        <v>1</v>
      </c>
      <c r="C51461" s="14" t="s">
        <v>101</v>
      </c>
      <c r="D51461" s="14" t="s">
        <v>122</v>
      </c>
      <c r="E51461" s="15">
        <v>45737</v>
      </c>
      <c r="F51461" s="14" t="s">
        <v>15</v>
      </c>
      <c r="G51461" s="16">
        <v>0</v>
      </c>
    </row>
    <row r="51462" spans="1:7" x14ac:dyDescent="0.3">
      <c r="A51462" s="13" t="s">
        <v>287</v>
      </c>
      <c r="B51462" s="14" t="s">
        <v>1</v>
      </c>
      <c r="C51462" s="14" t="s">
        <v>101</v>
      </c>
      <c r="D51462" s="14" t="s">
        <v>122</v>
      </c>
      <c r="E51462" s="15">
        <v>45738</v>
      </c>
      <c r="F51462" s="14" t="s">
        <v>15</v>
      </c>
      <c r="G51462" s="16">
        <v>0</v>
      </c>
    </row>
    <row r="51463" spans="1:7" x14ac:dyDescent="0.3">
      <c r="A51463" s="13" t="s">
        <v>287</v>
      </c>
      <c r="B51463" s="14" t="s">
        <v>1</v>
      </c>
      <c r="C51463" s="14" t="s">
        <v>101</v>
      </c>
      <c r="D51463" s="14" t="s">
        <v>122</v>
      </c>
      <c r="E51463" s="15">
        <v>45739</v>
      </c>
      <c r="F51463" s="14" t="s">
        <v>15</v>
      </c>
      <c r="G51463" s="16">
        <v>0</v>
      </c>
    </row>
    <row r="51464" spans="1:7" x14ac:dyDescent="0.3">
      <c r="A51464" s="13" t="s">
        <v>287</v>
      </c>
      <c r="B51464" s="14" t="s">
        <v>1</v>
      </c>
      <c r="C51464" s="14" t="s">
        <v>101</v>
      </c>
      <c r="D51464" s="14" t="s">
        <v>122</v>
      </c>
      <c r="E51464" s="15">
        <v>45740</v>
      </c>
      <c r="F51464" s="14" t="s">
        <v>15</v>
      </c>
      <c r="G51464" s="16">
        <v>0</v>
      </c>
    </row>
    <row r="51465" spans="1:7" x14ac:dyDescent="0.3">
      <c r="A51465" s="13" t="s">
        <v>287</v>
      </c>
      <c r="B51465" s="14" t="s">
        <v>1</v>
      </c>
      <c r="C51465" s="14" t="s">
        <v>101</v>
      </c>
      <c r="D51465" s="14" t="s">
        <v>122</v>
      </c>
      <c r="E51465" s="15">
        <v>45741</v>
      </c>
      <c r="F51465" s="14" t="s">
        <v>15</v>
      </c>
      <c r="G51465" s="16">
        <v>0</v>
      </c>
    </row>
    <row r="51466" spans="1:7" x14ac:dyDescent="0.3">
      <c r="A51466" s="13" t="s">
        <v>287</v>
      </c>
      <c r="B51466" s="14" t="s">
        <v>1</v>
      </c>
      <c r="C51466" s="14" t="s">
        <v>101</v>
      </c>
      <c r="D51466" s="14" t="s">
        <v>122</v>
      </c>
      <c r="E51466" s="15">
        <v>45742</v>
      </c>
      <c r="F51466" s="14" t="s">
        <v>15</v>
      </c>
      <c r="G51466" s="16">
        <v>0</v>
      </c>
    </row>
    <row r="51467" spans="1:7" x14ac:dyDescent="0.3">
      <c r="A51467" s="13" t="s">
        <v>287</v>
      </c>
      <c r="B51467" s="14" t="s">
        <v>1</v>
      </c>
      <c r="C51467" s="14" t="s">
        <v>101</v>
      </c>
      <c r="D51467" s="14" t="s">
        <v>122</v>
      </c>
      <c r="E51467" s="15">
        <v>45743</v>
      </c>
      <c r="F51467" s="14" t="s">
        <v>15</v>
      </c>
      <c r="G51467" s="16">
        <v>0</v>
      </c>
    </row>
    <row r="51468" spans="1:7" x14ac:dyDescent="0.3">
      <c r="A51468" s="13" t="s">
        <v>287</v>
      </c>
      <c r="B51468" s="14" t="s">
        <v>1</v>
      </c>
      <c r="C51468" s="14" t="s">
        <v>101</v>
      </c>
      <c r="D51468" s="14" t="s">
        <v>122</v>
      </c>
      <c r="E51468" s="15">
        <v>45744</v>
      </c>
      <c r="F51468" s="14" t="s">
        <v>15</v>
      </c>
      <c r="G51468" s="16">
        <v>0</v>
      </c>
    </row>
    <row r="51469" spans="1:7" x14ac:dyDescent="0.3">
      <c r="A51469" s="13" t="s">
        <v>287</v>
      </c>
      <c r="B51469" s="14" t="s">
        <v>1</v>
      </c>
      <c r="C51469" s="14" t="s">
        <v>101</v>
      </c>
      <c r="D51469" s="14" t="s">
        <v>122</v>
      </c>
      <c r="E51469" s="15">
        <v>45745</v>
      </c>
      <c r="F51469" s="14" t="s">
        <v>15</v>
      </c>
      <c r="G51469" s="16">
        <v>0</v>
      </c>
    </row>
    <row r="51470" spans="1:7" x14ac:dyDescent="0.3">
      <c r="A51470" s="13" t="s">
        <v>287</v>
      </c>
      <c r="B51470" s="14" t="s">
        <v>1</v>
      </c>
      <c r="C51470" s="14" t="s">
        <v>101</v>
      </c>
      <c r="D51470" s="14" t="s">
        <v>122</v>
      </c>
      <c r="E51470" s="15">
        <v>45746</v>
      </c>
      <c r="F51470" s="14" t="s">
        <v>15</v>
      </c>
      <c r="G51470" s="16">
        <v>0</v>
      </c>
    </row>
    <row r="51471" spans="1:7" x14ac:dyDescent="0.3">
      <c r="A51471" s="13" t="s">
        <v>287</v>
      </c>
      <c r="B51471" s="14" t="s">
        <v>1</v>
      </c>
      <c r="C51471" s="14" t="s">
        <v>101</v>
      </c>
      <c r="D51471" s="14" t="s">
        <v>122</v>
      </c>
      <c r="E51471" s="15">
        <v>45747</v>
      </c>
      <c r="F51471" s="14" t="s">
        <v>15</v>
      </c>
      <c r="G51471" s="16">
        <v>0</v>
      </c>
    </row>
    <row r="51472" spans="1:7" x14ac:dyDescent="0.3">
      <c r="A51472" s="13" t="s">
        <v>288</v>
      </c>
      <c r="B51472" s="14" t="s">
        <v>1</v>
      </c>
      <c r="C51472" s="14" t="s">
        <v>20</v>
      </c>
      <c r="D51472" s="14" t="s">
        <v>31</v>
      </c>
      <c r="E51472" s="15">
        <v>45383</v>
      </c>
      <c r="F51472" s="14" t="s">
        <v>15</v>
      </c>
      <c r="G51472" s="16">
        <v>0</v>
      </c>
    </row>
    <row r="51473" spans="1:7" x14ac:dyDescent="0.3">
      <c r="A51473" s="13" t="s">
        <v>288</v>
      </c>
      <c r="B51473" s="14" t="s">
        <v>1</v>
      </c>
      <c r="C51473" s="14" t="s">
        <v>20</v>
      </c>
      <c r="D51473" s="14" t="s">
        <v>31</v>
      </c>
      <c r="E51473" s="15">
        <v>45384</v>
      </c>
      <c r="F51473" s="14" t="s">
        <v>15</v>
      </c>
      <c r="G51473" s="16">
        <v>0</v>
      </c>
    </row>
    <row r="51474" spans="1:7" x14ac:dyDescent="0.3">
      <c r="A51474" s="13" t="s">
        <v>288</v>
      </c>
      <c r="B51474" s="14" t="s">
        <v>1</v>
      </c>
      <c r="C51474" s="14" t="s">
        <v>20</v>
      </c>
      <c r="D51474" s="14" t="s">
        <v>31</v>
      </c>
      <c r="E51474" s="15">
        <v>45385</v>
      </c>
      <c r="F51474" s="14" t="s">
        <v>15</v>
      </c>
      <c r="G51474" s="16">
        <v>3.5322520856977936E-2</v>
      </c>
    </row>
    <row r="51475" spans="1:7" x14ac:dyDescent="0.3">
      <c r="A51475" s="13" t="s">
        <v>288</v>
      </c>
      <c r="B51475" s="14" t="s">
        <v>1</v>
      </c>
      <c r="C51475" s="14" t="s">
        <v>20</v>
      </c>
      <c r="D51475" s="14" t="s">
        <v>31</v>
      </c>
      <c r="E51475" s="15">
        <v>45386</v>
      </c>
      <c r="F51475" s="14" t="s">
        <v>15</v>
      </c>
      <c r="G51475" s="16">
        <v>5.3465204204967628E-2</v>
      </c>
    </row>
    <row r="51476" spans="1:7" x14ac:dyDescent="0.3">
      <c r="A51476" s="13" t="s">
        <v>288</v>
      </c>
      <c r="B51476" s="14" t="s">
        <v>1</v>
      </c>
      <c r="C51476" s="14" t="s">
        <v>20</v>
      </c>
      <c r="D51476" s="14" t="s">
        <v>31</v>
      </c>
      <c r="E51476" s="15">
        <v>45387</v>
      </c>
      <c r="F51476" s="14" t="s">
        <v>15</v>
      </c>
      <c r="G51476" s="16">
        <v>6.4188350616549816E-2</v>
      </c>
    </row>
    <row r="51477" spans="1:7" x14ac:dyDescent="0.3">
      <c r="A51477" s="13" t="s">
        <v>288</v>
      </c>
      <c r="B51477" s="14" t="s">
        <v>1</v>
      </c>
      <c r="C51477" s="14" t="s">
        <v>20</v>
      </c>
      <c r="D51477" s="14" t="s">
        <v>31</v>
      </c>
      <c r="E51477" s="15">
        <v>45388</v>
      </c>
      <c r="F51477" s="14" t="s">
        <v>15</v>
      </c>
      <c r="G51477" s="16">
        <v>6.4188350616549816E-2</v>
      </c>
    </row>
    <row r="51478" spans="1:7" x14ac:dyDescent="0.3">
      <c r="A51478" s="13" t="s">
        <v>288</v>
      </c>
      <c r="B51478" s="14" t="s">
        <v>1</v>
      </c>
      <c r="C51478" s="14" t="s">
        <v>20</v>
      </c>
      <c r="D51478" s="14" t="s">
        <v>31</v>
      </c>
      <c r="E51478" s="15">
        <v>45389</v>
      </c>
      <c r="F51478" s="14" t="s">
        <v>15</v>
      </c>
      <c r="G51478" s="16">
        <v>6.4188350616549816E-2</v>
      </c>
    </row>
    <row r="51479" spans="1:7" x14ac:dyDescent="0.3">
      <c r="A51479" s="13" t="s">
        <v>288</v>
      </c>
      <c r="B51479" s="14" t="s">
        <v>1</v>
      </c>
      <c r="C51479" s="14" t="s">
        <v>20</v>
      </c>
      <c r="D51479" s="14" t="s">
        <v>31</v>
      </c>
      <c r="E51479" s="15">
        <v>45390</v>
      </c>
      <c r="F51479" s="14" t="s">
        <v>15</v>
      </c>
      <c r="G51479" s="16">
        <v>8.4290128280339133E-2</v>
      </c>
    </row>
    <row r="51480" spans="1:7" x14ac:dyDescent="0.3">
      <c r="A51480" s="13" t="s">
        <v>288</v>
      </c>
      <c r="B51480" s="14" t="s">
        <v>1</v>
      </c>
      <c r="C51480" s="14" t="s">
        <v>20</v>
      </c>
      <c r="D51480" s="14" t="s">
        <v>31</v>
      </c>
      <c r="E51480" s="15">
        <v>45391</v>
      </c>
      <c r="F51480" s="14" t="s">
        <v>15</v>
      </c>
      <c r="G51480" s="16">
        <v>0.11134395905079091</v>
      </c>
    </row>
    <row r="51481" spans="1:7" x14ac:dyDescent="0.3">
      <c r="A51481" s="13" t="s">
        <v>288</v>
      </c>
      <c r="B51481" s="14" t="s">
        <v>1</v>
      </c>
      <c r="C51481" s="14" t="s">
        <v>20</v>
      </c>
      <c r="D51481" s="14" t="s">
        <v>31</v>
      </c>
      <c r="E51481" s="15">
        <v>45392</v>
      </c>
      <c r="F51481" s="14" t="s">
        <v>15</v>
      </c>
      <c r="G51481" s="16">
        <v>0.11964953834619158</v>
      </c>
    </row>
    <row r="51482" spans="1:7" x14ac:dyDescent="0.3">
      <c r="A51482" s="13" t="s">
        <v>288</v>
      </c>
      <c r="B51482" s="14" t="s">
        <v>1</v>
      </c>
      <c r="C51482" s="14" t="s">
        <v>20</v>
      </c>
      <c r="D51482" s="14" t="s">
        <v>31</v>
      </c>
      <c r="E51482" s="15">
        <v>45393</v>
      </c>
      <c r="F51482" s="14" t="s">
        <v>15</v>
      </c>
      <c r="G51482" s="16">
        <v>0.12744519575256344</v>
      </c>
    </row>
    <row r="51483" spans="1:7" x14ac:dyDescent="0.3">
      <c r="A51483" s="13" t="s">
        <v>288</v>
      </c>
      <c r="B51483" s="14" t="s">
        <v>1</v>
      </c>
      <c r="C51483" s="14" t="s">
        <v>20</v>
      </c>
      <c r="D51483" s="14" t="s">
        <v>31</v>
      </c>
      <c r="E51483" s="15">
        <v>45394</v>
      </c>
      <c r="F51483" s="14" t="s">
        <v>15</v>
      </c>
      <c r="G51483" s="16">
        <v>0.13510500708585163</v>
      </c>
    </row>
    <row r="51484" spans="1:7" x14ac:dyDescent="0.3">
      <c r="A51484" s="13" t="s">
        <v>288</v>
      </c>
      <c r="B51484" s="14" t="s">
        <v>1</v>
      </c>
      <c r="C51484" s="14" t="s">
        <v>20</v>
      </c>
      <c r="D51484" s="14" t="s">
        <v>31</v>
      </c>
      <c r="E51484" s="15">
        <v>45395</v>
      </c>
      <c r="F51484" s="14" t="s">
        <v>15</v>
      </c>
      <c r="G51484" s="16">
        <v>0.13510500708585163</v>
      </c>
    </row>
    <row r="51485" spans="1:7" x14ac:dyDescent="0.3">
      <c r="A51485" s="13" t="s">
        <v>288</v>
      </c>
      <c r="B51485" s="14" t="s">
        <v>1</v>
      </c>
      <c r="C51485" s="14" t="s">
        <v>20</v>
      </c>
      <c r="D51485" s="14" t="s">
        <v>31</v>
      </c>
      <c r="E51485" s="15">
        <v>45396</v>
      </c>
      <c r="F51485" s="14" t="s">
        <v>15</v>
      </c>
      <c r="G51485" s="16">
        <v>0.13510500708585163</v>
      </c>
    </row>
    <row r="51486" spans="1:7" x14ac:dyDescent="0.3">
      <c r="A51486" s="13" t="s">
        <v>288</v>
      </c>
      <c r="B51486" s="14" t="s">
        <v>1</v>
      </c>
      <c r="C51486" s="14" t="s">
        <v>20</v>
      </c>
      <c r="D51486" s="14" t="s">
        <v>31</v>
      </c>
      <c r="E51486" s="15">
        <v>45397</v>
      </c>
      <c r="F51486" s="14" t="s">
        <v>15</v>
      </c>
      <c r="G51486" s="16">
        <v>0.14370262088036839</v>
      </c>
    </row>
    <row r="51487" spans="1:7" x14ac:dyDescent="0.3">
      <c r="A51487" s="13" t="s">
        <v>288</v>
      </c>
      <c r="B51487" s="14" t="s">
        <v>1</v>
      </c>
      <c r="C51487" s="14" t="s">
        <v>20</v>
      </c>
      <c r="D51487" s="14" t="s">
        <v>31</v>
      </c>
      <c r="E51487" s="15">
        <v>45398</v>
      </c>
      <c r="F51487" s="14" t="s">
        <v>15</v>
      </c>
      <c r="G51487" s="16">
        <v>0.16688613897128715</v>
      </c>
    </row>
    <row r="51488" spans="1:7" x14ac:dyDescent="0.3">
      <c r="A51488" s="13" t="s">
        <v>288</v>
      </c>
      <c r="B51488" s="14" t="s">
        <v>1</v>
      </c>
      <c r="C51488" s="14" t="s">
        <v>20</v>
      </c>
      <c r="D51488" s="14" t="s">
        <v>31</v>
      </c>
      <c r="E51488" s="15">
        <v>45399</v>
      </c>
      <c r="F51488" s="14" t="s">
        <v>15</v>
      </c>
      <c r="G51488" s="16">
        <v>0.17461684197833352</v>
      </c>
    </row>
    <row r="51489" spans="1:7" x14ac:dyDescent="0.3">
      <c r="A51489" s="13" t="s">
        <v>288</v>
      </c>
      <c r="B51489" s="14" t="s">
        <v>1</v>
      </c>
      <c r="C51489" s="14" t="s">
        <v>20</v>
      </c>
      <c r="D51489" s="14" t="s">
        <v>31</v>
      </c>
      <c r="E51489" s="15">
        <v>45400</v>
      </c>
      <c r="F51489" s="14" t="s">
        <v>15</v>
      </c>
      <c r="G51489" s="16">
        <v>0.18047223060128367</v>
      </c>
    </row>
    <row r="51490" spans="1:7" x14ac:dyDescent="0.3">
      <c r="A51490" s="13" t="s">
        <v>288</v>
      </c>
      <c r="B51490" s="14" t="s">
        <v>1</v>
      </c>
      <c r="C51490" s="14" t="s">
        <v>20</v>
      </c>
      <c r="D51490" s="14" t="s">
        <v>31</v>
      </c>
      <c r="E51490" s="15">
        <v>45401</v>
      </c>
      <c r="F51490" s="14" t="s">
        <v>15</v>
      </c>
      <c r="G51490" s="16">
        <v>0.19010892713790573</v>
      </c>
    </row>
    <row r="51491" spans="1:7" x14ac:dyDescent="0.3">
      <c r="A51491" s="13" t="s">
        <v>288</v>
      </c>
      <c r="B51491" s="14" t="s">
        <v>1</v>
      </c>
      <c r="C51491" s="14" t="s">
        <v>20</v>
      </c>
      <c r="D51491" s="14" t="s">
        <v>31</v>
      </c>
      <c r="E51491" s="15">
        <v>45402</v>
      </c>
      <c r="F51491" s="14" t="s">
        <v>15</v>
      </c>
      <c r="G51491" s="16">
        <v>0.19010892713790573</v>
      </c>
    </row>
    <row r="51492" spans="1:7" x14ac:dyDescent="0.3">
      <c r="A51492" s="13" t="s">
        <v>288</v>
      </c>
      <c r="B51492" s="14" t="s">
        <v>1</v>
      </c>
      <c r="C51492" s="14" t="s">
        <v>20</v>
      </c>
      <c r="D51492" s="14" t="s">
        <v>31</v>
      </c>
      <c r="E51492" s="15">
        <v>45403</v>
      </c>
      <c r="F51492" s="14" t="s">
        <v>15</v>
      </c>
      <c r="G51492" s="16">
        <v>0.19010892713790573</v>
      </c>
    </row>
    <row r="51493" spans="1:7" x14ac:dyDescent="0.3">
      <c r="A51493" s="13" t="s">
        <v>288</v>
      </c>
      <c r="B51493" s="14" t="s">
        <v>1</v>
      </c>
      <c r="C51493" s="14" t="s">
        <v>20</v>
      </c>
      <c r="D51493" s="14" t="s">
        <v>31</v>
      </c>
      <c r="E51493" s="15">
        <v>45404</v>
      </c>
      <c r="F51493" s="14" t="s">
        <v>15</v>
      </c>
      <c r="G51493" s="16">
        <v>0.19822979153676443</v>
      </c>
    </row>
    <row r="51494" spans="1:7" x14ac:dyDescent="0.3">
      <c r="A51494" s="13" t="s">
        <v>288</v>
      </c>
      <c r="B51494" s="14" t="s">
        <v>1</v>
      </c>
      <c r="C51494" s="14" t="s">
        <v>20</v>
      </c>
      <c r="D51494" s="14" t="s">
        <v>31</v>
      </c>
      <c r="E51494" s="15">
        <v>45405</v>
      </c>
      <c r="F51494" s="14" t="s">
        <v>15</v>
      </c>
      <c r="G51494" s="16">
        <v>0.23225112244714738</v>
      </c>
    </row>
    <row r="51495" spans="1:7" x14ac:dyDescent="0.3">
      <c r="A51495" s="13" t="s">
        <v>288</v>
      </c>
      <c r="B51495" s="14" t="s">
        <v>1</v>
      </c>
      <c r="C51495" s="14" t="s">
        <v>20</v>
      </c>
      <c r="D51495" s="14" t="s">
        <v>31</v>
      </c>
      <c r="E51495" s="15">
        <v>45406</v>
      </c>
      <c r="F51495" s="14" t="s">
        <v>15</v>
      </c>
      <c r="G51495" s="16">
        <v>0.24209223932619184</v>
      </c>
    </row>
    <row r="51496" spans="1:7" x14ac:dyDescent="0.3">
      <c r="A51496" s="13" t="s">
        <v>288</v>
      </c>
      <c r="B51496" s="14" t="s">
        <v>1</v>
      </c>
      <c r="C51496" s="14" t="s">
        <v>20</v>
      </c>
      <c r="D51496" s="14" t="s">
        <v>31</v>
      </c>
      <c r="E51496" s="15">
        <v>45407</v>
      </c>
      <c r="F51496" s="14" t="s">
        <v>15</v>
      </c>
      <c r="G51496" s="16">
        <v>0.25034459390750718</v>
      </c>
    </row>
    <row r="51497" spans="1:7" x14ac:dyDescent="0.3">
      <c r="A51497" s="13" t="s">
        <v>288</v>
      </c>
      <c r="B51497" s="14" t="s">
        <v>1</v>
      </c>
      <c r="C51497" s="14" t="s">
        <v>20</v>
      </c>
      <c r="D51497" s="14" t="s">
        <v>31</v>
      </c>
      <c r="E51497" s="15">
        <v>45408</v>
      </c>
      <c r="F51497" s="14" t="s">
        <v>15</v>
      </c>
      <c r="G51497" s="16">
        <v>0.25900666313999376</v>
      </c>
    </row>
    <row r="51498" spans="1:7" x14ac:dyDescent="0.3">
      <c r="A51498" s="13" t="s">
        <v>288</v>
      </c>
      <c r="B51498" s="14" t="s">
        <v>1</v>
      </c>
      <c r="C51498" s="14" t="s">
        <v>20</v>
      </c>
      <c r="D51498" s="14" t="s">
        <v>31</v>
      </c>
      <c r="E51498" s="15">
        <v>45409</v>
      </c>
      <c r="F51498" s="14" t="s">
        <v>15</v>
      </c>
      <c r="G51498" s="16">
        <v>0.25900666313999376</v>
      </c>
    </row>
    <row r="51499" spans="1:7" x14ac:dyDescent="0.3">
      <c r="A51499" s="13" t="s">
        <v>288</v>
      </c>
      <c r="B51499" s="14" t="s">
        <v>1</v>
      </c>
      <c r="C51499" s="14" t="s">
        <v>20</v>
      </c>
      <c r="D51499" s="14" t="s">
        <v>31</v>
      </c>
      <c r="E51499" s="15">
        <v>45410</v>
      </c>
      <c r="F51499" s="14" t="s">
        <v>15</v>
      </c>
      <c r="G51499" s="16">
        <v>0.25900666313999376</v>
      </c>
    </row>
    <row r="51500" spans="1:7" x14ac:dyDescent="0.3">
      <c r="A51500" s="13" t="s">
        <v>288</v>
      </c>
      <c r="B51500" s="14" t="s">
        <v>1</v>
      </c>
      <c r="C51500" s="14" t="s">
        <v>20</v>
      </c>
      <c r="D51500" s="14" t="s">
        <v>31</v>
      </c>
      <c r="E51500" s="15">
        <v>45411</v>
      </c>
      <c r="F51500" s="14" t="s">
        <v>15</v>
      </c>
      <c r="G51500" s="16">
        <v>0.26716574253940473</v>
      </c>
    </row>
    <row r="51501" spans="1:7" x14ac:dyDescent="0.3">
      <c r="A51501" s="13" t="s">
        <v>288</v>
      </c>
      <c r="B51501" s="14" t="s">
        <v>1</v>
      </c>
      <c r="C51501" s="14" t="s">
        <v>20</v>
      </c>
      <c r="D51501" s="14" t="s">
        <v>31</v>
      </c>
      <c r="E51501" s="15">
        <v>45412</v>
      </c>
      <c r="F51501" s="14" t="s">
        <v>15</v>
      </c>
      <c r="G51501" s="16">
        <v>0.29329727265670363</v>
      </c>
    </row>
    <row r="51502" spans="1:7" x14ac:dyDescent="0.3">
      <c r="A51502" s="13" t="s">
        <v>288</v>
      </c>
      <c r="B51502" s="14" t="s">
        <v>1</v>
      </c>
      <c r="C51502" s="14" t="s">
        <v>20</v>
      </c>
      <c r="D51502" s="14" t="s">
        <v>31</v>
      </c>
      <c r="E51502" s="15">
        <v>45413</v>
      </c>
      <c r="F51502" s="14" t="s">
        <v>15</v>
      </c>
      <c r="G51502" s="16">
        <v>0.29329727265670363</v>
      </c>
    </row>
    <row r="51503" spans="1:7" x14ac:dyDescent="0.3">
      <c r="A51503" s="13" t="s">
        <v>288</v>
      </c>
      <c r="B51503" s="14" t="s">
        <v>1</v>
      </c>
      <c r="C51503" s="14" t="s">
        <v>20</v>
      </c>
      <c r="D51503" s="14" t="s">
        <v>31</v>
      </c>
      <c r="E51503" s="15">
        <v>45414</v>
      </c>
      <c r="F51503" s="14" t="s">
        <v>15</v>
      </c>
      <c r="G51503" s="16">
        <v>0.30245539677198735</v>
      </c>
    </row>
    <row r="51504" spans="1:7" x14ac:dyDescent="0.3">
      <c r="A51504" s="13" t="s">
        <v>288</v>
      </c>
      <c r="B51504" s="14" t="s">
        <v>1</v>
      </c>
      <c r="C51504" s="14" t="s">
        <v>20</v>
      </c>
      <c r="D51504" s="14" t="s">
        <v>31</v>
      </c>
      <c r="E51504" s="15">
        <v>45415</v>
      </c>
      <c r="F51504" s="14" t="s">
        <v>15</v>
      </c>
      <c r="G51504" s="16">
        <v>0.33457468283700853</v>
      </c>
    </row>
    <row r="51505" spans="1:7" x14ac:dyDescent="0.3">
      <c r="A51505" s="13" t="s">
        <v>288</v>
      </c>
      <c r="B51505" s="14" t="s">
        <v>1</v>
      </c>
      <c r="C51505" s="14" t="s">
        <v>20</v>
      </c>
      <c r="D51505" s="14" t="s">
        <v>31</v>
      </c>
      <c r="E51505" s="15">
        <v>45416</v>
      </c>
      <c r="F51505" s="14" t="s">
        <v>15</v>
      </c>
      <c r="G51505" s="16">
        <v>0.33457468283700853</v>
      </c>
    </row>
    <row r="51506" spans="1:7" x14ac:dyDescent="0.3">
      <c r="A51506" s="13" t="s">
        <v>288</v>
      </c>
      <c r="B51506" s="14" t="s">
        <v>1</v>
      </c>
      <c r="C51506" s="14" t="s">
        <v>20</v>
      </c>
      <c r="D51506" s="14" t="s">
        <v>31</v>
      </c>
      <c r="E51506" s="15">
        <v>45417</v>
      </c>
      <c r="F51506" s="14" t="s">
        <v>15</v>
      </c>
      <c r="G51506" s="16">
        <v>0.33457468283700853</v>
      </c>
    </row>
    <row r="51507" spans="1:7" x14ac:dyDescent="0.3">
      <c r="A51507" s="13" t="s">
        <v>288</v>
      </c>
      <c r="B51507" s="14" t="s">
        <v>1</v>
      </c>
      <c r="C51507" s="14" t="s">
        <v>20</v>
      </c>
      <c r="D51507" s="14" t="s">
        <v>31</v>
      </c>
      <c r="E51507" s="15">
        <v>45418</v>
      </c>
      <c r="F51507" s="14" t="s">
        <v>15</v>
      </c>
      <c r="G51507" s="16">
        <v>0.33457468283700853</v>
      </c>
    </row>
    <row r="51508" spans="1:7" x14ac:dyDescent="0.3">
      <c r="A51508" s="13" t="s">
        <v>288</v>
      </c>
      <c r="B51508" s="14" t="s">
        <v>1</v>
      </c>
      <c r="C51508" s="14" t="s">
        <v>20</v>
      </c>
      <c r="D51508" s="14" t="s">
        <v>31</v>
      </c>
      <c r="E51508" s="15">
        <v>45419</v>
      </c>
      <c r="F51508" s="14" t="s">
        <v>15</v>
      </c>
      <c r="G51508" s="16">
        <v>0.34285761258271202</v>
      </c>
    </row>
    <row r="51509" spans="1:7" x14ac:dyDescent="0.3">
      <c r="A51509" s="13" t="s">
        <v>288</v>
      </c>
      <c r="B51509" s="14" t="s">
        <v>1</v>
      </c>
      <c r="C51509" s="14" t="s">
        <v>20</v>
      </c>
      <c r="D51509" s="14" t="s">
        <v>31</v>
      </c>
      <c r="E51509" s="15">
        <v>45420</v>
      </c>
      <c r="F51509" s="14" t="s">
        <v>15</v>
      </c>
      <c r="G51509" s="16">
        <v>0.37562777644143941</v>
      </c>
    </row>
    <row r="51510" spans="1:7" x14ac:dyDescent="0.3">
      <c r="A51510" s="13" t="s">
        <v>288</v>
      </c>
      <c r="B51510" s="14" t="s">
        <v>1</v>
      </c>
      <c r="C51510" s="14" t="s">
        <v>20</v>
      </c>
      <c r="D51510" s="14" t="s">
        <v>31</v>
      </c>
      <c r="E51510" s="15">
        <v>45421</v>
      </c>
      <c r="F51510" s="14" t="s">
        <v>15</v>
      </c>
      <c r="G51510" s="16">
        <v>0.37562777644143941</v>
      </c>
    </row>
    <row r="51511" spans="1:7" x14ac:dyDescent="0.3">
      <c r="A51511" s="13" t="s">
        <v>288</v>
      </c>
      <c r="B51511" s="14" t="s">
        <v>1</v>
      </c>
      <c r="C51511" s="14" t="s">
        <v>20</v>
      </c>
      <c r="D51511" s="14" t="s">
        <v>31</v>
      </c>
      <c r="E51511" s="15">
        <v>45422</v>
      </c>
      <c r="F51511" s="14" t="s">
        <v>15</v>
      </c>
      <c r="G51511" s="16">
        <v>0.38379014854808385</v>
      </c>
    </row>
    <row r="51512" spans="1:7" x14ac:dyDescent="0.3">
      <c r="A51512" s="13" t="s">
        <v>288</v>
      </c>
      <c r="B51512" s="14" t="s">
        <v>1</v>
      </c>
      <c r="C51512" s="14" t="s">
        <v>20</v>
      </c>
      <c r="D51512" s="14" t="s">
        <v>31</v>
      </c>
      <c r="E51512" s="15">
        <v>45423</v>
      </c>
      <c r="F51512" s="14" t="s">
        <v>15</v>
      </c>
      <c r="G51512" s="16">
        <v>0.38379014854808385</v>
      </c>
    </row>
    <row r="51513" spans="1:7" x14ac:dyDescent="0.3">
      <c r="A51513" s="13" t="s">
        <v>288</v>
      </c>
      <c r="B51513" s="14" t="s">
        <v>1</v>
      </c>
      <c r="C51513" s="14" t="s">
        <v>20</v>
      </c>
      <c r="D51513" s="14" t="s">
        <v>31</v>
      </c>
      <c r="E51513" s="15">
        <v>45424</v>
      </c>
      <c r="F51513" s="14" t="s">
        <v>15</v>
      </c>
      <c r="G51513" s="16">
        <v>0.38379014854808385</v>
      </c>
    </row>
    <row r="51514" spans="1:7" x14ac:dyDescent="0.3">
      <c r="A51514" s="13" t="s">
        <v>288</v>
      </c>
      <c r="B51514" s="14" t="s">
        <v>1</v>
      </c>
      <c r="C51514" s="14" t="s">
        <v>20</v>
      </c>
      <c r="D51514" s="14" t="s">
        <v>31</v>
      </c>
      <c r="E51514" s="15">
        <v>45425</v>
      </c>
      <c r="F51514" s="14" t="s">
        <v>15</v>
      </c>
      <c r="G51514" s="16">
        <v>0.40134221733188336</v>
      </c>
    </row>
    <row r="51515" spans="1:7" x14ac:dyDescent="0.3">
      <c r="A51515" s="13" t="s">
        <v>288</v>
      </c>
      <c r="B51515" s="14" t="s">
        <v>1</v>
      </c>
      <c r="C51515" s="14" t="s">
        <v>20</v>
      </c>
      <c r="D51515" s="14" t="s">
        <v>31</v>
      </c>
      <c r="E51515" s="15">
        <v>45426</v>
      </c>
      <c r="F51515" s="14" t="s">
        <v>15</v>
      </c>
      <c r="G51515" s="16">
        <v>0.43788707917307795</v>
      </c>
    </row>
    <row r="51516" spans="1:7" x14ac:dyDescent="0.3">
      <c r="A51516" s="13" t="s">
        <v>288</v>
      </c>
      <c r="B51516" s="14" t="s">
        <v>1</v>
      </c>
      <c r="C51516" s="14" t="s">
        <v>20</v>
      </c>
      <c r="D51516" s="14" t="s">
        <v>31</v>
      </c>
      <c r="E51516" s="15">
        <v>45427</v>
      </c>
      <c r="F51516" s="14" t="s">
        <v>15</v>
      </c>
      <c r="G51516" s="16">
        <v>0.44605459494687821</v>
      </c>
    </row>
    <row r="51517" spans="1:7" x14ac:dyDescent="0.3">
      <c r="A51517" s="13" t="s">
        <v>288</v>
      </c>
      <c r="B51517" s="14" t="s">
        <v>1</v>
      </c>
      <c r="C51517" s="14" t="s">
        <v>20</v>
      </c>
      <c r="D51517" s="14" t="s">
        <v>31</v>
      </c>
      <c r="E51517" s="15">
        <v>45428</v>
      </c>
      <c r="F51517" s="14" t="s">
        <v>15</v>
      </c>
      <c r="G51517" s="16">
        <v>0.45433381927133326</v>
      </c>
    </row>
    <row r="51518" spans="1:7" x14ac:dyDescent="0.3">
      <c r="A51518" s="13" t="s">
        <v>288</v>
      </c>
      <c r="B51518" s="14" t="s">
        <v>1</v>
      </c>
      <c r="C51518" s="14" t="s">
        <v>20</v>
      </c>
      <c r="D51518" s="14" t="s">
        <v>31</v>
      </c>
      <c r="E51518" s="15">
        <v>45429</v>
      </c>
      <c r="F51518" s="14" t="s">
        <v>15</v>
      </c>
      <c r="G51518" s="16">
        <v>0.54251346735266048</v>
      </c>
    </row>
    <row r="51519" spans="1:7" x14ac:dyDescent="0.3">
      <c r="A51519" s="13" t="s">
        <v>288</v>
      </c>
      <c r="B51519" s="14" t="s">
        <v>1</v>
      </c>
      <c r="C51519" s="14" t="s">
        <v>20</v>
      </c>
      <c r="D51519" s="14" t="s">
        <v>31</v>
      </c>
      <c r="E51519" s="15">
        <v>45430</v>
      </c>
      <c r="F51519" s="14" t="s">
        <v>15</v>
      </c>
      <c r="G51519" s="16">
        <v>0.54251346735266048</v>
      </c>
    </row>
    <row r="51520" spans="1:7" x14ac:dyDescent="0.3">
      <c r="A51520" s="13" t="s">
        <v>288</v>
      </c>
      <c r="B51520" s="14" t="s">
        <v>1</v>
      </c>
      <c r="C51520" s="14" t="s">
        <v>20</v>
      </c>
      <c r="D51520" s="14" t="s">
        <v>31</v>
      </c>
      <c r="E51520" s="15">
        <v>45431</v>
      </c>
      <c r="F51520" s="14" t="s">
        <v>15</v>
      </c>
      <c r="G51520" s="16">
        <v>0.54251346735266048</v>
      </c>
    </row>
    <row r="51521" spans="1:7" x14ac:dyDescent="0.3">
      <c r="A51521" s="13" t="s">
        <v>288</v>
      </c>
      <c r="B51521" s="14" t="s">
        <v>1</v>
      </c>
      <c r="C51521" s="14" t="s">
        <v>20</v>
      </c>
      <c r="D51521" s="14" t="s">
        <v>31</v>
      </c>
      <c r="E51521" s="15">
        <v>45432</v>
      </c>
      <c r="F51521" s="14" t="s">
        <v>15</v>
      </c>
      <c r="G51521" s="16">
        <v>0.54251346735266048</v>
      </c>
    </row>
    <row r="51522" spans="1:7" x14ac:dyDescent="0.3">
      <c r="A51522" s="13" t="s">
        <v>288</v>
      </c>
      <c r="B51522" s="14" t="s">
        <v>1</v>
      </c>
      <c r="C51522" s="14" t="s">
        <v>20</v>
      </c>
      <c r="D51522" s="14" t="s">
        <v>31</v>
      </c>
      <c r="E51522" s="15">
        <v>45433</v>
      </c>
      <c r="F51522" s="14" t="s">
        <v>15</v>
      </c>
      <c r="G51522" s="16">
        <v>0.55057323155840499</v>
      </c>
    </row>
    <row r="51523" spans="1:7" x14ac:dyDescent="0.3">
      <c r="A51523" s="13" t="s">
        <v>288</v>
      </c>
      <c r="B51523" s="14" t="s">
        <v>1</v>
      </c>
      <c r="C51523" s="14" t="s">
        <v>20</v>
      </c>
      <c r="D51523" s="14" t="s">
        <v>31</v>
      </c>
      <c r="E51523" s="15">
        <v>45434</v>
      </c>
      <c r="F51523" s="14" t="s">
        <v>15</v>
      </c>
      <c r="G51523" s="16">
        <v>0.5828572239213512</v>
      </c>
    </row>
    <row r="51524" spans="1:7" x14ac:dyDescent="0.3">
      <c r="A51524" s="13" t="s">
        <v>288</v>
      </c>
      <c r="B51524" s="14" t="s">
        <v>1</v>
      </c>
      <c r="C51524" s="14" t="s">
        <v>20</v>
      </c>
      <c r="D51524" s="14" t="s">
        <v>31</v>
      </c>
      <c r="E51524" s="15">
        <v>45435</v>
      </c>
      <c r="F51524" s="14" t="s">
        <v>15</v>
      </c>
      <c r="G51524" s="16">
        <v>0.60666976086813873</v>
      </c>
    </row>
    <row r="51525" spans="1:7" x14ac:dyDescent="0.3">
      <c r="A51525" s="13" t="s">
        <v>288</v>
      </c>
      <c r="B51525" s="14" t="s">
        <v>1</v>
      </c>
      <c r="C51525" s="14" t="s">
        <v>20</v>
      </c>
      <c r="D51525" s="14" t="s">
        <v>31</v>
      </c>
      <c r="E51525" s="15">
        <v>45436</v>
      </c>
      <c r="F51525" s="14" t="s">
        <v>15</v>
      </c>
      <c r="G51525" s="16">
        <v>0.61470927716515311</v>
      </c>
    </row>
    <row r="51526" spans="1:7" x14ac:dyDescent="0.3">
      <c r="A51526" s="13" t="s">
        <v>288</v>
      </c>
      <c r="B51526" s="14" t="s">
        <v>1</v>
      </c>
      <c r="C51526" s="14" t="s">
        <v>20</v>
      </c>
      <c r="D51526" s="14" t="s">
        <v>31</v>
      </c>
      <c r="E51526" s="15">
        <v>45437</v>
      </c>
      <c r="F51526" s="14" t="s">
        <v>15</v>
      </c>
      <c r="G51526" s="16">
        <v>0.61470927716515311</v>
      </c>
    </row>
    <row r="51527" spans="1:7" x14ac:dyDescent="0.3">
      <c r="A51527" s="13" t="s">
        <v>288</v>
      </c>
      <c r="B51527" s="14" t="s">
        <v>1</v>
      </c>
      <c r="C51527" s="14" t="s">
        <v>20</v>
      </c>
      <c r="D51527" s="14" t="s">
        <v>31</v>
      </c>
      <c r="E51527" s="15">
        <v>45438</v>
      </c>
      <c r="F51527" s="14" t="s">
        <v>15</v>
      </c>
      <c r="G51527" s="16">
        <v>0.61470927716515311</v>
      </c>
    </row>
    <row r="51528" spans="1:7" x14ac:dyDescent="0.3">
      <c r="A51528" s="13" t="s">
        <v>288</v>
      </c>
      <c r="B51528" s="14" t="s">
        <v>1</v>
      </c>
      <c r="C51528" s="14" t="s">
        <v>20</v>
      </c>
      <c r="D51528" s="14" t="s">
        <v>31</v>
      </c>
      <c r="E51528" s="15">
        <v>45439</v>
      </c>
      <c r="F51528" s="14" t="s">
        <v>15</v>
      </c>
      <c r="G51528" s="16">
        <v>0.62276806231648563</v>
      </c>
    </row>
    <row r="51529" spans="1:7" x14ac:dyDescent="0.3">
      <c r="A51529" s="13" t="s">
        <v>288</v>
      </c>
      <c r="B51529" s="14" t="s">
        <v>1</v>
      </c>
      <c r="C51529" s="14" t="s">
        <v>20</v>
      </c>
      <c r="D51529" s="14" t="s">
        <v>31</v>
      </c>
      <c r="E51529" s="15">
        <v>45440</v>
      </c>
      <c r="F51529" s="14" t="s">
        <v>15</v>
      </c>
      <c r="G51529" s="16">
        <v>0.64687976103973543</v>
      </c>
    </row>
    <row r="51530" spans="1:7" x14ac:dyDescent="0.3">
      <c r="A51530" s="13" t="s">
        <v>288</v>
      </c>
      <c r="B51530" s="14" t="s">
        <v>1</v>
      </c>
      <c r="C51530" s="14" t="s">
        <v>20</v>
      </c>
      <c r="D51530" s="14" t="s">
        <v>31</v>
      </c>
      <c r="E51530" s="15">
        <v>45441</v>
      </c>
      <c r="F51530" s="14" t="s">
        <v>15</v>
      </c>
      <c r="G51530" s="16">
        <v>0.65555945548614714</v>
      </c>
    </row>
    <row r="51531" spans="1:7" x14ac:dyDescent="0.3">
      <c r="A51531" s="13" t="s">
        <v>288</v>
      </c>
      <c r="B51531" s="14" t="s">
        <v>1</v>
      </c>
      <c r="C51531" s="14" t="s">
        <v>20</v>
      </c>
      <c r="D51531" s="14" t="s">
        <v>31</v>
      </c>
      <c r="E51531" s="15">
        <v>45442</v>
      </c>
      <c r="F51531" s="14" t="s">
        <v>15</v>
      </c>
      <c r="G51531" s="16">
        <v>0.6635959294581365</v>
      </c>
    </row>
    <row r="51532" spans="1:7" x14ac:dyDescent="0.3">
      <c r="A51532" s="13" t="s">
        <v>288</v>
      </c>
      <c r="B51532" s="14" t="s">
        <v>1</v>
      </c>
      <c r="C51532" s="14" t="s">
        <v>20</v>
      </c>
      <c r="D51532" s="14" t="s">
        <v>31</v>
      </c>
      <c r="E51532" s="15">
        <v>45443</v>
      </c>
      <c r="F51532" s="14" t="s">
        <v>15</v>
      </c>
      <c r="G51532" s="16">
        <v>0.67166431555703554</v>
      </c>
    </row>
    <row r="51533" spans="1:7" x14ac:dyDescent="0.3">
      <c r="A51533" s="13" t="s">
        <v>288</v>
      </c>
      <c r="B51533" s="14" t="s">
        <v>1</v>
      </c>
      <c r="C51533" s="14" t="s">
        <v>20</v>
      </c>
      <c r="D51533" s="14" t="s">
        <v>31</v>
      </c>
      <c r="E51533" s="15">
        <v>45444</v>
      </c>
      <c r="F51533" s="14" t="s">
        <v>15</v>
      </c>
      <c r="G51533" s="16">
        <v>0.67166431555703554</v>
      </c>
    </row>
    <row r="51534" spans="1:7" x14ac:dyDescent="0.3">
      <c r="A51534" s="13" t="s">
        <v>288</v>
      </c>
      <c r="B51534" s="14" t="s">
        <v>1</v>
      </c>
      <c r="C51534" s="14" t="s">
        <v>20</v>
      </c>
      <c r="D51534" s="14" t="s">
        <v>31</v>
      </c>
      <c r="E51534" s="15">
        <v>45445</v>
      </c>
      <c r="F51534" s="14" t="s">
        <v>15</v>
      </c>
      <c r="G51534" s="16">
        <v>0.67166431555703554</v>
      </c>
    </row>
    <row r="51535" spans="1:7" x14ac:dyDescent="0.3">
      <c r="A51535" s="13" t="s">
        <v>288</v>
      </c>
      <c r="B51535" s="14" t="s">
        <v>1</v>
      </c>
      <c r="C51535" s="14" t="s">
        <v>20</v>
      </c>
      <c r="D51535" s="14" t="s">
        <v>31</v>
      </c>
      <c r="E51535" s="15">
        <v>45446</v>
      </c>
      <c r="F51535" s="14" t="s">
        <v>15</v>
      </c>
      <c r="G51535" s="16">
        <v>0.67166431555703554</v>
      </c>
    </row>
    <row r="51536" spans="1:7" x14ac:dyDescent="0.3">
      <c r="A51536" s="13" t="s">
        <v>288</v>
      </c>
      <c r="B51536" s="14" t="s">
        <v>1</v>
      </c>
      <c r="C51536" s="14" t="s">
        <v>20</v>
      </c>
      <c r="D51536" s="14" t="s">
        <v>31</v>
      </c>
      <c r="E51536" s="15">
        <v>45447</v>
      </c>
      <c r="F51536" s="14" t="s">
        <v>15</v>
      </c>
      <c r="G51536" s="16">
        <v>0.67978985903087275</v>
      </c>
    </row>
    <row r="51537" spans="1:7" x14ac:dyDescent="0.3">
      <c r="A51537" s="13" t="s">
        <v>288</v>
      </c>
      <c r="B51537" s="14" t="s">
        <v>1</v>
      </c>
      <c r="C51537" s="14" t="s">
        <v>20</v>
      </c>
      <c r="D51537" s="14" t="s">
        <v>31</v>
      </c>
      <c r="E51537" s="15">
        <v>45448</v>
      </c>
      <c r="F51537" s="14" t="s">
        <v>15</v>
      </c>
      <c r="G51537" s="16">
        <v>0.74385909436569264</v>
      </c>
    </row>
    <row r="51538" spans="1:7" x14ac:dyDescent="0.3">
      <c r="A51538" s="13" t="s">
        <v>288</v>
      </c>
      <c r="B51538" s="14" t="s">
        <v>1</v>
      </c>
      <c r="C51538" s="14" t="s">
        <v>20</v>
      </c>
      <c r="D51538" s="14" t="s">
        <v>31</v>
      </c>
      <c r="E51538" s="15">
        <v>45449</v>
      </c>
      <c r="F51538" s="14" t="s">
        <v>15</v>
      </c>
      <c r="G51538" s="16">
        <v>0.75189019038871807</v>
      </c>
    </row>
    <row r="51539" spans="1:7" x14ac:dyDescent="0.3">
      <c r="A51539" s="13" t="s">
        <v>288</v>
      </c>
      <c r="B51539" s="14" t="s">
        <v>1</v>
      </c>
      <c r="C51539" s="14" t="s">
        <v>20</v>
      </c>
      <c r="D51539" s="14" t="s">
        <v>31</v>
      </c>
      <c r="E51539" s="15">
        <v>45450</v>
      </c>
      <c r="F51539" s="14" t="s">
        <v>15</v>
      </c>
      <c r="G51539" s="16">
        <v>0.75983137243857091</v>
      </c>
    </row>
    <row r="51540" spans="1:7" x14ac:dyDescent="0.3">
      <c r="A51540" s="13" t="s">
        <v>288</v>
      </c>
      <c r="B51540" s="14" t="s">
        <v>1</v>
      </c>
      <c r="C51540" s="14" t="s">
        <v>20</v>
      </c>
      <c r="D51540" s="14" t="s">
        <v>31</v>
      </c>
      <c r="E51540" s="15">
        <v>45451</v>
      </c>
      <c r="F51540" s="14" t="s">
        <v>15</v>
      </c>
      <c r="G51540" s="16">
        <v>0.75983137243857091</v>
      </c>
    </row>
    <row r="51541" spans="1:7" x14ac:dyDescent="0.3">
      <c r="A51541" s="13" t="s">
        <v>288</v>
      </c>
      <c r="B51541" s="14" t="s">
        <v>1</v>
      </c>
      <c r="C51541" s="14" t="s">
        <v>20</v>
      </c>
      <c r="D51541" s="14" t="s">
        <v>31</v>
      </c>
      <c r="E51541" s="15">
        <v>45452</v>
      </c>
      <c r="F51541" s="14" t="s">
        <v>15</v>
      </c>
      <c r="G51541" s="16">
        <v>0.75983137243857091</v>
      </c>
    </row>
    <row r="51542" spans="1:7" x14ac:dyDescent="0.3">
      <c r="A51542" s="13" t="s">
        <v>288</v>
      </c>
      <c r="B51542" s="14" t="s">
        <v>1</v>
      </c>
      <c r="C51542" s="14" t="s">
        <v>20</v>
      </c>
      <c r="D51542" s="14" t="s">
        <v>31</v>
      </c>
      <c r="E51542" s="15">
        <v>45453</v>
      </c>
      <c r="F51542" s="14" t="s">
        <v>15</v>
      </c>
      <c r="G51542" s="16">
        <v>0.76817105606206038</v>
      </c>
    </row>
    <row r="51543" spans="1:7" x14ac:dyDescent="0.3">
      <c r="A51543" s="13" t="s">
        <v>288</v>
      </c>
      <c r="B51543" s="14" t="s">
        <v>1</v>
      </c>
      <c r="C51543" s="14" t="s">
        <v>20</v>
      </c>
      <c r="D51543" s="14" t="s">
        <v>31</v>
      </c>
      <c r="E51543" s="15">
        <v>45454</v>
      </c>
      <c r="F51543" s="14" t="s">
        <v>15</v>
      </c>
      <c r="G51543" s="16">
        <v>0.7942401484767756</v>
      </c>
    </row>
    <row r="51544" spans="1:7" x14ac:dyDescent="0.3">
      <c r="A51544" s="13" t="s">
        <v>288</v>
      </c>
      <c r="B51544" s="14" t="s">
        <v>1</v>
      </c>
      <c r="C51544" s="14" t="s">
        <v>20</v>
      </c>
      <c r="D51544" s="14" t="s">
        <v>31</v>
      </c>
      <c r="E51544" s="15">
        <v>45455</v>
      </c>
      <c r="F51544" s="14" t="s">
        <v>15</v>
      </c>
      <c r="G51544" s="16">
        <v>0.80222915427113339</v>
      </c>
    </row>
    <row r="51545" spans="1:7" x14ac:dyDescent="0.3">
      <c r="A51545" s="13" t="s">
        <v>288</v>
      </c>
      <c r="B51545" s="14" t="s">
        <v>1</v>
      </c>
      <c r="C51545" s="14" t="s">
        <v>20</v>
      </c>
      <c r="D51545" s="14" t="s">
        <v>31</v>
      </c>
      <c r="E51545" s="15">
        <v>45456</v>
      </c>
      <c r="F51545" s="14" t="s">
        <v>15</v>
      </c>
      <c r="G51545" s="16">
        <v>0.81022153795079088</v>
      </c>
    </row>
    <row r="51546" spans="1:7" x14ac:dyDescent="0.3">
      <c r="A51546" s="13" t="s">
        <v>288</v>
      </c>
      <c r="B51546" s="14" t="s">
        <v>1</v>
      </c>
      <c r="C51546" s="14" t="s">
        <v>20</v>
      </c>
      <c r="D51546" s="14" t="s">
        <v>31</v>
      </c>
      <c r="E51546" s="15">
        <v>45457</v>
      </c>
      <c r="F51546" s="14" t="s">
        <v>15</v>
      </c>
      <c r="G51546" s="16">
        <v>0.83884124488773359</v>
      </c>
    </row>
    <row r="51547" spans="1:7" x14ac:dyDescent="0.3">
      <c r="A51547" s="13" t="s">
        <v>288</v>
      </c>
      <c r="B51547" s="14" t="s">
        <v>1</v>
      </c>
      <c r="C51547" s="14" t="s">
        <v>20</v>
      </c>
      <c r="D51547" s="14" t="s">
        <v>31</v>
      </c>
      <c r="E51547" s="15">
        <v>45458</v>
      </c>
      <c r="F51547" s="14" t="s">
        <v>15</v>
      </c>
      <c r="G51547" s="16">
        <v>0.83884124488773359</v>
      </c>
    </row>
    <row r="51548" spans="1:7" x14ac:dyDescent="0.3">
      <c r="A51548" s="13" t="s">
        <v>288</v>
      </c>
      <c r="B51548" s="14" t="s">
        <v>1</v>
      </c>
      <c r="C51548" s="14" t="s">
        <v>20</v>
      </c>
      <c r="D51548" s="14" t="s">
        <v>31</v>
      </c>
      <c r="E51548" s="15">
        <v>45459</v>
      </c>
      <c r="F51548" s="14" t="s">
        <v>15</v>
      </c>
      <c r="G51548" s="16">
        <v>0.83884124488773359</v>
      </c>
    </row>
    <row r="51549" spans="1:7" x14ac:dyDescent="0.3">
      <c r="A51549" s="13" t="s">
        <v>288</v>
      </c>
      <c r="B51549" s="14" t="s">
        <v>1</v>
      </c>
      <c r="C51549" s="14" t="s">
        <v>20</v>
      </c>
      <c r="D51549" s="14" t="s">
        <v>31</v>
      </c>
      <c r="E51549" s="15">
        <v>45460</v>
      </c>
      <c r="F51549" s="14" t="s">
        <v>15</v>
      </c>
      <c r="G51549" s="16">
        <v>0.84777020035645179</v>
      </c>
    </row>
    <row r="51550" spans="1:7" x14ac:dyDescent="0.3">
      <c r="A51550" s="13" t="s">
        <v>288</v>
      </c>
      <c r="B51550" s="14" t="s">
        <v>1</v>
      </c>
      <c r="C51550" s="14" t="s">
        <v>20</v>
      </c>
      <c r="D51550" s="14" t="s">
        <v>31</v>
      </c>
      <c r="E51550" s="15">
        <v>45461</v>
      </c>
      <c r="F51550" s="14" t="s">
        <v>15</v>
      </c>
      <c r="G51550" s="16">
        <v>0.87185379583198075</v>
      </c>
    </row>
    <row r="51551" spans="1:7" x14ac:dyDescent="0.3">
      <c r="A51551" s="13" t="s">
        <v>288</v>
      </c>
      <c r="B51551" s="14" t="s">
        <v>1</v>
      </c>
      <c r="C51551" s="14" t="s">
        <v>20</v>
      </c>
      <c r="D51551" s="14" t="s">
        <v>31</v>
      </c>
      <c r="E51551" s="15">
        <v>45462</v>
      </c>
      <c r="F51551" s="14" t="s">
        <v>15</v>
      </c>
      <c r="G51551" s="16">
        <v>0.88049503535871565</v>
      </c>
    </row>
    <row r="51552" spans="1:7" x14ac:dyDescent="0.3">
      <c r="A51552" s="13" t="s">
        <v>288</v>
      </c>
      <c r="B51552" s="14" t="s">
        <v>1</v>
      </c>
      <c r="C51552" s="14" t="s">
        <v>20</v>
      </c>
      <c r="D51552" s="14" t="s">
        <v>31</v>
      </c>
      <c r="E51552" s="15">
        <v>45463</v>
      </c>
      <c r="F51552" s="14" t="s">
        <v>15</v>
      </c>
      <c r="G51552" s="16">
        <v>0.88844573275348071</v>
      </c>
    </row>
    <row r="51553" spans="1:7" x14ac:dyDescent="0.3">
      <c r="A51553" s="13" t="s">
        <v>288</v>
      </c>
      <c r="B51553" s="14" t="s">
        <v>1</v>
      </c>
      <c r="C51553" s="14" t="s">
        <v>20</v>
      </c>
      <c r="D51553" s="14" t="s">
        <v>31</v>
      </c>
      <c r="E51553" s="15">
        <v>45464</v>
      </c>
      <c r="F51553" s="14" t="s">
        <v>15</v>
      </c>
      <c r="G51553" s="16">
        <v>0.89771720427879931</v>
      </c>
    </row>
    <row r="51554" spans="1:7" x14ac:dyDescent="0.3">
      <c r="A51554" s="13" t="s">
        <v>288</v>
      </c>
      <c r="B51554" s="14" t="s">
        <v>1</v>
      </c>
      <c r="C51554" s="14" t="s">
        <v>20</v>
      </c>
      <c r="D51554" s="14" t="s">
        <v>31</v>
      </c>
      <c r="E51554" s="15">
        <v>45465</v>
      </c>
      <c r="F51554" s="14" t="s">
        <v>15</v>
      </c>
      <c r="G51554" s="16">
        <v>0.89771720427879931</v>
      </c>
    </row>
    <row r="51555" spans="1:7" x14ac:dyDescent="0.3">
      <c r="A51555" s="13" t="s">
        <v>288</v>
      </c>
      <c r="B51555" s="14" t="s">
        <v>1</v>
      </c>
      <c r="C51555" s="14" t="s">
        <v>20</v>
      </c>
      <c r="D51555" s="14" t="s">
        <v>31</v>
      </c>
      <c r="E51555" s="15">
        <v>45466</v>
      </c>
      <c r="F51555" s="14" t="s">
        <v>15</v>
      </c>
      <c r="G51555" s="16">
        <v>0.89771720427879931</v>
      </c>
    </row>
    <row r="51556" spans="1:7" x14ac:dyDescent="0.3">
      <c r="A51556" s="13" t="s">
        <v>288</v>
      </c>
      <c r="B51556" s="14" t="s">
        <v>1</v>
      </c>
      <c r="C51556" s="14" t="s">
        <v>20</v>
      </c>
      <c r="D51556" s="14" t="s">
        <v>31</v>
      </c>
      <c r="E51556" s="15">
        <v>45467</v>
      </c>
      <c r="F51556" s="14" t="s">
        <v>15</v>
      </c>
      <c r="G51556" s="16">
        <v>0.91022440734849352</v>
      </c>
    </row>
    <row r="51557" spans="1:7" x14ac:dyDescent="0.3">
      <c r="A51557" s="13" t="s">
        <v>288</v>
      </c>
      <c r="B51557" s="14" t="s">
        <v>1</v>
      </c>
      <c r="C51557" s="14" t="s">
        <v>20</v>
      </c>
      <c r="D51557" s="14" t="s">
        <v>31</v>
      </c>
      <c r="E51557" s="15">
        <v>45468</v>
      </c>
      <c r="F51557" s="14" t="s">
        <v>15</v>
      </c>
      <c r="G51557" s="16">
        <v>0.93217535977263466</v>
      </c>
    </row>
    <row r="51558" spans="1:7" x14ac:dyDescent="0.3">
      <c r="A51558" s="13" t="s">
        <v>288</v>
      </c>
      <c r="B51558" s="14" t="s">
        <v>1</v>
      </c>
      <c r="C51558" s="14" t="s">
        <v>20</v>
      </c>
      <c r="D51558" s="14" t="s">
        <v>31</v>
      </c>
      <c r="E51558" s="15">
        <v>45469</v>
      </c>
      <c r="F51558" s="14" t="s">
        <v>15</v>
      </c>
      <c r="G51558" s="16">
        <v>0.93944805013880628</v>
      </c>
    </row>
    <row r="51559" spans="1:7" x14ac:dyDescent="0.3">
      <c r="A51559" s="13" t="s">
        <v>288</v>
      </c>
      <c r="B51559" s="14" t="s">
        <v>1</v>
      </c>
      <c r="C51559" s="14" t="s">
        <v>20</v>
      </c>
      <c r="D51559" s="14" t="s">
        <v>31</v>
      </c>
      <c r="E51559" s="15">
        <v>45470</v>
      </c>
      <c r="F51559" s="14" t="s">
        <v>15</v>
      </c>
      <c r="G51559" s="16">
        <v>0.94671568829452746</v>
      </c>
    </row>
    <row r="51560" spans="1:7" x14ac:dyDescent="0.3">
      <c r="A51560" s="13" t="s">
        <v>288</v>
      </c>
      <c r="B51560" s="14" t="s">
        <v>1</v>
      </c>
      <c r="C51560" s="14" t="s">
        <v>20</v>
      </c>
      <c r="D51560" s="14" t="s">
        <v>31</v>
      </c>
      <c r="E51560" s="15">
        <v>45471</v>
      </c>
      <c r="F51560" s="14" t="s">
        <v>15</v>
      </c>
      <c r="G51560" s="16">
        <v>0.95153135452400728</v>
      </c>
    </row>
    <row r="51561" spans="1:7" x14ac:dyDescent="0.3">
      <c r="A51561" s="13" t="s">
        <v>288</v>
      </c>
      <c r="B51561" s="14" t="s">
        <v>1</v>
      </c>
      <c r="C51561" s="14" t="s">
        <v>20</v>
      </c>
      <c r="D51561" s="14" t="s">
        <v>31</v>
      </c>
      <c r="E51561" s="15">
        <v>45472</v>
      </c>
      <c r="F51561" s="14" t="s">
        <v>15</v>
      </c>
      <c r="G51561" s="16">
        <v>0.95153135452400728</v>
      </c>
    </row>
    <row r="51562" spans="1:7" x14ac:dyDescent="0.3">
      <c r="A51562" s="13" t="s">
        <v>288</v>
      </c>
      <c r="B51562" s="14" t="s">
        <v>1</v>
      </c>
      <c r="C51562" s="14" t="s">
        <v>20</v>
      </c>
      <c r="D51562" s="14" t="s">
        <v>31</v>
      </c>
      <c r="E51562" s="15">
        <v>45473</v>
      </c>
      <c r="F51562" s="14" t="s">
        <v>15</v>
      </c>
      <c r="G51562" s="16">
        <v>0.95153135452400728</v>
      </c>
    </row>
    <row r="51563" spans="1:7" x14ac:dyDescent="0.3">
      <c r="A51563" s="13" t="s">
        <v>288</v>
      </c>
      <c r="B51563" s="14" t="s">
        <v>1</v>
      </c>
      <c r="C51563" s="14" t="s">
        <v>20</v>
      </c>
      <c r="D51563" s="14" t="s">
        <v>31</v>
      </c>
      <c r="E51563" s="15">
        <v>45474</v>
      </c>
      <c r="F51563" s="14" t="s">
        <v>15</v>
      </c>
      <c r="G51563" s="16">
        <v>0.9589787601823625</v>
      </c>
    </row>
    <row r="51564" spans="1:7" x14ac:dyDescent="0.3">
      <c r="A51564" s="13" t="s">
        <v>288</v>
      </c>
      <c r="B51564" s="14" t="s">
        <v>1</v>
      </c>
      <c r="C51564" s="14" t="s">
        <v>20</v>
      </c>
      <c r="D51564" s="14" t="s">
        <v>31</v>
      </c>
      <c r="E51564" s="15">
        <v>45475</v>
      </c>
      <c r="F51564" s="14" t="s">
        <v>15</v>
      </c>
      <c r="G51564" s="16">
        <v>0.99459340086885917</v>
      </c>
    </row>
    <row r="51565" spans="1:7" x14ac:dyDescent="0.3">
      <c r="A51565" s="13" t="s">
        <v>288</v>
      </c>
      <c r="B51565" s="14" t="s">
        <v>1</v>
      </c>
      <c r="C51565" s="14" t="s">
        <v>20</v>
      </c>
      <c r="D51565" s="14" t="s">
        <v>31</v>
      </c>
      <c r="E51565" s="15">
        <v>45476</v>
      </c>
      <c r="F51565" s="14" t="s">
        <v>15</v>
      </c>
      <c r="G51565" s="16">
        <v>1.0008426717477403</v>
      </c>
    </row>
    <row r="51566" spans="1:7" x14ac:dyDescent="0.3">
      <c r="A51566" s="13" t="s">
        <v>288</v>
      </c>
      <c r="B51566" s="14" t="s">
        <v>1</v>
      </c>
      <c r="C51566" s="14" t="s">
        <v>20</v>
      </c>
      <c r="D51566" s="14" t="s">
        <v>31</v>
      </c>
      <c r="E51566" s="15">
        <v>45477</v>
      </c>
      <c r="F51566" s="14" t="s">
        <v>15</v>
      </c>
      <c r="G51566" s="16">
        <v>1.0084893402895214</v>
      </c>
    </row>
    <row r="51567" spans="1:7" x14ac:dyDescent="0.3">
      <c r="A51567" s="13" t="s">
        <v>288</v>
      </c>
      <c r="B51567" s="14" t="s">
        <v>1</v>
      </c>
      <c r="C51567" s="14" t="s">
        <v>20</v>
      </c>
      <c r="D51567" s="14" t="s">
        <v>31</v>
      </c>
      <c r="E51567" s="15">
        <v>45478</v>
      </c>
      <c r="F51567" s="14" t="s">
        <v>15</v>
      </c>
      <c r="G51567" s="16">
        <v>1.0164077189193019</v>
      </c>
    </row>
    <row r="51568" spans="1:7" x14ac:dyDescent="0.3">
      <c r="A51568" s="13" t="s">
        <v>288</v>
      </c>
      <c r="B51568" s="14" t="s">
        <v>1</v>
      </c>
      <c r="C51568" s="14" t="s">
        <v>20</v>
      </c>
      <c r="D51568" s="14" t="s">
        <v>31</v>
      </c>
      <c r="E51568" s="15">
        <v>45479</v>
      </c>
      <c r="F51568" s="14" t="s">
        <v>15</v>
      </c>
      <c r="G51568" s="16">
        <v>1.0164077189193019</v>
      </c>
    </row>
    <row r="51569" spans="1:7" x14ac:dyDescent="0.3">
      <c r="A51569" s="13" t="s">
        <v>288</v>
      </c>
      <c r="B51569" s="14" t="s">
        <v>1</v>
      </c>
      <c r="C51569" s="14" t="s">
        <v>20</v>
      </c>
      <c r="D51569" s="14" t="s">
        <v>31</v>
      </c>
      <c r="E51569" s="15">
        <v>45480</v>
      </c>
      <c r="F51569" s="14" t="s">
        <v>15</v>
      </c>
      <c r="G51569" s="16">
        <v>1.0164077189193019</v>
      </c>
    </row>
    <row r="51570" spans="1:7" x14ac:dyDescent="0.3">
      <c r="A51570" s="13" t="s">
        <v>288</v>
      </c>
      <c r="B51570" s="14" t="s">
        <v>1</v>
      </c>
      <c r="C51570" s="14" t="s">
        <v>20</v>
      </c>
      <c r="D51570" s="14" t="s">
        <v>31</v>
      </c>
      <c r="E51570" s="15">
        <v>45481</v>
      </c>
      <c r="F51570" s="14" t="s">
        <v>15</v>
      </c>
      <c r="G51570" s="16">
        <v>1.0243178959787531</v>
      </c>
    </row>
    <row r="51571" spans="1:7" x14ac:dyDescent="0.3">
      <c r="A51571" s="13" t="s">
        <v>288</v>
      </c>
      <c r="B51571" s="14" t="s">
        <v>1</v>
      </c>
      <c r="C51571" s="14" t="s">
        <v>20</v>
      </c>
      <c r="D51571" s="14" t="s">
        <v>31</v>
      </c>
      <c r="E51571" s="15">
        <v>45482</v>
      </c>
      <c r="F51571" s="14" t="s">
        <v>15</v>
      </c>
      <c r="G51571" s="16">
        <v>1.048017198283318</v>
      </c>
    </row>
    <row r="51572" spans="1:7" x14ac:dyDescent="0.3">
      <c r="A51572" s="13" t="s">
        <v>288</v>
      </c>
      <c r="B51572" s="14" t="s">
        <v>1</v>
      </c>
      <c r="C51572" s="14" t="s">
        <v>20</v>
      </c>
      <c r="D51572" s="14" t="s">
        <v>31</v>
      </c>
      <c r="E51572" s="15">
        <v>45483</v>
      </c>
      <c r="F51572" s="14" t="s">
        <v>15</v>
      </c>
      <c r="G51572" s="16">
        <v>1.0682015103793672</v>
      </c>
    </row>
    <row r="51573" spans="1:7" x14ac:dyDescent="0.3">
      <c r="A51573" s="13" t="s">
        <v>288</v>
      </c>
      <c r="B51573" s="14" t="s">
        <v>1</v>
      </c>
      <c r="C51573" s="14" t="s">
        <v>20</v>
      </c>
      <c r="D51573" s="14" t="s">
        <v>31</v>
      </c>
      <c r="E51573" s="15">
        <v>45484</v>
      </c>
      <c r="F51573" s="14" t="s">
        <v>15</v>
      </c>
      <c r="G51573" s="16">
        <v>1.0765318635875603</v>
      </c>
    </row>
    <row r="51574" spans="1:7" x14ac:dyDescent="0.3">
      <c r="A51574" s="13" t="s">
        <v>288</v>
      </c>
      <c r="B51574" s="14" t="s">
        <v>1</v>
      </c>
      <c r="C51574" s="14" t="s">
        <v>20</v>
      </c>
      <c r="D51574" s="14" t="s">
        <v>31</v>
      </c>
      <c r="E51574" s="15">
        <v>45485</v>
      </c>
      <c r="F51574" s="14" t="s">
        <v>15</v>
      </c>
      <c r="G51574" s="16">
        <v>1.0870896045570648</v>
      </c>
    </row>
    <row r="51575" spans="1:7" x14ac:dyDescent="0.3">
      <c r="A51575" s="13" t="s">
        <v>288</v>
      </c>
      <c r="B51575" s="14" t="s">
        <v>1</v>
      </c>
      <c r="C51575" s="14" t="s">
        <v>20</v>
      </c>
      <c r="D51575" s="14" t="s">
        <v>31</v>
      </c>
      <c r="E51575" s="15">
        <v>45486</v>
      </c>
      <c r="F51575" s="14" t="s">
        <v>15</v>
      </c>
      <c r="G51575" s="16">
        <v>1.0870896045570648</v>
      </c>
    </row>
    <row r="51576" spans="1:7" x14ac:dyDescent="0.3">
      <c r="A51576" s="13" t="s">
        <v>288</v>
      </c>
      <c r="B51576" s="14" t="s">
        <v>1</v>
      </c>
      <c r="C51576" s="14" t="s">
        <v>20</v>
      </c>
      <c r="D51576" s="14" t="s">
        <v>31</v>
      </c>
      <c r="E51576" s="15">
        <v>45487</v>
      </c>
      <c r="F51576" s="14" t="s">
        <v>15</v>
      </c>
      <c r="G51576" s="16">
        <v>1.0870896045570648</v>
      </c>
    </row>
    <row r="51577" spans="1:7" x14ac:dyDescent="0.3">
      <c r="A51577" s="13" t="s">
        <v>288</v>
      </c>
      <c r="B51577" s="14" t="s">
        <v>1</v>
      </c>
      <c r="C51577" s="14" t="s">
        <v>20</v>
      </c>
      <c r="D51577" s="14" t="s">
        <v>31</v>
      </c>
      <c r="E51577" s="15">
        <v>45488</v>
      </c>
      <c r="F51577" s="14" t="s">
        <v>15</v>
      </c>
      <c r="G51577" s="16">
        <v>1.094921563442089</v>
      </c>
    </row>
    <row r="51578" spans="1:7" x14ac:dyDescent="0.3">
      <c r="A51578" s="13" t="s">
        <v>288</v>
      </c>
      <c r="B51578" s="14" t="s">
        <v>1</v>
      </c>
      <c r="C51578" s="14" t="s">
        <v>20</v>
      </c>
      <c r="D51578" s="14" t="s">
        <v>31</v>
      </c>
      <c r="E51578" s="15">
        <v>45489</v>
      </c>
      <c r="F51578" s="14" t="s">
        <v>15</v>
      </c>
      <c r="G51578" s="16">
        <v>1.1183634325597112</v>
      </c>
    </row>
    <row r="51579" spans="1:7" x14ac:dyDescent="0.3">
      <c r="A51579" s="13" t="s">
        <v>288</v>
      </c>
      <c r="B51579" s="14" t="s">
        <v>1</v>
      </c>
      <c r="C51579" s="14" t="s">
        <v>20</v>
      </c>
      <c r="D51579" s="14" t="s">
        <v>31</v>
      </c>
      <c r="E51579" s="15">
        <v>45490</v>
      </c>
      <c r="F51579" s="14" t="s">
        <v>15</v>
      </c>
      <c r="G51579" s="16">
        <v>1.1261872633009378</v>
      </c>
    </row>
    <row r="51580" spans="1:7" x14ac:dyDescent="0.3">
      <c r="A51580" s="13" t="s">
        <v>288</v>
      </c>
      <c r="B51580" s="14" t="s">
        <v>1</v>
      </c>
      <c r="C51580" s="14" t="s">
        <v>20</v>
      </c>
      <c r="D51580" s="14" t="s">
        <v>31</v>
      </c>
      <c r="E51580" s="15">
        <v>45491</v>
      </c>
      <c r="F51580" s="14" t="s">
        <v>15</v>
      </c>
      <c r="G51580" s="16">
        <v>1.1339951368811745</v>
      </c>
    </row>
    <row r="51581" spans="1:7" x14ac:dyDescent="0.3">
      <c r="A51581" s="13" t="s">
        <v>288</v>
      </c>
      <c r="B51581" s="14" t="s">
        <v>1</v>
      </c>
      <c r="C51581" s="14" t="s">
        <v>20</v>
      </c>
      <c r="D51581" s="14" t="s">
        <v>31</v>
      </c>
      <c r="E51581" s="15">
        <v>45492</v>
      </c>
      <c r="F51581" s="14" t="s">
        <v>15</v>
      </c>
      <c r="G51581" s="16">
        <v>1.1418345840429118</v>
      </c>
    </row>
    <row r="51582" spans="1:7" x14ac:dyDescent="0.3">
      <c r="A51582" s="13" t="s">
        <v>288</v>
      </c>
      <c r="B51582" s="14" t="s">
        <v>1</v>
      </c>
      <c r="C51582" s="14" t="s">
        <v>20</v>
      </c>
      <c r="D51582" s="14" t="s">
        <v>31</v>
      </c>
      <c r="E51582" s="15">
        <v>45493</v>
      </c>
      <c r="F51582" s="14" t="s">
        <v>15</v>
      </c>
      <c r="G51582" s="16">
        <v>1.1418345840429118</v>
      </c>
    </row>
    <row r="51583" spans="1:7" x14ac:dyDescent="0.3">
      <c r="A51583" s="13" t="s">
        <v>288</v>
      </c>
      <c r="B51583" s="14" t="s">
        <v>1</v>
      </c>
      <c r="C51583" s="14" t="s">
        <v>20</v>
      </c>
      <c r="D51583" s="14" t="s">
        <v>31</v>
      </c>
      <c r="E51583" s="15">
        <v>45494</v>
      </c>
      <c r="F51583" s="14" t="s">
        <v>15</v>
      </c>
      <c r="G51583" s="16">
        <v>1.1418345840429118</v>
      </c>
    </row>
    <row r="51584" spans="1:7" x14ac:dyDescent="0.3">
      <c r="A51584" s="13" t="s">
        <v>288</v>
      </c>
      <c r="B51584" s="14" t="s">
        <v>1</v>
      </c>
      <c r="C51584" s="14" t="s">
        <v>20</v>
      </c>
      <c r="D51584" s="14" t="s">
        <v>31</v>
      </c>
      <c r="E51584" s="15">
        <v>45495</v>
      </c>
      <c r="F51584" s="14" t="s">
        <v>15</v>
      </c>
      <c r="G51584" s="16">
        <v>1.1481829362814286</v>
      </c>
    </row>
    <row r="51585" spans="1:7" x14ac:dyDescent="0.3">
      <c r="A51585" s="13" t="s">
        <v>288</v>
      </c>
      <c r="B51585" s="14" t="s">
        <v>1</v>
      </c>
      <c r="C51585" s="14" t="s">
        <v>20</v>
      </c>
      <c r="D51585" s="14" t="s">
        <v>31</v>
      </c>
      <c r="E51585" s="15">
        <v>45496</v>
      </c>
      <c r="F51585" s="14" t="s">
        <v>15</v>
      </c>
      <c r="G51585" s="16">
        <v>1.1718437589121884</v>
      </c>
    </row>
    <row r="51586" spans="1:7" x14ac:dyDescent="0.3">
      <c r="A51586" s="13" t="s">
        <v>288</v>
      </c>
      <c r="B51586" s="14" t="s">
        <v>1</v>
      </c>
      <c r="C51586" s="14" t="s">
        <v>20</v>
      </c>
      <c r="D51586" s="14" t="s">
        <v>31</v>
      </c>
      <c r="E51586" s="15">
        <v>45497</v>
      </c>
      <c r="F51586" s="14" t="s">
        <v>15</v>
      </c>
      <c r="G51586" s="16">
        <v>1.1796911216702144</v>
      </c>
    </row>
    <row r="51587" spans="1:7" x14ac:dyDescent="0.3">
      <c r="A51587" s="13" t="s">
        <v>288</v>
      </c>
      <c r="B51587" s="14" t="s">
        <v>1</v>
      </c>
      <c r="C51587" s="14" t="s">
        <v>20</v>
      </c>
      <c r="D51587" s="14" t="s">
        <v>31</v>
      </c>
      <c r="E51587" s="15">
        <v>45498</v>
      </c>
      <c r="F51587" s="14" t="s">
        <v>15</v>
      </c>
      <c r="G51587" s="16">
        <v>1.1875409608159062</v>
      </c>
    </row>
    <row r="51588" spans="1:7" x14ac:dyDescent="0.3">
      <c r="A51588" s="13" t="s">
        <v>288</v>
      </c>
      <c r="B51588" s="14" t="s">
        <v>1</v>
      </c>
      <c r="C51588" s="14" t="s">
        <v>20</v>
      </c>
      <c r="D51588" s="14" t="s">
        <v>31</v>
      </c>
      <c r="E51588" s="15">
        <v>45499</v>
      </c>
      <c r="F51588" s="14" t="s">
        <v>15</v>
      </c>
      <c r="G51588" s="16">
        <v>1.1954403719361206</v>
      </c>
    </row>
    <row r="51589" spans="1:7" x14ac:dyDescent="0.3">
      <c r="A51589" s="13" t="s">
        <v>288</v>
      </c>
      <c r="B51589" s="14" t="s">
        <v>1</v>
      </c>
      <c r="C51589" s="14" t="s">
        <v>20</v>
      </c>
      <c r="D51589" s="14" t="s">
        <v>31</v>
      </c>
      <c r="E51589" s="15">
        <v>45500</v>
      </c>
      <c r="F51589" s="14" t="s">
        <v>15</v>
      </c>
      <c r="G51589" s="16">
        <v>1.1954403719361206</v>
      </c>
    </row>
    <row r="51590" spans="1:7" x14ac:dyDescent="0.3">
      <c r="A51590" s="13" t="s">
        <v>288</v>
      </c>
      <c r="B51590" s="14" t="s">
        <v>1</v>
      </c>
      <c r="C51590" s="14" t="s">
        <v>20</v>
      </c>
      <c r="D51590" s="14" t="s">
        <v>31</v>
      </c>
      <c r="E51590" s="15">
        <v>45501</v>
      </c>
      <c r="F51590" s="14" t="s">
        <v>15</v>
      </c>
      <c r="G51590" s="16">
        <v>1.1954403719361206</v>
      </c>
    </row>
    <row r="51591" spans="1:7" x14ac:dyDescent="0.3">
      <c r="A51591" s="13" t="s">
        <v>288</v>
      </c>
      <c r="B51591" s="14" t="s">
        <v>1</v>
      </c>
      <c r="C51591" s="14" t="s">
        <v>20</v>
      </c>
      <c r="D51591" s="14" t="s">
        <v>31</v>
      </c>
      <c r="E51591" s="15">
        <v>45502</v>
      </c>
      <c r="F51591" s="14" t="s">
        <v>15</v>
      </c>
      <c r="G51591" s="16">
        <v>1.2033688363901989</v>
      </c>
    </row>
    <row r="51592" spans="1:7" x14ac:dyDescent="0.3">
      <c r="A51592" s="13" t="s">
        <v>288</v>
      </c>
      <c r="B51592" s="14" t="s">
        <v>1</v>
      </c>
      <c r="C51592" s="14" t="s">
        <v>20</v>
      </c>
      <c r="D51592" s="14" t="s">
        <v>31</v>
      </c>
      <c r="E51592" s="15">
        <v>45503</v>
      </c>
      <c r="F51592" s="14" t="s">
        <v>15</v>
      </c>
      <c r="G51592" s="16">
        <v>1.2269346276442865</v>
      </c>
    </row>
    <row r="51593" spans="1:7" x14ac:dyDescent="0.3">
      <c r="A51593" s="13" t="s">
        <v>288</v>
      </c>
      <c r="B51593" s="14" t="s">
        <v>1</v>
      </c>
      <c r="C51593" s="14" t="s">
        <v>20</v>
      </c>
      <c r="D51593" s="14" t="s">
        <v>31</v>
      </c>
      <c r="E51593" s="15">
        <v>45504</v>
      </c>
      <c r="F51593" s="14" t="s">
        <v>15</v>
      </c>
      <c r="G51593" s="16">
        <v>1.2385579509380327</v>
      </c>
    </row>
    <row r="51594" spans="1:7" x14ac:dyDescent="0.3">
      <c r="A51594" s="13" t="s">
        <v>288</v>
      </c>
      <c r="B51594" s="14" t="s">
        <v>1</v>
      </c>
      <c r="C51594" s="14" t="s">
        <v>20</v>
      </c>
      <c r="D51594" s="14" t="s">
        <v>31</v>
      </c>
      <c r="E51594" s="15">
        <v>45505</v>
      </c>
      <c r="F51594" s="14" t="s">
        <v>15</v>
      </c>
      <c r="G51594" s="16">
        <v>1.2385579509380327</v>
      </c>
    </row>
    <row r="51595" spans="1:7" x14ac:dyDescent="0.3">
      <c r="A51595" s="13" t="s">
        <v>288</v>
      </c>
      <c r="B51595" s="14" t="s">
        <v>1</v>
      </c>
      <c r="C51595" s="14" t="s">
        <v>20</v>
      </c>
      <c r="D51595" s="14" t="s">
        <v>31</v>
      </c>
      <c r="E51595" s="15">
        <v>45506</v>
      </c>
      <c r="F51595" s="14" t="s">
        <v>15</v>
      </c>
      <c r="G51595" s="16">
        <v>1.2464350303480474</v>
      </c>
    </row>
    <row r="51596" spans="1:7" x14ac:dyDescent="0.3">
      <c r="A51596" s="13" t="s">
        <v>288</v>
      </c>
      <c r="B51596" s="14" t="s">
        <v>1</v>
      </c>
      <c r="C51596" s="14" t="s">
        <v>20</v>
      </c>
      <c r="D51596" s="14" t="s">
        <v>31</v>
      </c>
      <c r="E51596" s="15">
        <v>45507</v>
      </c>
      <c r="F51596" s="14" t="s">
        <v>15</v>
      </c>
      <c r="G51596" s="16">
        <v>1.2464350303480474</v>
      </c>
    </row>
    <row r="51597" spans="1:7" x14ac:dyDescent="0.3">
      <c r="A51597" s="13" t="s">
        <v>288</v>
      </c>
      <c r="B51597" s="14" t="s">
        <v>1</v>
      </c>
      <c r="C51597" s="14" t="s">
        <v>20</v>
      </c>
      <c r="D51597" s="14" t="s">
        <v>31</v>
      </c>
      <c r="E51597" s="15">
        <v>45508</v>
      </c>
      <c r="F51597" s="14" t="s">
        <v>15</v>
      </c>
      <c r="G51597" s="16">
        <v>1.2464350303480474</v>
      </c>
    </row>
    <row r="51598" spans="1:7" x14ac:dyDescent="0.3">
      <c r="A51598" s="13" t="s">
        <v>288</v>
      </c>
      <c r="B51598" s="14" t="s">
        <v>1</v>
      </c>
      <c r="C51598" s="14" t="s">
        <v>20</v>
      </c>
      <c r="D51598" s="14" t="s">
        <v>31</v>
      </c>
      <c r="E51598" s="15">
        <v>45509</v>
      </c>
      <c r="F51598" s="14" t="s">
        <v>15</v>
      </c>
      <c r="G51598" s="16">
        <v>1.2464350303480474</v>
      </c>
    </row>
    <row r="51599" spans="1:7" x14ac:dyDescent="0.3">
      <c r="A51599" s="13" t="s">
        <v>288</v>
      </c>
      <c r="B51599" s="14" t="s">
        <v>1</v>
      </c>
      <c r="C51599" s="14" t="s">
        <v>20</v>
      </c>
      <c r="D51599" s="14" t="s">
        <v>31</v>
      </c>
      <c r="E51599" s="15">
        <v>45510</v>
      </c>
      <c r="F51599" s="14" t="s">
        <v>15</v>
      </c>
      <c r="G51599" s="16">
        <v>1.2915586606563765</v>
      </c>
    </row>
    <row r="51600" spans="1:7" x14ac:dyDescent="0.3">
      <c r="A51600" s="13" t="s">
        <v>288</v>
      </c>
      <c r="B51600" s="14" t="s">
        <v>1</v>
      </c>
      <c r="C51600" s="14" t="s">
        <v>20</v>
      </c>
      <c r="D51600" s="14" t="s">
        <v>31</v>
      </c>
      <c r="E51600" s="15">
        <v>45511</v>
      </c>
      <c r="F51600" s="14" t="s">
        <v>15</v>
      </c>
      <c r="G51600" s="16">
        <v>1.3361082554595505</v>
      </c>
    </row>
    <row r="51601" spans="1:7" x14ac:dyDescent="0.3">
      <c r="A51601" s="13" t="s">
        <v>288</v>
      </c>
      <c r="B51601" s="14" t="s">
        <v>1</v>
      </c>
      <c r="C51601" s="14" t="s">
        <v>20</v>
      </c>
      <c r="D51601" s="14" t="s">
        <v>31</v>
      </c>
      <c r="E51601" s="15">
        <v>45512</v>
      </c>
      <c r="F51601" s="14" t="s">
        <v>15</v>
      </c>
      <c r="G51601" s="16">
        <v>1.3440902275756916</v>
      </c>
    </row>
    <row r="51602" spans="1:7" x14ac:dyDescent="0.3">
      <c r="A51602" s="13" t="s">
        <v>288</v>
      </c>
      <c r="B51602" s="14" t="s">
        <v>1</v>
      </c>
      <c r="C51602" s="14" t="s">
        <v>20</v>
      </c>
      <c r="D51602" s="14" t="s">
        <v>31</v>
      </c>
      <c r="E51602" s="15">
        <v>45513</v>
      </c>
      <c r="F51602" s="14" t="s">
        <v>15</v>
      </c>
      <c r="G51602" s="16">
        <v>1.3520619403715033</v>
      </c>
    </row>
    <row r="51603" spans="1:7" x14ac:dyDescent="0.3">
      <c r="A51603" s="13" t="s">
        <v>288</v>
      </c>
      <c r="B51603" s="14" t="s">
        <v>1</v>
      </c>
      <c r="C51603" s="14" t="s">
        <v>20</v>
      </c>
      <c r="D51603" s="14" t="s">
        <v>31</v>
      </c>
      <c r="E51603" s="15">
        <v>45514</v>
      </c>
      <c r="F51603" s="14" t="s">
        <v>15</v>
      </c>
      <c r="G51603" s="16">
        <v>1.3520619403715033</v>
      </c>
    </row>
    <row r="51604" spans="1:7" x14ac:dyDescent="0.3">
      <c r="A51604" s="13" t="s">
        <v>288</v>
      </c>
      <c r="B51604" s="14" t="s">
        <v>1</v>
      </c>
      <c r="C51604" s="14" t="s">
        <v>20</v>
      </c>
      <c r="D51604" s="14" t="s">
        <v>31</v>
      </c>
      <c r="E51604" s="15">
        <v>45515</v>
      </c>
      <c r="F51604" s="14" t="s">
        <v>15</v>
      </c>
      <c r="G51604" s="16">
        <v>1.3520619403715033</v>
      </c>
    </row>
    <row r="51605" spans="1:7" x14ac:dyDescent="0.3">
      <c r="A51605" s="13" t="s">
        <v>288</v>
      </c>
      <c r="B51605" s="14" t="s">
        <v>1</v>
      </c>
      <c r="C51605" s="14" t="s">
        <v>20</v>
      </c>
      <c r="D51605" s="14" t="s">
        <v>31</v>
      </c>
      <c r="E51605" s="15">
        <v>45516</v>
      </c>
      <c r="F51605" s="14" t="s">
        <v>15</v>
      </c>
      <c r="G51605" s="16">
        <v>1.3608473676215449</v>
      </c>
    </row>
    <row r="51606" spans="1:7" x14ac:dyDescent="0.3">
      <c r="A51606" s="13" t="s">
        <v>288</v>
      </c>
      <c r="B51606" s="14" t="s">
        <v>1</v>
      </c>
      <c r="C51606" s="14" t="s">
        <v>20</v>
      </c>
      <c r="D51606" s="14" t="s">
        <v>31</v>
      </c>
      <c r="E51606" s="15">
        <v>45517</v>
      </c>
      <c r="F51606" s="14" t="s">
        <v>15</v>
      </c>
      <c r="G51606" s="16">
        <v>1.3845483873306641</v>
      </c>
    </row>
    <row r="51607" spans="1:7" x14ac:dyDescent="0.3">
      <c r="A51607" s="13" t="s">
        <v>288</v>
      </c>
      <c r="B51607" s="14" t="s">
        <v>1</v>
      </c>
      <c r="C51607" s="14" t="s">
        <v>20</v>
      </c>
      <c r="D51607" s="14" t="s">
        <v>31</v>
      </c>
      <c r="E51607" s="15">
        <v>45518</v>
      </c>
      <c r="F51607" s="14" t="s">
        <v>15</v>
      </c>
      <c r="G51607" s="16">
        <v>1.3924359021486403</v>
      </c>
    </row>
    <row r="51608" spans="1:7" x14ac:dyDescent="0.3">
      <c r="A51608" s="13" t="s">
        <v>288</v>
      </c>
      <c r="B51608" s="14" t="s">
        <v>1</v>
      </c>
      <c r="C51608" s="14" t="s">
        <v>20</v>
      </c>
      <c r="D51608" s="14" t="s">
        <v>31</v>
      </c>
      <c r="E51608" s="15">
        <v>45519</v>
      </c>
      <c r="F51608" s="14" t="s">
        <v>15</v>
      </c>
      <c r="G51608" s="16">
        <v>1.400963952164008</v>
      </c>
    </row>
    <row r="51609" spans="1:7" x14ac:dyDescent="0.3">
      <c r="A51609" s="13" t="s">
        <v>288</v>
      </c>
      <c r="B51609" s="14" t="s">
        <v>1</v>
      </c>
      <c r="C51609" s="14" t="s">
        <v>20</v>
      </c>
      <c r="D51609" s="14" t="s">
        <v>31</v>
      </c>
      <c r="E51609" s="15">
        <v>45520</v>
      </c>
      <c r="F51609" s="14" t="s">
        <v>15</v>
      </c>
      <c r="G51609" s="16">
        <v>1.4092756278846386</v>
      </c>
    </row>
    <row r="51610" spans="1:7" x14ac:dyDescent="0.3">
      <c r="A51610" s="13" t="s">
        <v>288</v>
      </c>
      <c r="B51610" s="14" t="s">
        <v>1</v>
      </c>
      <c r="C51610" s="14" t="s">
        <v>20</v>
      </c>
      <c r="D51610" s="14" t="s">
        <v>31</v>
      </c>
      <c r="E51610" s="15">
        <v>45521</v>
      </c>
      <c r="F51610" s="14" t="s">
        <v>15</v>
      </c>
      <c r="G51610" s="16">
        <v>1.4092756278846386</v>
      </c>
    </row>
    <row r="51611" spans="1:7" x14ac:dyDescent="0.3">
      <c r="A51611" s="13" t="s">
        <v>288</v>
      </c>
      <c r="B51611" s="14" t="s">
        <v>1</v>
      </c>
      <c r="C51611" s="14" t="s">
        <v>20</v>
      </c>
      <c r="D51611" s="14" t="s">
        <v>31</v>
      </c>
      <c r="E51611" s="15">
        <v>45522</v>
      </c>
      <c r="F51611" s="14" t="s">
        <v>15</v>
      </c>
      <c r="G51611" s="16">
        <v>1.4092756278846386</v>
      </c>
    </row>
    <row r="51612" spans="1:7" x14ac:dyDescent="0.3">
      <c r="A51612" s="13" t="s">
        <v>288</v>
      </c>
      <c r="B51612" s="14" t="s">
        <v>1</v>
      </c>
      <c r="C51612" s="14" t="s">
        <v>20</v>
      </c>
      <c r="D51612" s="14" t="s">
        <v>31</v>
      </c>
      <c r="E51612" s="15">
        <v>45523</v>
      </c>
      <c r="F51612" s="14" t="s">
        <v>15</v>
      </c>
      <c r="G51612" s="16">
        <v>1.4240485640763705</v>
      </c>
    </row>
    <row r="51613" spans="1:7" x14ac:dyDescent="0.3">
      <c r="A51613" s="13" t="s">
        <v>288</v>
      </c>
      <c r="B51613" s="14" t="s">
        <v>1</v>
      </c>
      <c r="C51613" s="14" t="s">
        <v>20</v>
      </c>
      <c r="D51613" s="14" t="s">
        <v>31</v>
      </c>
      <c r="E51613" s="15">
        <v>45524</v>
      </c>
      <c r="F51613" s="14" t="s">
        <v>15</v>
      </c>
      <c r="G51613" s="16">
        <v>1.4474256099330753</v>
      </c>
    </row>
    <row r="51614" spans="1:7" x14ac:dyDescent="0.3">
      <c r="A51614" s="13" t="s">
        <v>288</v>
      </c>
      <c r="B51614" s="14" t="s">
        <v>1</v>
      </c>
      <c r="C51614" s="14" t="s">
        <v>20</v>
      </c>
      <c r="D51614" s="14" t="s">
        <v>31</v>
      </c>
      <c r="E51614" s="15">
        <v>45525</v>
      </c>
      <c r="F51614" s="14" t="s">
        <v>15</v>
      </c>
      <c r="G51614" s="16">
        <v>1.4534024086998973</v>
      </c>
    </row>
    <row r="51615" spans="1:7" x14ac:dyDescent="0.3">
      <c r="A51615" s="13" t="s">
        <v>288</v>
      </c>
      <c r="B51615" s="14" t="s">
        <v>1</v>
      </c>
      <c r="C51615" s="14" t="s">
        <v>20</v>
      </c>
      <c r="D51615" s="14" t="s">
        <v>31</v>
      </c>
      <c r="E51615" s="15">
        <v>45526</v>
      </c>
      <c r="F51615" s="14" t="s">
        <v>15</v>
      </c>
      <c r="G51615" s="16">
        <v>1.4778591569753703</v>
      </c>
    </row>
    <row r="51616" spans="1:7" x14ac:dyDescent="0.3">
      <c r="A51616" s="13" t="s">
        <v>288</v>
      </c>
      <c r="B51616" s="14" t="s">
        <v>1</v>
      </c>
      <c r="C51616" s="14" t="s">
        <v>20</v>
      </c>
      <c r="D51616" s="14" t="s">
        <v>31</v>
      </c>
      <c r="E51616" s="15">
        <v>45527</v>
      </c>
      <c r="F51616" s="14" t="s">
        <v>15</v>
      </c>
      <c r="G51616" s="16">
        <v>1.4908994166849809</v>
      </c>
    </row>
    <row r="51617" spans="1:7" x14ac:dyDescent="0.3">
      <c r="A51617" s="13" t="s">
        <v>288</v>
      </c>
      <c r="B51617" s="14" t="s">
        <v>1</v>
      </c>
      <c r="C51617" s="14" t="s">
        <v>20</v>
      </c>
      <c r="D51617" s="14" t="s">
        <v>31</v>
      </c>
      <c r="E51617" s="15">
        <v>45528</v>
      </c>
      <c r="F51617" s="14" t="s">
        <v>15</v>
      </c>
      <c r="G51617" s="16">
        <v>1.4908994166849809</v>
      </c>
    </row>
    <row r="51618" spans="1:7" x14ac:dyDescent="0.3">
      <c r="A51618" s="13" t="s">
        <v>288</v>
      </c>
      <c r="B51618" s="14" t="s">
        <v>1</v>
      </c>
      <c r="C51618" s="14" t="s">
        <v>20</v>
      </c>
      <c r="D51618" s="14" t="s">
        <v>31</v>
      </c>
      <c r="E51618" s="15">
        <v>45529</v>
      </c>
      <c r="F51618" s="14" t="s">
        <v>15</v>
      </c>
      <c r="G51618" s="16">
        <v>1.4908994166849809</v>
      </c>
    </row>
    <row r="51619" spans="1:7" x14ac:dyDescent="0.3">
      <c r="A51619" s="13" t="s">
        <v>288</v>
      </c>
      <c r="B51619" s="14" t="s">
        <v>1</v>
      </c>
      <c r="C51619" s="14" t="s">
        <v>20</v>
      </c>
      <c r="D51619" s="14" t="s">
        <v>31</v>
      </c>
      <c r="E51619" s="15">
        <v>45530</v>
      </c>
      <c r="F51619" s="14" t="s">
        <v>15</v>
      </c>
      <c r="G51619" s="16">
        <v>1.4986705993330369</v>
      </c>
    </row>
    <row r="51620" spans="1:7" x14ac:dyDescent="0.3">
      <c r="A51620" s="13" t="s">
        <v>288</v>
      </c>
      <c r="B51620" s="14" t="s">
        <v>1</v>
      </c>
      <c r="C51620" s="14" t="s">
        <v>20</v>
      </c>
      <c r="D51620" s="14" t="s">
        <v>31</v>
      </c>
      <c r="E51620" s="15">
        <v>45531</v>
      </c>
      <c r="F51620" s="14" t="s">
        <v>15</v>
      </c>
      <c r="G51620" s="16">
        <v>1.521860221138204</v>
      </c>
    </row>
    <row r="51621" spans="1:7" x14ac:dyDescent="0.3">
      <c r="A51621" s="13" t="s">
        <v>288</v>
      </c>
      <c r="B51621" s="14" t="s">
        <v>1</v>
      </c>
      <c r="C51621" s="14" t="s">
        <v>20</v>
      </c>
      <c r="D51621" s="14" t="s">
        <v>31</v>
      </c>
      <c r="E51621" s="15">
        <v>45532</v>
      </c>
      <c r="F51621" s="14" t="s">
        <v>15</v>
      </c>
      <c r="G51621" s="16">
        <v>1.5350750233691215</v>
      </c>
    </row>
    <row r="51622" spans="1:7" x14ac:dyDescent="0.3">
      <c r="A51622" s="13" t="s">
        <v>288</v>
      </c>
      <c r="B51622" s="14" t="s">
        <v>1</v>
      </c>
      <c r="C51622" s="14" t="s">
        <v>20</v>
      </c>
      <c r="D51622" s="14" t="s">
        <v>31</v>
      </c>
      <c r="E51622" s="15">
        <v>45533</v>
      </c>
      <c r="F51622" s="14" t="s">
        <v>15</v>
      </c>
      <c r="G51622" s="16">
        <v>1.5428096862149767</v>
      </c>
    </row>
    <row r="51623" spans="1:7" x14ac:dyDescent="0.3">
      <c r="A51623" s="13" t="s">
        <v>288</v>
      </c>
      <c r="B51623" s="14" t="s">
        <v>1</v>
      </c>
      <c r="C51623" s="14" t="s">
        <v>20</v>
      </c>
      <c r="D51623" s="14" t="s">
        <v>31</v>
      </c>
      <c r="E51623" s="15">
        <v>45534</v>
      </c>
      <c r="F51623" s="14" t="s">
        <v>15</v>
      </c>
      <c r="G51623" s="16">
        <v>1.5505308048563486</v>
      </c>
    </row>
    <row r="51624" spans="1:7" x14ac:dyDescent="0.3">
      <c r="A51624" s="13" t="s">
        <v>288</v>
      </c>
      <c r="B51624" s="14" t="s">
        <v>1</v>
      </c>
      <c r="C51624" s="14" t="s">
        <v>20</v>
      </c>
      <c r="D51624" s="14" t="s">
        <v>31</v>
      </c>
      <c r="E51624" s="15">
        <v>45535</v>
      </c>
      <c r="F51624" s="14" t="s">
        <v>15</v>
      </c>
      <c r="G51624" s="16">
        <v>1.5505308048563486</v>
      </c>
    </row>
    <row r="51625" spans="1:7" x14ac:dyDescent="0.3">
      <c r="A51625" s="13" t="s">
        <v>288</v>
      </c>
      <c r="B51625" s="14" t="s">
        <v>1</v>
      </c>
      <c r="C51625" s="14" t="s">
        <v>20</v>
      </c>
      <c r="D51625" s="14" t="s">
        <v>31</v>
      </c>
      <c r="E51625" s="15">
        <v>45536</v>
      </c>
      <c r="F51625" s="14" t="s">
        <v>15</v>
      </c>
      <c r="G51625" s="16">
        <v>1.5505308048563486</v>
      </c>
    </row>
    <row r="51626" spans="1:7" x14ac:dyDescent="0.3">
      <c r="A51626" s="13" t="s">
        <v>288</v>
      </c>
      <c r="B51626" s="14" t="s">
        <v>1</v>
      </c>
      <c r="C51626" s="14" t="s">
        <v>20</v>
      </c>
      <c r="D51626" s="14" t="s">
        <v>31</v>
      </c>
      <c r="E51626" s="15">
        <v>45537</v>
      </c>
      <c r="F51626" s="14" t="s">
        <v>15</v>
      </c>
      <c r="G51626" s="16">
        <v>1.5582372153382973</v>
      </c>
    </row>
    <row r="51627" spans="1:7" x14ac:dyDescent="0.3">
      <c r="A51627" s="13" t="s">
        <v>288</v>
      </c>
      <c r="B51627" s="14" t="s">
        <v>1</v>
      </c>
      <c r="C51627" s="14" t="s">
        <v>20</v>
      </c>
      <c r="D51627" s="14" t="s">
        <v>31</v>
      </c>
      <c r="E51627" s="15">
        <v>45538</v>
      </c>
      <c r="F51627" s="14" t="s">
        <v>15</v>
      </c>
      <c r="G51627" s="16">
        <v>1.5923023649272572</v>
      </c>
    </row>
    <row r="51628" spans="1:7" x14ac:dyDescent="0.3">
      <c r="A51628" s="13" t="s">
        <v>288</v>
      </c>
      <c r="B51628" s="14" t="s">
        <v>1</v>
      </c>
      <c r="C51628" s="14" t="s">
        <v>20</v>
      </c>
      <c r="D51628" s="14" t="s">
        <v>31</v>
      </c>
      <c r="E51628" s="15">
        <v>45539</v>
      </c>
      <c r="F51628" s="14" t="s">
        <v>15</v>
      </c>
      <c r="G51628" s="16">
        <v>1.5995158759228914</v>
      </c>
    </row>
    <row r="51629" spans="1:7" x14ac:dyDescent="0.3">
      <c r="A51629" s="13" t="s">
        <v>288</v>
      </c>
      <c r="B51629" s="14" t="s">
        <v>1</v>
      </c>
      <c r="C51629" s="14" t="s">
        <v>20</v>
      </c>
      <c r="D51629" s="14" t="s">
        <v>31</v>
      </c>
      <c r="E51629" s="15">
        <v>45540</v>
      </c>
      <c r="F51629" s="14" t="s">
        <v>15</v>
      </c>
      <c r="G51629" s="16">
        <v>1.621397385140406</v>
      </c>
    </row>
    <row r="51630" spans="1:7" x14ac:dyDescent="0.3">
      <c r="A51630" s="13" t="s">
        <v>288</v>
      </c>
      <c r="B51630" s="14" t="s">
        <v>1</v>
      </c>
      <c r="C51630" s="14" t="s">
        <v>20</v>
      </c>
      <c r="D51630" s="14" t="s">
        <v>31</v>
      </c>
      <c r="E51630" s="15">
        <v>45541</v>
      </c>
      <c r="F51630" s="14" t="s">
        <v>15</v>
      </c>
      <c r="G51630" s="16">
        <v>1.6290400749436535</v>
      </c>
    </row>
    <row r="51631" spans="1:7" x14ac:dyDescent="0.3">
      <c r="A51631" s="13" t="s">
        <v>288</v>
      </c>
      <c r="B51631" s="14" t="s">
        <v>1</v>
      </c>
      <c r="C51631" s="14" t="s">
        <v>20</v>
      </c>
      <c r="D51631" s="14" t="s">
        <v>31</v>
      </c>
      <c r="E51631" s="15">
        <v>45542</v>
      </c>
      <c r="F51631" s="14" t="s">
        <v>15</v>
      </c>
      <c r="G51631" s="16">
        <v>1.6290400749436535</v>
      </c>
    </row>
    <row r="51632" spans="1:7" x14ac:dyDescent="0.3">
      <c r="A51632" s="13" t="s">
        <v>288</v>
      </c>
      <c r="B51632" s="14" t="s">
        <v>1</v>
      </c>
      <c r="C51632" s="14" t="s">
        <v>20</v>
      </c>
      <c r="D51632" s="14" t="s">
        <v>31</v>
      </c>
      <c r="E51632" s="15">
        <v>45543</v>
      </c>
      <c r="F51632" s="14" t="s">
        <v>15</v>
      </c>
      <c r="G51632" s="16">
        <v>1.6290400749436535</v>
      </c>
    </row>
    <row r="51633" spans="1:7" x14ac:dyDescent="0.3">
      <c r="A51633" s="13" t="s">
        <v>288</v>
      </c>
      <c r="B51633" s="14" t="s">
        <v>1</v>
      </c>
      <c r="C51633" s="14" t="s">
        <v>20</v>
      </c>
      <c r="D51633" s="14" t="s">
        <v>31</v>
      </c>
      <c r="E51633" s="15">
        <v>45544</v>
      </c>
      <c r="F51633" s="14" t="s">
        <v>15</v>
      </c>
      <c r="G51633" s="16">
        <v>1.6368083125388679</v>
      </c>
    </row>
    <row r="51634" spans="1:7" x14ac:dyDescent="0.3">
      <c r="A51634" s="13" t="s">
        <v>288</v>
      </c>
      <c r="B51634" s="14" t="s">
        <v>1</v>
      </c>
      <c r="C51634" s="14" t="s">
        <v>20</v>
      </c>
      <c r="D51634" s="14" t="s">
        <v>31</v>
      </c>
      <c r="E51634" s="15">
        <v>45545</v>
      </c>
      <c r="F51634" s="14" t="s">
        <v>15</v>
      </c>
      <c r="G51634" s="16">
        <v>1.6599349951571711</v>
      </c>
    </row>
    <row r="51635" spans="1:7" x14ac:dyDescent="0.3">
      <c r="A51635" s="13" t="s">
        <v>288</v>
      </c>
      <c r="B51635" s="14" t="s">
        <v>1</v>
      </c>
      <c r="C51635" s="14" t="s">
        <v>20</v>
      </c>
      <c r="D51635" s="14" t="s">
        <v>31</v>
      </c>
      <c r="E51635" s="15">
        <v>45546</v>
      </c>
      <c r="F51635" s="14" t="s">
        <v>15</v>
      </c>
      <c r="G51635" s="16">
        <v>1.6731416847902973</v>
      </c>
    </row>
    <row r="51636" spans="1:7" x14ac:dyDescent="0.3">
      <c r="A51636" s="13" t="s">
        <v>288</v>
      </c>
      <c r="B51636" s="14" t="s">
        <v>1</v>
      </c>
      <c r="C51636" s="14" t="s">
        <v>20</v>
      </c>
      <c r="D51636" s="14" t="s">
        <v>31</v>
      </c>
      <c r="E51636" s="15">
        <v>45547</v>
      </c>
      <c r="F51636" s="14" t="s">
        <v>15</v>
      </c>
      <c r="G51636" s="16">
        <v>1.6808137468759872</v>
      </c>
    </row>
    <row r="51637" spans="1:7" x14ac:dyDescent="0.3">
      <c r="A51637" s="13" t="s">
        <v>288</v>
      </c>
      <c r="B51637" s="14" t="s">
        <v>1</v>
      </c>
      <c r="C51637" s="14" t="s">
        <v>20</v>
      </c>
      <c r="D51637" s="14" t="s">
        <v>31</v>
      </c>
      <c r="E51637" s="15">
        <v>45548</v>
      </c>
      <c r="F51637" s="14" t="s">
        <v>15</v>
      </c>
      <c r="G51637" s="16">
        <v>1.6977342027271822</v>
      </c>
    </row>
    <row r="51638" spans="1:7" x14ac:dyDescent="0.3">
      <c r="A51638" s="13" t="s">
        <v>288</v>
      </c>
      <c r="B51638" s="14" t="s">
        <v>1</v>
      </c>
      <c r="C51638" s="14" t="s">
        <v>20</v>
      </c>
      <c r="D51638" s="14" t="s">
        <v>31</v>
      </c>
      <c r="E51638" s="15">
        <v>45549</v>
      </c>
      <c r="F51638" s="14" t="s">
        <v>15</v>
      </c>
      <c r="G51638" s="16">
        <v>1.6977342027271822</v>
      </c>
    </row>
    <row r="51639" spans="1:7" x14ac:dyDescent="0.3">
      <c r="A51639" s="13" t="s">
        <v>288</v>
      </c>
      <c r="B51639" s="14" t="s">
        <v>1</v>
      </c>
      <c r="C51639" s="14" t="s">
        <v>20</v>
      </c>
      <c r="D51639" s="14" t="s">
        <v>31</v>
      </c>
      <c r="E51639" s="15">
        <v>45550</v>
      </c>
      <c r="F51639" s="14" t="s">
        <v>15</v>
      </c>
      <c r="G51639" s="16">
        <v>1.6977342027271822</v>
      </c>
    </row>
    <row r="51640" spans="1:7" x14ac:dyDescent="0.3">
      <c r="A51640" s="13" t="s">
        <v>288</v>
      </c>
      <c r="B51640" s="14" t="s">
        <v>1</v>
      </c>
      <c r="C51640" s="14" t="s">
        <v>20</v>
      </c>
      <c r="D51640" s="14" t="s">
        <v>31</v>
      </c>
      <c r="E51640" s="15">
        <v>45551</v>
      </c>
      <c r="F51640" s="14" t="s">
        <v>15</v>
      </c>
      <c r="G51640" s="16">
        <v>1.7053312708143733</v>
      </c>
    </row>
    <row r="51641" spans="1:7" x14ac:dyDescent="0.3">
      <c r="A51641" s="13" t="s">
        <v>288</v>
      </c>
      <c r="B51641" s="14" t="s">
        <v>1</v>
      </c>
      <c r="C51641" s="14" t="s">
        <v>20</v>
      </c>
      <c r="D51641" s="14" t="s">
        <v>31</v>
      </c>
      <c r="E51641" s="15">
        <v>45552</v>
      </c>
      <c r="F51641" s="14" t="s">
        <v>15</v>
      </c>
      <c r="G51641" s="16">
        <v>1.7292082016724997</v>
      </c>
    </row>
    <row r="51642" spans="1:7" x14ac:dyDescent="0.3">
      <c r="A51642" s="13" t="s">
        <v>288</v>
      </c>
      <c r="B51642" s="14" t="s">
        <v>1</v>
      </c>
      <c r="C51642" s="14" t="s">
        <v>20</v>
      </c>
      <c r="D51642" s="14" t="s">
        <v>31</v>
      </c>
      <c r="E51642" s="15">
        <v>45553</v>
      </c>
      <c r="F51642" s="14" t="s">
        <v>15</v>
      </c>
      <c r="G51642" s="16">
        <v>1.7367731231837049</v>
      </c>
    </row>
    <row r="51643" spans="1:7" x14ac:dyDescent="0.3">
      <c r="A51643" s="13" t="s">
        <v>288</v>
      </c>
      <c r="B51643" s="14" t="s">
        <v>1</v>
      </c>
      <c r="C51643" s="14" t="s">
        <v>20</v>
      </c>
      <c r="D51643" s="14" t="s">
        <v>31</v>
      </c>
      <c r="E51643" s="15">
        <v>45554</v>
      </c>
      <c r="F51643" s="14" t="s">
        <v>15</v>
      </c>
      <c r="G51643" s="16">
        <v>1.7388702837106154</v>
      </c>
    </row>
    <row r="51644" spans="1:7" x14ac:dyDescent="0.3">
      <c r="A51644" s="13" t="s">
        <v>288</v>
      </c>
      <c r="B51644" s="14" t="s">
        <v>1</v>
      </c>
      <c r="C51644" s="14" t="s">
        <v>20</v>
      </c>
      <c r="D51644" s="14" t="s">
        <v>31</v>
      </c>
      <c r="E51644" s="15">
        <v>45555</v>
      </c>
      <c r="F51644" s="14" t="s">
        <v>15</v>
      </c>
      <c r="G51644" s="16">
        <v>1.7483983302410209</v>
      </c>
    </row>
    <row r="51645" spans="1:7" x14ac:dyDescent="0.3">
      <c r="A51645" s="13" t="s">
        <v>288</v>
      </c>
      <c r="B51645" s="14" t="s">
        <v>1</v>
      </c>
      <c r="C51645" s="14" t="s">
        <v>20</v>
      </c>
      <c r="D51645" s="14" t="s">
        <v>31</v>
      </c>
      <c r="E51645" s="15">
        <v>45556</v>
      </c>
      <c r="F51645" s="14" t="s">
        <v>15</v>
      </c>
      <c r="G51645" s="16">
        <v>1.7483983302410209</v>
      </c>
    </row>
    <row r="51646" spans="1:7" x14ac:dyDescent="0.3">
      <c r="A51646" s="13" t="s">
        <v>288</v>
      </c>
      <c r="B51646" s="14" t="s">
        <v>1</v>
      </c>
      <c r="C51646" s="14" t="s">
        <v>20</v>
      </c>
      <c r="D51646" s="14" t="s">
        <v>31</v>
      </c>
      <c r="E51646" s="15">
        <v>45557</v>
      </c>
      <c r="F51646" s="14" t="s">
        <v>15</v>
      </c>
      <c r="G51646" s="16">
        <v>1.7483983302410209</v>
      </c>
    </row>
    <row r="51647" spans="1:7" x14ac:dyDescent="0.3">
      <c r="A51647" s="13" t="s">
        <v>288</v>
      </c>
      <c r="B51647" s="14" t="s">
        <v>1</v>
      </c>
      <c r="C51647" s="14" t="s">
        <v>20</v>
      </c>
      <c r="D51647" s="14" t="s">
        <v>31</v>
      </c>
      <c r="E51647" s="15">
        <v>45558</v>
      </c>
      <c r="F51647" s="14" t="s">
        <v>15</v>
      </c>
      <c r="G51647" s="16">
        <v>1.7525309315556723</v>
      </c>
    </row>
    <row r="51648" spans="1:7" x14ac:dyDescent="0.3">
      <c r="A51648" s="13" t="s">
        <v>288</v>
      </c>
      <c r="B51648" s="14" t="s">
        <v>1</v>
      </c>
      <c r="C51648" s="14" t="s">
        <v>20</v>
      </c>
      <c r="D51648" s="14" t="s">
        <v>31</v>
      </c>
      <c r="E51648" s="15">
        <v>45559</v>
      </c>
      <c r="F51648" s="14" t="s">
        <v>15</v>
      </c>
      <c r="G51648" s="16">
        <v>1.7745472469962853</v>
      </c>
    </row>
    <row r="51649" spans="1:7" x14ac:dyDescent="0.3">
      <c r="A51649" s="13" t="s">
        <v>288</v>
      </c>
      <c r="B51649" s="14" t="s">
        <v>1</v>
      </c>
      <c r="C51649" s="14" t="s">
        <v>20</v>
      </c>
      <c r="D51649" s="14" t="s">
        <v>31</v>
      </c>
      <c r="E51649" s="15">
        <v>45560</v>
      </c>
      <c r="F51649" s="14" t="s">
        <v>15</v>
      </c>
      <c r="G51649" s="16">
        <v>1.7818606122115483</v>
      </c>
    </row>
    <row r="51650" spans="1:7" x14ac:dyDescent="0.3">
      <c r="A51650" s="13" t="s">
        <v>288</v>
      </c>
      <c r="B51650" s="14" t="s">
        <v>1</v>
      </c>
      <c r="C51650" s="14" t="s">
        <v>20</v>
      </c>
      <c r="D51650" s="14" t="s">
        <v>31</v>
      </c>
      <c r="E51650" s="15">
        <v>45561</v>
      </c>
      <c r="F51650" s="14" t="s">
        <v>15</v>
      </c>
      <c r="G51650" s="16">
        <v>1.7891603139870056</v>
      </c>
    </row>
    <row r="51651" spans="1:7" x14ac:dyDescent="0.3">
      <c r="A51651" s="13" t="s">
        <v>288</v>
      </c>
      <c r="B51651" s="14" t="s">
        <v>1</v>
      </c>
      <c r="C51651" s="14" t="s">
        <v>20</v>
      </c>
      <c r="D51651" s="14" t="s">
        <v>31</v>
      </c>
      <c r="E51651" s="15">
        <v>45562</v>
      </c>
      <c r="F51651" s="14" t="s">
        <v>15</v>
      </c>
      <c r="G51651" s="16">
        <v>1.8116184562611664</v>
      </c>
    </row>
    <row r="51652" spans="1:7" x14ac:dyDescent="0.3">
      <c r="A51652" s="13" t="s">
        <v>288</v>
      </c>
      <c r="B51652" s="14" t="s">
        <v>1</v>
      </c>
      <c r="C51652" s="14" t="s">
        <v>20</v>
      </c>
      <c r="D51652" s="14" t="s">
        <v>31</v>
      </c>
      <c r="E51652" s="15">
        <v>45563</v>
      </c>
      <c r="F51652" s="14" t="s">
        <v>15</v>
      </c>
      <c r="G51652" s="16">
        <v>1.8116184562611664</v>
      </c>
    </row>
    <row r="51653" spans="1:7" x14ac:dyDescent="0.3">
      <c r="A51653" s="13" t="s">
        <v>288</v>
      </c>
      <c r="B51653" s="14" t="s">
        <v>1</v>
      </c>
      <c r="C51653" s="14" t="s">
        <v>20</v>
      </c>
      <c r="D51653" s="14" t="s">
        <v>31</v>
      </c>
      <c r="E51653" s="15">
        <v>45564</v>
      </c>
      <c r="F51653" s="14" t="s">
        <v>15</v>
      </c>
      <c r="G51653" s="16">
        <v>1.8116184562611664</v>
      </c>
    </row>
    <row r="51654" spans="1:7" x14ac:dyDescent="0.3">
      <c r="A51654" s="13" t="s">
        <v>288</v>
      </c>
      <c r="B51654" s="14" t="s">
        <v>1</v>
      </c>
      <c r="C51654" s="14" t="s">
        <v>20</v>
      </c>
      <c r="D51654" s="14" t="s">
        <v>31</v>
      </c>
      <c r="E51654" s="15">
        <v>45565</v>
      </c>
      <c r="F51654" s="14" t="s">
        <v>15</v>
      </c>
      <c r="G51654" s="16">
        <v>1.8200540176037516</v>
      </c>
    </row>
    <row r="51655" spans="1:7" x14ac:dyDescent="0.3">
      <c r="A51655" s="13" t="s">
        <v>288</v>
      </c>
      <c r="B51655" s="14" t="s">
        <v>1</v>
      </c>
      <c r="C51655" s="14" t="s">
        <v>20</v>
      </c>
      <c r="D51655" s="14" t="s">
        <v>31</v>
      </c>
      <c r="E51655" s="15">
        <v>45566</v>
      </c>
      <c r="F51655" s="14" t="s">
        <v>15</v>
      </c>
      <c r="G51655" s="16">
        <v>1.8445072766265258</v>
      </c>
    </row>
    <row r="51656" spans="1:7" x14ac:dyDescent="0.3">
      <c r="A51656" s="13" t="s">
        <v>288</v>
      </c>
      <c r="B51656" s="14" t="s">
        <v>1</v>
      </c>
      <c r="C51656" s="14" t="s">
        <v>20</v>
      </c>
      <c r="D51656" s="14" t="s">
        <v>31</v>
      </c>
      <c r="E51656" s="15">
        <v>45567</v>
      </c>
      <c r="F51656" s="14" t="s">
        <v>15</v>
      </c>
      <c r="G51656" s="16">
        <v>1.8642977038432547</v>
      </c>
    </row>
    <row r="51657" spans="1:7" x14ac:dyDescent="0.3">
      <c r="A51657" s="13" t="s">
        <v>288</v>
      </c>
      <c r="B51657" s="14" t="s">
        <v>1</v>
      </c>
      <c r="C51657" s="14" t="s">
        <v>20</v>
      </c>
      <c r="D51657" s="14" t="s">
        <v>31</v>
      </c>
      <c r="E51657" s="15">
        <v>45568</v>
      </c>
      <c r="F51657" s="14" t="s">
        <v>15</v>
      </c>
      <c r="G51657" s="16">
        <v>1.8716176910631077</v>
      </c>
    </row>
    <row r="51658" spans="1:7" x14ac:dyDescent="0.3">
      <c r="A51658" s="13" t="s">
        <v>288</v>
      </c>
      <c r="B51658" s="14" t="s">
        <v>1</v>
      </c>
      <c r="C51658" s="14" t="s">
        <v>20</v>
      </c>
      <c r="D51658" s="14" t="s">
        <v>31</v>
      </c>
      <c r="E51658" s="15">
        <v>45569</v>
      </c>
      <c r="F51658" s="14" t="s">
        <v>15</v>
      </c>
      <c r="G51658" s="16">
        <v>1.892349166284182</v>
      </c>
    </row>
    <row r="51659" spans="1:7" x14ac:dyDescent="0.3">
      <c r="A51659" s="13" t="s">
        <v>288</v>
      </c>
      <c r="B51659" s="14" t="s">
        <v>1</v>
      </c>
      <c r="C51659" s="14" t="s">
        <v>20</v>
      </c>
      <c r="D51659" s="14" t="s">
        <v>31</v>
      </c>
      <c r="E51659" s="15">
        <v>45570</v>
      </c>
      <c r="F51659" s="14" t="s">
        <v>15</v>
      </c>
      <c r="G51659" s="16">
        <v>1.892349166284182</v>
      </c>
    </row>
    <row r="51660" spans="1:7" x14ac:dyDescent="0.3">
      <c r="A51660" s="13" t="s">
        <v>288</v>
      </c>
      <c r="B51660" s="14" t="s">
        <v>1</v>
      </c>
      <c r="C51660" s="14" t="s">
        <v>20</v>
      </c>
      <c r="D51660" s="14" t="s">
        <v>31</v>
      </c>
      <c r="E51660" s="15">
        <v>45571</v>
      </c>
      <c r="F51660" s="14" t="s">
        <v>15</v>
      </c>
      <c r="G51660" s="16">
        <v>1.892349166284182</v>
      </c>
    </row>
    <row r="51661" spans="1:7" x14ac:dyDescent="0.3">
      <c r="A51661" s="13" t="s">
        <v>288</v>
      </c>
      <c r="B51661" s="14" t="s">
        <v>1</v>
      </c>
      <c r="C51661" s="14" t="s">
        <v>20</v>
      </c>
      <c r="D51661" s="14" t="s">
        <v>31</v>
      </c>
      <c r="E51661" s="15">
        <v>45572</v>
      </c>
      <c r="F51661" s="14" t="s">
        <v>15</v>
      </c>
      <c r="G51661" s="16">
        <v>1.8996414691387038</v>
      </c>
    </row>
    <row r="51662" spans="1:7" x14ac:dyDescent="0.3">
      <c r="A51662" s="13" t="s">
        <v>288</v>
      </c>
      <c r="B51662" s="14" t="s">
        <v>1</v>
      </c>
      <c r="C51662" s="14" t="s">
        <v>20</v>
      </c>
      <c r="D51662" s="14" t="s">
        <v>31</v>
      </c>
      <c r="E51662" s="15">
        <v>45573</v>
      </c>
      <c r="F51662" s="14" t="s">
        <v>15</v>
      </c>
      <c r="G51662" s="16">
        <v>1.9217661115533575</v>
      </c>
    </row>
    <row r="51663" spans="1:7" x14ac:dyDescent="0.3">
      <c r="A51663" s="13" t="s">
        <v>288</v>
      </c>
      <c r="B51663" s="14" t="s">
        <v>1</v>
      </c>
      <c r="C51663" s="14" t="s">
        <v>20</v>
      </c>
      <c r="D51663" s="14" t="s">
        <v>31</v>
      </c>
      <c r="E51663" s="15">
        <v>45574</v>
      </c>
      <c r="F51663" s="14" t="s">
        <v>15</v>
      </c>
      <c r="G51663" s="16">
        <v>1.931635220469528</v>
      </c>
    </row>
    <row r="51664" spans="1:7" x14ac:dyDescent="0.3">
      <c r="A51664" s="13" t="s">
        <v>288</v>
      </c>
      <c r="B51664" s="14" t="s">
        <v>1</v>
      </c>
      <c r="C51664" s="14" t="s">
        <v>20</v>
      </c>
      <c r="D51664" s="14" t="s">
        <v>31</v>
      </c>
      <c r="E51664" s="15">
        <v>45575</v>
      </c>
      <c r="F51664" s="14" t="s">
        <v>15</v>
      </c>
      <c r="G51664" s="16">
        <v>1.9388403263899328</v>
      </c>
    </row>
    <row r="51665" spans="1:7" x14ac:dyDescent="0.3">
      <c r="A51665" s="13" t="s">
        <v>288</v>
      </c>
      <c r="B51665" s="14" t="s">
        <v>1</v>
      </c>
      <c r="C51665" s="14" t="s">
        <v>20</v>
      </c>
      <c r="D51665" s="14" t="s">
        <v>31</v>
      </c>
      <c r="E51665" s="15">
        <v>45576</v>
      </c>
      <c r="F51665" s="14" t="s">
        <v>15</v>
      </c>
      <c r="G51665" s="16">
        <v>1.9464498973611581</v>
      </c>
    </row>
    <row r="51666" spans="1:7" x14ac:dyDescent="0.3">
      <c r="A51666" s="13" t="s">
        <v>288</v>
      </c>
      <c r="B51666" s="14" t="s">
        <v>1</v>
      </c>
      <c r="C51666" s="14" t="s">
        <v>20</v>
      </c>
      <c r="D51666" s="14" t="s">
        <v>31</v>
      </c>
      <c r="E51666" s="15">
        <v>45577</v>
      </c>
      <c r="F51666" s="14" t="s">
        <v>15</v>
      </c>
      <c r="G51666" s="16">
        <v>1.9464498973611581</v>
      </c>
    </row>
    <row r="51667" spans="1:7" x14ac:dyDescent="0.3">
      <c r="A51667" s="13" t="s">
        <v>288</v>
      </c>
      <c r="B51667" s="14" t="s">
        <v>1</v>
      </c>
      <c r="C51667" s="14" t="s">
        <v>20</v>
      </c>
      <c r="D51667" s="14" t="s">
        <v>31</v>
      </c>
      <c r="E51667" s="15">
        <v>45578</v>
      </c>
      <c r="F51667" s="14" t="s">
        <v>15</v>
      </c>
      <c r="G51667" s="16">
        <v>1.9464498973611581</v>
      </c>
    </row>
    <row r="51668" spans="1:7" x14ac:dyDescent="0.3">
      <c r="A51668" s="13" t="s">
        <v>288</v>
      </c>
      <c r="B51668" s="14" t="s">
        <v>1</v>
      </c>
      <c r="C51668" s="14" t="s">
        <v>20</v>
      </c>
      <c r="D51668" s="14" t="s">
        <v>31</v>
      </c>
      <c r="E51668" s="15">
        <v>45579</v>
      </c>
      <c r="F51668" s="14" t="s">
        <v>15</v>
      </c>
      <c r="G51668" s="16">
        <v>1.9536460102711686</v>
      </c>
    </row>
    <row r="51669" spans="1:7" x14ac:dyDescent="0.3">
      <c r="A51669" s="13" t="s">
        <v>288</v>
      </c>
      <c r="B51669" s="14" t="s">
        <v>1</v>
      </c>
      <c r="C51669" s="14" t="s">
        <v>20</v>
      </c>
      <c r="D51669" s="14" t="s">
        <v>31</v>
      </c>
      <c r="E51669" s="15">
        <v>45580</v>
      </c>
      <c r="F51669" s="14" t="s">
        <v>15</v>
      </c>
      <c r="G51669" s="16">
        <v>1.9750062027189248</v>
      </c>
    </row>
    <row r="51670" spans="1:7" x14ac:dyDescent="0.3">
      <c r="A51670" s="13" t="s">
        <v>288</v>
      </c>
      <c r="B51670" s="14" t="s">
        <v>1</v>
      </c>
      <c r="C51670" s="14" t="s">
        <v>20</v>
      </c>
      <c r="D51670" s="14" t="s">
        <v>31</v>
      </c>
      <c r="E51670" s="15">
        <v>45581</v>
      </c>
      <c r="F51670" s="14" t="s">
        <v>15</v>
      </c>
      <c r="G51670" s="16">
        <v>1.9826067365963718</v>
      </c>
    </row>
    <row r="51671" spans="1:7" x14ac:dyDescent="0.3">
      <c r="A51671" s="13" t="s">
        <v>288</v>
      </c>
      <c r="B51671" s="14" t="s">
        <v>1</v>
      </c>
      <c r="C51671" s="14" t="s">
        <v>20</v>
      </c>
      <c r="D51671" s="14" t="s">
        <v>31</v>
      </c>
      <c r="E51671" s="15">
        <v>45582</v>
      </c>
      <c r="F51671" s="14" t="s">
        <v>15</v>
      </c>
      <c r="G51671" s="16">
        <v>1.9897341296067887</v>
      </c>
    </row>
    <row r="51672" spans="1:7" x14ac:dyDescent="0.3">
      <c r="A51672" s="13" t="s">
        <v>288</v>
      </c>
      <c r="B51672" s="14" t="s">
        <v>1</v>
      </c>
      <c r="C51672" s="14" t="s">
        <v>20</v>
      </c>
      <c r="D51672" s="14" t="s">
        <v>31</v>
      </c>
      <c r="E51672" s="15">
        <v>45583</v>
      </c>
      <c r="F51672" s="14" t="s">
        <v>15</v>
      </c>
      <c r="G51672" s="16">
        <v>1.9968502725380939</v>
      </c>
    </row>
    <row r="51673" spans="1:7" x14ac:dyDescent="0.3">
      <c r="A51673" s="13" t="s">
        <v>288</v>
      </c>
      <c r="B51673" s="14" t="s">
        <v>1</v>
      </c>
      <c r="C51673" s="14" t="s">
        <v>20</v>
      </c>
      <c r="D51673" s="14" t="s">
        <v>31</v>
      </c>
      <c r="E51673" s="15">
        <v>45584</v>
      </c>
      <c r="F51673" s="14" t="s">
        <v>15</v>
      </c>
      <c r="G51673" s="16">
        <v>1.9968502725380939</v>
      </c>
    </row>
    <row r="51674" spans="1:7" x14ac:dyDescent="0.3">
      <c r="A51674" s="13" t="s">
        <v>288</v>
      </c>
      <c r="B51674" s="14" t="s">
        <v>1</v>
      </c>
      <c r="C51674" s="14" t="s">
        <v>20</v>
      </c>
      <c r="D51674" s="14" t="s">
        <v>31</v>
      </c>
      <c r="E51674" s="15">
        <v>45585</v>
      </c>
      <c r="F51674" s="14" t="s">
        <v>15</v>
      </c>
      <c r="G51674" s="16">
        <v>1.9968502725380939</v>
      </c>
    </row>
    <row r="51675" spans="1:7" x14ac:dyDescent="0.3">
      <c r="A51675" s="13" t="s">
        <v>288</v>
      </c>
      <c r="B51675" s="14" t="s">
        <v>1</v>
      </c>
      <c r="C51675" s="14" t="s">
        <v>20</v>
      </c>
      <c r="D51675" s="14" t="s">
        <v>31</v>
      </c>
      <c r="E51675" s="15">
        <v>45586</v>
      </c>
      <c r="F51675" s="14" t="s">
        <v>15</v>
      </c>
      <c r="G51675" s="16">
        <v>2.0011420765422141</v>
      </c>
    </row>
    <row r="51676" spans="1:7" x14ac:dyDescent="0.3">
      <c r="A51676" s="13" t="s">
        <v>288</v>
      </c>
      <c r="B51676" s="14" t="s">
        <v>1</v>
      </c>
      <c r="C51676" s="14" t="s">
        <v>20</v>
      </c>
      <c r="D51676" s="14" t="s">
        <v>31</v>
      </c>
      <c r="E51676" s="15">
        <v>45587</v>
      </c>
      <c r="F51676" s="14" t="s">
        <v>15</v>
      </c>
      <c r="G51676" s="16">
        <v>2.0225704212856854</v>
      </c>
    </row>
    <row r="51677" spans="1:7" x14ac:dyDescent="0.3">
      <c r="A51677" s="13" t="s">
        <v>288</v>
      </c>
      <c r="B51677" s="14" t="s">
        <v>1</v>
      </c>
      <c r="C51677" s="14" t="s">
        <v>20</v>
      </c>
      <c r="D51677" s="14" t="s">
        <v>31</v>
      </c>
      <c r="E51677" s="15">
        <v>45588</v>
      </c>
      <c r="F51677" s="14" t="s">
        <v>15</v>
      </c>
      <c r="G51677" s="16">
        <v>2.0299204664823387</v>
      </c>
    </row>
    <row r="51678" spans="1:7" x14ac:dyDescent="0.3">
      <c r="A51678" s="13" t="s">
        <v>288</v>
      </c>
      <c r="B51678" s="14" t="s">
        <v>1</v>
      </c>
      <c r="C51678" s="14" t="s">
        <v>20</v>
      </c>
      <c r="D51678" s="14" t="s">
        <v>31</v>
      </c>
      <c r="E51678" s="15">
        <v>45589</v>
      </c>
      <c r="F51678" s="14" t="s">
        <v>15</v>
      </c>
      <c r="G51678" s="16">
        <v>2.0370940162463671</v>
      </c>
    </row>
    <row r="51679" spans="1:7" x14ac:dyDescent="0.3">
      <c r="A51679" s="13" t="s">
        <v>288</v>
      </c>
      <c r="B51679" s="14" t="s">
        <v>1</v>
      </c>
      <c r="C51679" s="14" t="s">
        <v>20</v>
      </c>
      <c r="D51679" s="14" t="s">
        <v>31</v>
      </c>
      <c r="E51679" s="15">
        <v>45590</v>
      </c>
      <c r="F51679" s="14" t="s">
        <v>15</v>
      </c>
      <c r="G51679" s="16">
        <v>2.0442766271598383</v>
      </c>
    </row>
    <row r="51680" spans="1:7" x14ac:dyDescent="0.3">
      <c r="A51680" s="13" t="s">
        <v>288</v>
      </c>
      <c r="B51680" s="14" t="s">
        <v>1</v>
      </c>
      <c r="C51680" s="14" t="s">
        <v>20</v>
      </c>
      <c r="D51680" s="14" t="s">
        <v>31</v>
      </c>
      <c r="E51680" s="15">
        <v>45591</v>
      </c>
      <c r="F51680" s="14" t="s">
        <v>15</v>
      </c>
      <c r="G51680" s="16">
        <v>2.0442766271598383</v>
      </c>
    </row>
    <row r="51681" spans="1:7" x14ac:dyDescent="0.3">
      <c r="A51681" s="13" t="s">
        <v>288</v>
      </c>
      <c r="B51681" s="14" t="s">
        <v>1</v>
      </c>
      <c r="C51681" s="14" t="s">
        <v>20</v>
      </c>
      <c r="D51681" s="14" t="s">
        <v>31</v>
      </c>
      <c r="E51681" s="15">
        <v>45592</v>
      </c>
      <c r="F51681" s="14" t="s">
        <v>15</v>
      </c>
      <c r="G51681" s="16">
        <v>2.0442766271598383</v>
      </c>
    </row>
    <row r="51682" spans="1:7" x14ac:dyDescent="0.3">
      <c r="A51682" s="13" t="s">
        <v>288</v>
      </c>
      <c r="B51682" s="14" t="s">
        <v>1</v>
      </c>
      <c r="C51682" s="14" t="s">
        <v>20</v>
      </c>
      <c r="D51682" s="14" t="s">
        <v>31</v>
      </c>
      <c r="E51682" s="15">
        <v>45593</v>
      </c>
      <c r="F51682" s="14" t="s">
        <v>15</v>
      </c>
      <c r="G51682" s="16">
        <v>2.0442766271598383</v>
      </c>
    </row>
    <row r="51683" spans="1:7" x14ac:dyDescent="0.3">
      <c r="A51683" s="13" t="s">
        <v>288</v>
      </c>
      <c r="B51683" s="14" t="s">
        <v>1</v>
      </c>
      <c r="C51683" s="14" t="s">
        <v>20</v>
      </c>
      <c r="D51683" s="14" t="s">
        <v>31</v>
      </c>
      <c r="E51683" s="15">
        <v>45594</v>
      </c>
      <c r="F51683" s="14" t="s">
        <v>15</v>
      </c>
      <c r="G51683" s="16">
        <v>2.0587040429026731</v>
      </c>
    </row>
    <row r="51684" spans="1:7" x14ac:dyDescent="0.3">
      <c r="A51684" s="13" t="s">
        <v>288</v>
      </c>
      <c r="B51684" s="14" t="s">
        <v>1</v>
      </c>
      <c r="C51684" s="14" t="s">
        <v>20</v>
      </c>
      <c r="D51684" s="14" t="s">
        <v>31</v>
      </c>
      <c r="E51684" s="15">
        <v>45595</v>
      </c>
      <c r="F51684" s="14" t="s">
        <v>15</v>
      </c>
      <c r="G51684" s="16">
        <v>2.0875528689282352</v>
      </c>
    </row>
    <row r="51685" spans="1:7" x14ac:dyDescent="0.3">
      <c r="A51685" s="13" t="s">
        <v>288</v>
      </c>
      <c r="B51685" s="14" t="s">
        <v>1</v>
      </c>
      <c r="C51685" s="14" t="s">
        <v>20</v>
      </c>
      <c r="D51685" s="14" t="s">
        <v>31</v>
      </c>
      <c r="E51685" s="15">
        <v>45596</v>
      </c>
      <c r="F51685" s="14" t="s">
        <v>15</v>
      </c>
      <c r="G51685" s="16">
        <v>2.0947303583224564</v>
      </c>
    </row>
    <row r="51686" spans="1:7" x14ac:dyDescent="0.3">
      <c r="A51686" s="13" t="s">
        <v>288</v>
      </c>
      <c r="B51686" s="14" t="s">
        <v>1</v>
      </c>
      <c r="C51686" s="14" t="s">
        <v>20</v>
      </c>
      <c r="D51686" s="14" t="s">
        <v>31</v>
      </c>
      <c r="E51686" s="15">
        <v>45597</v>
      </c>
      <c r="F51686" s="14" t="s">
        <v>15</v>
      </c>
      <c r="G51686" s="16">
        <v>2.1018729906078479</v>
      </c>
    </row>
    <row r="51687" spans="1:7" x14ac:dyDescent="0.3">
      <c r="A51687" s="13" t="s">
        <v>288</v>
      </c>
      <c r="B51687" s="14" t="s">
        <v>1</v>
      </c>
      <c r="C51687" s="14" t="s">
        <v>20</v>
      </c>
      <c r="D51687" s="14" t="s">
        <v>31</v>
      </c>
      <c r="E51687" s="15">
        <v>45598</v>
      </c>
      <c r="F51687" s="14" t="s">
        <v>15</v>
      </c>
      <c r="G51687" s="16">
        <v>2.1018729906078479</v>
      </c>
    </row>
    <row r="51688" spans="1:7" x14ac:dyDescent="0.3">
      <c r="A51688" s="13" t="s">
        <v>288</v>
      </c>
      <c r="B51688" s="14" t="s">
        <v>1</v>
      </c>
      <c r="C51688" s="14" t="s">
        <v>20</v>
      </c>
      <c r="D51688" s="14" t="s">
        <v>31</v>
      </c>
      <c r="E51688" s="15">
        <v>45599</v>
      </c>
      <c r="F51688" s="14" t="s">
        <v>15</v>
      </c>
      <c r="G51688" s="16">
        <v>2.1018729906078479</v>
      </c>
    </row>
    <row r="51689" spans="1:7" x14ac:dyDescent="0.3">
      <c r="A51689" s="13" t="s">
        <v>288</v>
      </c>
      <c r="B51689" s="14" t="s">
        <v>1</v>
      </c>
      <c r="C51689" s="14" t="s">
        <v>20</v>
      </c>
      <c r="D51689" s="14" t="s">
        <v>31</v>
      </c>
      <c r="E51689" s="15">
        <v>45600</v>
      </c>
      <c r="F51689" s="14" t="s">
        <v>15</v>
      </c>
      <c r="G51689" s="16">
        <v>2.1188750892532493</v>
      </c>
    </row>
    <row r="51690" spans="1:7" x14ac:dyDescent="0.3">
      <c r="A51690" s="13" t="s">
        <v>288</v>
      </c>
      <c r="B51690" s="14" t="s">
        <v>1</v>
      </c>
      <c r="C51690" s="14" t="s">
        <v>20</v>
      </c>
      <c r="D51690" s="14" t="s">
        <v>31</v>
      </c>
      <c r="E51690" s="15">
        <v>45601</v>
      </c>
      <c r="F51690" s="14" t="s">
        <v>15</v>
      </c>
      <c r="G51690" s="16">
        <v>2.1393611267080272</v>
      </c>
    </row>
    <row r="51691" spans="1:7" x14ac:dyDescent="0.3">
      <c r="A51691" s="13" t="s">
        <v>288</v>
      </c>
      <c r="B51691" s="14" t="s">
        <v>1</v>
      </c>
      <c r="C51691" s="14" t="s">
        <v>20</v>
      </c>
      <c r="D51691" s="14" t="s">
        <v>31</v>
      </c>
      <c r="E51691" s="15">
        <v>45602</v>
      </c>
      <c r="F51691" s="14" t="s">
        <v>15</v>
      </c>
      <c r="G51691" s="16">
        <v>2.1594053880988695</v>
      </c>
    </row>
    <row r="51692" spans="1:7" x14ac:dyDescent="0.3">
      <c r="A51692" s="13" t="s">
        <v>288</v>
      </c>
      <c r="B51692" s="14" t="s">
        <v>1</v>
      </c>
      <c r="C51692" s="14" t="s">
        <v>20</v>
      </c>
      <c r="D51692" s="14" t="s">
        <v>31</v>
      </c>
      <c r="E51692" s="15">
        <v>45603</v>
      </c>
      <c r="F51692" s="14" t="s">
        <v>15</v>
      </c>
      <c r="G51692" s="16">
        <v>2.1662021553075843</v>
      </c>
    </row>
    <row r="51693" spans="1:7" x14ac:dyDescent="0.3">
      <c r="A51693" s="13" t="s">
        <v>288</v>
      </c>
      <c r="B51693" s="14" t="s">
        <v>1</v>
      </c>
      <c r="C51693" s="14" t="s">
        <v>20</v>
      </c>
      <c r="D51693" s="14" t="s">
        <v>31</v>
      </c>
      <c r="E51693" s="15">
        <v>45604</v>
      </c>
      <c r="F51693" s="14" t="s">
        <v>15</v>
      </c>
      <c r="G51693" s="16">
        <v>2.1732954051159288</v>
      </c>
    </row>
    <row r="51694" spans="1:7" x14ac:dyDescent="0.3">
      <c r="A51694" s="13" t="s">
        <v>288</v>
      </c>
      <c r="B51694" s="14" t="s">
        <v>1</v>
      </c>
      <c r="C51694" s="14" t="s">
        <v>20</v>
      </c>
      <c r="D51694" s="14" t="s">
        <v>31</v>
      </c>
      <c r="E51694" s="15">
        <v>45605</v>
      </c>
      <c r="F51694" s="14" t="s">
        <v>15</v>
      </c>
      <c r="G51694" s="16">
        <v>2.1732954051159288</v>
      </c>
    </row>
    <row r="51695" spans="1:7" x14ac:dyDescent="0.3">
      <c r="A51695" s="13" t="s">
        <v>288</v>
      </c>
      <c r="B51695" s="14" t="s">
        <v>1</v>
      </c>
      <c r="C51695" s="14" t="s">
        <v>20</v>
      </c>
      <c r="D51695" s="14" t="s">
        <v>31</v>
      </c>
      <c r="E51695" s="15">
        <v>45606</v>
      </c>
      <c r="F51695" s="14" t="s">
        <v>15</v>
      </c>
      <c r="G51695" s="16">
        <v>2.1732954051159288</v>
      </c>
    </row>
    <row r="51696" spans="1:7" x14ac:dyDescent="0.3">
      <c r="A51696" s="13" t="s">
        <v>288</v>
      </c>
      <c r="B51696" s="14" t="s">
        <v>1</v>
      </c>
      <c r="C51696" s="14" t="s">
        <v>20</v>
      </c>
      <c r="D51696" s="14" t="s">
        <v>31</v>
      </c>
      <c r="E51696" s="15">
        <v>45607</v>
      </c>
      <c r="F51696" s="14" t="s">
        <v>15</v>
      </c>
      <c r="G51696" s="16">
        <v>2.1801245806203151</v>
      </c>
    </row>
    <row r="51697" spans="1:7" x14ac:dyDescent="0.3">
      <c r="A51697" s="13" t="s">
        <v>288</v>
      </c>
      <c r="B51697" s="14" t="s">
        <v>1</v>
      </c>
      <c r="C51697" s="14" t="s">
        <v>20</v>
      </c>
      <c r="D51697" s="14" t="s">
        <v>31</v>
      </c>
      <c r="E51697" s="15">
        <v>45608</v>
      </c>
      <c r="F51697" s="14" t="s">
        <v>15</v>
      </c>
      <c r="G51697" s="16">
        <v>2.2004024021226893</v>
      </c>
    </row>
    <row r="51698" spans="1:7" x14ac:dyDescent="0.3">
      <c r="A51698" s="13" t="s">
        <v>288</v>
      </c>
      <c r="B51698" s="14" t="s">
        <v>1</v>
      </c>
      <c r="C51698" s="14" t="s">
        <v>20</v>
      </c>
      <c r="D51698" s="14" t="s">
        <v>31</v>
      </c>
      <c r="E51698" s="15">
        <v>45609</v>
      </c>
      <c r="F51698" s="14" t="s">
        <v>15</v>
      </c>
      <c r="G51698" s="16">
        <v>2.2071671368219361</v>
      </c>
    </row>
    <row r="51699" spans="1:7" x14ac:dyDescent="0.3">
      <c r="A51699" s="13" t="s">
        <v>288</v>
      </c>
      <c r="B51699" s="14" t="s">
        <v>1</v>
      </c>
      <c r="C51699" s="14" t="s">
        <v>20</v>
      </c>
      <c r="D51699" s="14" t="s">
        <v>31</v>
      </c>
      <c r="E51699" s="15">
        <v>45610</v>
      </c>
      <c r="F51699" s="14" t="s">
        <v>15</v>
      </c>
      <c r="G51699" s="16">
        <v>2.2301415130539564</v>
      </c>
    </row>
    <row r="51700" spans="1:7" x14ac:dyDescent="0.3">
      <c r="A51700" s="13" t="s">
        <v>288</v>
      </c>
      <c r="B51700" s="14" t="s">
        <v>1</v>
      </c>
      <c r="C51700" s="14" t="s">
        <v>20</v>
      </c>
      <c r="D51700" s="14" t="s">
        <v>31</v>
      </c>
      <c r="E51700" s="15">
        <v>45611</v>
      </c>
      <c r="F51700" s="14" t="s">
        <v>15</v>
      </c>
      <c r="G51700" s="16">
        <v>2.3134851294827574</v>
      </c>
    </row>
    <row r="51701" spans="1:7" x14ac:dyDescent="0.3">
      <c r="A51701" s="13" t="s">
        <v>288</v>
      </c>
      <c r="B51701" s="14" t="s">
        <v>1</v>
      </c>
      <c r="C51701" s="14" t="s">
        <v>20</v>
      </c>
      <c r="D51701" s="14" t="s">
        <v>31</v>
      </c>
      <c r="E51701" s="15">
        <v>45612</v>
      </c>
      <c r="F51701" s="14" t="s">
        <v>15</v>
      </c>
      <c r="G51701" s="16">
        <v>2.3134851294827574</v>
      </c>
    </row>
    <row r="51702" spans="1:7" x14ac:dyDescent="0.3">
      <c r="A51702" s="13" t="s">
        <v>288</v>
      </c>
      <c r="B51702" s="14" t="s">
        <v>1</v>
      </c>
      <c r="C51702" s="14" t="s">
        <v>20</v>
      </c>
      <c r="D51702" s="14" t="s">
        <v>31</v>
      </c>
      <c r="E51702" s="15">
        <v>45613</v>
      </c>
      <c r="F51702" s="14" t="s">
        <v>15</v>
      </c>
      <c r="G51702" s="16">
        <v>2.3134851294827574</v>
      </c>
    </row>
    <row r="51703" spans="1:7" x14ac:dyDescent="0.3">
      <c r="A51703" s="13" t="s">
        <v>288</v>
      </c>
      <c r="B51703" s="14" t="s">
        <v>1</v>
      </c>
      <c r="C51703" s="14" t="s">
        <v>20</v>
      </c>
      <c r="D51703" s="14" t="s">
        <v>31</v>
      </c>
      <c r="E51703" s="15">
        <v>45614</v>
      </c>
      <c r="F51703" s="14" t="s">
        <v>15</v>
      </c>
      <c r="G51703" s="16">
        <v>2.3201273318140241</v>
      </c>
    </row>
    <row r="51704" spans="1:7" x14ac:dyDescent="0.3">
      <c r="A51704" s="13" t="s">
        <v>288</v>
      </c>
      <c r="B51704" s="14" t="s">
        <v>1</v>
      </c>
      <c r="C51704" s="14" t="s">
        <v>20</v>
      </c>
      <c r="D51704" s="14" t="s">
        <v>31</v>
      </c>
      <c r="E51704" s="15">
        <v>45615</v>
      </c>
      <c r="F51704" s="14" t="s">
        <v>15</v>
      </c>
      <c r="G51704" s="16">
        <v>2.3486542666931109</v>
      </c>
    </row>
    <row r="51705" spans="1:7" x14ac:dyDescent="0.3">
      <c r="A51705" s="13" t="s">
        <v>288</v>
      </c>
      <c r="B51705" s="14" t="s">
        <v>1</v>
      </c>
      <c r="C51705" s="14" t="s">
        <v>20</v>
      </c>
      <c r="D51705" s="14" t="s">
        <v>31</v>
      </c>
      <c r="E51705" s="15">
        <v>45616</v>
      </c>
      <c r="F51705" s="14" t="s">
        <v>15</v>
      </c>
      <c r="G51705" s="16">
        <v>2.3552834614768652</v>
      </c>
    </row>
    <row r="51706" spans="1:7" x14ac:dyDescent="0.3">
      <c r="A51706" s="13" t="s">
        <v>288</v>
      </c>
      <c r="B51706" s="14" t="s">
        <v>1</v>
      </c>
      <c r="C51706" s="14" t="s">
        <v>20</v>
      </c>
      <c r="D51706" s="14" t="s">
        <v>31</v>
      </c>
      <c r="E51706" s="15">
        <v>45617</v>
      </c>
      <c r="F51706" s="14" t="s">
        <v>15</v>
      </c>
      <c r="G51706" s="16">
        <v>2.3619075509092071</v>
      </c>
    </row>
    <row r="51707" spans="1:7" x14ac:dyDescent="0.3">
      <c r="A51707" s="13" t="s">
        <v>288</v>
      </c>
      <c r="B51707" s="14" t="s">
        <v>1</v>
      </c>
      <c r="C51707" s="14" t="s">
        <v>20</v>
      </c>
      <c r="D51707" s="14" t="s">
        <v>31</v>
      </c>
      <c r="E51707" s="15">
        <v>45618</v>
      </c>
      <c r="F51707" s="14" t="s">
        <v>15</v>
      </c>
      <c r="G51707" s="16">
        <v>2.368607643486055</v>
      </c>
    </row>
    <row r="51708" spans="1:7" x14ac:dyDescent="0.3">
      <c r="A51708" s="13" t="s">
        <v>288</v>
      </c>
      <c r="B51708" s="14" t="s">
        <v>1</v>
      </c>
      <c r="C51708" s="14" t="s">
        <v>20</v>
      </c>
      <c r="D51708" s="14" t="s">
        <v>31</v>
      </c>
      <c r="E51708" s="15">
        <v>45619</v>
      </c>
      <c r="F51708" s="14" t="s">
        <v>15</v>
      </c>
      <c r="G51708" s="16">
        <v>2.368607643486055</v>
      </c>
    </row>
    <row r="51709" spans="1:7" x14ac:dyDescent="0.3">
      <c r="A51709" s="13" t="s">
        <v>288</v>
      </c>
      <c r="B51709" s="14" t="s">
        <v>1</v>
      </c>
      <c r="C51709" s="14" t="s">
        <v>20</v>
      </c>
      <c r="D51709" s="14" t="s">
        <v>31</v>
      </c>
      <c r="E51709" s="15">
        <v>45620</v>
      </c>
      <c r="F51709" s="14" t="s">
        <v>15</v>
      </c>
      <c r="G51709" s="16">
        <v>2.368607643486055</v>
      </c>
    </row>
    <row r="51710" spans="1:7" x14ac:dyDescent="0.3">
      <c r="A51710" s="13" t="s">
        <v>288</v>
      </c>
      <c r="B51710" s="14" t="s">
        <v>1</v>
      </c>
      <c r="C51710" s="14" t="s">
        <v>20</v>
      </c>
      <c r="D51710" s="14" t="s">
        <v>31</v>
      </c>
      <c r="E51710" s="15">
        <v>45621</v>
      </c>
      <c r="F51710" s="14" t="s">
        <v>15</v>
      </c>
      <c r="G51710" s="16">
        <v>2.375159769660661</v>
      </c>
    </row>
    <row r="51711" spans="1:7" x14ac:dyDescent="0.3">
      <c r="A51711" s="13" t="s">
        <v>288</v>
      </c>
      <c r="B51711" s="14" t="s">
        <v>1</v>
      </c>
      <c r="C51711" s="14" t="s">
        <v>20</v>
      </c>
      <c r="D51711" s="14" t="s">
        <v>31</v>
      </c>
      <c r="E51711" s="15">
        <v>45622</v>
      </c>
      <c r="F51711" s="14" t="s">
        <v>15</v>
      </c>
      <c r="G51711" s="16">
        <v>2.3947627722425318</v>
      </c>
    </row>
    <row r="51712" spans="1:7" x14ac:dyDescent="0.3">
      <c r="A51712" s="13" t="s">
        <v>288</v>
      </c>
      <c r="B51712" s="14" t="s">
        <v>1</v>
      </c>
      <c r="C51712" s="14" t="s">
        <v>20</v>
      </c>
      <c r="D51712" s="14" t="s">
        <v>31</v>
      </c>
      <c r="E51712" s="15">
        <v>45623</v>
      </c>
      <c r="F51712" s="14" t="s">
        <v>15</v>
      </c>
      <c r="G51712" s="16">
        <v>2.4016189553895213</v>
      </c>
    </row>
    <row r="51713" spans="1:7" x14ac:dyDescent="0.3">
      <c r="A51713" s="13" t="s">
        <v>288</v>
      </c>
      <c r="B51713" s="14" t="s">
        <v>1</v>
      </c>
      <c r="C51713" s="14" t="s">
        <v>20</v>
      </c>
      <c r="D51713" s="14" t="s">
        <v>31</v>
      </c>
      <c r="E51713" s="15">
        <v>45624</v>
      </c>
      <c r="F51713" s="14" t="s">
        <v>15</v>
      </c>
      <c r="G51713" s="16">
        <v>2.4112874691882942</v>
      </c>
    </row>
    <row r="51714" spans="1:7" x14ac:dyDescent="0.3">
      <c r="A51714" s="13" t="s">
        <v>288</v>
      </c>
      <c r="B51714" s="14" t="s">
        <v>1</v>
      </c>
      <c r="C51714" s="14" t="s">
        <v>20</v>
      </c>
      <c r="D51714" s="14" t="s">
        <v>31</v>
      </c>
      <c r="E51714" s="15">
        <v>45625</v>
      </c>
      <c r="F51714" s="14" t="s">
        <v>15</v>
      </c>
      <c r="G51714" s="16">
        <v>2.4190138518241611</v>
      </c>
    </row>
    <row r="51715" spans="1:7" x14ac:dyDescent="0.3">
      <c r="A51715" s="13" t="s">
        <v>288</v>
      </c>
      <c r="B51715" s="14" t="s">
        <v>1</v>
      </c>
      <c r="C51715" s="14" t="s">
        <v>20</v>
      </c>
      <c r="D51715" s="14" t="s">
        <v>31</v>
      </c>
      <c r="E51715" s="15">
        <v>45626</v>
      </c>
      <c r="F51715" s="14" t="s">
        <v>15</v>
      </c>
      <c r="G51715" s="16">
        <v>2.4190138518241611</v>
      </c>
    </row>
    <row r="51716" spans="1:7" x14ac:dyDescent="0.3">
      <c r="A51716" s="13" t="s">
        <v>288</v>
      </c>
      <c r="B51716" s="14" t="s">
        <v>1</v>
      </c>
      <c r="C51716" s="14" t="s">
        <v>20</v>
      </c>
      <c r="D51716" s="14" t="s">
        <v>31</v>
      </c>
      <c r="E51716" s="15">
        <v>45627</v>
      </c>
      <c r="F51716" s="14" t="s">
        <v>15</v>
      </c>
      <c r="G51716" s="16">
        <v>2.4190138518241611</v>
      </c>
    </row>
    <row r="51717" spans="1:7" x14ac:dyDescent="0.3">
      <c r="A51717" s="13" t="s">
        <v>288</v>
      </c>
      <c r="B51717" s="14" t="s">
        <v>1</v>
      </c>
      <c r="C51717" s="14" t="s">
        <v>20</v>
      </c>
      <c r="D51717" s="14" t="s">
        <v>31</v>
      </c>
      <c r="E51717" s="15">
        <v>45628</v>
      </c>
      <c r="F51717" s="14" t="s">
        <v>15</v>
      </c>
      <c r="G51717" s="16">
        <v>2.4492346614753995</v>
      </c>
    </row>
    <row r="51718" spans="1:7" x14ac:dyDescent="0.3">
      <c r="A51718" s="13" t="s">
        <v>288</v>
      </c>
      <c r="B51718" s="14" t="s">
        <v>1</v>
      </c>
      <c r="C51718" s="14" t="s">
        <v>20</v>
      </c>
      <c r="D51718" s="14" t="s">
        <v>31</v>
      </c>
      <c r="E51718" s="15">
        <v>45629</v>
      </c>
      <c r="F51718" s="14" t="s">
        <v>15</v>
      </c>
      <c r="G51718" s="16">
        <v>2.4653762683518412</v>
      </c>
    </row>
    <row r="51719" spans="1:7" x14ac:dyDescent="0.3">
      <c r="A51719" s="13" t="s">
        <v>288</v>
      </c>
      <c r="B51719" s="14" t="s">
        <v>1</v>
      </c>
      <c r="C51719" s="14" t="s">
        <v>20</v>
      </c>
      <c r="D51719" s="14" t="s">
        <v>31</v>
      </c>
      <c r="E51719" s="15">
        <v>45630</v>
      </c>
      <c r="F51719" s="14" t="s">
        <v>15</v>
      </c>
      <c r="G51719" s="16">
        <v>2.4794048460664659</v>
      </c>
    </row>
    <row r="51720" spans="1:7" x14ac:dyDescent="0.3">
      <c r="A51720" s="13" t="s">
        <v>288</v>
      </c>
      <c r="B51720" s="14" t="s">
        <v>1</v>
      </c>
      <c r="C51720" s="14" t="s">
        <v>20</v>
      </c>
      <c r="D51720" s="14" t="s">
        <v>31</v>
      </c>
      <c r="E51720" s="15">
        <v>45631</v>
      </c>
      <c r="F51720" s="14" t="s">
        <v>15</v>
      </c>
      <c r="G51720" s="16">
        <v>2.4984264907037659</v>
      </c>
    </row>
    <row r="51721" spans="1:7" x14ac:dyDescent="0.3">
      <c r="A51721" s="13" t="s">
        <v>288</v>
      </c>
      <c r="B51721" s="14" t="s">
        <v>1</v>
      </c>
      <c r="C51721" s="14" t="s">
        <v>20</v>
      </c>
      <c r="D51721" s="14" t="s">
        <v>31</v>
      </c>
      <c r="E51721" s="15">
        <v>45632</v>
      </c>
      <c r="F51721" s="14" t="s">
        <v>15</v>
      </c>
      <c r="G51721" s="16">
        <v>2.5101695948693581</v>
      </c>
    </row>
    <row r="51722" spans="1:7" x14ac:dyDescent="0.3">
      <c r="A51722" s="13" t="s">
        <v>288</v>
      </c>
      <c r="B51722" s="14" t="s">
        <v>1</v>
      </c>
      <c r="C51722" s="14" t="s">
        <v>20</v>
      </c>
      <c r="D51722" s="14" t="s">
        <v>31</v>
      </c>
      <c r="E51722" s="15">
        <v>45633</v>
      </c>
      <c r="F51722" s="14" t="s">
        <v>15</v>
      </c>
      <c r="G51722" s="16">
        <v>2.5101695948693581</v>
      </c>
    </row>
    <row r="51723" spans="1:7" x14ac:dyDescent="0.3">
      <c r="A51723" s="13" t="s">
        <v>288</v>
      </c>
      <c r="B51723" s="14" t="s">
        <v>1</v>
      </c>
      <c r="C51723" s="14" t="s">
        <v>20</v>
      </c>
      <c r="D51723" s="14" t="s">
        <v>31</v>
      </c>
      <c r="E51723" s="15">
        <v>45634</v>
      </c>
      <c r="F51723" s="14" t="s">
        <v>15</v>
      </c>
      <c r="G51723" s="16">
        <v>2.5101695948693581</v>
      </c>
    </row>
    <row r="51724" spans="1:7" x14ac:dyDescent="0.3">
      <c r="A51724" s="13" t="s">
        <v>288</v>
      </c>
      <c r="B51724" s="14" t="s">
        <v>1</v>
      </c>
      <c r="C51724" s="14" t="s">
        <v>20</v>
      </c>
      <c r="D51724" s="14" t="s">
        <v>31</v>
      </c>
      <c r="E51724" s="15">
        <v>45635</v>
      </c>
      <c r="F51724" s="14" t="s">
        <v>15</v>
      </c>
      <c r="G51724" s="16">
        <v>2.5166734912767179</v>
      </c>
    </row>
    <row r="51725" spans="1:7" x14ac:dyDescent="0.3">
      <c r="A51725" s="13" t="s">
        <v>288</v>
      </c>
      <c r="B51725" s="14" t="s">
        <v>1</v>
      </c>
      <c r="C51725" s="14" t="s">
        <v>20</v>
      </c>
      <c r="D51725" s="14" t="s">
        <v>31</v>
      </c>
      <c r="E51725" s="15">
        <v>45636</v>
      </c>
      <c r="F51725" s="14" t="s">
        <v>15</v>
      </c>
      <c r="G51725" s="16">
        <v>2.5360646785362753</v>
      </c>
    </row>
    <row r="51726" spans="1:7" x14ac:dyDescent="0.3">
      <c r="A51726" s="13" t="s">
        <v>288</v>
      </c>
      <c r="B51726" s="14" t="s">
        <v>1</v>
      </c>
      <c r="C51726" s="14" t="s">
        <v>20</v>
      </c>
      <c r="D51726" s="14" t="s">
        <v>31</v>
      </c>
      <c r="E51726" s="15">
        <v>45637</v>
      </c>
      <c r="F51726" s="14" t="s">
        <v>15</v>
      </c>
      <c r="G51726" s="16">
        <v>2.5424555118673133</v>
      </c>
    </row>
    <row r="51727" spans="1:7" x14ac:dyDescent="0.3">
      <c r="A51727" s="13" t="s">
        <v>288</v>
      </c>
      <c r="B51727" s="14" t="s">
        <v>1</v>
      </c>
      <c r="C51727" s="14" t="s">
        <v>20</v>
      </c>
      <c r="D51727" s="14" t="s">
        <v>31</v>
      </c>
      <c r="E51727" s="15">
        <v>45638</v>
      </c>
      <c r="F51727" s="14" t="s">
        <v>15</v>
      </c>
      <c r="G51727" s="16">
        <v>2.5488653878657583</v>
      </c>
    </row>
    <row r="51728" spans="1:7" x14ac:dyDescent="0.3">
      <c r="A51728" s="13" t="s">
        <v>288</v>
      </c>
      <c r="B51728" s="14" t="s">
        <v>1</v>
      </c>
      <c r="C51728" s="14" t="s">
        <v>20</v>
      </c>
      <c r="D51728" s="14" t="s">
        <v>31</v>
      </c>
      <c r="E51728" s="15">
        <v>45639</v>
      </c>
      <c r="F51728" s="14" t="s">
        <v>15</v>
      </c>
      <c r="G51728" s="16">
        <v>2.5685935751322133</v>
      </c>
    </row>
    <row r="51729" spans="1:7" x14ac:dyDescent="0.3">
      <c r="A51729" s="13" t="s">
        <v>288</v>
      </c>
      <c r="B51729" s="14" t="s">
        <v>1</v>
      </c>
      <c r="C51729" s="14" t="s">
        <v>20</v>
      </c>
      <c r="D51729" s="14" t="s">
        <v>31</v>
      </c>
      <c r="E51729" s="15">
        <v>45640</v>
      </c>
      <c r="F51729" s="14" t="s">
        <v>15</v>
      </c>
      <c r="G51729" s="16">
        <v>2.5685935751322133</v>
      </c>
    </row>
    <row r="51730" spans="1:7" x14ac:dyDescent="0.3">
      <c r="A51730" s="13" t="s">
        <v>288</v>
      </c>
      <c r="B51730" s="14" t="s">
        <v>1</v>
      </c>
      <c r="C51730" s="14" t="s">
        <v>20</v>
      </c>
      <c r="D51730" s="14" t="s">
        <v>31</v>
      </c>
      <c r="E51730" s="15">
        <v>45641</v>
      </c>
      <c r="F51730" s="14" t="s">
        <v>15</v>
      </c>
      <c r="G51730" s="16">
        <v>2.5685935751322133</v>
      </c>
    </row>
    <row r="51731" spans="1:7" x14ac:dyDescent="0.3">
      <c r="A51731" s="13" t="s">
        <v>288</v>
      </c>
      <c r="B51731" s="14" t="s">
        <v>1</v>
      </c>
      <c r="C51731" s="14" t="s">
        <v>20</v>
      </c>
      <c r="D51731" s="14" t="s">
        <v>31</v>
      </c>
      <c r="E51731" s="15">
        <v>45642</v>
      </c>
      <c r="F51731" s="14" t="s">
        <v>15</v>
      </c>
      <c r="G51731" s="16">
        <v>2.5746977765999808</v>
      </c>
    </row>
    <row r="51732" spans="1:7" x14ac:dyDescent="0.3">
      <c r="A51732" s="13" t="s">
        <v>288</v>
      </c>
      <c r="B51732" s="14" t="s">
        <v>1</v>
      </c>
      <c r="C51732" s="14" t="s">
        <v>20</v>
      </c>
      <c r="D51732" s="14" t="s">
        <v>31</v>
      </c>
      <c r="E51732" s="15">
        <v>45643</v>
      </c>
      <c r="F51732" s="14" t="s">
        <v>15</v>
      </c>
      <c r="G51732" s="16">
        <v>2.5930349140505404</v>
      </c>
    </row>
    <row r="51733" spans="1:7" x14ac:dyDescent="0.3">
      <c r="A51733" s="13" t="s">
        <v>288</v>
      </c>
      <c r="B51733" s="14" t="s">
        <v>1</v>
      </c>
      <c r="C51733" s="14" t="s">
        <v>20</v>
      </c>
      <c r="D51733" s="14" t="s">
        <v>31</v>
      </c>
      <c r="E51733" s="15">
        <v>45644</v>
      </c>
      <c r="F51733" s="14" t="s">
        <v>15</v>
      </c>
      <c r="G51733" s="16">
        <v>2.5982979003585802</v>
      </c>
    </row>
    <row r="51734" spans="1:7" x14ac:dyDescent="0.3">
      <c r="A51734" s="13" t="s">
        <v>288</v>
      </c>
      <c r="B51734" s="14" t="s">
        <v>1</v>
      </c>
      <c r="C51734" s="14" t="s">
        <v>20</v>
      </c>
      <c r="D51734" s="14" t="s">
        <v>31</v>
      </c>
      <c r="E51734" s="15">
        <v>45645</v>
      </c>
      <c r="F51734" s="14" t="s">
        <v>15</v>
      </c>
      <c r="G51734" s="16">
        <v>2.6042100314458119</v>
      </c>
    </row>
    <row r="51735" spans="1:7" x14ac:dyDescent="0.3">
      <c r="A51735" s="13" t="s">
        <v>288</v>
      </c>
      <c r="B51735" s="14" t="s">
        <v>1</v>
      </c>
      <c r="C51735" s="14" t="s">
        <v>20</v>
      </c>
      <c r="D51735" s="14" t="s">
        <v>31</v>
      </c>
      <c r="E51735" s="15">
        <v>45646</v>
      </c>
      <c r="F51735" s="14" t="s">
        <v>15</v>
      </c>
      <c r="G51735" s="16">
        <v>2.6101993475962346</v>
      </c>
    </row>
    <row r="51736" spans="1:7" x14ac:dyDescent="0.3">
      <c r="A51736" s="13" t="s">
        <v>288</v>
      </c>
      <c r="B51736" s="14" t="s">
        <v>1</v>
      </c>
      <c r="C51736" s="14" t="s">
        <v>20</v>
      </c>
      <c r="D51736" s="14" t="s">
        <v>31</v>
      </c>
      <c r="E51736" s="15">
        <v>45647</v>
      </c>
      <c r="F51736" s="14" t="s">
        <v>15</v>
      </c>
      <c r="G51736" s="16">
        <v>2.6101993475962346</v>
      </c>
    </row>
    <row r="51737" spans="1:7" x14ac:dyDescent="0.3">
      <c r="A51737" s="13" t="s">
        <v>288</v>
      </c>
      <c r="B51737" s="14" t="s">
        <v>1</v>
      </c>
      <c r="C51737" s="14" t="s">
        <v>20</v>
      </c>
      <c r="D51737" s="14" t="s">
        <v>31</v>
      </c>
      <c r="E51737" s="15">
        <v>45648</v>
      </c>
      <c r="F51737" s="14" t="s">
        <v>15</v>
      </c>
      <c r="G51737" s="16">
        <v>2.6101993475962346</v>
      </c>
    </row>
    <row r="51738" spans="1:7" x14ac:dyDescent="0.3">
      <c r="A51738" s="13" t="s">
        <v>288</v>
      </c>
      <c r="B51738" s="14" t="s">
        <v>1</v>
      </c>
      <c r="C51738" s="14" t="s">
        <v>20</v>
      </c>
      <c r="D51738" s="14" t="s">
        <v>31</v>
      </c>
      <c r="E51738" s="15">
        <v>45649</v>
      </c>
      <c r="F51738" s="14" t="s">
        <v>15</v>
      </c>
      <c r="G51738" s="16">
        <v>2.6162299695039568</v>
      </c>
    </row>
    <row r="51739" spans="1:7" x14ac:dyDescent="0.3">
      <c r="A51739" s="13" t="s">
        <v>288</v>
      </c>
      <c r="B51739" s="14" t="s">
        <v>1</v>
      </c>
      <c r="C51739" s="14" t="s">
        <v>20</v>
      </c>
      <c r="D51739" s="14" t="s">
        <v>31</v>
      </c>
      <c r="E51739" s="15">
        <v>45650</v>
      </c>
      <c r="F51739" s="14" t="s">
        <v>15</v>
      </c>
      <c r="G51739" s="16">
        <v>2.6342349028931968</v>
      </c>
    </row>
    <row r="51740" spans="1:7" x14ac:dyDescent="0.3">
      <c r="A51740" s="13" t="s">
        <v>288</v>
      </c>
      <c r="B51740" s="14" t="s">
        <v>1</v>
      </c>
      <c r="C51740" s="14" t="s">
        <v>20</v>
      </c>
      <c r="D51740" s="14" t="s">
        <v>31</v>
      </c>
      <c r="E51740" s="15">
        <v>45651</v>
      </c>
      <c r="F51740" s="14" t="s">
        <v>15</v>
      </c>
      <c r="G51740" s="16">
        <v>2.6342349028931968</v>
      </c>
    </row>
    <row r="51741" spans="1:7" x14ac:dyDescent="0.3">
      <c r="A51741" s="13" t="s">
        <v>288</v>
      </c>
      <c r="B51741" s="14" t="s">
        <v>1</v>
      </c>
      <c r="C51741" s="14" t="s">
        <v>20</v>
      </c>
      <c r="D51741" s="14" t="s">
        <v>31</v>
      </c>
      <c r="E51741" s="15">
        <v>45652</v>
      </c>
      <c r="F51741" s="14" t="s">
        <v>15</v>
      </c>
      <c r="G51741" s="16">
        <v>2.6342349028931968</v>
      </c>
    </row>
    <row r="51742" spans="1:7" x14ac:dyDescent="0.3">
      <c r="A51742" s="13" t="s">
        <v>288</v>
      </c>
      <c r="B51742" s="14" t="s">
        <v>1</v>
      </c>
      <c r="C51742" s="14" t="s">
        <v>20</v>
      </c>
      <c r="D51742" s="14" t="s">
        <v>31</v>
      </c>
      <c r="E51742" s="15">
        <v>45653</v>
      </c>
      <c r="F51742" s="14" t="s">
        <v>15</v>
      </c>
      <c r="G51742" s="16">
        <v>2.6342349028931968</v>
      </c>
    </row>
    <row r="51743" spans="1:7" x14ac:dyDescent="0.3">
      <c r="A51743" s="13" t="s">
        <v>288</v>
      </c>
      <c r="B51743" s="14" t="s">
        <v>1</v>
      </c>
      <c r="C51743" s="14" t="s">
        <v>20</v>
      </c>
      <c r="D51743" s="14" t="s">
        <v>31</v>
      </c>
      <c r="E51743" s="15">
        <v>45654</v>
      </c>
      <c r="F51743" s="14" t="s">
        <v>15</v>
      </c>
      <c r="G51743" s="16">
        <v>2.6342349028931968</v>
      </c>
    </row>
    <row r="51744" spans="1:7" x14ac:dyDescent="0.3">
      <c r="A51744" s="13" t="s">
        <v>288</v>
      </c>
      <c r="B51744" s="14" t="s">
        <v>1</v>
      </c>
      <c r="C51744" s="14" t="s">
        <v>20</v>
      </c>
      <c r="D51744" s="14" t="s">
        <v>31</v>
      </c>
      <c r="E51744" s="15">
        <v>45655</v>
      </c>
      <c r="F51744" s="14" t="s">
        <v>15</v>
      </c>
      <c r="G51744" s="16">
        <v>2.6342349028931968</v>
      </c>
    </row>
    <row r="51745" spans="1:7" x14ac:dyDescent="0.3">
      <c r="A51745" s="13" t="s">
        <v>288</v>
      </c>
      <c r="B51745" s="14" t="s">
        <v>1</v>
      </c>
      <c r="C51745" s="14" t="s">
        <v>20</v>
      </c>
      <c r="D51745" s="14" t="s">
        <v>31</v>
      </c>
      <c r="E51745" s="15">
        <v>45656</v>
      </c>
      <c r="F51745" s="14" t="s">
        <v>15</v>
      </c>
      <c r="G51745" s="16">
        <v>2.6402285995723203</v>
      </c>
    </row>
    <row r="51746" spans="1:7" x14ac:dyDescent="0.3">
      <c r="A51746" s="13" t="s">
        <v>288</v>
      </c>
      <c r="B51746" s="14" t="s">
        <v>1</v>
      </c>
      <c r="C51746" s="14" t="s">
        <v>20</v>
      </c>
      <c r="D51746" s="14" t="s">
        <v>31</v>
      </c>
      <c r="E51746" s="15">
        <v>45657</v>
      </c>
      <c r="F51746" s="14" t="s">
        <v>15</v>
      </c>
      <c r="G51746" s="16">
        <v>2.6761621925166996</v>
      </c>
    </row>
    <row r="51747" spans="1:7" x14ac:dyDescent="0.3">
      <c r="A51747" s="13" t="s">
        <v>288</v>
      </c>
      <c r="B51747" s="14" t="s">
        <v>1</v>
      </c>
      <c r="C51747" s="14" t="s">
        <v>20</v>
      </c>
      <c r="D51747" s="14" t="s">
        <v>31</v>
      </c>
      <c r="E51747" s="15">
        <v>45658</v>
      </c>
      <c r="F51747" s="14" t="s">
        <v>15</v>
      </c>
      <c r="G51747" s="16">
        <v>2.6761621925166996</v>
      </c>
    </row>
    <row r="51748" spans="1:7" x14ac:dyDescent="0.3">
      <c r="A51748" s="13" t="s">
        <v>288</v>
      </c>
      <c r="B51748" s="14" t="s">
        <v>1</v>
      </c>
      <c r="C51748" s="14" t="s">
        <v>20</v>
      </c>
      <c r="D51748" s="14" t="s">
        <v>31</v>
      </c>
      <c r="E51748" s="15">
        <v>45659</v>
      </c>
      <c r="F51748" s="14" t="s">
        <v>15</v>
      </c>
      <c r="G51748" s="16">
        <v>2.6761621925166996</v>
      </c>
    </row>
    <row r="51749" spans="1:7" x14ac:dyDescent="0.3">
      <c r="A51749" s="13" t="s">
        <v>288</v>
      </c>
      <c r="B51749" s="14" t="s">
        <v>1</v>
      </c>
      <c r="C51749" s="14" t="s">
        <v>20</v>
      </c>
      <c r="D51749" s="14" t="s">
        <v>31</v>
      </c>
      <c r="E51749" s="15">
        <v>45660</v>
      </c>
      <c r="F51749" s="14" t="s">
        <v>15</v>
      </c>
      <c r="G51749" s="16">
        <v>2.6823329000638561</v>
      </c>
    </row>
    <row r="51750" spans="1:7" x14ac:dyDescent="0.3">
      <c r="A51750" s="13" t="s">
        <v>288</v>
      </c>
      <c r="B51750" s="14" t="s">
        <v>1</v>
      </c>
      <c r="C51750" s="14" t="s">
        <v>20</v>
      </c>
      <c r="D51750" s="14" t="s">
        <v>31</v>
      </c>
      <c r="E51750" s="15">
        <v>45661</v>
      </c>
      <c r="F51750" s="14" t="s">
        <v>15</v>
      </c>
      <c r="G51750" s="16">
        <v>2.6823329000638561</v>
      </c>
    </row>
    <row r="51751" spans="1:7" x14ac:dyDescent="0.3">
      <c r="A51751" s="13" t="s">
        <v>288</v>
      </c>
      <c r="B51751" s="14" t="s">
        <v>1</v>
      </c>
      <c r="C51751" s="14" t="s">
        <v>20</v>
      </c>
      <c r="D51751" s="14" t="s">
        <v>31</v>
      </c>
      <c r="E51751" s="15">
        <v>45662</v>
      </c>
      <c r="F51751" s="14" t="s">
        <v>15</v>
      </c>
      <c r="G51751" s="16">
        <v>2.6823329000638561</v>
      </c>
    </row>
    <row r="51752" spans="1:7" x14ac:dyDescent="0.3">
      <c r="A51752" s="13" t="s">
        <v>288</v>
      </c>
      <c r="B51752" s="14" t="s">
        <v>1</v>
      </c>
      <c r="C51752" s="14" t="s">
        <v>20</v>
      </c>
      <c r="D51752" s="14" t="s">
        <v>31</v>
      </c>
      <c r="E51752" s="15">
        <v>45663</v>
      </c>
      <c r="F51752" s="14" t="s">
        <v>15</v>
      </c>
      <c r="G51752" s="16">
        <v>2.7045965743653322</v>
      </c>
    </row>
    <row r="51753" spans="1:7" x14ac:dyDescent="0.3">
      <c r="A51753" s="13" t="s">
        <v>288</v>
      </c>
      <c r="B51753" s="14" t="s">
        <v>1</v>
      </c>
      <c r="C51753" s="14" t="s">
        <v>20</v>
      </c>
      <c r="D51753" s="14" t="s">
        <v>31</v>
      </c>
      <c r="E51753" s="15">
        <v>45664</v>
      </c>
      <c r="F51753" s="14" t="s">
        <v>15</v>
      </c>
      <c r="G51753" s="16">
        <v>2.7455041849976372</v>
      </c>
    </row>
    <row r="51754" spans="1:7" x14ac:dyDescent="0.3">
      <c r="A51754" s="13" t="s">
        <v>288</v>
      </c>
      <c r="B51754" s="14" t="s">
        <v>1</v>
      </c>
      <c r="C51754" s="14" t="s">
        <v>20</v>
      </c>
      <c r="D51754" s="14" t="s">
        <v>31</v>
      </c>
      <c r="E51754" s="15">
        <v>45665</v>
      </c>
      <c r="F51754" s="14" t="s">
        <v>15</v>
      </c>
      <c r="G51754" s="16">
        <v>2.7514130545637645</v>
      </c>
    </row>
    <row r="51755" spans="1:7" x14ac:dyDescent="0.3">
      <c r="A51755" s="13" t="s">
        <v>288</v>
      </c>
      <c r="B51755" s="14" t="s">
        <v>1</v>
      </c>
      <c r="C51755" s="14" t="s">
        <v>20</v>
      </c>
      <c r="D51755" s="14" t="s">
        <v>31</v>
      </c>
      <c r="E51755" s="15">
        <v>45666</v>
      </c>
      <c r="F51755" s="14" t="s">
        <v>15</v>
      </c>
      <c r="G51755" s="16">
        <v>2.757345745267191</v>
      </c>
    </row>
    <row r="51756" spans="1:7" x14ac:dyDescent="0.3">
      <c r="A51756" s="13" t="s">
        <v>288</v>
      </c>
      <c r="B51756" s="14" t="s">
        <v>1</v>
      </c>
      <c r="C51756" s="14" t="s">
        <v>20</v>
      </c>
      <c r="D51756" s="14" t="s">
        <v>31</v>
      </c>
      <c r="E51756" s="15">
        <v>45667</v>
      </c>
      <c r="F51756" s="14" t="s">
        <v>15</v>
      </c>
      <c r="G51756" s="16">
        <v>2.7632482831927359</v>
      </c>
    </row>
    <row r="51757" spans="1:7" x14ac:dyDescent="0.3">
      <c r="A51757" s="13" t="s">
        <v>288</v>
      </c>
      <c r="B51757" s="14" t="s">
        <v>1</v>
      </c>
      <c r="C51757" s="14" t="s">
        <v>20</v>
      </c>
      <c r="D51757" s="14" t="s">
        <v>31</v>
      </c>
      <c r="E51757" s="15">
        <v>45668</v>
      </c>
      <c r="F51757" s="14" t="s">
        <v>15</v>
      </c>
      <c r="G51757" s="16">
        <v>2.7632482831927359</v>
      </c>
    </row>
    <row r="51758" spans="1:7" x14ac:dyDescent="0.3">
      <c r="A51758" s="13" t="s">
        <v>288</v>
      </c>
      <c r="B51758" s="14" t="s">
        <v>1</v>
      </c>
      <c r="C51758" s="14" t="s">
        <v>20</v>
      </c>
      <c r="D51758" s="14" t="s">
        <v>31</v>
      </c>
      <c r="E51758" s="15">
        <v>45669</v>
      </c>
      <c r="F51758" s="14" t="s">
        <v>15</v>
      </c>
      <c r="G51758" s="16">
        <v>2.7632482831927359</v>
      </c>
    </row>
    <row r="51759" spans="1:7" x14ac:dyDescent="0.3">
      <c r="A51759" s="13" t="s">
        <v>288</v>
      </c>
      <c r="B51759" s="14" t="s">
        <v>1</v>
      </c>
      <c r="C51759" s="14" t="s">
        <v>20</v>
      </c>
      <c r="D51759" s="14" t="s">
        <v>31</v>
      </c>
      <c r="E51759" s="15">
        <v>45670</v>
      </c>
      <c r="F51759" s="14" t="s">
        <v>15</v>
      </c>
      <c r="G51759" s="16">
        <v>2.7695043746151837</v>
      </c>
    </row>
    <row r="51760" spans="1:7" x14ac:dyDescent="0.3">
      <c r="A51760" s="13" t="s">
        <v>288</v>
      </c>
      <c r="B51760" s="14" t="s">
        <v>1</v>
      </c>
      <c r="C51760" s="14" t="s">
        <v>20</v>
      </c>
      <c r="D51760" s="14" t="s">
        <v>31</v>
      </c>
      <c r="E51760" s="15">
        <v>45671</v>
      </c>
      <c r="F51760" s="14" t="s">
        <v>15</v>
      </c>
      <c r="G51760" s="16">
        <v>2.7871802661262199</v>
      </c>
    </row>
    <row r="51761" spans="1:7" x14ac:dyDescent="0.3">
      <c r="A51761" s="13" t="s">
        <v>288</v>
      </c>
      <c r="B51761" s="14" t="s">
        <v>1</v>
      </c>
      <c r="C51761" s="14" t="s">
        <v>20</v>
      </c>
      <c r="D51761" s="14" t="s">
        <v>31</v>
      </c>
      <c r="E51761" s="15">
        <v>45672</v>
      </c>
      <c r="F51761" s="14" t="s">
        <v>15</v>
      </c>
      <c r="G51761" s="16">
        <v>2.7930861996388128</v>
      </c>
    </row>
    <row r="51762" spans="1:7" x14ac:dyDescent="0.3">
      <c r="A51762" s="13" t="s">
        <v>288</v>
      </c>
      <c r="B51762" s="14" t="s">
        <v>1</v>
      </c>
      <c r="C51762" s="14" t="s">
        <v>20</v>
      </c>
      <c r="D51762" s="14" t="s">
        <v>31</v>
      </c>
      <c r="E51762" s="15">
        <v>45673</v>
      </c>
      <c r="F51762" s="14" t="s">
        <v>15</v>
      </c>
      <c r="G51762" s="16">
        <v>2.7989166747676295</v>
      </c>
    </row>
    <row r="51763" spans="1:7" x14ac:dyDescent="0.3">
      <c r="A51763" s="13" t="s">
        <v>288</v>
      </c>
      <c r="B51763" s="14" t="s">
        <v>1</v>
      </c>
      <c r="C51763" s="14" t="s">
        <v>20</v>
      </c>
      <c r="D51763" s="14" t="s">
        <v>31</v>
      </c>
      <c r="E51763" s="15">
        <v>45674</v>
      </c>
      <c r="F51763" s="14" t="s">
        <v>15</v>
      </c>
      <c r="G51763" s="16">
        <v>2.8030119170512262</v>
      </c>
    </row>
    <row r="51764" spans="1:7" x14ac:dyDescent="0.3">
      <c r="A51764" s="13" t="s">
        <v>288</v>
      </c>
      <c r="B51764" s="14" t="s">
        <v>1</v>
      </c>
      <c r="C51764" s="14" t="s">
        <v>20</v>
      </c>
      <c r="D51764" s="14" t="s">
        <v>31</v>
      </c>
      <c r="E51764" s="15">
        <v>45675</v>
      </c>
      <c r="F51764" s="14" t="s">
        <v>15</v>
      </c>
      <c r="G51764" s="16">
        <v>2.8030119170512262</v>
      </c>
    </row>
    <row r="51765" spans="1:7" x14ac:dyDescent="0.3">
      <c r="A51765" s="13" t="s">
        <v>288</v>
      </c>
      <c r="B51765" s="14" t="s">
        <v>1</v>
      </c>
      <c r="C51765" s="14" t="s">
        <v>20</v>
      </c>
      <c r="D51765" s="14" t="s">
        <v>31</v>
      </c>
      <c r="E51765" s="15">
        <v>45676</v>
      </c>
      <c r="F51765" s="14" t="s">
        <v>15</v>
      </c>
      <c r="G51765" s="16">
        <v>2.8030119170512262</v>
      </c>
    </row>
    <row r="51766" spans="1:7" x14ac:dyDescent="0.3">
      <c r="A51766" s="13" t="s">
        <v>288</v>
      </c>
      <c r="B51766" s="14" t="s">
        <v>1</v>
      </c>
      <c r="C51766" s="14" t="s">
        <v>20</v>
      </c>
      <c r="D51766" s="14" t="s">
        <v>31</v>
      </c>
      <c r="E51766" s="15">
        <v>45677</v>
      </c>
      <c r="F51766" s="14" t="s">
        <v>15</v>
      </c>
      <c r="G51766" s="16">
        <v>2.8085475085014555</v>
      </c>
    </row>
    <row r="51767" spans="1:7" x14ac:dyDescent="0.3">
      <c r="A51767" s="13" t="s">
        <v>288</v>
      </c>
      <c r="B51767" s="14" t="s">
        <v>1</v>
      </c>
      <c r="C51767" s="14" t="s">
        <v>20</v>
      </c>
      <c r="D51767" s="14" t="s">
        <v>31</v>
      </c>
      <c r="E51767" s="15">
        <v>45678</v>
      </c>
      <c r="F51767" s="14" t="s">
        <v>15</v>
      </c>
      <c r="G51767" s="16">
        <v>2.8245379166905784</v>
      </c>
    </row>
    <row r="51768" spans="1:7" x14ac:dyDescent="0.3">
      <c r="A51768" s="13" t="s">
        <v>288</v>
      </c>
      <c r="B51768" s="14" t="s">
        <v>1</v>
      </c>
      <c r="C51768" s="14" t="s">
        <v>20</v>
      </c>
      <c r="D51768" s="14" t="s">
        <v>31</v>
      </c>
      <c r="E51768" s="15">
        <v>45679</v>
      </c>
      <c r="F51768" s="14" t="s">
        <v>15</v>
      </c>
      <c r="G51768" s="16">
        <v>2.8299404664998944</v>
      </c>
    </row>
    <row r="51769" spans="1:7" x14ac:dyDescent="0.3">
      <c r="A51769" s="13" t="s">
        <v>288</v>
      </c>
      <c r="B51769" s="14" t="s">
        <v>1</v>
      </c>
      <c r="C51769" s="14" t="s">
        <v>20</v>
      </c>
      <c r="D51769" s="14" t="s">
        <v>31</v>
      </c>
      <c r="E51769" s="15">
        <v>45680</v>
      </c>
      <c r="F51769" s="14" t="s">
        <v>15</v>
      </c>
      <c r="G51769" s="16">
        <v>2.8352210815778705</v>
      </c>
    </row>
    <row r="51770" spans="1:7" x14ac:dyDescent="0.3">
      <c r="A51770" s="13" t="s">
        <v>288</v>
      </c>
      <c r="B51770" s="14" t="s">
        <v>1</v>
      </c>
      <c r="C51770" s="14" t="s">
        <v>20</v>
      </c>
      <c r="D51770" s="14" t="s">
        <v>31</v>
      </c>
      <c r="E51770" s="15">
        <v>45681</v>
      </c>
      <c r="F51770" s="14" t="s">
        <v>15</v>
      </c>
      <c r="G51770" s="16">
        <v>2.8404475296592526</v>
      </c>
    </row>
    <row r="51771" spans="1:7" x14ac:dyDescent="0.3">
      <c r="A51771" s="13" t="s">
        <v>288</v>
      </c>
      <c r="B51771" s="14" t="s">
        <v>1</v>
      </c>
      <c r="C51771" s="14" t="s">
        <v>20</v>
      </c>
      <c r="D51771" s="14" t="s">
        <v>31</v>
      </c>
      <c r="E51771" s="15">
        <v>45682</v>
      </c>
      <c r="F51771" s="14" t="s">
        <v>15</v>
      </c>
      <c r="G51771" s="16">
        <v>2.8404475296592526</v>
      </c>
    </row>
    <row r="51772" spans="1:7" x14ac:dyDescent="0.3">
      <c r="A51772" s="13" t="s">
        <v>288</v>
      </c>
      <c r="B51772" s="14" t="s">
        <v>1</v>
      </c>
      <c r="C51772" s="14" t="s">
        <v>20</v>
      </c>
      <c r="D51772" s="14" t="s">
        <v>31</v>
      </c>
      <c r="E51772" s="15">
        <v>45683</v>
      </c>
      <c r="F51772" s="14" t="s">
        <v>15</v>
      </c>
      <c r="G51772" s="16">
        <v>2.8404475296592526</v>
      </c>
    </row>
    <row r="51773" spans="1:7" x14ac:dyDescent="0.3">
      <c r="A51773" s="13" t="s">
        <v>288</v>
      </c>
      <c r="B51773" s="14" t="s">
        <v>1</v>
      </c>
      <c r="C51773" s="14" t="s">
        <v>20</v>
      </c>
      <c r="D51773" s="14" t="s">
        <v>31</v>
      </c>
      <c r="E51773" s="15">
        <v>45684</v>
      </c>
      <c r="F51773" s="14" t="s">
        <v>15</v>
      </c>
      <c r="G51773" s="16">
        <v>2.8516966149836578</v>
      </c>
    </row>
    <row r="51774" spans="1:7" x14ac:dyDescent="0.3">
      <c r="A51774" s="13" t="s">
        <v>288</v>
      </c>
      <c r="B51774" s="14" t="s">
        <v>1</v>
      </c>
      <c r="C51774" s="14" t="s">
        <v>20</v>
      </c>
      <c r="D51774" s="14" t="s">
        <v>31</v>
      </c>
      <c r="E51774" s="15">
        <v>45685</v>
      </c>
      <c r="F51774" s="14" t="s">
        <v>15</v>
      </c>
      <c r="G51774" s="16">
        <v>2.867352548965366</v>
      </c>
    </row>
    <row r="51775" spans="1:7" x14ac:dyDescent="0.3">
      <c r="A51775" s="13" t="s">
        <v>288</v>
      </c>
      <c r="B51775" s="14" t="s">
        <v>1</v>
      </c>
      <c r="C51775" s="14" t="s">
        <v>20</v>
      </c>
      <c r="D51775" s="14" t="s">
        <v>31</v>
      </c>
      <c r="E51775" s="15">
        <v>45686</v>
      </c>
      <c r="F51775" s="14" t="s">
        <v>15</v>
      </c>
      <c r="G51775" s="16">
        <v>2.872556641608448</v>
      </c>
    </row>
    <row r="51776" spans="1:7" x14ac:dyDescent="0.3">
      <c r="A51776" s="13" t="s">
        <v>288</v>
      </c>
      <c r="B51776" s="14" t="s">
        <v>1</v>
      </c>
      <c r="C51776" s="14" t="s">
        <v>20</v>
      </c>
      <c r="D51776" s="14" t="s">
        <v>31</v>
      </c>
      <c r="E51776" s="15">
        <v>45687</v>
      </c>
      <c r="F51776" s="14" t="s">
        <v>15</v>
      </c>
      <c r="G51776" s="16">
        <v>2.8777569624002526</v>
      </c>
    </row>
    <row r="51777" spans="1:7" x14ac:dyDescent="0.3">
      <c r="A51777" s="13" t="s">
        <v>288</v>
      </c>
      <c r="B51777" s="14" t="s">
        <v>1</v>
      </c>
      <c r="C51777" s="14" t="s">
        <v>20</v>
      </c>
      <c r="D51777" s="14" t="s">
        <v>31</v>
      </c>
      <c r="E51777" s="15">
        <v>45688</v>
      </c>
      <c r="F51777" s="14" t="s">
        <v>15</v>
      </c>
      <c r="G51777" s="16">
        <v>2.8829281860536313</v>
      </c>
    </row>
    <row r="51778" spans="1:7" x14ac:dyDescent="0.3">
      <c r="A51778" s="13" t="s">
        <v>288</v>
      </c>
      <c r="B51778" s="14" t="s">
        <v>1</v>
      </c>
      <c r="C51778" s="14" t="s">
        <v>20</v>
      </c>
      <c r="D51778" s="14" t="s">
        <v>31</v>
      </c>
      <c r="E51778" s="15">
        <v>45689</v>
      </c>
      <c r="F51778" s="14" t="s">
        <v>15</v>
      </c>
      <c r="G51778" s="16">
        <v>2.8829281860536313</v>
      </c>
    </row>
    <row r="51779" spans="1:7" x14ac:dyDescent="0.3">
      <c r="A51779" s="13" t="s">
        <v>288</v>
      </c>
      <c r="B51779" s="14" t="s">
        <v>1</v>
      </c>
      <c r="C51779" s="14" t="s">
        <v>20</v>
      </c>
      <c r="D51779" s="14" t="s">
        <v>31</v>
      </c>
      <c r="E51779" s="15">
        <v>45690</v>
      </c>
      <c r="F51779" s="14" t="s">
        <v>15</v>
      </c>
      <c r="G51779" s="16">
        <v>2.8829281860536313</v>
      </c>
    </row>
    <row r="51780" spans="1:7" x14ac:dyDescent="0.3">
      <c r="A51780" s="13" t="s">
        <v>288</v>
      </c>
      <c r="B51780" s="14" t="s">
        <v>1</v>
      </c>
      <c r="C51780" s="14" t="s">
        <v>20</v>
      </c>
      <c r="D51780" s="14" t="s">
        <v>31</v>
      </c>
      <c r="E51780" s="15">
        <v>45691</v>
      </c>
      <c r="F51780" s="14" t="s">
        <v>15</v>
      </c>
      <c r="G51780" s="16">
        <v>2.8829281860536313</v>
      </c>
    </row>
    <row r="51781" spans="1:7" x14ac:dyDescent="0.3">
      <c r="A51781" s="13" t="s">
        <v>288</v>
      </c>
      <c r="B51781" s="14" t="s">
        <v>1</v>
      </c>
      <c r="C51781" s="14" t="s">
        <v>20</v>
      </c>
      <c r="D51781" s="14" t="s">
        <v>31</v>
      </c>
      <c r="E51781" s="15">
        <v>45692</v>
      </c>
      <c r="F51781" s="14" t="s">
        <v>15</v>
      </c>
      <c r="G51781" s="16">
        <v>2.8880557225504564</v>
      </c>
    </row>
    <row r="51782" spans="1:7" x14ac:dyDescent="0.3">
      <c r="A51782" s="13" t="s">
        <v>288</v>
      </c>
      <c r="B51782" s="14" t="s">
        <v>1</v>
      </c>
      <c r="C51782" s="14" t="s">
        <v>20</v>
      </c>
      <c r="D51782" s="14" t="s">
        <v>31</v>
      </c>
      <c r="E51782" s="15">
        <v>45693</v>
      </c>
      <c r="F51782" s="14" t="s">
        <v>15</v>
      </c>
      <c r="G51782" s="16">
        <v>2.9590188920976814</v>
      </c>
    </row>
    <row r="51783" spans="1:7" x14ac:dyDescent="0.3">
      <c r="A51783" s="13" t="s">
        <v>288</v>
      </c>
      <c r="B51783" s="14" t="s">
        <v>1</v>
      </c>
      <c r="C51783" s="14" t="s">
        <v>20</v>
      </c>
      <c r="D51783" s="14" t="s">
        <v>31</v>
      </c>
      <c r="E51783" s="15">
        <v>45694</v>
      </c>
      <c r="F51783" s="14" t="s">
        <v>15</v>
      </c>
      <c r="G51783" s="16">
        <v>2.9657562630094891</v>
      </c>
    </row>
    <row r="51784" spans="1:7" x14ac:dyDescent="0.3">
      <c r="A51784" s="13" t="s">
        <v>288</v>
      </c>
      <c r="B51784" s="14" t="s">
        <v>1</v>
      </c>
      <c r="C51784" s="14" t="s">
        <v>20</v>
      </c>
      <c r="D51784" s="14" t="s">
        <v>31</v>
      </c>
      <c r="E51784" s="15">
        <v>45695</v>
      </c>
      <c r="F51784" s="14" t="s">
        <v>15</v>
      </c>
      <c r="G51784" s="16">
        <v>2.9845103339966794</v>
      </c>
    </row>
    <row r="51785" spans="1:7" x14ac:dyDescent="0.3">
      <c r="A51785" s="13" t="s">
        <v>288</v>
      </c>
      <c r="B51785" s="14" t="s">
        <v>1</v>
      </c>
      <c r="C51785" s="14" t="s">
        <v>20</v>
      </c>
      <c r="D51785" s="14" t="s">
        <v>31</v>
      </c>
      <c r="E51785" s="15">
        <v>45696</v>
      </c>
      <c r="F51785" s="14" t="s">
        <v>15</v>
      </c>
      <c r="G51785" s="16">
        <v>2.9845103339966794</v>
      </c>
    </row>
    <row r="51786" spans="1:7" x14ac:dyDescent="0.3">
      <c r="A51786" s="13" t="s">
        <v>288</v>
      </c>
      <c r="B51786" s="14" t="s">
        <v>1</v>
      </c>
      <c r="C51786" s="14" t="s">
        <v>20</v>
      </c>
      <c r="D51786" s="14" t="s">
        <v>31</v>
      </c>
      <c r="E51786" s="15">
        <v>45697</v>
      </c>
      <c r="F51786" s="14" t="s">
        <v>15</v>
      </c>
      <c r="G51786" s="16">
        <v>2.9845103339966794</v>
      </c>
    </row>
    <row r="51787" spans="1:7" x14ac:dyDescent="0.3">
      <c r="A51787" s="13" t="s">
        <v>288</v>
      </c>
      <c r="B51787" s="14" t="s">
        <v>1</v>
      </c>
      <c r="C51787" s="14" t="s">
        <v>20</v>
      </c>
      <c r="D51787" s="14" t="s">
        <v>31</v>
      </c>
      <c r="E51787" s="15">
        <v>45698</v>
      </c>
      <c r="F51787" s="14" t="s">
        <v>15</v>
      </c>
      <c r="G51787" s="16">
        <v>2.991216956189851</v>
      </c>
    </row>
    <row r="51788" spans="1:7" x14ac:dyDescent="0.3">
      <c r="A51788" s="13" t="s">
        <v>288</v>
      </c>
      <c r="B51788" s="14" t="s">
        <v>1</v>
      </c>
      <c r="C51788" s="14" t="s">
        <v>20</v>
      </c>
      <c r="D51788" s="14" t="s">
        <v>31</v>
      </c>
      <c r="E51788" s="15">
        <v>45699</v>
      </c>
      <c r="F51788" s="14" t="s">
        <v>15</v>
      </c>
      <c r="G51788" s="16">
        <v>3.0113930843004657</v>
      </c>
    </row>
    <row r="51789" spans="1:7" x14ac:dyDescent="0.3">
      <c r="A51789" s="13" t="s">
        <v>288</v>
      </c>
      <c r="B51789" s="14" t="s">
        <v>1</v>
      </c>
      <c r="C51789" s="14" t="s">
        <v>20</v>
      </c>
      <c r="D51789" s="14" t="s">
        <v>31</v>
      </c>
      <c r="E51789" s="15">
        <v>45700</v>
      </c>
      <c r="F51789" s="14" t="s">
        <v>15</v>
      </c>
      <c r="G51789" s="16">
        <v>3.0181080797612818</v>
      </c>
    </row>
    <row r="51790" spans="1:7" x14ac:dyDescent="0.3">
      <c r="A51790" s="13" t="s">
        <v>288</v>
      </c>
      <c r="B51790" s="14" t="s">
        <v>1</v>
      </c>
      <c r="C51790" s="14" t="s">
        <v>20</v>
      </c>
      <c r="D51790" s="14" t="s">
        <v>31</v>
      </c>
      <c r="E51790" s="15">
        <v>45701</v>
      </c>
      <c r="F51790" s="14" t="s">
        <v>15</v>
      </c>
      <c r="G51790" s="16">
        <v>3.024792334181051</v>
      </c>
    </row>
    <row r="51791" spans="1:7" x14ac:dyDescent="0.3">
      <c r="A51791" s="13" t="s">
        <v>288</v>
      </c>
      <c r="B51791" s="14" t="s">
        <v>1</v>
      </c>
      <c r="C51791" s="14" t="s">
        <v>20</v>
      </c>
      <c r="D51791" s="14" t="s">
        <v>31</v>
      </c>
      <c r="E51791" s="15">
        <v>45702</v>
      </c>
      <c r="F51791" s="14" t="s">
        <v>15</v>
      </c>
      <c r="G51791" s="16">
        <v>3.0369365459720821</v>
      </c>
    </row>
    <row r="51792" spans="1:7" x14ac:dyDescent="0.3">
      <c r="A51792" s="13" t="s">
        <v>288</v>
      </c>
      <c r="B51792" s="14" t="s">
        <v>1</v>
      </c>
      <c r="C51792" s="14" t="s">
        <v>20</v>
      </c>
      <c r="D51792" s="14" t="s">
        <v>31</v>
      </c>
      <c r="E51792" s="15">
        <v>45703</v>
      </c>
      <c r="F51792" s="14" t="s">
        <v>15</v>
      </c>
      <c r="G51792" s="16">
        <v>3.0369365459720821</v>
      </c>
    </row>
    <row r="51793" spans="1:7" x14ac:dyDescent="0.3">
      <c r="A51793" s="13" t="s">
        <v>288</v>
      </c>
      <c r="B51793" s="14" t="s">
        <v>1</v>
      </c>
      <c r="C51793" s="14" t="s">
        <v>20</v>
      </c>
      <c r="D51793" s="14" t="s">
        <v>31</v>
      </c>
      <c r="E51793" s="15">
        <v>45704</v>
      </c>
      <c r="F51793" s="14" t="s">
        <v>15</v>
      </c>
      <c r="G51793" s="16">
        <v>3.0369365459720821</v>
      </c>
    </row>
    <row r="51794" spans="1:7" x14ac:dyDescent="0.3">
      <c r="A51794" s="13" t="s">
        <v>288</v>
      </c>
      <c r="B51794" s="14" t="s">
        <v>1</v>
      </c>
      <c r="C51794" s="14" t="s">
        <v>20</v>
      </c>
      <c r="D51794" s="14" t="s">
        <v>31</v>
      </c>
      <c r="E51794" s="15">
        <v>45705</v>
      </c>
      <c r="F51794" s="14" t="s">
        <v>15</v>
      </c>
      <c r="G51794" s="16">
        <v>3.0435972364089712</v>
      </c>
    </row>
    <row r="51795" spans="1:7" x14ac:dyDescent="0.3">
      <c r="A51795" s="13" t="s">
        <v>288</v>
      </c>
      <c r="B51795" s="14" t="s">
        <v>1</v>
      </c>
      <c r="C51795" s="14" t="s">
        <v>20</v>
      </c>
      <c r="D51795" s="14" t="s">
        <v>31</v>
      </c>
      <c r="E51795" s="15">
        <v>45706</v>
      </c>
      <c r="F51795" s="14" t="s">
        <v>15</v>
      </c>
      <c r="G51795" s="16">
        <v>3.0635417903075477</v>
      </c>
    </row>
    <row r="51796" spans="1:7" x14ac:dyDescent="0.3">
      <c r="A51796" s="13" t="s">
        <v>288</v>
      </c>
      <c r="B51796" s="14" t="s">
        <v>1</v>
      </c>
      <c r="C51796" s="14" t="s">
        <v>20</v>
      </c>
      <c r="D51796" s="14" t="s">
        <v>31</v>
      </c>
      <c r="E51796" s="15">
        <v>45707</v>
      </c>
      <c r="F51796" s="14" t="s">
        <v>15</v>
      </c>
      <c r="G51796" s="16">
        <v>3.0680228123280093</v>
      </c>
    </row>
    <row r="51797" spans="1:7" x14ac:dyDescent="0.3">
      <c r="A51797" s="13" t="s">
        <v>288</v>
      </c>
      <c r="B51797" s="14" t="s">
        <v>1</v>
      </c>
      <c r="C51797" s="14" t="s">
        <v>20</v>
      </c>
      <c r="D51797" s="14" t="s">
        <v>31</v>
      </c>
      <c r="E51797" s="15">
        <v>45708</v>
      </c>
      <c r="F51797" s="14" t="s">
        <v>15</v>
      </c>
      <c r="G51797" s="16">
        <v>3.0745400030874634</v>
      </c>
    </row>
    <row r="51798" spans="1:7" x14ac:dyDescent="0.3">
      <c r="A51798" s="13" t="s">
        <v>288</v>
      </c>
      <c r="B51798" s="14" t="s">
        <v>1</v>
      </c>
      <c r="C51798" s="14" t="s">
        <v>20</v>
      </c>
      <c r="D51798" s="14" t="s">
        <v>31</v>
      </c>
      <c r="E51798" s="15">
        <v>45709</v>
      </c>
      <c r="F51798" s="14" t="s">
        <v>15</v>
      </c>
      <c r="G51798" s="16">
        <v>3.0801925035385129</v>
      </c>
    </row>
    <row r="51799" spans="1:7" x14ac:dyDescent="0.3">
      <c r="A51799" s="13" t="s">
        <v>288</v>
      </c>
      <c r="B51799" s="14" t="s">
        <v>1</v>
      </c>
      <c r="C51799" s="14" t="s">
        <v>20</v>
      </c>
      <c r="D51799" s="14" t="s">
        <v>31</v>
      </c>
      <c r="E51799" s="15">
        <v>45710</v>
      </c>
      <c r="F51799" s="14" t="s">
        <v>15</v>
      </c>
      <c r="G51799" s="16">
        <v>3.0801925035385129</v>
      </c>
    </row>
    <row r="51800" spans="1:7" x14ac:dyDescent="0.3">
      <c r="A51800" s="13" t="s">
        <v>288</v>
      </c>
      <c r="B51800" s="14" t="s">
        <v>1</v>
      </c>
      <c r="C51800" s="14" t="s">
        <v>20</v>
      </c>
      <c r="D51800" s="14" t="s">
        <v>31</v>
      </c>
      <c r="E51800" s="15">
        <v>45711</v>
      </c>
      <c r="F51800" s="14" t="s">
        <v>15</v>
      </c>
      <c r="G51800" s="16">
        <v>3.0801925035385129</v>
      </c>
    </row>
    <row r="51801" spans="1:7" x14ac:dyDescent="0.3">
      <c r="A51801" s="13" t="s">
        <v>288</v>
      </c>
      <c r="B51801" s="14" t="s">
        <v>1</v>
      </c>
      <c r="C51801" s="14" t="s">
        <v>20</v>
      </c>
      <c r="D51801" s="14" t="s">
        <v>31</v>
      </c>
      <c r="E51801" s="15">
        <v>45712</v>
      </c>
      <c r="F51801" s="14" t="s">
        <v>15</v>
      </c>
      <c r="G51801" s="16">
        <v>3.0856713970789706</v>
      </c>
    </row>
    <row r="51802" spans="1:7" x14ac:dyDescent="0.3">
      <c r="A51802" s="13" t="s">
        <v>288</v>
      </c>
      <c r="B51802" s="14" t="s">
        <v>1</v>
      </c>
      <c r="C51802" s="14" t="s">
        <v>20</v>
      </c>
      <c r="D51802" s="14" t="s">
        <v>31</v>
      </c>
      <c r="E51802" s="15">
        <v>45713</v>
      </c>
      <c r="F51802" s="14" t="s">
        <v>15</v>
      </c>
      <c r="G51802" s="16">
        <v>3.1143937863560396</v>
      </c>
    </row>
    <row r="51803" spans="1:7" x14ac:dyDescent="0.3">
      <c r="A51803" s="13" t="s">
        <v>288</v>
      </c>
      <c r="B51803" s="14" t="s">
        <v>1</v>
      </c>
      <c r="C51803" s="14" t="s">
        <v>20</v>
      </c>
      <c r="D51803" s="14" t="s">
        <v>31</v>
      </c>
      <c r="E51803" s="15">
        <v>45714</v>
      </c>
      <c r="F51803" s="14" t="s">
        <v>15</v>
      </c>
      <c r="G51803" s="16">
        <v>3.1198395173157212</v>
      </c>
    </row>
    <row r="51804" spans="1:7" x14ac:dyDescent="0.3">
      <c r="A51804" s="13" t="s">
        <v>288</v>
      </c>
      <c r="B51804" s="14" t="s">
        <v>1</v>
      </c>
      <c r="C51804" s="14" t="s">
        <v>20</v>
      </c>
      <c r="D51804" s="14" t="s">
        <v>31</v>
      </c>
      <c r="E51804" s="15">
        <v>45715</v>
      </c>
      <c r="F51804" s="14" t="s">
        <v>15</v>
      </c>
      <c r="G51804" s="16">
        <v>3.1362940259474157</v>
      </c>
    </row>
    <row r="51805" spans="1:7" x14ac:dyDescent="0.3">
      <c r="A51805" s="13" t="s">
        <v>288</v>
      </c>
      <c r="B51805" s="14" t="s">
        <v>1</v>
      </c>
      <c r="C51805" s="14" t="s">
        <v>20</v>
      </c>
      <c r="D51805" s="14" t="s">
        <v>31</v>
      </c>
      <c r="E51805" s="15">
        <v>45716</v>
      </c>
      <c r="F51805" s="14" t="s">
        <v>15</v>
      </c>
      <c r="G51805" s="16">
        <v>3.1417890641453052</v>
      </c>
    </row>
    <row r="51806" spans="1:7" x14ac:dyDescent="0.3">
      <c r="A51806" s="13" t="s">
        <v>288</v>
      </c>
      <c r="B51806" s="14" t="s">
        <v>1</v>
      </c>
      <c r="C51806" s="14" t="s">
        <v>20</v>
      </c>
      <c r="D51806" s="14" t="s">
        <v>31</v>
      </c>
      <c r="E51806" s="15">
        <v>45717</v>
      </c>
      <c r="F51806" s="14" t="s">
        <v>15</v>
      </c>
      <c r="G51806" s="16">
        <v>3.1417890641453052</v>
      </c>
    </row>
    <row r="51807" spans="1:7" x14ac:dyDescent="0.3">
      <c r="A51807" s="13" t="s">
        <v>288</v>
      </c>
      <c r="B51807" s="14" t="s">
        <v>1</v>
      </c>
      <c r="C51807" s="14" t="s">
        <v>20</v>
      </c>
      <c r="D51807" s="14" t="s">
        <v>31</v>
      </c>
      <c r="E51807" s="15">
        <v>45718</v>
      </c>
      <c r="F51807" s="14" t="s">
        <v>15</v>
      </c>
      <c r="G51807" s="16">
        <v>3.1417890641453052</v>
      </c>
    </row>
    <row r="51808" spans="1:7" x14ac:dyDescent="0.3">
      <c r="A51808" s="13" t="s">
        <v>288</v>
      </c>
      <c r="B51808" s="14" t="s">
        <v>1</v>
      </c>
      <c r="C51808" s="14" t="s">
        <v>20</v>
      </c>
      <c r="D51808" s="14" t="s">
        <v>31</v>
      </c>
      <c r="E51808" s="15">
        <v>45719</v>
      </c>
      <c r="F51808" s="14" t="s">
        <v>15</v>
      </c>
      <c r="G51808" s="16">
        <v>3.1470656193798185</v>
      </c>
    </row>
    <row r="51809" spans="1:7" x14ac:dyDescent="0.3">
      <c r="A51809" s="13" t="s">
        <v>288</v>
      </c>
      <c r="B51809" s="14" t="s">
        <v>1</v>
      </c>
      <c r="C51809" s="14" t="s">
        <v>20</v>
      </c>
      <c r="D51809" s="14" t="s">
        <v>31</v>
      </c>
      <c r="E51809" s="15">
        <v>45720</v>
      </c>
      <c r="F51809" s="14" t="s">
        <v>15</v>
      </c>
      <c r="G51809" s="16">
        <v>3.1697072139473397</v>
      </c>
    </row>
    <row r="51810" spans="1:7" x14ac:dyDescent="0.3">
      <c r="A51810" s="13" t="s">
        <v>288</v>
      </c>
      <c r="B51810" s="14" t="s">
        <v>1</v>
      </c>
      <c r="C51810" s="14" t="s">
        <v>20</v>
      </c>
      <c r="D51810" s="14" t="s">
        <v>31</v>
      </c>
      <c r="E51810" s="15">
        <v>45721</v>
      </c>
      <c r="F51810" s="14" t="s">
        <v>15</v>
      </c>
      <c r="G51810" s="16">
        <v>3.1749980107860609</v>
      </c>
    </row>
    <row r="51811" spans="1:7" x14ac:dyDescent="0.3">
      <c r="A51811" s="13" t="s">
        <v>288</v>
      </c>
      <c r="B51811" s="14" t="s">
        <v>1</v>
      </c>
      <c r="C51811" s="14" t="s">
        <v>20</v>
      </c>
      <c r="D51811" s="14" t="s">
        <v>31</v>
      </c>
      <c r="E51811" s="15">
        <v>45722</v>
      </c>
      <c r="F51811" s="14" t="s">
        <v>15</v>
      </c>
      <c r="G51811" s="16">
        <v>3.1907088448917098</v>
      </c>
    </row>
    <row r="51812" spans="1:7" x14ac:dyDescent="0.3">
      <c r="A51812" s="13" t="s">
        <v>288</v>
      </c>
      <c r="B51812" s="14" t="s">
        <v>1</v>
      </c>
      <c r="C51812" s="14" t="s">
        <v>20</v>
      </c>
      <c r="D51812" s="14" t="s">
        <v>31</v>
      </c>
      <c r="E51812" s="15">
        <v>45723</v>
      </c>
      <c r="F51812" s="14" t="s">
        <v>15</v>
      </c>
      <c r="G51812" s="16">
        <v>3.1968533295434072</v>
      </c>
    </row>
    <row r="51813" spans="1:7" x14ac:dyDescent="0.3">
      <c r="A51813" s="13" t="s">
        <v>288</v>
      </c>
      <c r="B51813" s="14" t="s">
        <v>1</v>
      </c>
      <c r="C51813" s="14" t="s">
        <v>20</v>
      </c>
      <c r="D51813" s="14" t="s">
        <v>31</v>
      </c>
      <c r="E51813" s="15">
        <v>45724</v>
      </c>
      <c r="F51813" s="14" t="s">
        <v>15</v>
      </c>
      <c r="G51813" s="16">
        <v>3.1968533295434072</v>
      </c>
    </row>
    <row r="51814" spans="1:7" x14ac:dyDescent="0.3">
      <c r="A51814" s="13" t="s">
        <v>288</v>
      </c>
      <c r="B51814" s="14" t="s">
        <v>1</v>
      </c>
      <c r="C51814" s="14" t="s">
        <v>20</v>
      </c>
      <c r="D51814" s="14" t="s">
        <v>31</v>
      </c>
      <c r="E51814" s="15">
        <v>45725</v>
      </c>
      <c r="F51814" s="14" t="s">
        <v>15</v>
      </c>
      <c r="G51814" s="16">
        <v>3.1968533295434072</v>
      </c>
    </row>
    <row r="51815" spans="1:7" x14ac:dyDescent="0.3">
      <c r="A51815" s="13" t="s">
        <v>288</v>
      </c>
      <c r="B51815" s="14" t="s">
        <v>1</v>
      </c>
      <c r="C51815" s="14" t="s">
        <v>20</v>
      </c>
      <c r="D51815" s="14" t="s">
        <v>31</v>
      </c>
      <c r="E51815" s="15">
        <v>45726</v>
      </c>
      <c r="F51815" s="14" t="s">
        <v>15</v>
      </c>
      <c r="G51815" s="16">
        <v>3.2022590194203704</v>
      </c>
    </row>
    <row r="51816" spans="1:7" x14ac:dyDescent="0.3">
      <c r="A51816" s="13" t="s">
        <v>288</v>
      </c>
      <c r="B51816" s="14" t="s">
        <v>1</v>
      </c>
      <c r="C51816" s="14" t="s">
        <v>20</v>
      </c>
      <c r="D51816" s="14" t="s">
        <v>31</v>
      </c>
      <c r="E51816" s="15">
        <v>45727</v>
      </c>
      <c r="F51816" s="14" t="s">
        <v>15</v>
      </c>
      <c r="G51816" s="16">
        <v>3.2182733756728363</v>
      </c>
    </row>
    <row r="51817" spans="1:7" x14ac:dyDescent="0.3">
      <c r="A51817" s="13" t="s">
        <v>288</v>
      </c>
      <c r="B51817" s="14" t="s">
        <v>1</v>
      </c>
      <c r="C51817" s="14" t="s">
        <v>20</v>
      </c>
      <c r="D51817" s="14" t="s">
        <v>31</v>
      </c>
      <c r="E51817" s="15">
        <v>45728</v>
      </c>
      <c r="F51817" s="14" t="s">
        <v>15</v>
      </c>
      <c r="G51817" s="16">
        <v>3.2235644735122677</v>
      </c>
    </row>
    <row r="51818" spans="1:7" x14ac:dyDescent="0.3">
      <c r="A51818" s="13" t="s">
        <v>288</v>
      </c>
      <c r="B51818" s="14" t="s">
        <v>1</v>
      </c>
      <c r="C51818" s="14" t="s">
        <v>20</v>
      </c>
      <c r="D51818" s="14" t="s">
        <v>31</v>
      </c>
      <c r="E51818" s="15">
        <v>45729</v>
      </c>
      <c r="F51818" s="14" t="s">
        <v>15</v>
      </c>
      <c r="G51818" s="16">
        <v>3.2289539675771439</v>
      </c>
    </row>
    <row r="51819" spans="1:7" x14ac:dyDescent="0.3">
      <c r="A51819" s="13" t="s">
        <v>288</v>
      </c>
      <c r="B51819" s="14" t="s">
        <v>1</v>
      </c>
      <c r="C51819" s="14" t="s">
        <v>20</v>
      </c>
      <c r="D51819" s="14" t="s">
        <v>31</v>
      </c>
      <c r="E51819" s="15">
        <v>45730</v>
      </c>
      <c r="F51819" s="14" t="s">
        <v>15</v>
      </c>
      <c r="G51819" s="16">
        <v>3.246446700891918</v>
      </c>
    </row>
    <row r="51820" spans="1:7" x14ac:dyDescent="0.3">
      <c r="A51820" s="13" t="s">
        <v>288</v>
      </c>
      <c r="B51820" s="14" t="s">
        <v>1</v>
      </c>
      <c r="C51820" s="14" t="s">
        <v>20</v>
      </c>
      <c r="D51820" s="14" t="s">
        <v>31</v>
      </c>
      <c r="E51820" s="15">
        <v>45731</v>
      </c>
      <c r="F51820" s="14" t="s">
        <v>15</v>
      </c>
      <c r="G51820" s="16">
        <v>3.246446700891918</v>
      </c>
    </row>
    <row r="51821" spans="1:7" x14ac:dyDescent="0.3">
      <c r="A51821" s="13" t="s">
        <v>288</v>
      </c>
      <c r="B51821" s="14" t="s">
        <v>1</v>
      </c>
      <c r="C51821" s="14" t="s">
        <v>20</v>
      </c>
      <c r="D51821" s="14" t="s">
        <v>31</v>
      </c>
      <c r="E51821" s="15">
        <v>45732</v>
      </c>
      <c r="F51821" s="14" t="s">
        <v>15</v>
      </c>
      <c r="G51821" s="16">
        <v>3.246446700891918</v>
      </c>
    </row>
    <row r="51822" spans="1:7" x14ac:dyDescent="0.3">
      <c r="A51822" s="13" t="s">
        <v>288</v>
      </c>
      <c r="B51822" s="14" t="s">
        <v>1</v>
      </c>
      <c r="C51822" s="14" t="s">
        <v>20</v>
      </c>
      <c r="D51822" s="14" t="s">
        <v>31</v>
      </c>
      <c r="E51822" s="15">
        <v>45733</v>
      </c>
      <c r="F51822" s="14" t="s">
        <v>15</v>
      </c>
      <c r="G51822" s="16">
        <v>3.246446700891918</v>
      </c>
    </row>
    <row r="51823" spans="1:7" x14ac:dyDescent="0.3">
      <c r="A51823" s="13" t="s">
        <v>288</v>
      </c>
      <c r="B51823" s="14" t="s">
        <v>1</v>
      </c>
      <c r="C51823" s="14" t="s">
        <v>20</v>
      </c>
      <c r="D51823" s="14" t="s">
        <v>31</v>
      </c>
      <c r="E51823" s="15">
        <v>45734</v>
      </c>
      <c r="F51823" s="14" t="s">
        <v>15</v>
      </c>
      <c r="G51823" s="16">
        <v>3.2516395283859367</v>
      </c>
    </row>
    <row r="51824" spans="1:7" x14ac:dyDescent="0.3">
      <c r="A51824" s="13" t="s">
        <v>288</v>
      </c>
      <c r="B51824" s="14" t="s">
        <v>1</v>
      </c>
      <c r="C51824" s="14" t="s">
        <v>20</v>
      </c>
      <c r="D51824" s="14" t="s">
        <v>31</v>
      </c>
      <c r="E51824" s="15">
        <v>45735</v>
      </c>
      <c r="F51824" s="14" t="s">
        <v>15</v>
      </c>
      <c r="G51824" s="16">
        <v>3.2720213762878361</v>
      </c>
    </row>
    <row r="51825" spans="1:7" x14ac:dyDescent="0.3">
      <c r="A51825" s="13" t="s">
        <v>288</v>
      </c>
      <c r="B51825" s="14" t="s">
        <v>1</v>
      </c>
      <c r="C51825" s="14" t="s">
        <v>20</v>
      </c>
      <c r="D51825" s="14" t="s">
        <v>31</v>
      </c>
      <c r="E51825" s="15">
        <v>45736</v>
      </c>
      <c r="F51825" s="14" t="s">
        <v>15</v>
      </c>
      <c r="G51825" s="16">
        <v>3.2766232809490416</v>
      </c>
    </row>
    <row r="51826" spans="1:7" x14ac:dyDescent="0.3">
      <c r="A51826" s="13" t="s">
        <v>288</v>
      </c>
      <c r="B51826" s="14" t="s">
        <v>1</v>
      </c>
      <c r="C51826" s="14" t="s">
        <v>20</v>
      </c>
      <c r="D51826" s="14" t="s">
        <v>31</v>
      </c>
      <c r="E51826" s="15">
        <v>45737</v>
      </c>
      <c r="F51826" s="14" t="s">
        <v>15</v>
      </c>
      <c r="G51826" s="16">
        <v>3.2811836964801793</v>
      </c>
    </row>
    <row r="51827" spans="1:7" x14ac:dyDescent="0.3">
      <c r="A51827" s="13" t="s">
        <v>288</v>
      </c>
      <c r="B51827" s="14" t="s">
        <v>1</v>
      </c>
      <c r="C51827" s="14" t="s">
        <v>20</v>
      </c>
      <c r="D51827" s="14" t="s">
        <v>31</v>
      </c>
      <c r="E51827" s="15">
        <v>45738</v>
      </c>
      <c r="F51827" s="14" t="s">
        <v>15</v>
      </c>
      <c r="G51827" s="16">
        <v>3.2811836964801793</v>
      </c>
    </row>
    <row r="51828" spans="1:7" x14ac:dyDescent="0.3">
      <c r="A51828" s="13" t="s">
        <v>288</v>
      </c>
      <c r="B51828" s="14" t="s">
        <v>1</v>
      </c>
      <c r="C51828" s="14" t="s">
        <v>20</v>
      </c>
      <c r="D51828" s="14" t="s">
        <v>31</v>
      </c>
      <c r="E51828" s="15">
        <v>45739</v>
      </c>
      <c r="F51828" s="14" t="s">
        <v>15</v>
      </c>
      <c r="G51828" s="16">
        <v>3.2811836964801793</v>
      </c>
    </row>
    <row r="51829" spans="1:7" x14ac:dyDescent="0.3">
      <c r="A51829" s="13" t="s">
        <v>288</v>
      </c>
      <c r="B51829" s="14" t="s">
        <v>1</v>
      </c>
      <c r="C51829" s="14" t="s">
        <v>20</v>
      </c>
      <c r="D51829" s="14" t="s">
        <v>31</v>
      </c>
      <c r="E51829" s="15">
        <v>45740</v>
      </c>
      <c r="F51829" s="14" t="s">
        <v>15</v>
      </c>
      <c r="G51829" s="16">
        <v>3.2841080942602594</v>
      </c>
    </row>
    <row r="51830" spans="1:7" x14ac:dyDescent="0.3">
      <c r="A51830" s="13" t="s">
        <v>288</v>
      </c>
      <c r="B51830" s="14" t="s">
        <v>1</v>
      </c>
      <c r="C51830" s="14" t="s">
        <v>20</v>
      </c>
      <c r="D51830" s="14" t="s">
        <v>31</v>
      </c>
      <c r="E51830" s="15">
        <v>45741</v>
      </c>
      <c r="F51830" s="14" t="s">
        <v>15</v>
      </c>
      <c r="G51830" s="16">
        <v>3.3119221943704833</v>
      </c>
    </row>
    <row r="51831" spans="1:7" x14ac:dyDescent="0.3">
      <c r="A51831" s="13" t="s">
        <v>288</v>
      </c>
      <c r="B51831" s="14" t="s">
        <v>1</v>
      </c>
      <c r="C51831" s="14" t="s">
        <v>20</v>
      </c>
      <c r="D51831" s="14" t="s">
        <v>31</v>
      </c>
      <c r="E51831" s="15">
        <v>45742</v>
      </c>
      <c r="F51831" s="14" t="s">
        <v>15</v>
      </c>
      <c r="G51831" s="16">
        <v>3.3165001699757823</v>
      </c>
    </row>
    <row r="51832" spans="1:7" x14ac:dyDescent="0.3">
      <c r="A51832" s="13" t="s">
        <v>288</v>
      </c>
      <c r="B51832" s="14" t="s">
        <v>1</v>
      </c>
      <c r="C51832" s="14" t="s">
        <v>20</v>
      </c>
      <c r="D51832" s="14" t="s">
        <v>31</v>
      </c>
      <c r="E51832" s="15">
        <v>45743</v>
      </c>
      <c r="F51832" s="14" t="s">
        <v>15</v>
      </c>
      <c r="G51832" s="16">
        <v>3.3237622145296641</v>
      </c>
    </row>
    <row r="51833" spans="1:7" x14ac:dyDescent="0.3">
      <c r="A51833" s="13" t="s">
        <v>288</v>
      </c>
      <c r="B51833" s="14" t="s">
        <v>1</v>
      </c>
      <c r="C51833" s="14" t="s">
        <v>20</v>
      </c>
      <c r="D51833" s="14" t="s">
        <v>31</v>
      </c>
      <c r="E51833" s="15">
        <v>45744</v>
      </c>
      <c r="F51833" s="14" t="s">
        <v>15</v>
      </c>
      <c r="G51833" s="16">
        <v>3.3284089524522287</v>
      </c>
    </row>
    <row r="51834" spans="1:7" x14ac:dyDescent="0.3">
      <c r="A51834" s="13" t="s">
        <v>288</v>
      </c>
      <c r="B51834" s="14" t="s">
        <v>1</v>
      </c>
      <c r="C51834" s="14" t="s">
        <v>20</v>
      </c>
      <c r="D51834" s="14" t="s">
        <v>31</v>
      </c>
      <c r="E51834" s="15">
        <v>45745</v>
      </c>
      <c r="F51834" s="14" t="s">
        <v>15</v>
      </c>
      <c r="G51834" s="16">
        <v>3.3284089524522287</v>
      </c>
    </row>
    <row r="51835" spans="1:7" x14ac:dyDescent="0.3">
      <c r="A51835" s="13" t="s">
        <v>288</v>
      </c>
      <c r="B51835" s="14" t="s">
        <v>1</v>
      </c>
      <c r="C51835" s="14" t="s">
        <v>20</v>
      </c>
      <c r="D51835" s="14" t="s">
        <v>31</v>
      </c>
      <c r="E51835" s="15">
        <v>45746</v>
      </c>
      <c r="F51835" s="14" t="s">
        <v>15</v>
      </c>
      <c r="G51835" s="16">
        <v>3.3284089524522287</v>
      </c>
    </row>
    <row r="51836" spans="1:7" x14ac:dyDescent="0.3">
      <c r="A51836" s="13" t="s">
        <v>288</v>
      </c>
      <c r="B51836" s="14" t="s">
        <v>1</v>
      </c>
      <c r="C51836" s="14" t="s">
        <v>20</v>
      </c>
      <c r="D51836" s="14" t="s">
        <v>31</v>
      </c>
      <c r="E51836" s="15">
        <v>45747</v>
      </c>
      <c r="F51836" s="14" t="s">
        <v>15</v>
      </c>
      <c r="G51836" s="16">
        <v>3.3347668710003955</v>
      </c>
    </row>
    <row r="51837" spans="1:7" x14ac:dyDescent="0.3">
      <c r="A51837" s="13" t="s">
        <v>289</v>
      </c>
      <c r="B51837" s="14" t="s">
        <v>1</v>
      </c>
      <c r="C51837" s="14" t="s">
        <v>47</v>
      </c>
      <c r="D51837" s="14" t="s">
        <v>290</v>
      </c>
      <c r="E51837" s="15">
        <v>45383</v>
      </c>
      <c r="F51837" s="14" t="s">
        <v>25</v>
      </c>
      <c r="G51837" s="16">
        <v>0</v>
      </c>
    </row>
    <row r="51838" spans="1:7" x14ac:dyDescent="0.3">
      <c r="A51838" s="13" t="s">
        <v>289</v>
      </c>
      <c r="B51838" s="14" t="s">
        <v>1</v>
      </c>
      <c r="C51838" s="14" t="s">
        <v>47</v>
      </c>
      <c r="D51838" s="14" t="s">
        <v>290</v>
      </c>
      <c r="E51838" s="15">
        <v>45384</v>
      </c>
      <c r="F51838" s="14" t="s">
        <v>25</v>
      </c>
      <c r="G51838" s="16">
        <v>0</v>
      </c>
    </row>
    <row r="51839" spans="1:7" x14ac:dyDescent="0.3">
      <c r="A51839" s="13" t="s">
        <v>289</v>
      </c>
      <c r="B51839" s="14" t="s">
        <v>1</v>
      </c>
      <c r="C51839" s="14" t="s">
        <v>47</v>
      </c>
      <c r="D51839" s="14" t="s">
        <v>290</v>
      </c>
      <c r="E51839" s="15">
        <v>45385</v>
      </c>
      <c r="F51839" s="14" t="s">
        <v>25</v>
      </c>
      <c r="G51839" s="16">
        <v>0</v>
      </c>
    </row>
    <row r="51840" spans="1:7" x14ac:dyDescent="0.3">
      <c r="A51840" s="13" t="s">
        <v>289</v>
      </c>
      <c r="B51840" s="14" t="s">
        <v>1</v>
      </c>
      <c r="C51840" s="14" t="s">
        <v>47</v>
      </c>
      <c r="D51840" s="14" t="s">
        <v>290</v>
      </c>
      <c r="E51840" s="15">
        <v>45386</v>
      </c>
      <c r="F51840" s="14" t="s">
        <v>25</v>
      </c>
      <c r="G51840" s="16">
        <v>0</v>
      </c>
    </row>
    <row r="51841" spans="1:7" x14ac:dyDescent="0.3">
      <c r="A51841" s="13" t="s">
        <v>289</v>
      </c>
      <c r="B51841" s="14" t="s">
        <v>1</v>
      </c>
      <c r="C51841" s="14" t="s">
        <v>47</v>
      </c>
      <c r="D51841" s="14" t="s">
        <v>290</v>
      </c>
      <c r="E51841" s="15">
        <v>45387</v>
      </c>
      <c r="F51841" s="14" t="s">
        <v>25</v>
      </c>
      <c r="G51841" s="16">
        <v>0</v>
      </c>
    </row>
    <row r="51842" spans="1:7" x14ac:dyDescent="0.3">
      <c r="A51842" s="13" t="s">
        <v>289</v>
      </c>
      <c r="B51842" s="14" t="s">
        <v>1</v>
      </c>
      <c r="C51842" s="14" t="s">
        <v>47</v>
      </c>
      <c r="D51842" s="14" t="s">
        <v>290</v>
      </c>
      <c r="E51842" s="15">
        <v>45388</v>
      </c>
      <c r="F51842" s="14" t="s">
        <v>25</v>
      </c>
      <c r="G51842" s="16">
        <v>0</v>
      </c>
    </row>
    <row r="51843" spans="1:7" x14ac:dyDescent="0.3">
      <c r="A51843" s="13" t="s">
        <v>289</v>
      </c>
      <c r="B51843" s="14" t="s">
        <v>1</v>
      </c>
      <c r="C51843" s="14" t="s">
        <v>47</v>
      </c>
      <c r="D51843" s="14" t="s">
        <v>290</v>
      </c>
      <c r="E51843" s="15">
        <v>45389</v>
      </c>
      <c r="F51843" s="14" t="s">
        <v>25</v>
      </c>
      <c r="G51843" s="16">
        <v>0</v>
      </c>
    </row>
    <row r="51844" spans="1:7" x14ac:dyDescent="0.3">
      <c r="A51844" s="13" t="s">
        <v>289</v>
      </c>
      <c r="B51844" s="14" t="s">
        <v>1</v>
      </c>
      <c r="C51844" s="14" t="s">
        <v>47</v>
      </c>
      <c r="D51844" s="14" t="s">
        <v>290</v>
      </c>
      <c r="E51844" s="15">
        <v>45390</v>
      </c>
      <c r="F51844" s="14" t="s">
        <v>25</v>
      </c>
      <c r="G51844" s="16">
        <v>0</v>
      </c>
    </row>
    <row r="51845" spans="1:7" x14ac:dyDescent="0.3">
      <c r="A51845" s="13" t="s">
        <v>289</v>
      </c>
      <c r="B51845" s="14" t="s">
        <v>1</v>
      </c>
      <c r="C51845" s="14" t="s">
        <v>47</v>
      </c>
      <c r="D51845" s="14" t="s">
        <v>290</v>
      </c>
      <c r="E51845" s="15">
        <v>45391</v>
      </c>
      <c r="F51845" s="14" t="s">
        <v>25</v>
      </c>
      <c r="G51845" s="16">
        <v>0</v>
      </c>
    </row>
    <row r="51846" spans="1:7" x14ac:dyDescent="0.3">
      <c r="A51846" s="13" t="s">
        <v>289</v>
      </c>
      <c r="B51846" s="14" t="s">
        <v>1</v>
      </c>
      <c r="C51846" s="14" t="s">
        <v>47</v>
      </c>
      <c r="D51846" s="14" t="s">
        <v>290</v>
      </c>
      <c r="E51846" s="15">
        <v>45392</v>
      </c>
      <c r="F51846" s="14" t="s">
        <v>25</v>
      </c>
      <c r="G51846" s="16">
        <v>0</v>
      </c>
    </row>
    <row r="51847" spans="1:7" x14ac:dyDescent="0.3">
      <c r="A51847" s="13" t="s">
        <v>289</v>
      </c>
      <c r="B51847" s="14" t="s">
        <v>1</v>
      </c>
      <c r="C51847" s="14" t="s">
        <v>47</v>
      </c>
      <c r="D51847" s="14" t="s">
        <v>290</v>
      </c>
      <c r="E51847" s="15">
        <v>45393</v>
      </c>
      <c r="F51847" s="14" t="s">
        <v>25</v>
      </c>
      <c r="G51847" s="16">
        <v>0</v>
      </c>
    </row>
    <row r="51848" spans="1:7" x14ac:dyDescent="0.3">
      <c r="A51848" s="13" t="s">
        <v>289</v>
      </c>
      <c r="B51848" s="14" t="s">
        <v>1</v>
      </c>
      <c r="C51848" s="14" t="s">
        <v>47</v>
      </c>
      <c r="D51848" s="14" t="s">
        <v>290</v>
      </c>
      <c r="E51848" s="15">
        <v>45394</v>
      </c>
      <c r="F51848" s="14" t="s">
        <v>25</v>
      </c>
      <c r="G51848" s="16">
        <v>0</v>
      </c>
    </row>
    <row r="51849" spans="1:7" x14ac:dyDescent="0.3">
      <c r="A51849" s="13" t="s">
        <v>289</v>
      </c>
      <c r="B51849" s="14" t="s">
        <v>1</v>
      </c>
      <c r="C51849" s="14" t="s">
        <v>47</v>
      </c>
      <c r="D51849" s="14" t="s">
        <v>290</v>
      </c>
      <c r="E51849" s="15">
        <v>45395</v>
      </c>
      <c r="F51849" s="14" t="s">
        <v>25</v>
      </c>
      <c r="G51849" s="16">
        <v>0</v>
      </c>
    </row>
    <row r="51850" spans="1:7" x14ac:dyDescent="0.3">
      <c r="A51850" s="13" t="s">
        <v>289</v>
      </c>
      <c r="B51850" s="14" t="s">
        <v>1</v>
      </c>
      <c r="C51850" s="14" t="s">
        <v>47</v>
      </c>
      <c r="D51850" s="14" t="s">
        <v>290</v>
      </c>
      <c r="E51850" s="15">
        <v>45396</v>
      </c>
      <c r="F51850" s="14" t="s">
        <v>25</v>
      </c>
      <c r="G51850" s="16">
        <v>0</v>
      </c>
    </row>
    <row r="51851" spans="1:7" x14ac:dyDescent="0.3">
      <c r="A51851" s="13" t="s">
        <v>289</v>
      </c>
      <c r="B51851" s="14" t="s">
        <v>1</v>
      </c>
      <c r="C51851" s="14" t="s">
        <v>47</v>
      </c>
      <c r="D51851" s="14" t="s">
        <v>290</v>
      </c>
      <c r="E51851" s="15">
        <v>45397</v>
      </c>
      <c r="F51851" s="14" t="s">
        <v>25</v>
      </c>
      <c r="G51851" s="16">
        <v>0</v>
      </c>
    </row>
    <row r="51852" spans="1:7" x14ac:dyDescent="0.3">
      <c r="A51852" s="13" t="s">
        <v>289</v>
      </c>
      <c r="B51852" s="14" t="s">
        <v>1</v>
      </c>
      <c r="C51852" s="14" t="s">
        <v>47</v>
      </c>
      <c r="D51852" s="14" t="s">
        <v>290</v>
      </c>
      <c r="E51852" s="15">
        <v>45398</v>
      </c>
      <c r="F51852" s="14" t="s">
        <v>25</v>
      </c>
      <c r="G51852" s="16">
        <v>0</v>
      </c>
    </row>
    <row r="51853" spans="1:7" x14ac:dyDescent="0.3">
      <c r="A51853" s="13" t="s">
        <v>289</v>
      </c>
      <c r="B51853" s="14" t="s">
        <v>1</v>
      </c>
      <c r="C51853" s="14" t="s">
        <v>47</v>
      </c>
      <c r="D51853" s="14" t="s">
        <v>290</v>
      </c>
      <c r="E51853" s="15">
        <v>45399</v>
      </c>
      <c r="F51853" s="14" t="s">
        <v>25</v>
      </c>
      <c r="G51853" s="16">
        <v>0</v>
      </c>
    </row>
    <row r="51854" spans="1:7" x14ac:dyDescent="0.3">
      <c r="A51854" s="13" t="s">
        <v>289</v>
      </c>
      <c r="B51854" s="14" t="s">
        <v>1</v>
      </c>
      <c r="C51854" s="14" t="s">
        <v>47</v>
      </c>
      <c r="D51854" s="14" t="s">
        <v>290</v>
      </c>
      <c r="E51854" s="15">
        <v>45400</v>
      </c>
      <c r="F51854" s="14" t="s">
        <v>25</v>
      </c>
      <c r="G51854" s="16">
        <v>0</v>
      </c>
    </row>
    <row r="51855" spans="1:7" x14ac:dyDescent="0.3">
      <c r="A51855" s="13" t="s">
        <v>289</v>
      </c>
      <c r="B51855" s="14" t="s">
        <v>1</v>
      </c>
      <c r="C51855" s="14" t="s">
        <v>47</v>
      </c>
      <c r="D51855" s="14" t="s">
        <v>290</v>
      </c>
      <c r="E51855" s="15">
        <v>45401</v>
      </c>
      <c r="F51855" s="14" t="s">
        <v>25</v>
      </c>
      <c r="G51855" s="16">
        <v>0</v>
      </c>
    </row>
    <row r="51856" spans="1:7" x14ac:dyDescent="0.3">
      <c r="A51856" s="13" t="s">
        <v>289</v>
      </c>
      <c r="B51856" s="14" t="s">
        <v>1</v>
      </c>
      <c r="C51856" s="14" t="s">
        <v>47</v>
      </c>
      <c r="D51856" s="14" t="s">
        <v>290</v>
      </c>
      <c r="E51856" s="15">
        <v>45402</v>
      </c>
      <c r="F51856" s="14" t="s">
        <v>25</v>
      </c>
      <c r="G51856" s="16">
        <v>0</v>
      </c>
    </row>
    <row r="51857" spans="1:7" x14ac:dyDescent="0.3">
      <c r="A51857" s="13" t="s">
        <v>289</v>
      </c>
      <c r="B51857" s="14" t="s">
        <v>1</v>
      </c>
      <c r="C51857" s="14" t="s">
        <v>47</v>
      </c>
      <c r="D51857" s="14" t="s">
        <v>290</v>
      </c>
      <c r="E51857" s="15">
        <v>45403</v>
      </c>
      <c r="F51857" s="14" t="s">
        <v>25</v>
      </c>
      <c r="G51857" s="16">
        <v>0</v>
      </c>
    </row>
    <row r="51858" spans="1:7" x14ac:dyDescent="0.3">
      <c r="A51858" s="13" t="s">
        <v>289</v>
      </c>
      <c r="B51858" s="14" t="s">
        <v>1</v>
      </c>
      <c r="C51858" s="14" t="s">
        <v>47</v>
      </c>
      <c r="D51858" s="14" t="s">
        <v>290</v>
      </c>
      <c r="E51858" s="15">
        <v>45404</v>
      </c>
      <c r="F51858" s="14" t="s">
        <v>25</v>
      </c>
      <c r="G51858" s="16">
        <v>0</v>
      </c>
    </row>
    <row r="51859" spans="1:7" x14ac:dyDescent="0.3">
      <c r="A51859" s="13" t="s">
        <v>289</v>
      </c>
      <c r="B51859" s="14" t="s">
        <v>1</v>
      </c>
      <c r="C51859" s="14" t="s">
        <v>47</v>
      </c>
      <c r="D51859" s="14" t="s">
        <v>290</v>
      </c>
      <c r="E51859" s="15">
        <v>45405</v>
      </c>
      <c r="F51859" s="14" t="s">
        <v>25</v>
      </c>
      <c r="G51859" s="16">
        <v>0</v>
      </c>
    </row>
    <row r="51860" spans="1:7" x14ac:dyDescent="0.3">
      <c r="A51860" s="13" t="s">
        <v>289</v>
      </c>
      <c r="B51860" s="14" t="s">
        <v>1</v>
      </c>
      <c r="C51860" s="14" t="s">
        <v>47</v>
      </c>
      <c r="D51860" s="14" t="s">
        <v>290</v>
      </c>
      <c r="E51860" s="15">
        <v>45406</v>
      </c>
      <c r="F51860" s="14" t="s">
        <v>25</v>
      </c>
      <c r="G51860" s="16">
        <v>0</v>
      </c>
    </row>
    <row r="51861" spans="1:7" x14ac:dyDescent="0.3">
      <c r="A51861" s="13" t="s">
        <v>289</v>
      </c>
      <c r="B51861" s="14" t="s">
        <v>1</v>
      </c>
      <c r="C51861" s="14" t="s">
        <v>47</v>
      </c>
      <c r="D51861" s="14" t="s">
        <v>290</v>
      </c>
      <c r="E51861" s="15">
        <v>45407</v>
      </c>
      <c r="F51861" s="14" t="s">
        <v>25</v>
      </c>
      <c r="G51861" s="16">
        <v>0</v>
      </c>
    </row>
    <row r="51862" spans="1:7" x14ac:dyDescent="0.3">
      <c r="A51862" s="13" t="s">
        <v>289</v>
      </c>
      <c r="B51862" s="14" t="s">
        <v>1</v>
      </c>
      <c r="C51862" s="14" t="s">
        <v>47</v>
      </c>
      <c r="D51862" s="14" t="s">
        <v>290</v>
      </c>
      <c r="E51862" s="15">
        <v>45408</v>
      </c>
      <c r="F51862" s="14" t="s">
        <v>25</v>
      </c>
      <c r="G51862" s="16">
        <v>0</v>
      </c>
    </row>
    <row r="51863" spans="1:7" x14ac:dyDescent="0.3">
      <c r="A51863" s="13" t="s">
        <v>289</v>
      </c>
      <c r="B51863" s="14" t="s">
        <v>1</v>
      </c>
      <c r="C51863" s="14" t="s">
        <v>47</v>
      </c>
      <c r="D51863" s="14" t="s">
        <v>290</v>
      </c>
      <c r="E51863" s="15">
        <v>45409</v>
      </c>
      <c r="F51863" s="14" t="s">
        <v>25</v>
      </c>
      <c r="G51863" s="16">
        <v>0</v>
      </c>
    </row>
    <row r="51864" spans="1:7" x14ac:dyDescent="0.3">
      <c r="A51864" s="13" t="s">
        <v>289</v>
      </c>
      <c r="B51864" s="14" t="s">
        <v>1</v>
      </c>
      <c r="C51864" s="14" t="s">
        <v>47</v>
      </c>
      <c r="D51864" s="14" t="s">
        <v>290</v>
      </c>
      <c r="E51864" s="15">
        <v>45410</v>
      </c>
      <c r="F51864" s="14" t="s">
        <v>25</v>
      </c>
      <c r="G51864" s="16">
        <v>0</v>
      </c>
    </row>
    <row r="51865" spans="1:7" x14ac:dyDescent="0.3">
      <c r="A51865" s="13" t="s">
        <v>289</v>
      </c>
      <c r="B51865" s="14" t="s">
        <v>1</v>
      </c>
      <c r="C51865" s="14" t="s">
        <v>47</v>
      </c>
      <c r="D51865" s="14" t="s">
        <v>290</v>
      </c>
      <c r="E51865" s="15">
        <v>45411</v>
      </c>
      <c r="F51865" s="14" t="s">
        <v>25</v>
      </c>
      <c r="G51865" s="16">
        <v>0</v>
      </c>
    </row>
    <row r="51866" spans="1:7" x14ac:dyDescent="0.3">
      <c r="A51866" s="13" t="s">
        <v>289</v>
      </c>
      <c r="B51866" s="14" t="s">
        <v>1</v>
      </c>
      <c r="C51866" s="14" t="s">
        <v>47</v>
      </c>
      <c r="D51866" s="14" t="s">
        <v>290</v>
      </c>
      <c r="E51866" s="15">
        <v>45412</v>
      </c>
      <c r="F51866" s="14" t="s">
        <v>25</v>
      </c>
      <c r="G51866" s="16">
        <v>0</v>
      </c>
    </row>
    <row r="51867" spans="1:7" x14ac:dyDescent="0.3">
      <c r="A51867" s="13" t="s">
        <v>289</v>
      </c>
      <c r="B51867" s="14" t="s">
        <v>1</v>
      </c>
      <c r="C51867" s="14" t="s">
        <v>47</v>
      </c>
      <c r="D51867" s="14" t="s">
        <v>290</v>
      </c>
      <c r="E51867" s="15">
        <v>45413</v>
      </c>
      <c r="F51867" s="14" t="s">
        <v>25</v>
      </c>
      <c r="G51867" s="16">
        <v>3.8788870135129968E-3</v>
      </c>
    </row>
    <row r="51868" spans="1:7" x14ac:dyDescent="0.3">
      <c r="A51868" s="13" t="s">
        <v>289</v>
      </c>
      <c r="B51868" s="14" t="s">
        <v>1</v>
      </c>
      <c r="C51868" s="14" t="s">
        <v>47</v>
      </c>
      <c r="D51868" s="14" t="s">
        <v>290</v>
      </c>
      <c r="E51868" s="15">
        <v>45414</v>
      </c>
      <c r="F51868" s="14" t="s">
        <v>25</v>
      </c>
      <c r="G51868" s="16">
        <v>4.486079930097038E-3</v>
      </c>
    </row>
    <row r="51869" spans="1:7" x14ac:dyDescent="0.3">
      <c r="A51869" s="13" t="s">
        <v>289</v>
      </c>
      <c r="B51869" s="14" t="s">
        <v>1</v>
      </c>
      <c r="C51869" s="14" t="s">
        <v>47</v>
      </c>
      <c r="D51869" s="14" t="s">
        <v>290</v>
      </c>
      <c r="E51869" s="15">
        <v>45415</v>
      </c>
      <c r="F51869" s="14" t="s">
        <v>25</v>
      </c>
      <c r="G51869" s="16">
        <v>4.8755135213760063E-3</v>
      </c>
    </row>
    <row r="51870" spans="1:7" x14ac:dyDescent="0.3">
      <c r="A51870" s="13" t="s">
        <v>289</v>
      </c>
      <c r="B51870" s="14" t="s">
        <v>1</v>
      </c>
      <c r="C51870" s="14" t="s">
        <v>47</v>
      </c>
      <c r="D51870" s="14" t="s">
        <v>290</v>
      </c>
      <c r="E51870" s="15">
        <v>45416</v>
      </c>
      <c r="F51870" s="14" t="s">
        <v>25</v>
      </c>
      <c r="G51870" s="16">
        <v>4.8755135213760063E-3</v>
      </c>
    </row>
    <row r="51871" spans="1:7" x14ac:dyDescent="0.3">
      <c r="A51871" s="13" t="s">
        <v>289</v>
      </c>
      <c r="B51871" s="14" t="s">
        <v>1</v>
      </c>
      <c r="C51871" s="14" t="s">
        <v>47</v>
      </c>
      <c r="D51871" s="14" t="s">
        <v>290</v>
      </c>
      <c r="E51871" s="15">
        <v>45417</v>
      </c>
      <c r="F51871" s="14" t="s">
        <v>25</v>
      </c>
      <c r="G51871" s="16">
        <v>4.8755135213760063E-3</v>
      </c>
    </row>
    <row r="51872" spans="1:7" x14ac:dyDescent="0.3">
      <c r="A51872" s="13" t="s">
        <v>289</v>
      </c>
      <c r="B51872" s="14" t="s">
        <v>1</v>
      </c>
      <c r="C51872" s="14" t="s">
        <v>47</v>
      </c>
      <c r="D51872" s="14" t="s">
        <v>290</v>
      </c>
      <c r="E51872" s="15">
        <v>45418</v>
      </c>
      <c r="F51872" s="14" t="s">
        <v>25</v>
      </c>
      <c r="G51872" s="16">
        <v>4.8755135213760063E-3</v>
      </c>
    </row>
    <row r="51873" spans="1:7" x14ac:dyDescent="0.3">
      <c r="A51873" s="13" t="s">
        <v>289</v>
      </c>
      <c r="B51873" s="14" t="s">
        <v>1</v>
      </c>
      <c r="C51873" s="14" t="s">
        <v>47</v>
      </c>
      <c r="D51873" s="14" t="s">
        <v>290</v>
      </c>
      <c r="E51873" s="15">
        <v>45419</v>
      </c>
      <c r="F51873" s="14" t="s">
        <v>25</v>
      </c>
      <c r="G51873" s="16">
        <v>3.0004392376171969E-3</v>
      </c>
    </row>
    <row r="51874" spans="1:7" x14ac:dyDescent="0.3">
      <c r="A51874" s="13" t="s">
        <v>289</v>
      </c>
      <c r="B51874" s="14" t="s">
        <v>1</v>
      </c>
      <c r="C51874" s="14" t="s">
        <v>47</v>
      </c>
      <c r="D51874" s="14" t="s">
        <v>290</v>
      </c>
      <c r="E51874" s="15">
        <v>45420</v>
      </c>
      <c r="F51874" s="14" t="s">
        <v>25</v>
      </c>
      <c r="G51874" s="16">
        <v>0</v>
      </c>
    </row>
    <row r="51875" spans="1:7" x14ac:dyDescent="0.3">
      <c r="A51875" s="13" t="s">
        <v>289</v>
      </c>
      <c r="B51875" s="14" t="s">
        <v>1</v>
      </c>
      <c r="C51875" s="14" t="s">
        <v>47</v>
      </c>
      <c r="D51875" s="14" t="s">
        <v>290</v>
      </c>
      <c r="E51875" s="15">
        <v>45421</v>
      </c>
      <c r="F51875" s="14" t="s">
        <v>25</v>
      </c>
      <c r="G51875" s="16">
        <v>0</v>
      </c>
    </row>
    <row r="51876" spans="1:7" x14ac:dyDescent="0.3">
      <c r="A51876" s="13" t="s">
        <v>289</v>
      </c>
      <c r="B51876" s="14" t="s">
        <v>1</v>
      </c>
      <c r="C51876" s="14" t="s">
        <v>47</v>
      </c>
      <c r="D51876" s="14" t="s">
        <v>290</v>
      </c>
      <c r="E51876" s="15">
        <v>45422</v>
      </c>
      <c r="F51876" s="14" t="s">
        <v>25</v>
      </c>
      <c r="G51876" s="16">
        <v>0</v>
      </c>
    </row>
    <row r="51877" spans="1:7" x14ac:dyDescent="0.3">
      <c r="A51877" s="13" t="s">
        <v>289</v>
      </c>
      <c r="B51877" s="14" t="s">
        <v>1</v>
      </c>
      <c r="C51877" s="14" t="s">
        <v>47</v>
      </c>
      <c r="D51877" s="14" t="s">
        <v>290</v>
      </c>
      <c r="E51877" s="15">
        <v>45423</v>
      </c>
      <c r="F51877" s="14" t="s">
        <v>25</v>
      </c>
      <c r="G51877" s="16">
        <v>0</v>
      </c>
    </row>
    <row r="51878" spans="1:7" x14ac:dyDescent="0.3">
      <c r="A51878" s="13" t="s">
        <v>289</v>
      </c>
      <c r="B51878" s="14" t="s">
        <v>1</v>
      </c>
      <c r="C51878" s="14" t="s">
        <v>47</v>
      </c>
      <c r="D51878" s="14" t="s">
        <v>290</v>
      </c>
      <c r="E51878" s="15">
        <v>45424</v>
      </c>
      <c r="F51878" s="14" t="s">
        <v>25</v>
      </c>
      <c r="G51878" s="16">
        <v>0</v>
      </c>
    </row>
    <row r="51879" spans="1:7" x14ac:dyDescent="0.3">
      <c r="A51879" s="13" t="s">
        <v>289</v>
      </c>
      <c r="B51879" s="14" t="s">
        <v>1</v>
      </c>
      <c r="C51879" s="14" t="s">
        <v>47</v>
      </c>
      <c r="D51879" s="14" t="s">
        <v>290</v>
      </c>
      <c r="E51879" s="15">
        <v>45425</v>
      </c>
      <c r="F51879" s="14" t="s">
        <v>25</v>
      </c>
      <c r="G51879" s="16">
        <v>0</v>
      </c>
    </row>
    <row r="51880" spans="1:7" x14ac:dyDescent="0.3">
      <c r="A51880" s="13" t="s">
        <v>289</v>
      </c>
      <c r="B51880" s="14" t="s">
        <v>1</v>
      </c>
      <c r="C51880" s="14" t="s">
        <v>47</v>
      </c>
      <c r="D51880" s="14" t="s">
        <v>290</v>
      </c>
      <c r="E51880" s="15">
        <v>45426</v>
      </c>
      <c r="F51880" s="14" t="s">
        <v>25</v>
      </c>
      <c r="G51880" s="16">
        <v>0</v>
      </c>
    </row>
    <row r="51881" spans="1:7" x14ac:dyDescent="0.3">
      <c r="A51881" s="13" t="s">
        <v>289</v>
      </c>
      <c r="B51881" s="14" t="s">
        <v>1</v>
      </c>
      <c r="C51881" s="14" t="s">
        <v>47</v>
      </c>
      <c r="D51881" s="14" t="s">
        <v>290</v>
      </c>
      <c r="E51881" s="15">
        <v>45427</v>
      </c>
      <c r="F51881" s="14" t="s">
        <v>25</v>
      </c>
      <c r="G51881" s="16">
        <v>0</v>
      </c>
    </row>
    <row r="51882" spans="1:7" x14ac:dyDescent="0.3">
      <c r="A51882" s="13" t="s">
        <v>289</v>
      </c>
      <c r="B51882" s="14" t="s">
        <v>1</v>
      </c>
      <c r="C51882" s="14" t="s">
        <v>47</v>
      </c>
      <c r="D51882" s="14" t="s">
        <v>290</v>
      </c>
      <c r="E51882" s="15">
        <v>45428</v>
      </c>
      <c r="F51882" s="14" t="s">
        <v>25</v>
      </c>
      <c r="G51882" s="16">
        <v>0</v>
      </c>
    </row>
    <row r="51883" spans="1:7" x14ac:dyDescent="0.3">
      <c r="A51883" s="13" t="s">
        <v>289</v>
      </c>
      <c r="B51883" s="14" t="s">
        <v>1</v>
      </c>
      <c r="C51883" s="14" t="s">
        <v>47</v>
      </c>
      <c r="D51883" s="14" t="s">
        <v>290</v>
      </c>
      <c r="E51883" s="15">
        <v>45429</v>
      </c>
      <c r="F51883" s="14" t="s">
        <v>25</v>
      </c>
      <c r="G51883" s="16">
        <v>5.9617669873771499E-3</v>
      </c>
    </row>
    <row r="51884" spans="1:7" x14ac:dyDescent="0.3">
      <c r="A51884" s="13" t="s">
        <v>289</v>
      </c>
      <c r="B51884" s="14" t="s">
        <v>1</v>
      </c>
      <c r="C51884" s="14" t="s">
        <v>47</v>
      </c>
      <c r="D51884" s="14" t="s">
        <v>290</v>
      </c>
      <c r="E51884" s="15">
        <v>45430</v>
      </c>
      <c r="F51884" s="14" t="s">
        <v>25</v>
      </c>
      <c r="G51884" s="16">
        <v>5.9617669873771499E-3</v>
      </c>
    </row>
    <row r="51885" spans="1:7" x14ac:dyDescent="0.3">
      <c r="A51885" s="13" t="s">
        <v>289</v>
      </c>
      <c r="B51885" s="14" t="s">
        <v>1</v>
      </c>
      <c r="C51885" s="14" t="s">
        <v>47</v>
      </c>
      <c r="D51885" s="14" t="s">
        <v>290</v>
      </c>
      <c r="E51885" s="15">
        <v>45431</v>
      </c>
      <c r="F51885" s="14" t="s">
        <v>25</v>
      </c>
      <c r="G51885" s="16">
        <v>5.9617669873771499E-3</v>
      </c>
    </row>
    <row r="51886" spans="1:7" x14ac:dyDescent="0.3">
      <c r="A51886" s="13" t="s">
        <v>289</v>
      </c>
      <c r="B51886" s="14" t="s">
        <v>1</v>
      </c>
      <c r="C51886" s="14" t="s">
        <v>47</v>
      </c>
      <c r="D51886" s="14" t="s">
        <v>290</v>
      </c>
      <c r="E51886" s="15">
        <v>45432</v>
      </c>
      <c r="F51886" s="14" t="s">
        <v>25</v>
      </c>
      <c r="G51886" s="16">
        <v>3.9381012213664055E-3</v>
      </c>
    </row>
    <row r="51887" spans="1:7" x14ac:dyDescent="0.3">
      <c r="A51887" s="13" t="s">
        <v>289</v>
      </c>
      <c r="B51887" s="14" t="s">
        <v>1</v>
      </c>
      <c r="C51887" s="14" t="s">
        <v>47</v>
      </c>
      <c r="D51887" s="14" t="s">
        <v>290</v>
      </c>
      <c r="E51887" s="15">
        <v>45433</v>
      </c>
      <c r="F51887" s="14" t="s">
        <v>25</v>
      </c>
      <c r="G51887" s="16">
        <v>9.7931952325033128E-3</v>
      </c>
    </row>
    <row r="51888" spans="1:7" x14ac:dyDescent="0.3">
      <c r="A51888" s="13" t="s">
        <v>289</v>
      </c>
      <c r="B51888" s="14" t="s">
        <v>1</v>
      </c>
      <c r="C51888" s="14" t="s">
        <v>47</v>
      </c>
      <c r="D51888" s="14" t="s">
        <v>290</v>
      </c>
      <c r="E51888" s="15">
        <v>45434</v>
      </c>
      <c r="F51888" s="14" t="s">
        <v>25</v>
      </c>
      <c r="G51888" s="16">
        <v>5.4884444983090176E-2</v>
      </c>
    </row>
    <row r="51889" spans="1:7" x14ac:dyDescent="0.3">
      <c r="A51889" s="13" t="s">
        <v>289</v>
      </c>
      <c r="B51889" s="14" t="s">
        <v>1</v>
      </c>
      <c r="C51889" s="14" t="s">
        <v>47</v>
      </c>
      <c r="D51889" s="14" t="s">
        <v>290</v>
      </c>
      <c r="E51889" s="15">
        <v>45435</v>
      </c>
      <c r="F51889" s="14" t="s">
        <v>25</v>
      </c>
      <c r="G51889" s="16">
        <v>5.2778923245809253E-2</v>
      </c>
    </row>
    <row r="51890" spans="1:7" x14ac:dyDescent="0.3">
      <c r="A51890" s="13" t="s">
        <v>289</v>
      </c>
      <c r="B51890" s="14" t="s">
        <v>1</v>
      </c>
      <c r="C51890" s="14" t="s">
        <v>47</v>
      </c>
      <c r="D51890" s="14" t="s">
        <v>290</v>
      </c>
      <c r="E51890" s="15">
        <v>45436</v>
      </c>
      <c r="F51890" s="14" t="s">
        <v>25</v>
      </c>
      <c r="G51890" s="16">
        <v>5.0774206175350028E-2</v>
      </c>
    </row>
    <row r="51891" spans="1:7" x14ac:dyDescent="0.3">
      <c r="A51891" s="13" t="s">
        <v>289</v>
      </c>
      <c r="B51891" s="14" t="s">
        <v>1</v>
      </c>
      <c r="C51891" s="14" t="s">
        <v>47</v>
      </c>
      <c r="D51891" s="14" t="s">
        <v>290</v>
      </c>
      <c r="E51891" s="15">
        <v>45437</v>
      </c>
      <c r="F51891" s="14" t="s">
        <v>25</v>
      </c>
      <c r="G51891" s="16">
        <v>5.0774206175350028E-2</v>
      </c>
    </row>
    <row r="51892" spans="1:7" x14ac:dyDescent="0.3">
      <c r="A51892" s="13" t="s">
        <v>289</v>
      </c>
      <c r="B51892" s="14" t="s">
        <v>1</v>
      </c>
      <c r="C51892" s="14" t="s">
        <v>47</v>
      </c>
      <c r="D51892" s="14" t="s">
        <v>290</v>
      </c>
      <c r="E51892" s="15">
        <v>45438</v>
      </c>
      <c r="F51892" s="14" t="s">
        <v>25</v>
      </c>
      <c r="G51892" s="16">
        <v>5.0774206175350028E-2</v>
      </c>
    </row>
    <row r="51893" spans="1:7" x14ac:dyDescent="0.3">
      <c r="A51893" s="13" t="s">
        <v>289</v>
      </c>
      <c r="B51893" s="14" t="s">
        <v>1</v>
      </c>
      <c r="C51893" s="14" t="s">
        <v>47</v>
      </c>
      <c r="D51893" s="14" t="s">
        <v>290</v>
      </c>
      <c r="E51893" s="15">
        <v>45439</v>
      </c>
      <c r="F51893" s="14" t="s">
        <v>25</v>
      </c>
      <c r="G51893" s="16">
        <v>5.0774206175350028E-2</v>
      </c>
    </row>
    <row r="51894" spans="1:7" x14ac:dyDescent="0.3">
      <c r="A51894" s="13" t="s">
        <v>289</v>
      </c>
      <c r="B51894" s="14" t="s">
        <v>1</v>
      </c>
      <c r="C51894" s="14" t="s">
        <v>47</v>
      </c>
      <c r="D51894" s="14" t="s">
        <v>290</v>
      </c>
      <c r="E51894" s="15">
        <v>45440</v>
      </c>
      <c r="F51894" s="14" t="s">
        <v>25</v>
      </c>
      <c r="G51894" s="16">
        <v>4.8607890327435149E-2</v>
      </c>
    </row>
    <row r="51895" spans="1:7" x14ac:dyDescent="0.3">
      <c r="A51895" s="13" t="s">
        <v>289</v>
      </c>
      <c r="B51895" s="14" t="s">
        <v>1</v>
      </c>
      <c r="C51895" s="14" t="s">
        <v>47</v>
      </c>
      <c r="D51895" s="14" t="s">
        <v>290</v>
      </c>
      <c r="E51895" s="15">
        <v>45441</v>
      </c>
      <c r="F51895" s="14" t="s">
        <v>25</v>
      </c>
      <c r="G51895" s="16">
        <v>9.0129050406501127E-2</v>
      </c>
    </row>
    <row r="51896" spans="1:7" x14ac:dyDescent="0.3">
      <c r="A51896" s="13" t="s">
        <v>289</v>
      </c>
      <c r="B51896" s="14" t="s">
        <v>1</v>
      </c>
      <c r="C51896" s="14" t="s">
        <v>47</v>
      </c>
      <c r="D51896" s="14" t="s">
        <v>290</v>
      </c>
      <c r="E51896" s="15">
        <v>45442</v>
      </c>
      <c r="F51896" s="14" t="s">
        <v>25</v>
      </c>
      <c r="G51896" s="16">
        <v>0.10464449953502911</v>
      </c>
    </row>
    <row r="51897" spans="1:7" x14ac:dyDescent="0.3">
      <c r="A51897" s="13" t="s">
        <v>289</v>
      </c>
      <c r="B51897" s="14" t="s">
        <v>1</v>
      </c>
      <c r="C51897" s="14" t="s">
        <v>47</v>
      </c>
      <c r="D51897" s="14" t="s">
        <v>290</v>
      </c>
      <c r="E51897" s="15">
        <v>45443</v>
      </c>
      <c r="F51897" s="14" t="s">
        <v>25</v>
      </c>
      <c r="G51897" s="16">
        <v>0.10249859335752066</v>
      </c>
    </row>
    <row r="51898" spans="1:7" x14ac:dyDescent="0.3">
      <c r="A51898" s="13" t="s">
        <v>289</v>
      </c>
      <c r="B51898" s="14" t="s">
        <v>1</v>
      </c>
      <c r="C51898" s="14" t="s">
        <v>47</v>
      </c>
      <c r="D51898" s="14" t="s">
        <v>290</v>
      </c>
      <c r="E51898" s="15">
        <v>45444</v>
      </c>
      <c r="F51898" s="14" t="s">
        <v>25</v>
      </c>
      <c r="G51898" s="16">
        <v>0.10249859335752066</v>
      </c>
    </row>
    <row r="51899" spans="1:7" x14ac:dyDescent="0.3">
      <c r="A51899" s="13" t="s">
        <v>289</v>
      </c>
      <c r="B51899" s="14" t="s">
        <v>1</v>
      </c>
      <c r="C51899" s="14" t="s">
        <v>47</v>
      </c>
      <c r="D51899" s="14" t="s">
        <v>290</v>
      </c>
      <c r="E51899" s="15">
        <v>45445</v>
      </c>
      <c r="F51899" s="14" t="s">
        <v>25</v>
      </c>
      <c r="G51899" s="16">
        <v>0.10249859335752066</v>
      </c>
    </row>
    <row r="51900" spans="1:7" x14ac:dyDescent="0.3">
      <c r="A51900" s="13" t="s">
        <v>289</v>
      </c>
      <c r="B51900" s="14" t="s">
        <v>1</v>
      </c>
      <c r="C51900" s="14" t="s">
        <v>47</v>
      </c>
      <c r="D51900" s="14" t="s">
        <v>290</v>
      </c>
      <c r="E51900" s="15">
        <v>45446</v>
      </c>
      <c r="F51900" s="14" t="s">
        <v>25</v>
      </c>
      <c r="G51900" s="16">
        <v>0.10249859335752066</v>
      </c>
    </row>
    <row r="51901" spans="1:7" x14ac:dyDescent="0.3">
      <c r="A51901" s="13" t="s">
        <v>289</v>
      </c>
      <c r="B51901" s="14" t="s">
        <v>1</v>
      </c>
      <c r="C51901" s="14" t="s">
        <v>47</v>
      </c>
      <c r="D51901" s="14" t="s">
        <v>290</v>
      </c>
      <c r="E51901" s="15">
        <v>45447</v>
      </c>
      <c r="F51901" s="14" t="s">
        <v>25</v>
      </c>
      <c r="G51901" s="16">
        <v>0.12426027436918397</v>
      </c>
    </row>
    <row r="51902" spans="1:7" x14ac:dyDescent="0.3">
      <c r="A51902" s="13" t="s">
        <v>289</v>
      </c>
      <c r="B51902" s="14" t="s">
        <v>1</v>
      </c>
      <c r="C51902" s="14" t="s">
        <v>47</v>
      </c>
      <c r="D51902" s="14" t="s">
        <v>290</v>
      </c>
      <c r="E51902" s="15">
        <v>45448</v>
      </c>
      <c r="F51902" s="14" t="s">
        <v>25</v>
      </c>
      <c r="G51902" s="16">
        <v>0.14220036836407082</v>
      </c>
    </row>
    <row r="51903" spans="1:7" x14ac:dyDescent="0.3">
      <c r="A51903" s="13" t="s">
        <v>289</v>
      </c>
      <c r="B51903" s="14" t="s">
        <v>1</v>
      </c>
      <c r="C51903" s="14" t="s">
        <v>47</v>
      </c>
      <c r="D51903" s="14" t="s">
        <v>290</v>
      </c>
      <c r="E51903" s="15">
        <v>45449</v>
      </c>
      <c r="F51903" s="14" t="s">
        <v>25</v>
      </c>
      <c r="G51903" s="16">
        <v>0.13953638252673542</v>
      </c>
    </row>
    <row r="51904" spans="1:7" x14ac:dyDescent="0.3">
      <c r="A51904" s="13" t="s">
        <v>289</v>
      </c>
      <c r="B51904" s="14" t="s">
        <v>1</v>
      </c>
      <c r="C51904" s="14" t="s">
        <v>47</v>
      </c>
      <c r="D51904" s="14" t="s">
        <v>290</v>
      </c>
      <c r="E51904" s="15">
        <v>45450</v>
      </c>
      <c r="F51904" s="14" t="s">
        <v>25</v>
      </c>
      <c r="G51904" s="16">
        <v>0.13855948513053357</v>
      </c>
    </row>
    <row r="51905" spans="1:7" x14ac:dyDescent="0.3">
      <c r="A51905" s="13" t="s">
        <v>289</v>
      </c>
      <c r="B51905" s="14" t="s">
        <v>1</v>
      </c>
      <c r="C51905" s="14" t="s">
        <v>47</v>
      </c>
      <c r="D51905" s="14" t="s">
        <v>290</v>
      </c>
      <c r="E51905" s="15">
        <v>45451</v>
      </c>
      <c r="F51905" s="14" t="s">
        <v>25</v>
      </c>
      <c r="G51905" s="16">
        <v>0.13855948513053357</v>
      </c>
    </row>
    <row r="51906" spans="1:7" x14ac:dyDescent="0.3">
      <c r="A51906" s="13" t="s">
        <v>289</v>
      </c>
      <c r="B51906" s="14" t="s">
        <v>1</v>
      </c>
      <c r="C51906" s="14" t="s">
        <v>47</v>
      </c>
      <c r="D51906" s="14" t="s">
        <v>290</v>
      </c>
      <c r="E51906" s="15">
        <v>45452</v>
      </c>
      <c r="F51906" s="14" t="s">
        <v>25</v>
      </c>
      <c r="G51906" s="16">
        <v>0.13855948513053357</v>
      </c>
    </row>
    <row r="51907" spans="1:7" x14ac:dyDescent="0.3">
      <c r="A51907" s="13" t="s">
        <v>289</v>
      </c>
      <c r="B51907" s="14" t="s">
        <v>1</v>
      </c>
      <c r="C51907" s="14" t="s">
        <v>47</v>
      </c>
      <c r="D51907" s="14" t="s">
        <v>290</v>
      </c>
      <c r="E51907" s="15">
        <v>45453</v>
      </c>
      <c r="F51907" s="14" t="s">
        <v>25</v>
      </c>
      <c r="G51907" s="16">
        <v>0.13658111675869061</v>
      </c>
    </row>
    <row r="51908" spans="1:7" x14ac:dyDescent="0.3">
      <c r="A51908" s="13" t="s">
        <v>289</v>
      </c>
      <c r="B51908" s="14" t="s">
        <v>1</v>
      </c>
      <c r="C51908" s="14" t="s">
        <v>47</v>
      </c>
      <c r="D51908" s="14" t="s">
        <v>290</v>
      </c>
      <c r="E51908" s="15">
        <v>45454</v>
      </c>
      <c r="F51908" s="14" t="s">
        <v>25</v>
      </c>
      <c r="G51908" s="16">
        <v>0.13067089484918371</v>
      </c>
    </row>
    <row r="51909" spans="1:7" x14ac:dyDescent="0.3">
      <c r="A51909" s="13" t="s">
        <v>289</v>
      </c>
      <c r="B51909" s="14" t="s">
        <v>1</v>
      </c>
      <c r="C51909" s="14" t="s">
        <v>47</v>
      </c>
      <c r="D51909" s="14" t="s">
        <v>290</v>
      </c>
      <c r="E51909" s="15">
        <v>45455</v>
      </c>
      <c r="F51909" s="14" t="s">
        <v>25</v>
      </c>
      <c r="G51909" s="16">
        <v>0.12817657868111601</v>
      </c>
    </row>
    <row r="51910" spans="1:7" x14ac:dyDescent="0.3">
      <c r="A51910" s="13" t="s">
        <v>289</v>
      </c>
      <c r="B51910" s="14" t="s">
        <v>1</v>
      </c>
      <c r="C51910" s="14" t="s">
        <v>47</v>
      </c>
      <c r="D51910" s="14" t="s">
        <v>290</v>
      </c>
      <c r="E51910" s="15">
        <v>45456</v>
      </c>
      <c r="F51910" s="14" t="s">
        <v>25</v>
      </c>
      <c r="G51910" s="16">
        <v>0.15471704875628695</v>
      </c>
    </row>
    <row r="51911" spans="1:7" x14ac:dyDescent="0.3">
      <c r="A51911" s="13" t="s">
        <v>289</v>
      </c>
      <c r="B51911" s="14" t="s">
        <v>1</v>
      </c>
      <c r="C51911" s="14" t="s">
        <v>47</v>
      </c>
      <c r="D51911" s="14" t="s">
        <v>290</v>
      </c>
      <c r="E51911" s="15">
        <v>45457</v>
      </c>
      <c r="F51911" s="14" t="s">
        <v>25</v>
      </c>
      <c r="G51911" s="16">
        <v>0.15784377941218813</v>
      </c>
    </row>
    <row r="51912" spans="1:7" x14ac:dyDescent="0.3">
      <c r="A51912" s="13" t="s">
        <v>289</v>
      </c>
      <c r="B51912" s="14" t="s">
        <v>1</v>
      </c>
      <c r="C51912" s="14" t="s">
        <v>47</v>
      </c>
      <c r="D51912" s="14" t="s">
        <v>290</v>
      </c>
      <c r="E51912" s="15">
        <v>45458</v>
      </c>
      <c r="F51912" s="14" t="s">
        <v>25</v>
      </c>
      <c r="G51912" s="16">
        <v>0.15784377941218813</v>
      </c>
    </row>
    <row r="51913" spans="1:7" x14ac:dyDescent="0.3">
      <c r="A51913" s="13" t="s">
        <v>289</v>
      </c>
      <c r="B51913" s="14" t="s">
        <v>1</v>
      </c>
      <c r="C51913" s="14" t="s">
        <v>47</v>
      </c>
      <c r="D51913" s="14" t="s">
        <v>290</v>
      </c>
      <c r="E51913" s="15">
        <v>45459</v>
      </c>
      <c r="F51913" s="14" t="s">
        <v>25</v>
      </c>
      <c r="G51913" s="16">
        <v>0.15784377941218813</v>
      </c>
    </row>
    <row r="51914" spans="1:7" x14ac:dyDescent="0.3">
      <c r="A51914" s="13" t="s">
        <v>289</v>
      </c>
      <c r="B51914" s="14" t="s">
        <v>1</v>
      </c>
      <c r="C51914" s="14" t="s">
        <v>47</v>
      </c>
      <c r="D51914" s="14" t="s">
        <v>290</v>
      </c>
      <c r="E51914" s="15">
        <v>45460</v>
      </c>
      <c r="F51914" s="14" t="s">
        <v>25</v>
      </c>
      <c r="G51914" s="16">
        <v>0.15669331785722465</v>
      </c>
    </row>
    <row r="51915" spans="1:7" x14ac:dyDescent="0.3">
      <c r="A51915" s="13" t="s">
        <v>289</v>
      </c>
      <c r="B51915" s="14" t="s">
        <v>1</v>
      </c>
      <c r="C51915" s="14" t="s">
        <v>47</v>
      </c>
      <c r="D51915" s="14" t="s">
        <v>290</v>
      </c>
      <c r="E51915" s="15">
        <v>45461</v>
      </c>
      <c r="F51915" s="14" t="s">
        <v>25</v>
      </c>
      <c r="G51915" s="16">
        <v>0.15662504759222878</v>
      </c>
    </row>
    <row r="51916" spans="1:7" x14ac:dyDescent="0.3">
      <c r="A51916" s="13" t="s">
        <v>289</v>
      </c>
      <c r="B51916" s="14" t="s">
        <v>1</v>
      </c>
      <c r="C51916" s="14" t="s">
        <v>47</v>
      </c>
      <c r="D51916" s="14" t="s">
        <v>290</v>
      </c>
      <c r="E51916" s="15">
        <v>45462</v>
      </c>
      <c r="F51916" s="14" t="s">
        <v>25</v>
      </c>
      <c r="G51916" s="16">
        <v>0.15662504759222878</v>
      </c>
    </row>
    <row r="51917" spans="1:7" x14ac:dyDescent="0.3">
      <c r="A51917" s="13" t="s">
        <v>289</v>
      </c>
      <c r="B51917" s="14" t="s">
        <v>1</v>
      </c>
      <c r="C51917" s="14" t="s">
        <v>47</v>
      </c>
      <c r="D51917" s="14" t="s">
        <v>290</v>
      </c>
      <c r="E51917" s="15">
        <v>45463</v>
      </c>
      <c r="F51917" s="14" t="s">
        <v>25</v>
      </c>
      <c r="G51917" s="16">
        <v>0.19176183354576137</v>
      </c>
    </row>
    <row r="51918" spans="1:7" x14ac:dyDescent="0.3">
      <c r="A51918" s="13" t="s">
        <v>289</v>
      </c>
      <c r="B51918" s="14" t="s">
        <v>1</v>
      </c>
      <c r="C51918" s="14" t="s">
        <v>47</v>
      </c>
      <c r="D51918" s="14" t="s">
        <v>290</v>
      </c>
      <c r="E51918" s="15">
        <v>45464</v>
      </c>
      <c r="F51918" s="14" t="s">
        <v>25</v>
      </c>
      <c r="G51918" s="16">
        <v>0.18821982939059939</v>
      </c>
    </row>
    <row r="51919" spans="1:7" x14ac:dyDescent="0.3">
      <c r="A51919" s="13" t="s">
        <v>289</v>
      </c>
      <c r="B51919" s="14" t="s">
        <v>1</v>
      </c>
      <c r="C51919" s="14" t="s">
        <v>47</v>
      </c>
      <c r="D51919" s="14" t="s">
        <v>290</v>
      </c>
      <c r="E51919" s="15">
        <v>45465</v>
      </c>
      <c r="F51919" s="14" t="s">
        <v>25</v>
      </c>
      <c r="G51919" s="16">
        <v>0.18821982939059939</v>
      </c>
    </row>
    <row r="51920" spans="1:7" x14ac:dyDescent="0.3">
      <c r="A51920" s="13" t="s">
        <v>289</v>
      </c>
      <c r="B51920" s="14" t="s">
        <v>1</v>
      </c>
      <c r="C51920" s="14" t="s">
        <v>47</v>
      </c>
      <c r="D51920" s="14" t="s">
        <v>290</v>
      </c>
      <c r="E51920" s="15">
        <v>45466</v>
      </c>
      <c r="F51920" s="14" t="s">
        <v>25</v>
      </c>
      <c r="G51920" s="16">
        <v>0.18821982939059939</v>
      </c>
    </row>
    <row r="51921" spans="1:7" x14ac:dyDescent="0.3">
      <c r="A51921" s="13" t="s">
        <v>289</v>
      </c>
      <c r="B51921" s="14" t="s">
        <v>1</v>
      </c>
      <c r="C51921" s="14" t="s">
        <v>47</v>
      </c>
      <c r="D51921" s="14" t="s">
        <v>290</v>
      </c>
      <c r="E51921" s="15">
        <v>45467</v>
      </c>
      <c r="F51921" s="14" t="s">
        <v>25</v>
      </c>
      <c r="G51921" s="16">
        <v>0.1887566241909488</v>
      </c>
    </row>
    <row r="51922" spans="1:7" x14ac:dyDescent="0.3">
      <c r="A51922" s="13" t="s">
        <v>289</v>
      </c>
      <c r="B51922" s="14" t="s">
        <v>1</v>
      </c>
      <c r="C51922" s="14" t="s">
        <v>47</v>
      </c>
      <c r="D51922" s="14" t="s">
        <v>290</v>
      </c>
      <c r="E51922" s="15">
        <v>45468</v>
      </c>
      <c r="F51922" s="14" t="s">
        <v>25</v>
      </c>
      <c r="G51922" s="16">
        <v>0.18599615367495256</v>
      </c>
    </row>
    <row r="51923" spans="1:7" x14ac:dyDescent="0.3">
      <c r="A51923" s="13" t="s">
        <v>289</v>
      </c>
      <c r="B51923" s="14" t="s">
        <v>1</v>
      </c>
      <c r="C51923" s="14" t="s">
        <v>47</v>
      </c>
      <c r="D51923" s="14" t="s">
        <v>290</v>
      </c>
      <c r="E51923" s="15">
        <v>45469</v>
      </c>
      <c r="F51923" s="14" t="s">
        <v>25</v>
      </c>
      <c r="G51923" s="16">
        <v>0.18456609033353816</v>
      </c>
    </row>
    <row r="51924" spans="1:7" x14ac:dyDescent="0.3">
      <c r="A51924" s="13" t="s">
        <v>289</v>
      </c>
      <c r="B51924" s="14" t="s">
        <v>1</v>
      </c>
      <c r="C51924" s="14" t="s">
        <v>47</v>
      </c>
      <c r="D51924" s="14" t="s">
        <v>290</v>
      </c>
      <c r="E51924" s="15">
        <v>45470</v>
      </c>
      <c r="F51924" s="14" t="s">
        <v>25</v>
      </c>
      <c r="G51924" s="16">
        <v>0.18286477741790469</v>
      </c>
    </row>
    <row r="51925" spans="1:7" x14ac:dyDescent="0.3">
      <c r="A51925" s="13" t="s">
        <v>289</v>
      </c>
      <c r="B51925" s="14" t="s">
        <v>1</v>
      </c>
      <c r="C51925" s="14" t="s">
        <v>47</v>
      </c>
      <c r="D51925" s="14" t="s">
        <v>290</v>
      </c>
      <c r="E51925" s="15">
        <v>45471</v>
      </c>
      <c r="F51925" s="14" t="s">
        <v>25</v>
      </c>
      <c r="G51925" s="16">
        <v>0.18094579323995932</v>
      </c>
    </row>
    <row r="51926" spans="1:7" x14ac:dyDescent="0.3">
      <c r="A51926" s="13" t="s">
        <v>289</v>
      </c>
      <c r="B51926" s="14" t="s">
        <v>1</v>
      </c>
      <c r="C51926" s="14" t="s">
        <v>47</v>
      </c>
      <c r="D51926" s="14" t="s">
        <v>290</v>
      </c>
      <c r="E51926" s="15">
        <v>45472</v>
      </c>
      <c r="F51926" s="14" t="s">
        <v>25</v>
      </c>
      <c r="G51926" s="16">
        <v>0.18094579323995932</v>
      </c>
    </row>
    <row r="51927" spans="1:7" x14ac:dyDescent="0.3">
      <c r="A51927" s="13" t="s">
        <v>289</v>
      </c>
      <c r="B51927" s="14" t="s">
        <v>1</v>
      </c>
      <c r="C51927" s="14" t="s">
        <v>47</v>
      </c>
      <c r="D51927" s="14" t="s">
        <v>290</v>
      </c>
      <c r="E51927" s="15">
        <v>45473</v>
      </c>
      <c r="F51927" s="14" t="s">
        <v>25</v>
      </c>
      <c r="G51927" s="16">
        <v>0.18094579323995932</v>
      </c>
    </row>
    <row r="51928" spans="1:7" x14ac:dyDescent="0.3">
      <c r="A51928" s="13" t="s">
        <v>289</v>
      </c>
      <c r="B51928" s="14" t="s">
        <v>1</v>
      </c>
      <c r="C51928" s="14" t="s">
        <v>47</v>
      </c>
      <c r="D51928" s="14" t="s">
        <v>290</v>
      </c>
      <c r="E51928" s="15">
        <v>45474</v>
      </c>
      <c r="F51928" s="14" t="s">
        <v>25</v>
      </c>
      <c r="G51928" s="16">
        <v>0.18816810344967017</v>
      </c>
    </row>
    <row r="51929" spans="1:7" x14ac:dyDescent="0.3">
      <c r="A51929" s="13" t="s">
        <v>289</v>
      </c>
      <c r="B51929" s="14" t="s">
        <v>1</v>
      </c>
      <c r="C51929" s="14" t="s">
        <v>47</v>
      </c>
      <c r="D51929" s="14" t="s">
        <v>290</v>
      </c>
      <c r="E51929" s="15">
        <v>45475</v>
      </c>
      <c r="F51929" s="14" t="s">
        <v>25</v>
      </c>
      <c r="G51929" s="16">
        <v>0.18361292270678828</v>
      </c>
    </row>
    <row r="51930" spans="1:7" x14ac:dyDescent="0.3">
      <c r="A51930" s="13" t="s">
        <v>289</v>
      </c>
      <c r="B51930" s="14" t="s">
        <v>1</v>
      </c>
      <c r="C51930" s="14" t="s">
        <v>47</v>
      </c>
      <c r="D51930" s="14" t="s">
        <v>290</v>
      </c>
      <c r="E51930" s="15">
        <v>45476</v>
      </c>
      <c r="F51930" s="14" t="s">
        <v>25</v>
      </c>
      <c r="G51930" s="16">
        <v>0.19130769673777215</v>
      </c>
    </row>
    <row r="51931" spans="1:7" x14ac:dyDescent="0.3">
      <c r="A51931" s="13" t="s">
        <v>289</v>
      </c>
      <c r="B51931" s="14" t="s">
        <v>1</v>
      </c>
      <c r="C51931" s="14" t="s">
        <v>47</v>
      </c>
      <c r="D51931" s="14" t="s">
        <v>290</v>
      </c>
      <c r="E51931" s="15">
        <v>45477</v>
      </c>
      <c r="F51931" s="14" t="s">
        <v>25</v>
      </c>
      <c r="G51931" s="16">
        <v>0.19130769673777215</v>
      </c>
    </row>
    <row r="51932" spans="1:7" x14ac:dyDescent="0.3">
      <c r="A51932" s="13" t="s">
        <v>289</v>
      </c>
      <c r="B51932" s="14" t="s">
        <v>1</v>
      </c>
      <c r="C51932" s="14" t="s">
        <v>47</v>
      </c>
      <c r="D51932" s="14" t="s">
        <v>290</v>
      </c>
      <c r="E51932" s="15">
        <v>45478</v>
      </c>
      <c r="F51932" s="14" t="s">
        <v>25</v>
      </c>
      <c r="G51932" s="16">
        <v>0.18822675517138779</v>
      </c>
    </row>
    <row r="51933" spans="1:7" x14ac:dyDescent="0.3">
      <c r="A51933" s="13" t="s">
        <v>289</v>
      </c>
      <c r="B51933" s="14" t="s">
        <v>1</v>
      </c>
      <c r="C51933" s="14" t="s">
        <v>47</v>
      </c>
      <c r="D51933" s="14" t="s">
        <v>290</v>
      </c>
      <c r="E51933" s="15">
        <v>45479</v>
      </c>
      <c r="F51933" s="14" t="s">
        <v>25</v>
      </c>
      <c r="G51933" s="16">
        <v>0.18822675517138779</v>
      </c>
    </row>
    <row r="51934" spans="1:7" x14ac:dyDescent="0.3">
      <c r="A51934" s="13" t="s">
        <v>289</v>
      </c>
      <c r="B51934" s="14" t="s">
        <v>1</v>
      </c>
      <c r="C51934" s="14" t="s">
        <v>47</v>
      </c>
      <c r="D51934" s="14" t="s">
        <v>290</v>
      </c>
      <c r="E51934" s="15">
        <v>45480</v>
      </c>
      <c r="F51934" s="14" t="s">
        <v>25</v>
      </c>
      <c r="G51934" s="16">
        <v>0.18822675517138779</v>
      </c>
    </row>
    <row r="51935" spans="1:7" x14ac:dyDescent="0.3">
      <c r="A51935" s="13" t="s">
        <v>289</v>
      </c>
      <c r="B51935" s="14" t="s">
        <v>1</v>
      </c>
      <c r="C51935" s="14" t="s">
        <v>47</v>
      </c>
      <c r="D51935" s="14" t="s">
        <v>290</v>
      </c>
      <c r="E51935" s="15">
        <v>45481</v>
      </c>
      <c r="F51935" s="14" t="s">
        <v>25</v>
      </c>
      <c r="G51935" s="16">
        <v>0.1845756080826213</v>
      </c>
    </row>
    <row r="51936" spans="1:7" x14ac:dyDescent="0.3">
      <c r="A51936" s="13" t="s">
        <v>289</v>
      </c>
      <c r="B51936" s="14" t="s">
        <v>1</v>
      </c>
      <c r="C51936" s="14" t="s">
        <v>47</v>
      </c>
      <c r="D51936" s="14" t="s">
        <v>290</v>
      </c>
      <c r="E51936" s="15">
        <v>45482</v>
      </c>
      <c r="F51936" s="14" t="s">
        <v>25</v>
      </c>
      <c r="G51936" s="16">
        <v>0.17861152358562113</v>
      </c>
    </row>
    <row r="51937" spans="1:7" x14ac:dyDescent="0.3">
      <c r="A51937" s="13" t="s">
        <v>289</v>
      </c>
      <c r="B51937" s="14" t="s">
        <v>1</v>
      </c>
      <c r="C51937" s="14" t="s">
        <v>47</v>
      </c>
      <c r="D51937" s="14" t="s">
        <v>290</v>
      </c>
      <c r="E51937" s="15">
        <v>45483</v>
      </c>
      <c r="F51937" s="14" t="s">
        <v>25</v>
      </c>
      <c r="G51937" s="16">
        <v>0.17693631477999081</v>
      </c>
    </row>
    <row r="51938" spans="1:7" x14ac:dyDescent="0.3">
      <c r="A51938" s="13" t="s">
        <v>289</v>
      </c>
      <c r="B51938" s="14" t="s">
        <v>1</v>
      </c>
      <c r="C51938" s="14" t="s">
        <v>47</v>
      </c>
      <c r="D51938" s="14" t="s">
        <v>290</v>
      </c>
      <c r="E51938" s="15">
        <v>45484</v>
      </c>
      <c r="F51938" s="14" t="s">
        <v>25</v>
      </c>
      <c r="G51938" s="16">
        <v>0.1743388794761131</v>
      </c>
    </row>
    <row r="51939" spans="1:7" x14ac:dyDescent="0.3">
      <c r="A51939" s="13" t="s">
        <v>289</v>
      </c>
      <c r="B51939" s="14" t="s">
        <v>1</v>
      </c>
      <c r="C51939" s="14" t="s">
        <v>47</v>
      </c>
      <c r="D51939" s="14" t="s">
        <v>290</v>
      </c>
      <c r="E51939" s="15">
        <v>45485</v>
      </c>
      <c r="F51939" s="14" t="s">
        <v>25</v>
      </c>
      <c r="G51939" s="16">
        <v>0.17188070548952755</v>
      </c>
    </row>
    <row r="51940" spans="1:7" x14ac:dyDescent="0.3">
      <c r="A51940" s="13" t="s">
        <v>289</v>
      </c>
      <c r="B51940" s="14" t="s">
        <v>1</v>
      </c>
      <c r="C51940" s="14" t="s">
        <v>47</v>
      </c>
      <c r="D51940" s="14" t="s">
        <v>290</v>
      </c>
      <c r="E51940" s="15">
        <v>45486</v>
      </c>
      <c r="F51940" s="14" t="s">
        <v>25</v>
      </c>
      <c r="G51940" s="16">
        <v>0.17188070548952755</v>
      </c>
    </row>
    <row r="51941" spans="1:7" x14ac:dyDescent="0.3">
      <c r="A51941" s="13" t="s">
        <v>289</v>
      </c>
      <c r="B51941" s="14" t="s">
        <v>1</v>
      </c>
      <c r="C51941" s="14" t="s">
        <v>47</v>
      </c>
      <c r="D51941" s="14" t="s">
        <v>290</v>
      </c>
      <c r="E51941" s="15">
        <v>45487</v>
      </c>
      <c r="F51941" s="14" t="s">
        <v>25</v>
      </c>
      <c r="G51941" s="16">
        <v>0.17188070548952755</v>
      </c>
    </row>
    <row r="51942" spans="1:7" x14ac:dyDescent="0.3">
      <c r="A51942" s="13" t="s">
        <v>289</v>
      </c>
      <c r="B51942" s="14" t="s">
        <v>1</v>
      </c>
      <c r="C51942" s="14" t="s">
        <v>47</v>
      </c>
      <c r="D51942" s="14" t="s">
        <v>290</v>
      </c>
      <c r="E51942" s="15">
        <v>45488</v>
      </c>
      <c r="F51942" s="14" t="s">
        <v>25</v>
      </c>
      <c r="G51942" s="16">
        <v>0.1730347342086439</v>
      </c>
    </row>
    <row r="51943" spans="1:7" x14ac:dyDescent="0.3">
      <c r="A51943" s="13" t="s">
        <v>289</v>
      </c>
      <c r="B51943" s="14" t="s">
        <v>1</v>
      </c>
      <c r="C51943" s="14" t="s">
        <v>47</v>
      </c>
      <c r="D51943" s="14" t="s">
        <v>290</v>
      </c>
      <c r="E51943" s="15">
        <v>45489</v>
      </c>
      <c r="F51943" s="14" t="s">
        <v>25</v>
      </c>
      <c r="G51943" s="16">
        <v>0.16640681587656567</v>
      </c>
    </row>
    <row r="51944" spans="1:7" x14ac:dyDescent="0.3">
      <c r="A51944" s="13" t="s">
        <v>289</v>
      </c>
      <c r="B51944" s="14" t="s">
        <v>1</v>
      </c>
      <c r="C51944" s="14" t="s">
        <v>47</v>
      </c>
      <c r="D51944" s="14" t="s">
        <v>290</v>
      </c>
      <c r="E51944" s="15">
        <v>45490</v>
      </c>
      <c r="F51944" s="14" t="s">
        <v>25</v>
      </c>
      <c r="G51944" s="16">
        <v>0.16248778697927968</v>
      </c>
    </row>
    <row r="51945" spans="1:7" x14ac:dyDescent="0.3">
      <c r="A51945" s="13" t="s">
        <v>289</v>
      </c>
      <c r="B51945" s="14" t="s">
        <v>1</v>
      </c>
      <c r="C51945" s="14" t="s">
        <v>47</v>
      </c>
      <c r="D51945" s="14" t="s">
        <v>290</v>
      </c>
      <c r="E51945" s="15">
        <v>45491</v>
      </c>
      <c r="F51945" s="14" t="s">
        <v>25</v>
      </c>
      <c r="G51945" s="16">
        <v>0.16122647230012752</v>
      </c>
    </row>
    <row r="51946" spans="1:7" x14ac:dyDescent="0.3">
      <c r="A51946" s="13" t="s">
        <v>289</v>
      </c>
      <c r="B51946" s="14" t="s">
        <v>1</v>
      </c>
      <c r="C51946" s="14" t="s">
        <v>47</v>
      </c>
      <c r="D51946" s="14" t="s">
        <v>290</v>
      </c>
      <c r="E51946" s="15">
        <v>45492</v>
      </c>
      <c r="F51946" s="14" t="s">
        <v>25</v>
      </c>
      <c r="G51946" s="16">
        <v>0.15948063666476858</v>
      </c>
    </row>
    <row r="51947" spans="1:7" x14ac:dyDescent="0.3">
      <c r="A51947" s="13" t="s">
        <v>289</v>
      </c>
      <c r="B51947" s="14" t="s">
        <v>1</v>
      </c>
      <c r="C51947" s="14" t="s">
        <v>47</v>
      </c>
      <c r="D51947" s="14" t="s">
        <v>290</v>
      </c>
      <c r="E51947" s="15">
        <v>45493</v>
      </c>
      <c r="F51947" s="14" t="s">
        <v>25</v>
      </c>
      <c r="G51947" s="16">
        <v>0.15948063666476858</v>
      </c>
    </row>
    <row r="51948" spans="1:7" x14ac:dyDescent="0.3">
      <c r="A51948" s="13" t="s">
        <v>289</v>
      </c>
      <c r="B51948" s="14" t="s">
        <v>1</v>
      </c>
      <c r="C51948" s="14" t="s">
        <v>47</v>
      </c>
      <c r="D51948" s="14" t="s">
        <v>290</v>
      </c>
      <c r="E51948" s="15">
        <v>45494</v>
      </c>
      <c r="F51948" s="14" t="s">
        <v>25</v>
      </c>
      <c r="G51948" s="16">
        <v>0.15948063666476858</v>
      </c>
    </row>
    <row r="51949" spans="1:7" x14ac:dyDescent="0.3">
      <c r="A51949" s="13" t="s">
        <v>289</v>
      </c>
      <c r="B51949" s="14" t="s">
        <v>1</v>
      </c>
      <c r="C51949" s="14" t="s">
        <v>47</v>
      </c>
      <c r="D51949" s="14" t="s">
        <v>290</v>
      </c>
      <c r="E51949" s="15">
        <v>45495</v>
      </c>
      <c r="F51949" s="14" t="s">
        <v>25</v>
      </c>
      <c r="G51949" s="16">
        <v>0.15758374192797878</v>
      </c>
    </row>
    <row r="51950" spans="1:7" x14ac:dyDescent="0.3">
      <c r="A51950" s="13" t="s">
        <v>289</v>
      </c>
      <c r="B51950" s="14" t="s">
        <v>1</v>
      </c>
      <c r="C51950" s="14" t="s">
        <v>47</v>
      </c>
      <c r="D51950" s="14" t="s">
        <v>290</v>
      </c>
      <c r="E51950" s="15">
        <v>45496</v>
      </c>
      <c r="F51950" s="14" t="s">
        <v>25</v>
      </c>
      <c r="G51950" s="16">
        <v>0.15196435554961768</v>
      </c>
    </row>
    <row r="51951" spans="1:7" x14ac:dyDescent="0.3">
      <c r="A51951" s="13" t="s">
        <v>289</v>
      </c>
      <c r="B51951" s="14" t="s">
        <v>1</v>
      </c>
      <c r="C51951" s="14" t="s">
        <v>47</v>
      </c>
      <c r="D51951" s="14" t="s">
        <v>290</v>
      </c>
      <c r="E51951" s="15">
        <v>45497</v>
      </c>
      <c r="F51951" s="14" t="s">
        <v>25</v>
      </c>
      <c r="G51951" s="16">
        <v>0.14900001024161538</v>
      </c>
    </row>
    <row r="51952" spans="1:7" x14ac:dyDescent="0.3">
      <c r="A51952" s="13" t="s">
        <v>289</v>
      </c>
      <c r="B51952" s="14" t="s">
        <v>1</v>
      </c>
      <c r="C51952" s="14" t="s">
        <v>47</v>
      </c>
      <c r="D51952" s="14" t="s">
        <v>290</v>
      </c>
      <c r="E51952" s="15">
        <v>45498</v>
      </c>
      <c r="F51952" s="14" t="s">
        <v>25</v>
      </c>
      <c r="G51952" s="16">
        <v>0.1464624860079291</v>
      </c>
    </row>
    <row r="51953" spans="1:7" x14ac:dyDescent="0.3">
      <c r="A51953" s="13" t="s">
        <v>289</v>
      </c>
      <c r="B51953" s="14" t="s">
        <v>1</v>
      </c>
      <c r="C51953" s="14" t="s">
        <v>47</v>
      </c>
      <c r="D51953" s="14" t="s">
        <v>290</v>
      </c>
      <c r="E51953" s="15">
        <v>45499</v>
      </c>
      <c r="F51953" s="14" t="s">
        <v>25</v>
      </c>
      <c r="G51953" s="16">
        <v>0.14490330319231962</v>
      </c>
    </row>
    <row r="51954" spans="1:7" x14ac:dyDescent="0.3">
      <c r="A51954" s="13" t="s">
        <v>289</v>
      </c>
      <c r="B51954" s="14" t="s">
        <v>1</v>
      </c>
      <c r="C51954" s="14" t="s">
        <v>47</v>
      </c>
      <c r="D51954" s="14" t="s">
        <v>290</v>
      </c>
      <c r="E51954" s="15">
        <v>45500</v>
      </c>
      <c r="F51954" s="14" t="s">
        <v>25</v>
      </c>
      <c r="G51954" s="16">
        <v>0.14490330319231962</v>
      </c>
    </row>
    <row r="51955" spans="1:7" x14ac:dyDescent="0.3">
      <c r="A51955" s="13" t="s">
        <v>289</v>
      </c>
      <c r="B51955" s="14" t="s">
        <v>1</v>
      </c>
      <c r="C51955" s="14" t="s">
        <v>47</v>
      </c>
      <c r="D51955" s="14" t="s">
        <v>290</v>
      </c>
      <c r="E51955" s="15">
        <v>45501</v>
      </c>
      <c r="F51955" s="14" t="s">
        <v>25</v>
      </c>
      <c r="G51955" s="16">
        <v>0.14490330319231962</v>
      </c>
    </row>
    <row r="51956" spans="1:7" x14ac:dyDescent="0.3">
      <c r="A51956" s="13" t="s">
        <v>289</v>
      </c>
      <c r="B51956" s="14" t="s">
        <v>1</v>
      </c>
      <c r="C51956" s="14" t="s">
        <v>47</v>
      </c>
      <c r="D51956" s="14" t="s">
        <v>290</v>
      </c>
      <c r="E51956" s="15">
        <v>45502</v>
      </c>
      <c r="F51956" s="14" t="s">
        <v>25</v>
      </c>
      <c r="G51956" s="16">
        <v>0.14340951375750022</v>
      </c>
    </row>
    <row r="51957" spans="1:7" x14ac:dyDescent="0.3">
      <c r="A51957" s="13" t="s">
        <v>289</v>
      </c>
      <c r="B51957" s="14" t="s">
        <v>1</v>
      </c>
      <c r="C51957" s="14" t="s">
        <v>47</v>
      </c>
      <c r="D51957" s="14" t="s">
        <v>290</v>
      </c>
      <c r="E51957" s="15">
        <v>45503</v>
      </c>
      <c r="F51957" s="14" t="s">
        <v>25</v>
      </c>
      <c r="G51957" s="16">
        <v>0.13717458158479895</v>
      </c>
    </row>
    <row r="51958" spans="1:7" x14ac:dyDescent="0.3">
      <c r="A51958" s="13" t="s">
        <v>289</v>
      </c>
      <c r="B51958" s="14" t="s">
        <v>1</v>
      </c>
      <c r="C51958" s="14" t="s">
        <v>47</v>
      </c>
      <c r="D51958" s="14" t="s">
        <v>290</v>
      </c>
      <c r="E51958" s="15">
        <v>45504</v>
      </c>
      <c r="F51958" s="14" t="s">
        <v>25</v>
      </c>
      <c r="G51958" s="16">
        <v>0.13459158303274896</v>
      </c>
    </row>
    <row r="51959" spans="1:7" x14ac:dyDescent="0.3">
      <c r="A51959" s="13" t="s">
        <v>289</v>
      </c>
      <c r="B51959" s="14" t="s">
        <v>1</v>
      </c>
      <c r="C51959" s="14" t="s">
        <v>47</v>
      </c>
      <c r="D51959" s="14" t="s">
        <v>290</v>
      </c>
      <c r="E51959" s="15">
        <v>45505</v>
      </c>
      <c r="F51959" s="14" t="s">
        <v>25</v>
      </c>
      <c r="G51959" s="16">
        <v>0.13198021797924628</v>
      </c>
    </row>
    <row r="51960" spans="1:7" x14ac:dyDescent="0.3">
      <c r="A51960" s="13" t="s">
        <v>289</v>
      </c>
      <c r="B51960" s="14" t="s">
        <v>1</v>
      </c>
      <c r="C51960" s="14" t="s">
        <v>47</v>
      </c>
      <c r="D51960" s="14" t="s">
        <v>290</v>
      </c>
      <c r="E51960" s="15">
        <v>45506</v>
      </c>
      <c r="F51960" s="14" t="s">
        <v>25</v>
      </c>
      <c r="G51960" s="16">
        <v>0.12736667566885082</v>
      </c>
    </row>
    <row r="51961" spans="1:7" x14ac:dyDescent="0.3">
      <c r="A51961" s="13" t="s">
        <v>289</v>
      </c>
      <c r="B51961" s="14" t="s">
        <v>1</v>
      </c>
      <c r="C51961" s="14" t="s">
        <v>47</v>
      </c>
      <c r="D51961" s="14" t="s">
        <v>290</v>
      </c>
      <c r="E51961" s="15">
        <v>45507</v>
      </c>
      <c r="F51961" s="14" t="s">
        <v>25</v>
      </c>
      <c r="G51961" s="16">
        <v>0.12736667566885082</v>
      </c>
    </row>
    <row r="51962" spans="1:7" x14ac:dyDescent="0.3">
      <c r="A51962" s="13" t="s">
        <v>289</v>
      </c>
      <c r="B51962" s="14" t="s">
        <v>1</v>
      </c>
      <c r="C51962" s="14" t="s">
        <v>47</v>
      </c>
      <c r="D51962" s="14" t="s">
        <v>290</v>
      </c>
      <c r="E51962" s="15">
        <v>45508</v>
      </c>
      <c r="F51962" s="14" t="s">
        <v>25</v>
      </c>
      <c r="G51962" s="16">
        <v>0.12736667566885082</v>
      </c>
    </row>
    <row r="51963" spans="1:7" x14ac:dyDescent="0.3">
      <c r="A51963" s="13" t="s">
        <v>289</v>
      </c>
      <c r="B51963" s="14" t="s">
        <v>1</v>
      </c>
      <c r="C51963" s="14" t="s">
        <v>47</v>
      </c>
      <c r="D51963" s="14" t="s">
        <v>290</v>
      </c>
      <c r="E51963" s="15">
        <v>45509</v>
      </c>
      <c r="F51963" s="14" t="s">
        <v>25</v>
      </c>
      <c r="G51963" s="16">
        <v>0.12736667566885082</v>
      </c>
    </row>
    <row r="51964" spans="1:7" x14ac:dyDescent="0.3">
      <c r="A51964" s="13" t="s">
        <v>289</v>
      </c>
      <c r="B51964" s="14" t="s">
        <v>1</v>
      </c>
      <c r="C51964" s="14" t="s">
        <v>47</v>
      </c>
      <c r="D51964" s="14" t="s">
        <v>290</v>
      </c>
      <c r="E51964" s="15">
        <v>45510</v>
      </c>
      <c r="F51964" s="14" t="s">
        <v>25</v>
      </c>
      <c r="G51964" s="16">
        <v>0.12465237076906999</v>
      </c>
    </row>
    <row r="51965" spans="1:7" x14ac:dyDescent="0.3">
      <c r="A51965" s="13" t="s">
        <v>289</v>
      </c>
      <c r="B51965" s="14" t="s">
        <v>1</v>
      </c>
      <c r="C51965" s="14" t="s">
        <v>47</v>
      </c>
      <c r="D51965" s="14" t="s">
        <v>290</v>
      </c>
      <c r="E51965" s="15">
        <v>45511</v>
      </c>
      <c r="F51965" s="14" t="s">
        <v>25</v>
      </c>
      <c r="G51965" s="16">
        <v>0.11904575160847314</v>
      </c>
    </row>
    <row r="51966" spans="1:7" x14ac:dyDescent="0.3">
      <c r="A51966" s="13" t="s">
        <v>289</v>
      </c>
      <c r="B51966" s="14" t="s">
        <v>1</v>
      </c>
      <c r="C51966" s="14" t="s">
        <v>47</v>
      </c>
      <c r="D51966" s="14" t="s">
        <v>290</v>
      </c>
      <c r="E51966" s="15">
        <v>45512</v>
      </c>
      <c r="F51966" s="14" t="s">
        <v>25</v>
      </c>
      <c r="G51966" s="16">
        <v>0.11793863887242856</v>
      </c>
    </row>
    <row r="51967" spans="1:7" x14ac:dyDescent="0.3">
      <c r="A51967" s="13" t="s">
        <v>289</v>
      </c>
      <c r="B51967" s="14" t="s">
        <v>1</v>
      </c>
      <c r="C51967" s="14" t="s">
        <v>47</v>
      </c>
      <c r="D51967" s="14" t="s">
        <v>290</v>
      </c>
      <c r="E51967" s="15">
        <v>45513</v>
      </c>
      <c r="F51967" s="14" t="s">
        <v>25</v>
      </c>
      <c r="G51967" s="16">
        <v>0.11604853364670764</v>
      </c>
    </row>
    <row r="51968" spans="1:7" x14ac:dyDescent="0.3">
      <c r="A51968" s="13" t="s">
        <v>289</v>
      </c>
      <c r="B51968" s="14" t="s">
        <v>1</v>
      </c>
      <c r="C51968" s="14" t="s">
        <v>47</v>
      </c>
      <c r="D51968" s="14" t="s">
        <v>290</v>
      </c>
      <c r="E51968" s="15">
        <v>45514</v>
      </c>
      <c r="F51968" s="14" t="s">
        <v>25</v>
      </c>
      <c r="G51968" s="16">
        <v>0.11604853364670764</v>
      </c>
    </row>
    <row r="51969" spans="1:7" x14ac:dyDescent="0.3">
      <c r="A51969" s="13" t="s">
        <v>289</v>
      </c>
      <c r="B51969" s="14" t="s">
        <v>1</v>
      </c>
      <c r="C51969" s="14" t="s">
        <v>47</v>
      </c>
      <c r="D51969" s="14" t="s">
        <v>290</v>
      </c>
      <c r="E51969" s="15">
        <v>45515</v>
      </c>
      <c r="F51969" s="14" t="s">
        <v>25</v>
      </c>
      <c r="G51969" s="16">
        <v>0.11604853364670764</v>
      </c>
    </row>
    <row r="51970" spans="1:7" x14ac:dyDescent="0.3">
      <c r="A51970" s="13" t="s">
        <v>289</v>
      </c>
      <c r="B51970" s="14" t="s">
        <v>1</v>
      </c>
      <c r="C51970" s="14" t="s">
        <v>47</v>
      </c>
      <c r="D51970" s="14" t="s">
        <v>290</v>
      </c>
      <c r="E51970" s="15">
        <v>45516</v>
      </c>
      <c r="F51970" s="14" t="s">
        <v>25</v>
      </c>
      <c r="G51970" s="16">
        <v>0.11425832160065867</v>
      </c>
    </row>
    <row r="51971" spans="1:7" x14ac:dyDescent="0.3">
      <c r="A51971" s="13" t="s">
        <v>289</v>
      </c>
      <c r="B51971" s="14" t="s">
        <v>1</v>
      </c>
      <c r="C51971" s="14" t="s">
        <v>47</v>
      </c>
      <c r="D51971" s="14" t="s">
        <v>290</v>
      </c>
      <c r="E51971" s="15">
        <v>45517</v>
      </c>
      <c r="F51971" s="14" t="s">
        <v>25</v>
      </c>
      <c r="G51971" s="16">
        <v>0.10962174991294267</v>
      </c>
    </row>
    <row r="51972" spans="1:7" x14ac:dyDescent="0.3">
      <c r="A51972" s="13" t="s">
        <v>289</v>
      </c>
      <c r="B51972" s="14" t="s">
        <v>1</v>
      </c>
      <c r="C51972" s="14" t="s">
        <v>47</v>
      </c>
      <c r="D51972" s="14" t="s">
        <v>290</v>
      </c>
      <c r="E51972" s="15">
        <v>45518</v>
      </c>
      <c r="F51972" s="14" t="s">
        <v>25</v>
      </c>
      <c r="G51972" s="16">
        <v>0.10789566050696855</v>
      </c>
    </row>
    <row r="51973" spans="1:7" x14ac:dyDescent="0.3">
      <c r="A51973" s="13" t="s">
        <v>289</v>
      </c>
      <c r="B51973" s="14" t="s">
        <v>1</v>
      </c>
      <c r="C51973" s="14" t="s">
        <v>47</v>
      </c>
      <c r="D51973" s="14" t="s">
        <v>290</v>
      </c>
      <c r="E51973" s="15">
        <v>45519</v>
      </c>
      <c r="F51973" s="14" t="s">
        <v>25</v>
      </c>
      <c r="G51973" s="16">
        <v>0.10698357458443253</v>
      </c>
    </row>
    <row r="51974" spans="1:7" x14ac:dyDescent="0.3">
      <c r="A51974" s="13" t="s">
        <v>289</v>
      </c>
      <c r="B51974" s="14" t="s">
        <v>1</v>
      </c>
      <c r="C51974" s="14" t="s">
        <v>47</v>
      </c>
      <c r="D51974" s="14" t="s">
        <v>290</v>
      </c>
      <c r="E51974" s="15">
        <v>45520</v>
      </c>
      <c r="F51974" s="14" t="s">
        <v>25</v>
      </c>
      <c r="G51974" s="16">
        <v>0.10602349647711619</v>
      </c>
    </row>
    <row r="51975" spans="1:7" x14ac:dyDescent="0.3">
      <c r="A51975" s="13" t="s">
        <v>289</v>
      </c>
      <c r="B51975" s="14" t="s">
        <v>1</v>
      </c>
      <c r="C51975" s="14" t="s">
        <v>47</v>
      </c>
      <c r="D51975" s="14" t="s">
        <v>290</v>
      </c>
      <c r="E51975" s="15">
        <v>45521</v>
      </c>
      <c r="F51975" s="14" t="s">
        <v>25</v>
      </c>
      <c r="G51975" s="16">
        <v>0.10602349647711619</v>
      </c>
    </row>
    <row r="51976" spans="1:7" x14ac:dyDescent="0.3">
      <c r="A51976" s="13" t="s">
        <v>289</v>
      </c>
      <c r="B51976" s="14" t="s">
        <v>1</v>
      </c>
      <c r="C51976" s="14" t="s">
        <v>47</v>
      </c>
      <c r="D51976" s="14" t="s">
        <v>290</v>
      </c>
      <c r="E51976" s="15">
        <v>45522</v>
      </c>
      <c r="F51976" s="14" t="s">
        <v>25</v>
      </c>
      <c r="G51976" s="16">
        <v>0.10602349647711619</v>
      </c>
    </row>
    <row r="51977" spans="1:7" x14ac:dyDescent="0.3">
      <c r="A51977" s="13" t="s">
        <v>289</v>
      </c>
      <c r="B51977" s="14" t="s">
        <v>1</v>
      </c>
      <c r="C51977" s="14" t="s">
        <v>47</v>
      </c>
      <c r="D51977" s="14" t="s">
        <v>290</v>
      </c>
      <c r="E51977" s="15">
        <v>45523</v>
      </c>
      <c r="F51977" s="14" t="s">
        <v>25</v>
      </c>
      <c r="G51977" s="16">
        <v>0.1037382931436536</v>
      </c>
    </row>
    <row r="51978" spans="1:7" x14ac:dyDescent="0.3">
      <c r="A51978" s="13" t="s">
        <v>289</v>
      </c>
      <c r="B51978" s="14" t="s">
        <v>1</v>
      </c>
      <c r="C51978" s="14" t="s">
        <v>47</v>
      </c>
      <c r="D51978" s="14" t="s">
        <v>290</v>
      </c>
      <c r="E51978" s="15">
        <v>45524</v>
      </c>
      <c r="F51978" s="14" t="s">
        <v>25</v>
      </c>
      <c r="G51978" s="16">
        <v>9.7051393791059357E-2</v>
      </c>
    </row>
    <row r="51979" spans="1:7" x14ac:dyDescent="0.3">
      <c r="A51979" s="13" t="s">
        <v>289</v>
      </c>
      <c r="B51979" s="14" t="s">
        <v>1</v>
      </c>
      <c r="C51979" s="14" t="s">
        <v>47</v>
      </c>
      <c r="D51979" s="14" t="s">
        <v>290</v>
      </c>
      <c r="E51979" s="15">
        <v>45525</v>
      </c>
      <c r="F51979" s="14" t="s">
        <v>25</v>
      </c>
      <c r="G51979" s="16">
        <v>9.4892341366933738E-2</v>
      </c>
    </row>
    <row r="51980" spans="1:7" x14ac:dyDescent="0.3">
      <c r="A51980" s="13" t="s">
        <v>289</v>
      </c>
      <c r="B51980" s="14" t="s">
        <v>1</v>
      </c>
      <c r="C51980" s="14" t="s">
        <v>47</v>
      </c>
      <c r="D51980" s="14" t="s">
        <v>290</v>
      </c>
      <c r="E51980" s="15">
        <v>45526</v>
      </c>
      <c r="F51980" s="14" t="s">
        <v>25</v>
      </c>
      <c r="G51980" s="16">
        <v>9.3013929462107389E-2</v>
      </c>
    </row>
    <row r="51981" spans="1:7" x14ac:dyDescent="0.3">
      <c r="A51981" s="13" t="s">
        <v>289</v>
      </c>
      <c r="B51981" s="14" t="s">
        <v>1</v>
      </c>
      <c r="C51981" s="14" t="s">
        <v>47</v>
      </c>
      <c r="D51981" s="14" t="s">
        <v>290</v>
      </c>
      <c r="E51981" s="15">
        <v>45527</v>
      </c>
      <c r="F51981" s="14" t="s">
        <v>25</v>
      </c>
      <c r="G51981" s="16">
        <v>9.0623399982432976E-2</v>
      </c>
    </row>
    <row r="51982" spans="1:7" x14ac:dyDescent="0.3">
      <c r="A51982" s="13" t="s">
        <v>289</v>
      </c>
      <c r="B51982" s="14" t="s">
        <v>1</v>
      </c>
      <c r="C51982" s="14" t="s">
        <v>47</v>
      </c>
      <c r="D51982" s="14" t="s">
        <v>290</v>
      </c>
      <c r="E51982" s="15">
        <v>45528</v>
      </c>
      <c r="F51982" s="14" t="s">
        <v>25</v>
      </c>
      <c r="G51982" s="16">
        <v>9.0623399982432976E-2</v>
      </c>
    </row>
    <row r="51983" spans="1:7" x14ac:dyDescent="0.3">
      <c r="A51983" s="13" t="s">
        <v>289</v>
      </c>
      <c r="B51983" s="14" t="s">
        <v>1</v>
      </c>
      <c r="C51983" s="14" t="s">
        <v>47</v>
      </c>
      <c r="D51983" s="14" t="s">
        <v>290</v>
      </c>
      <c r="E51983" s="15">
        <v>45529</v>
      </c>
      <c r="F51983" s="14" t="s">
        <v>25</v>
      </c>
      <c r="G51983" s="16">
        <v>9.0623399982432976E-2</v>
      </c>
    </row>
    <row r="51984" spans="1:7" x14ac:dyDescent="0.3">
      <c r="A51984" s="13" t="s">
        <v>289</v>
      </c>
      <c r="B51984" s="14" t="s">
        <v>1</v>
      </c>
      <c r="C51984" s="14" t="s">
        <v>47</v>
      </c>
      <c r="D51984" s="14" t="s">
        <v>290</v>
      </c>
      <c r="E51984" s="15">
        <v>45530</v>
      </c>
      <c r="F51984" s="14" t="s">
        <v>25</v>
      </c>
      <c r="G51984" s="16">
        <v>9.0623399982432976E-2</v>
      </c>
    </row>
    <row r="51985" spans="1:7" x14ac:dyDescent="0.3">
      <c r="A51985" s="13" t="s">
        <v>289</v>
      </c>
      <c r="B51985" s="14" t="s">
        <v>1</v>
      </c>
      <c r="C51985" s="14" t="s">
        <v>47</v>
      </c>
      <c r="D51985" s="14" t="s">
        <v>290</v>
      </c>
      <c r="E51985" s="15">
        <v>45531</v>
      </c>
      <c r="F51985" s="14" t="s">
        <v>25</v>
      </c>
      <c r="G51985" s="16">
        <v>8.802443615757774E-2</v>
      </c>
    </row>
    <row r="51986" spans="1:7" x14ac:dyDescent="0.3">
      <c r="A51986" s="13" t="s">
        <v>289</v>
      </c>
      <c r="B51986" s="14" t="s">
        <v>1</v>
      </c>
      <c r="C51986" s="14" t="s">
        <v>47</v>
      </c>
      <c r="D51986" s="14" t="s">
        <v>290</v>
      </c>
      <c r="E51986" s="15">
        <v>45532</v>
      </c>
      <c r="F51986" s="14" t="s">
        <v>25</v>
      </c>
      <c r="G51986" s="16">
        <v>8.0199530147649564E-2</v>
      </c>
    </row>
    <row r="51987" spans="1:7" x14ac:dyDescent="0.3">
      <c r="A51987" s="13" t="s">
        <v>289</v>
      </c>
      <c r="B51987" s="14" t="s">
        <v>1</v>
      </c>
      <c r="C51987" s="14" t="s">
        <v>47</v>
      </c>
      <c r="D51987" s="14" t="s">
        <v>290</v>
      </c>
      <c r="E51987" s="15">
        <v>45533</v>
      </c>
      <c r="F51987" s="14" t="s">
        <v>25</v>
      </c>
      <c r="G51987" s="16">
        <v>7.8696567726818156E-2</v>
      </c>
    </row>
    <row r="51988" spans="1:7" x14ac:dyDescent="0.3">
      <c r="A51988" s="13" t="s">
        <v>289</v>
      </c>
      <c r="B51988" s="14" t="s">
        <v>1</v>
      </c>
      <c r="C51988" s="14" t="s">
        <v>47</v>
      </c>
      <c r="D51988" s="14" t="s">
        <v>290</v>
      </c>
      <c r="E51988" s="15">
        <v>45534</v>
      </c>
      <c r="F51988" s="14" t="s">
        <v>25</v>
      </c>
      <c r="G51988" s="16">
        <v>7.6968408108384179E-2</v>
      </c>
    </row>
    <row r="51989" spans="1:7" x14ac:dyDescent="0.3">
      <c r="A51989" s="13" t="s">
        <v>289</v>
      </c>
      <c r="B51989" s="14" t="s">
        <v>1</v>
      </c>
      <c r="C51989" s="14" t="s">
        <v>47</v>
      </c>
      <c r="D51989" s="14" t="s">
        <v>290</v>
      </c>
      <c r="E51989" s="15">
        <v>45535</v>
      </c>
      <c r="F51989" s="14" t="s">
        <v>25</v>
      </c>
      <c r="G51989" s="16">
        <v>7.6968408108384179E-2</v>
      </c>
    </row>
    <row r="51990" spans="1:7" x14ac:dyDescent="0.3">
      <c r="A51990" s="13" t="s">
        <v>289</v>
      </c>
      <c r="B51990" s="14" t="s">
        <v>1</v>
      </c>
      <c r="C51990" s="14" t="s">
        <v>47</v>
      </c>
      <c r="D51990" s="14" t="s">
        <v>290</v>
      </c>
      <c r="E51990" s="15">
        <v>45536</v>
      </c>
      <c r="F51990" s="14" t="s">
        <v>25</v>
      </c>
      <c r="G51990" s="16">
        <v>7.6968408108384179E-2</v>
      </c>
    </row>
    <row r="51991" spans="1:7" x14ac:dyDescent="0.3">
      <c r="A51991" s="13" t="s">
        <v>289</v>
      </c>
      <c r="B51991" s="14" t="s">
        <v>1</v>
      </c>
      <c r="C51991" s="14" t="s">
        <v>47</v>
      </c>
      <c r="D51991" s="14" t="s">
        <v>290</v>
      </c>
      <c r="E51991" s="15">
        <v>45537</v>
      </c>
      <c r="F51991" s="14" t="s">
        <v>25</v>
      </c>
      <c r="G51991" s="16">
        <v>7.6968408108384179E-2</v>
      </c>
    </row>
    <row r="51992" spans="1:7" x14ac:dyDescent="0.3">
      <c r="A51992" s="13" t="s">
        <v>289</v>
      </c>
      <c r="B51992" s="14" t="s">
        <v>1</v>
      </c>
      <c r="C51992" s="14" t="s">
        <v>47</v>
      </c>
      <c r="D51992" s="14" t="s">
        <v>290</v>
      </c>
      <c r="E51992" s="15">
        <v>45538</v>
      </c>
      <c r="F51992" s="14" t="s">
        <v>25</v>
      </c>
      <c r="G51992" s="16">
        <v>7.8127814794574424E-2</v>
      </c>
    </row>
    <row r="51993" spans="1:7" x14ac:dyDescent="0.3">
      <c r="A51993" s="13" t="s">
        <v>289</v>
      </c>
      <c r="B51993" s="14" t="s">
        <v>1</v>
      </c>
      <c r="C51993" s="14" t="s">
        <v>47</v>
      </c>
      <c r="D51993" s="14" t="s">
        <v>290</v>
      </c>
      <c r="E51993" s="15">
        <v>45539</v>
      </c>
      <c r="F51993" s="14" t="s">
        <v>25</v>
      </c>
      <c r="G51993" s="16">
        <v>7.412734688144583E-2</v>
      </c>
    </row>
    <row r="51994" spans="1:7" x14ac:dyDescent="0.3">
      <c r="A51994" s="13" t="s">
        <v>289</v>
      </c>
      <c r="B51994" s="14" t="s">
        <v>1</v>
      </c>
      <c r="C51994" s="14" t="s">
        <v>47</v>
      </c>
      <c r="D51994" s="14" t="s">
        <v>290</v>
      </c>
      <c r="E51994" s="15">
        <v>45540</v>
      </c>
      <c r="F51994" s="14" t="s">
        <v>25</v>
      </c>
      <c r="G51994" s="16">
        <v>7.8040929469393117E-2</v>
      </c>
    </row>
    <row r="51995" spans="1:7" x14ac:dyDescent="0.3">
      <c r="A51995" s="13" t="s">
        <v>289</v>
      </c>
      <c r="B51995" s="14" t="s">
        <v>1</v>
      </c>
      <c r="C51995" s="14" t="s">
        <v>47</v>
      </c>
      <c r="D51995" s="14" t="s">
        <v>290</v>
      </c>
      <c r="E51995" s="15">
        <v>45541</v>
      </c>
      <c r="F51995" s="14" t="s">
        <v>25</v>
      </c>
      <c r="G51995" s="16">
        <v>7.6042691192173717E-2</v>
      </c>
    </row>
    <row r="51996" spans="1:7" x14ac:dyDescent="0.3">
      <c r="A51996" s="13" t="s">
        <v>289</v>
      </c>
      <c r="B51996" s="14" t="s">
        <v>1</v>
      </c>
      <c r="C51996" s="14" t="s">
        <v>47</v>
      </c>
      <c r="D51996" s="14" t="s">
        <v>290</v>
      </c>
      <c r="E51996" s="15">
        <v>45542</v>
      </c>
      <c r="F51996" s="14" t="s">
        <v>25</v>
      </c>
      <c r="G51996" s="16">
        <v>7.6042691192173717E-2</v>
      </c>
    </row>
    <row r="51997" spans="1:7" x14ac:dyDescent="0.3">
      <c r="A51997" s="13" t="s">
        <v>289</v>
      </c>
      <c r="B51997" s="14" t="s">
        <v>1</v>
      </c>
      <c r="C51997" s="14" t="s">
        <v>47</v>
      </c>
      <c r="D51997" s="14" t="s">
        <v>290</v>
      </c>
      <c r="E51997" s="15">
        <v>45543</v>
      </c>
      <c r="F51997" s="14" t="s">
        <v>25</v>
      </c>
      <c r="G51997" s="16">
        <v>7.6042691192173717E-2</v>
      </c>
    </row>
    <row r="51998" spans="1:7" x14ac:dyDescent="0.3">
      <c r="A51998" s="13" t="s">
        <v>289</v>
      </c>
      <c r="B51998" s="14" t="s">
        <v>1</v>
      </c>
      <c r="C51998" s="14" t="s">
        <v>47</v>
      </c>
      <c r="D51998" s="14" t="s">
        <v>290</v>
      </c>
      <c r="E51998" s="15">
        <v>45544</v>
      </c>
      <c r="F51998" s="14" t="s">
        <v>25</v>
      </c>
      <c r="G51998" s="16">
        <v>7.4750542325263986E-2</v>
      </c>
    </row>
    <row r="51999" spans="1:7" x14ac:dyDescent="0.3">
      <c r="A51999" s="13" t="s">
        <v>289</v>
      </c>
      <c r="B51999" s="14" t="s">
        <v>1</v>
      </c>
      <c r="C51999" s="14" t="s">
        <v>47</v>
      </c>
      <c r="D51999" s="14" t="s">
        <v>290</v>
      </c>
      <c r="E51999" s="15">
        <v>45545</v>
      </c>
      <c r="F51999" s="14" t="s">
        <v>25</v>
      </c>
      <c r="G51999" s="16">
        <v>6.9000598537736768E-2</v>
      </c>
    </row>
    <row r="52000" spans="1:7" x14ac:dyDescent="0.3">
      <c r="A52000" s="13" t="s">
        <v>289</v>
      </c>
      <c r="B52000" s="14" t="s">
        <v>1</v>
      </c>
      <c r="C52000" s="14" t="s">
        <v>47</v>
      </c>
      <c r="D52000" s="14" t="s">
        <v>290</v>
      </c>
      <c r="E52000" s="15">
        <v>45546</v>
      </c>
      <c r="F52000" s="14" t="s">
        <v>25</v>
      </c>
      <c r="G52000" s="16">
        <v>6.7574222740623233E-2</v>
      </c>
    </row>
    <row r="52001" spans="1:7" x14ac:dyDescent="0.3">
      <c r="A52001" s="13" t="s">
        <v>289</v>
      </c>
      <c r="B52001" s="14" t="s">
        <v>1</v>
      </c>
      <c r="C52001" s="14" t="s">
        <v>47</v>
      </c>
      <c r="D52001" s="14" t="s">
        <v>290</v>
      </c>
      <c r="E52001" s="15">
        <v>45547</v>
      </c>
      <c r="F52001" s="14" t="s">
        <v>25</v>
      </c>
      <c r="G52001" s="16">
        <v>7.026080231762967E-2</v>
      </c>
    </row>
    <row r="52002" spans="1:7" x14ac:dyDescent="0.3">
      <c r="A52002" s="13" t="s">
        <v>289</v>
      </c>
      <c r="B52002" s="14" t="s">
        <v>1</v>
      </c>
      <c r="C52002" s="14" t="s">
        <v>47</v>
      </c>
      <c r="D52002" s="14" t="s">
        <v>290</v>
      </c>
      <c r="E52002" s="15">
        <v>45548</v>
      </c>
      <c r="F52002" s="14" t="s">
        <v>25</v>
      </c>
      <c r="G52002" s="16">
        <v>7.4240968221244819E-2</v>
      </c>
    </row>
    <row r="52003" spans="1:7" x14ac:dyDescent="0.3">
      <c r="A52003" s="13" t="s">
        <v>289</v>
      </c>
      <c r="B52003" s="14" t="s">
        <v>1</v>
      </c>
      <c r="C52003" s="14" t="s">
        <v>47</v>
      </c>
      <c r="D52003" s="14" t="s">
        <v>290</v>
      </c>
      <c r="E52003" s="15">
        <v>45549</v>
      </c>
      <c r="F52003" s="14" t="s">
        <v>25</v>
      </c>
      <c r="G52003" s="16">
        <v>7.4240968221244819E-2</v>
      </c>
    </row>
    <row r="52004" spans="1:7" x14ac:dyDescent="0.3">
      <c r="A52004" s="13" t="s">
        <v>289</v>
      </c>
      <c r="B52004" s="14" t="s">
        <v>1</v>
      </c>
      <c r="C52004" s="14" t="s">
        <v>47</v>
      </c>
      <c r="D52004" s="14" t="s">
        <v>290</v>
      </c>
      <c r="E52004" s="15">
        <v>45550</v>
      </c>
      <c r="F52004" s="14" t="s">
        <v>25</v>
      </c>
      <c r="G52004" s="16">
        <v>7.4240968221244819E-2</v>
      </c>
    </row>
    <row r="52005" spans="1:7" x14ac:dyDescent="0.3">
      <c r="A52005" s="13" t="s">
        <v>289</v>
      </c>
      <c r="B52005" s="14" t="s">
        <v>1</v>
      </c>
      <c r="C52005" s="14" t="s">
        <v>47</v>
      </c>
      <c r="D52005" s="14" t="s">
        <v>290</v>
      </c>
      <c r="E52005" s="15">
        <v>45551</v>
      </c>
      <c r="F52005" s="14" t="s">
        <v>25</v>
      </c>
      <c r="G52005" s="16">
        <v>7.1974201073427502E-2</v>
      </c>
    </row>
    <row r="52006" spans="1:7" x14ac:dyDescent="0.3">
      <c r="A52006" s="13" t="s">
        <v>289</v>
      </c>
      <c r="B52006" s="14" t="s">
        <v>1</v>
      </c>
      <c r="C52006" s="14" t="s">
        <v>47</v>
      </c>
      <c r="D52006" s="14" t="s">
        <v>290</v>
      </c>
      <c r="E52006" s="15">
        <v>45552</v>
      </c>
      <c r="F52006" s="14" t="s">
        <v>25</v>
      </c>
      <c r="G52006" s="16">
        <v>6.797429434653357E-2</v>
      </c>
    </row>
    <row r="52007" spans="1:7" x14ac:dyDescent="0.3">
      <c r="A52007" s="13" t="s">
        <v>289</v>
      </c>
      <c r="B52007" s="14" t="s">
        <v>1</v>
      </c>
      <c r="C52007" s="14" t="s">
        <v>47</v>
      </c>
      <c r="D52007" s="14" t="s">
        <v>290</v>
      </c>
      <c r="E52007" s="15">
        <v>45553</v>
      </c>
      <c r="F52007" s="14" t="s">
        <v>25</v>
      </c>
      <c r="G52007" s="16">
        <v>6.660395713252025E-2</v>
      </c>
    </row>
    <row r="52008" spans="1:7" x14ac:dyDescent="0.3">
      <c r="A52008" s="13" t="s">
        <v>289</v>
      </c>
      <c r="B52008" s="14" t="s">
        <v>1</v>
      </c>
      <c r="C52008" s="14" t="s">
        <v>47</v>
      </c>
      <c r="D52008" s="14" t="s">
        <v>290</v>
      </c>
      <c r="E52008" s="15">
        <v>45554</v>
      </c>
      <c r="F52008" s="14" t="s">
        <v>25</v>
      </c>
      <c r="G52008" s="16">
        <v>6.4780418464575676E-2</v>
      </c>
    </row>
    <row r="52009" spans="1:7" x14ac:dyDescent="0.3">
      <c r="A52009" s="13" t="s">
        <v>289</v>
      </c>
      <c r="B52009" s="14" t="s">
        <v>1</v>
      </c>
      <c r="C52009" s="14" t="s">
        <v>47</v>
      </c>
      <c r="D52009" s="14" t="s">
        <v>290</v>
      </c>
      <c r="E52009" s="15">
        <v>45555</v>
      </c>
      <c r="F52009" s="14" t="s">
        <v>25</v>
      </c>
      <c r="G52009" s="16">
        <v>7.3371770632794292E-2</v>
      </c>
    </row>
    <row r="52010" spans="1:7" x14ac:dyDescent="0.3">
      <c r="A52010" s="13" t="s">
        <v>289</v>
      </c>
      <c r="B52010" s="14" t="s">
        <v>1</v>
      </c>
      <c r="C52010" s="14" t="s">
        <v>47</v>
      </c>
      <c r="D52010" s="14" t="s">
        <v>290</v>
      </c>
      <c r="E52010" s="15">
        <v>45556</v>
      </c>
      <c r="F52010" s="14" t="s">
        <v>25</v>
      </c>
      <c r="G52010" s="16">
        <v>7.3371770632794292E-2</v>
      </c>
    </row>
    <row r="52011" spans="1:7" x14ac:dyDescent="0.3">
      <c r="A52011" s="13" t="s">
        <v>289</v>
      </c>
      <c r="B52011" s="14" t="s">
        <v>1</v>
      </c>
      <c r="C52011" s="14" t="s">
        <v>47</v>
      </c>
      <c r="D52011" s="14" t="s">
        <v>290</v>
      </c>
      <c r="E52011" s="15">
        <v>45557</v>
      </c>
      <c r="F52011" s="14" t="s">
        <v>25</v>
      </c>
      <c r="G52011" s="16">
        <v>7.3371770632794292E-2</v>
      </c>
    </row>
    <row r="52012" spans="1:7" x14ac:dyDescent="0.3">
      <c r="A52012" s="13" t="s">
        <v>289</v>
      </c>
      <c r="B52012" s="14" t="s">
        <v>1</v>
      </c>
      <c r="C52012" s="14" t="s">
        <v>47</v>
      </c>
      <c r="D52012" s="14" t="s">
        <v>290</v>
      </c>
      <c r="E52012" s="15">
        <v>45558</v>
      </c>
      <c r="F52012" s="14" t="s">
        <v>25</v>
      </c>
      <c r="G52012" s="16">
        <v>7.1160884419149015E-2</v>
      </c>
    </row>
    <row r="52013" spans="1:7" x14ac:dyDescent="0.3">
      <c r="A52013" s="13" t="s">
        <v>289</v>
      </c>
      <c r="B52013" s="14" t="s">
        <v>1</v>
      </c>
      <c r="C52013" s="14" t="s">
        <v>47</v>
      </c>
      <c r="D52013" s="14" t="s">
        <v>290</v>
      </c>
      <c r="E52013" s="15">
        <v>45559</v>
      </c>
      <c r="F52013" s="14" t="s">
        <v>25</v>
      </c>
      <c r="G52013" s="16">
        <v>7.1658230288761754E-2</v>
      </c>
    </row>
    <row r="52014" spans="1:7" x14ac:dyDescent="0.3">
      <c r="A52014" s="13" t="s">
        <v>289</v>
      </c>
      <c r="B52014" s="14" t="s">
        <v>1</v>
      </c>
      <c r="C52014" s="14" t="s">
        <v>47</v>
      </c>
      <c r="D52014" s="14" t="s">
        <v>290</v>
      </c>
      <c r="E52014" s="15">
        <v>45560</v>
      </c>
      <c r="F52014" s="14" t="s">
        <v>25</v>
      </c>
      <c r="G52014" s="16">
        <v>7.0264321565510865E-2</v>
      </c>
    </row>
    <row r="52015" spans="1:7" x14ac:dyDescent="0.3">
      <c r="A52015" s="13" t="s">
        <v>289</v>
      </c>
      <c r="B52015" s="14" t="s">
        <v>1</v>
      </c>
      <c r="C52015" s="14" t="s">
        <v>47</v>
      </c>
      <c r="D52015" s="14" t="s">
        <v>290</v>
      </c>
      <c r="E52015" s="15">
        <v>45561</v>
      </c>
      <c r="F52015" s="14" t="s">
        <v>25</v>
      </c>
      <c r="G52015" s="16">
        <v>6.7902298677784412E-2</v>
      </c>
    </row>
    <row r="52016" spans="1:7" x14ac:dyDescent="0.3">
      <c r="A52016" s="13" t="s">
        <v>289</v>
      </c>
      <c r="B52016" s="14" t="s">
        <v>1</v>
      </c>
      <c r="C52016" s="14" t="s">
        <v>47</v>
      </c>
      <c r="D52016" s="14" t="s">
        <v>290</v>
      </c>
      <c r="E52016" s="15">
        <v>45562</v>
      </c>
      <c r="F52016" s="14" t="s">
        <v>25</v>
      </c>
      <c r="G52016" s="16">
        <v>6.5459426825370398E-2</v>
      </c>
    </row>
    <row r="52017" spans="1:7" x14ac:dyDescent="0.3">
      <c r="A52017" s="13" t="s">
        <v>289</v>
      </c>
      <c r="B52017" s="14" t="s">
        <v>1</v>
      </c>
      <c r="C52017" s="14" t="s">
        <v>47</v>
      </c>
      <c r="D52017" s="14" t="s">
        <v>290</v>
      </c>
      <c r="E52017" s="15">
        <v>45563</v>
      </c>
      <c r="F52017" s="14" t="s">
        <v>25</v>
      </c>
      <c r="G52017" s="16">
        <v>6.5459426825370398E-2</v>
      </c>
    </row>
    <row r="52018" spans="1:7" x14ac:dyDescent="0.3">
      <c r="A52018" s="13" t="s">
        <v>289</v>
      </c>
      <c r="B52018" s="14" t="s">
        <v>1</v>
      </c>
      <c r="C52018" s="14" t="s">
        <v>47</v>
      </c>
      <c r="D52018" s="14" t="s">
        <v>290</v>
      </c>
      <c r="E52018" s="15">
        <v>45564</v>
      </c>
      <c r="F52018" s="14" t="s">
        <v>25</v>
      </c>
      <c r="G52018" s="16">
        <v>6.5459426825370398E-2</v>
      </c>
    </row>
    <row r="52019" spans="1:7" x14ac:dyDescent="0.3">
      <c r="A52019" s="13" t="s">
        <v>289</v>
      </c>
      <c r="B52019" s="14" t="s">
        <v>1</v>
      </c>
      <c r="C52019" s="14" t="s">
        <v>47</v>
      </c>
      <c r="D52019" s="14" t="s">
        <v>290</v>
      </c>
      <c r="E52019" s="15">
        <v>45565</v>
      </c>
      <c r="F52019" s="14" t="s">
        <v>25</v>
      </c>
      <c r="G52019" s="16">
        <v>7.1447926515290791E-2</v>
      </c>
    </row>
    <row r="52020" spans="1:7" x14ac:dyDescent="0.3">
      <c r="A52020" s="13" t="s">
        <v>289</v>
      </c>
      <c r="B52020" s="14" t="s">
        <v>1</v>
      </c>
      <c r="C52020" s="14" t="s">
        <v>47</v>
      </c>
      <c r="D52020" s="14" t="s">
        <v>290</v>
      </c>
      <c r="E52020" s="15">
        <v>45566</v>
      </c>
      <c r="F52020" s="14" t="s">
        <v>25</v>
      </c>
      <c r="G52020" s="16">
        <v>6.9638554825074819E-2</v>
      </c>
    </row>
    <row r="52021" spans="1:7" x14ac:dyDescent="0.3">
      <c r="A52021" s="13" t="s">
        <v>289</v>
      </c>
      <c r="B52021" s="14" t="s">
        <v>1</v>
      </c>
      <c r="C52021" s="14" t="s">
        <v>47</v>
      </c>
      <c r="D52021" s="14" t="s">
        <v>290</v>
      </c>
      <c r="E52021" s="15">
        <v>45567</v>
      </c>
      <c r="F52021" s="14" t="s">
        <v>25</v>
      </c>
      <c r="G52021" s="16">
        <v>7.2550626636484969E-2</v>
      </c>
    </row>
    <row r="52022" spans="1:7" x14ac:dyDescent="0.3">
      <c r="A52022" s="13" t="s">
        <v>289</v>
      </c>
      <c r="B52022" s="14" t="s">
        <v>1</v>
      </c>
      <c r="C52022" s="14" t="s">
        <v>47</v>
      </c>
      <c r="D52022" s="14" t="s">
        <v>290</v>
      </c>
      <c r="E52022" s="15">
        <v>45568</v>
      </c>
      <c r="F52022" s="14" t="s">
        <v>25</v>
      </c>
      <c r="G52022" s="16">
        <v>7.076935885804711E-2</v>
      </c>
    </row>
    <row r="52023" spans="1:7" x14ac:dyDescent="0.3">
      <c r="A52023" s="13" t="s">
        <v>289</v>
      </c>
      <c r="B52023" s="14" t="s">
        <v>1</v>
      </c>
      <c r="C52023" s="14" t="s">
        <v>47</v>
      </c>
      <c r="D52023" s="14" t="s">
        <v>290</v>
      </c>
      <c r="E52023" s="15">
        <v>45569</v>
      </c>
      <c r="F52023" s="14" t="s">
        <v>25</v>
      </c>
      <c r="G52023" s="16">
        <v>6.9133705695373249E-2</v>
      </c>
    </row>
    <row r="52024" spans="1:7" x14ac:dyDescent="0.3">
      <c r="A52024" s="13" t="s">
        <v>289</v>
      </c>
      <c r="B52024" s="14" t="s">
        <v>1</v>
      </c>
      <c r="C52024" s="14" t="s">
        <v>47</v>
      </c>
      <c r="D52024" s="14" t="s">
        <v>290</v>
      </c>
      <c r="E52024" s="15">
        <v>45570</v>
      </c>
      <c r="F52024" s="14" t="s">
        <v>25</v>
      </c>
      <c r="G52024" s="16">
        <v>6.9133705695373249E-2</v>
      </c>
    </row>
    <row r="52025" spans="1:7" x14ac:dyDescent="0.3">
      <c r="A52025" s="13" t="s">
        <v>289</v>
      </c>
      <c r="B52025" s="14" t="s">
        <v>1</v>
      </c>
      <c r="C52025" s="14" t="s">
        <v>47</v>
      </c>
      <c r="D52025" s="14" t="s">
        <v>290</v>
      </c>
      <c r="E52025" s="15">
        <v>45571</v>
      </c>
      <c r="F52025" s="14" t="s">
        <v>25</v>
      </c>
      <c r="G52025" s="16">
        <v>6.9133705695373249E-2</v>
      </c>
    </row>
    <row r="52026" spans="1:7" x14ac:dyDescent="0.3">
      <c r="A52026" s="13" t="s">
        <v>289</v>
      </c>
      <c r="B52026" s="14" t="s">
        <v>1</v>
      </c>
      <c r="C52026" s="14" t="s">
        <v>47</v>
      </c>
      <c r="D52026" s="14" t="s">
        <v>290</v>
      </c>
      <c r="E52026" s="15">
        <v>45572</v>
      </c>
      <c r="F52026" s="14" t="s">
        <v>25</v>
      </c>
      <c r="G52026" s="16">
        <v>6.682493018777505E-2</v>
      </c>
    </row>
    <row r="52027" spans="1:7" x14ac:dyDescent="0.3">
      <c r="A52027" s="13" t="s">
        <v>289</v>
      </c>
      <c r="B52027" s="14" t="s">
        <v>1</v>
      </c>
      <c r="C52027" s="14" t="s">
        <v>47</v>
      </c>
      <c r="D52027" s="14" t="s">
        <v>290</v>
      </c>
      <c r="E52027" s="15">
        <v>45573</v>
      </c>
      <c r="F52027" s="14" t="s">
        <v>25</v>
      </c>
      <c r="G52027" s="16">
        <v>6.0841718319293067E-2</v>
      </c>
    </row>
    <row r="52028" spans="1:7" x14ac:dyDescent="0.3">
      <c r="A52028" s="13" t="s">
        <v>289</v>
      </c>
      <c r="B52028" s="14" t="s">
        <v>1</v>
      </c>
      <c r="C52028" s="14" t="s">
        <v>47</v>
      </c>
      <c r="D52028" s="14" t="s">
        <v>290</v>
      </c>
      <c r="E52028" s="15">
        <v>45574</v>
      </c>
      <c r="F52028" s="14" t="s">
        <v>25</v>
      </c>
      <c r="G52028" s="16">
        <v>5.9031653697874255E-2</v>
      </c>
    </row>
    <row r="52029" spans="1:7" x14ac:dyDescent="0.3">
      <c r="A52029" s="13" t="s">
        <v>289</v>
      </c>
      <c r="B52029" s="14" t="s">
        <v>1</v>
      </c>
      <c r="C52029" s="14" t="s">
        <v>47</v>
      </c>
      <c r="D52029" s="14" t="s">
        <v>290</v>
      </c>
      <c r="E52029" s="15">
        <v>45575</v>
      </c>
      <c r="F52029" s="14" t="s">
        <v>25</v>
      </c>
      <c r="G52029" s="16">
        <v>5.6671571457260782E-2</v>
      </c>
    </row>
    <row r="52030" spans="1:7" x14ac:dyDescent="0.3">
      <c r="A52030" s="13" t="s">
        <v>289</v>
      </c>
      <c r="B52030" s="14" t="s">
        <v>1</v>
      </c>
      <c r="C52030" s="14" t="s">
        <v>47</v>
      </c>
      <c r="D52030" s="14" t="s">
        <v>290</v>
      </c>
      <c r="E52030" s="15">
        <v>45576</v>
      </c>
      <c r="F52030" s="14" t="s">
        <v>25</v>
      </c>
      <c r="G52030" s="16">
        <v>5.4666776884187841E-2</v>
      </c>
    </row>
    <row r="52031" spans="1:7" x14ac:dyDescent="0.3">
      <c r="A52031" s="13" t="s">
        <v>289</v>
      </c>
      <c r="B52031" s="14" t="s">
        <v>1</v>
      </c>
      <c r="C52031" s="14" t="s">
        <v>47</v>
      </c>
      <c r="D52031" s="14" t="s">
        <v>290</v>
      </c>
      <c r="E52031" s="15">
        <v>45577</v>
      </c>
      <c r="F52031" s="14" t="s">
        <v>25</v>
      </c>
      <c r="G52031" s="16">
        <v>5.4666776884187841E-2</v>
      </c>
    </row>
    <row r="52032" spans="1:7" x14ac:dyDescent="0.3">
      <c r="A52032" s="13" t="s">
        <v>289</v>
      </c>
      <c r="B52032" s="14" t="s">
        <v>1</v>
      </c>
      <c r="C52032" s="14" t="s">
        <v>47</v>
      </c>
      <c r="D52032" s="14" t="s">
        <v>290</v>
      </c>
      <c r="E52032" s="15">
        <v>45578</v>
      </c>
      <c r="F52032" s="14" t="s">
        <v>25</v>
      </c>
      <c r="G52032" s="16">
        <v>5.4666776884187841E-2</v>
      </c>
    </row>
    <row r="52033" spans="1:7" x14ac:dyDescent="0.3">
      <c r="A52033" s="13" t="s">
        <v>289</v>
      </c>
      <c r="B52033" s="14" t="s">
        <v>1</v>
      </c>
      <c r="C52033" s="14" t="s">
        <v>47</v>
      </c>
      <c r="D52033" s="14" t="s">
        <v>290</v>
      </c>
      <c r="E52033" s="15">
        <v>45579</v>
      </c>
      <c r="F52033" s="14" t="s">
        <v>25</v>
      </c>
      <c r="G52033" s="16">
        <v>5.4666776884187841E-2</v>
      </c>
    </row>
    <row r="52034" spans="1:7" x14ac:dyDescent="0.3">
      <c r="A52034" s="13" t="s">
        <v>289</v>
      </c>
      <c r="B52034" s="14" t="s">
        <v>1</v>
      </c>
      <c r="C52034" s="14" t="s">
        <v>47</v>
      </c>
      <c r="D52034" s="14" t="s">
        <v>290</v>
      </c>
      <c r="E52034" s="15">
        <v>45580</v>
      </c>
      <c r="F52034" s="14" t="s">
        <v>25</v>
      </c>
      <c r="G52034" s="16">
        <v>5.6036361874724439E-2</v>
      </c>
    </row>
    <row r="52035" spans="1:7" x14ac:dyDescent="0.3">
      <c r="A52035" s="13" t="s">
        <v>289</v>
      </c>
      <c r="B52035" s="14" t="s">
        <v>1</v>
      </c>
      <c r="C52035" s="14" t="s">
        <v>47</v>
      </c>
      <c r="D52035" s="14" t="s">
        <v>290</v>
      </c>
      <c r="E52035" s="15">
        <v>45581</v>
      </c>
      <c r="F52035" s="14" t="s">
        <v>25</v>
      </c>
      <c r="G52035" s="16">
        <v>4.7899973742183612E-2</v>
      </c>
    </row>
    <row r="52036" spans="1:7" x14ac:dyDescent="0.3">
      <c r="A52036" s="13" t="s">
        <v>289</v>
      </c>
      <c r="B52036" s="14" t="s">
        <v>1</v>
      </c>
      <c r="C52036" s="14" t="s">
        <v>47</v>
      </c>
      <c r="D52036" s="14" t="s">
        <v>290</v>
      </c>
      <c r="E52036" s="15">
        <v>45582</v>
      </c>
      <c r="F52036" s="14" t="s">
        <v>25</v>
      </c>
      <c r="G52036" s="16">
        <v>4.5859279575155475E-2</v>
      </c>
    </row>
    <row r="52037" spans="1:7" x14ac:dyDescent="0.3">
      <c r="A52037" s="13" t="s">
        <v>289</v>
      </c>
      <c r="B52037" s="14" t="s">
        <v>1</v>
      </c>
      <c r="C52037" s="14" t="s">
        <v>47</v>
      </c>
      <c r="D52037" s="14" t="s">
        <v>290</v>
      </c>
      <c r="E52037" s="15">
        <v>45583</v>
      </c>
      <c r="F52037" s="14" t="s">
        <v>25</v>
      </c>
      <c r="G52037" s="16">
        <v>4.3744286767150746E-2</v>
      </c>
    </row>
    <row r="52038" spans="1:7" x14ac:dyDescent="0.3">
      <c r="A52038" s="13" t="s">
        <v>289</v>
      </c>
      <c r="B52038" s="14" t="s">
        <v>1</v>
      </c>
      <c r="C52038" s="14" t="s">
        <v>47</v>
      </c>
      <c r="D52038" s="14" t="s">
        <v>290</v>
      </c>
      <c r="E52038" s="15">
        <v>45584</v>
      </c>
      <c r="F52038" s="14" t="s">
        <v>25</v>
      </c>
      <c r="G52038" s="16">
        <v>4.3744286767150746E-2</v>
      </c>
    </row>
    <row r="52039" spans="1:7" x14ac:dyDescent="0.3">
      <c r="A52039" s="13" t="s">
        <v>289</v>
      </c>
      <c r="B52039" s="14" t="s">
        <v>1</v>
      </c>
      <c r="C52039" s="14" t="s">
        <v>47</v>
      </c>
      <c r="D52039" s="14" t="s">
        <v>290</v>
      </c>
      <c r="E52039" s="15">
        <v>45585</v>
      </c>
      <c r="F52039" s="14" t="s">
        <v>25</v>
      </c>
      <c r="G52039" s="16">
        <v>4.3744286767150746E-2</v>
      </c>
    </row>
    <row r="52040" spans="1:7" x14ac:dyDescent="0.3">
      <c r="A52040" s="13" t="s">
        <v>289</v>
      </c>
      <c r="B52040" s="14" t="s">
        <v>1</v>
      </c>
      <c r="C52040" s="14" t="s">
        <v>47</v>
      </c>
      <c r="D52040" s="14" t="s">
        <v>290</v>
      </c>
      <c r="E52040" s="15">
        <v>45586</v>
      </c>
      <c r="F52040" s="14" t="s">
        <v>25</v>
      </c>
      <c r="G52040" s="16">
        <v>4.4390345755145617E-2</v>
      </c>
    </row>
    <row r="52041" spans="1:7" x14ac:dyDescent="0.3">
      <c r="A52041" s="13" t="s">
        <v>289</v>
      </c>
      <c r="B52041" s="14" t="s">
        <v>1</v>
      </c>
      <c r="C52041" s="14" t="s">
        <v>47</v>
      </c>
      <c r="D52041" s="14" t="s">
        <v>290</v>
      </c>
      <c r="E52041" s="15">
        <v>45587</v>
      </c>
      <c r="F52041" s="14" t="s">
        <v>25</v>
      </c>
      <c r="G52041" s="16">
        <v>3.812449975820667E-2</v>
      </c>
    </row>
    <row r="52042" spans="1:7" x14ac:dyDescent="0.3">
      <c r="A52042" s="13" t="s">
        <v>289</v>
      </c>
      <c r="B52042" s="14" t="s">
        <v>1</v>
      </c>
      <c r="C52042" s="14" t="s">
        <v>47</v>
      </c>
      <c r="D52042" s="14" t="s">
        <v>290</v>
      </c>
      <c r="E52042" s="15">
        <v>45588</v>
      </c>
      <c r="F52042" s="14" t="s">
        <v>25</v>
      </c>
      <c r="G52042" s="16">
        <v>3.6106279192740801E-2</v>
      </c>
    </row>
    <row r="52043" spans="1:7" x14ac:dyDescent="0.3">
      <c r="A52043" s="13" t="s">
        <v>289</v>
      </c>
      <c r="B52043" s="14" t="s">
        <v>1</v>
      </c>
      <c r="C52043" s="14" t="s">
        <v>47</v>
      </c>
      <c r="D52043" s="14" t="s">
        <v>290</v>
      </c>
      <c r="E52043" s="15">
        <v>45589</v>
      </c>
      <c r="F52043" s="14" t="s">
        <v>25</v>
      </c>
      <c r="G52043" s="16">
        <v>3.4030698259398563E-2</v>
      </c>
    </row>
    <row r="52044" spans="1:7" x14ac:dyDescent="0.3">
      <c r="A52044" s="13" t="s">
        <v>289</v>
      </c>
      <c r="B52044" s="14" t="s">
        <v>1</v>
      </c>
      <c r="C52044" s="14" t="s">
        <v>47</v>
      </c>
      <c r="D52044" s="14" t="s">
        <v>290</v>
      </c>
      <c r="E52044" s="15">
        <v>45590</v>
      </c>
      <c r="F52044" s="14" t="s">
        <v>25</v>
      </c>
      <c r="G52044" s="16">
        <v>3.2035325826313375E-2</v>
      </c>
    </row>
    <row r="52045" spans="1:7" x14ac:dyDescent="0.3">
      <c r="A52045" s="13" t="s">
        <v>289</v>
      </c>
      <c r="B52045" s="14" t="s">
        <v>1</v>
      </c>
      <c r="C52045" s="14" t="s">
        <v>47</v>
      </c>
      <c r="D52045" s="14" t="s">
        <v>290</v>
      </c>
      <c r="E52045" s="15">
        <v>45591</v>
      </c>
      <c r="F52045" s="14" t="s">
        <v>25</v>
      </c>
      <c r="G52045" s="16">
        <v>3.2035325826313375E-2</v>
      </c>
    </row>
    <row r="52046" spans="1:7" x14ac:dyDescent="0.3">
      <c r="A52046" s="13" t="s">
        <v>289</v>
      </c>
      <c r="B52046" s="14" t="s">
        <v>1</v>
      </c>
      <c r="C52046" s="14" t="s">
        <v>47</v>
      </c>
      <c r="D52046" s="14" t="s">
        <v>290</v>
      </c>
      <c r="E52046" s="15">
        <v>45592</v>
      </c>
      <c r="F52046" s="14" t="s">
        <v>25</v>
      </c>
      <c r="G52046" s="16">
        <v>3.2035325826313375E-2</v>
      </c>
    </row>
    <row r="52047" spans="1:7" x14ac:dyDescent="0.3">
      <c r="A52047" s="13" t="s">
        <v>289</v>
      </c>
      <c r="B52047" s="14" t="s">
        <v>1</v>
      </c>
      <c r="C52047" s="14" t="s">
        <v>47</v>
      </c>
      <c r="D52047" s="14" t="s">
        <v>290</v>
      </c>
      <c r="E52047" s="15">
        <v>45593</v>
      </c>
      <c r="F52047" s="14" t="s">
        <v>25</v>
      </c>
      <c r="G52047" s="16">
        <v>3.2035325826313375E-2</v>
      </c>
    </row>
    <row r="52048" spans="1:7" x14ac:dyDescent="0.3">
      <c r="A52048" s="13" t="s">
        <v>289</v>
      </c>
      <c r="B52048" s="14" t="s">
        <v>1</v>
      </c>
      <c r="C52048" s="14" t="s">
        <v>47</v>
      </c>
      <c r="D52048" s="14" t="s">
        <v>290</v>
      </c>
      <c r="E52048" s="15">
        <v>45594</v>
      </c>
      <c r="F52048" s="14" t="s">
        <v>25</v>
      </c>
      <c r="G52048" s="16">
        <v>3.3800111260740236E-2</v>
      </c>
    </row>
    <row r="52049" spans="1:7" x14ac:dyDescent="0.3">
      <c r="A52049" s="13" t="s">
        <v>289</v>
      </c>
      <c r="B52049" s="14" t="s">
        <v>1</v>
      </c>
      <c r="C52049" s="14" t="s">
        <v>47</v>
      </c>
      <c r="D52049" s="14" t="s">
        <v>290</v>
      </c>
      <c r="E52049" s="15">
        <v>45595</v>
      </c>
      <c r="F52049" s="14" t="s">
        <v>25</v>
      </c>
      <c r="G52049" s="16">
        <v>2.5509171115648471E-2</v>
      </c>
    </row>
    <row r="52050" spans="1:7" x14ac:dyDescent="0.3">
      <c r="A52050" s="13" t="s">
        <v>289</v>
      </c>
      <c r="B52050" s="14" t="s">
        <v>1</v>
      </c>
      <c r="C52050" s="14" t="s">
        <v>47</v>
      </c>
      <c r="D52050" s="14" t="s">
        <v>290</v>
      </c>
      <c r="E52050" s="15">
        <v>45596</v>
      </c>
      <c r="F52050" s="14" t="s">
        <v>25</v>
      </c>
      <c r="G52050" s="16">
        <v>2.3340205100169976E-2</v>
      </c>
    </row>
    <row r="52051" spans="1:7" x14ac:dyDescent="0.3">
      <c r="A52051" s="13" t="s">
        <v>289</v>
      </c>
      <c r="B52051" s="14" t="s">
        <v>1</v>
      </c>
      <c r="C52051" s="14" t="s">
        <v>47</v>
      </c>
      <c r="D52051" s="14" t="s">
        <v>290</v>
      </c>
      <c r="E52051" s="15">
        <v>45597</v>
      </c>
      <c r="F52051" s="14" t="s">
        <v>25</v>
      </c>
      <c r="G52051" s="16">
        <v>2.1428914395213969E-2</v>
      </c>
    </row>
    <row r="52052" spans="1:7" x14ac:dyDescent="0.3">
      <c r="A52052" s="13" t="s">
        <v>289</v>
      </c>
      <c r="B52052" s="14" t="s">
        <v>1</v>
      </c>
      <c r="C52052" s="14" t="s">
        <v>47</v>
      </c>
      <c r="D52052" s="14" t="s">
        <v>290</v>
      </c>
      <c r="E52052" s="15">
        <v>45598</v>
      </c>
      <c r="F52052" s="14" t="s">
        <v>25</v>
      </c>
      <c r="G52052" s="16">
        <v>2.1428914395213969E-2</v>
      </c>
    </row>
    <row r="52053" spans="1:7" x14ac:dyDescent="0.3">
      <c r="A52053" s="13" t="s">
        <v>289</v>
      </c>
      <c r="B52053" s="14" t="s">
        <v>1</v>
      </c>
      <c r="C52053" s="14" t="s">
        <v>47</v>
      </c>
      <c r="D52053" s="14" t="s">
        <v>290</v>
      </c>
      <c r="E52053" s="15">
        <v>45599</v>
      </c>
      <c r="F52053" s="14" t="s">
        <v>25</v>
      </c>
      <c r="G52053" s="16">
        <v>2.1428914395213969E-2</v>
      </c>
    </row>
    <row r="52054" spans="1:7" x14ac:dyDescent="0.3">
      <c r="A52054" s="13" t="s">
        <v>289</v>
      </c>
      <c r="B52054" s="14" t="s">
        <v>1</v>
      </c>
      <c r="C52054" s="14" t="s">
        <v>47</v>
      </c>
      <c r="D52054" s="14" t="s">
        <v>290</v>
      </c>
      <c r="E52054" s="15">
        <v>45600</v>
      </c>
      <c r="F52054" s="14" t="s">
        <v>25</v>
      </c>
      <c r="G52054" s="16">
        <v>2.1761690589168037E-2</v>
      </c>
    </row>
    <row r="52055" spans="1:7" x14ac:dyDescent="0.3">
      <c r="A52055" s="13" t="s">
        <v>289</v>
      </c>
      <c r="B52055" s="14" t="s">
        <v>1</v>
      </c>
      <c r="C52055" s="14" t="s">
        <v>47</v>
      </c>
      <c r="D52055" s="14" t="s">
        <v>290</v>
      </c>
      <c r="E52055" s="15">
        <v>45601</v>
      </c>
      <c r="F52055" s="14" t="s">
        <v>25</v>
      </c>
      <c r="G52055" s="16">
        <v>1.5699907118861933E-2</v>
      </c>
    </row>
    <row r="52056" spans="1:7" x14ac:dyDescent="0.3">
      <c r="A52056" s="13" t="s">
        <v>289</v>
      </c>
      <c r="B52056" s="14" t="s">
        <v>1</v>
      </c>
      <c r="C52056" s="14" t="s">
        <v>47</v>
      </c>
      <c r="D52056" s="14" t="s">
        <v>290</v>
      </c>
      <c r="E52056" s="15">
        <v>45602</v>
      </c>
      <c r="F52056" s="14" t="s">
        <v>25</v>
      </c>
      <c r="G52056" s="16">
        <v>1.3886392504624007E-2</v>
      </c>
    </row>
    <row r="52057" spans="1:7" x14ac:dyDescent="0.3">
      <c r="A52057" s="13" t="s">
        <v>289</v>
      </c>
      <c r="B52057" s="14" t="s">
        <v>1</v>
      </c>
      <c r="C52057" s="14" t="s">
        <v>47</v>
      </c>
      <c r="D52057" s="14" t="s">
        <v>290</v>
      </c>
      <c r="E52057" s="15">
        <v>45603</v>
      </c>
      <c r="F52057" s="14" t="s">
        <v>25</v>
      </c>
      <c r="G52057" s="16">
        <v>1.2651351862220734E-2</v>
      </c>
    </row>
    <row r="52058" spans="1:7" x14ac:dyDescent="0.3">
      <c r="A52058" s="13" t="s">
        <v>289</v>
      </c>
      <c r="B52058" s="14" t="s">
        <v>1</v>
      </c>
      <c r="C52058" s="14" t="s">
        <v>47</v>
      </c>
      <c r="D52058" s="14" t="s">
        <v>290</v>
      </c>
      <c r="E52058" s="15">
        <v>45604</v>
      </c>
      <c r="F52058" s="14" t="s">
        <v>25</v>
      </c>
      <c r="G52058" s="16">
        <v>1.0615430712859916E-2</v>
      </c>
    </row>
    <row r="52059" spans="1:7" x14ac:dyDescent="0.3">
      <c r="A52059" s="13" t="s">
        <v>289</v>
      </c>
      <c r="B52059" s="14" t="s">
        <v>1</v>
      </c>
      <c r="C52059" s="14" t="s">
        <v>47</v>
      </c>
      <c r="D52059" s="14" t="s">
        <v>290</v>
      </c>
      <c r="E52059" s="15">
        <v>45605</v>
      </c>
      <c r="F52059" s="14" t="s">
        <v>25</v>
      </c>
      <c r="G52059" s="16">
        <v>1.0615430712859916E-2</v>
      </c>
    </row>
    <row r="52060" spans="1:7" x14ac:dyDescent="0.3">
      <c r="A52060" s="13" t="s">
        <v>289</v>
      </c>
      <c r="B52060" s="14" t="s">
        <v>1</v>
      </c>
      <c r="C52060" s="14" t="s">
        <v>47</v>
      </c>
      <c r="D52060" s="14" t="s">
        <v>290</v>
      </c>
      <c r="E52060" s="15">
        <v>45606</v>
      </c>
      <c r="F52060" s="14" t="s">
        <v>25</v>
      </c>
      <c r="G52060" s="16">
        <v>1.0615430712859916E-2</v>
      </c>
    </row>
    <row r="52061" spans="1:7" x14ac:dyDescent="0.3">
      <c r="A52061" s="13" t="s">
        <v>289</v>
      </c>
      <c r="B52061" s="14" t="s">
        <v>1</v>
      </c>
      <c r="C52061" s="14" t="s">
        <v>47</v>
      </c>
      <c r="D52061" s="14" t="s">
        <v>290</v>
      </c>
      <c r="E52061" s="15">
        <v>45607</v>
      </c>
      <c r="F52061" s="14" t="s">
        <v>25</v>
      </c>
      <c r="G52061" s="16">
        <v>1.0615430712859916E-2</v>
      </c>
    </row>
    <row r="52062" spans="1:7" x14ac:dyDescent="0.3">
      <c r="A52062" s="13" t="s">
        <v>289</v>
      </c>
      <c r="B52062" s="14" t="s">
        <v>1</v>
      </c>
      <c r="C52062" s="14" t="s">
        <v>47</v>
      </c>
      <c r="D52062" s="14" t="s">
        <v>290</v>
      </c>
      <c r="E52062" s="15">
        <v>45608</v>
      </c>
      <c r="F52062" s="14" t="s">
        <v>25</v>
      </c>
      <c r="G52062" s="16">
        <v>8.5632212481930488E-3</v>
      </c>
    </row>
    <row r="52063" spans="1:7" x14ac:dyDescent="0.3">
      <c r="A52063" s="13" t="s">
        <v>289</v>
      </c>
      <c r="B52063" s="14" t="s">
        <v>1</v>
      </c>
      <c r="C52063" s="14" t="s">
        <v>47</v>
      </c>
      <c r="D52063" s="14" t="s">
        <v>290</v>
      </c>
      <c r="E52063" s="15">
        <v>45609</v>
      </c>
      <c r="F52063" s="14" t="s">
        <v>25</v>
      </c>
      <c r="G52063" s="16">
        <v>0</v>
      </c>
    </row>
    <row r="52064" spans="1:7" x14ac:dyDescent="0.3">
      <c r="A52064" s="13" t="s">
        <v>289</v>
      </c>
      <c r="B52064" s="14" t="s">
        <v>1</v>
      </c>
      <c r="C52064" s="14" t="s">
        <v>47</v>
      </c>
      <c r="D52064" s="14" t="s">
        <v>290</v>
      </c>
      <c r="E52064" s="15">
        <v>45610</v>
      </c>
      <c r="F52064" s="14" t="s">
        <v>25</v>
      </c>
      <c r="G52064" s="16">
        <v>0</v>
      </c>
    </row>
    <row r="52065" spans="1:7" x14ac:dyDescent="0.3">
      <c r="A52065" s="13" t="s">
        <v>289</v>
      </c>
      <c r="B52065" s="14" t="s">
        <v>1</v>
      </c>
      <c r="C52065" s="14" t="s">
        <v>47</v>
      </c>
      <c r="D52065" s="14" t="s">
        <v>290</v>
      </c>
      <c r="E52065" s="15">
        <v>45611</v>
      </c>
      <c r="F52065" s="14" t="s">
        <v>25</v>
      </c>
      <c r="G52065" s="16">
        <v>0</v>
      </c>
    </row>
    <row r="52066" spans="1:7" x14ac:dyDescent="0.3">
      <c r="A52066" s="13" t="s">
        <v>289</v>
      </c>
      <c r="B52066" s="14" t="s">
        <v>1</v>
      </c>
      <c r="C52066" s="14" t="s">
        <v>47</v>
      </c>
      <c r="D52066" s="14" t="s">
        <v>290</v>
      </c>
      <c r="E52066" s="15">
        <v>45612</v>
      </c>
      <c r="F52066" s="14" t="s">
        <v>25</v>
      </c>
      <c r="G52066" s="16">
        <v>0</v>
      </c>
    </row>
    <row r="52067" spans="1:7" x14ac:dyDescent="0.3">
      <c r="A52067" s="13" t="s">
        <v>289</v>
      </c>
      <c r="B52067" s="14" t="s">
        <v>1</v>
      </c>
      <c r="C52067" s="14" t="s">
        <v>47</v>
      </c>
      <c r="D52067" s="14" t="s">
        <v>290</v>
      </c>
      <c r="E52067" s="15">
        <v>45613</v>
      </c>
      <c r="F52067" s="14" t="s">
        <v>25</v>
      </c>
      <c r="G52067" s="16">
        <v>0</v>
      </c>
    </row>
    <row r="52068" spans="1:7" x14ac:dyDescent="0.3">
      <c r="A52068" s="13" t="s">
        <v>289</v>
      </c>
      <c r="B52068" s="14" t="s">
        <v>1</v>
      </c>
      <c r="C52068" s="14" t="s">
        <v>47</v>
      </c>
      <c r="D52068" s="14" t="s">
        <v>290</v>
      </c>
      <c r="E52068" s="15">
        <v>45614</v>
      </c>
      <c r="F52068" s="14" t="s">
        <v>25</v>
      </c>
      <c r="G52068" s="16">
        <v>0</v>
      </c>
    </row>
    <row r="52069" spans="1:7" x14ac:dyDescent="0.3">
      <c r="A52069" s="13" t="s">
        <v>289</v>
      </c>
      <c r="B52069" s="14" t="s">
        <v>1</v>
      </c>
      <c r="C52069" s="14" t="s">
        <v>47</v>
      </c>
      <c r="D52069" s="14" t="s">
        <v>290</v>
      </c>
      <c r="E52069" s="15">
        <v>45615</v>
      </c>
      <c r="F52069" s="14" t="s">
        <v>25</v>
      </c>
      <c r="G52069" s="16">
        <v>0</v>
      </c>
    </row>
    <row r="52070" spans="1:7" x14ac:dyDescent="0.3">
      <c r="A52070" s="13" t="s">
        <v>289</v>
      </c>
      <c r="B52070" s="14" t="s">
        <v>1</v>
      </c>
      <c r="C52070" s="14" t="s">
        <v>47</v>
      </c>
      <c r="D52070" s="14" t="s">
        <v>290</v>
      </c>
      <c r="E52070" s="15">
        <v>45616</v>
      </c>
      <c r="F52070" s="14" t="s">
        <v>25</v>
      </c>
      <c r="G52070" s="16">
        <v>0</v>
      </c>
    </row>
    <row r="52071" spans="1:7" x14ac:dyDescent="0.3">
      <c r="A52071" s="13" t="s">
        <v>289</v>
      </c>
      <c r="B52071" s="14" t="s">
        <v>1</v>
      </c>
      <c r="C52071" s="14" t="s">
        <v>47</v>
      </c>
      <c r="D52071" s="14" t="s">
        <v>290</v>
      </c>
      <c r="E52071" s="15">
        <v>45617</v>
      </c>
      <c r="F52071" s="14" t="s">
        <v>25</v>
      </c>
      <c r="G52071" s="16">
        <v>0</v>
      </c>
    </row>
    <row r="52072" spans="1:7" x14ac:dyDescent="0.3">
      <c r="A52072" s="13" t="s">
        <v>289</v>
      </c>
      <c r="B52072" s="14" t="s">
        <v>1</v>
      </c>
      <c r="C52072" s="14" t="s">
        <v>47</v>
      </c>
      <c r="D52072" s="14" t="s">
        <v>290</v>
      </c>
      <c r="E52072" s="15">
        <v>45618</v>
      </c>
      <c r="F52072" s="14" t="s">
        <v>25</v>
      </c>
      <c r="G52072" s="16">
        <v>0</v>
      </c>
    </row>
    <row r="52073" spans="1:7" x14ac:dyDescent="0.3">
      <c r="A52073" s="13" t="s">
        <v>289</v>
      </c>
      <c r="B52073" s="14" t="s">
        <v>1</v>
      </c>
      <c r="C52073" s="14" t="s">
        <v>47</v>
      </c>
      <c r="D52073" s="14" t="s">
        <v>290</v>
      </c>
      <c r="E52073" s="15">
        <v>45619</v>
      </c>
      <c r="F52073" s="14" t="s">
        <v>25</v>
      </c>
      <c r="G52073" s="16">
        <v>0</v>
      </c>
    </row>
    <row r="52074" spans="1:7" x14ac:dyDescent="0.3">
      <c r="A52074" s="13" t="s">
        <v>289</v>
      </c>
      <c r="B52074" s="14" t="s">
        <v>1</v>
      </c>
      <c r="C52074" s="14" t="s">
        <v>47</v>
      </c>
      <c r="D52074" s="14" t="s">
        <v>290</v>
      </c>
      <c r="E52074" s="15">
        <v>45620</v>
      </c>
      <c r="F52074" s="14" t="s">
        <v>25</v>
      </c>
      <c r="G52074" s="16">
        <v>0</v>
      </c>
    </row>
    <row r="52075" spans="1:7" x14ac:dyDescent="0.3">
      <c r="A52075" s="13" t="s">
        <v>289</v>
      </c>
      <c r="B52075" s="14" t="s">
        <v>1</v>
      </c>
      <c r="C52075" s="14" t="s">
        <v>47</v>
      </c>
      <c r="D52075" s="14" t="s">
        <v>290</v>
      </c>
      <c r="E52075" s="15">
        <v>45621</v>
      </c>
      <c r="F52075" s="14" t="s">
        <v>25</v>
      </c>
      <c r="G52075" s="16">
        <v>0</v>
      </c>
    </row>
    <row r="52076" spans="1:7" x14ac:dyDescent="0.3">
      <c r="A52076" s="13" t="s">
        <v>289</v>
      </c>
      <c r="B52076" s="14" t="s">
        <v>1</v>
      </c>
      <c r="C52076" s="14" t="s">
        <v>47</v>
      </c>
      <c r="D52076" s="14" t="s">
        <v>290</v>
      </c>
      <c r="E52076" s="15">
        <v>45622</v>
      </c>
      <c r="F52076" s="14" t="s">
        <v>25</v>
      </c>
      <c r="G52076" s="16">
        <v>0</v>
      </c>
    </row>
    <row r="52077" spans="1:7" x14ac:dyDescent="0.3">
      <c r="A52077" s="13" t="s">
        <v>289</v>
      </c>
      <c r="B52077" s="14" t="s">
        <v>1</v>
      </c>
      <c r="C52077" s="14" t="s">
        <v>47</v>
      </c>
      <c r="D52077" s="14" t="s">
        <v>290</v>
      </c>
      <c r="E52077" s="15">
        <v>45623</v>
      </c>
      <c r="F52077" s="14" t="s">
        <v>25</v>
      </c>
      <c r="G52077" s="16">
        <v>0</v>
      </c>
    </row>
    <row r="52078" spans="1:7" x14ac:dyDescent="0.3">
      <c r="A52078" s="13" t="s">
        <v>289</v>
      </c>
      <c r="B52078" s="14" t="s">
        <v>1</v>
      </c>
      <c r="C52078" s="14" t="s">
        <v>47</v>
      </c>
      <c r="D52078" s="14" t="s">
        <v>290</v>
      </c>
      <c r="E52078" s="15">
        <v>45624</v>
      </c>
      <c r="F52078" s="14" t="s">
        <v>25</v>
      </c>
      <c r="G52078" s="16">
        <v>0</v>
      </c>
    </row>
    <row r="52079" spans="1:7" x14ac:dyDescent="0.3">
      <c r="A52079" s="13" t="s">
        <v>289</v>
      </c>
      <c r="B52079" s="14" t="s">
        <v>1</v>
      </c>
      <c r="C52079" s="14" t="s">
        <v>47</v>
      </c>
      <c r="D52079" s="14" t="s">
        <v>290</v>
      </c>
      <c r="E52079" s="15">
        <v>45625</v>
      </c>
      <c r="F52079" s="14" t="s">
        <v>25</v>
      </c>
      <c r="G52079" s="16">
        <v>0</v>
      </c>
    </row>
    <row r="52080" spans="1:7" x14ac:dyDescent="0.3">
      <c r="A52080" s="13" t="s">
        <v>289</v>
      </c>
      <c r="B52080" s="14" t="s">
        <v>1</v>
      </c>
      <c r="C52080" s="14" t="s">
        <v>47</v>
      </c>
      <c r="D52080" s="14" t="s">
        <v>290</v>
      </c>
      <c r="E52080" s="15">
        <v>45626</v>
      </c>
      <c r="F52080" s="14" t="s">
        <v>25</v>
      </c>
      <c r="G52080" s="16">
        <v>0</v>
      </c>
    </row>
    <row r="52081" spans="1:7" x14ac:dyDescent="0.3">
      <c r="A52081" s="13" t="s">
        <v>289</v>
      </c>
      <c r="B52081" s="14" t="s">
        <v>1</v>
      </c>
      <c r="C52081" s="14" t="s">
        <v>47</v>
      </c>
      <c r="D52081" s="14" t="s">
        <v>290</v>
      </c>
      <c r="E52081" s="15">
        <v>45627</v>
      </c>
      <c r="F52081" s="14" t="s">
        <v>25</v>
      </c>
      <c r="G52081" s="16">
        <v>0</v>
      </c>
    </row>
    <row r="52082" spans="1:7" x14ac:dyDescent="0.3">
      <c r="A52082" s="13" t="s">
        <v>289</v>
      </c>
      <c r="B52082" s="14" t="s">
        <v>1</v>
      </c>
      <c r="C52082" s="14" t="s">
        <v>47</v>
      </c>
      <c r="D52082" s="14" t="s">
        <v>290</v>
      </c>
      <c r="E52082" s="15">
        <v>45628</v>
      </c>
      <c r="F52082" s="14" t="s">
        <v>25</v>
      </c>
      <c r="G52082" s="16">
        <v>0</v>
      </c>
    </row>
    <row r="52083" spans="1:7" x14ac:dyDescent="0.3">
      <c r="A52083" s="13" t="s">
        <v>289</v>
      </c>
      <c r="B52083" s="14" t="s">
        <v>1</v>
      </c>
      <c r="C52083" s="14" t="s">
        <v>47</v>
      </c>
      <c r="D52083" s="14" t="s">
        <v>290</v>
      </c>
      <c r="E52083" s="15">
        <v>45629</v>
      </c>
      <c r="F52083" s="14" t="s">
        <v>25</v>
      </c>
      <c r="G52083" s="16">
        <v>0</v>
      </c>
    </row>
    <row r="52084" spans="1:7" x14ac:dyDescent="0.3">
      <c r="A52084" s="13" t="s">
        <v>289</v>
      </c>
      <c r="B52084" s="14" t="s">
        <v>1</v>
      </c>
      <c r="C52084" s="14" t="s">
        <v>47</v>
      </c>
      <c r="D52084" s="14" t="s">
        <v>290</v>
      </c>
      <c r="E52084" s="15">
        <v>45630</v>
      </c>
      <c r="F52084" s="14" t="s">
        <v>25</v>
      </c>
      <c r="G52084" s="16">
        <v>0</v>
      </c>
    </row>
    <row r="52085" spans="1:7" x14ac:dyDescent="0.3">
      <c r="A52085" s="13" t="s">
        <v>289</v>
      </c>
      <c r="B52085" s="14" t="s">
        <v>1</v>
      </c>
      <c r="C52085" s="14" t="s">
        <v>47</v>
      </c>
      <c r="D52085" s="14" t="s">
        <v>290</v>
      </c>
      <c r="E52085" s="15">
        <v>45631</v>
      </c>
      <c r="F52085" s="14" t="s">
        <v>25</v>
      </c>
      <c r="G52085" s="16">
        <v>0</v>
      </c>
    </row>
    <row r="52086" spans="1:7" x14ac:dyDescent="0.3">
      <c r="A52086" s="13" t="s">
        <v>289</v>
      </c>
      <c r="B52086" s="14" t="s">
        <v>1</v>
      </c>
      <c r="C52086" s="14" t="s">
        <v>47</v>
      </c>
      <c r="D52086" s="14" t="s">
        <v>290</v>
      </c>
      <c r="E52086" s="15">
        <v>45632</v>
      </c>
      <c r="F52086" s="14" t="s">
        <v>25</v>
      </c>
      <c r="G52086" s="16">
        <v>0</v>
      </c>
    </row>
    <row r="52087" spans="1:7" x14ac:dyDescent="0.3">
      <c r="A52087" s="13" t="s">
        <v>289</v>
      </c>
      <c r="B52087" s="14" t="s">
        <v>1</v>
      </c>
      <c r="C52087" s="14" t="s">
        <v>47</v>
      </c>
      <c r="D52087" s="14" t="s">
        <v>290</v>
      </c>
      <c r="E52087" s="15">
        <v>45633</v>
      </c>
      <c r="F52087" s="14" t="s">
        <v>25</v>
      </c>
      <c r="G52087" s="16">
        <v>0</v>
      </c>
    </row>
    <row r="52088" spans="1:7" x14ac:dyDescent="0.3">
      <c r="A52088" s="13" t="s">
        <v>289</v>
      </c>
      <c r="B52088" s="14" t="s">
        <v>1</v>
      </c>
      <c r="C52088" s="14" t="s">
        <v>47</v>
      </c>
      <c r="D52088" s="14" t="s">
        <v>290</v>
      </c>
      <c r="E52088" s="15">
        <v>45634</v>
      </c>
      <c r="F52088" s="14" t="s">
        <v>25</v>
      </c>
      <c r="G52088" s="16">
        <v>0</v>
      </c>
    </row>
    <row r="52089" spans="1:7" x14ac:dyDescent="0.3">
      <c r="A52089" s="13" t="s">
        <v>289</v>
      </c>
      <c r="B52089" s="14" t="s">
        <v>1</v>
      </c>
      <c r="C52089" s="14" t="s">
        <v>47</v>
      </c>
      <c r="D52089" s="14" t="s">
        <v>290</v>
      </c>
      <c r="E52089" s="15">
        <v>45635</v>
      </c>
      <c r="F52089" s="14" t="s">
        <v>25</v>
      </c>
      <c r="G52089" s="16">
        <v>0</v>
      </c>
    </row>
    <row r="52090" spans="1:7" x14ac:dyDescent="0.3">
      <c r="A52090" s="13" t="s">
        <v>289</v>
      </c>
      <c r="B52090" s="14" t="s">
        <v>1</v>
      </c>
      <c r="C52090" s="14" t="s">
        <v>47</v>
      </c>
      <c r="D52090" s="14" t="s">
        <v>290</v>
      </c>
      <c r="E52090" s="15">
        <v>45636</v>
      </c>
      <c r="F52090" s="14" t="s">
        <v>25</v>
      </c>
      <c r="G52090" s="16">
        <v>0</v>
      </c>
    </row>
    <row r="52091" spans="1:7" x14ac:dyDescent="0.3">
      <c r="A52091" s="13" t="s">
        <v>289</v>
      </c>
      <c r="B52091" s="14" t="s">
        <v>1</v>
      </c>
      <c r="C52091" s="14" t="s">
        <v>47</v>
      </c>
      <c r="D52091" s="14" t="s">
        <v>290</v>
      </c>
      <c r="E52091" s="15">
        <v>45637</v>
      </c>
      <c r="F52091" s="14" t="s">
        <v>25</v>
      </c>
      <c r="G52091" s="16">
        <v>0</v>
      </c>
    </row>
    <row r="52092" spans="1:7" x14ac:dyDescent="0.3">
      <c r="A52092" s="13" t="s">
        <v>289</v>
      </c>
      <c r="B52092" s="14" t="s">
        <v>1</v>
      </c>
      <c r="C52092" s="14" t="s">
        <v>47</v>
      </c>
      <c r="D52092" s="14" t="s">
        <v>290</v>
      </c>
      <c r="E52092" s="15">
        <v>45638</v>
      </c>
      <c r="F52092" s="14" t="s">
        <v>25</v>
      </c>
      <c r="G52092" s="16">
        <v>0</v>
      </c>
    </row>
    <row r="52093" spans="1:7" x14ac:dyDescent="0.3">
      <c r="A52093" s="13" t="s">
        <v>289</v>
      </c>
      <c r="B52093" s="14" t="s">
        <v>1</v>
      </c>
      <c r="C52093" s="14" t="s">
        <v>47</v>
      </c>
      <c r="D52093" s="14" t="s">
        <v>290</v>
      </c>
      <c r="E52093" s="15">
        <v>45639</v>
      </c>
      <c r="F52093" s="14" t="s">
        <v>25</v>
      </c>
      <c r="G52093" s="16">
        <v>0</v>
      </c>
    </row>
    <row r="52094" spans="1:7" x14ac:dyDescent="0.3">
      <c r="A52094" s="13" t="s">
        <v>289</v>
      </c>
      <c r="B52094" s="14" t="s">
        <v>1</v>
      </c>
      <c r="C52094" s="14" t="s">
        <v>47</v>
      </c>
      <c r="D52094" s="14" t="s">
        <v>290</v>
      </c>
      <c r="E52094" s="15">
        <v>45640</v>
      </c>
      <c r="F52094" s="14" t="s">
        <v>25</v>
      </c>
      <c r="G52094" s="16">
        <v>0</v>
      </c>
    </row>
    <row r="52095" spans="1:7" x14ac:dyDescent="0.3">
      <c r="A52095" s="13" t="s">
        <v>289</v>
      </c>
      <c r="B52095" s="14" t="s">
        <v>1</v>
      </c>
      <c r="C52095" s="14" t="s">
        <v>47</v>
      </c>
      <c r="D52095" s="14" t="s">
        <v>290</v>
      </c>
      <c r="E52095" s="15">
        <v>45641</v>
      </c>
      <c r="F52095" s="14" t="s">
        <v>25</v>
      </c>
      <c r="G52095" s="16">
        <v>0</v>
      </c>
    </row>
    <row r="52096" spans="1:7" x14ac:dyDescent="0.3">
      <c r="A52096" s="13" t="s">
        <v>289</v>
      </c>
      <c r="B52096" s="14" t="s">
        <v>1</v>
      </c>
      <c r="C52096" s="14" t="s">
        <v>47</v>
      </c>
      <c r="D52096" s="14" t="s">
        <v>290</v>
      </c>
      <c r="E52096" s="15">
        <v>45642</v>
      </c>
      <c r="F52096" s="14" t="s">
        <v>25</v>
      </c>
      <c r="G52096" s="16">
        <v>0</v>
      </c>
    </row>
    <row r="52097" spans="1:7" x14ac:dyDescent="0.3">
      <c r="A52097" s="13" t="s">
        <v>289</v>
      </c>
      <c r="B52097" s="14" t="s">
        <v>1</v>
      </c>
      <c r="C52097" s="14" t="s">
        <v>47</v>
      </c>
      <c r="D52097" s="14" t="s">
        <v>290</v>
      </c>
      <c r="E52097" s="15">
        <v>45643</v>
      </c>
      <c r="F52097" s="14" t="s">
        <v>25</v>
      </c>
      <c r="G52097" s="16">
        <v>0</v>
      </c>
    </row>
    <row r="52098" spans="1:7" x14ac:dyDescent="0.3">
      <c r="A52098" s="13" t="s">
        <v>289</v>
      </c>
      <c r="B52098" s="14" t="s">
        <v>1</v>
      </c>
      <c r="C52098" s="14" t="s">
        <v>47</v>
      </c>
      <c r="D52098" s="14" t="s">
        <v>290</v>
      </c>
      <c r="E52098" s="15">
        <v>45644</v>
      </c>
      <c r="F52098" s="14" t="s">
        <v>25</v>
      </c>
      <c r="G52098" s="16">
        <v>0</v>
      </c>
    </row>
    <row r="52099" spans="1:7" x14ac:dyDescent="0.3">
      <c r="A52099" s="13" t="s">
        <v>289</v>
      </c>
      <c r="B52099" s="14" t="s">
        <v>1</v>
      </c>
      <c r="C52099" s="14" t="s">
        <v>47</v>
      </c>
      <c r="D52099" s="14" t="s">
        <v>290</v>
      </c>
      <c r="E52099" s="15">
        <v>45645</v>
      </c>
      <c r="F52099" s="14" t="s">
        <v>25</v>
      </c>
      <c r="G52099" s="16">
        <v>0</v>
      </c>
    </row>
    <row r="52100" spans="1:7" x14ac:dyDescent="0.3">
      <c r="A52100" s="13" t="s">
        <v>289</v>
      </c>
      <c r="B52100" s="14" t="s">
        <v>1</v>
      </c>
      <c r="C52100" s="14" t="s">
        <v>47</v>
      </c>
      <c r="D52100" s="14" t="s">
        <v>290</v>
      </c>
      <c r="E52100" s="15">
        <v>45646</v>
      </c>
      <c r="F52100" s="14" t="s">
        <v>25</v>
      </c>
      <c r="G52100" s="16">
        <v>0</v>
      </c>
    </row>
    <row r="52101" spans="1:7" x14ac:dyDescent="0.3">
      <c r="A52101" s="13" t="s">
        <v>289</v>
      </c>
      <c r="B52101" s="14" t="s">
        <v>1</v>
      </c>
      <c r="C52101" s="14" t="s">
        <v>47</v>
      </c>
      <c r="D52101" s="14" t="s">
        <v>290</v>
      </c>
      <c r="E52101" s="15">
        <v>45647</v>
      </c>
      <c r="F52101" s="14" t="s">
        <v>25</v>
      </c>
      <c r="G52101" s="16">
        <v>0</v>
      </c>
    </row>
    <row r="52102" spans="1:7" x14ac:dyDescent="0.3">
      <c r="A52102" s="13" t="s">
        <v>289</v>
      </c>
      <c r="B52102" s="14" t="s">
        <v>1</v>
      </c>
      <c r="C52102" s="14" t="s">
        <v>47</v>
      </c>
      <c r="D52102" s="14" t="s">
        <v>290</v>
      </c>
      <c r="E52102" s="15">
        <v>45648</v>
      </c>
      <c r="F52102" s="14" t="s">
        <v>25</v>
      </c>
      <c r="G52102" s="16">
        <v>0</v>
      </c>
    </row>
    <row r="52103" spans="1:7" x14ac:dyDescent="0.3">
      <c r="A52103" s="13" t="s">
        <v>289</v>
      </c>
      <c r="B52103" s="14" t="s">
        <v>1</v>
      </c>
      <c r="C52103" s="14" t="s">
        <v>47</v>
      </c>
      <c r="D52103" s="14" t="s">
        <v>290</v>
      </c>
      <c r="E52103" s="15">
        <v>45649</v>
      </c>
      <c r="F52103" s="14" t="s">
        <v>25</v>
      </c>
      <c r="G52103" s="16">
        <v>0</v>
      </c>
    </row>
    <row r="52104" spans="1:7" x14ac:dyDescent="0.3">
      <c r="A52104" s="13" t="s">
        <v>289</v>
      </c>
      <c r="B52104" s="14" t="s">
        <v>1</v>
      </c>
      <c r="C52104" s="14" t="s">
        <v>47</v>
      </c>
      <c r="D52104" s="14" t="s">
        <v>290</v>
      </c>
      <c r="E52104" s="15">
        <v>45650</v>
      </c>
      <c r="F52104" s="14" t="s">
        <v>25</v>
      </c>
      <c r="G52104" s="16">
        <v>0</v>
      </c>
    </row>
    <row r="52105" spans="1:7" x14ac:dyDescent="0.3">
      <c r="A52105" s="13" t="s">
        <v>289</v>
      </c>
      <c r="B52105" s="14" t="s">
        <v>1</v>
      </c>
      <c r="C52105" s="14" t="s">
        <v>47</v>
      </c>
      <c r="D52105" s="14" t="s">
        <v>290</v>
      </c>
      <c r="E52105" s="15">
        <v>45651</v>
      </c>
      <c r="F52105" s="14" t="s">
        <v>25</v>
      </c>
      <c r="G52105" s="16">
        <v>0</v>
      </c>
    </row>
    <row r="52106" spans="1:7" x14ac:dyDescent="0.3">
      <c r="A52106" s="13" t="s">
        <v>289</v>
      </c>
      <c r="B52106" s="14" t="s">
        <v>1</v>
      </c>
      <c r="C52106" s="14" t="s">
        <v>47</v>
      </c>
      <c r="D52106" s="14" t="s">
        <v>290</v>
      </c>
      <c r="E52106" s="15">
        <v>45652</v>
      </c>
      <c r="F52106" s="14" t="s">
        <v>25</v>
      </c>
      <c r="G52106" s="16">
        <v>0</v>
      </c>
    </row>
    <row r="52107" spans="1:7" x14ac:dyDescent="0.3">
      <c r="A52107" s="13" t="s">
        <v>289</v>
      </c>
      <c r="B52107" s="14" t="s">
        <v>1</v>
      </c>
      <c r="C52107" s="14" t="s">
        <v>47</v>
      </c>
      <c r="D52107" s="14" t="s">
        <v>290</v>
      </c>
      <c r="E52107" s="15">
        <v>45653</v>
      </c>
      <c r="F52107" s="14" t="s">
        <v>25</v>
      </c>
      <c r="G52107" s="16">
        <v>0</v>
      </c>
    </row>
    <row r="52108" spans="1:7" x14ac:dyDescent="0.3">
      <c r="A52108" s="13" t="s">
        <v>289</v>
      </c>
      <c r="B52108" s="14" t="s">
        <v>1</v>
      </c>
      <c r="C52108" s="14" t="s">
        <v>47</v>
      </c>
      <c r="D52108" s="14" t="s">
        <v>290</v>
      </c>
      <c r="E52108" s="15">
        <v>45654</v>
      </c>
      <c r="F52108" s="14" t="s">
        <v>25</v>
      </c>
      <c r="G52108" s="16">
        <v>0</v>
      </c>
    </row>
    <row r="52109" spans="1:7" x14ac:dyDescent="0.3">
      <c r="A52109" s="13" t="s">
        <v>289</v>
      </c>
      <c r="B52109" s="14" t="s">
        <v>1</v>
      </c>
      <c r="C52109" s="14" t="s">
        <v>47</v>
      </c>
      <c r="D52109" s="14" t="s">
        <v>290</v>
      </c>
      <c r="E52109" s="15">
        <v>45655</v>
      </c>
      <c r="F52109" s="14" t="s">
        <v>25</v>
      </c>
      <c r="G52109" s="16">
        <v>0</v>
      </c>
    </row>
    <row r="52110" spans="1:7" x14ac:dyDescent="0.3">
      <c r="A52110" s="13" t="s">
        <v>289</v>
      </c>
      <c r="B52110" s="14" t="s">
        <v>1</v>
      </c>
      <c r="C52110" s="14" t="s">
        <v>47</v>
      </c>
      <c r="D52110" s="14" t="s">
        <v>290</v>
      </c>
      <c r="E52110" s="15">
        <v>45656</v>
      </c>
      <c r="F52110" s="14" t="s">
        <v>25</v>
      </c>
      <c r="G52110" s="16">
        <v>0</v>
      </c>
    </row>
    <row r="52111" spans="1:7" x14ac:dyDescent="0.3">
      <c r="A52111" s="13" t="s">
        <v>289</v>
      </c>
      <c r="B52111" s="14" t="s">
        <v>1</v>
      </c>
      <c r="C52111" s="14" t="s">
        <v>47</v>
      </c>
      <c r="D52111" s="14" t="s">
        <v>290</v>
      </c>
      <c r="E52111" s="15">
        <v>45657</v>
      </c>
      <c r="F52111" s="14" t="s">
        <v>25</v>
      </c>
      <c r="G52111" s="16">
        <v>0</v>
      </c>
    </row>
    <row r="52112" spans="1:7" x14ac:dyDescent="0.3">
      <c r="A52112" s="13" t="s">
        <v>289</v>
      </c>
      <c r="B52112" s="14" t="s">
        <v>1</v>
      </c>
      <c r="C52112" s="14" t="s">
        <v>47</v>
      </c>
      <c r="D52112" s="14" t="s">
        <v>290</v>
      </c>
      <c r="E52112" s="15">
        <v>45658</v>
      </c>
      <c r="F52112" s="14" t="s">
        <v>25</v>
      </c>
      <c r="G52112" s="16">
        <v>0</v>
      </c>
    </row>
    <row r="52113" spans="1:7" x14ac:dyDescent="0.3">
      <c r="A52113" s="13" t="s">
        <v>289</v>
      </c>
      <c r="B52113" s="14" t="s">
        <v>1</v>
      </c>
      <c r="C52113" s="14" t="s">
        <v>47</v>
      </c>
      <c r="D52113" s="14" t="s">
        <v>290</v>
      </c>
      <c r="E52113" s="15">
        <v>45659</v>
      </c>
      <c r="F52113" s="14" t="s">
        <v>25</v>
      </c>
      <c r="G52113" s="16">
        <v>0</v>
      </c>
    </row>
    <row r="52114" spans="1:7" x14ac:dyDescent="0.3">
      <c r="A52114" s="13" t="s">
        <v>289</v>
      </c>
      <c r="B52114" s="14" t="s">
        <v>1</v>
      </c>
      <c r="C52114" s="14" t="s">
        <v>47</v>
      </c>
      <c r="D52114" s="14" t="s">
        <v>290</v>
      </c>
      <c r="E52114" s="15">
        <v>45660</v>
      </c>
      <c r="F52114" s="14" t="s">
        <v>25</v>
      </c>
      <c r="G52114" s="16">
        <v>0</v>
      </c>
    </row>
    <row r="52115" spans="1:7" x14ac:dyDescent="0.3">
      <c r="A52115" s="13" t="s">
        <v>289</v>
      </c>
      <c r="B52115" s="14" t="s">
        <v>1</v>
      </c>
      <c r="C52115" s="14" t="s">
        <v>47</v>
      </c>
      <c r="D52115" s="14" t="s">
        <v>290</v>
      </c>
      <c r="E52115" s="15">
        <v>45661</v>
      </c>
      <c r="F52115" s="14" t="s">
        <v>25</v>
      </c>
      <c r="G52115" s="16">
        <v>0</v>
      </c>
    </row>
    <row r="52116" spans="1:7" x14ac:dyDescent="0.3">
      <c r="A52116" s="13" t="s">
        <v>289</v>
      </c>
      <c r="B52116" s="14" t="s">
        <v>1</v>
      </c>
      <c r="C52116" s="14" t="s">
        <v>47</v>
      </c>
      <c r="D52116" s="14" t="s">
        <v>290</v>
      </c>
      <c r="E52116" s="15">
        <v>45662</v>
      </c>
      <c r="F52116" s="14" t="s">
        <v>25</v>
      </c>
      <c r="G52116" s="16">
        <v>0</v>
      </c>
    </row>
    <row r="52117" spans="1:7" x14ac:dyDescent="0.3">
      <c r="A52117" s="13" t="s">
        <v>289</v>
      </c>
      <c r="B52117" s="14" t="s">
        <v>1</v>
      </c>
      <c r="C52117" s="14" t="s">
        <v>47</v>
      </c>
      <c r="D52117" s="14" t="s">
        <v>290</v>
      </c>
      <c r="E52117" s="15">
        <v>45663</v>
      </c>
      <c r="F52117" s="14" t="s">
        <v>25</v>
      </c>
      <c r="G52117" s="16">
        <v>0</v>
      </c>
    </row>
    <row r="52118" spans="1:7" x14ac:dyDescent="0.3">
      <c r="A52118" s="13" t="s">
        <v>289</v>
      </c>
      <c r="B52118" s="14" t="s">
        <v>1</v>
      </c>
      <c r="C52118" s="14" t="s">
        <v>47</v>
      </c>
      <c r="D52118" s="14" t="s">
        <v>290</v>
      </c>
      <c r="E52118" s="15">
        <v>45664</v>
      </c>
      <c r="F52118" s="14" t="s">
        <v>25</v>
      </c>
      <c r="G52118" s="16">
        <v>0</v>
      </c>
    </row>
    <row r="52119" spans="1:7" x14ac:dyDescent="0.3">
      <c r="A52119" s="13" t="s">
        <v>289</v>
      </c>
      <c r="B52119" s="14" t="s">
        <v>1</v>
      </c>
      <c r="C52119" s="14" t="s">
        <v>47</v>
      </c>
      <c r="D52119" s="14" t="s">
        <v>290</v>
      </c>
      <c r="E52119" s="15">
        <v>45665</v>
      </c>
      <c r="F52119" s="14" t="s">
        <v>25</v>
      </c>
      <c r="G52119" s="16">
        <v>0</v>
      </c>
    </row>
    <row r="52120" spans="1:7" x14ac:dyDescent="0.3">
      <c r="A52120" s="13" t="s">
        <v>289</v>
      </c>
      <c r="B52120" s="14" t="s">
        <v>1</v>
      </c>
      <c r="C52120" s="14" t="s">
        <v>47</v>
      </c>
      <c r="D52120" s="14" t="s">
        <v>290</v>
      </c>
      <c r="E52120" s="15">
        <v>45666</v>
      </c>
      <c r="F52120" s="14" t="s">
        <v>25</v>
      </c>
      <c r="G52120" s="16">
        <v>0</v>
      </c>
    </row>
    <row r="52121" spans="1:7" x14ac:dyDescent="0.3">
      <c r="A52121" s="13" t="s">
        <v>289</v>
      </c>
      <c r="B52121" s="14" t="s">
        <v>1</v>
      </c>
      <c r="C52121" s="14" t="s">
        <v>47</v>
      </c>
      <c r="D52121" s="14" t="s">
        <v>290</v>
      </c>
      <c r="E52121" s="15">
        <v>45667</v>
      </c>
      <c r="F52121" s="14" t="s">
        <v>25</v>
      </c>
      <c r="G52121" s="16">
        <v>0</v>
      </c>
    </row>
    <row r="52122" spans="1:7" x14ac:dyDescent="0.3">
      <c r="A52122" s="13" t="s">
        <v>289</v>
      </c>
      <c r="B52122" s="14" t="s">
        <v>1</v>
      </c>
      <c r="C52122" s="14" t="s">
        <v>47</v>
      </c>
      <c r="D52122" s="14" t="s">
        <v>290</v>
      </c>
      <c r="E52122" s="15">
        <v>45668</v>
      </c>
      <c r="F52122" s="14" t="s">
        <v>25</v>
      </c>
      <c r="G52122" s="16">
        <v>0</v>
      </c>
    </row>
    <row r="52123" spans="1:7" x14ac:dyDescent="0.3">
      <c r="A52123" s="13" t="s">
        <v>289</v>
      </c>
      <c r="B52123" s="14" t="s">
        <v>1</v>
      </c>
      <c r="C52123" s="14" t="s">
        <v>47</v>
      </c>
      <c r="D52123" s="14" t="s">
        <v>290</v>
      </c>
      <c r="E52123" s="15">
        <v>45669</v>
      </c>
      <c r="F52123" s="14" t="s">
        <v>25</v>
      </c>
      <c r="G52123" s="16">
        <v>0</v>
      </c>
    </row>
    <row r="52124" spans="1:7" x14ac:dyDescent="0.3">
      <c r="A52124" s="13" t="s">
        <v>289</v>
      </c>
      <c r="B52124" s="14" t="s">
        <v>1</v>
      </c>
      <c r="C52124" s="14" t="s">
        <v>47</v>
      </c>
      <c r="D52124" s="14" t="s">
        <v>290</v>
      </c>
      <c r="E52124" s="15">
        <v>45670</v>
      </c>
      <c r="F52124" s="14" t="s">
        <v>25</v>
      </c>
      <c r="G52124" s="16">
        <v>0</v>
      </c>
    </row>
    <row r="52125" spans="1:7" x14ac:dyDescent="0.3">
      <c r="A52125" s="13" t="s">
        <v>289</v>
      </c>
      <c r="B52125" s="14" t="s">
        <v>1</v>
      </c>
      <c r="C52125" s="14" t="s">
        <v>47</v>
      </c>
      <c r="D52125" s="14" t="s">
        <v>290</v>
      </c>
      <c r="E52125" s="15">
        <v>45671</v>
      </c>
      <c r="F52125" s="14" t="s">
        <v>25</v>
      </c>
      <c r="G52125" s="16">
        <v>0</v>
      </c>
    </row>
    <row r="52126" spans="1:7" x14ac:dyDescent="0.3">
      <c r="A52126" s="13" t="s">
        <v>289</v>
      </c>
      <c r="B52126" s="14" t="s">
        <v>1</v>
      </c>
      <c r="C52126" s="14" t="s">
        <v>47</v>
      </c>
      <c r="D52126" s="14" t="s">
        <v>290</v>
      </c>
      <c r="E52126" s="15">
        <v>45672</v>
      </c>
      <c r="F52126" s="14" t="s">
        <v>25</v>
      </c>
      <c r="G52126" s="16">
        <v>0</v>
      </c>
    </row>
    <row r="52127" spans="1:7" x14ac:dyDescent="0.3">
      <c r="A52127" s="13" t="s">
        <v>289</v>
      </c>
      <c r="B52127" s="14" t="s">
        <v>1</v>
      </c>
      <c r="C52127" s="14" t="s">
        <v>47</v>
      </c>
      <c r="D52127" s="14" t="s">
        <v>290</v>
      </c>
      <c r="E52127" s="15">
        <v>45673</v>
      </c>
      <c r="F52127" s="14" t="s">
        <v>25</v>
      </c>
      <c r="G52127" s="16">
        <v>0</v>
      </c>
    </row>
    <row r="52128" spans="1:7" x14ac:dyDescent="0.3">
      <c r="A52128" s="13" t="s">
        <v>289</v>
      </c>
      <c r="B52128" s="14" t="s">
        <v>1</v>
      </c>
      <c r="C52128" s="14" t="s">
        <v>47</v>
      </c>
      <c r="D52128" s="14" t="s">
        <v>290</v>
      </c>
      <c r="E52128" s="15">
        <v>45674</v>
      </c>
      <c r="F52128" s="14" t="s">
        <v>25</v>
      </c>
      <c r="G52128" s="16">
        <v>0</v>
      </c>
    </row>
    <row r="52129" spans="1:7" x14ac:dyDescent="0.3">
      <c r="A52129" s="13" t="s">
        <v>289</v>
      </c>
      <c r="B52129" s="14" t="s">
        <v>1</v>
      </c>
      <c r="C52129" s="14" t="s">
        <v>47</v>
      </c>
      <c r="D52129" s="14" t="s">
        <v>290</v>
      </c>
      <c r="E52129" s="15">
        <v>45675</v>
      </c>
      <c r="F52129" s="14" t="s">
        <v>25</v>
      </c>
      <c r="G52129" s="16">
        <v>0</v>
      </c>
    </row>
    <row r="52130" spans="1:7" x14ac:dyDescent="0.3">
      <c r="A52130" s="13" t="s">
        <v>289</v>
      </c>
      <c r="B52130" s="14" t="s">
        <v>1</v>
      </c>
      <c r="C52130" s="14" t="s">
        <v>47</v>
      </c>
      <c r="D52130" s="14" t="s">
        <v>290</v>
      </c>
      <c r="E52130" s="15">
        <v>45676</v>
      </c>
      <c r="F52130" s="14" t="s">
        <v>25</v>
      </c>
      <c r="G52130" s="16">
        <v>0</v>
      </c>
    </row>
    <row r="52131" spans="1:7" x14ac:dyDescent="0.3">
      <c r="A52131" s="13" t="s">
        <v>289</v>
      </c>
      <c r="B52131" s="14" t="s">
        <v>1</v>
      </c>
      <c r="C52131" s="14" t="s">
        <v>47</v>
      </c>
      <c r="D52131" s="14" t="s">
        <v>290</v>
      </c>
      <c r="E52131" s="15">
        <v>45677</v>
      </c>
      <c r="F52131" s="14" t="s">
        <v>25</v>
      </c>
      <c r="G52131" s="16">
        <v>0</v>
      </c>
    </row>
    <row r="52132" spans="1:7" x14ac:dyDescent="0.3">
      <c r="A52132" s="13" t="s">
        <v>289</v>
      </c>
      <c r="B52132" s="14" t="s">
        <v>1</v>
      </c>
      <c r="C52132" s="14" t="s">
        <v>47</v>
      </c>
      <c r="D52132" s="14" t="s">
        <v>290</v>
      </c>
      <c r="E52132" s="15">
        <v>45678</v>
      </c>
      <c r="F52132" s="14" t="s">
        <v>25</v>
      </c>
      <c r="G52132" s="16">
        <v>0</v>
      </c>
    </row>
    <row r="52133" spans="1:7" x14ac:dyDescent="0.3">
      <c r="A52133" s="13" t="s">
        <v>289</v>
      </c>
      <c r="B52133" s="14" t="s">
        <v>1</v>
      </c>
      <c r="C52133" s="14" t="s">
        <v>47</v>
      </c>
      <c r="D52133" s="14" t="s">
        <v>290</v>
      </c>
      <c r="E52133" s="15">
        <v>45679</v>
      </c>
      <c r="F52133" s="14" t="s">
        <v>25</v>
      </c>
      <c r="G52133" s="16">
        <v>0</v>
      </c>
    </row>
    <row r="52134" spans="1:7" x14ac:dyDescent="0.3">
      <c r="A52134" s="13" t="s">
        <v>289</v>
      </c>
      <c r="B52134" s="14" t="s">
        <v>1</v>
      </c>
      <c r="C52134" s="14" t="s">
        <v>47</v>
      </c>
      <c r="D52134" s="14" t="s">
        <v>290</v>
      </c>
      <c r="E52134" s="15">
        <v>45680</v>
      </c>
      <c r="F52134" s="14" t="s">
        <v>25</v>
      </c>
      <c r="G52134" s="16">
        <v>0</v>
      </c>
    </row>
    <row r="52135" spans="1:7" x14ac:dyDescent="0.3">
      <c r="A52135" s="13" t="s">
        <v>289</v>
      </c>
      <c r="B52135" s="14" t="s">
        <v>1</v>
      </c>
      <c r="C52135" s="14" t="s">
        <v>47</v>
      </c>
      <c r="D52135" s="14" t="s">
        <v>290</v>
      </c>
      <c r="E52135" s="15">
        <v>45681</v>
      </c>
      <c r="F52135" s="14" t="s">
        <v>25</v>
      </c>
      <c r="G52135" s="16">
        <v>0</v>
      </c>
    </row>
    <row r="52136" spans="1:7" x14ac:dyDescent="0.3">
      <c r="A52136" s="13" t="s">
        <v>289</v>
      </c>
      <c r="B52136" s="14" t="s">
        <v>1</v>
      </c>
      <c r="C52136" s="14" t="s">
        <v>47</v>
      </c>
      <c r="D52136" s="14" t="s">
        <v>290</v>
      </c>
      <c r="E52136" s="15">
        <v>45682</v>
      </c>
      <c r="F52136" s="14" t="s">
        <v>25</v>
      </c>
      <c r="G52136" s="16">
        <v>0</v>
      </c>
    </row>
    <row r="52137" spans="1:7" x14ac:dyDescent="0.3">
      <c r="A52137" s="13" t="s">
        <v>289</v>
      </c>
      <c r="B52137" s="14" t="s">
        <v>1</v>
      </c>
      <c r="C52137" s="14" t="s">
        <v>47</v>
      </c>
      <c r="D52137" s="14" t="s">
        <v>290</v>
      </c>
      <c r="E52137" s="15">
        <v>45683</v>
      </c>
      <c r="F52137" s="14" t="s">
        <v>25</v>
      </c>
      <c r="G52137" s="16">
        <v>0</v>
      </c>
    </row>
    <row r="52138" spans="1:7" x14ac:dyDescent="0.3">
      <c r="A52138" s="13" t="s">
        <v>289</v>
      </c>
      <c r="B52138" s="14" t="s">
        <v>1</v>
      </c>
      <c r="C52138" s="14" t="s">
        <v>47</v>
      </c>
      <c r="D52138" s="14" t="s">
        <v>290</v>
      </c>
      <c r="E52138" s="15">
        <v>45684</v>
      </c>
      <c r="F52138" s="14" t="s">
        <v>25</v>
      </c>
      <c r="G52138" s="16">
        <v>0</v>
      </c>
    </row>
    <row r="52139" spans="1:7" x14ac:dyDescent="0.3">
      <c r="A52139" s="13" t="s">
        <v>289</v>
      </c>
      <c r="B52139" s="14" t="s">
        <v>1</v>
      </c>
      <c r="C52139" s="14" t="s">
        <v>47</v>
      </c>
      <c r="D52139" s="14" t="s">
        <v>290</v>
      </c>
      <c r="E52139" s="15">
        <v>45685</v>
      </c>
      <c r="F52139" s="14" t="s">
        <v>25</v>
      </c>
      <c r="G52139" s="16">
        <v>0</v>
      </c>
    </row>
    <row r="52140" spans="1:7" x14ac:dyDescent="0.3">
      <c r="A52140" s="13" t="s">
        <v>289</v>
      </c>
      <c r="B52140" s="14" t="s">
        <v>1</v>
      </c>
      <c r="C52140" s="14" t="s">
        <v>47</v>
      </c>
      <c r="D52140" s="14" t="s">
        <v>290</v>
      </c>
      <c r="E52140" s="15">
        <v>45686</v>
      </c>
      <c r="F52140" s="14" t="s">
        <v>25</v>
      </c>
      <c r="G52140" s="16">
        <v>0</v>
      </c>
    </row>
    <row r="52141" spans="1:7" x14ac:dyDescent="0.3">
      <c r="A52141" s="13" t="s">
        <v>289</v>
      </c>
      <c r="B52141" s="14" t="s">
        <v>1</v>
      </c>
      <c r="C52141" s="14" t="s">
        <v>47</v>
      </c>
      <c r="D52141" s="14" t="s">
        <v>290</v>
      </c>
      <c r="E52141" s="15">
        <v>45687</v>
      </c>
      <c r="F52141" s="14" t="s">
        <v>25</v>
      </c>
      <c r="G52141" s="16">
        <v>0</v>
      </c>
    </row>
    <row r="52142" spans="1:7" x14ac:dyDescent="0.3">
      <c r="A52142" s="13" t="s">
        <v>289</v>
      </c>
      <c r="B52142" s="14" t="s">
        <v>1</v>
      </c>
      <c r="C52142" s="14" t="s">
        <v>47</v>
      </c>
      <c r="D52142" s="14" t="s">
        <v>290</v>
      </c>
      <c r="E52142" s="15">
        <v>45688</v>
      </c>
      <c r="F52142" s="14" t="s">
        <v>25</v>
      </c>
      <c r="G52142" s="16">
        <v>0</v>
      </c>
    </row>
    <row r="52143" spans="1:7" x14ac:dyDescent="0.3">
      <c r="A52143" s="13" t="s">
        <v>289</v>
      </c>
      <c r="B52143" s="14" t="s">
        <v>1</v>
      </c>
      <c r="C52143" s="14" t="s">
        <v>47</v>
      </c>
      <c r="D52143" s="14" t="s">
        <v>290</v>
      </c>
      <c r="E52143" s="15">
        <v>45689</v>
      </c>
      <c r="F52143" s="14" t="s">
        <v>25</v>
      </c>
      <c r="G52143" s="16">
        <v>0</v>
      </c>
    </row>
    <row r="52144" spans="1:7" x14ac:dyDescent="0.3">
      <c r="A52144" s="13" t="s">
        <v>289</v>
      </c>
      <c r="B52144" s="14" t="s">
        <v>1</v>
      </c>
      <c r="C52144" s="14" t="s">
        <v>47</v>
      </c>
      <c r="D52144" s="14" t="s">
        <v>290</v>
      </c>
      <c r="E52144" s="15">
        <v>45690</v>
      </c>
      <c r="F52144" s="14" t="s">
        <v>25</v>
      </c>
      <c r="G52144" s="16">
        <v>0</v>
      </c>
    </row>
    <row r="52145" spans="1:7" x14ac:dyDescent="0.3">
      <c r="A52145" s="13" t="s">
        <v>289</v>
      </c>
      <c r="B52145" s="14" t="s">
        <v>1</v>
      </c>
      <c r="C52145" s="14" t="s">
        <v>47</v>
      </c>
      <c r="D52145" s="14" t="s">
        <v>290</v>
      </c>
      <c r="E52145" s="15">
        <v>45691</v>
      </c>
      <c r="F52145" s="14" t="s">
        <v>25</v>
      </c>
      <c r="G52145" s="16">
        <v>0</v>
      </c>
    </row>
    <row r="52146" spans="1:7" x14ac:dyDescent="0.3">
      <c r="A52146" s="13" t="s">
        <v>289</v>
      </c>
      <c r="B52146" s="14" t="s">
        <v>1</v>
      </c>
      <c r="C52146" s="14" t="s">
        <v>47</v>
      </c>
      <c r="D52146" s="14" t="s">
        <v>290</v>
      </c>
      <c r="E52146" s="15">
        <v>45692</v>
      </c>
      <c r="F52146" s="14" t="s">
        <v>25</v>
      </c>
      <c r="G52146" s="16">
        <v>0</v>
      </c>
    </row>
    <row r="52147" spans="1:7" x14ac:dyDescent="0.3">
      <c r="A52147" s="13" t="s">
        <v>289</v>
      </c>
      <c r="B52147" s="14" t="s">
        <v>1</v>
      </c>
      <c r="C52147" s="14" t="s">
        <v>47</v>
      </c>
      <c r="D52147" s="14" t="s">
        <v>290</v>
      </c>
      <c r="E52147" s="15">
        <v>45693</v>
      </c>
      <c r="F52147" s="14" t="s">
        <v>25</v>
      </c>
      <c r="G52147" s="16">
        <v>0</v>
      </c>
    </row>
    <row r="52148" spans="1:7" x14ac:dyDescent="0.3">
      <c r="A52148" s="13" t="s">
        <v>289</v>
      </c>
      <c r="B52148" s="14" t="s">
        <v>1</v>
      </c>
      <c r="C52148" s="14" t="s">
        <v>47</v>
      </c>
      <c r="D52148" s="14" t="s">
        <v>290</v>
      </c>
      <c r="E52148" s="15">
        <v>45694</v>
      </c>
      <c r="F52148" s="14" t="s">
        <v>25</v>
      </c>
      <c r="G52148" s="16">
        <v>0</v>
      </c>
    </row>
    <row r="52149" spans="1:7" x14ac:dyDescent="0.3">
      <c r="A52149" s="13" t="s">
        <v>289</v>
      </c>
      <c r="B52149" s="14" t="s">
        <v>1</v>
      </c>
      <c r="C52149" s="14" t="s">
        <v>47</v>
      </c>
      <c r="D52149" s="14" t="s">
        <v>290</v>
      </c>
      <c r="E52149" s="15">
        <v>45695</v>
      </c>
      <c r="F52149" s="14" t="s">
        <v>25</v>
      </c>
      <c r="G52149" s="16">
        <v>0</v>
      </c>
    </row>
    <row r="52150" spans="1:7" x14ac:dyDescent="0.3">
      <c r="A52150" s="13" t="s">
        <v>289</v>
      </c>
      <c r="B52150" s="14" t="s">
        <v>1</v>
      </c>
      <c r="C52150" s="14" t="s">
        <v>47</v>
      </c>
      <c r="D52150" s="14" t="s">
        <v>290</v>
      </c>
      <c r="E52150" s="15">
        <v>45696</v>
      </c>
      <c r="F52150" s="14" t="s">
        <v>25</v>
      </c>
      <c r="G52150" s="16">
        <v>0</v>
      </c>
    </row>
    <row r="52151" spans="1:7" x14ac:dyDescent="0.3">
      <c r="A52151" s="13" t="s">
        <v>289</v>
      </c>
      <c r="B52151" s="14" t="s">
        <v>1</v>
      </c>
      <c r="C52151" s="14" t="s">
        <v>47</v>
      </c>
      <c r="D52151" s="14" t="s">
        <v>290</v>
      </c>
      <c r="E52151" s="15">
        <v>45697</v>
      </c>
      <c r="F52151" s="14" t="s">
        <v>25</v>
      </c>
      <c r="G52151" s="16">
        <v>0</v>
      </c>
    </row>
    <row r="52152" spans="1:7" x14ac:dyDescent="0.3">
      <c r="A52152" s="13" t="s">
        <v>289</v>
      </c>
      <c r="B52152" s="14" t="s">
        <v>1</v>
      </c>
      <c r="C52152" s="14" t="s">
        <v>47</v>
      </c>
      <c r="D52152" s="14" t="s">
        <v>290</v>
      </c>
      <c r="E52152" s="15">
        <v>45698</v>
      </c>
      <c r="F52152" s="14" t="s">
        <v>25</v>
      </c>
      <c r="G52152" s="16">
        <v>0</v>
      </c>
    </row>
    <row r="52153" spans="1:7" x14ac:dyDescent="0.3">
      <c r="A52153" s="13" t="s">
        <v>289</v>
      </c>
      <c r="B52153" s="14" t="s">
        <v>1</v>
      </c>
      <c r="C52153" s="14" t="s">
        <v>47</v>
      </c>
      <c r="D52153" s="14" t="s">
        <v>290</v>
      </c>
      <c r="E52153" s="15">
        <v>45699</v>
      </c>
      <c r="F52153" s="14" t="s">
        <v>25</v>
      </c>
      <c r="G52153" s="16">
        <v>0</v>
      </c>
    </row>
    <row r="52154" spans="1:7" x14ac:dyDescent="0.3">
      <c r="A52154" s="13" t="s">
        <v>289</v>
      </c>
      <c r="B52154" s="14" t="s">
        <v>1</v>
      </c>
      <c r="C52154" s="14" t="s">
        <v>47</v>
      </c>
      <c r="D52154" s="14" t="s">
        <v>290</v>
      </c>
      <c r="E52154" s="15">
        <v>45700</v>
      </c>
      <c r="F52154" s="14" t="s">
        <v>25</v>
      </c>
      <c r="G52154" s="16">
        <v>0</v>
      </c>
    </row>
    <row r="52155" spans="1:7" x14ac:dyDescent="0.3">
      <c r="A52155" s="13" t="s">
        <v>289</v>
      </c>
      <c r="B52155" s="14" t="s">
        <v>1</v>
      </c>
      <c r="C52155" s="14" t="s">
        <v>47</v>
      </c>
      <c r="D52155" s="14" t="s">
        <v>290</v>
      </c>
      <c r="E52155" s="15">
        <v>45701</v>
      </c>
      <c r="F52155" s="14" t="s">
        <v>25</v>
      </c>
      <c r="G52155" s="16">
        <v>0</v>
      </c>
    </row>
    <row r="52156" spans="1:7" x14ac:dyDescent="0.3">
      <c r="A52156" s="13" t="s">
        <v>289</v>
      </c>
      <c r="B52156" s="14" t="s">
        <v>1</v>
      </c>
      <c r="C52156" s="14" t="s">
        <v>47</v>
      </c>
      <c r="D52156" s="14" t="s">
        <v>290</v>
      </c>
      <c r="E52156" s="15">
        <v>45702</v>
      </c>
      <c r="F52156" s="14" t="s">
        <v>25</v>
      </c>
      <c r="G52156" s="16">
        <v>0</v>
      </c>
    </row>
    <row r="52157" spans="1:7" x14ac:dyDescent="0.3">
      <c r="A52157" s="13" t="s">
        <v>289</v>
      </c>
      <c r="B52157" s="14" t="s">
        <v>1</v>
      </c>
      <c r="C52157" s="14" t="s">
        <v>47</v>
      </c>
      <c r="D52157" s="14" t="s">
        <v>290</v>
      </c>
      <c r="E52157" s="15">
        <v>45703</v>
      </c>
      <c r="F52157" s="14" t="s">
        <v>25</v>
      </c>
      <c r="G52157" s="16">
        <v>0</v>
      </c>
    </row>
    <row r="52158" spans="1:7" x14ac:dyDescent="0.3">
      <c r="A52158" s="13" t="s">
        <v>289</v>
      </c>
      <c r="B52158" s="14" t="s">
        <v>1</v>
      </c>
      <c r="C52158" s="14" t="s">
        <v>47</v>
      </c>
      <c r="D52158" s="14" t="s">
        <v>290</v>
      </c>
      <c r="E52158" s="15">
        <v>45704</v>
      </c>
      <c r="F52158" s="14" t="s">
        <v>25</v>
      </c>
      <c r="G52158" s="16">
        <v>0</v>
      </c>
    </row>
    <row r="52159" spans="1:7" x14ac:dyDescent="0.3">
      <c r="A52159" s="13" t="s">
        <v>289</v>
      </c>
      <c r="B52159" s="14" t="s">
        <v>1</v>
      </c>
      <c r="C52159" s="14" t="s">
        <v>47</v>
      </c>
      <c r="D52159" s="14" t="s">
        <v>290</v>
      </c>
      <c r="E52159" s="15">
        <v>45705</v>
      </c>
      <c r="F52159" s="14" t="s">
        <v>25</v>
      </c>
      <c r="G52159" s="16">
        <v>0</v>
      </c>
    </row>
    <row r="52160" spans="1:7" x14ac:dyDescent="0.3">
      <c r="A52160" s="13" t="s">
        <v>289</v>
      </c>
      <c r="B52160" s="14" t="s">
        <v>1</v>
      </c>
      <c r="C52160" s="14" t="s">
        <v>47</v>
      </c>
      <c r="D52160" s="14" t="s">
        <v>290</v>
      </c>
      <c r="E52160" s="15">
        <v>45706</v>
      </c>
      <c r="F52160" s="14" t="s">
        <v>25</v>
      </c>
      <c r="G52160" s="16">
        <v>0</v>
      </c>
    </row>
    <row r="52161" spans="1:7" x14ac:dyDescent="0.3">
      <c r="A52161" s="13" t="s">
        <v>289</v>
      </c>
      <c r="B52161" s="14" t="s">
        <v>1</v>
      </c>
      <c r="C52161" s="14" t="s">
        <v>47</v>
      </c>
      <c r="D52161" s="14" t="s">
        <v>290</v>
      </c>
      <c r="E52161" s="15">
        <v>45707</v>
      </c>
      <c r="F52161" s="14" t="s">
        <v>25</v>
      </c>
      <c r="G52161" s="16">
        <v>0</v>
      </c>
    </row>
    <row r="52162" spans="1:7" x14ac:dyDescent="0.3">
      <c r="A52162" s="13" t="s">
        <v>289</v>
      </c>
      <c r="B52162" s="14" t="s">
        <v>1</v>
      </c>
      <c r="C52162" s="14" t="s">
        <v>47</v>
      </c>
      <c r="D52162" s="14" t="s">
        <v>290</v>
      </c>
      <c r="E52162" s="15">
        <v>45708</v>
      </c>
      <c r="F52162" s="14" t="s">
        <v>25</v>
      </c>
      <c r="G52162" s="16">
        <v>0</v>
      </c>
    </row>
    <row r="52163" spans="1:7" x14ac:dyDescent="0.3">
      <c r="A52163" s="13" t="s">
        <v>289</v>
      </c>
      <c r="B52163" s="14" t="s">
        <v>1</v>
      </c>
      <c r="C52163" s="14" t="s">
        <v>47</v>
      </c>
      <c r="D52163" s="14" t="s">
        <v>290</v>
      </c>
      <c r="E52163" s="15">
        <v>45709</v>
      </c>
      <c r="F52163" s="14" t="s">
        <v>25</v>
      </c>
      <c r="G52163" s="16">
        <v>0</v>
      </c>
    </row>
    <row r="52164" spans="1:7" x14ac:dyDescent="0.3">
      <c r="A52164" s="13" t="s">
        <v>289</v>
      </c>
      <c r="B52164" s="14" t="s">
        <v>1</v>
      </c>
      <c r="C52164" s="14" t="s">
        <v>47</v>
      </c>
      <c r="D52164" s="14" t="s">
        <v>290</v>
      </c>
      <c r="E52164" s="15">
        <v>45710</v>
      </c>
      <c r="F52164" s="14" t="s">
        <v>25</v>
      </c>
      <c r="G52164" s="16">
        <v>0</v>
      </c>
    </row>
    <row r="52165" spans="1:7" x14ac:dyDescent="0.3">
      <c r="A52165" s="13" t="s">
        <v>289</v>
      </c>
      <c r="B52165" s="14" t="s">
        <v>1</v>
      </c>
      <c r="C52165" s="14" t="s">
        <v>47</v>
      </c>
      <c r="D52165" s="14" t="s">
        <v>290</v>
      </c>
      <c r="E52165" s="15">
        <v>45711</v>
      </c>
      <c r="F52165" s="14" t="s">
        <v>25</v>
      </c>
      <c r="G52165" s="16">
        <v>0</v>
      </c>
    </row>
    <row r="52166" spans="1:7" x14ac:dyDescent="0.3">
      <c r="A52166" s="13" t="s">
        <v>289</v>
      </c>
      <c r="B52166" s="14" t="s">
        <v>1</v>
      </c>
      <c r="C52166" s="14" t="s">
        <v>47</v>
      </c>
      <c r="D52166" s="14" t="s">
        <v>290</v>
      </c>
      <c r="E52166" s="15">
        <v>45712</v>
      </c>
      <c r="F52166" s="14" t="s">
        <v>25</v>
      </c>
      <c r="G52166" s="16">
        <v>0</v>
      </c>
    </row>
    <row r="52167" spans="1:7" x14ac:dyDescent="0.3">
      <c r="A52167" s="13" t="s">
        <v>289</v>
      </c>
      <c r="B52167" s="14" t="s">
        <v>1</v>
      </c>
      <c r="C52167" s="14" t="s">
        <v>47</v>
      </c>
      <c r="D52167" s="14" t="s">
        <v>290</v>
      </c>
      <c r="E52167" s="15">
        <v>45713</v>
      </c>
      <c r="F52167" s="14" t="s">
        <v>25</v>
      </c>
      <c r="G52167" s="16">
        <v>0</v>
      </c>
    </row>
    <row r="52168" spans="1:7" x14ac:dyDescent="0.3">
      <c r="A52168" s="13" t="s">
        <v>289</v>
      </c>
      <c r="B52168" s="14" t="s">
        <v>1</v>
      </c>
      <c r="C52168" s="14" t="s">
        <v>47</v>
      </c>
      <c r="D52168" s="14" t="s">
        <v>290</v>
      </c>
      <c r="E52168" s="15">
        <v>45714</v>
      </c>
      <c r="F52168" s="14" t="s">
        <v>25</v>
      </c>
      <c r="G52168" s="16">
        <v>0</v>
      </c>
    </row>
    <row r="52169" spans="1:7" x14ac:dyDescent="0.3">
      <c r="A52169" s="13" t="s">
        <v>289</v>
      </c>
      <c r="B52169" s="14" t="s">
        <v>1</v>
      </c>
      <c r="C52169" s="14" t="s">
        <v>47</v>
      </c>
      <c r="D52169" s="14" t="s">
        <v>290</v>
      </c>
      <c r="E52169" s="15">
        <v>45715</v>
      </c>
      <c r="F52169" s="14" t="s">
        <v>25</v>
      </c>
      <c r="G52169" s="16">
        <v>0</v>
      </c>
    </row>
    <row r="52170" spans="1:7" x14ac:dyDescent="0.3">
      <c r="A52170" s="13" t="s">
        <v>289</v>
      </c>
      <c r="B52170" s="14" t="s">
        <v>1</v>
      </c>
      <c r="C52170" s="14" t="s">
        <v>47</v>
      </c>
      <c r="D52170" s="14" t="s">
        <v>290</v>
      </c>
      <c r="E52170" s="15">
        <v>45716</v>
      </c>
      <c r="F52170" s="14" t="s">
        <v>25</v>
      </c>
      <c r="G52170" s="16">
        <v>0</v>
      </c>
    </row>
    <row r="52171" spans="1:7" x14ac:dyDescent="0.3">
      <c r="A52171" s="13" t="s">
        <v>289</v>
      </c>
      <c r="B52171" s="14" t="s">
        <v>1</v>
      </c>
      <c r="C52171" s="14" t="s">
        <v>47</v>
      </c>
      <c r="D52171" s="14" t="s">
        <v>290</v>
      </c>
      <c r="E52171" s="15">
        <v>45717</v>
      </c>
      <c r="F52171" s="14" t="s">
        <v>25</v>
      </c>
      <c r="G52171" s="16">
        <v>0</v>
      </c>
    </row>
    <row r="52172" spans="1:7" x14ac:dyDescent="0.3">
      <c r="A52172" s="13" t="s">
        <v>289</v>
      </c>
      <c r="B52172" s="14" t="s">
        <v>1</v>
      </c>
      <c r="C52172" s="14" t="s">
        <v>47</v>
      </c>
      <c r="D52172" s="14" t="s">
        <v>290</v>
      </c>
      <c r="E52172" s="15">
        <v>45718</v>
      </c>
      <c r="F52172" s="14" t="s">
        <v>25</v>
      </c>
      <c r="G52172" s="16">
        <v>0</v>
      </c>
    </row>
    <row r="52173" spans="1:7" x14ac:dyDescent="0.3">
      <c r="A52173" s="13" t="s">
        <v>289</v>
      </c>
      <c r="B52173" s="14" t="s">
        <v>1</v>
      </c>
      <c r="C52173" s="14" t="s">
        <v>47</v>
      </c>
      <c r="D52173" s="14" t="s">
        <v>290</v>
      </c>
      <c r="E52173" s="15">
        <v>45719</v>
      </c>
      <c r="F52173" s="14" t="s">
        <v>25</v>
      </c>
      <c r="G52173" s="16">
        <v>0</v>
      </c>
    </row>
    <row r="52174" spans="1:7" x14ac:dyDescent="0.3">
      <c r="A52174" s="13" t="s">
        <v>289</v>
      </c>
      <c r="B52174" s="14" t="s">
        <v>1</v>
      </c>
      <c r="C52174" s="14" t="s">
        <v>47</v>
      </c>
      <c r="D52174" s="14" t="s">
        <v>290</v>
      </c>
      <c r="E52174" s="15">
        <v>45720</v>
      </c>
      <c r="F52174" s="14" t="s">
        <v>25</v>
      </c>
      <c r="G52174" s="16">
        <v>0</v>
      </c>
    </row>
    <row r="52175" spans="1:7" x14ac:dyDescent="0.3">
      <c r="A52175" s="13" t="s">
        <v>289</v>
      </c>
      <c r="B52175" s="14" t="s">
        <v>1</v>
      </c>
      <c r="C52175" s="14" t="s">
        <v>47</v>
      </c>
      <c r="D52175" s="14" t="s">
        <v>290</v>
      </c>
      <c r="E52175" s="15">
        <v>45721</v>
      </c>
      <c r="F52175" s="14" t="s">
        <v>25</v>
      </c>
      <c r="G52175" s="16">
        <v>0</v>
      </c>
    </row>
    <row r="52176" spans="1:7" x14ac:dyDescent="0.3">
      <c r="A52176" s="13" t="s">
        <v>289</v>
      </c>
      <c r="B52176" s="14" t="s">
        <v>1</v>
      </c>
      <c r="C52176" s="14" t="s">
        <v>47</v>
      </c>
      <c r="D52176" s="14" t="s">
        <v>290</v>
      </c>
      <c r="E52176" s="15">
        <v>45722</v>
      </c>
      <c r="F52176" s="14" t="s">
        <v>25</v>
      </c>
      <c r="G52176" s="16">
        <v>0</v>
      </c>
    </row>
    <row r="52177" spans="1:7" x14ac:dyDescent="0.3">
      <c r="A52177" s="13" t="s">
        <v>289</v>
      </c>
      <c r="B52177" s="14" t="s">
        <v>1</v>
      </c>
      <c r="C52177" s="14" t="s">
        <v>47</v>
      </c>
      <c r="D52177" s="14" t="s">
        <v>290</v>
      </c>
      <c r="E52177" s="15">
        <v>45723</v>
      </c>
      <c r="F52177" s="14" t="s">
        <v>25</v>
      </c>
      <c r="G52177" s="16">
        <v>0</v>
      </c>
    </row>
    <row r="52178" spans="1:7" x14ac:dyDescent="0.3">
      <c r="A52178" s="13" t="s">
        <v>289</v>
      </c>
      <c r="B52178" s="14" t="s">
        <v>1</v>
      </c>
      <c r="C52178" s="14" t="s">
        <v>47</v>
      </c>
      <c r="D52178" s="14" t="s">
        <v>290</v>
      </c>
      <c r="E52178" s="15">
        <v>45724</v>
      </c>
      <c r="F52178" s="14" t="s">
        <v>25</v>
      </c>
      <c r="G52178" s="16">
        <v>0</v>
      </c>
    </row>
    <row r="52179" spans="1:7" x14ac:dyDescent="0.3">
      <c r="A52179" s="13" t="s">
        <v>289</v>
      </c>
      <c r="B52179" s="14" t="s">
        <v>1</v>
      </c>
      <c r="C52179" s="14" t="s">
        <v>47</v>
      </c>
      <c r="D52179" s="14" t="s">
        <v>290</v>
      </c>
      <c r="E52179" s="15">
        <v>45725</v>
      </c>
      <c r="F52179" s="14" t="s">
        <v>25</v>
      </c>
      <c r="G52179" s="16">
        <v>0</v>
      </c>
    </row>
    <row r="52180" spans="1:7" x14ac:dyDescent="0.3">
      <c r="A52180" s="13" t="s">
        <v>289</v>
      </c>
      <c r="B52180" s="14" t="s">
        <v>1</v>
      </c>
      <c r="C52180" s="14" t="s">
        <v>47</v>
      </c>
      <c r="D52180" s="14" t="s">
        <v>290</v>
      </c>
      <c r="E52180" s="15">
        <v>45726</v>
      </c>
      <c r="F52180" s="14" t="s">
        <v>25</v>
      </c>
      <c r="G52180" s="16">
        <v>0</v>
      </c>
    </row>
    <row r="52181" spans="1:7" x14ac:dyDescent="0.3">
      <c r="A52181" s="13" t="s">
        <v>289</v>
      </c>
      <c r="B52181" s="14" t="s">
        <v>1</v>
      </c>
      <c r="C52181" s="14" t="s">
        <v>47</v>
      </c>
      <c r="D52181" s="14" t="s">
        <v>290</v>
      </c>
      <c r="E52181" s="15">
        <v>45727</v>
      </c>
      <c r="F52181" s="14" t="s">
        <v>25</v>
      </c>
      <c r="G52181" s="16">
        <v>0</v>
      </c>
    </row>
    <row r="52182" spans="1:7" x14ac:dyDescent="0.3">
      <c r="A52182" s="13" t="s">
        <v>289</v>
      </c>
      <c r="B52182" s="14" t="s">
        <v>1</v>
      </c>
      <c r="C52182" s="14" t="s">
        <v>47</v>
      </c>
      <c r="D52182" s="14" t="s">
        <v>290</v>
      </c>
      <c r="E52182" s="15">
        <v>45728</v>
      </c>
      <c r="F52182" s="14" t="s">
        <v>25</v>
      </c>
      <c r="G52182" s="16">
        <v>0</v>
      </c>
    </row>
    <row r="52183" spans="1:7" x14ac:dyDescent="0.3">
      <c r="A52183" s="13" t="s">
        <v>289</v>
      </c>
      <c r="B52183" s="14" t="s">
        <v>1</v>
      </c>
      <c r="C52183" s="14" t="s">
        <v>47</v>
      </c>
      <c r="D52183" s="14" t="s">
        <v>290</v>
      </c>
      <c r="E52183" s="15">
        <v>45729</v>
      </c>
      <c r="F52183" s="14" t="s">
        <v>25</v>
      </c>
      <c r="G52183" s="16">
        <v>0</v>
      </c>
    </row>
    <row r="52184" spans="1:7" x14ac:dyDescent="0.3">
      <c r="A52184" s="13" t="s">
        <v>289</v>
      </c>
      <c r="B52184" s="14" t="s">
        <v>1</v>
      </c>
      <c r="C52184" s="14" t="s">
        <v>47</v>
      </c>
      <c r="D52184" s="14" t="s">
        <v>290</v>
      </c>
      <c r="E52184" s="15">
        <v>45730</v>
      </c>
      <c r="F52184" s="14" t="s">
        <v>25</v>
      </c>
      <c r="G52184" s="16">
        <v>0</v>
      </c>
    </row>
    <row r="52185" spans="1:7" x14ac:dyDescent="0.3">
      <c r="A52185" s="13" t="s">
        <v>289</v>
      </c>
      <c r="B52185" s="14" t="s">
        <v>1</v>
      </c>
      <c r="C52185" s="14" t="s">
        <v>47</v>
      </c>
      <c r="D52185" s="14" t="s">
        <v>290</v>
      </c>
      <c r="E52185" s="15">
        <v>45731</v>
      </c>
      <c r="F52185" s="14" t="s">
        <v>25</v>
      </c>
      <c r="G52185" s="16">
        <v>0</v>
      </c>
    </row>
    <row r="52186" spans="1:7" x14ac:dyDescent="0.3">
      <c r="A52186" s="13" t="s">
        <v>289</v>
      </c>
      <c r="B52186" s="14" t="s">
        <v>1</v>
      </c>
      <c r="C52186" s="14" t="s">
        <v>47</v>
      </c>
      <c r="D52186" s="14" t="s">
        <v>290</v>
      </c>
      <c r="E52186" s="15">
        <v>45732</v>
      </c>
      <c r="F52186" s="14" t="s">
        <v>25</v>
      </c>
      <c r="G52186" s="16">
        <v>0</v>
      </c>
    </row>
    <row r="52187" spans="1:7" x14ac:dyDescent="0.3">
      <c r="A52187" s="13" t="s">
        <v>289</v>
      </c>
      <c r="B52187" s="14" t="s">
        <v>1</v>
      </c>
      <c r="C52187" s="14" t="s">
        <v>47</v>
      </c>
      <c r="D52187" s="14" t="s">
        <v>290</v>
      </c>
      <c r="E52187" s="15">
        <v>45733</v>
      </c>
      <c r="F52187" s="14" t="s">
        <v>25</v>
      </c>
      <c r="G52187" s="16">
        <v>0</v>
      </c>
    </row>
    <row r="52188" spans="1:7" x14ac:dyDescent="0.3">
      <c r="A52188" s="13" t="s">
        <v>289</v>
      </c>
      <c r="B52188" s="14" t="s">
        <v>1</v>
      </c>
      <c r="C52188" s="14" t="s">
        <v>47</v>
      </c>
      <c r="D52188" s="14" t="s">
        <v>290</v>
      </c>
      <c r="E52188" s="15">
        <v>45734</v>
      </c>
      <c r="F52188" s="14" t="s">
        <v>25</v>
      </c>
      <c r="G52188" s="16">
        <v>0</v>
      </c>
    </row>
    <row r="52189" spans="1:7" x14ac:dyDescent="0.3">
      <c r="A52189" s="13" t="s">
        <v>289</v>
      </c>
      <c r="B52189" s="14" t="s">
        <v>1</v>
      </c>
      <c r="C52189" s="14" t="s">
        <v>47</v>
      </c>
      <c r="D52189" s="14" t="s">
        <v>290</v>
      </c>
      <c r="E52189" s="15">
        <v>45735</v>
      </c>
      <c r="F52189" s="14" t="s">
        <v>25</v>
      </c>
      <c r="G52189" s="16">
        <v>0</v>
      </c>
    </row>
    <row r="52190" spans="1:7" x14ac:dyDescent="0.3">
      <c r="A52190" s="13" t="s">
        <v>289</v>
      </c>
      <c r="B52190" s="14" t="s">
        <v>1</v>
      </c>
      <c r="C52190" s="14" t="s">
        <v>47</v>
      </c>
      <c r="D52190" s="14" t="s">
        <v>290</v>
      </c>
      <c r="E52190" s="15">
        <v>45736</v>
      </c>
      <c r="F52190" s="14" t="s">
        <v>25</v>
      </c>
      <c r="G52190" s="16">
        <v>0</v>
      </c>
    </row>
    <row r="52191" spans="1:7" x14ac:dyDescent="0.3">
      <c r="A52191" s="13" t="s">
        <v>289</v>
      </c>
      <c r="B52191" s="14" t="s">
        <v>1</v>
      </c>
      <c r="C52191" s="14" t="s">
        <v>47</v>
      </c>
      <c r="D52191" s="14" t="s">
        <v>290</v>
      </c>
      <c r="E52191" s="15">
        <v>45737</v>
      </c>
      <c r="F52191" s="14" t="s">
        <v>25</v>
      </c>
      <c r="G52191" s="16">
        <v>0</v>
      </c>
    </row>
    <row r="52192" spans="1:7" x14ac:dyDescent="0.3">
      <c r="A52192" s="13" t="s">
        <v>289</v>
      </c>
      <c r="B52192" s="14" t="s">
        <v>1</v>
      </c>
      <c r="C52192" s="14" t="s">
        <v>47</v>
      </c>
      <c r="D52192" s="14" t="s">
        <v>290</v>
      </c>
      <c r="E52192" s="15">
        <v>45738</v>
      </c>
      <c r="F52192" s="14" t="s">
        <v>25</v>
      </c>
      <c r="G52192" s="16">
        <v>0</v>
      </c>
    </row>
    <row r="52193" spans="1:7" x14ac:dyDescent="0.3">
      <c r="A52193" s="13" t="s">
        <v>289</v>
      </c>
      <c r="B52193" s="14" t="s">
        <v>1</v>
      </c>
      <c r="C52193" s="14" t="s">
        <v>47</v>
      </c>
      <c r="D52193" s="14" t="s">
        <v>290</v>
      </c>
      <c r="E52193" s="15">
        <v>45739</v>
      </c>
      <c r="F52193" s="14" t="s">
        <v>25</v>
      </c>
      <c r="G52193" s="16">
        <v>0</v>
      </c>
    </row>
    <row r="52194" spans="1:7" x14ac:dyDescent="0.3">
      <c r="A52194" s="13" t="s">
        <v>289</v>
      </c>
      <c r="B52194" s="14" t="s">
        <v>1</v>
      </c>
      <c r="C52194" s="14" t="s">
        <v>47</v>
      </c>
      <c r="D52194" s="14" t="s">
        <v>290</v>
      </c>
      <c r="E52194" s="15">
        <v>45740</v>
      </c>
      <c r="F52194" s="14" t="s">
        <v>25</v>
      </c>
      <c r="G52194" s="16">
        <v>0</v>
      </c>
    </row>
    <row r="52195" spans="1:7" x14ac:dyDescent="0.3">
      <c r="A52195" s="13" t="s">
        <v>289</v>
      </c>
      <c r="B52195" s="14" t="s">
        <v>1</v>
      </c>
      <c r="C52195" s="14" t="s">
        <v>47</v>
      </c>
      <c r="D52195" s="14" t="s">
        <v>290</v>
      </c>
      <c r="E52195" s="15">
        <v>45741</v>
      </c>
      <c r="F52195" s="14" t="s">
        <v>25</v>
      </c>
      <c r="G52195" s="16">
        <v>0</v>
      </c>
    </row>
    <row r="52196" spans="1:7" x14ac:dyDescent="0.3">
      <c r="A52196" s="13" t="s">
        <v>289</v>
      </c>
      <c r="B52196" s="14" t="s">
        <v>1</v>
      </c>
      <c r="C52196" s="14" t="s">
        <v>47</v>
      </c>
      <c r="D52196" s="14" t="s">
        <v>290</v>
      </c>
      <c r="E52196" s="15">
        <v>45742</v>
      </c>
      <c r="F52196" s="14" t="s">
        <v>25</v>
      </c>
      <c r="G52196" s="16">
        <v>0</v>
      </c>
    </row>
    <row r="52197" spans="1:7" x14ac:dyDescent="0.3">
      <c r="A52197" s="13" t="s">
        <v>289</v>
      </c>
      <c r="B52197" s="14" t="s">
        <v>1</v>
      </c>
      <c r="C52197" s="14" t="s">
        <v>47</v>
      </c>
      <c r="D52197" s="14" t="s">
        <v>290</v>
      </c>
      <c r="E52197" s="15">
        <v>45743</v>
      </c>
      <c r="F52197" s="14" t="s">
        <v>25</v>
      </c>
      <c r="G52197" s="16">
        <v>0</v>
      </c>
    </row>
    <row r="52198" spans="1:7" x14ac:dyDescent="0.3">
      <c r="A52198" s="13" t="s">
        <v>289</v>
      </c>
      <c r="B52198" s="14" t="s">
        <v>1</v>
      </c>
      <c r="C52198" s="14" t="s">
        <v>47</v>
      </c>
      <c r="D52198" s="14" t="s">
        <v>290</v>
      </c>
      <c r="E52198" s="15">
        <v>45744</v>
      </c>
      <c r="F52198" s="14" t="s">
        <v>25</v>
      </c>
      <c r="G52198" s="16">
        <v>0</v>
      </c>
    </row>
    <row r="52199" spans="1:7" x14ac:dyDescent="0.3">
      <c r="A52199" s="13" t="s">
        <v>289</v>
      </c>
      <c r="B52199" s="14" t="s">
        <v>1</v>
      </c>
      <c r="C52199" s="14" t="s">
        <v>47</v>
      </c>
      <c r="D52199" s="14" t="s">
        <v>290</v>
      </c>
      <c r="E52199" s="15">
        <v>45745</v>
      </c>
      <c r="F52199" s="14" t="s">
        <v>25</v>
      </c>
      <c r="G52199" s="16">
        <v>0</v>
      </c>
    </row>
    <row r="52200" spans="1:7" x14ac:dyDescent="0.3">
      <c r="A52200" s="13" t="s">
        <v>289</v>
      </c>
      <c r="B52200" s="14" t="s">
        <v>1</v>
      </c>
      <c r="C52200" s="14" t="s">
        <v>47</v>
      </c>
      <c r="D52200" s="14" t="s">
        <v>290</v>
      </c>
      <c r="E52200" s="15">
        <v>45746</v>
      </c>
      <c r="F52200" s="14" t="s">
        <v>25</v>
      </c>
      <c r="G52200" s="16">
        <v>0</v>
      </c>
    </row>
    <row r="52201" spans="1:7" x14ac:dyDescent="0.3">
      <c r="A52201" s="13" t="s">
        <v>289</v>
      </c>
      <c r="B52201" s="14" t="s">
        <v>1</v>
      </c>
      <c r="C52201" s="14" t="s">
        <v>47</v>
      </c>
      <c r="D52201" s="14" t="s">
        <v>290</v>
      </c>
      <c r="E52201" s="15">
        <v>45747</v>
      </c>
      <c r="F52201" s="14" t="s">
        <v>25</v>
      </c>
      <c r="G52201" s="16">
        <v>0</v>
      </c>
    </row>
    <row r="52202" spans="1:7" x14ac:dyDescent="0.3">
      <c r="A52202" s="13" t="s">
        <v>291</v>
      </c>
      <c r="B52202" s="14" t="s">
        <v>1</v>
      </c>
      <c r="C52202" s="14" t="s">
        <v>101</v>
      </c>
      <c r="D52202" s="14" t="s">
        <v>292</v>
      </c>
      <c r="E52202" s="15">
        <v>45383</v>
      </c>
      <c r="F52202" s="14" t="s">
        <v>61</v>
      </c>
      <c r="G52202" s="16">
        <v>0</v>
      </c>
    </row>
    <row r="52203" spans="1:7" x14ac:dyDescent="0.3">
      <c r="A52203" s="13" t="s">
        <v>291</v>
      </c>
      <c r="B52203" s="14" t="s">
        <v>1</v>
      </c>
      <c r="C52203" s="14" t="s">
        <v>101</v>
      </c>
      <c r="D52203" s="14" t="s">
        <v>292</v>
      </c>
      <c r="E52203" s="15">
        <v>45384</v>
      </c>
      <c r="F52203" s="14" t="s">
        <v>61</v>
      </c>
      <c r="G52203" s="16">
        <v>0</v>
      </c>
    </row>
    <row r="52204" spans="1:7" x14ac:dyDescent="0.3">
      <c r="A52204" s="13" t="s">
        <v>291</v>
      </c>
      <c r="B52204" s="14" t="s">
        <v>1</v>
      </c>
      <c r="C52204" s="14" t="s">
        <v>101</v>
      </c>
      <c r="D52204" s="14" t="s">
        <v>292</v>
      </c>
      <c r="E52204" s="15">
        <v>45385</v>
      </c>
      <c r="F52204" s="14" t="s">
        <v>61</v>
      </c>
      <c r="G52204" s="16">
        <v>0</v>
      </c>
    </row>
    <row r="52205" spans="1:7" x14ac:dyDescent="0.3">
      <c r="A52205" s="13" t="s">
        <v>291</v>
      </c>
      <c r="B52205" s="14" t="s">
        <v>1</v>
      </c>
      <c r="C52205" s="14" t="s">
        <v>101</v>
      </c>
      <c r="D52205" s="14" t="s">
        <v>292</v>
      </c>
      <c r="E52205" s="15">
        <v>45386</v>
      </c>
      <c r="F52205" s="14" t="s">
        <v>61</v>
      </c>
      <c r="G52205" s="16">
        <v>0</v>
      </c>
    </row>
    <row r="52206" spans="1:7" x14ac:dyDescent="0.3">
      <c r="A52206" s="13" t="s">
        <v>291</v>
      </c>
      <c r="B52206" s="14" t="s">
        <v>1</v>
      </c>
      <c r="C52206" s="14" t="s">
        <v>101</v>
      </c>
      <c r="D52206" s="14" t="s">
        <v>292</v>
      </c>
      <c r="E52206" s="15">
        <v>45387</v>
      </c>
      <c r="F52206" s="14" t="s">
        <v>61</v>
      </c>
      <c r="G52206" s="16">
        <v>0</v>
      </c>
    </row>
    <row r="52207" spans="1:7" x14ac:dyDescent="0.3">
      <c r="A52207" s="13" t="s">
        <v>291</v>
      </c>
      <c r="B52207" s="14" t="s">
        <v>1</v>
      </c>
      <c r="C52207" s="14" t="s">
        <v>101</v>
      </c>
      <c r="D52207" s="14" t="s">
        <v>292</v>
      </c>
      <c r="E52207" s="15">
        <v>45388</v>
      </c>
      <c r="F52207" s="14" t="s">
        <v>61</v>
      </c>
      <c r="G52207" s="16">
        <v>0</v>
      </c>
    </row>
    <row r="52208" spans="1:7" x14ac:dyDescent="0.3">
      <c r="A52208" s="13" t="s">
        <v>291</v>
      </c>
      <c r="B52208" s="14" t="s">
        <v>1</v>
      </c>
      <c r="C52208" s="14" t="s">
        <v>101</v>
      </c>
      <c r="D52208" s="14" t="s">
        <v>292</v>
      </c>
      <c r="E52208" s="15">
        <v>45389</v>
      </c>
      <c r="F52208" s="14" t="s">
        <v>61</v>
      </c>
      <c r="G52208" s="16">
        <v>0</v>
      </c>
    </row>
    <row r="52209" spans="1:7" x14ac:dyDescent="0.3">
      <c r="A52209" s="13" t="s">
        <v>291</v>
      </c>
      <c r="B52209" s="14" t="s">
        <v>1</v>
      </c>
      <c r="C52209" s="14" t="s">
        <v>101</v>
      </c>
      <c r="D52209" s="14" t="s">
        <v>292</v>
      </c>
      <c r="E52209" s="15">
        <v>45390</v>
      </c>
      <c r="F52209" s="14" t="s">
        <v>61</v>
      </c>
      <c r="G52209" s="16">
        <v>0</v>
      </c>
    </row>
    <row r="52210" spans="1:7" x14ac:dyDescent="0.3">
      <c r="A52210" s="13" t="s">
        <v>291</v>
      </c>
      <c r="B52210" s="14" t="s">
        <v>1</v>
      </c>
      <c r="C52210" s="14" t="s">
        <v>101</v>
      </c>
      <c r="D52210" s="14" t="s">
        <v>292</v>
      </c>
      <c r="E52210" s="15">
        <v>45391</v>
      </c>
      <c r="F52210" s="14" t="s">
        <v>61</v>
      </c>
      <c r="G52210" s="16">
        <v>0</v>
      </c>
    </row>
    <row r="52211" spans="1:7" x14ac:dyDescent="0.3">
      <c r="A52211" s="13" t="s">
        <v>291</v>
      </c>
      <c r="B52211" s="14" t="s">
        <v>1</v>
      </c>
      <c r="C52211" s="14" t="s">
        <v>101</v>
      </c>
      <c r="D52211" s="14" t="s">
        <v>292</v>
      </c>
      <c r="E52211" s="15">
        <v>45392</v>
      </c>
      <c r="F52211" s="14" t="s">
        <v>61</v>
      </c>
      <c r="G52211" s="16">
        <v>0</v>
      </c>
    </row>
    <row r="52212" spans="1:7" x14ac:dyDescent="0.3">
      <c r="A52212" s="13" t="s">
        <v>291</v>
      </c>
      <c r="B52212" s="14" t="s">
        <v>1</v>
      </c>
      <c r="C52212" s="14" t="s">
        <v>101</v>
      </c>
      <c r="D52212" s="14" t="s">
        <v>292</v>
      </c>
      <c r="E52212" s="15">
        <v>45393</v>
      </c>
      <c r="F52212" s="14" t="s">
        <v>61</v>
      </c>
      <c r="G52212" s="16">
        <v>0</v>
      </c>
    </row>
    <row r="52213" spans="1:7" x14ac:dyDescent="0.3">
      <c r="A52213" s="13" t="s">
        <v>291</v>
      </c>
      <c r="B52213" s="14" t="s">
        <v>1</v>
      </c>
      <c r="C52213" s="14" t="s">
        <v>101</v>
      </c>
      <c r="D52213" s="14" t="s">
        <v>292</v>
      </c>
      <c r="E52213" s="15">
        <v>45394</v>
      </c>
      <c r="F52213" s="14" t="s">
        <v>61</v>
      </c>
      <c r="G52213" s="16">
        <v>7.2832604416574812E-2</v>
      </c>
    </row>
    <row r="52214" spans="1:7" x14ac:dyDescent="0.3">
      <c r="A52214" s="13" t="s">
        <v>291</v>
      </c>
      <c r="B52214" s="14" t="s">
        <v>1</v>
      </c>
      <c r="C52214" s="14" t="s">
        <v>101</v>
      </c>
      <c r="D52214" s="14" t="s">
        <v>292</v>
      </c>
      <c r="E52214" s="15">
        <v>45395</v>
      </c>
      <c r="F52214" s="14" t="s">
        <v>61</v>
      </c>
      <c r="G52214" s="16">
        <v>7.2832604416574812E-2</v>
      </c>
    </row>
    <row r="52215" spans="1:7" x14ac:dyDescent="0.3">
      <c r="A52215" s="13" t="s">
        <v>291</v>
      </c>
      <c r="B52215" s="14" t="s">
        <v>1</v>
      </c>
      <c r="C52215" s="14" t="s">
        <v>101</v>
      </c>
      <c r="D52215" s="14" t="s">
        <v>292</v>
      </c>
      <c r="E52215" s="15">
        <v>45396</v>
      </c>
      <c r="F52215" s="14" t="s">
        <v>61</v>
      </c>
      <c r="G52215" s="16">
        <v>7.2832604416574812E-2</v>
      </c>
    </row>
    <row r="52216" spans="1:7" x14ac:dyDescent="0.3">
      <c r="A52216" s="13" t="s">
        <v>291</v>
      </c>
      <c r="B52216" s="14" t="s">
        <v>1</v>
      </c>
      <c r="C52216" s="14" t="s">
        <v>101</v>
      </c>
      <c r="D52216" s="14" t="s">
        <v>292</v>
      </c>
      <c r="E52216" s="15">
        <v>45397</v>
      </c>
      <c r="F52216" s="14" t="s">
        <v>61</v>
      </c>
      <c r="G52216" s="16">
        <v>7.1919818772725616E-2</v>
      </c>
    </row>
    <row r="52217" spans="1:7" x14ac:dyDescent="0.3">
      <c r="A52217" s="13" t="s">
        <v>291</v>
      </c>
      <c r="B52217" s="14" t="s">
        <v>1</v>
      </c>
      <c r="C52217" s="14" t="s">
        <v>101</v>
      </c>
      <c r="D52217" s="14" t="s">
        <v>292</v>
      </c>
      <c r="E52217" s="15">
        <v>45398</v>
      </c>
      <c r="F52217" s="14" t="s">
        <v>61</v>
      </c>
      <c r="G52217" s="16">
        <v>6.5974519467515938E-2</v>
      </c>
    </row>
    <row r="52218" spans="1:7" x14ac:dyDescent="0.3">
      <c r="A52218" s="13" t="s">
        <v>291</v>
      </c>
      <c r="B52218" s="14" t="s">
        <v>1</v>
      </c>
      <c r="C52218" s="14" t="s">
        <v>101</v>
      </c>
      <c r="D52218" s="14" t="s">
        <v>292</v>
      </c>
      <c r="E52218" s="15">
        <v>45399</v>
      </c>
      <c r="F52218" s="14" t="s">
        <v>61</v>
      </c>
      <c r="G52218" s="16">
        <v>6.5699288065426645E-2</v>
      </c>
    </row>
    <row r="52219" spans="1:7" x14ac:dyDescent="0.3">
      <c r="A52219" s="13" t="s">
        <v>291</v>
      </c>
      <c r="B52219" s="14" t="s">
        <v>1</v>
      </c>
      <c r="C52219" s="14" t="s">
        <v>101</v>
      </c>
      <c r="D52219" s="14" t="s">
        <v>292</v>
      </c>
      <c r="E52219" s="15">
        <v>45400</v>
      </c>
      <c r="F52219" s="14" t="s">
        <v>61</v>
      </c>
      <c r="G52219" s="16">
        <v>6.4903053696260662E-2</v>
      </c>
    </row>
    <row r="52220" spans="1:7" x14ac:dyDescent="0.3">
      <c r="A52220" s="13" t="s">
        <v>291</v>
      </c>
      <c r="B52220" s="14" t="s">
        <v>1</v>
      </c>
      <c r="C52220" s="14" t="s">
        <v>101</v>
      </c>
      <c r="D52220" s="14" t="s">
        <v>292</v>
      </c>
      <c r="E52220" s="15">
        <v>45401</v>
      </c>
      <c r="F52220" s="14" t="s">
        <v>61</v>
      </c>
      <c r="G52220" s="16">
        <v>6.9973979513907089E-2</v>
      </c>
    </row>
    <row r="52221" spans="1:7" x14ac:dyDescent="0.3">
      <c r="A52221" s="13" t="s">
        <v>291</v>
      </c>
      <c r="B52221" s="14" t="s">
        <v>1</v>
      </c>
      <c r="C52221" s="14" t="s">
        <v>101</v>
      </c>
      <c r="D52221" s="14" t="s">
        <v>292</v>
      </c>
      <c r="E52221" s="15">
        <v>45402</v>
      </c>
      <c r="F52221" s="14" t="s">
        <v>61</v>
      </c>
      <c r="G52221" s="16">
        <v>6.9973979513907089E-2</v>
      </c>
    </row>
    <row r="52222" spans="1:7" x14ac:dyDescent="0.3">
      <c r="A52222" s="13" t="s">
        <v>291</v>
      </c>
      <c r="B52222" s="14" t="s">
        <v>1</v>
      </c>
      <c r="C52222" s="14" t="s">
        <v>101</v>
      </c>
      <c r="D52222" s="14" t="s">
        <v>292</v>
      </c>
      <c r="E52222" s="15">
        <v>45403</v>
      </c>
      <c r="F52222" s="14" t="s">
        <v>61</v>
      </c>
      <c r="G52222" s="16">
        <v>6.9973979513907089E-2</v>
      </c>
    </row>
    <row r="52223" spans="1:7" x14ac:dyDescent="0.3">
      <c r="A52223" s="13" t="s">
        <v>291</v>
      </c>
      <c r="B52223" s="14" t="s">
        <v>1</v>
      </c>
      <c r="C52223" s="14" t="s">
        <v>101</v>
      </c>
      <c r="D52223" s="14" t="s">
        <v>292</v>
      </c>
      <c r="E52223" s="15">
        <v>45404</v>
      </c>
      <c r="F52223" s="14" t="s">
        <v>61</v>
      </c>
      <c r="G52223" s="16">
        <v>6.8996444674142884E-2</v>
      </c>
    </row>
    <row r="52224" spans="1:7" x14ac:dyDescent="0.3">
      <c r="A52224" s="13" t="s">
        <v>291</v>
      </c>
      <c r="B52224" s="14" t="s">
        <v>1</v>
      </c>
      <c r="C52224" s="14" t="s">
        <v>101</v>
      </c>
      <c r="D52224" s="14" t="s">
        <v>292</v>
      </c>
      <c r="E52224" s="15">
        <v>45405</v>
      </c>
      <c r="F52224" s="14" t="s">
        <v>61</v>
      </c>
      <c r="G52224" s="16">
        <v>0.13466137873774589</v>
      </c>
    </row>
    <row r="52225" spans="1:7" x14ac:dyDescent="0.3">
      <c r="A52225" s="13" t="s">
        <v>291</v>
      </c>
      <c r="B52225" s="14" t="s">
        <v>1</v>
      </c>
      <c r="C52225" s="14" t="s">
        <v>101</v>
      </c>
      <c r="D52225" s="14" t="s">
        <v>292</v>
      </c>
      <c r="E52225" s="15">
        <v>45406</v>
      </c>
      <c r="F52225" s="14" t="s">
        <v>61</v>
      </c>
      <c r="G52225" s="16">
        <v>0.13781665206117799</v>
      </c>
    </row>
    <row r="52226" spans="1:7" x14ac:dyDescent="0.3">
      <c r="A52226" s="13" t="s">
        <v>291</v>
      </c>
      <c r="B52226" s="14" t="s">
        <v>1</v>
      </c>
      <c r="C52226" s="14" t="s">
        <v>101</v>
      </c>
      <c r="D52226" s="14" t="s">
        <v>292</v>
      </c>
      <c r="E52226" s="15">
        <v>45407</v>
      </c>
      <c r="F52226" s="14" t="s">
        <v>61</v>
      </c>
      <c r="G52226" s="16">
        <v>0.13237168535571081</v>
      </c>
    </row>
    <row r="52227" spans="1:7" x14ac:dyDescent="0.3">
      <c r="A52227" s="13" t="s">
        <v>291</v>
      </c>
      <c r="B52227" s="14" t="s">
        <v>1</v>
      </c>
      <c r="C52227" s="14" t="s">
        <v>101</v>
      </c>
      <c r="D52227" s="14" t="s">
        <v>292</v>
      </c>
      <c r="E52227" s="15">
        <v>45408</v>
      </c>
      <c r="F52227" s="14" t="s">
        <v>61</v>
      </c>
      <c r="G52227" s="16">
        <v>0.13336693218320761</v>
      </c>
    </row>
    <row r="52228" spans="1:7" x14ac:dyDescent="0.3">
      <c r="A52228" s="13" t="s">
        <v>291</v>
      </c>
      <c r="B52228" s="14" t="s">
        <v>1</v>
      </c>
      <c r="C52228" s="14" t="s">
        <v>101</v>
      </c>
      <c r="D52228" s="14" t="s">
        <v>292</v>
      </c>
      <c r="E52228" s="15">
        <v>45409</v>
      </c>
      <c r="F52228" s="14" t="s">
        <v>61</v>
      </c>
      <c r="G52228" s="16">
        <v>0.13336693218320761</v>
      </c>
    </row>
    <row r="52229" spans="1:7" x14ac:dyDescent="0.3">
      <c r="A52229" s="13" t="s">
        <v>291</v>
      </c>
      <c r="B52229" s="14" t="s">
        <v>1</v>
      </c>
      <c r="C52229" s="14" t="s">
        <v>101</v>
      </c>
      <c r="D52229" s="14" t="s">
        <v>292</v>
      </c>
      <c r="E52229" s="15">
        <v>45410</v>
      </c>
      <c r="F52229" s="14" t="s">
        <v>61</v>
      </c>
      <c r="G52229" s="16">
        <v>0.13336693218320761</v>
      </c>
    </row>
    <row r="52230" spans="1:7" x14ac:dyDescent="0.3">
      <c r="A52230" s="13" t="s">
        <v>291</v>
      </c>
      <c r="B52230" s="14" t="s">
        <v>1</v>
      </c>
      <c r="C52230" s="14" t="s">
        <v>101</v>
      </c>
      <c r="D52230" s="14" t="s">
        <v>292</v>
      </c>
      <c r="E52230" s="15">
        <v>45411</v>
      </c>
      <c r="F52230" s="14" t="s">
        <v>61</v>
      </c>
      <c r="G52230" s="16">
        <v>0.13202671632164623</v>
      </c>
    </row>
    <row r="52231" spans="1:7" x14ac:dyDescent="0.3">
      <c r="A52231" s="13" t="s">
        <v>291</v>
      </c>
      <c r="B52231" s="14" t="s">
        <v>1</v>
      </c>
      <c r="C52231" s="14" t="s">
        <v>101</v>
      </c>
      <c r="D52231" s="14" t="s">
        <v>292</v>
      </c>
      <c r="E52231" s="15">
        <v>45412</v>
      </c>
      <c r="F52231" s="14" t="s">
        <v>61</v>
      </c>
      <c r="G52231" s="16">
        <v>0.13312454104750654</v>
      </c>
    </row>
    <row r="52232" spans="1:7" x14ac:dyDescent="0.3">
      <c r="A52232" s="13" t="s">
        <v>291</v>
      </c>
      <c r="B52232" s="14" t="s">
        <v>1</v>
      </c>
      <c r="C52232" s="14" t="s">
        <v>101</v>
      </c>
      <c r="D52232" s="14" t="s">
        <v>292</v>
      </c>
      <c r="E52232" s="15">
        <v>45413</v>
      </c>
      <c r="F52232" s="14" t="s">
        <v>61</v>
      </c>
      <c r="G52232" s="16">
        <v>0.27526183025325701</v>
      </c>
    </row>
    <row r="52233" spans="1:7" x14ac:dyDescent="0.3">
      <c r="A52233" s="13" t="s">
        <v>291</v>
      </c>
      <c r="B52233" s="14" t="s">
        <v>1</v>
      </c>
      <c r="C52233" s="14" t="s">
        <v>101</v>
      </c>
      <c r="D52233" s="14" t="s">
        <v>292</v>
      </c>
      <c r="E52233" s="15">
        <v>45414</v>
      </c>
      <c r="F52233" s="14" t="s">
        <v>61</v>
      </c>
      <c r="G52233" s="16">
        <v>0.27291558588991072</v>
      </c>
    </row>
    <row r="52234" spans="1:7" x14ac:dyDescent="0.3">
      <c r="A52234" s="13" t="s">
        <v>291</v>
      </c>
      <c r="B52234" s="14" t="s">
        <v>1</v>
      </c>
      <c r="C52234" s="14" t="s">
        <v>101</v>
      </c>
      <c r="D52234" s="14" t="s">
        <v>292</v>
      </c>
      <c r="E52234" s="15">
        <v>45415</v>
      </c>
      <c r="F52234" s="14" t="s">
        <v>61</v>
      </c>
      <c r="G52234" s="16">
        <v>0.27103727105979275</v>
      </c>
    </row>
    <row r="52235" spans="1:7" x14ac:dyDescent="0.3">
      <c r="A52235" s="13" t="s">
        <v>291</v>
      </c>
      <c r="B52235" s="14" t="s">
        <v>1</v>
      </c>
      <c r="C52235" s="14" t="s">
        <v>101</v>
      </c>
      <c r="D52235" s="14" t="s">
        <v>292</v>
      </c>
      <c r="E52235" s="15">
        <v>45416</v>
      </c>
      <c r="F52235" s="14" t="s">
        <v>61</v>
      </c>
      <c r="G52235" s="16">
        <v>0.27103727105979275</v>
      </c>
    </row>
    <row r="52236" spans="1:7" x14ac:dyDescent="0.3">
      <c r="A52236" s="13" t="s">
        <v>291</v>
      </c>
      <c r="B52236" s="14" t="s">
        <v>1</v>
      </c>
      <c r="C52236" s="14" t="s">
        <v>101</v>
      </c>
      <c r="D52236" s="14" t="s">
        <v>292</v>
      </c>
      <c r="E52236" s="15">
        <v>45417</v>
      </c>
      <c r="F52236" s="14" t="s">
        <v>61</v>
      </c>
      <c r="G52236" s="16">
        <v>0.27103727105979275</v>
      </c>
    </row>
    <row r="52237" spans="1:7" x14ac:dyDescent="0.3">
      <c r="A52237" s="13" t="s">
        <v>291</v>
      </c>
      <c r="B52237" s="14" t="s">
        <v>1</v>
      </c>
      <c r="C52237" s="14" t="s">
        <v>101</v>
      </c>
      <c r="D52237" s="14" t="s">
        <v>292</v>
      </c>
      <c r="E52237" s="15">
        <v>45418</v>
      </c>
      <c r="F52237" s="14" t="s">
        <v>61</v>
      </c>
      <c r="G52237" s="16">
        <v>0.27103727105979275</v>
      </c>
    </row>
    <row r="52238" spans="1:7" x14ac:dyDescent="0.3">
      <c r="A52238" s="13" t="s">
        <v>291</v>
      </c>
      <c r="B52238" s="14" t="s">
        <v>1</v>
      </c>
      <c r="C52238" s="14" t="s">
        <v>101</v>
      </c>
      <c r="D52238" s="14" t="s">
        <v>292</v>
      </c>
      <c r="E52238" s="15">
        <v>45419</v>
      </c>
      <c r="F52238" s="14" t="s">
        <v>61</v>
      </c>
      <c r="G52238" s="16">
        <v>0.28598385444139524</v>
      </c>
    </row>
    <row r="52239" spans="1:7" x14ac:dyDescent="0.3">
      <c r="A52239" s="13" t="s">
        <v>291</v>
      </c>
      <c r="B52239" s="14" t="s">
        <v>1</v>
      </c>
      <c r="C52239" s="14" t="s">
        <v>101</v>
      </c>
      <c r="D52239" s="14" t="s">
        <v>292</v>
      </c>
      <c r="E52239" s="15">
        <v>45420</v>
      </c>
      <c r="F52239" s="14" t="s">
        <v>61</v>
      </c>
      <c r="G52239" s="16">
        <v>0.33585729552898869</v>
      </c>
    </row>
    <row r="52240" spans="1:7" x14ac:dyDescent="0.3">
      <c r="A52240" s="13" t="s">
        <v>291</v>
      </c>
      <c r="B52240" s="14" t="s">
        <v>1</v>
      </c>
      <c r="C52240" s="14" t="s">
        <v>101</v>
      </c>
      <c r="D52240" s="14" t="s">
        <v>292</v>
      </c>
      <c r="E52240" s="15">
        <v>45421</v>
      </c>
      <c r="F52240" s="14" t="s">
        <v>61</v>
      </c>
      <c r="G52240" s="16">
        <v>0.39132010173357384</v>
      </c>
    </row>
    <row r="52241" spans="1:7" x14ac:dyDescent="0.3">
      <c r="A52241" s="13" t="s">
        <v>291</v>
      </c>
      <c r="B52241" s="14" t="s">
        <v>1</v>
      </c>
      <c r="C52241" s="14" t="s">
        <v>101</v>
      </c>
      <c r="D52241" s="14" t="s">
        <v>292</v>
      </c>
      <c r="E52241" s="15">
        <v>45422</v>
      </c>
      <c r="F52241" s="14" t="s">
        <v>61</v>
      </c>
      <c r="G52241" s="16">
        <v>0.40676353001311649</v>
      </c>
    </row>
    <row r="52242" spans="1:7" x14ac:dyDescent="0.3">
      <c r="A52242" s="13" t="s">
        <v>291</v>
      </c>
      <c r="B52242" s="14" t="s">
        <v>1</v>
      </c>
      <c r="C52242" s="14" t="s">
        <v>101</v>
      </c>
      <c r="D52242" s="14" t="s">
        <v>292</v>
      </c>
      <c r="E52242" s="15">
        <v>45423</v>
      </c>
      <c r="F52242" s="14" t="s">
        <v>61</v>
      </c>
      <c r="G52242" s="16">
        <v>0.40676353001311649</v>
      </c>
    </row>
    <row r="52243" spans="1:7" x14ac:dyDescent="0.3">
      <c r="A52243" s="13" t="s">
        <v>291</v>
      </c>
      <c r="B52243" s="14" t="s">
        <v>1</v>
      </c>
      <c r="C52243" s="14" t="s">
        <v>101</v>
      </c>
      <c r="D52243" s="14" t="s">
        <v>292</v>
      </c>
      <c r="E52243" s="15">
        <v>45424</v>
      </c>
      <c r="F52243" s="14" t="s">
        <v>61</v>
      </c>
      <c r="G52243" s="16">
        <v>0.40676353001311649</v>
      </c>
    </row>
    <row r="52244" spans="1:7" x14ac:dyDescent="0.3">
      <c r="A52244" s="13" t="s">
        <v>291</v>
      </c>
      <c r="B52244" s="14" t="s">
        <v>1</v>
      </c>
      <c r="C52244" s="14" t="s">
        <v>101</v>
      </c>
      <c r="D52244" s="14" t="s">
        <v>292</v>
      </c>
      <c r="E52244" s="15">
        <v>45425</v>
      </c>
      <c r="F52244" s="14" t="s">
        <v>61</v>
      </c>
      <c r="G52244" s="16">
        <v>0.40803493726734391</v>
      </c>
    </row>
    <row r="52245" spans="1:7" x14ac:dyDescent="0.3">
      <c r="A52245" s="13" t="s">
        <v>291</v>
      </c>
      <c r="B52245" s="14" t="s">
        <v>1</v>
      </c>
      <c r="C52245" s="14" t="s">
        <v>101</v>
      </c>
      <c r="D52245" s="14" t="s">
        <v>292</v>
      </c>
      <c r="E52245" s="15">
        <v>45426</v>
      </c>
      <c r="F52245" s="14" t="s">
        <v>61</v>
      </c>
      <c r="G52245" s="16">
        <v>0.39397109137817127</v>
      </c>
    </row>
    <row r="52246" spans="1:7" x14ac:dyDescent="0.3">
      <c r="A52246" s="13" t="s">
        <v>291</v>
      </c>
      <c r="B52246" s="14" t="s">
        <v>1</v>
      </c>
      <c r="C52246" s="14" t="s">
        <v>101</v>
      </c>
      <c r="D52246" s="14" t="s">
        <v>292</v>
      </c>
      <c r="E52246" s="15">
        <v>45427</v>
      </c>
      <c r="F52246" s="14" t="s">
        <v>61</v>
      </c>
      <c r="G52246" s="16">
        <v>0.39054738983859993</v>
      </c>
    </row>
    <row r="52247" spans="1:7" x14ac:dyDescent="0.3">
      <c r="A52247" s="13" t="s">
        <v>291</v>
      </c>
      <c r="B52247" s="14" t="s">
        <v>1</v>
      </c>
      <c r="C52247" s="14" t="s">
        <v>101</v>
      </c>
      <c r="D52247" s="14" t="s">
        <v>292</v>
      </c>
      <c r="E52247" s="15">
        <v>45428</v>
      </c>
      <c r="F52247" s="14" t="s">
        <v>61</v>
      </c>
      <c r="G52247" s="16">
        <v>0.43022779439142944</v>
      </c>
    </row>
    <row r="52248" spans="1:7" x14ac:dyDescent="0.3">
      <c r="A52248" s="13" t="s">
        <v>291</v>
      </c>
      <c r="B52248" s="14" t="s">
        <v>1</v>
      </c>
      <c r="C52248" s="14" t="s">
        <v>101</v>
      </c>
      <c r="D52248" s="14" t="s">
        <v>292</v>
      </c>
      <c r="E52248" s="15">
        <v>45429</v>
      </c>
      <c r="F52248" s="14" t="s">
        <v>61</v>
      </c>
      <c r="G52248" s="16">
        <v>0.46334343593073862</v>
      </c>
    </row>
    <row r="52249" spans="1:7" x14ac:dyDescent="0.3">
      <c r="A52249" s="13" t="s">
        <v>291</v>
      </c>
      <c r="B52249" s="14" t="s">
        <v>1</v>
      </c>
      <c r="C52249" s="14" t="s">
        <v>101</v>
      </c>
      <c r="D52249" s="14" t="s">
        <v>292</v>
      </c>
      <c r="E52249" s="15">
        <v>45430</v>
      </c>
      <c r="F52249" s="14" t="s">
        <v>61</v>
      </c>
      <c r="G52249" s="16">
        <v>0.46334343593073862</v>
      </c>
    </row>
    <row r="52250" spans="1:7" x14ac:dyDescent="0.3">
      <c r="A52250" s="13" t="s">
        <v>291</v>
      </c>
      <c r="B52250" s="14" t="s">
        <v>1</v>
      </c>
      <c r="C52250" s="14" t="s">
        <v>101</v>
      </c>
      <c r="D52250" s="14" t="s">
        <v>292</v>
      </c>
      <c r="E52250" s="15">
        <v>45431</v>
      </c>
      <c r="F52250" s="14" t="s">
        <v>61</v>
      </c>
      <c r="G52250" s="16">
        <v>0.46334343593073862</v>
      </c>
    </row>
    <row r="52251" spans="1:7" x14ac:dyDescent="0.3">
      <c r="A52251" s="13" t="s">
        <v>291</v>
      </c>
      <c r="B52251" s="14" t="s">
        <v>1</v>
      </c>
      <c r="C52251" s="14" t="s">
        <v>101</v>
      </c>
      <c r="D52251" s="14" t="s">
        <v>292</v>
      </c>
      <c r="E52251" s="15">
        <v>45432</v>
      </c>
      <c r="F52251" s="14" t="s">
        <v>61</v>
      </c>
      <c r="G52251" s="16">
        <v>0.46283425476998807</v>
      </c>
    </row>
    <row r="52252" spans="1:7" x14ac:dyDescent="0.3">
      <c r="A52252" s="13" t="s">
        <v>291</v>
      </c>
      <c r="B52252" s="14" t="s">
        <v>1</v>
      </c>
      <c r="C52252" s="14" t="s">
        <v>101</v>
      </c>
      <c r="D52252" s="14" t="s">
        <v>292</v>
      </c>
      <c r="E52252" s="15">
        <v>45433</v>
      </c>
      <c r="F52252" s="14" t="s">
        <v>61</v>
      </c>
      <c r="G52252" s="16">
        <v>0.45660231659863998</v>
      </c>
    </row>
    <row r="52253" spans="1:7" x14ac:dyDescent="0.3">
      <c r="A52253" s="13" t="s">
        <v>291</v>
      </c>
      <c r="B52253" s="14" t="s">
        <v>1</v>
      </c>
      <c r="C52253" s="14" t="s">
        <v>101</v>
      </c>
      <c r="D52253" s="14" t="s">
        <v>292</v>
      </c>
      <c r="E52253" s="15">
        <v>45434</v>
      </c>
      <c r="F52253" s="14" t="s">
        <v>61</v>
      </c>
      <c r="G52253" s="16">
        <v>0.45672535192945551</v>
      </c>
    </row>
    <row r="52254" spans="1:7" x14ac:dyDescent="0.3">
      <c r="A52254" s="13" t="s">
        <v>291</v>
      </c>
      <c r="B52254" s="14" t="s">
        <v>1</v>
      </c>
      <c r="C52254" s="14" t="s">
        <v>101</v>
      </c>
      <c r="D52254" s="14" t="s">
        <v>292</v>
      </c>
      <c r="E52254" s="15">
        <v>45435</v>
      </c>
      <c r="F52254" s="14" t="s">
        <v>61</v>
      </c>
      <c r="G52254" s="16">
        <v>0.4559574449075961</v>
      </c>
    </row>
    <row r="52255" spans="1:7" x14ac:dyDescent="0.3">
      <c r="A52255" s="13" t="s">
        <v>291</v>
      </c>
      <c r="B52255" s="14" t="s">
        <v>1</v>
      </c>
      <c r="C52255" s="14" t="s">
        <v>101</v>
      </c>
      <c r="D52255" s="14" t="s">
        <v>292</v>
      </c>
      <c r="E52255" s="15">
        <v>45436</v>
      </c>
      <c r="F52255" s="14" t="s">
        <v>61</v>
      </c>
      <c r="G52255" s="16">
        <v>0.46234152349315627</v>
      </c>
    </row>
    <row r="52256" spans="1:7" x14ac:dyDescent="0.3">
      <c r="A52256" s="13" t="s">
        <v>291</v>
      </c>
      <c r="B52256" s="14" t="s">
        <v>1</v>
      </c>
      <c r="C52256" s="14" t="s">
        <v>101</v>
      </c>
      <c r="D52256" s="14" t="s">
        <v>292</v>
      </c>
      <c r="E52256" s="15">
        <v>45437</v>
      </c>
      <c r="F52256" s="14" t="s">
        <v>61</v>
      </c>
      <c r="G52256" s="16">
        <v>0.46234152349315627</v>
      </c>
    </row>
    <row r="52257" spans="1:7" x14ac:dyDescent="0.3">
      <c r="A52257" s="13" t="s">
        <v>291</v>
      </c>
      <c r="B52257" s="14" t="s">
        <v>1</v>
      </c>
      <c r="C52257" s="14" t="s">
        <v>101</v>
      </c>
      <c r="D52257" s="14" t="s">
        <v>292</v>
      </c>
      <c r="E52257" s="15">
        <v>45438</v>
      </c>
      <c r="F52257" s="14" t="s">
        <v>61</v>
      </c>
      <c r="G52257" s="16">
        <v>0.46234152349315627</v>
      </c>
    </row>
    <row r="52258" spans="1:7" x14ac:dyDescent="0.3">
      <c r="A52258" s="13" t="s">
        <v>291</v>
      </c>
      <c r="B52258" s="14" t="s">
        <v>1</v>
      </c>
      <c r="C52258" s="14" t="s">
        <v>101</v>
      </c>
      <c r="D52258" s="14" t="s">
        <v>292</v>
      </c>
      <c r="E52258" s="15">
        <v>45439</v>
      </c>
      <c r="F52258" s="14" t="s">
        <v>61</v>
      </c>
      <c r="G52258" s="16">
        <v>0.46081614836998536</v>
      </c>
    </row>
    <row r="52259" spans="1:7" x14ac:dyDescent="0.3">
      <c r="A52259" s="13" t="s">
        <v>291</v>
      </c>
      <c r="B52259" s="14" t="s">
        <v>1</v>
      </c>
      <c r="C52259" s="14" t="s">
        <v>101</v>
      </c>
      <c r="D52259" s="14" t="s">
        <v>292</v>
      </c>
      <c r="E52259" s="15">
        <v>45440</v>
      </c>
      <c r="F52259" s="14" t="s">
        <v>61</v>
      </c>
      <c r="G52259" s="16">
        <v>0.45451356365266882</v>
      </c>
    </row>
    <row r="52260" spans="1:7" x14ac:dyDescent="0.3">
      <c r="A52260" s="13" t="s">
        <v>291</v>
      </c>
      <c r="B52260" s="14" t="s">
        <v>1</v>
      </c>
      <c r="C52260" s="14" t="s">
        <v>101</v>
      </c>
      <c r="D52260" s="14" t="s">
        <v>292</v>
      </c>
      <c r="E52260" s="15">
        <v>45441</v>
      </c>
      <c r="F52260" s="14" t="s">
        <v>61</v>
      </c>
      <c r="G52260" s="16">
        <v>0.48778619347798302</v>
      </c>
    </row>
    <row r="52261" spans="1:7" x14ac:dyDescent="0.3">
      <c r="A52261" s="13" t="s">
        <v>291</v>
      </c>
      <c r="B52261" s="14" t="s">
        <v>1</v>
      </c>
      <c r="C52261" s="14" t="s">
        <v>101</v>
      </c>
      <c r="D52261" s="14" t="s">
        <v>292</v>
      </c>
      <c r="E52261" s="15">
        <v>45442</v>
      </c>
      <c r="F52261" s="14" t="s">
        <v>61</v>
      </c>
      <c r="G52261" s="16">
        <v>0.48527197933071997</v>
      </c>
    </row>
    <row r="52262" spans="1:7" x14ac:dyDescent="0.3">
      <c r="A52262" s="13" t="s">
        <v>291</v>
      </c>
      <c r="B52262" s="14" t="s">
        <v>1</v>
      </c>
      <c r="C52262" s="14" t="s">
        <v>101</v>
      </c>
      <c r="D52262" s="14" t="s">
        <v>292</v>
      </c>
      <c r="E52262" s="15">
        <v>45443</v>
      </c>
      <c r="F52262" s="14" t="s">
        <v>61</v>
      </c>
      <c r="G52262" s="16">
        <v>0.48829732269721643</v>
      </c>
    </row>
    <row r="52263" spans="1:7" x14ac:dyDescent="0.3">
      <c r="A52263" s="13" t="s">
        <v>291</v>
      </c>
      <c r="B52263" s="14" t="s">
        <v>1</v>
      </c>
      <c r="C52263" s="14" t="s">
        <v>101</v>
      </c>
      <c r="D52263" s="14" t="s">
        <v>292</v>
      </c>
      <c r="E52263" s="15">
        <v>45444</v>
      </c>
      <c r="F52263" s="14" t="s">
        <v>61</v>
      </c>
      <c r="G52263" s="16">
        <v>0.48829732269721643</v>
      </c>
    </row>
    <row r="52264" spans="1:7" x14ac:dyDescent="0.3">
      <c r="A52264" s="13" t="s">
        <v>291</v>
      </c>
      <c r="B52264" s="14" t="s">
        <v>1</v>
      </c>
      <c r="C52264" s="14" t="s">
        <v>101</v>
      </c>
      <c r="D52264" s="14" t="s">
        <v>292</v>
      </c>
      <c r="E52264" s="15">
        <v>45445</v>
      </c>
      <c r="F52264" s="14" t="s">
        <v>61</v>
      </c>
      <c r="G52264" s="16">
        <v>0.48829732269721643</v>
      </c>
    </row>
    <row r="52265" spans="1:7" x14ac:dyDescent="0.3">
      <c r="A52265" s="13" t="s">
        <v>291</v>
      </c>
      <c r="B52265" s="14" t="s">
        <v>1</v>
      </c>
      <c r="C52265" s="14" t="s">
        <v>101</v>
      </c>
      <c r="D52265" s="14" t="s">
        <v>292</v>
      </c>
      <c r="E52265" s="15">
        <v>45446</v>
      </c>
      <c r="F52265" s="14" t="s">
        <v>61</v>
      </c>
      <c r="G52265" s="16">
        <v>0.48829732269721643</v>
      </c>
    </row>
    <row r="52266" spans="1:7" x14ac:dyDescent="0.3">
      <c r="A52266" s="13" t="s">
        <v>291</v>
      </c>
      <c r="B52266" s="14" t="s">
        <v>1</v>
      </c>
      <c r="C52266" s="14" t="s">
        <v>101</v>
      </c>
      <c r="D52266" s="14" t="s">
        <v>292</v>
      </c>
      <c r="E52266" s="15">
        <v>45447</v>
      </c>
      <c r="F52266" s="14" t="s">
        <v>61</v>
      </c>
      <c r="G52266" s="16">
        <v>0.5177286207269427</v>
      </c>
    </row>
    <row r="52267" spans="1:7" x14ac:dyDescent="0.3">
      <c r="A52267" s="13" t="s">
        <v>291</v>
      </c>
      <c r="B52267" s="14" t="s">
        <v>1</v>
      </c>
      <c r="C52267" s="14" t="s">
        <v>101</v>
      </c>
      <c r="D52267" s="14" t="s">
        <v>292</v>
      </c>
      <c r="E52267" s="15">
        <v>45448</v>
      </c>
      <c r="F52267" s="14" t="s">
        <v>61</v>
      </c>
      <c r="G52267" s="16">
        <v>0.52460418403829456</v>
      </c>
    </row>
    <row r="52268" spans="1:7" x14ac:dyDescent="0.3">
      <c r="A52268" s="13" t="s">
        <v>291</v>
      </c>
      <c r="B52268" s="14" t="s">
        <v>1</v>
      </c>
      <c r="C52268" s="14" t="s">
        <v>101</v>
      </c>
      <c r="D52268" s="14" t="s">
        <v>292</v>
      </c>
      <c r="E52268" s="15">
        <v>45449</v>
      </c>
      <c r="F52268" s="14" t="s">
        <v>61</v>
      </c>
      <c r="G52268" s="16">
        <v>0.53293491426452988</v>
      </c>
    </row>
    <row r="52269" spans="1:7" x14ac:dyDescent="0.3">
      <c r="A52269" s="13" t="s">
        <v>291</v>
      </c>
      <c r="B52269" s="14" t="s">
        <v>1</v>
      </c>
      <c r="C52269" s="14" t="s">
        <v>101</v>
      </c>
      <c r="D52269" s="14" t="s">
        <v>292</v>
      </c>
      <c r="E52269" s="15">
        <v>45450</v>
      </c>
      <c r="F52269" s="14" t="s">
        <v>61</v>
      </c>
      <c r="G52269" s="16">
        <v>0.54072074620774424</v>
      </c>
    </row>
    <row r="52270" spans="1:7" x14ac:dyDescent="0.3">
      <c r="A52270" s="13" t="s">
        <v>291</v>
      </c>
      <c r="B52270" s="14" t="s">
        <v>1</v>
      </c>
      <c r="C52270" s="14" t="s">
        <v>101</v>
      </c>
      <c r="D52270" s="14" t="s">
        <v>292</v>
      </c>
      <c r="E52270" s="15">
        <v>45451</v>
      </c>
      <c r="F52270" s="14" t="s">
        <v>61</v>
      </c>
      <c r="G52270" s="16">
        <v>0.54072074620774424</v>
      </c>
    </row>
    <row r="52271" spans="1:7" x14ac:dyDescent="0.3">
      <c r="A52271" s="13" t="s">
        <v>291</v>
      </c>
      <c r="B52271" s="14" t="s">
        <v>1</v>
      </c>
      <c r="C52271" s="14" t="s">
        <v>101</v>
      </c>
      <c r="D52271" s="14" t="s">
        <v>292</v>
      </c>
      <c r="E52271" s="15">
        <v>45452</v>
      </c>
      <c r="F52271" s="14" t="s">
        <v>61</v>
      </c>
      <c r="G52271" s="16">
        <v>0.54072074620774424</v>
      </c>
    </row>
    <row r="52272" spans="1:7" x14ac:dyDescent="0.3">
      <c r="A52272" s="13" t="s">
        <v>291</v>
      </c>
      <c r="B52272" s="14" t="s">
        <v>1</v>
      </c>
      <c r="C52272" s="14" t="s">
        <v>101</v>
      </c>
      <c r="D52272" s="14" t="s">
        <v>292</v>
      </c>
      <c r="E52272" s="15">
        <v>45453</v>
      </c>
      <c r="F52272" s="14" t="s">
        <v>61</v>
      </c>
      <c r="G52272" s="16">
        <v>0.54870968905313622</v>
      </c>
    </row>
    <row r="52273" spans="1:7" x14ac:dyDescent="0.3">
      <c r="A52273" s="13" t="s">
        <v>291</v>
      </c>
      <c r="B52273" s="14" t="s">
        <v>1</v>
      </c>
      <c r="C52273" s="14" t="s">
        <v>101</v>
      </c>
      <c r="D52273" s="14" t="s">
        <v>292</v>
      </c>
      <c r="E52273" s="15">
        <v>45454</v>
      </c>
      <c r="F52273" s="14" t="s">
        <v>61</v>
      </c>
      <c r="G52273" s="16">
        <v>0.60749584176162075</v>
      </c>
    </row>
    <row r="52274" spans="1:7" x14ac:dyDescent="0.3">
      <c r="A52274" s="13" t="s">
        <v>291</v>
      </c>
      <c r="B52274" s="14" t="s">
        <v>1</v>
      </c>
      <c r="C52274" s="14" t="s">
        <v>101</v>
      </c>
      <c r="D52274" s="14" t="s">
        <v>292</v>
      </c>
      <c r="E52274" s="15">
        <v>45455</v>
      </c>
      <c r="F52274" s="14" t="s">
        <v>61</v>
      </c>
      <c r="G52274" s="16">
        <v>0.60248648244873104</v>
      </c>
    </row>
    <row r="52275" spans="1:7" x14ac:dyDescent="0.3">
      <c r="A52275" s="13" t="s">
        <v>291</v>
      </c>
      <c r="B52275" s="14" t="s">
        <v>1</v>
      </c>
      <c r="C52275" s="14" t="s">
        <v>101</v>
      </c>
      <c r="D52275" s="14" t="s">
        <v>292</v>
      </c>
      <c r="E52275" s="15">
        <v>45456</v>
      </c>
      <c r="F52275" s="14" t="s">
        <v>61</v>
      </c>
      <c r="G52275" s="16">
        <v>0.60544073353163708</v>
      </c>
    </row>
    <row r="52276" spans="1:7" x14ac:dyDescent="0.3">
      <c r="A52276" s="13" t="s">
        <v>291</v>
      </c>
      <c r="B52276" s="14" t="s">
        <v>1</v>
      </c>
      <c r="C52276" s="14" t="s">
        <v>101</v>
      </c>
      <c r="D52276" s="14" t="s">
        <v>292</v>
      </c>
      <c r="E52276" s="15">
        <v>45457</v>
      </c>
      <c r="F52276" s="14" t="s">
        <v>61</v>
      </c>
      <c r="G52276" s="16">
        <v>0.61142725118049612</v>
      </c>
    </row>
    <row r="52277" spans="1:7" x14ac:dyDescent="0.3">
      <c r="A52277" s="13" t="s">
        <v>291</v>
      </c>
      <c r="B52277" s="14" t="s">
        <v>1</v>
      </c>
      <c r="C52277" s="14" t="s">
        <v>101</v>
      </c>
      <c r="D52277" s="14" t="s">
        <v>292</v>
      </c>
      <c r="E52277" s="15">
        <v>45458</v>
      </c>
      <c r="F52277" s="14" t="s">
        <v>61</v>
      </c>
      <c r="G52277" s="16">
        <v>0.61142725118049612</v>
      </c>
    </row>
    <row r="52278" spans="1:7" x14ac:dyDescent="0.3">
      <c r="A52278" s="13" t="s">
        <v>291</v>
      </c>
      <c r="B52278" s="14" t="s">
        <v>1</v>
      </c>
      <c r="C52278" s="14" t="s">
        <v>101</v>
      </c>
      <c r="D52278" s="14" t="s">
        <v>292</v>
      </c>
      <c r="E52278" s="15">
        <v>45459</v>
      </c>
      <c r="F52278" s="14" t="s">
        <v>61</v>
      </c>
      <c r="G52278" s="16">
        <v>0.61142725118049612</v>
      </c>
    </row>
    <row r="52279" spans="1:7" x14ac:dyDescent="0.3">
      <c r="A52279" s="13" t="s">
        <v>291</v>
      </c>
      <c r="B52279" s="14" t="s">
        <v>1</v>
      </c>
      <c r="C52279" s="14" t="s">
        <v>101</v>
      </c>
      <c r="D52279" s="14" t="s">
        <v>292</v>
      </c>
      <c r="E52279" s="15">
        <v>45460</v>
      </c>
      <c r="F52279" s="14" t="s">
        <v>61</v>
      </c>
      <c r="G52279" s="16">
        <v>0.6106097927363382</v>
      </c>
    </row>
    <row r="52280" spans="1:7" x14ac:dyDescent="0.3">
      <c r="A52280" s="13" t="s">
        <v>291</v>
      </c>
      <c r="B52280" s="14" t="s">
        <v>1</v>
      </c>
      <c r="C52280" s="14" t="s">
        <v>101</v>
      </c>
      <c r="D52280" s="14" t="s">
        <v>292</v>
      </c>
      <c r="E52280" s="15">
        <v>45461</v>
      </c>
      <c r="F52280" s="14" t="s">
        <v>61</v>
      </c>
      <c r="G52280" s="16">
        <v>0.62512192309883041</v>
      </c>
    </row>
    <row r="52281" spans="1:7" x14ac:dyDescent="0.3">
      <c r="A52281" s="13" t="s">
        <v>291</v>
      </c>
      <c r="B52281" s="14" t="s">
        <v>1</v>
      </c>
      <c r="C52281" s="14" t="s">
        <v>101</v>
      </c>
      <c r="D52281" s="14" t="s">
        <v>292</v>
      </c>
      <c r="E52281" s="15">
        <v>45462</v>
      </c>
      <c r="F52281" s="14" t="s">
        <v>61</v>
      </c>
      <c r="G52281" s="16">
        <v>0.63007383203368716</v>
      </c>
    </row>
    <row r="52282" spans="1:7" x14ac:dyDescent="0.3">
      <c r="A52282" s="13" t="s">
        <v>291</v>
      </c>
      <c r="B52282" s="14" t="s">
        <v>1</v>
      </c>
      <c r="C52282" s="14" t="s">
        <v>101</v>
      </c>
      <c r="D52282" s="14" t="s">
        <v>292</v>
      </c>
      <c r="E52282" s="15">
        <v>45463</v>
      </c>
      <c r="F52282" s="14" t="s">
        <v>61</v>
      </c>
      <c r="G52282" s="16">
        <v>0.63146530838395676</v>
      </c>
    </row>
    <row r="52283" spans="1:7" x14ac:dyDescent="0.3">
      <c r="A52283" s="13" t="s">
        <v>291</v>
      </c>
      <c r="B52283" s="14" t="s">
        <v>1</v>
      </c>
      <c r="C52283" s="14" t="s">
        <v>101</v>
      </c>
      <c r="D52283" s="14" t="s">
        <v>292</v>
      </c>
      <c r="E52283" s="15">
        <v>45464</v>
      </c>
      <c r="F52283" s="14" t="s">
        <v>61</v>
      </c>
      <c r="G52283" s="16">
        <v>0.63543796088813065</v>
      </c>
    </row>
    <row r="52284" spans="1:7" x14ac:dyDescent="0.3">
      <c r="A52284" s="13" t="s">
        <v>291</v>
      </c>
      <c r="B52284" s="14" t="s">
        <v>1</v>
      </c>
      <c r="C52284" s="14" t="s">
        <v>101</v>
      </c>
      <c r="D52284" s="14" t="s">
        <v>292</v>
      </c>
      <c r="E52284" s="15">
        <v>45465</v>
      </c>
      <c r="F52284" s="14" t="s">
        <v>61</v>
      </c>
      <c r="G52284" s="16">
        <v>0.63543796088813065</v>
      </c>
    </row>
    <row r="52285" spans="1:7" x14ac:dyDescent="0.3">
      <c r="A52285" s="13" t="s">
        <v>291</v>
      </c>
      <c r="B52285" s="14" t="s">
        <v>1</v>
      </c>
      <c r="C52285" s="14" t="s">
        <v>101</v>
      </c>
      <c r="D52285" s="14" t="s">
        <v>292</v>
      </c>
      <c r="E52285" s="15">
        <v>45466</v>
      </c>
      <c r="F52285" s="14" t="s">
        <v>61</v>
      </c>
      <c r="G52285" s="16">
        <v>0.63543796088813065</v>
      </c>
    </row>
    <row r="52286" spans="1:7" x14ac:dyDescent="0.3">
      <c r="A52286" s="13" t="s">
        <v>291</v>
      </c>
      <c r="B52286" s="14" t="s">
        <v>1</v>
      </c>
      <c r="C52286" s="14" t="s">
        <v>101</v>
      </c>
      <c r="D52286" s="14" t="s">
        <v>292</v>
      </c>
      <c r="E52286" s="15">
        <v>45467</v>
      </c>
      <c r="F52286" s="14" t="s">
        <v>61</v>
      </c>
      <c r="G52286" s="16">
        <v>0.63201864885926973</v>
      </c>
    </row>
    <row r="52287" spans="1:7" x14ac:dyDescent="0.3">
      <c r="A52287" s="13" t="s">
        <v>291</v>
      </c>
      <c r="B52287" s="14" t="s">
        <v>1</v>
      </c>
      <c r="C52287" s="14" t="s">
        <v>101</v>
      </c>
      <c r="D52287" s="14" t="s">
        <v>292</v>
      </c>
      <c r="E52287" s="15">
        <v>45468</v>
      </c>
      <c r="F52287" s="14" t="s">
        <v>61</v>
      </c>
      <c r="G52287" s="16">
        <v>0.62689751878226319</v>
      </c>
    </row>
    <row r="52288" spans="1:7" x14ac:dyDescent="0.3">
      <c r="A52288" s="13" t="s">
        <v>291</v>
      </c>
      <c r="B52288" s="14" t="s">
        <v>1</v>
      </c>
      <c r="C52288" s="14" t="s">
        <v>101</v>
      </c>
      <c r="D52288" s="14" t="s">
        <v>292</v>
      </c>
      <c r="E52288" s="15">
        <v>45469</v>
      </c>
      <c r="F52288" s="14" t="s">
        <v>61</v>
      </c>
      <c r="G52288" s="16">
        <v>0.6277932214673958</v>
      </c>
    </row>
    <row r="52289" spans="1:7" x14ac:dyDescent="0.3">
      <c r="A52289" s="13" t="s">
        <v>291</v>
      </c>
      <c r="B52289" s="14" t="s">
        <v>1</v>
      </c>
      <c r="C52289" s="14" t="s">
        <v>101</v>
      </c>
      <c r="D52289" s="14" t="s">
        <v>292</v>
      </c>
      <c r="E52289" s="15">
        <v>45470</v>
      </c>
      <c r="F52289" s="14" t="s">
        <v>61</v>
      </c>
      <c r="G52289" s="16">
        <v>0.62528880256542796</v>
      </c>
    </row>
    <row r="52290" spans="1:7" x14ac:dyDescent="0.3">
      <c r="A52290" s="13" t="s">
        <v>291</v>
      </c>
      <c r="B52290" s="14" t="s">
        <v>1</v>
      </c>
      <c r="C52290" s="14" t="s">
        <v>101</v>
      </c>
      <c r="D52290" s="14" t="s">
        <v>292</v>
      </c>
      <c r="E52290" s="15">
        <v>45471</v>
      </c>
      <c r="F52290" s="14" t="s">
        <v>61</v>
      </c>
      <c r="G52290" s="16">
        <v>0.63678657668084448</v>
      </c>
    </row>
    <row r="52291" spans="1:7" x14ac:dyDescent="0.3">
      <c r="A52291" s="13" t="s">
        <v>291</v>
      </c>
      <c r="B52291" s="14" t="s">
        <v>1</v>
      </c>
      <c r="C52291" s="14" t="s">
        <v>101</v>
      </c>
      <c r="D52291" s="14" t="s">
        <v>292</v>
      </c>
      <c r="E52291" s="15">
        <v>45472</v>
      </c>
      <c r="F52291" s="14" t="s">
        <v>61</v>
      </c>
      <c r="G52291" s="16">
        <v>0.63678657668084448</v>
      </c>
    </row>
    <row r="52292" spans="1:7" x14ac:dyDescent="0.3">
      <c r="A52292" s="13" t="s">
        <v>291</v>
      </c>
      <c r="B52292" s="14" t="s">
        <v>1</v>
      </c>
      <c r="C52292" s="14" t="s">
        <v>101</v>
      </c>
      <c r="D52292" s="14" t="s">
        <v>292</v>
      </c>
      <c r="E52292" s="15">
        <v>45473</v>
      </c>
      <c r="F52292" s="14" t="s">
        <v>61</v>
      </c>
      <c r="G52292" s="16">
        <v>0.63678657668084448</v>
      </c>
    </row>
    <row r="52293" spans="1:7" x14ac:dyDescent="0.3">
      <c r="A52293" s="13" t="s">
        <v>291</v>
      </c>
      <c r="B52293" s="14" t="s">
        <v>1</v>
      </c>
      <c r="C52293" s="14" t="s">
        <v>101</v>
      </c>
      <c r="D52293" s="14" t="s">
        <v>292</v>
      </c>
      <c r="E52293" s="15">
        <v>45474</v>
      </c>
      <c r="F52293" s="14" t="s">
        <v>61</v>
      </c>
      <c r="G52293" s="16">
        <v>0.63984389965001154</v>
      </c>
    </row>
    <row r="52294" spans="1:7" x14ac:dyDescent="0.3">
      <c r="A52294" s="13" t="s">
        <v>291</v>
      </c>
      <c r="B52294" s="14" t="s">
        <v>1</v>
      </c>
      <c r="C52294" s="14" t="s">
        <v>101</v>
      </c>
      <c r="D52294" s="14" t="s">
        <v>292</v>
      </c>
      <c r="E52294" s="15">
        <v>45475</v>
      </c>
      <c r="F52294" s="14" t="s">
        <v>61</v>
      </c>
      <c r="G52294" s="16">
        <v>0.6335511895601964</v>
      </c>
    </row>
    <row r="52295" spans="1:7" x14ac:dyDescent="0.3">
      <c r="A52295" s="13" t="s">
        <v>291</v>
      </c>
      <c r="B52295" s="14" t="s">
        <v>1</v>
      </c>
      <c r="C52295" s="14" t="s">
        <v>101</v>
      </c>
      <c r="D52295" s="14" t="s">
        <v>292</v>
      </c>
      <c r="E52295" s="15">
        <v>45476</v>
      </c>
      <c r="F52295" s="14" t="s">
        <v>61</v>
      </c>
      <c r="G52295" s="16">
        <v>0.63000823995608746</v>
      </c>
    </row>
    <row r="52296" spans="1:7" x14ac:dyDescent="0.3">
      <c r="A52296" s="13" t="s">
        <v>291</v>
      </c>
      <c r="B52296" s="14" t="s">
        <v>1</v>
      </c>
      <c r="C52296" s="14" t="s">
        <v>101</v>
      </c>
      <c r="D52296" s="14" t="s">
        <v>292</v>
      </c>
      <c r="E52296" s="15">
        <v>45477</v>
      </c>
      <c r="F52296" s="14" t="s">
        <v>61</v>
      </c>
      <c r="G52296" s="16">
        <v>0.63163508234810295</v>
      </c>
    </row>
    <row r="52297" spans="1:7" x14ac:dyDescent="0.3">
      <c r="A52297" s="13" t="s">
        <v>291</v>
      </c>
      <c r="B52297" s="14" t="s">
        <v>1</v>
      </c>
      <c r="C52297" s="14" t="s">
        <v>101</v>
      </c>
      <c r="D52297" s="14" t="s">
        <v>292</v>
      </c>
      <c r="E52297" s="15">
        <v>45478</v>
      </c>
      <c r="F52297" s="14" t="s">
        <v>61</v>
      </c>
      <c r="G52297" s="16">
        <v>0.62878207407141984</v>
      </c>
    </row>
    <row r="52298" spans="1:7" x14ac:dyDescent="0.3">
      <c r="A52298" s="13" t="s">
        <v>291</v>
      </c>
      <c r="B52298" s="14" t="s">
        <v>1</v>
      </c>
      <c r="C52298" s="14" t="s">
        <v>101</v>
      </c>
      <c r="D52298" s="14" t="s">
        <v>292</v>
      </c>
      <c r="E52298" s="15">
        <v>45479</v>
      </c>
      <c r="F52298" s="14" t="s">
        <v>61</v>
      </c>
      <c r="G52298" s="16">
        <v>0.62878207407141984</v>
      </c>
    </row>
    <row r="52299" spans="1:7" x14ac:dyDescent="0.3">
      <c r="A52299" s="13" t="s">
        <v>291</v>
      </c>
      <c r="B52299" s="14" t="s">
        <v>1</v>
      </c>
      <c r="C52299" s="14" t="s">
        <v>101</v>
      </c>
      <c r="D52299" s="14" t="s">
        <v>292</v>
      </c>
      <c r="E52299" s="15">
        <v>45480</v>
      </c>
      <c r="F52299" s="14" t="s">
        <v>61</v>
      </c>
      <c r="G52299" s="16">
        <v>0.62878207407141984</v>
      </c>
    </row>
    <row r="52300" spans="1:7" x14ac:dyDescent="0.3">
      <c r="A52300" s="13" t="s">
        <v>291</v>
      </c>
      <c r="B52300" s="14" t="s">
        <v>1</v>
      </c>
      <c r="C52300" s="14" t="s">
        <v>101</v>
      </c>
      <c r="D52300" s="14" t="s">
        <v>292</v>
      </c>
      <c r="E52300" s="15">
        <v>45481</v>
      </c>
      <c r="F52300" s="14" t="s">
        <v>61</v>
      </c>
      <c r="G52300" s="16">
        <v>0.62945981337464796</v>
      </c>
    </row>
    <row r="52301" spans="1:7" x14ac:dyDescent="0.3">
      <c r="A52301" s="13" t="s">
        <v>291</v>
      </c>
      <c r="B52301" s="14" t="s">
        <v>1</v>
      </c>
      <c r="C52301" s="14" t="s">
        <v>101</v>
      </c>
      <c r="D52301" s="14" t="s">
        <v>292</v>
      </c>
      <c r="E52301" s="15">
        <v>45482</v>
      </c>
      <c r="F52301" s="14" t="s">
        <v>61</v>
      </c>
      <c r="G52301" s="16">
        <v>0.62348617503538695</v>
      </c>
    </row>
    <row r="52302" spans="1:7" x14ac:dyDescent="0.3">
      <c r="A52302" s="13" t="s">
        <v>291</v>
      </c>
      <c r="B52302" s="14" t="s">
        <v>1</v>
      </c>
      <c r="C52302" s="14" t="s">
        <v>101</v>
      </c>
      <c r="D52302" s="14" t="s">
        <v>292</v>
      </c>
      <c r="E52302" s="15">
        <v>45483</v>
      </c>
      <c r="F52302" s="14" t="s">
        <v>61</v>
      </c>
      <c r="G52302" s="16">
        <v>0.62137493446643688</v>
      </c>
    </row>
    <row r="52303" spans="1:7" x14ac:dyDescent="0.3">
      <c r="A52303" s="13" t="s">
        <v>291</v>
      </c>
      <c r="B52303" s="14" t="s">
        <v>1</v>
      </c>
      <c r="C52303" s="14" t="s">
        <v>101</v>
      </c>
      <c r="D52303" s="14" t="s">
        <v>292</v>
      </c>
      <c r="E52303" s="15">
        <v>45484</v>
      </c>
      <c r="F52303" s="14" t="s">
        <v>61</v>
      </c>
      <c r="G52303" s="16">
        <v>0.61793577069951433</v>
      </c>
    </row>
    <row r="52304" spans="1:7" x14ac:dyDescent="0.3">
      <c r="A52304" s="13" t="s">
        <v>291</v>
      </c>
      <c r="B52304" s="14" t="s">
        <v>1</v>
      </c>
      <c r="C52304" s="14" t="s">
        <v>101</v>
      </c>
      <c r="D52304" s="14" t="s">
        <v>292</v>
      </c>
      <c r="E52304" s="15">
        <v>45485</v>
      </c>
      <c r="F52304" s="14" t="s">
        <v>61</v>
      </c>
      <c r="G52304" s="16">
        <v>0.62240223979975906</v>
      </c>
    </row>
    <row r="52305" spans="1:7" x14ac:dyDescent="0.3">
      <c r="A52305" s="13" t="s">
        <v>291</v>
      </c>
      <c r="B52305" s="14" t="s">
        <v>1</v>
      </c>
      <c r="C52305" s="14" t="s">
        <v>101</v>
      </c>
      <c r="D52305" s="14" t="s">
        <v>292</v>
      </c>
      <c r="E52305" s="15">
        <v>45486</v>
      </c>
      <c r="F52305" s="14" t="s">
        <v>61</v>
      </c>
      <c r="G52305" s="16">
        <v>0.62240223979975906</v>
      </c>
    </row>
    <row r="52306" spans="1:7" x14ac:dyDescent="0.3">
      <c r="A52306" s="13" t="s">
        <v>291</v>
      </c>
      <c r="B52306" s="14" t="s">
        <v>1</v>
      </c>
      <c r="C52306" s="14" t="s">
        <v>101</v>
      </c>
      <c r="D52306" s="14" t="s">
        <v>292</v>
      </c>
      <c r="E52306" s="15">
        <v>45487</v>
      </c>
      <c r="F52306" s="14" t="s">
        <v>61</v>
      </c>
      <c r="G52306" s="16">
        <v>0.62240223979975906</v>
      </c>
    </row>
    <row r="52307" spans="1:7" x14ac:dyDescent="0.3">
      <c r="A52307" s="13" t="s">
        <v>291</v>
      </c>
      <c r="B52307" s="14" t="s">
        <v>1</v>
      </c>
      <c r="C52307" s="14" t="s">
        <v>101</v>
      </c>
      <c r="D52307" s="14" t="s">
        <v>292</v>
      </c>
      <c r="E52307" s="15">
        <v>45488</v>
      </c>
      <c r="F52307" s="14" t="s">
        <v>61</v>
      </c>
      <c r="G52307" s="16">
        <v>0.62661529871985078</v>
      </c>
    </row>
    <row r="52308" spans="1:7" x14ac:dyDescent="0.3">
      <c r="A52308" s="13" t="s">
        <v>291</v>
      </c>
      <c r="B52308" s="14" t="s">
        <v>1</v>
      </c>
      <c r="C52308" s="14" t="s">
        <v>101</v>
      </c>
      <c r="D52308" s="14" t="s">
        <v>292</v>
      </c>
      <c r="E52308" s="15">
        <v>45489</v>
      </c>
      <c r="F52308" s="14" t="s">
        <v>61</v>
      </c>
      <c r="G52308" s="16">
        <v>0.61940836568120894</v>
      </c>
    </row>
    <row r="52309" spans="1:7" x14ac:dyDescent="0.3">
      <c r="A52309" s="13" t="s">
        <v>291</v>
      </c>
      <c r="B52309" s="14" t="s">
        <v>1</v>
      </c>
      <c r="C52309" s="14" t="s">
        <v>101</v>
      </c>
      <c r="D52309" s="14" t="s">
        <v>292</v>
      </c>
      <c r="E52309" s="15">
        <v>45490</v>
      </c>
      <c r="F52309" s="14" t="s">
        <v>61</v>
      </c>
      <c r="G52309" s="16">
        <v>0.61588469715331218</v>
      </c>
    </row>
    <row r="52310" spans="1:7" x14ac:dyDescent="0.3">
      <c r="A52310" s="13" t="s">
        <v>291</v>
      </c>
      <c r="B52310" s="14" t="s">
        <v>1</v>
      </c>
      <c r="C52310" s="14" t="s">
        <v>101</v>
      </c>
      <c r="D52310" s="14" t="s">
        <v>292</v>
      </c>
      <c r="E52310" s="15">
        <v>45491</v>
      </c>
      <c r="F52310" s="14" t="s">
        <v>61</v>
      </c>
      <c r="G52310" s="16">
        <v>0.61712077588237602</v>
      </c>
    </row>
    <row r="52311" spans="1:7" x14ac:dyDescent="0.3">
      <c r="A52311" s="13" t="s">
        <v>291</v>
      </c>
      <c r="B52311" s="14" t="s">
        <v>1</v>
      </c>
      <c r="C52311" s="14" t="s">
        <v>101</v>
      </c>
      <c r="D52311" s="14" t="s">
        <v>292</v>
      </c>
      <c r="E52311" s="15">
        <v>45492</v>
      </c>
      <c r="F52311" s="14" t="s">
        <v>61</v>
      </c>
      <c r="G52311" s="16">
        <v>0.62399236679599568</v>
      </c>
    </row>
    <row r="52312" spans="1:7" x14ac:dyDescent="0.3">
      <c r="A52312" s="13" t="s">
        <v>291</v>
      </c>
      <c r="B52312" s="14" t="s">
        <v>1</v>
      </c>
      <c r="C52312" s="14" t="s">
        <v>101</v>
      </c>
      <c r="D52312" s="14" t="s">
        <v>292</v>
      </c>
      <c r="E52312" s="15">
        <v>45493</v>
      </c>
      <c r="F52312" s="14" t="s">
        <v>61</v>
      </c>
      <c r="G52312" s="16">
        <v>0.62399236679599568</v>
      </c>
    </row>
    <row r="52313" spans="1:7" x14ac:dyDescent="0.3">
      <c r="A52313" s="13" t="s">
        <v>291</v>
      </c>
      <c r="B52313" s="14" t="s">
        <v>1</v>
      </c>
      <c r="C52313" s="14" t="s">
        <v>101</v>
      </c>
      <c r="D52313" s="14" t="s">
        <v>292</v>
      </c>
      <c r="E52313" s="15">
        <v>45494</v>
      </c>
      <c r="F52313" s="14" t="s">
        <v>61</v>
      </c>
      <c r="G52313" s="16">
        <v>0.62399236679599568</v>
      </c>
    </row>
    <row r="52314" spans="1:7" x14ac:dyDescent="0.3">
      <c r="A52314" s="13" t="s">
        <v>291</v>
      </c>
      <c r="B52314" s="14" t="s">
        <v>1</v>
      </c>
      <c r="C52314" s="14" t="s">
        <v>101</v>
      </c>
      <c r="D52314" s="14" t="s">
        <v>292</v>
      </c>
      <c r="E52314" s="15">
        <v>45495</v>
      </c>
      <c r="F52314" s="14" t="s">
        <v>61</v>
      </c>
      <c r="G52314" s="16">
        <v>0.62193704836527219</v>
      </c>
    </row>
    <row r="52315" spans="1:7" x14ac:dyDescent="0.3">
      <c r="A52315" s="13" t="s">
        <v>291</v>
      </c>
      <c r="B52315" s="14" t="s">
        <v>1</v>
      </c>
      <c r="C52315" s="14" t="s">
        <v>101</v>
      </c>
      <c r="D52315" s="14" t="s">
        <v>292</v>
      </c>
      <c r="E52315" s="15">
        <v>45496</v>
      </c>
      <c r="F52315" s="14" t="s">
        <v>61</v>
      </c>
      <c r="G52315" s="16">
        <v>0.61743027680443474</v>
      </c>
    </row>
    <row r="52316" spans="1:7" x14ac:dyDescent="0.3">
      <c r="A52316" s="13" t="s">
        <v>291</v>
      </c>
      <c r="B52316" s="14" t="s">
        <v>1</v>
      </c>
      <c r="C52316" s="14" t="s">
        <v>101</v>
      </c>
      <c r="D52316" s="14" t="s">
        <v>292</v>
      </c>
      <c r="E52316" s="15">
        <v>45497</v>
      </c>
      <c r="F52316" s="14" t="s">
        <v>61</v>
      </c>
      <c r="G52316" s="16">
        <v>0.61685827470408772</v>
      </c>
    </row>
    <row r="52317" spans="1:7" x14ac:dyDescent="0.3">
      <c r="A52317" s="13" t="s">
        <v>291</v>
      </c>
      <c r="B52317" s="14" t="s">
        <v>1</v>
      </c>
      <c r="C52317" s="14" t="s">
        <v>101</v>
      </c>
      <c r="D52317" s="14" t="s">
        <v>292</v>
      </c>
      <c r="E52317" s="15">
        <v>45498</v>
      </c>
      <c r="F52317" s="14" t="s">
        <v>61</v>
      </c>
      <c r="G52317" s="16">
        <v>0.61523374601570524</v>
      </c>
    </row>
    <row r="52318" spans="1:7" x14ac:dyDescent="0.3">
      <c r="A52318" s="13" t="s">
        <v>291</v>
      </c>
      <c r="B52318" s="14" t="s">
        <v>1</v>
      </c>
      <c r="C52318" s="14" t="s">
        <v>101</v>
      </c>
      <c r="D52318" s="14" t="s">
        <v>292</v>
      </c>
      <c r="E52318" s="15">
        <v>45499</v>
      </c>
      <c r="F52318" s="14" t="s">
        <v>61</v>
      </c>
      <c r="G52318" s="16">
        <v>0.67383686887053629</v>
      </c>
    </row>
    <row r="52319" spans="1:7" x14ac:dyDescent="0.3">
      <c r="A52319" s="13" t="s">
        <v>291</v>
      </c>
      <c r="B52319" s="14" t="s">
        <v>1</v>
      </c>
      <c r="C52319" s="14" t="s">
        <v>101</v>
      </c>
      <c r="D52319" s="14" t="s">
        <v>292</v>
      </c>
      <c r="E52319" s="15">
        <v>45500</v>
      </c>
      <c r="F52319" s="14" t="s">
        <v>61</v>
      </c>
      <c r="G52319" s="16">
        <v>0.67383686887053629</v>
      </c>
    </row>
    <row r="52320" spans="1:7" x14ac:dyDescent="0.3">
      <c r="A52320" s="13" t="s">
        <v>291</v>
      </c>
      <c r="B52320" s="14" t="s">
        <v>1</v>
      </c>
      <c r="C52320" s="14" t="s">
        <v>101</v>
      </c>
      <c r="D52320" s="14" t="s">
        <v>292</v>
      </c>
      <c r="E52320" s="15">
        <v>45501</v>
      </c>
      <c r="F52320" s="14" t="s">
        <v>61</v>
      </c>
      <c r="G52320" s="16">
        <v>0.67383686887053629</v>
      </c>
    </row>
    <row r="52321" spans="1:7" x14ac:dyDescent="0.3">
      <c r="A52321" s="13" t="s">
        <v>291</v>
      </c>
      <c r="B52321" s="14" t="s">
        <v>1</v>
      </c>
      <c r="C52321" s="14" t="s">
        <v>101</v>
      </c>
      <c r="D52321" s="14" t="s">
        <v>292</v>
      </c>
      <c r="E52321" s="15">
        <v>45502</v>
      </c>
      <c r="F52321" s="14" t="s">
        <v>61</v>
      </c>
      <c r="G52321" s="16">
        <v>0.68209686031588734</v>
      </c>
    </row>
    <row r="52322" spans="1:7" x14ac:dyDescent="0.3">
      <c r="A52322" s="13" t="s">
        <v>291</v>
      </c>
      <c r="B52322" s="14" t="s">
        <v>1</v>
      </c>
      <c r="C52322" s="14" t="s">
        <v>101</v>
      </c>
      <c r="D52322" s="14" t="s">
        <v>292</v>
      </c>
      <c r="E52322" s="15">
        <v>45503</v>
      </c>
      <c r="F52322" s="14" t="s">
        <v>61</v>
      </c>
      <c r="G52322" s="16">
        <v>0.67701511590697938</v>
      </c>
    </row>
    <row r="52323" spans="1:7" x14ac:dyDescent="0.3">
      <c r="A52323" s="13" t="s">
        <v>291</v>
      </c>
      <c r="B52323" s="14" t="s">
        <v>1</v>
      </c>
      <c r="C52323" s="14" t="s">
        <v>101</v>
      </c>
      <c r="D52323" s="14" t="s">
        <v>292</v>
      </c>
      <c r="E52323" s="15">
        <v>45504</v>
      </c>
      <c r="F52323" s="14" t="s">
        <v>61</v>
      </c>
      <c r="G52323" s="16">
        <v>0.67507529949817924</v>
      </c>
    </row>
    <row r="52324" spans="1:7" x14ac:dyDescent="0.3">
      <c r="A52324" s="13" t="s">
        <v>291</v>
      </c>
      <c r="B52324" s="14" t="s">
        <v>1</v>
      </c>
      <c r="C52324" s="14" t="s">
        <v>101</v>
      </c>
      <c r="D52324" s="14" t="s">
        <v>292</v>
      </c>
      <c r="E52324" s="15">
        <v>45505</v>
      </c>
      <c r="F52324" s="14" t="s">
        <v>61</v>
      </c>
      <c r="G52324" s="16">
        <v>0.6854889431575889</v>
      </c>
    </row>
    <row r="52325" spans="1:7" x14ac:dyDescent="0.3">
      <c r="A52325" s="13" t="s">
        <v>291</v>
      </c>
      <c r="B52325" s="14" t="s">
        <v>1</v>
      </c>
      <c r="C52325" s="14" t="s">
        <v>101</v>
      </c>
      <c r="D52325" s="14" t="s">
        <v>292</v>
      </c>
      <c r="E52325" s="15">
        <v>45506</v>
      </c>
      <c r="F52325" s="14" t="s">
        <v>61</v>
      </c>
      <c r="G52325" s="16">
        <v>0.67706182813439553</v>
      </c>
    </row>
    <row r="52326" spans="1:7" x14ac:dyDescent="0.3">
      <c r="A52326" s="13" t="s">
        <v>291</v>
      </c>
      <c r="B52326" s="14" t="s">
        <v>1</v>
      </c>
      <c r="C52326" s="14" t="s">
        <v>101</v>
      </c>
      <c r="D52326" s="14" t="s">
        <v>292</v>
      </c>
      <c r="E52326" s="15">
        <v>45507</v>
      </c>
      <c r="F52326" s="14" t="s">
        <v>61</v>
      </c>
      <c r="G52326" s="16">
        <v>0.67706182813439553</v>
      </c>
    </row>
    <row r="52327" spans="1:7" x14ac:dyDescent="0.3">
      <c r="A52327" s="13" t="s">
        <v>291</v>
      </c>
      <c r="B52327" s="14" t="s">
        <v>1</v>
      </c>
      <c r="C52327" s="14" t="s">
        <v>101</v>
      </c>
      <c r="D52327" s="14" t="s">
        <v>292</v>
      </c>
      <c r="E52327" s="15">
        <v>45508</v>
      </c>
      <c r="F52327" s="14" t="s">
        <v>61</v>
      </c>
      <c r="G52327" s="16">
        <v>0.67706182813439553</v>
      </c>
    </row>
    <row r="52328" spans="1:7" x14ac:dyDescent="0.3">
      <c r="A52328" s="13" t="s">
        <v>291</v>
      </c>
      <c r="B52328" s="14" t="s">
        <v>1</v>
      </c>
      <c r="C52328" s="14" t="s">
        <v>101</v>
      </c>
      <c r="D52328" s="14" t="s">
        <v>292</v>
      </c>
      <c r="E52328" s="15">
        <v>45509</v>
      </c>
      <c r="F52328" s="14" t="s">
        <v>61</v>
      </c>
      <c r="G52328" s="16">
        <v>0.67706182813439553</v>
      </c>
    </row>
    <row r="52329" spans="1:7" x14ac:dyDescent="0.3">
      <c r="A52329" s="13" t="s">
        <v>291</v>
      </c>
      <c r="B52329" s="14" t="s">
        <v>1</v>
      </c>
      <c r="C52329" s="14" t="s">
        <v>101</v>
      </c>
      <c r="D52329" s="14" t="s">
        <v>292</v>
      </c>
      <c r="E52329" s="15">
        <v>45510</v>
      </c>
      <c r="F52329" s="14" t="s">
        <v>61</v>
      </c>
      <c r="G52329" s="16">
        <v>0.67455579107049046</v>
      </c>
    </row>
    <row r="52330" spans="1:7" x14ac:dyDescent="0.3">
      <c r="A52330" s="13" t="s">
        <v>291</v>
      </c>
      <c r="B52330" s="14" t="s">
        <v>1</v>
      </c>
      <c r="C52330" s="14" t="s">
        <v>101</v>
      </c>
      <c r="D52330" s="14" t="s">
        <v>292</v>
      </c>
      <c r="E52330" s="15">
        <v>45511</v>
      </c>
      <c r="F52330" s="14" t="s">
        <v>61</v>
      </c>
      <c r="G52330" s="16">
        <v>0.6664035946553325</v>
      </c>
    </row>
    <row r="52331" spans="1:7" x14ac:dyDescent="0.3">
      <c r="A52331" s="13" t="s">
        <v>291</v>
      </c>
      <c r="B52331" s="14" t="s">
        <v>1</v>
      </c>
      <c r="C52331" s="14" t="s">
        <v>101</v>
      </c>
      <c r="D52331" s="14" t="s">
        <v>292</v>
      </c>
      <c r="E52331" s="15">
        <v>45512</v>
      </c>
      <c r="F52331" s="14" t="s">
        <v>61</v>
      </c>
      <c r="G52331" s="16">
        <v>0.66540062058776883</v>
      </c>
    </row>
    <row r="52332" spans="1:7" x14ac:dyDescent="0.3">
      <c r="A52332" s="13" t="s">
        <v>291</v>
      </c>
      <c r="B52332" s="14" t="s">
        <v>1</v>
      </c>
      <c r="C52332" s="14" t="s">
        <v>101</v>
      </c>
      <c r="D52332" s="14" t="s">
        <v>292</v>
      </c>
      <c r="E52332" s="15">
        <v>45513</v>
      </c>
      <c r="F52332" s="14" t="s">
        <v>61</v>
      </c>
      <c r="G52332" s="16">
        <v>0.66432000872141683</v>
      </c>
    </row>
    <row r="52333" spans="1:7" x14ac:dyDescent="0.3">
      <c r="A52333" s="13" t="s">
        <v>291</v>
      </c>
      <c r="B52333" s="14" t="s">
        <v>1</v>
      </c>
      <c r="C52333" s="14" t="s">
        <v>101</v>
      </c>
      <c r="D52333" s="14" t="s">
        <v>292</v>
      </c>
      <c r="E52333" s="15">
        <v>45514</v>
      </c>
      <c r="F52333" s="14" t="s">
        <v>61</v>
      </c>
      <c r="G52333" s="16">
        <v>0.66432000872141683</v>
      </c>
    </row>
    <row r="52334" spans="1:7" x14ac:dyDescent="0.3">
      <c r="A52334" s="13" t="s">
        <v>291</v>
      </c>
      <c r="B52334" s="14" t="s">
        <v>1</v>
      </c>
      <c r="C52334" s="14" t="s">
        <v>101</v>
      </c>
      <c r="D52334" s="14" t="s">
        <v>292</v>
      </c>
      <c r="E52334" s="15">
        <v>45515</v>
      </c>
      <c r="F52334" s="14" t="s">
        <v>61</v>
      </c>
      <c r="G52334" s="16">
        <v>0.66432000872141683</v>
      </c>
    </row>
    <row r="52335" spans="1:7" x14ac:dyDescent="0.3">
      <c r="A52335" s="13" t="s">
        <v>291</v>
      </c>
      <c r="B52335" s="14" t="s">
        <v>1</v>
      </c>
      <c r="C52335" s="14" t="s">
        <v>101</v>
      </c>
      <c r="D52335" s="14" t="s">
        <v>292</v>
      </c>
      <c r="E52335" s="15">
        <v>45516</v>
      </c>
      <c r="F52335" s="14" t="s">
        <v>61</v>
      </c>
      <c r="G52335" s="16">
        <v>0.66213147374194037</v>
      </c>
    </row>
    <row r="52336" spans="1:7" x14ac:dyDescent="0.3">
      <c r="A52336" s="13" t="s">
        <v>291</v>
      </c>
      <c r="B52336" s="14" t="s">
        <v>1</v>
      </c>
      <c r="C52336" s="14" t="s">
        <v>101</v>
      </c>
      <c r="D52336" s="14" t="s">
        <v>292</v>
      </c>
      <c r="E52336" s="15">
        <v>45517</v>
      </c>
      <c r="F52336" s="14" t="s">
        <v>61</v>
      </c>
      <c r="G52336" s="16">
        <v>0.65186217033468796</v>
      </c>
    </row>
    <row r="52337" spans="1:7" x14ac:dyDescent="0.3">
      <c r="A52337" s="13" t="s">
        <v>291</v>
      </c>
      <c r="B52337" s="14" t="s">
        <v>1</v>
      </c>
      <c r="C52337" s="14" t="s">
        <v>101</v>
      </c>
      <c r="D52337" s="14" t="s">
        <v>292</v>
      </c>
      <c r="E52337" s="15">
        <v>45518</v>
      </c>
      <c r="F52337" s="14" t="s">
        <v>61</v>
      </c>
      <c r="G52337" s="16">
        <v>0.65992601407215856</v>
      </c>
    </row>
    <row r="52338" spans="1:7" x14ac:dyDescent="0.3">
      <c r="A52338" s="13" t="s">
        <v>291</v>
      </c>
      <c r="B52338" s="14" t="s">
        <v>1</v>
      </c>
      <c r="C52338" s="14" t="s">
        <v>101</v>
      </c>
      <c r="D52338" s="14" t="s">
        <v>292</v>
      </c>
      <c r="E52338" s="15">
        <v>45519</v>
      </c>
      <c r="F52338" s="14" t="s">
        <v>61</v>
      </c>
      <c r="G52338" s="16">
        <v>0.66104256683824103</v>
      </c>
    </row>
    <row r="52339" spans="1:7" x14ac:dyDescent="0.3">
      <c r="A52339" s="13" t="s">
        <v>291</v>
      </c>
      <c r="B52339" s="14" t="s">
        <v>1</v>
      </c>
      <c r="C52339" s="14" t="s">
        <v>101</v>
      </c>
      <c r="D52339" s="14" t="s">
        <v>292</v>
      </c>
      <c r="E52339" s="15">
        <v>45520</v>
      </c>
      <c r="F52339" s="14" t="s">
        <v>61</v>
      </c>
      <c r="G52339" s="16">
        <v>0.67358460114925967</v>
      </c>
    </row>
    <row r="52340" spans="1:7" x14ac:dyDescent="0.3">
      <c r="A52340" s="13" t="s">
        <v>291</v>
      </c>
      <c r="B52340" s="14" t="s">
        <v>1</v>
      </c>
      <c r="C52340" s="14" t="s">
        <v>101</v>
      </c>
      <c r="D52340" s="14" t="s">
        <v>292</v>
      </c>
      <c r="E52340" s="15">
        <v>45521</v>
      </c>
      <c r="F52340" s="14" t="s">
        <v>61</v>
      </c>
      <c r="G52340" s="16">
        <v>0.67358460114925967</v>
      </c>
    </row>
    <row r="52341" spans="1:7" x14ac:dyDescent="0.3">
      <c r="A52341" s="13" t="s">
        <v>291</v>
      </c>
      <c r="B52341" s="14" t="s">
        <v>1</v>
      </c>
      <c r="C52341" s="14" t="s">
        <v>101</v>
      </c>
      <c r="D52341" s="14" t="s">
        <v>292</v>
      </c>
      <c r="E52341" s="15">
        <v>45522</v>
      </c>
      <c r="F52341" s="14" t="s">
        <v>61</v>
      </c>
      <c r="G52341" s="16">
        <v>0.67358460114925967</v>
      </c>
    </row>
    <row r="52342" spans="1:7" x14ac:dyDescent="0.3">
      <c r="A52342" s="13" t="s">
        <v>291</v>
      </c>
      <c r="B52342" s="14" t="s">
        <v>1</v>
      </c>
      <c r="C52342" s="14" t="s">
        <v>101</v>
      </c>
      <c r="D52342" s="14" t="s">
        <v>292</v>
      </c>
      <c r="E52342" s="15">
        <v>45523</v>
      </c>
      <c r="F52342" s="14" t="s">
        <v>61</v>
      </c>
      <c r="G52342" s="16">
        <v>0.67528527010960548</v>
      </c>
    </row>
    <row r="52343" spans="1:7" x14ac:dyDescent="0.3">
      <c r="A52343" s="13" t="s">
        <v>291</v>
      </c>
      <c r="B52343" s="14" t="s">
        <v>1</v>
      </c>
      <c r="C52343" s="14" t="s">
        <v>101</v>
      </c>
      <c r="D52343" s="14" t="s">
        <v>292</v>
      </c>
      <c r="E52343" s="15">
        <v>45524</v>
      </c>
      <c r="F52343" s="14" t="s">
        <v>61</v>
      </c>
      <c r="G52343" s="16">
        <v>0.66585034432793022</v>
      </c>
    </row>
    <row r="52344" spans="1:7" x14ac:dyDescent="0.3">
      <c r="A52344" s="13" t="s">
        <v>291</v>
      </c>
      <c r="B52344" s="14" t="s">
        <v>1</v>
      </c>
      <c r="C52344" s="14" t="s">
        <v>101</v>
      </c>
      <c r="D52344" s="14" t="s">
        <v>292</v>
      </c>
      <c r="E52344" s="15">
        <v>45525</v>
      </c>
      <c r="F52344" s="14" t="s">
        <v>61</v>
      </c>
      <c r="G52344" s="16">
        <v>0.66290476064403825</v>
      </c>
    </row>
    <row r="52345" spans="1:7" x14ac:dyDescent="0.3">
      <c r="A52345" s="13" t="s">
        <v>291</v>
      </c>
      <c r="B52345" s="14" t="s">
        <v>1</v>
      </c>
      <c r="C52345" s="14" t="s">
        <v>101</v>
      </c>
      <c r="D52345" s="14" t="s">
        <v>292</v>
      </c>
      <c r="E52345" s="15">
        <v>45526</v>
      </c>
      <c r="F52345" s="14" t="s">
        <v>61</v>
      </c>
      <c r="G52345" s="16">
        <v>0.71864858866366954</v>
      </c>
    </row>
    <row r="52346" spans="1:7" x14ac:dyDescent="0.3">
      <c r="A52346" s="13" t="s">
        <v>291</v>
      </c>
      <c r="B52346" s="14" t="s">
        <v>1</v>
      </c>
      <c r="C52346" s="14" t="s">
        <v>101</v>
      </c>
      <c r="D52346" s="14" t="s">
        <v>292</v>
      </c>
      <c r="E52346" s="15">
        <v>45527</v>
      </c>
      <c r="F52346" s="14" t="s">
        <v>61</v>
      </c>
      <c r="G52346" s="16">
        <v>0.71215628668440811</v>
      </c>
    </row>
    <row r="52347" spans="1:7" x14ac:dyDescent="0.3">
      <c r="A52347" s="13" t="s">
        <v>291</v>
      </c>
      <c r="B52347" s="14" t="s">
        <v>1</v>
      </c>
      <c r="C52347" s="14" t="s">
        <v>101</v>
      </c>
      <c r="D52347" s="14" t="s">
        <v>292</v>
      </c>
      <c r="E52347" s="15">
        <v>45528</v>
      </c>
      <c r="F52347" s="14" t="s">
        <v>61</v>
      </c>
      <c r="G52347" s="16">
        <v>0.71215628668440811</v>
      </c>
    </row>
    <row r="52348" spans="1:7" x14ac:dyDescent="0.3">
      <c r="A52348" s="13" t="s">
        <v>291</v>
      </c>
      <c r="B52348" s="14" t="s">
        <v>1</v>
      </c>
      <c r="C52348" s="14" t="s">
        <v>101</v>
      </c>
      <c r="D52348" s="14" t="s">
        <v>292</v>
      </c>
      <c r="E52348" s="15">
        <v>45529</v>
      </c>
      <c r="F52348" s="14" t="s">
        <v>61</v>
      </c>
      <c r="G52348" s="16">
        <v>0.71215628668440811</v>
      </c>
    </row>
    <row r="52349" spans="1:7" x14ac:dyDescent="0.3">
      <c r="A52349" s="13" t="s">
        <v>291</v>
      </c>
      <c r="B52349" s="14" t="s">
        <v>1</v>
      </c>
      <c r="C52349" s="14" t="s">
        <v>101</v>
      </c>
      <c r="D52349" s="14" t="s">
        <v>292</v>
      </c>
      <c r="E52349" s="15">
        <v>45530</v>
      </c>
      <c r="F52349" s="14" t="s">
        <v>61</v>
      </c>
      <c r="G52349" s="16">
        <v>0.72132693544699888</v>
      </c>
    </row>
    <row r="52350" spans="1:7" x14ac:dyDescent="0.3">
      <c r="A52350" s="13" t="s">
        <v>291</v>
      </c>
      <c r="B52350" s="14" t="s">
        <v>1</v>
      </c>
      <c r="C52350" s="14" t="s">
        <v>101</v>
      </c>
      <c r="D52350" s="14" t="s">
        <v>292</v>
      </c>
      <c r="E52350" s="15">
        <v>45531</v>
      </c>
      <c r="F52350" s="14" t="s">
        <v>61</v>
      </c>
      <c r="G52350" s="16">
        <v>0.71283862600915171</v>
      </c>
    </row>
    <row r="52351" spans="1:7" x14ac:dyDescent="0.3">
      <c r="A52351" s="13" t="s">
        <v>291</v>
      </c>
      <c r="B52351" s="14" t="s">
        <v>1</v>
      </c>
      <c r="C52351" s="14" t="s">
        <v>101</v>
      </c>
      <c r="D52351" s="14" t="s">
        <v>292</v>
      </c>
      <c r="E52351" s="15">
        <v>45532</v>
      </c>
      <c r="F52351" s="14" t="s">
        <v>61</v>
      </c>
      <c r="G52351" s="16">
        <v>0.71548320492314177</v>
      </c>
    </row>
    <row r="52352" spans="1:7" x14ac:dyDescent="0.3">
      <c r="A52352" s="13" t="s">
        <v>291</v>
      </c>
      <c r="B52352" s="14" t="s">
        <v>1</v>
      </c>
      <c r="C52352" s="14" t="s">
        <v>101</v>
      </c>
      <c r="D52352" s="14" t="s">
        <v>292</v>
      </c>
      <c r="E52352" s="15">
        <v>45533</v>
      </c>
      <c r="F52352" s="14" t="s">
        <v>61</v>
      </c>
      <c r="G52352" s="16">
        <v>0.716842149411692</v>
      </c>
    </row>
    <row r="52353" spans="1:7" x14ac:dyDescent="0.3">
      <c r="A52353" s="13" t="s">
        <v>291</v>
      </c>
      <c r="B52353" s="14" t="s">
        <v>1</v>
      </c>
      <c r="C52353" s="14" t="s">
        <v>101</v>
      </c>
      <c r="D52353" s="14" t="s">
        <v>292</v>
      </c>
      <c r="E52353" s="15">
        <v>45534</v>
      </c>
      <c r="F52353" s="14" t="s">
        <v>61</v>
      </c>
      <c r="G52353" s="16">
        <v>0.72330395360585653</v>
      </c>
    </row>
    <row r="52354" spans="1:7" x14ac:dyDescent="0.3">
      <c r="A52354" s="13" t="s">
        <v>291</v>
      </c>
      <c r="B52354" s="14" t="s">
        <v>1</v>
      </c>
      <c r="C52354" s="14" t="s">
        <v>101</v>
      </c>
      <c r="D52354" s="14" t="s">
        <v>292</v>
      </c>
      <c r="E52354" s="15">
        <v>45535</v>
      </c>
      <c r="F52354" s="14" t="s">
        <v>61</v>
      </c>
      <c r="G52354" s="16">
        <v>0.72330395360585653</v>
      </c>
    </row>
    <row r="52355" spans="1:7" x14ac:dyDescent="0.3">
      <c r="A52355" s="13" t="s">
        <v>291</v>
      </c>
      <c r="B52355" s="14" t="s">
        <v>1</v>
      </c>
      <c r="C52355" s="14" t="s">
        <v>101</v>
      </c>
      <c r="D52355" s="14" t="s">
        <v>292</v>
      </c>
      <c r="E52355" s="15">
        <v>45536</v>
      </c>
      <c r="F52355" s="14" t="s">
        <v>61</v>
      </c>
      <c r="G52355" s="16">
        <v>0.72330395360585653</v>
      </c>
    </row>
    <row r="52356" spans="1:7" x14ac:dyDescent="0.3">
      <c r="A52356" s="13" t="s">
        <v>291</v>
      </c>
      <c r="B52356" s="14" t="s">
        <v>1</v>
      </c>
      <c r="C52356" s="14" t="s">
        <v>101</v>
      </c>
      <c r="D52356" s="14" t="s">
        <v>292</v>
      </c>
      <c r="E52356" s="15">
        <v>45537</v>
      </c>
      <c r="F52356" s="14" t="s">
        <v>61</v>
      </c>
      <c r="G52356" s="16">
        <v>0.78044923793558141</v>
      </c>
    </row>
    <row r="52357" spans="1:7" x14ac:dyDescent="0.3">
      <c r="A52357" s="13" t="s">
        <v>291</v>
      </c>
      <c r="B52357" s="14" t="s">
        <v>1</v>
      </c>
      <c r="C52357" s="14" t="s">
        <v>101</v>
      </c>
      <c r="D52357" s="14" t="s">
        <v>292</v>
      </c>
      <c r="E52357" s="15">
        <v>45538</v>
      </c>
      <c r="F52357" s="14" t="s">
        <v>61</v>
      </c>
      <c r="G52357" s="16">
        <v>0.77599247059079679</v>
      </c>
    </row>
    <row r="52358" spans="1:7" x14ac:dyDescent="0.3">
      <c r="A52358" s="13" t="s">
        <v>291</v>
      </c>
      <c r="B52358" s="14" t="s">
        <v>1</v>
      </c>
      <c r="C52358" s="14" t="s">
        <v>101</v>
      </c>
      <c r="D52358" s="14" t="s">
        <v>292</v>
      </c>
      <c r="E52358" s="15">
        <v>45539</v>
      </c>
      <c r="F52358" s="14" t="s">
        <v>61</v>
      </c>
      <c r="G52358" s="16">
        <v>0.77181631386816218</v>
      </c>
    </row>
    <row r="52359" spans="1:7" x14ac:dyDescent="0.3">
      <c r="A52359" s="13" t="s">
        <v>291</v>
      </c>
      <c r="B52359" s="14" t="s">
        <v>1</v>
      </c>
      <c r="C52359" s="14" t="s">
        <v>101</v>
      </c>
      <c r="D52359" s="14" t="s">
        <v>292</v>
      </c>
      <c r="E52359" s="15">
        <v>45540</v>
      </c>
      <c r="F52359" s="14" t="s">
        <v>61</v>
      </c>
      <c r="G52359" s="16">
        <v>0.78210044114781052</v>
      </c>
    </row>
    <row r="52360" spans="1:7" x14ac:dyDescent="0.3">
      <c r="A52360" s="13" t="s">
        <v>291</v>
      </c>
      <c r="B52360" s="14" t="s">
        <v>1</v>
      </c>
      <c r="C52360" s="14" t="s">
        <v>101</v>
      </c>
      <c r="D52360" s="14" t="s">
        <v>292</v>
      </c>
      <c r="E52360" s="15">
        <v>45541</v>
      </c>
      <c r="F52360" s="14" t="s">
        <v>61</v>
      </c>
      <c r="G52360" s="16">
        <v>0.78239340800215929</v>
      </c>
    </row>
    <row r="52361" spans="1:7" x14ac:dyDescent="0.3">
      <c r="A52361" s="13" t="s">
        <v>291</v>
      </c>
      <c r="B52361" s="14" t="s">
        <v>1</v>
      </c>
      <c r="C52361" s="14" t="s">
        <v>101</v>
      </c>
      <c r="D52361" s="14" t="s">
        <v>292</v>
      </c>
      <c r="E52361" s="15">
        <v>45542</v>
      </c>
      <c r="F52361" s="14" t="s">
        <v>61</v>
      </c>
      <c r="G52361" s="16">
        <v>0.78239340800215929</v>
      </c>
    </row>
    <row r="52362" spans="1:7" x14ac:dyDescent="0.3">
      <c r="A52362" s="13" t="s">
        <v>291</v>
      </c>
      <c r="B52362" s="14" t="s">
        <v>1</v>
      </c>
      <c r="C52362" s="14" t="s">
        <v>101</v>
      </c>
      <c r="D52362" s="14" t="s">
        <v>292</v>
      </c>
      <c r="E52362" s="15">
        <v>45543</v>
      </c>
      <c r="F52362" s="14" t="s">
        <v>61</v>
      </c>
      <c r="G52362" s="16">
        <v>0.78239340800215929</v>
      </c>
    </row>
    <row r="52363" spans="1:7" x14ac:dyDescent="0.3">
      <c r="A52363" s="13" t="s">
        <v>291</v>
      </c>
      <c r="B52363" s="14" t="s">
        <v>1</v>
      </c>
      <c r="C52363" s="14" t="s">
        <v>101</v>
      </c>
      <c r="D52363" s="14" t="s">
        <v>292</v>
      </c>
      <c r="E52363" s="15">
        <v>45544</v>
      </c>
      <c r="F52363" s="14" t="s">
        <v>61</v>
      </c>
      <c r="G52363" s="16">
        <v>0.79073023763006745</v>
      </c>
    </row>
    <row r="52364" spans="1:7" x14ac:dyDescent="0.3">
      <c r="A52364" s="13" t="s">
        <v>291</v>
      </c>
      <c r="B52364" s="14" t="s">
        <v>1</v>
      </c>
      <c r="C52364" s="14" t="s">
        <v>101</v>
      </c>
      <c r="D52364" s="14" t="s">
        <v>292</v>
      </c>
      <c r="E52364" s="15">
        <v>45545</v>
      </c>
      <c r="F52364" s="14" t="s">
        <v>61</v>
      </c>
      <c r="G52364" s="16">
        <v>0.78464745596573304</v>
      </c>
    </row>
    <row r="52365" spans="1:7" x14ac:dyDescent="0.3">
      <c r="A52365" s="13" t="s">
        <v>291</v>
      </c>
      <c r="B52365" s="14" t="s">
        <v>1</v>
      </c>
      <c r="C52365" s="14" t="s">
        <v>101</v>
      </c>
      <c r="D52365" s="14" t="s">
        <v>292</v>
      </c>
      <c r="E52365" s="15">
        <v>45546</v>
      </c>
      <c r="F52365" s="14" t="s">
        <v>61</v>
      </c>
      <c r="G52365" s="16">
        <v>0.78365311753797673</v>
      </c>
    </row>
    <row r="52366" spans="1:7" x14ac:dyDescent="0.3">
      <c r="A52366" s="13" t="s">
        <v>291</v>
      </c>
      <c r="B52366" s="14" t="s">
        <v>1</v>
      </c>
      <c r="C52366" s="14" t="s">
        <v>101</v>
      </c>
      <c r="D52366" s="14" t="s">
        <v>292</v>
      </c>
      <c r="E52366" s="15">
        <v>45547</v>
      </c>
      <c r="F52366" s="14" t="s">
        <v>61</v>
      </c>
      <c r="G52366" s="16">
        <v>0.80417331040533746</v>
      </c>
    </row>
    <row r="52367" spans="1:7" x14ac:dyDescent="0.3">
      <c r="A52367" s="13" t="s">
        <v>291</v>
      </c>
      <c r="B52367" s="14" t="s">
        <v>1</v>
      </c>
      <c r="C52367" s="14" t="s">
        <v>101</v>
      </c>
      <c r="D52367" s="14" t="s">
        <v>292</v>
      </c>
      <c r="E52367" s="15">
        <v>45548</v>
      </c>
      <c r="F52367" s="14" t="s">
        <v>61</v>
      </c>
      <c r="G52367" s="16">
        <v>0.80013516978159294</v>
      </c>
    </row>
    <row r="52368" spans="1:7" x14ac:dyDescent="0.3">
      <c r="A52368" s="13" t="s">
        <v>291</v>
      </c>
      <c r="B52368" s="14" t="s">
        <v>1</v>
      </c>
      <c r="C52368" s="14" t="s">
        <v>101</v>
      </c>
      <c r="D52368" s="14" t="s">
        <v>292</v>
      </c>
      <c r="E52368" s="15">
        <v>45549</v>
      </c>
      <c r="F52368" s="14" t="s">
        <v>61</v>
      </c>
      <c r="G52368" s="16">
        <v>0.80013516978159294</v>
      </c>
    </row>
    <row r="52369" spans="1:7" x14ac:dyDescent="0.3">
      <c r="A52369" s="13" t="s">
        <v>291</v>
      </c>
      <c r="B52369" s="14" t="s">
        <v>1</v>
      </c>
      <c r="C52369" s="14" t="s">
        <v>101</v>
      </c>
      <c r="D52369" s="14" t="s">
        <v>292</v>
      </c>
      <c r="E52369" s="15">
        <v>45550</v>
      </c>
      <c r="F52369" s="14" t="s">
        <v>61</v>
      </c>
      <c r="G52369" s="16">
        <v>0.80013516978159294</v>
      </c>
    </row>
    <row r="52370" spans="1:7" x14ac:dyDescent="0.3">
      <c r="A52370" s="13" t="s">
        <v>291</v>
      </c>
      <c r="B52370" s="14" t="s">
        <v>1</v>
      </c>
      <c r="C52370" s="14" t="s">
        <v>101</v>
      </c>
      <c r="D52370" s="14" t="s">
        <v>292</v>
      </c>
      <c r="E52370" s="15">
        <v>45551</v>
      </c>
      <c r="F52370" s="14" t="s">
        <v>61</v>
      </c>
      <c r="G52370" s="16">
        <v>0.803821251493262</v>
      </c>
    </row>
    <row r="52371" spans="1:7" x14ac:dyDescent="0.3">
      <c r="A52371" s="13" t="s">
        <v>291</v>
      </c>
      <c r="B52371" s="14" t="s">
        <v>1</v>
      </c>
      <c r="C52371" s="14" t="s">
        <v>101</v>
      </c>
      <c r="D52371" s="14" t="s">
        <v>292</v>
      </c>
      <c r="E52371" s="15">
        <v>45552</v>
      </c>
      <c r="F52371" s="14" t="s">
        <v>61</v>
      </c>
      <c r="G52371" s="16">
        <v>0.79801349849721592</v>
      </c>
    </row>
    <row r="52372" spans="1:7" x14ac:dyDescent="0.3">
      <c r="A52372" s="13" t="s">
        <v>291</v>
      </c>
      <c r="B52372" s="14" t="s">
        <v>1</v>
      </c>
      <c r="C52372" s="14" t="s">
        <v>101</v>
      </c>
      <c r="D52372" s="14" t="s">
        <v>292</v>
      </c>
      <c r="E52372" s="15">
        <v>45553</v>
      </c>
      <c r="F52372" s="14" t="s">
        <v>61</v>
      </c>
      <c r="G52372" s="16">
        <v>0.8049334294238587</v>
      </c>
    </row>
    <row r="52373" spans="1:7" x14ac:dyDescent="0.3">
      <c r="A52373" s="13" t="s">
        <v>291</v>
      </c>
      <c r="B52373" s="14" t="s">
        <v>1</v>
      </c>
      <c r="C52373" s="14" t="s">
        <v>101</v>
      </c>
      <c r="D52373" s="14" t="s">
        <v>292</v>
      </c>
      <c r="E52373" s="15">
        <v>45554</v>
      </c>
      <c r="F52373" s="14" t="s">
        <v>61</v>
      </c>
      <c r="G52373" s="16">
        <v>0.80030777865494351</v>
      </c>
    </row>
    <row r="52374" spans="1:7" x14ac:dyDescent="0.3">
      <c r="A52374" s="13" t="s">
        <v>291</v>
      </c>
      <c r="B52374" s="14" t="s">
        <v>1</v>
      </c>
      <c r="C52374" s="14" t="s">
        <v>101</v>
      </c>
      <c r="D52374" s="14" t="s">
        <v>292</v>
      </c>
      <c r="E52374" s="15">
        <v>45555</v>
      </c>
      <c r="F52374" s="14" t="s">
        <v>61</v>
      </c>
      <c r="G52374" s="16">
        <v>0.80501440325226314</v>
      </c>
    </row>
    <row r="52375" spans="1:7" x14ac:dyDescent="0.3">
      <c r="A52375" s="13" t="s">
        <v>291</v>
      </c>
      <c r="B52375" s="14" t="s">
        <v>1</v>
      </c>
      <c r="C52375" s="14" t="s">
        <v>101</v>
      </c>
      <c r="D52375" s="14" t="s">
        <v>292</v>
      </c>
      <c r="E52375" s="15">
        <v>45556</v>
      </c>
      <c r="F52375" s="14" t="s">
        <v>61</v>
      </c>
      <c r="G52375" s="16">
        <v>0.80501440325226314</v>
      </c>
    </row>
    <row r="52376" spans="1:7" x14ac:dyDescent="0.3">
      <c r="A52376" s="13" t="s">
        <v>291</v>
      </c>
      <c r="B52376" s="14" t="s">
        <v>1</v>
      </c>
      <c r="C52376" s="14" t="s">
        <v>101</v>
      </c>
      <c r="D52376" s="14" t="s">
        <v>292</v>
      </c>
      <c r="E52376" s="15">
        <v>45557</v>
      </c>
      <c r="F52376" s="14" t="s">
        <v>61</v>
      </c>
      <c r="G52376" s="16">
        <v>0.80501440325226314</v>
      </c>
    </row>
    <row r="52377" spans="1:7" x14ac:dyDescent="0.3">
      <c r="A52377" s="13" t="s">
        <v>291</v>
      </c>
      <c r="B52377" s="14" t="s">
        <v>1</v>
      </c>
      <c r="C52377" s="14" t="s">
        <v>101</v>
      </c>
      <c r="D52377" s="14" t="s">
        <v>292</v>
      </c>
      <c r="E52377" s="15">
        <v>45558</v>
      </c>
      <c r="F52377" s="14" t="s">
        <v>61</v>
      </c>
      <c r="G52377" s="16">
        <v>0.80707641809792152</v>
      </c>
    </row>
    <row r="52378" spans="1:7" x14ac:dyDescent="0.3">
      <c r="A52378" s="13" t="s">
        <v>291</v>
      </c>
      <c r="B52378" s="14" t="s">
        <v>1</v>
      </c>
      <c r="C52378" s="14" t="s">
        <v>101</v>
      </c>
      <c r="D52378" s="14" t="s">
        <v>292</v>
      </c>
      <c r="E52378" s="15">
        <v>45559</v>
      </c>
      <c r="F52378" s="14" t="s">
        <v>61</v>
      </c>
      <c r="G52378" s="16">
        <v>0.79482718295351273</v>
      </c>
    </row>
    <row r="52379" spans="1:7" x14ac:dyDescent="0.3">
      <c r="A52379" s="13" t="s">
        <v>291</v>
      </c>
      <c r="B52379" s="14" t="s">
        <v>1</v>
      </c>
      <c r="C52379" s="14" t="s">
        <v>101</v>
      </c>
      <c r="D52379" s="14" t="s">
        <v>292</v>
      </c>
      <c r="E52379" s="15">
        <v>45560</v>
      </c>
      <c r="F52379" s="14" t="s">
        <v>61</v>
      </c>
      <c r="G52379" s="16">
        <v>0.80990141964470796</v>
      </c>
    </row>
    <row r="52380" spans="1:7" x14ac:dyDescent="0.3">
      <c r="A52380" s="13" t="s">
        <v>291</v>
      </c>
      <c r="B52380" s="14" t="s">
        <v>1</v>
      </c>
      <c r="C52380" s="14" t="s">
        <v>101</v>
      </c>
      <c r="D52380" s="14" t="s">
        <v>292</v>
      </c>
      <c r="E52380" s="15">
        <v>45561</v>
      </c>
      <c r="F52380" s="14" t="s">
        <v>61</v>
      </c>
      <c r="G52380" s="16">
        <v>0.80527071431159669</v>
      </c>
    </row>
    <row r="52381" spans="1:7" x14ac:dyDescent="0.3">
      <c r="A52381" s="13" t="s">
        <v>291</v>
      </c>
      <c r="B52381" s="14" t="s">
        <v>1</v>
      </c>
      <c r="C52381" s="14" t="s">
        <v>101</v>
      </c>
      <c r="D52381" s="14" t="s">
        <v>292</v>
      </c>
      <c r="E52381" s="15">
        <v>45562</v>
      </c>
      <c r="F52381" s="14" t="s">
        <v>61</v>
      </c>
      <c r="G52381" s="16">
        <v>0.80460889592494533</v>
      </c>
    </row>
    <row r="52382" spans="1:7" x14ac:dyDescent="0.3">
      <c r="A52382" s="13" t="s">
        <v>291</v>
      </c>
      <c r="B52382" s="14" t="s">
        <v>1</v>
      </c>
      <c r="C52382" s="14" t="s">
        <v>101</v>
      </c>
      <c r="D52382" s="14" t="s">
        <v>292</v>
      </c>
      <c r="E52382" s="15">
        <v>45563</v>
      </c>
      <c r="F52382" s="14" t="s">
        <v>61</v>
      </c>
      <c r="G52382" s="16">
        <v>0.80460889592494533</v>
      </c>
    </row>
    <row r="52383" spans="1:7" x14ac:dyDescent="0.3">
      <c r="A52383" s="13" t="s">
        <v>291</v>
      </c>
      <c r="B52383" s="14" t="s">
        <v>1</v>
      </c>
      <c r="C52383" s="14" t="s">
        <v>101</v>
      </c>
      <c r="D52383" s="14" t="s">
        <v>292</v>
      </c>
      <c r="E52383" s="15">
        <v>45564</v>
      </c>
      <c r="F52383" s="14" t="s">
        <v>61</v>
      </c>
      <c r="G52383" s="16">
        <v>0.80460889592494533</v>
      </c>
    </row>
    <row r="52384" spans="1:7" x14ac:dyDescent="0.3">
      <c r="A52384" s="13" t="s">
        <v>291</v>
      </c>
      <c r="B52384" s="14" t="s">
        <v>1</v>
      </c>
      <c r="C52384" s="14" t="s">
        <v>101</v>
      </c>
      <c r="D52384" s="14" t="s">
        <v>292</v>
      </c>
      <c r="E52384" s="15">
        <v>45565</v>
      </c>
      <c r="F52384" s="14" t="s">
        <v>61</v>
      </c>
      <c r="G52384" s="16">
        <v>0.90384571517606016</v>
      </c>
    </row>
    <row r="52385" spans="1:7" x14ac:dyDescent="0.3">
      <c r="A52385" s="13" t="s">
        <v>291</v>
      </c>
      <c r="B52385" s="14" t="s">
        <v>1</v>
      </c>
      <c r="C52385" s="14" t="s">
        <v>101</v>
      </c>
      <c r="D52385" s="14" t="s">
        <v>292</v>
      </c>
      <c r="E52385" s="15">
        <v>45566</v>
      </c>
      <c r="F52385" s="14" t="s">
        <v>61</v>
      </c>
      <c r="G52385" s="16">
        <v>0.90560734250689989</v>
      </c>
    </row>
    <row r="52386" spans="1:7" x14ac:dyDescent="0.3">
      <c r="A52386" s="13" t="s">
        <v>291</v>
      </c>
      <c r="B52386" s="14" t="s">
        <v>1</v>
      </c>
      <c r="C52386" s="14" t="s">
        <v>101</v>
      </c>
      <c r="D52386" s="14" t="s">
        <v>292</v>
      </c>
      <c r="E52386" s="15">
        <v>45567</v>
      </c>
      <c r="F52386" s="14" t="s">
        <v>61</v>
      </c>
      <c r="G52386" s="16">
        <v>0.90531623429342756</v>
      </c>
    </row>
    <row r="52387" spans="1:7" x14ac:dyDescent="0.3">
      <c r="A52387" s="13" t="s">
        <v>291</v>
      </c>
      <c r="B52387" s="14" t="s">
        <v>1</v>
      </c>
      <c r="C52387" s="14" t="s">
        <v>101</v>
      </c>
      <c r="D52387" s="14" t="s">
        <v>292</v>
      </c>
      <c r="E52387" s="15">
        <v>45568</v>
      </c>
      <c r="F52387" s="14" t="s">
        <v>61</v>
      </c>
      <c r="G52387" s="16">
        <v>0.90254548940076951</v>
      </c>
    </row>
    <row r="52388" spans="1:7" x14ac:dyDescent="0.3">
      <c r="A52388" s="13" t="s">
        <v>291</v>
      </c>
      <c r="B52388" s="14" t="s">
        <v>1</v>
      </c>
      <c r="C52388" s="14" t="s">
        <v>101</v>
      </c>
      <c r="D52388" s="14" t="s">
        <v>292</v>
      </c>
      <c r="E52388" s="15">
        <v>45569</v>
      </c>
      <c r="F52388" s="14" t="s">
        <v>61</v>
      </c>
      <c r="G52388" s="16">
        <v>0.90536988759610348</v>
      </c>
    </row>
    <row r="52389" spans="1:7" x14ac:dyDescent="0.3">
      <c r="A52389" s="13" t="s">
        <v>291</v>
      </c>
      <c r="B52389" s="14" t="s">
        <v>1</v>
      </c>
      <c r="C52389" s="14" t="s">
        <v>101</v>
      </c>
      <c r="D52389" s="14" t="s">
        <v>292</v>
      </c>
      <c r="E52389" s="15">
        <v>45570</v>
      </c>
      <c r="F52389" s="14" t="s">
        <v>61</v>
      </c>
      <c r="G52389" s="16">
        <v>0.90536988759610348</v>
      </c>
    </row>
    <row r="52390" spans="1:7" x14ac:dyDescent="0.3">
      <c r="A52390" s="13" t="s">
        <v>291</v>
      </c>
      <c r="B52390" s="14" t="s">
        <v>1</v>
      </c>
      <c r="C52390" s="14" t="s">
        <v>101</v>
      </c>
      <c r="D52390" s="14" t="s">
        <v>292</v>
      </c>
      <c r="E52390" s="15">
        <v>45571</v>
      </c>
      <c r="F52390" s="14" t="s">
        <v>61</v>
      </c>
      <c r="G52390" s="16">
        <v>0.90536988759610348</v>
      </c>
    </row>
    <row r="52391" spans="1:7" x14ac:dyDescent="0.3">
      <c r="A52391" s="13" t="s">
        <v>291</v>
      </c>
      <c r="B52391" s="14" t="s">
        <v>1</v>
      </c>
      <c r="C52391" s="14" t="s">
        <v>101</v>
      </c>
      <c r="D52391" s="14" t="s">
        <v>292</v>
      </c>
      <c r="E52391" s="15">
        <v>45572</v>
      </c>
      <c r="F52391" s="14" t="s">
        <v>61</v>
      </c>
      <c r="G52391" s="16">
        <v>0.90824166476417423</v>
      </c>
    </row>
    <row r="52392" spans="1:7" x14ac:dyDescent="0.3">
      <c r="A52392" s="13" t="s">
        <v>291</v>
      </c>
      <c r="B52392" s="14" t="s">
        <v>1</v>
      </c>
      <c r="C52392" s="14" t="s">
        <v>101</v>
      </c>
      <c r="D52392" s="14" t="s">
        <v>292</v>
      </c>
      <c r="E52392" s="15">
        <v>45573</v>
      </c>
      <c r="F52392" s="14" t="s">
        <v>61</v>
      </c>
      <c r="G52392" s="16">
        <v>0.90033652252870189</v>
      </c>
    </row>
    <row r="52393" spans="1:7" x14ac:dyDescent="0.3">
      <c r="A52393" s="13" t="s">
        <v>291</v>
      </c>
      <c r="B52393" s="14" t="s">
        <v>1</v>
      </c>
      <c r="C52393" s="14" t="s">
        <v>101</v>
      </c>
      <c r="D52393" s="14" t="s">
        <v>292</v>
      </c>
      <c r="E52393" s="15">
        <v>45574</v>
      </c>
      <c r="F52393" s="14" t="s">
        <v>61</v>
      </c>
      <c r="G52393" s="16">
        <v>0.90238486400669882</v>
      </c>
    </row>
    <row r="52394" spans="1:7" x14ac:dyDescent="0.3">
      <c r="A52394" s="13" t="s">
        <v>291</v>
      </c>
      <c r="B52394" s="14" t="s">
        <v>1</v>
      </c>
      <c r="C52394" s="14" t="s">
        <v>101</v>
      </c>
      <c r="D52394" s="14" t="s">
        <v>292</v>
      </c>
      <c r="E52394" s="15">
        <v>45575</v>
      </c>
      <c r="F52394" s="14" t="s">
        <v>61</v>
      </c>
      <c r="G52394" s="16">
        <v>0.9011690497056446</v>
      </c>
    </row>
    <row r="52395" spans="1:7" x14ac:dyDescent="0.3">
      <c r="A52395" s="13" t="s">
        <v>291</v>
      </c>
      <c r="B52395" s="14" t="s">
        <v>1</v>
      </c>
      <c r="C52395" s="14" t="s">
        <v>101</v>
      </c>
      <c r="D52395" s="14" t="s">
        <v>292</v>
      </c>
      <c r="E52395" s="15">
        <v>45576</v>
      </c>
      <c r="F52395" s="14" t="s">
        <v>61</v>
      </c>
      <c r="G52395" s="16">
        <v>0.90902847324624425</v>
      </c>
    </row>
    <row r="52396" spans="1:7" x14ac:dyDescent="0.3">
      <c r="A52396" s="13" t="s">
        <v>291</v>
      </c>
      <c r="B52396" s="14" t="s">
        <v>1</v>
      </c>
      <c r="C52396" s="14" t="s">
        <v>101</v>
      </c>
      <c r="D52396" s="14" t="s">
        <v>292</v>
      </c>
      <c r="E52396" s="15">
        <v>45577</v>
      </c>
      <c r="F52396" s="14" t="s">
        <v>61</v>
      </c>
      <c r="G52396" s="16">
        <v>0.90902847324624425</v>
      </c>
    </row>
    <row r="52397" spans="1:7" x14ac:dyDescent="0.3">
      <c r="A52397" s="13" t="s">
        <v>291</v>
      </c>
      <c r="B52397" s="14" t="s">
        <v>1</v>
      </c>
      <c r="C52397" s="14" t="s">
        <v>101</v>
      </c>
      <c r="D52397" s="14" t="s">
        <v>292</v>
      </c>
      <c r="E52397" s="15">
        <v>45578</v>
      </c>
      <c r="F52397" s="14" t="s">
        <v>61</v>
      </c>
      <c r="G52397" s="16">
        <v>0.90902847324624425</v>
      </c>
    </row>
    <row r="52398" spans="1:7" x14ac:dyDescent="0.3">
      <c r="A52398" s="13" t="s">
        <v>291</v>
      </c>
      <c r="B52398" s="14" t="s">
        <v>1</v>
      </c>
      <c r="C52398" s="14" t="s">
        <v>101</v>
      </c>
      <c r="D52398" s="14" t="s">
        <v>292</v>
      </c>
      <c r="E52398" s="15">
        <v>45579</v>
      </c>
      <c r="F52398" s="14" t="s">
        <v>61</v>
      </c>
      <c r="G52398" s="16">
        <v>0.91467296068070836</v>
      </c>
    </row>
    <row r="52399" spans="1:7" x14ac:dyDescent="0.3">
      <c r="A52399" s="13" t="s">
        <v>291</v>
      </c>
      <c r="B52399" s="14" t="s">
        <v>1</v>
      </c>
      <c r="C52399" s="14" t="s">
        <v>101</v>
      </c>
      <c r="D52399" s="14" t="s">
        <v>292</v>
      </c>
      <c r="E52399" s="15">
        <v>45580</v>
      </c>
      <c r="F52399" s="14" t="s">
        <v>61</v>
      </c>
      <c r="G52399" s="16">
        <v>0.90874734720534689</v>
      </c>
    </row>
    <row r="52400" spans="1:7" x14ac:dyDescent="0.3">
      <c r="A52400" s="13" t="s">
        <v>291</v>
      </c>
      <c r="B52400" s="14" t="s">
        <v>1</v>
      </c>
      <c r="C52400" s="14" t="s">
        <v>101</v>
      </c>
      <c r="D52400" s="14" t="s">
        <v>292</v>
      </c>
      <c r="E52400" s="15">
        <v>45581</v>
      </c>
      <c r="F52400" s="14" t="s">
        <v>61</v>
      </c>
      <c r="G52400" s="16">
        <v>0.90970427307584545</v>
      </c>
    </row>
    <row r="52401" spans="1:7" x14ac:dyDescent="0.3">
      <c r="A52401" s="13" t="s">
        <v>291</v>
      </c>
      <c r="B52401" s="14" t="s">
        <v>1</v>
      </c>
      <c r="C52401" s="14" t="s">
        <v>101</v>
      </c>
      <c r="D52401" s="14" t="s">
        <v>292</v>
      </c>
      <c r="E52401" s="15">
        <v>45582</v>
      </c>
      <c r="F52401" s="14" t="s">
        <v>61</v>
      </c>
      <c r="G52401" s="16">
        <v>0.91076086320112803</v>
      </c>
    </row>
    <row r="52402" spans="1:7" x14ac:dyDescent="0.3">
      <c r="A52402" s="13" t="s">
        <v>291</v>
      </c>
      <c r="B52402" s="14" t="s">
        <v>1</v>
      </c>
      <c r="C52402" s="14" t="s">
        <v>101</v>
      </c>
      <c r="D52402" s="14" t="s">
        <v>292</v>
      </c>
      <c r="E52402" s="15">
        <v>45583</v>
      </c>
      <c r="F52402" s="14" t="s">
        <v>61</v>
      </c>
      <c r="G52402" s="16">
        <v>0.90630278781404783</v>
      </c>
    </row>
    <row r="52403" spans="1:7" x14ac:dyDescent="0.3">
      <c r="A52403" s="13" t="s">
        <v>291</v>
      </c>
      <c r="B52403" s="14" t="s">
        <v>1</v>
      </c>
      <c r="C52403" s="14" t="s">
        <v>101</v>
      </c>
      <c r="D52403" s="14" t="s">
        <v>292</v>
      </c>
      <c r="E52403" s="15">
        <v>45584</v>
      </c>
      <c r="F52403" s="14" t="s">
        <v>61</v>
      </c>
      <c r="G52403" s="16">
        <v>0.90630278781404783</v>
      </c>
    </row>
    <row r="52404" spans="1:7" x14ac:dyDescent="0.3">
      <c r="A52404" s="13" t="s">
        <v>291</v>
      </c>
      <c r="B52404" s="14" t="s">
        <v>1</v>
      </c>
      <c r="C52404" s="14" t="s">
        <v>101</v>
      </c>
      <c r="D52404" s="14" t="s">
        <v>292</v>
      </c>
      <c r="E52404" s="15">
        <v>45585</v>
      </c>
      <c r="F52404" s="14" t="s">
        <v>61</v>
      </c>
      <c r="G52404" s="16">
        <v>0.90630278781404783</v>
      </c>
    </row>
    <row r="52405" spans="1:7" x14ac:dyDescent="0.3">
      <c r="A52405" s="13" t="s">
        <v>291</v>
      </c>
      <c r="B52405" s="14" t="s">
        <v>1</v>
      </c>
      <c r="C52405" s="14" t="s">
        <v>101</v>
      </c>
      <c r="D52405" s="14" t="s">
        <v>292</v>
      </c>
      <c r="E52405" s="15">
        <v>45586</v>
      </c>
      <c r="F52405" s="14" t="s">
        <v>61</v>
      </c>
      <c r="G52405" s="16">
        <v>0.91023370655074776</v>
      </c>
    </row>
    <row r="52406" spans="1:7" x14ac:dyDescent="0.3">
      <c r="A52406" s="13" t="s">
        <v>291</v>
      </c>
      <c r="B52406" s="14" t="s">
        <v>1</v>
      </c>
      <c r="C52406" s="14" t="s">
        <v>101</v>
      </c>
      <c r="D52406" s="14" t="s">
        <v>292</v>
      </c>
      <c r="E52406" s="15">
        <v>45587</v>
      </c>
      <c r="F52406" s="14" t="s">
        <v>61</v>
      </c>
      <c r="G52406" s="16">
        <v>0.90399531832151048</v>
      </c>
    </row>
    <row r="52407" spans="1:7" x14ac:dyDescent="0.3">
      <c r="A52407" s="13" t="s">
        <v>291</v>
      </c>
      <c r="B52407" s="14" t="s">
        <v>1</v>
      </c>
      <c r="C52407" s="14" t="s">
        <v>101</v>
      </c>
      <c r="D52407" s="14" t="s">
        <v>292</v>
      </c>
      <c r="E52407" s="15">
        <v>45588</v>
      </c>
      <c r="F52407" s="14" t="s">
        <v>61</v>
      </c>
      <c r="G52407" s="16">
        <v>0.90396387512560361</v>
      </c>
    </row>
    <row r="52408" spans="1:7" x14ac:dyDescent="0.3">
      <c r="A52408" s="13" t="s">
        <v>291</v>
      </c>
      <c r="B52408" s="14" t="s">
        <v>1</v>
      </c>
      <c r="C52408" s="14" t="s">
        <v>101</v>
      </c>
      <c r="D52408" s="14" t="s">
        <v>292</v>
      </c>
      <c r="E52408" s="15">
        <v>45589</v>
      </c>
      <c r="F52408" s="14" t="s">
        <v>61</v>
      </c>
      <c r="G52408" s="16">
        <v>0.8990102325971967</v>
      </c>
    </row>
    <row r="52409" spans="1:7" x14ac:dyDescent="0.3">
      <c r="A52409" s="13" t="s">
        <v>291</v>
      </c>
      <c r="B52409" s="14" t="s">
        <v>1</v>
      </c>
      <c r="C52409" s="14" t="s">
        <v>101</v>
      </c>
      <c r="D52409" s="14" t="s">
        <v>292</v>
      </c>
      <c r="E52409" s="15">
        <v>45590</v>
      </c>
      <c r="F52409" s="14" t="s">
        <v>61</v>
      </c>
      <c r="G52409" s="16">
        <v>0.90020000406602629</v>
      </c>
    </row>
    <row r="52410" spans="1:7" x14ac:dyDescent="0.3">
      <c r="A52410" s="13" t="s">
        <v>291</v>
      </c>
      <c r="B52410" s="14" t="s">
        <v>1</v>
      </c>
      <c r="C52410" s="14" t="s">
        <v>101</v>
      </c>
      <c r="D52410" s="14" t="s">
        <v>292</v>
      </c>
      <c r="E52410" s="15">
        <v>45591</v>
      </c>
      <c r="F52410" s="14" t="s">
        <v>61</v>
      </c>
      <c r="G52410" s="16">
        <v>0.90020000406602629</v>
      </c>
    </row>
    <row r="52411" spans="1:7" x14ac:dyDescent="0.3">
      <c r="A52411" s="13" t="s">
        <v>291</v>
      </c>
      <c r="B52411" s="14" t="s">
        <v>1</v>
      </c>
      <c r="C52411" s="14" t="s">
        <v>101</v>
      </c>
      <c r="D52411" s="14" t="s">
        <v>292</v>
      </c>
      <c r="E52411" s="15">
        <v>45592</v>
      </c>
      <c r="F52411" s="14" t="s">
        <v>61</v>
      </c>
      <c r="G52411" s="16">
        <v>0.90020000406602629</v>
      </c>
    </row>
    <row r="52412" spans="1:7" x14ac:dyDescent="0.3">
      <c r="A52412" s="13" t="s">
        <v>291</v>
      </c>
      <c r="B52412" s="14" t="s">
        <v>1</v>
      </c>
      <c r="C52412" s="14" t="s">
        <v>101</v>
      </c>
      <c r="D52412" s="14" t="s">
        <v>292</v>
      </c>
      <c r="E52412" s="15">
        <v>45593</v>
      </c>
      <c r="F52412" s="14" t="s">
        <v>61</v>
      </c>
      <c r="G52412" s="16">
        <v>0.90020000406602629</v>
      </c>
    </row>
    <row r="52413" spans="1:7" x14ac:dyDescent="0.3">
      <c r="A52413" s="13" t="s">
        <v>291</v>
      </c>
      <c r="B52413" s="14" t="s">
        <v>1</v>
      </c>
      <c r="C52413" s="14" t="s">
        <v>101</v>
      </c>
      <c r="D52413" s="14" t="s">
        <v>292</v>
      </c>
      <c r="E52413" s="15">
        <v>45594</v>
      </c>
      <c r="F52413" s="14" t="s">
        <v>61</v>
      </c>
      <c r="G52413" s="16">
        <v>0.89794620704569705</v>
      </c>
    </row>
    <row r="52414" spans="1:7" x14ac:dyDescent="0.3">
      <c r="A52414" s="13" t="s">
        <v>291</v>
      </c>
      <c r="B52414" s="14" t="s">
        <v>1</v>
      </c>
      <c r="C52414" s="14" t="s">
        <v>101</v>
      </c>
      <c r="D52414" s="14" t="s">
        <v>292</v>
      </c>
      <c r="E52414" s="15">
        <v>45595</v>
      </c>
      <c r="F52414" s="14" t="s">
        <v>61</v>
      </c>
      <c r="G52414" s="16">
        <v>0.88466667716000091</v>
      </c>
    </row>
    <row r="52415" spans="1:7" x14ac:dyDescent="0.3">
      <c r="A52415" s="13" t="s">
        <v>291</v>
      </c>
      <c r="B52415" s="14" t="s">
        <v>1</v>
      </c>
      <c r="C52415" s="14" t="s">
        <v>101</v>
      </c>
      <c r="D52415" s="14" t="s">
        <v>292</v>
      </c>
      <c r="E52415" s="15">
        <v>45596</v>
      </c>
      <c r="F52415" s="14" t="s">
        <v>61</v>
      </c>
      <c r="G52415" s="16">
        <v>0.8810074894651444</v>
      </c>
    </row>
    <row r="52416" spans="1:7" x14ac:dyDescent="0.3">
      <c r="A52416" s="13" t="s">
        <v>291</v>
      </c>
      <c r="B52416" s="14" t="s">
        <v>1</v>
      </c>
      <c r="C52416" s="14" t="s">
        <v>101</v>
      </c>
      <c r="D52416" s="14" t="s">
        <v>292</v>
      </c>
      <c r="E52416" s="15">
        <v>45597</v>
      </c>
      <c r="F52416" s="14" t="s">
        <v>61</v>
      </c>
      <c r="G52416" s="16">
        <v>0.8972309394177993</v>
      </c>
    </row>
    <row r="52417" spans="1:7" x14ac:dyDescent="0.3">
      <c r="A52417" s="13" t="s">
        <v>291</v>
      </c>
      <c r="B52417" s="14" t="s">
        <v>1</v>
      </c>
      <c r="C52417" s="14" t="s">
        <v>101</v>
      </c>
      <c r="D52417" s="14" t="s">
        <v>292</v>
      </c>
      <c r="E52417" s="15">
        <v>45598</v>
      </c>
      <c r="F52417" s="14" t="s">
        <v>61</v>
      </c>
      <c r="G52417" s="16">
        <v>0.8972309394177993</v>
      </c>
    </row>
    <row r="52418" spans="1:7" x14ac:dyDescent="0.3">
      <c r="A52418" s="13" t="s">
        <v>291</v>
      </c>
      <c r="B52418" s="14" t="s">
        <v>1</v>
      </c>
      <c r="C52418" s="14" t="s">
        <v>101</v>
      </c>
      <c r="D52418" s="14" t="s">
        <v>292</v>
      </c>
      <c r="E52418" s="15">
        <v>45599</v>
      </c>
      <c r="F52418" s="14" t="s">
        <v>61</v>
      </c>
      <c r="G52418" s="16">
        <v>0.8972309394177993</v>
      </c>
    </row>
    <row r="52419" spans="1:7" x14ac:dyDescent="0.3">
      <c r="A52419" s="13" t="s">
        <v>291</v>
      </c>
      <c r="B52419" s="14" t="s">
        <v>1</v>
      </c>
      <c r="C52419" s="14" t="s">
        <v>101</v>
      </c>
      <c r="D52419" s="14" t="s">
        <v>292</v>
      </c>
      <c r="E52419" s="15">
        <v>45600</v>
      </c>
      <c r="F52419" s="14" t="s">
        <v>61</v>
      </c>
      <c r="G52419" s="16">
        <v>0.89279154626817137</v>
      </c>
    </row>
    <row r="52420" spans="1:7" x14ac:dyDescent="0.3">
      <c r="A52420" s="13" t="s">
        <v>291</v>
      </c>
      <c r="B52420" s="14" t="s">
        <v>1</v>
      </c>
      <c r="C52420" s="14" t="s">
        <v>101</v>
      </c>
      <c r="D52420" s="14" t="s">
        <v>292</v>
      </c>
      <c r="E52420" s="15">
        <v>45601</v>
      </c>
      <c r="F52420" s="14" t="s">
        <v>61</v>
      </c>
      <c r="G52420" s="16">
        <v>0.88124099459362837</v>
      </c>
    </row>
    <row r="52421" spans="1:7" x14ac:dyDescent="0.3">
      <c r="A52421" s="13" t="s">
        <v>291</v>
      </c>
      <c r="B52421" s="14" t="s">
        <v>1</v>
      </c>
      <c r="C52421" s="14" t="s">
        <v>101</v>
      </c>
      <c r="D52421" s="14" t="s">
        <v>292</v>
      </c>
      <c r="E52421" s="15">
        <v>45602</v>
      </c>
      <c r="F52421" s="14" t="s">
        <v>61</v>
      </c>
      <c r="G52421" s="16">
        <v>0.89646053654033442</v>
      </c>
    </row>
    <row r="52422" spans="1:7" x14ac:dyDescent="0.3">
      <c r="A52422" s="13" t="s">
        <v>291</v>
      </c>
      <c r="B52422" s="14" t="s">
        <v>1</v>
      </c>
      <c r="C52422" s="14" t="s">
        <v>101</v>
      </c>
      <c r="D52422" s="14" t="s">
        <v>292</v>
      </c>
      <c r="E52422" s="15">
        <v>45603</v>
      </c>
      <c r="F52422" s="14" t="s">
        <v>61</v>
      </c>
      <c r="G52422" s="16">
        <v>0.88863771590983964</v>
      </c>
    </row>
    <row r="52423" spans="1:7" x14ac:dyDescent="0.3">
      <c r="A52423" s="13" t="s">
        <v>291</v>
      </c>
      <c r="B52423" s="14" t="s">
        <v>1</v>
      </c>
      <c r="C52423" s="14" t="s">
        <v>101</v>
      </c>
      <c r="D52423" s="14" t="s">
        <v>292</v>
      </c>
      <c r="E52423" s="15">
        <v>45604</v>
      </c>
      <c r="F52423" s="14" t="s">
        <v>61</v>
      </c>
      <c r="G52423" s="16">
        <v>0.89436735560880287</v>
      </c>
    </row>
    <row r="52424" spans="1:7" x14ac:dyDescent="0.3">
      <c r="A52424" s="13" t="s">
        <v>291</v>
      </c>
      <c r="B52424" s="14" t="s">
        <v>1</v>
      </c>
      <c r="C52424" s="14" t="s">
        <v>101</v>
      </c>
      <c r="D52424" s="14" t="s">
        <v>292</v>
      </c>
      <c r="E52424" s="15">
        <v>45605</v>
      </c>
      <c r="F52424" s="14" t="s">
        <v>61</v>
      </c>
      <c r="G52424" s="16">
        <v>0.89436735560880287</v>
      </c>
    </row>
    <row r="52425" spans="1:7" x14ac:dyDescent="0.3">
      <c r="A52425" s="13" t="s">
        <v>291</v>
      </c>
      <c r="B52425" s="14" t="s">
        <v>1</v>
      </c>
      <c r="C52425" s="14" t="s">
        <v>101</v>
      </c>
      <c r="D52425" s="14" t="s">
        <v>292</v>
      </c>
      <c r="E52425" s="15">
        <v>45606</v>
      </c>
      <c r="F52425" s="14" t="s">
        <v>61</v>
      </c>
      <c r="G52425" s="16">
        <v>0.89436735560880287</v>
      </c>
    </row>
    <row r="52426" spans="1:7" x14ac:dyDescent="0.3">
      <c r="A52426" s="13" t="s">
        <v>291</v>
      </c>
      <c r="B52426" s="14" t="s">
        <v>1</v>
      </c>
      <c r="C52426" s="14" t="s">
        <v>101</v>
      </c>
      <c r="D52426" s="14" t="s">
        <v>292</v>
      </c>
      <c r="E52426" s="15">
        <v>45607</v>
      </c>
      <c r="F52426" s="14" t="s">
        <v>61</v>
      </c>
      <c r="G52426" s="16">
        <v>0.89803045086873678</v>
      </c>
    </row>
    <row r="52427" spans="1:7" x14ac:dyDescent="0.3">
      <c r="A52427" s="13" t="s">
        <v>291</v>
      </c>
      <c r="B52427" s="14" t="s">
        <v>1</v>
      </c>
      <c r="C52427" s="14" t="s">
        <v>101</v>
      </c>
      <c r="D52427" s="14" t="s">
        <v>292</v>
      </c>
      <c r="E52427" s="15">
        <v>45608</v>
      </c>
      <c r="F52427" s="14" t="s">
        <v>61</v>
      </c>
      <c r="G52427" s="16">
        <v>0.89347568937220523</v>
      </c>
    </row>
    <row r="52428" spans="1:7" x14ac:dyDescent="0.3">
      <c r="A52428" s="13" t="s">
        <v>291</v>
      </c>
      <c r="B52428" s="14" t="s">
        <v>1</v>
      </c>
      <c r="C52428" s="14" t="s">
        <v>101</v>
      </c>
      <c r="D52428" s="14" t="s">
        <v>292</v>
      </c>
      <c r="E52428" s="15">
        <v>45609</v>
      </c>
      <c r="F52428" s="14" t="s">
        <v>61</v>
      </c>
      <c r="G52428" s="16">
        <v>0.91490348516529629</v>
      </c>
    </row>
    <row r="52429" spans="1:7" x14ac:dyDescent="0.3">
      <c r="A52429" s="13" t="s">
        <v>291</v>
      </c>
      <c r="B52429" s="14" t="s">
        <v>1</v>
      </c>
      <c r="C52429" s="14" t="s">
        <v>101</v>
      </c>
      <c r="D52429" s="14" t="s">
        <v>292</v>
      </c>
      <c r="E52429" s="15">
        <v>45610</v>
      </c>
      <c r="F52429" s="14" t="s">
        <v>61</v>
      </c>
      <c r="G52429" s="16">
        <v>0.91973315476519579</v>
      </c>
    </row>
    <row r="52430" spans="1:7" x14ac:dyDescent="0.3">
      <c r="A52430" s="13" t="s">
        <v>291</v>
      </c>
      <c r="B52430" s="14" t="s">
        <v>1</v>
      </c>
      <c r="C52430" s="14" t="s">
        <v>101</v>
      </c>
      <c r="D52430" s="14" t="s">
        <v>292</v>
      </c>
      <c r="E52430" s="15">
        <v>45611</v>
      </c>
      <c r="F52430" s="14" t="s">
        <v>61</v>
      </c>
      <c r="G52430" s="16">
        <v>0.91733397899083569</v>
      </c>
    </row>
    <row r="52431" spans="1:7" x14ac:dyDescent="0.3">
      <c r="A52431" s="13" t="s">
        <v>291</v>
      </c>
      <c r="B52431" s="14" t="s">
        <v>1</v>
      </c>
      <c r="C52431" s="14" t="s">
        <v>101</v>
      </c>
      <c r="D52431" s="14" t="s">
        <v>292</v>
      </c>
      <c r="E52431" s="15">
        <v>45612</v>
      </c>
      <c r="F52431" s="14" t="s">
        <v>61</v>
      </c>
      <c r="G52431" s="16">
        <v>0.91733397899083569</v>
      </c>
    </row>
    <row r="52432" spans="1:7" x14ac:dyDescent="0.3">
      <c r="A52432" s="13" t="s">
        <v>291</v>
      </c>
      <c r="B52432" s="14" t="s">
        <v>1</v>
      </c>
      <c r="C52432" s="14" t="s">
        <v>101</v>
      </c>
      <c r="D52432" s="14" t="s">
        <v>292</v>
      </c>
      <c r="E52432" s="15">
        <v>45613</v>
      </c>
      <c r="F52432" s="14" t="s">
        <v>61</v>
      </c>
      <c r="G52432" s="16">
        <v>0.91733397899083569</v>
      </c>
    </row>
    <row r="52433" spans="1:7" x14ac:dyDescent="0.3">
      <c r="A52433" s="13" t="s">
        <v>291</v>
      </c>
      <c r="B52433" s="14" t="s">
        <v>1</v>
      </c>
      <c r="C52433" s="14" t="s">
        <v>101</v>
      </c>
      <c r="D52433" s="14" t="s">
        <v>292</v>
      </c>
      <c r="E52433" s="15">
        <v>45614</v>
      </c>
      <c r="F52433" s="14" t="s">
        <v>61</v>
      </c>
      <c r="G52433" s="16">
        <v>0.95199334907709643</v>
      </c>
    </row>
    <row r="52434" spans="1:7" x14ac:dyDescent="0.3">
      <c r="A52434" s="13" t="s">
        <v>291</v>
      </c>
      <c r="B52434" s="14" t="s">
        <v>1</v>
      </c>
      <c r="C52434" s="14" t="s">
        <v>101</v>
      </c>
      <c r="D52434" s="14" t="s">
        <v>292</v>
      </c>
      <c r="E52434" s="15">
        <v>45615</v>
      </c>
      <c r="F52434" s="14" t="s">
        <v>61</v>
      </c>
      <c r="G52434" s="16">
        <v>0.94531159754935135</v>
      </c>
    </row>
    <row r="52435" spans="1:7" x14ac:dyDescent="0.3">
      <c r="A52435" s="13" t="s">
        <v>291</v>
      </c>
      <c r="B52435" s="14" t="s">
        <v>1</v>
      </c>
      <c r="C52435" s="14" t="s">
        <v>101</v>
      </c>
      <c r="D52435" s="14" t="s">
        <v>292</v>
      </c>
      <c r="E52435" s="15">
        <v>45616</v>
      </c>
      <c r="F52435" s="14" t="s">
        <v>61</v>
      </c>
      <c r="G52435" s="16">
        <v>0.94850829134551018</v>
      </c>
    </row>
    <row r="52436" spans="1:7" x14ac:dyDescent="0.3">
      <c r="A52436" s="13" t="s">
        <v>291</v>
      </c>
      <c r="B52436" s="14" t="s">
        <v>1</v>
      </c>
      <c r="C52436" s="14" t="s">
        <v>101</v>
      </c>
      <c r="D52436" s="14" t="s">
        <v>292</v>
      </c>
      <c r="E52436" s="15">
        <v>45617</v>
      </c>
      <c r="F52436" s="14" t="s">
        <v>61</v>
      </c>
      <c r="G52436" s="16">
        <v>0.95338435332848337</v>
      </c>
    </row>
    <row r="52437" spans="1:7" x14ac:dyDescent="0.3">
      <c r="A52437" s="13" t="s">
        <v>291</v>
      </c>
      <c r="B52437" s="14" t="s">
        <v>1</v>
      </c>
      <c r="C52437" s="14" t="s">
        <v>101</v>
      </c>
      <c r="D52437" s="14" t="s">
        <v>292</v>
      </c>
      <c r="E52437" s="15">
        <v>45618</v>
      </c>
      <c r="F52437" s="14" t="s">
        <v>61</v>
      </c>
      <c r="G52437" s="16">
        <v>0.95687433248076459</v>
      </c>
    </row>
    <row r="52438" spans="1:7" x14ac:dyDescent="0.3">
      <c r="A52438" s="13" t="s">
        <v>291</v>
      </c>
      <c r="B52438" s="14" t="s">
        <v>1</v>
      </c>
      <c r="C52438" s="14" t="s">
        <v>101</v>
      </c>
      <c r="D52438" s="14" t="s">
        <v>292</v>
      </c>
      <c r="E52438" s="15">
        <v>45619</v>
      </c>
      <c r="F52438" s="14" t="s">
        <v>61</v>
      </c>
      <c r="G52438" s="16">
        <v>0.95687433248076459</v>
      </c>
    </row>
    <row r="52439" spans="1:7" x14ac:dyDescent="0.3">
      <c r="A52439" s="13" t="s">
        <v>291</v>
      </c>
      <c r="B52439" s="14" t="s">
        <v>1</v>
      </c>
      <c r="C52439" s="14" t="s">
        <v>101</v>
      </c>
      <c r="D52439" s="14" t="s">
        <v>292</v>
      </c>
      <c r="E52439" s="15">
        <v>45620</v>
      </c>
      <c r="F52439" s="14" t="s">
        <v>61</v>
      </c>
      <c r="G52439" s="16">
        <v>0.95687433248076459</v>
      </c>
    </row>
    <row r="52440" spans="1:7" x14ac:dyDescent="0.3">
      <c r="A52440" s="13" t="s">
        <v>291</v>
      </c>
      <c r="B52440" s="14" t="s">
        <v>1</v>
      </c>
      <c r="C52440" s="14" t="s">
        <v>101</v>
      </c>
      <c r="D52440" s="14" t="s">
        <v>292</v>
      </c>
      <c r="E52440" s="15">
        <v>45621</v>
      </c>
      <c r="F52440" s="14" t="s">
        <v>61</v>
      </c>
      <c r="G52440" s="16">
        <v>0.95951112152535711</v>
      </c>
    </row>
    <row r="52441" spans="1:7" x14ac:dyDescent="0.3">
      <c r="A52441" s="13" t="s">
        <v>291</v>
      </c>
      <c r="B52441" s="14" t="s">
        <v>1</v>
      </c>
      <c r="C52441" s="14" t="s">
        <v>101</v>
      </c>
      <c r="D52441" s="14" t="s">
        <v>292</v>
      </c>
      <c r="E52441" s="15">
        <v>45622</v>
      </c>
      <c r="F52441" s="14" t="s">
        <v>61</v>
      </c>
      <c r="G52441" s="16">
        <v>0.95275677985566487</v>
      </c>
    </row>
    <row r="52442" spans="1:7" x14ac:dyDescent="0.3">
      <c r="A52442" s="13" t="s">
        <v>291</v>
      </c>
      <c r="B52442" s="14" t="s">
        <v>1</v>
      </c>
      <c r="C52442" s="14" t="s">
        <v>101</v>
      </c>
      <c r="D52442" s="14" t="s">
        <v>292</v>
      </c>
      <c r="E52442" s="15">
        <v>45623</v>
      </c>
      <c r="F52442" s="14" t="s">
        <v>61</v>
      </c>
      <c r="G52442" s="16">
        <v>0.95039087828144497</v>
      </c>
    </row>
    <row r="52443" spans="1:7" x14ac:dyDescent="0.3">
      <c r="A52443" s="13" t="s">
        <v>291</v>
      </c>
      <c r="B52443" s="14" t="s">
        <v>1</v>
      </c>
      <c r="C52443" s="14" t="s">
        <v>101</v>
      </c>
      <c r="D52443" s="14" t="s">
        <v>292</v>
      </c>
      <c r="E52443" s="15">
        <v>45624</v>
      </c>
      <c r="F52443" s="14" t="s">
        <v>61</v>
      </c>
      <c r="G52443" s="16">
        <v>0.947857903734872</v>
      </c>
    </row>
    <row r="52444" spans="1:7" x14ac:dyDescent="0.3">
      <c r="A52444" s="13" t="s">
        <v>291</v>
      </c>
      <c r="B52444" s="14" t="s">
        <v>1</v>
      </c>
      <c r="C52444" s="14" t="s">
        <v>101</v>
      </c>
      <c r="D52444" s="14" t="s">
        <v>292</v>
      </c>
      <c r="E52444" s="15">
        <v>45625</v>
      </c>
      <c r="F52444" s="14" t="s">
        <v>61</v>
      </c>
      <c r="G52444" s="16">
        <v>0.94461189637417042</v>
      </c>
    </row>
    <row r="52445" spans="1:7" x14ac:dyDescent="0.3">
      <c r="A52445" s="13" t="s">
        <v>291</v>
      </c>
      <c r="B52445" s="14" t="s">
        <v>1</v>
      </c>
      <c r="C52445" s="14" t="s">
        <v>101</v>
      </c>
      <c r="D52445" s="14" t="s">
        <v>292</v>
      </c>
      <c r="E52445" s="15">
        <v>45626</v>
      </c>
      <c r="F52445" s="14" t="s">
        <v>61</v>
      </c>
      <c r="G52445" s="16">
        <v>0.94461189637417042</v>
      </c>
    </row>
    <row r="52446" spans="1:7" x14ac:dyDescent="0.3">
      <c r="A52446" s="13" t="s">
        <v>291</v>
      </c>
      <c r="B52446" s="14" t="s">
        <v>1</v>
      </c>
      <c r="C52446" s="14" t="s">
        <v>101</v>
      </c>
      <c r="D52446" s="14" t="s">
        <v>292</v>
      </c>
      <c r="E52446" s="15">
        <v>45627</v>
      </c>
      <c r="F52446" s="14" t="s">
        <v>61</v>
      </c>
      <c r="G52446" s="16">
        <v>0.94461189637417042</v>
      </c>
    </row>
    <row r="52447" spans="1:7" x14ac:dyDescent="0.3">
      <c r="A52447" s="13" t="s">
        <v>291</v>
      </c>
      <c r="B52447" s="14" t="s">
        <v>1</v>
      </c>
      <c r="C52447" s="14" t="s">
        <v>101</v>
      </c>
      <c r="D52447" s="14" t="s">
        <v>292</v>
      </c>
      <c r="E52447" s="15">
        <v>45628</v>
      </c>
      <c r="F52447" s="14" t="s">
        <v>61</v>
      </c>
      <c r="G52447" s="16">
        <v>0.99061718079492711</v>
      </c>
    </row>
    <row r="52448" spans="1:7" x14ac:dyDescent="0.3">
      <c r="A52448" s="13" t="s">
        <v>291</v>
      </c>
      <c r="B52448" s="14" t="s">
        <v>1</v>
      </c>
      <c r="C52448" s="14" t="s">
        <v>101</v>
      </c>
      <c r="D52448" s="14" t="s">
        <v>292</v>
      </c>
      <c r="E52448" s="15">
        <v>45629</v>
      </c>
      <c r="F52448" s="14" t="s">
        <v>61</v>
      </c>
      <c r="G52448" s="16">
        <v>0.98394134478423356</v>
      </c>
    </row>
    <row r="52449" spans="1:7" x14ac:dyDescent="0.3">
      <c r="A52449" s="13" t="s">
        <v>291</v>
      </c>
      <c r="B52449" s="14" t="s">
        <v>1</v>
      </c>
      <c r="C52449" s="14" t="s">
        <v>101</v>
      </c>
      <c r="D52449" s="14" t="s">
        <v>292</v>
      </c>
      <c r="E52449" s="15">
        <v>45630</v>
      </c>
      <c r="F52449" s="14" t="s">
        <v>61</v>
      </c>
      <c r="G52449" s="16">
        <v>0.99661939441789826</v>
      </c>
    </row>
    <row r="52450" spans="1:7" x14ac:dyDescent="0.3">
      <c r="A52450" s="13" t="s">
        <v>291</v>
      </c>
      <c r="B52450" s="14" t="s">
        <v>1</v>
      </c>
      <c r="C52450" s="14" t="s">
        <v>101</v>
      </c>
      <c r="D52450" s="14" t="s">
        <v>292</v>
      </c>
      <c r="E52450" s="15">
        <v>45631</v>
      </c>
      <c r="F52450" s="14" t="s">
        <v>61</v>
      </c>
      <c r="G52450" s="16">
        <v>0.98804733018040891</v>
      </c>
    </row>
    <row r="52451" spans="1:7" x14ac:dyDescent="0.3">
      <c r="A52451" s="13" t="s">
        <v>291</v>
      </c>
      <c r="B52451" s="14" t="s">
        <v>1</v>
      </c>
      <c r="C52451" s="14" t="s">
        <v>101</v>
      </c>
      <c r="D52451" s="14" t="s">
        <v>292</v>
      </c>
      <c r="E52451" s="15">
        <v>45632</v>
      </c>
      <c r="F52451" s="14" t="s">
        <v>61</v>
      </c>
      <c r="G52451" s="16">
        <v>0.98815658991572364</v>
      </c>
    </row>
    <row r="52452" spans="1:7" x14ac:dyDescent="0.3">
      <c r="A52452" s="13" t="s">
        <v>291</v>
      </c>
      <c r="B52452" s="14" t="s">
        <v>1</v>
      </c>
      <c r="C52452" s="14" t="s">
        <v>101</v>
      </c>
      <c r="D52452" s="14" t="s">
        <v>292</v>
      </c>
      <c r="E52452" s="15">
        <v>45633</v>
      </c>
      <c r="F52452" s="14" t="s">
        <v>61</v>
      </c>
      <c r="G52452" s="16">
        <v>0.98815658991572364</v>
      </c>
    </row>
    <row r="52453" spans="1:7" x14ac:dyDescent="0.3">
      <c r="A52453" s="13" t="s">
        <v>291</v>
      </c>
      <c r="B52453" s="14" t="s">
        <v>1</v>
      </c>
      <c r="C52453" s="14" t="s">
        <v>101</v>
      </c>
      <c r="D52453" s="14" t="s">
        <v>292</v>
      </c>
      <c r="E52453" s="15">
        <v>45634</v>
      </c>
      <c r="F52453" s="14" t="s">
        <v>61</v>
      </c>
      <c r="G52453" s="16">
        <v>0.98815658991572364</v>
      </c>
    </row>
    <row r="52454" spans="1:7" x14ac:dyDescent="0.3">
      <c r="A52454" s="13" t="s">
        <v>291</v>
      </c>
      <c r="B52454" s="14" t="s">
        <v>1</v>
      </c>
      <c r="C52454" s="14" t="s">
        <v>101</v>
      </c>
      <c r="D52454" s="14" t="s">
        <v>292</v>
      </c>
      <c r="E52454" s="15">
        <v>45635</v>
      </c>
      <c r="F52454" s="14" t="s">
        <v>61</v>
      </c>
      <c r="G52454" s="16">
        <v>1.0006701961680486</v>
      </c>
    </row>
    <row r="52455" spans="1:7" x14ac:dyDescent="0.3">
      <c r="A52455" s="13" t="s">
        <v>291</v>
      </c>
      <c r="B52455" s="14" t="s">
        <v>1</v>
      </c>
      <c r="C52455" s="14" t="s">
        <v>101</v>
      </c>
      <c r="D52455" s="14" t="s">
        <v>292</v>
      </c>
      <c r="E52455" s="15">
        <v>45636</v>
      </c>
      <c r="F52455" s="14" t="s">
        <v>61</v>
      </c>
      <c r="G52455" s="16">
        <v>0.99583586014305281</v>
      </c>
    </row>
    <row r="52456" spans="1:7" x14ac:dyDescent="0.3">
      <c r="A52456" s="13" t="s">
        <v>291</v>
      </c>
      <c r="B52456" s="14" t="s">
        <v>1</v>
      </c>
      <c r="C52456" s="14" t="s">
        <v>101</v>
      </c>
      <c r="D52456" s="14" t="s">
        <v>292</v>
      </c>
      <c r="E52456" s="15">
        <v>45637</v>
      </c>
      <c r="F52456" s="14" t="s">
        <v>61</v>
      </c>
      <c r="G52456" s="16">
        <v>0.9974061809823519</v>
      </c>
    </row>
    <row r="52457" spans="1:7" x14ac:dyDescent="0.3">
      <c r="A52457" s="13" t="s">
        <v>291</v>
      </c>
      <c r="B52457" s="14" t="s">
        <v>1</v>
      </c>
      <c r="C52457" s="14" t="s">
        <v>101</v>
      </c>
      <c r="D52457" s="14" t="s">
        <v>292</v>
      </c>
      <c r="E52457" s="15">
        <v>45638</v>
      </c>
      <c r="F52457" s="14" t="s">
        <v>61</v>
      </c>
      <c r="G52457" s="16">
        <v>1.0022117703875033</v>
      </c>
    </row>
    <row r="52458" spans="1:7" x14ac:dyDescent="0.3">
      <c r="A52458" s="13" t="s">
        <v>291</v>
      </c>
      <c r="B52458" s="14" t="s">
        <v>1</v>
      </c>
      <c r="C52458" s="14" t="s">
        <v>101</v>
      </c>
      <c r="D52458" s="14" t="s">
        <v>292</v>
      </c>
      <c r="E52458" s="15">
        <v>45639</v>
      </c>
      <c r="F52458" s="14" t="s">
        <v>61</v>
      </c>
      <c r="G52458" s="16">
        <v>0.9974187221643066</v>
      </c>
    </row>
    <row r="52459" spans="1:7" x14ac:dyDescent="0.3">
      <c r="A52459" s="13" t="s">
        <v>291</v>
      </c>
      <c r="B52459" s="14" t="s">
        <v>1</v>
      </c>
      <c r="C52459" s="14" t="s">
        <v>101</v>
      </c>
      <c r="D52459" s="14" t="s">
        <v>292</v>
      </c>
      <c r="E52459" s="15">
        <v>45640</v>
      </c>
      <c r="F52459" s="14" t="s">
        <v>61</v>
      </c>
      <c r="G52459" s="16">
        <v>0.9974187221643066</v>
      </c>
    </row>
    <row r="52460" spans="1:7" x14ac:dyDescent="0.3">
      <c r="A52460" s="13" t="s">
        <v>291</v>
      </c>
      <c r="B52460" s="14" t="s">
        <v>1</v>
      </c>
      <c r="C52460" s="14" t="s">
        <v>101</v>
      </c>
      <c r="D52460" s="14" t="s">
        <v>292</v>
      </c>
      <c r="E52460" s="15">
        <v>45641</v>
      </c>
      <c r="F52460" s="14" t="s">
        <v>61</v>
      </c>
      <c r="G52460" s="16">
        <v>0.9974187221643066</v>
      </c>
    </row>
    <row r="52461" spans="1:7" x14ac:dyDescent="0.3">
      <c r="A52461" s="13" t="s">
        <v>291</v>
      </c>
      <c r="B52461" s="14" t="s">
        <v>1</v>
      </c>
      <c r="C52461" s="14" t="s">
        <v>101</v>
      </c>
      <c r="D52461" s="14" t="s">
        <v>292</v>
      </c>
      <c r="E52461" s="15">
        <v>45642</v>
      </c>
      <c r="F52461" s="14" t="s">
        <v>61</v>
      </c>
      <c r="G52461" s="16">
        <v>0.9968341578777602</v>
      </c>
    </row>
    <row r="52462" spans="1:7" x14ac:dyDescent="0.3">
      <c r="A52462" s="13" t="s">
        <v>291</v>
      </c>
      <c r="B52462" s="14" t="s">
        <v>1</v>
      </c>
      <c r="C52462" s="14" t="s">
        <v>101</v>
      </c>
      <c r="D52462" s="14" t="s">
        <v>292</v>
      </c>
      <c r="E52462" s="15">
        <v>45643</v>
      </c>
      <c r="F52462" s="14" t="s">
        <v>61</v>
      </c>
      <c r="G52462" s="16">
        <v>0.99157949485403907</v>
      </c>
    </row>
    <row r="52463" spans="1:7" x14ac:dyDescent="0.3">
      <c r="A52463" s="13" t="s">
        <v>291</v>
      </c>
      <c r="B52463" s="14" t="s">
        <v>1</v>
      </c>
      <c r="C52463" s="14" t="s">
        <v>101</v>
      </c>
      <c r="D52463" s="14" t="s">
        <v>292</v>
      </c>
      <c r="E52463" s="15">
        <v>45644</v>
      </c>
      <c r="F52463" s="14" t="s">
        <v>61</v>
      </c>
      <c r="G52463" s="16">
        <v>1.0111608390399185</v>
      </c>
    </row>
    <row r="52464" spans="1:7" x14ac:dyDescent="0.3">
      <c r="A52464" s="13" t="s">
        <v>291</v>
      </c>
      <c r="B52464" s="14" t="s">
        <v>1</v>
      </c>
      <c r="C52464" s="14" t="s">
        <v>101</v>
      </c>
      <c r="D52464" s="14" t="s">
        <v>292</v>
      </c>
      <c r="E52464" s="15">
        <v>45645</v>
      </c>
      <c r="F52464" s="14" t="s">
        <v>61</v>
      </c>
      <c r="G52464" s="16">
        <v>1.0086829526855958</v>
      </c>
    </row>
    <row r="52465" spans="1:7" x14ac:dyDescent="0.3">
      <c r="A52465" s="13" t="s">
        <v>291</v>
      </c>
      <c r="B52465" s="14" t="s">
        <v>1</v>
      </c>
      <c r="C52465" s="14" t="s">
        <v>101</v>
      </c>
      <c r="D52465" s="14" t="s">
        <v>292</v>
      </c>
      <c r="E52465" s="15">
        <v>45646</v>
      </c>
      <c r="F52465" s="14" t="s">
        <v>61</v>
      </c>
      <c r="G52465" s="16">
        <v>1.0092423009942908</v>
      </c>
    </row>
    <row r="52466" spans="1:7" x14ac:dyDescent="0.3">
      <c r="A52466" s="13" t="s">
        <v>291</v>
      </c>
      <c r="B52466" s="14" t="s">
        <v>1</v>
      </c>
      <c r="C52466" s="14" t="s">
        <v>101</v>
      </c>
      <c r="D52466" s="14" t="s">
        <v>292</v>
      </c>
      <c r="E52466" s="15">
        <v>45647</v>
      </c>
      <c r="F52466" s="14" t="s">
        <v>61</v>
      </c>
      <c r="G52466" s="16">
        <v>1.0092423009942908</v>
      </c>
    </row>
    <row r="52467" spans="1:7" x14ac:dyDescent="0.3">
      <c r="A52467" s="13" t="s">
        <v>291</v>
      </c>
      <c r="B52467" s="14" t="s">
        <v>1</v>
      </c>
      <c r="C52467" s="14" t="s">
        <v>101</v>
      </c>
      <c r="D52467" s="14" t="s">
        <v>292</v>
      </c>
      <c r="E52467" s="15">
        <v>45648</v>
      </c>
      <c r="F52467" s="14" t="s">
        <v>61</v>
      </c>
      <c r="G52467" s="16">
        <v>1.0092423009942908</v>
      </c>
    </row>
    <row r="52468" spans="1:7" x14ac:dyDescent="0.3">
      <c r="A52468" s="13" t="s">
        <v>291</v>
      </c>
      <c r="B52468" s="14" t="s">
        <v>1</v>
      </c>
      <c r="C52468" s="14" t="s">
        <v>101</v>
      </c>
      <c r="D52468" s="14" t="s">
        <v>292</v>
      </c>
      <c r="E52468" s="15">
        <v>45649</v>
      </c>
      <c r="F52468" s="14" t="s">
        <v>61</v>
      </c>
      <c r="G52468" s="16">
        <v>1.0141979215402053</v>
      </c>
    </row>
    <row r="52469" spans="1:7" x14ac:dyDescent="0.3">
      <c r="A52469" s="13" t="s">
        <v>291</v>
      </c>
      <c r="B52469" s="14" t="s">
        <v>1</v>
      </c>
      <c r="C52469" s="14" t="s">
        <v>101</v>
      </c>
      <c r="D52469" s="14" t="s">
        <v>292</v>
      </c>
      <c r="E52469" s="15">
        <v>45650</v>
      </c>
      <c r="F52469" s="14" t="s">
        <v>61</v>
      </c>
      <c r="G52469" s="16">
        <v>1.0137809660968315</v>
      </c>
    </row>
    <row r="52470" spans="1:7" x14ac:dyDescent="0.3">
      <c r="A52470" s="13" t="s">
        <v>291</v>
      </c>
      <c r="B52470" s="14" t="s">
        <v>1</v>
      </c>
      <c r="C52470" s="14" t="s">
        <v>101</v>
      </c>
      <c r="D52470" s="14" t="s">
        <v>292</v>
      </c>
      <c r="E52470" s="15">
        <v>45651</v>
      </c>
      <c r="F52470" s="14" t="s">
        <v>61</v>
      </c>
      <c r="G52470" s="16">
        <v>1.0137809660968315</v>
      </c>
    </row>
    <row r="52471" spans="1:7" x14ac:dyDescent="0.3">
      <c r="A52471" s="13" t="s">
        <v>291</v>
      </c>
      <c r="B52471" s="14" t="s">
        <v>1</v>
      </c>
      <c r="C52471" s="14" t="s">
        <v>101</v>
      </c>
      <c r="D52471" s="14" t="s">
        <v>292</v>
      </c>
      <c r="E52471" s="15">
        <v>45652</v>
      </c>
      <c r="F52471" s="14" t="s">
        <v>61</v>
      </c>
      <c r="G52471" s="16">
        <v>1.0137809660968315</v>
      </c>
    </row>
    <row r="52472" spans="1:7" x14ac:dyDescent="0.3">
      <c r="A52472" s="13" t="s">
        <v>291</v>
      </c>
      <c r="B52472" s="14" t="s">
        <v>1</v>
      </c>
      <c r="C52472" s="14" t="s">
        <v>101</v>
      </c>
      <c r="D52472" s="14" t="s">
        <v>292</v>
      </c>
      <c r="E52472" s="15">
        <v>45653</v>
      </c>
      <c r="F52472" s="14" t="s">
        <v>61</v>
      </c>
      <c r="G52472" s="16">
        <v>1.0137809660968315</v>
      </c>
    </row>
    <row r="52473" spans="1:7" x14ac:dyDescent="0.3">
      <c r="A52473" s="13" t="s">
        <v>291</v>
      </c>
      <c r="B52473" s="14" t="s">
        <v>1</v>
      </c>
      <c r="C52473" s="14" t="s">
        <v>101</v>
      </c>
      <c r="D52473" s="14" t="s">
        <v>292</v>
      </c>
      <c r="E52473" s="15">
        <v>45654</v>
      </c>
      <c r="F52473" s="14" t="s">
        <v>61</v>
      </c>
      <c r="G52473" s="16">
        <v>1.0137809660968315</v>
      </c>
    </row>
    <row r="52474" spans="1:7" x14ac:dyDescent="0.3">
      <c r="A52474" s="13" t="s">
        <v>291</v>
      </c>
      <c r="B52474" s="14" t="s">
        <v>1</v>
      </c>
      <c r="C52474" s="14" t="s">
        <v>101</v>
      </c>
      <c r="D52474" s="14" t="s">
        <v>292</v>
      </c>
      <c r="E52474" s="15">
        <v>45655</v>
      </c>
      <c r="F52474" s="14" t="s">
        <v>61</v>
      </c>
      <c r="G52474" s="16">
        <v>1.0137809660968315</v>
      </c>
    </row>
    <row r="52475" spans="1:7" x14ac:dyDescent="0.3">
      <c r="A52475" s="13" t="s">
        <v>291</v>
      </c>
      <c r="B52475" s="14" t="s">
        <v>1</v>
      </c>
      <c r="C52475" s="14" t="s">
        <v>101</v>
      </c>
      <c r="D52475" s="14" t="s">
        <v>292</v>
      </c>
      <c r="E52475" s="15">
        <v>45656</v>
      </c>
      <c r="F52475" s="14" t="s">
        <v>61</v>
      </c>
      <c r="G52475" s="16">
        <v>1.0116089281244127</v>
      </c>
    </row>
    <row r="52476" spans="1:7" x14ac:dyDescent="0.3">
      <c r="A52476" s="13" t="s">
        <v>291</v>
      </c>
      <c r="B52476" s="14" t="s">
        <v>1</v>
      </c>
      <c r="C52476" s="14" t="s">
        <v>101</v>
      </c>
      <c r="D52476" s="14" t="s">
        <v>292</v>
      </c>
      <c r="E52476" s="15">
        <v>45657</v>
      </c>
      <c r="F52476" s="14" t="s">
        <v>61</v>
      </c>
      <c r="G52476" s="16">
        <v>1.0170385391185539</v>
      </c>
    </row>
    <row r="52477" spans="1:7" x14ac:dyDescent="0.3">
      <c r="A52477" s="13" t="s">
        <v>291</v>
      </c>
      <c r="B52477" s="14" t="s">
        <v>1</v>
      </c>
      <c r="C52477" s="14" t="s">
        <v>101</v>
      </c>
      <c r="D52477" s="14" t="s">
        <v>292</v>
      </c>
      <c r="E52477" s="15">
        <v>45658</v>
      </c>
      <c r="F52477" s="14" t="s">
        <v>61</v>
      </c>
      <c r="G52477" s="16">
        <v>1.0170385391185539</v>
      </c>
    </row>
    <row r="52478" spans="1:7" x14ac:dyDescent="0.3">
      <c r="A52478" s="13" t="s">
        <v>291</v>
      </c>
      <c r="B52478" s="14" t="s">
        <v>1</v>
      </c>
      <c r="C52478" s="14" t="s">
        <v>101</v>
      </c>
      <c r="D52478" s="14" t="s">
        <v>292</v>
      </c>
      <c r="E52478" s="15">
        <v>45659</v>
      </c>
      <c r="F52478" s="14" t="s">
        <v>61</v>
      </c>
      <c r="G52478" s="16">
        <v>1.0311537746132604</v>
      </c>
    </row>
    <row r="52479" spans="1:7" x14ac:dyDescent="0.3">
      <c r="A52479" s="13" t="s">
        <v>291</v>
      </c>
      <c r="B52479" s="14" t="s">
        <v>1</v>
      </c>
      <c r="C52479" s="14" t="s">
        <v>101</v>
      </c>
      <c r="D52479" s="14" t="s">
        <v>292</v>
      </c>
      <c r="E52479" s="15">
        <v>45660</v>
      </c>
      <c r="F52479" s="14" t="s">
        <v>61</v>
      </c>
      <c r="G52479" s="16">
        <v>1.022537111118111</v>
      </c>
    </row>
    <row r="52480" spans="1:7" x14ac:dyDescent="0.3">
      <c r="A52480" s="13" t="s">
        <v>291</v>
      </c>
      <c r="B52480" s="14" t="s">
        <v>1</v>
      </c>
      <c r="C52480" s="14" t="s">
        <v>101</v>
      </c>
      <c r="D52480" s="14" t="s">
        <v>292</v>
      </c>
      <c r="E52480" s="15">
        <v>45661</v>
      </c>
      <c r="F52480" s="14" t="s">
        <v>61</v>
      </c>
      <c r="G52480" s="16">
        <v>1.022537111118111</v>
      </c>
    </row>
    <row r="52481" spans="1:7" x14ac:dyDescent="0.3">
      <c r="A52481" s="13" t="s">
        <v>291</v>
      </c>
      <c r="B52481" s="14" t="s">
        <v>1</v>
      </c>
      <c r="C52481" s="14" t="s">
        <v>101</v>
      </c>
      <c r="D52481" s="14" t="s">
        <v>292</v>
      </c>
      <c r="E52481" s="15">
        <v>45662</v>
      </c>
      <c r="F52481" s="14" t="s">
        <v>61</v>
      </c>
      <c r="G52481" s="16">
        <v>1.022537111118111</v>
      </c>
    </row>
    <row r="52482" spans="1:7" x14ac:dyDescent="0.3">
      <c r="A52482" s="13" t="s">
        <v>291</v>
      </c>
      <c r="B52482" s="14" t="s">
        <v>1</v>
      </c>
      <c r="C52482" s="14" t="s">
        <v>101</v>
      </c>
      <c r="D52482" s="14" t="s">
        <v>292</v>
      </c>
      <c r="E52482" s="15">
        <v>45663</v>
      </c>
      <c r="F52482" s="14" t="s">
        <v>61</v>
      </c>
      <c r="G52482" s="16">
        <v>1.0132477060858747</v>
      </c>
    </row>
    <row r="52483" spans="1:7" x14ac:dyDescent="0.3">
      <c r="A52483" s="13" t="s">
        <v>291</v>
      </c>
      <c r="B52483" s="14" t="s">
        <v>1</v>
      </c>
      <c r="C52483" s="14" t="s">
        <v>101</v>
      </c>
      <c r="D52483" s="14" t="s">
        <v>292</v>
      </c>
      <c r="E52483" s="15">
        <v>45664</v>
      </c>
      <c r="F52483" s="14" t="s">
        <v>61</v>
      </c>
      <c r="G52483" s="16">
        <v>1.0056342557763578</v>
      </c>
    </row>
    <row r="52484" spans="1:7" x14ac:dyDescent="0.3">
      <c r="A52484" s="13" t="s">
        <v>291</v>
      </c>
      <c r="B52484" s="14" t="s">
        <v>1</v>
      </c>
      <c r="C52484" s="14" t="s">
        <v>101</v>
      </c>
      <c r="D52484" s="14" t="s">
        <v>292</v>
      </c>
      <c r="E52484" s="15">
        <v>45665</v>
      </c>
      <c r="F52484" s="14" t="s">
        <v>61</v>
      </c>
      <c r="G52484" s="16">
        <v>1.0063839100318412</v>
      </c>
    </row>
    <row r="52485" spans="1:7" x14ac:dyDescent="0.3">
      <c r="A52485" s="13" t="s">
        <v>291</v>
      </c>
      <c r="B52485" s="14" t="s">
        <v>1</v>
      </c>
      <c r="C52485" s="14" t="s">
        <v>101</v>
      </c>
      <c r="D52485" s="14" t="s">
        <v>292</v>
      </c>
      <c r="E52485" s="15">
        <v>45666</v>
      </c>
      <c r="F52485" s="14" t="s">
        <v>61</v>
      </c>
      <c r="G52485" s="16">
        <v>1.0069303639697356</v>
      </c>
    </row>
    <row r="52486" spans="1:7" x14ac:dyDescent="0.3">
      <c r="A52486" s="13" t="s">
        <v>291</v>
      </c>
      <c r="B52486" s="14" t="s">
        <v>1</v>
      </c>
      <c r="C52486" s="14" t="s">
        <v>101</v>
      </c>
      <c r="D52486" s="14" t="s">
        <v>292</v>
      </c>
      <c r="E52486" s="15">
        <v>45667</v>
      </c>
      <c r="F52486" s="14" t="s">
        <v>61</v>
      </c>
      <c r="G52486" s="16">
        <v>1.0217645454309638</v>
      </c>
    </row>
    <row r="52487" spans="1:7" x14ac:dyDescent="0.3">
      <c r="A52487" s="13" t="s">
        <v>291</v>
      </c>
      <c r="B52487" s="14" t="s">
        <v>1</v>
      </c>
      <c r="C52487" s="14" t="s">
        <v>101</v>
      </c>
      <c r="D52487" s="14" t="s">
        <v>292</v>
      </c>
      <c r="E52487" s="15">
        <v>45668</v>
      </c>
      <c r="F52487" s="14" t="s">
        <v>61</v>
      </c>
      <c r="G52487" s="16">
        <v>1.0217645454309638</v>
      </c>
    </row>
    <row r="52488" spans="1:7" x14ac:dyDescent="0.3">
      <c r="A52488" s="13" t="s">
        <v>291</v>
      </c>
      <c r="B52488" s="14" t="s">
        <v>1</v>
      </c>
      <c r="C52488" s="14" t="s">
        <v>101</v>
      </c>
      <c r="D52488" s="14" t="s">
        <v>292</v>
      </c>
      <c r="E52488" s="15">
        <v>45669</v>
      </c>
      <c r="F52488" s="14" t="s">
        <v>61</v>
      </c>
      <c r="G52488" s="16">
        <v>1.0217645454309638</v>
      </c>
    </row>
    <row r="52489" spans="1:7" x14ac:dyDescent="0.3">
      <c r="A52489" s="13" t="s">
        <v>291</v>
      </c>
      <c r="B52489" s="14" t="s">
        <v>1</v>
      </c>
      <c r="C52489" s="14" t="s">
        <v>101</v>
      </c>
      <c r="D52489" s="14" t="s">
        <v>292</v>
      </c>
      <c r="E52489" s="15">
        <v>45670</v>
      </c>
      <c r="F52489" s="14" t="s">
        <v>61</v>
      </c>
      <c r="G52489" s="16">
        <v>1.0205685222020819</v>
      </c>
    </row>
    <row r="52490" spans="1:7" x14ac:dyDescent="0.3">
      <c r="A52490" s="13" t="s">
        <v>291</v>
      </c>
      <c r="B52490" s="14" t="s">
        <v>1</v>
      </c>
      <c r="C52490" s="14" t="s">
        <v>101</v>
      </c>
      <c r="D52490" s="14" t="s">
        <v>292</v>
      </c>
      <c r="E52490" s="15">
        <v>45671</v>
      </c>
      <c r="F52490" s="14" t="s">
        <v>61</v>
      </c>
      <c r="G52490" s="16">
        <v>1.0076176191191357</v>
      </c>
    </row>
    <row r="52491" spans="1:7" x14ac:dyDescent="0.3">
      <c r="A52491" s="13" t="s">
        <v>291</v>
      </c>
      <c r="B52491" s="14" t="s">
        <v>1</v>
      </c>
      <c r="C52491" s="14" t="s">
        <v>101</v>
      </c>
      <c r="D52491" s="14" t="s">
        <v>292</v>
      </c>
      <c r="E52491" s="15">
        <v>45672</v>
      </c>
      <c r="F52491" s="14" t="s">
        <v>61</v>
      </c>
      <c r="G52491" s="16">
        <v>1.0083450928150663</v>
      </c>
    </row>
    <row r="52492" spans="1:7" x14ac:dyDescent="0.3">
      <c r="A52492" s="13" t="s">
        <v>291</v>
      </c>
      <c r="B52492" s="14" t="s">
        <v>1</v>
      </c>
      <c r="C52492" s="14" t="s">
        <v>101</v>
      </c>
      <c r="D52492" s="14" t="s">
        <v>292</v>
      </c>
      <c r="E52492" s="15">
        <v>45673</v>
      </c>
      <c r="F52492" s="14" t="s">
        <v>61</v>
      </c>
      <c r="G52492" s="16">
        <v>1.0061319216660258</v>
      </c>
    </row>
    <row r="52493" spans="1:7" x14ac:dyDescent="0.3">
      <c r="A52493" s="13" t="s">
        <v>291</v>
      </c>
      <c r="B52493" s="14" t="s">
        <v>1</v>
      </c>
      <c r="C52493" s="14" t="s">
        <v>101</v>
      </c>
      <c r="D52493" s="14" t="s">
        <v>292</v>
      </c>
      <c r="E52493" s="15">
        <v>45674</v>
      </c>
      <c r="F52493" s="14" t="s">
        <v>61</v>
      </c>
      <c r="G52493" s="16">
        <v>1.007509360231065</v>
      </c>
    </row>
    <row r="52494" spans="1:7" x14ac:dyDescent="0.3">
      <c r="A52494" s="13" t="s">
        <v>291</v>
      </c>
      <c r="B52494" s="14" t="s">
        <v>1</v>
      </c>
      <c r="C52494" s="14" t="s">
        <v>101</v>
      </c>
      <c r="D52494" s="14" t="s">
        <v>292</v>
      </c>
      <c r="E52494" s="15">
        <v>45675</v>
      </c>
      <c r="F52494" s="14" t="s">
        <v>61</v>
      </c>
      <c r="G52494" s="16">
        <v>1.007509360231065</v>
      </c>
    </row>
    <row r="52495" spans="1:7" x14ac:dyDescent="0.3">
      <c r="A52495" s="13" t="s">
        <v>291</v>
      </c>
      <c r="B52495" s="14" t="s">
        <v>1</v>
      </c>
      <c r="C52495" s="14" t="s">
        <v>101</v>
      </c>
      <c r="D52495" s="14" t="s">
        <v>292</v>
      </c>
      <c r="E52495" s="15">
        <v>45676</v>
      </c>
      <c r="F52495" s="14" t="s">
        <v>61</v>
      </c>
      <c r="G52495" s="16">
        <v>1.007509360231065</v>
      </c>
    </row>
    <row r="52496" spans="1:7" x14ac:dyDescent="0.3">
      <c r="A52496" s="13" t="s">
        <v>291</v>
      </c>
      <c r="B52496" s="14" t="s">
        <v>1</v>
      </c>
      <c r="C52496" s="14" t="s">
        <v>101</v>
      </c>
      <c r="D52496" s="14" t="s">
        <v>292</v>
      </c>
      <c r="E52496" s="15">
        <v>45677</v>
      </c>
      <c r="F52496" s="14" t="s">
        <v>61</v>
      </c>
      <c r="G52496" s="16">
        <v>0.99698093936661936</v>
      </c>
    </row>
    <row r="52497" spans="1:7" x14ac:dyDescent="0.3">
      <c r="A52497" s="13" t="s">
        <v>291</v>
      </c>
      <c r="B52497" s="14" t="s">
        <v>1</v>
      </c>
      <c r="C52497" s="14" t="s">
        <v>101</v>
      </c>
      <c r="D52497" s="14" t="s">
        <v>292</v>
      </c>
      <c r="E52497" s="15">
        <v>45678</v>
      </c>
      <c r="F52497" s="14" t="s">
        <v>61</v>
      </c>
      <c r="G52497" s="16">
        <v>0.98887032418929177</v>
      </c>
    </row>
    <row r="52498" spans="1:7" x14ac:dyDescent="0.3">
      <c r="A52498" s="13" t="s">
        <v>291</v>
      </c>
      <c r="B52498" s="14" t="s">
        <v>1</v>
      </c>
      <c r="C52498" s="14" t="s">
        <v>101</v>
      </c>
      <c r="D52498" s="14" t="s">
        <v>292</v>
      </c>
      <c r="E52498" s="15">
        <v>45679</v>
      </c>
      <c r="F52498" s="14" t="s">
        <v>61</v>
      </c>
      <c r="G52498" s="16">
        <v>0.99699174127805956</v>
      </c>
    </row>
    <row r="52499" spans="1:7" x14ac:dyDescent="0.3">
      <c r="A52499" s="13" t="s">
        <v>291</v>
      </c>
      <c r="B52499" s="14" t="s">
        <v>1</v>
      </c>
      <c r="C52499" s="14" t="s">
        <v>101</v>
      </c>
      <c r="D52499" s="14" t="s">
        <v>292</v>
      </c>
      <c r="E52499" s="15">
        <v>45680</v>
      </c>
      <c r="F52499" s="14" t="s">
        <v>61</v>
      </c>
      <c r="G52499" s="16">
        <v>0.99497893433504792</v>
      </c>
    </row>
    <row r="52500" spans="1:7" x14ac:dyDescent="0.3">
      <c r="A52500" s="13" t="s">
        <v>291</v>
      </c>
      <c r="B52500" s="14" t="s">
        <v>1</v>
      </c>
      <c r="C52500" s="14" t="s">
        <v>101</v>
      </c>
      <c r="D52500" s="14" t="s">
        <v>292</v>
      </c>
      <c r="E52500" s="15">
        <v>45681</v>
      </c>
      <c r="F52500" s="14" t="s">
        <v>61</v>
      </c>
      <c r="G52500" s="16">
        <v>0.98612738970881308</v>
      </c>
    </row>
    <row r="52501" spans="1:7" x14ac:dyDescent="0.3">
      <c r="A52501" s="13" t="s">
        <v>291</v>
      </c>
      <c r="B52501" s="14" t="s">
        <v>1</v>
      </c>
      <c r="C52501" s="14" t="s">
        <v>101</v>
      </c>
      <c r="D52501" s="14" t="s">
        <v>292</v>
      </c>
      <c r="E52501" s="15">
        <v>45682</v>
      </c>
      <c r="F52501" s="14" t="s">
        <v>61</v>
      </c>
      <c r="G52501" s="16">
        <v>0.98612738970881308</v>
      </c>
    </row>
    <row r="52502" spans="1:7" x14ac:dyDescent="0.3">
      <c r="A52502" s="13" t="s">
        <v>291</v>
      </c>
      <c r="B52502" s="14" t="s">
        <v>1</v>
      </c>
      <c r="C52502" s="14" t="s">
        <v>101</v>
      </c>
      <c r="D52502" s="14" t="s">
        <v>292</v>
      </c>
      <c r="E52502" s="15">
        <v>45683</v>
      </c>
      <c r="F52502" s="14" t="s">
        <v>61</v>
      </c>
      <c r="G52502" s="16">
        <v>0.98612738970881308</v>
      </c>
    </row>
    <row r="52503" spans="1:7" x14ac:dyDescent="0.3">
      <c r="A52503" s="13" t="s">
        <v>291</v>
      </c>
      <c r="B52503" s="14" t="s">
        <v>1</v>
      </c>
      <c r="C52503" s="14" t="s">
        <v>101</v>
      </c>
      <c r="D52503" s="14" t="s">
        <v>292</v>
      </c>
      <c r="E52503" s="15">
        <v>45684</v>
      </c>
      <c r="F52503" s="14" t="s">
        <v>61</v>
      </c>
      <c r="G52503" s="16">
        <v>0.9849448911595895</v>
      </c>
    </row>
    <row r="52504" spans="1:7" x14ac:dyDescent="0.3">
      <c r="A52504" s="13" t="s">
        <v>291</v>
      </c>
      <c r="B52504" s="14" t="s">
        <v>1</v>
      </c>
      <c r="C52504" s="14" t="s">
        <v>101</v>
      </c>
      <c r="D52504" s="14" t="s">
        <v>292</v>
      </c>
      <c r="E52504" s="15">
        <v>45685</v>
      </c>
      <c r="F52504" s="14" t="s">
        <v>61</v>
      </c>
      <c r="G52504" s="16">
        <v>0.98343439057527204</v>
      </c>
    </row>
    <row r="52505" spans="1:7" x14ac:dyDescent="0.3">
      <c r="A52505" s="13" t="s">
        <v>291</v>
      </c>
      <c r="B52505" s="14" t="s">
        <v>1</v>
      </c>
      <c r="C52505" s="14" t="s">
        <v>101</v>
      </c>
      <c r="D52505" s="14" t="s">
        <v>292</v>
      </c>
      <c r="E52505" s="15">
        <v>45686</v>
      </c>
      <c r="F52505" s="14" t="s">
        <v>61</v>
      </c>
      <c r="G52505" s="16">
        <v>0.98303713022473871</v>
      </c>
    </row>
    <row r="52506" spans="1:7" x14ac:dyDescent="0.3">
      <c r="A52506" s="13" t="s">
        <v>291</v>
      </c>
      <c r="B52506" s="14" t="s">
        <v>1</v>
      </c>
      <c r="C52506" s="14" t="s">
        <v>101</v>
      </c>
      <c r="D52506" s="14" t="s">
        <v>292</v>
      </c>
      <c r="E52506" s="15">
        <v>45687</v>
      </c>
      <c r="F52506" s="14" t="s">
        <v>61</v>
      </c>
      <c r="G52506" s="16">
        <v>0.98450231739328686</v>
      </c>
    </row>
    <row r="52507" spans="1:7" x14ac:dyDescent="0.3">
      <c r="A52507" s="13" t="s">
        <v>291</v>
      </c>
      <c r="B52507" s="14" t="s">
        <v>1</v>
      </c>
      <c r="C52507" s="14" t="s">
        <v>101</v>
      </c>
      <c r="D52507" s="14" t="s">
        <v>292</v>
      </c>
      <c r="E52507" s="15">
        <v>45688</v>
      </c>
      <c r="F52507" s="14" t="s">
        <v>61</v>
      </c>
      <c r="G52507" s="16">
        <v>0.9855604086988593</v>
      </c>
    </row>
    <row r="52508" spans="1:7" x14ac:dyDescent="0.3">
      <c r="A52508" s="13" t="s">
        <v>291</v>
      </c>
      <c r="B52508" s="14" t="s">
        <v>1</v>
      </c>
      <c r="C52508" s="14" t="s">
        <v>101</v>
      </c>
      <c r="D52508" s="14" t="s">
        <v>292</v>
      </c>
      <c r="E52508" s="15">
        <v>45689</v>
      </c>
      <c r="F52508" s="14" t="s">
        <v>61</v>
      </c>
      <c r="G52508" s="16">
        <v>0.9855604086988593</v>
      </c>
    </row>
    <row r="52509" spans="1:7" x14ac:dyDescent="0.3">
      <c r="A52509" s="13" t="s">
        <v>291</v>
      </c>
      <c r="B52509" s="14" t="s">
        <v>1</v>
      </c>
      <c r="C52509" s="14" t="s">
        <v>101</v>
      </c>
      <c r="D52509" s="14" t="s">
        <v>292</v>
      </c>
      <c r="E52509" s="15">
        <v>45690</v>
      </c>
      <c r="F52509" s="14" t="s">
        <v>61</v>
      </c>
      <c r="G52509" s="16">
        <v>0.9855604086988593</v>
      </c>
    </row>
    <row r="52510" spans="1:7" x14ac:dyDescent="0.3">
      <c r="A52510" s="13" t="s">
        <v>291</v>
      </c>
      <c r="B52510" s="14" t="s">
        <v>1</v>
      </c>
      <c r="C52510" s="14" t="s">
        <v>101</v>
      </c>
      <c r="D52510" s="14" t="s">
        <v>292</v>
      </c>
      <c r="E52510" s="15">
        <v>45691</v>
      </c>
      <c r="F52510" s="14" t="s">
        <v>61</v>
      </c>
      <c r="G52510" s="16">
        <v>0.9855604086988593</v>
      </c>
    </row>
    <row r="52511" spans="1:7" x14ac:dyDescent="0.3">
      <c r="A52511" s="13" t="s">
        <v>291</v>
      </c>
      <c r="B52511" s="14" t="s">
        <v>1</v>
      </c>
      <c r="C52511" s="14" t="s">
        <v>101</v>
      </c>
      <c r="D52511" s="14" t="s">
        <v>292</v>
      </c>
      <c r="E52511" s="15">
        <v>45692</v>
      </c>
      <c r="F52511" s="14" t="s">
        <v>61</v>
      </c>
      <c r="G52511" s="16">
        <v>0.98260913438822062</v>
      </c>
    </row>
    <row r="52512" spans="1:7" x14ac:dyDescent="0.3">
      <c r="A52512" s="13" t="s">
        <v>291</v>
      </c>
      <c r="B52512" s="14" t="s">
        <v>1</v>
      </c>
      <c r="C52512" s="14" t="s">
        <v>101</v>
      </c>
      <c r="D52512" s="14" t="s">
        <v>292</v>
      </c>
      <c r="E52512" s="15">
        <v>45693</v>
      </c>
      <c r="F52512" s="14" t="s">
        <v>61</v>
      </c>
      <c r="G52512" s="16">
        <v>0.97226729063767414</v>
      </c>
    </row>
    <row r="52513" spans="1:7" x14ac:dyDescent="0.3">
      <c r="A52513" s="13" t="s">
        <v>291</v>
      </c>
      <c r="B52513" s="14" t="s">
        <v>1</v>
      </c>
      <c r="C52513" s="14" t="s">
        <v>101</v>
      </c>
      <c r="D52513" s="14" t="s">
        <v>292</v>
      </c>
      <c r="E52513" s="15">
        <v>45694</v>
      </c>
      <c r="F52513" s="14" t="s">
        <v>61</v>
      </c>
      <c r="G52513" s="16">
        <v>0.97256366773233716</v>
      </c>
    </row>
    <row r="52514" spans="1:7" x14ac:dyDescent="0.3">
      <c r="A52514" s="13" t="s">
        <v>291</v>
      </c>
      <c r="B52514" s="14" t="s">
        <v>1</v>
      </c>
      <c r="C52514" s="14" t="s">
        <v>101</v>
      </c>
      <c r="D52514" s="14" t="s">
        <v>292</v>
      </c>
      <c r="E52514" s="15">
        <v>45695</v>
      </c>
      <c r="F52514" s="14" t="s">
        <v>61</v>
      </c>
      <c r="G52514" s="16">
        <v>0.9765731462648134</v>
      </c>
    </row>
    <row r="52515" spans="1:7" x14ac:dyDescent="0.3">
      <c r="A52515" s="13" t="s">
        <v>291</v>
      </c>
      <c r="B52515" s="14" t="s">
        <v>1</v>
      </c>
      <c r="C52515" s="14" t="s">
        <v>101</v>
      </c>
      <c r="D52515" s="14" t="s">
        <v>292</v>
      </c>
      <c r="E52515" s="15">
        <v>45696</v>
      </c>
      <c r="F52515" s="14" t="s">
        <v>61</v>
      </c>
      <c r="G52515" s="16">
        <v>0.9765731462648134</v>
      </c>
    </row>
    <row r="52516" spans="1:7" x14ac:dyDescent="0.3">
      <c r="A52516" s="13" t="s">
        <v>291</v>
      </c>
      <c r="B52516" s="14" t="s">
        <v>1</v>
      </c>
      <c r="C52516" s="14" t="s">
        <v>101</v>
      </c>
      <c r="D52516" s="14" t="s">
        <v>292</v>
      </c>
      <c r="E52516" s="15">
        <v>45697</v>
      </c>
      <c r="F52516" s="14" t="s">
        <v>61</v>
      </c>
      <c r="G52516" s="16">
        <v>0.9765731462648134</v>
      </c>
    </row>
    <row r="52517" spans="1:7" x14ac:dyDescent="0.3">
      <c r="A52517" s="13" t="s">
        <v>291</v>
      </c>
      <c r="B52517" s="14" t="s">
        <v>1</v>
      </c>
      <c r="C52517" s="14" t="s">
        <v>101</v>
      </c>
      <c r="D52517" s="14" t="s">
        <v>292</v>
      </c>
      <c r="E52517" s="15">
        <v>45698</v>
      </c>
      <c r="F52517" s="14" t="s">
        <v>61</v>
      </c>
      <c r="G52517" s="16">
        <v>1.0000453596832199</v>
      </c>
    </row>
    <row r="52518" spans="1:7" x14ac:dyDescent="0.3">
      <c r="A52518" s="13" t="s">
        <v>291</v>
      </c>
      <c r="B52518" s="14" t="s">
        <v>1</v>
      </c>
      <c r="C52518" s="14" t="s">
        <v>101</v>
      </c>
      <c r="D52518" s="14" t="s">
        <v>292</v>
      </c>
      <c r="E52518" s="15">
        <v>45699</v>
      </c>
      <c r="F52518" s="14" t="s">
        <v>61</v>
      </c>
      <c r="G52518" s="16">
        <v>1.0118596115057727</v>
      </c>
    </row>
    <row r="52519" spans="1:7" x14ac:dyDescent="0.3">
      <c r="A52519" s="13" t="s">
        <v>291</v>
      </c>
      <c r="B52519" s="14" t="s">
        <v>1</v>
      </c>
      <c r="C52519" s="14" t="s">
        <v>101</v>
      </c>
      <c r="D52519" s="14" t="s">
        <v>292</v>
      </c>
      <c r="E52519" s="15">
        <v>45700</v>
      </c>
      <c r="F52519" s="14" t="s">
        <v>61</v>
      </c>
      <c r="G52519" s="16">
        <v>1.0085645077683254</v>
      </c>
    </row>
    <row r="52520" spans="1:7" x14ac:dyDescent="0.3">
      <c r="A52520" s="13" t="s">
        <v>291</v>
      </c>
      <c r="B52520" s="14" t="s">
        <v>1</v>
      </c>
      <c r="C52520" s="14" t="s">
        <v>101</v>
      </c>
      <c r="D52520" s="14" t="s">
        <v>292</v>
      </c>
      <c r="E52520" s="15">
        <v>45701</v>
      </c>
      <c r="F52520" s="14" t="s">
        <v>61</v>
      </c>
      <c r="G52520" s="16">
        <v>1.0018798110953273</v>
      </c>
    </row>
    <row r="52521" spans="1:7" x14ac:dyDescent="0.3">
      <c r="A52521" s="13" t="s">
        <v>291</v>
      </c>
      <c r="B52521" s="14" t="s">
        <v>1</v>
      </c>
      <c r="C52521" s="14" t="s">
        <v>101</v>
      </c>
      <c r="D52521" s="14" t="s">
        <v>292</v>
      </c>
      <c r="E52521" s="15">
        <v>45702</v>
      </c>
      <c r="F52521" s="14" t="s">
        <v>61</v>
      </c>
      <c r="G52521" s="16">
        <v>0.99766007485121777</v>
      </c>
    </row>
    <row r="52522" spans="1:7" x14ac:dyDescent="0.3">
      <c r="A52522" s="13" t="s">
        <v>291</v>
      </c>
      <c r="B52522" s="14" t="s">
        <v>1</v>
      </c>
      <c r="C52522" s="14" t="s">
        <v>101</v>
      </c>
      <c r="D52522" s="14" t="s">
        <v>292</v>
      </c>
      <c r="E52522" s="15">
        <v>45703</v>
      </c>
      <c r="F52522" s="14" t="s">
        <v>61</v>
      </c>
      <c r="G52522" s="16">
        <v>0.99766007485121777</v>
      </c>
    </row>
    <row r="52523" spans="1:7" x14ac:dyDescent="0.3">
      <c r="A52523" s="13" t="s">
        <v>291</v>
      </c>
      <c r="B52523" s="14" t="s">
        <v>1</v>
      </c>
      <c r="C52523" s="14" t="s">
        <v>101</v>
      </c>
      <c r="D52523" s="14" t="s">
        <v>292</v>
      </c>
      <c r="E52523" s="15">
        <v>45704</v>
      </c>
      <c r="F52523" s="14" t="s">
        <v>61</v>
      </c>
      <c r="G52523" s="16">
        <v>0.99766007485121777</v>
      </c>
    </row>
    <row r="52524" spans="1:7" x14ac:dyDescent="0.3">
      <c r="A52524" s="13" t="s">
        <v>291</v>
      </c>
      <c r="B52524" s="14" t="s">
        <v>1</v>
      </c>
      <c r="C52524" s="14" t="s">
        <v>101</v>
      </c>
      <c r="D52524" s="14" t="s">
        <v>292</v>
      </c>
      <c r="E52524" s="15">
        <v>45705</v>
      </c>
      <c r="F52524" s="14" t="s">
        <v>61</v>
      </c>
      <c r="G52524" s="16">
        <v>1.0262388333876369</v>
      </c>
    </row>
    <row r="52525" spans="1:7" x14ac:dyDescent="0.3">
      <c r="A52525" s="13" t="s">
        <v>291</v>
      </c>
      <c r="B52525" s="14" t="s">
        <v>1</v>
      </c>
      <c r="C52525" s="14" t="s">
        <v>101</v>
      </c>
      <c r="D52525" s="14" t="s">
        <v>292</v>
      </c>
      <c r="E52525" s="15">
        <v>45706</v>
      </c>
      <c r="F52525" s="14" t="s">
        <v>61</v>
      </c>
      <c r="G52525" s="16">
        <v>1.022812139175368</v>
      </c>
    </row>
    <row r="52526" spans="1:7" x14ac:dyDescent="0.3">
      <c r="A52526" s="13" t="s">
        <v>291</v>
      </c>
      <c r="B52526" s="14" t="s">
        <v>1</v>
      </c>
      <c r="C52526" s="14" t="s">
        <v>101</v>
      </c>
      <c r="D52526" s="14" t="s">
        <v>292</v>
      </c>
      <c r="E52526" s="15">
        <v>45707</v>
      </c>
      <c r="F52526" s="14" t="s">
        <v>61</v>
      </c>
      <c r="G52526" s="16">
        <v>1.0318926756010152</v>
      </c>
    </row>
    <row r="52527" spans="1:7" x14ac:dyDescent="0.3">
      <c r="A52527" s="13" t="s">
        <v>291</v>
      </c>
      <c r="B52527" s="14" t="s">
        <v>1</v>
      </c>
      <c r="C52527" s="14" t="s">
        <v>101</v>
      </c>
      <c r="D52527" s="14" t="s">
        <v>292</v>
      </c>
      <c r="E52527" s="15">
        <v>45708</v>
      </c>
      <c r="F52527" s="14" t="s">
        <v>61</v>
      </c>
      <c r="G52527" s="16">
        <v>1.0226815370517737</v>
      </c>
    </row>
    <row r="52528" spans="1:7" x14ac:dyDescent="0.3">
      <c r="A52528" s="13" t="s">
        <v>291</v>
      </c>
      <c r="B52528" s="14" t="s">
        <v>1</v>
      </c>
      <c r="C52528" s="14" t="s">
        <v>101</v>
      </c>
      <c r="D52528" s="14" t="s">
        <v>292</v>
      </c>
      <c r="E52528" s="15">
        <v>45709</v>
      </c>
      <c r="F52528" s="14" t="s">
        <v>61</v>
      </c>
      <c r="G52528" s="16">
        <v>1.0255199132683441</v>
      </c>
    </row>
    <row r="52529" spans="1:7" x14ac:dyDescent="0.3">
      <c r="A52529" s="13" t="s">
        <v>291</v>
      </c>
      <c r="B52529" s="14" t="s">
        <v>1</v>
      </c>
      <c r="C52529" s="14" t="s">
        <v>101</v>
      </c>
      <c r="D52529" s="14" t="s">
        <v>292</v>
      </c>
      <c r="E52529" s="15">
        <v>45710</v>
      </c>
      <c r="F52529" s="14" t="s">
        <v>61</v>
      </c>
      <c r="G52529" s="16">
        <v>1.0255199132683441</v>
      </c>
    </row>
    <row r="52530" spans="1:7" x14ac:dyDescent="0.3">
      <c r="A52530" s="13" t="s">
        <v>291</v>
      </c>
      <c r="B52530" s="14" t="s">
        <v>1</v>
      </c>
      <c r="C52530" s="14" t="s">
        <v>101</v>
      </c>
      <c r="D52530" s="14" t="s">
        <v>292</v>
      </c>
      <c r="E52530" s="15">
        <v>45711</v>
      </c>
      <c r="F52530" s="14" t="s">
        <v>61</v>
      </c>
      <c r="G52530" s="16">
        <v>1.0255199132683441</v>
      </c>
    </row>
    <row r="52531" spans="1:7" x14ac:dyDescent="0.3">
      <c r="A52531" s="13" t="s">
        <v>291</v>
      </c>
      <c r="B52531" s="14" t="s">
        <v>1</v>
      </c>
      <c r="C52531" s="14" t="s">
        <v>101</v>
      </c>
      <c r="D52531" s="14" t="s">
        <v>292</v>
      </c>
      <c r="E52531" s="15">
        <v>45712</v>
      </c>
      <c r="F52531" s="14" t="s">
        <v>61</v>
      </c>
      <c r="G52531" s="16">
        <v>1.034147303408228</v>
      </c>
    </row>
    <row r="52532" spans="1:7" x14ac:dyDescent="0.3">
      <c r="A52532" s="13" t="s">
        <v>291</v>
      </c>
      <c r="B52532" s="14" t="s">
        <v>1</v>
      </c>
      <c r="C52532" s="14" t="s">
        <v>101</v>
      </c>
      <c r="D52532" s="14" t="s">
        <v>292</v>
      </c>
      <c r="E52532" s="15">
        <v>45713</v>
      </c>
      <c r="F52532" s="14" t="s">
        <v>61</v>
      </c>
      <c r="G52532" s="16">
        <v>1.0227581368814962</v>
      </c>
    </row>
    <row r="52533" spans="1:7" x14ac:dyDescent="0.3">
      <c r="A52533" s="13" t="s">
        <v>291</v>
      </c>
      <c r="B52533" s="14" t="s">
        <v>1</v>
      </c>
      <c r="C52533" s="14" t="s">
        <v>101</v>
      </c>
      <c r="D52533" s="14" t="s">
        <v>292</v>
      </c>
      <c r="E52533" s="15">
        <v>45714</v>
      </c>
      <c r="F52533" s="14" t="s">
        <v>61</v>
      </c>
      <c r="G52533" s="16">
        <v>1.0242256580943243</v>
      </c>
    </row>
    <row r="52534" spans="1:7" x14ac:dyDescent="0.3">
      <c r="A52534" s="13" t="s">
        <v>291</v>
      </c>
      <c r="B52534" s="14" t="s">
        <v>1</v>
      </c>
      <c r="C52534" s="14" t="s">
        <v>101</v>
      </c>
      <c r="D52534" s="14" t="s">
        <v>292</v>
      </c>
      <c r="E52534" s="15">
        <v>45715</v>
      </c>
      <c r="F52534" s="14" t="s">
        <v>61</v>
      </c>
      <c r="G52534" s="16">
        <v>1.0399528777059834</v>
      </c>
    </row>
    <row r="52535" spans="1:7" x14ac:dyDescent="0.3">
      <c r="A52535" s="13" t="s">
        <v>291</v>
      </c>
      <c r="B52535" s="14" t="s">
        <v>1</v>
      </c>
      <c r="C52535" s="14" t="s">
        <v>101</v>
      </c>
      <c r="D52535" s="14" t="s">
        <v>292</v>
      </c>
      <c r="E52535" s="15">
        <v>45716</v>
      </c>
      <c r="F52535" s="14" t="s">
        <v>61</v>
      </c>
      <c r="G52535" s="16">
        <v>1.0409611040555338</v>
      </c>
    </row>
    <row r="52536" spans="1:7" x14ac:dyDescent="0.3">
      <c r="A52536" s="13" t="s">
        <v>291</v>
      </c>
      <c r="B52536" s="14" t="s">
        <v>1</v>
      </c>
      <c r="C52536" s="14" t="s">
        <v>101</v>
      </c>
      <c r="D52536" s="14" t="s">
        <v>292</v>
      </c>
      <c r="E52536" s="15">
        <v>45717</v>
      </c>
      <c r="F52536" s="14" t="s">
        <v>61</v>
      </c>
      <c r="G52536" s="16">
        <v>1.0409611040555338</v>
      </c>
    </row>
    <row r="52537" spans="1:7" x14ac:dyDescent="0.3">
      <c r="A52537" s="13" t="s">
        <v>291</v>
      </c>
      <c r="B52537" s="14" t="s">
        <v>1</v>
      </c>
      <c r="C52537" s="14" t="s">
        <v>101</v>
      </c>
      <c r="D52537" s="14" t="s">
        <v>292</v>
      </c>
      <c r="E52537" s="15">
        <v>45718</v>
      </c>
      <c r="F52537" s="14" t="s">
        <v>61</v>
      </c>
      <c r="G52537" s="16">
        <v>1.0409611040555338</v>
      </c>
    </row>
    <row r="52538" spans="1:7" x14ac:dyDescent="0.3">
      <c r="A52538" s="13" t="s">
        <v>291</v>
      </c>
      <c r="B52538" s="14" t="s">
        <v>1</v>
      </c>
      <c r="C52538" s="14" t="s">
        <v>101</v>
      </c>
      <c r="D52538" s="14" t="s">
        <v>292</v>
      </c>
      <c r="E52538" s="15">
        <v>45719</v>
      </c>
      <c r="F52538" s="14" t="s">
        <v>61</v>
      </c>
      <c r="G52538" s="16">
        <v>1.0696948417939534</v>
      </c>
    </row>
    <row r="52539" spans="1:7" x14ac:dyDescent="0.3">
      <c r="A52539" s="13" t="s">
        <v>291</v>
      </c>
      <c r="B52539" s="14" t="s">
        <v>1</v>
      </c>
      <c r="C52539" s="14" t="s">
        <v>101</v>
      </c>
      <c r="D52539" s="14" t="s">
        <v>292</v>
      </c>
      <c r="E52539" s="15">
        <v>45720</v>
      </c>
      <c r="F52539" s="14" t="s">
        <v>61</v>
      </c>
      <c r="G52539" s="16">
        <v>1.0501265978174823</v>
      </c>
    </row>
    <row r="52540" spans="1:7" x14ac:dyDescent="0.3">
      <c r="A52540" s="13" t="s">
        <v>291</v>
      </c>
      <c r="B52540" s="14" t="s">
        <v>1</v>
      </c>
      <c r="C52540" s="14" t="s">
        <v>101</v>
      </c>
      <c r="D52540" s="14" t="s">
        <v>292</v>
      </c>
      <c r="E52540" s="15">
        <v>45721</v>
      </c>
      <c r="F52540" s="14" t="s">
        <v>61</v>
      </c>
      <c r="G52540" s="16">
        <v>1.0332289413594629</v>
      </c>
    </row>
    <row r="52541" spans="1:7" x14ac:dyDescent="0.3">
      <c r="A52541" s="13" t="s">
        <v>291</v>
      </c>
      <c r="B52541" s="14" t="s">
        <v>1</v>
      </c>
      <c r="C52541" s="14" t="s">
        <v>101</v>
      </c>
      <c r="D52541" s="14" t="s">
        <v>292</v>
      </c>
      <c r="E52541" s="15">
        <v>45722</v>
      </c>
      <c r="F52541" s="14" t="s">
        <v>61</v>
      </c>
      <c r="G52541" s="16">
        <v>1.0326391959577923</v>
      </c>
    </row>
    <row r="52542" spans="1:7" x14ac:dyDescent="0.3">
      <c r="A52542" s="13" t="s">
        <v>291</v>
      </c>
      <c r="B52542" s="14" t="s">
        <v>1</v>
      </c>
      <c r="C52542" s="14" t="s">
        <v>101</v>
      </c>
      <c r="D52542" s="14" t="s">
        <v>292</v>
      </c>
      <c r="E52542" s="15">
        <v>45723</v>
      </c>
      <c r="F52542" s="14" t="s">
        <v>61</v>
      </c>
      <c r="G52542" s="16">
        <v>1.0269809277841364</v>
      </c>
    </row>
    <row r="52543" spans="1:7" x14ac:dyDescent="0.3">
      <c r="A52543" s="13" t="s">
        <v>291</v>
      </c>
      <c r="B52543" s="14" t="s">
        <v>1</v>
      </c>
      <c r="C52543" s="14" t="s">
        <v>101</v>
      </c>
      <c r="D52543" s="14" t="s">
        <v>292</v>
      </c>
      <c r="E52543" s="15">
        <v>45724</v>
      </c>
      <c r="F52543" s="14" t="s">
        <v>61</v>
      </c>
      <c r="G52543" s="16">
        <v>1.0269809277841364</v>
      </c>
    </row>
    <row r="52544" spans="1:7" x14ac:dyDescent="0.3">
      <c r="A52544" s="13" t="s">
        <v>291</v>
      </c>
      <c r="B52544" s="14" t="s">
        <v>1</v>
      </c>
      <c r="C52544" s="14" t="s">
        <v>101</v>
      </c>
      <c r="D52544" s="14" t="s">
        <v>292</v>
      </c>
      <c r="E52544" s="15">
        <v>45725</v>
      </c>
      <c r="F52544" s="14" t="s">
        <v>61</v>
      </c>
      <c r="G52544" s="16">
        <v>1.0269809277841364</v>
      </c>
    </row>
    <row r="52545" spans="1:7" x14ac:dyDescent="0.3">
      <c r="A52545" s="13" t="s">
        <v>291</v>
      </c>
      <c r="B52545" s="14" t="s">
        <v>1</v>
      </c>
      <c r="C52545" s="14" t="s">
        <v>101</v>
      </c>
      <c r="D52545" s="14" t="s">
        <v>292</v>
      </c>
      <c r="E52545" s="15">
        <v>45726</v>
      </c>
      <c r="F52545" s="14" t="s">
        <v>61</v>
      </c>
      <c r="G52545" s="16">
        <v>1.0358391957254385</v>
      </c>
    </row>
    <row r="52546" spans="1:7" x14ac:dyDescent="0.3">
      <c r="A52546" s="13" t="s">
        <v>291</v>
      </c>
      <c r="B52546" s="14" t="s">
        <v>1</v>
      </c>
      <c r="C52546" s="14" t="s">
        <v>101</v>
      </c>
      <c r="D52546" s="14" t="s">
        <v>292</v>
      </c>
      <c r="E52546" s="15">
        <v>45727</v>
      </c>
      <c r="F52546" s="14" t="s">
        <v>61</v>
      </c>
      <c r="G52546" s="16">
        <v>1.0216612116067507</v>
      </c>
    </row>
    <row r="52547" spans="1:7" x14ac:dyDescent="0.3">
      <c r="A52547" s="13" t="s">
        <v>291</v>
      </c>
      <c r="B52547" s="14" t="s">
        <v>1</v>
      </c>
      <c r="C52547" s="14" t="s">
        <v>101</v>
      </c>
      <c r="D52547" s="14" t="s">
        <v>292</v>
      </c>
      <c r="E52547" s="15">
        <v>45728</v>
      </c>
      <c r="F52547" s="14" t="s">
        <v>61</v>
      </c>
      <c r="G52547" s="16">
        <v>1.0234528853993841</v>
      </c>
    </row>
    <row r="52548" spans="1:7" x14ac:dyDescent="0.3">
      <c r="A52548" s="13" t="s">
        <v>291</v>
      </c>
      <c r="B52548" s="14" t="s">
        <v>1</v>
      </c>
      <c r="C52548" s="14" t="s">
        <v>101</v>
      </c>
      <c r="D52548" s="14" t="s">
        <v>292</v>
      </c>
      <c r="E52548" s="15">
        <v>45729</v>
      </c>
      <c r="F52548" s="14" t="s">
        <v>61</v>
      </c>
      <c r="G52548" s="16">
        <v>1.0302605319716045</v>
      </c>
    </row>
    <row r="52549" spans="1:7" x14ac:dyDescent="0.3">
      <c r="A52549" s="13" t="s">
        <v>291</v>
      </c>
      <c r="B52549" s="14" t="s">
        <v>1</v>
      </c>
      <c r="C52549" s="14" t="s">
        <v>101</v>
      </c>
      <c r="D52549" s="14" t="s">
        <v>292</v>
      </c>
      <c r="E52549" s="15">
        <v>45730</v>
      </c>
      <c r="F52549" s="14" t="s">
        <v>61</v>
      </c>
      <c r="G52549" s="16">
        <v>1.038962352990872</v>
      </c>
    </row>
    <row r="52550" spans="1:7" x14ac:dyDescent="0.3">
      <c r="A52550" s="13" t="s">
        <v>291</v>
      </c>
      <c r="B52550" s="14" t="s">
        <v>1</v>
      </c>
      <c r="C52550" s="14" t="s">
        <v>101</v>
      </c>
      <c r="D52550" s="14" t="s">
        <v>292</v>
      </c>
      <c r="E52550" s="15">
        <v>45731</v>
      </c>
      <c r="F52550" s="14" t="s">
        <v>61</v>
      </c>
      <c r="G52550" s="16">
        <v>1.038962352990872</v>
      </c>
    </row>
    <row r="52551" spans="1:7" x14ac:dyDescent="0.3">
      <c r="A52551" s="13" t="s">
        <v>291</v>
      </c>
      <c r="B52551" s="14" t="s">
        <v>1</v>
      </c>
      <c r="C52551" s="14" t="s">
        <v>101</v>
      </c>
      <c r="D52551" s="14" t="s">
        <v>292</v>
      </c>
      <c r="E52551" s="15">
        <v>45732</v>
      </c>
      <c r="F52551" s="14" t="s">
        <v>61</v>
      </c>
      <c r="G52551" s="16">
        <v>1.038962352990872</v>
      </c>
    </row>
    <row r="52552" spans="1:7" x14ac:dyDescent="0.3">
      <c r="A52552" s="13" t="s">
        <v>291</v>
      </c>
      <c r="B52552" s="14" t="s">
        <v>1</v>
      </c>
      <c r="C52552" s="14" t="s">
        <v>101</v>
      </c>
      <c r="D52552" s="14" t="s">
        <v>292</v>
      </c>
      <c r="E52552" s="15">
        <v>45733</v>
      </c>
      <c r="F52552" s="14" t="s">
        <v>61</v>
      </c>
      <c r="G52552" s="16">
        <v>1.038962352990872</v>
      </c>
    </row>
    <row r="52553" spans="1:7" x14ac:dyDescent="0.3">
      <c r="A52553" s="13" t="s">
        <v>291</v>
      </c>
      <c r="B52553" s="14" t="s">
        <v>1</v>
      </c>
      <c r="C52553" s="14" t="s">
        <v>101</v>
      </c>
      <c r="D52553" s="14" t="s">
        <v>292</v>
      </c>
      <c r="E52553" s="15">
        <v>45734</v>
      </c>
      <c r="F52553" s="14" t="s">
        <v>61</v>
      </c>
      <c r="G52553" s="16">
        <v>1.0423949380817348</v>
      </c>
    </row>
    <row r="52554" spans="1:7" x14ac:dyDescent="0.3">
      <c r="A52554" s="13" t="s">
        <v>291</v>
      </c>
      <c r="B52554" s="14" t="s">
        <v>1</v>
      </c>
      <c r="C52554" s="14" t="s">
        <v>101</v>
      </c>
      <c r="D52554" s="14" t="s">
        <v>292</v>
      </c>
      <c r="E52554" s="15">
        <v>45735</v>
      </c>
      <c r="F52554" s="14" t="s">
        <v>61</v>
      </c>
      <c r="G52554" s="16">
        <v>1.054350915792283</v>
      </c>
    </row>
    <row r="52555" spans="1:7" x14ac:dyDescent="0.3">
      <c r="A52555" s="13" t="s">
        <v>291</v>
      </c>
      <c r="B52555" s="14" t="s">
        <v>1</v>
      </c>
      <c r="C52555" s="14" t="s">
        <v>101</v>
      </c>
      <c r="D52555" s="14" t="s">
        <v>292</v>
      </c>
      <c r="E52555" s="15">
        <v>45736</v>
      </c>
      <c r="F52555" s="14" t="s">
        <v>61</v>
      </c>
      <c r="G52555" s="16">
        <v>1.0608610219941095</v>
      </c>
    </row>
    <row r="52556" spans="1:7" x14ac:dyDescent="0.3">
      <c r="A52556" s="13" t="s">
        <v>291</v>
      </c>
      <c r="B52556" s="14" t="s">
        <v>1</v>
      </c>
      <c r="C52556" s="14" t="s">
        <v>101</v>
      </c>
      <c r="D52556" s="14" t="s">
        <v>292</v>
      </c>
      <c r="E52556" s="15">
        <v>45737</v>
      </c>
      <c r="F52556" s="14" t="s">
        <v>61</v>
      </c>
      <c r="G52556" s="16">
        <v>1.0637253067168422</v>
      </c>
    </row>
    <row r="52557" spans="1:7" x14ac:dyDescent="0.3">
      <c r="A52557" s="13" t="s">
        <v>291</v>
      </c>
      <c r="B52557" s="14" t="s">
        <v>1</v>
      </c>
      <c r="C52557" s="14" t="s">
        <v>101</v>
      </c>
      <c r="D52557" s="14" t="s">
        <v>292</v>
      </c>
      <c r="E52557" s="15">
        <v>45738</v>
      </c>
      <c r="F52557" s="14" t="s">
        <v>61</v>
      </c>
      <c r="G52557" s="16">
        <v>1.0637253067168422</v>
      </c>
    </row>
    <row r="52558" spans="1:7" x14ac:dyDescent="0.3">
      <c r="A52558" s="13" t="s">
        <v>291</v>
      </c>
      <c r="B52558" s="14" t="s">
        <v>1</v>
      </c>
      <c r="C52558" s="14" t="s">
        <v>101</v>
      </c>
      <c r="D52558" s="14" t="s">
        <v>292</v>
      </c>
      <c r="E52558" s="15">
        <v>45739</v>
      </c>
      <c r="F52558" s="14" t="s">
        <v>61</v>
      </c>
      <c r="G52558" s="16">
        <v>1.0637253067168422</v>
      </c>
    </row>
    <row r="52559" spans="1:7" x14ac:dyDescent="0.3">
      <c r="A52559" s="13" t="s">
        <v>291</v>
      </c>
      <c r="B52559" s="14" t="s">
        <v>1</v>
      </c>
      <c r="C52559" s="14" t="s">
        <v>101</v>
      </c>
      <c r="D52559" s="14" t="s">
        <v>292</v>
      </c>
      <c r="E52559" s="15">
        <v>45740</v>
      </c>
      <c r="F52559" s="14" t="s">
        <v>61</v>
      </c>
      <c r="G52559" s="16">
        <v>1.0639787845097868</v>
      </c>
    </row>
    <row r="52560" spans="1:7" x14ac:dyDescent="0.3">
      <c r="A52560" s="13" t="s">
        <v>291</v>
      </c>
      <c r="B52560" s="14" t="s">
        <v>1</v>
      </c>
      <c r="C52560" s="14" t="s">
        <v>101</v>
      </c>
      <c r="D52560" s="14" t="s">
        <v>292</v>
      </c>
      <c r="E52560" s="15">
        <v>45741</v>
      </c>
      <c r="F52560" s="14" t="s">
        <v>61</v>
      </c>
      <c r="G52560" s="16">
        <v>1.0586703426503588</v>
      </c>
    </row>
    <row r="52561" spans="1:7" x14ac:dyDescent="0.3">
      <c r="A52561" s="13" t="s">
        <v>291</v>
      </c>
      <c r="B52561" s="14" t="s">
        <v>1</v>
      </c>
      <c r="C52561" s="14" t="s">
        <v>101</v>
      </c>
      <c r="D52561" s="14" t="s">
        <v>292</v>
      </c>
      <c r="E52561" s="15">
        <v>45742</v>
      </c>
      <c r="F52561" s="14" t="s">
        <v>61</v>
      </c>
      <c r="G52561" s="16">
        <v>1.0713640307137076</v>
      </c>
    </row>
    <row r="52562" spans="1:7" x14ac:dyDescent="0.3">
      <c r="A52562" s="13" t="s">
        <v>291</v>
      </c>
      <c r="B52562" s="14" t="s">
        <v>1</v>
      </c>
      <c r="C52562" s="14" t="s">
        <v>101</v>
      </c>
      <c r="D52562" s="14" t="s">
        <v>292</v>
      </c>
      <c r="E52562" s="15">
        <v>45743</v>
      </c>
      <c r="F52562" s="14" t="s">
        <v>61</v>
      </c>
      <c r="G52562" s="16">
        <v>1.0656186538160759</v>
      </c>
    </row>
    <row r="52563" spans="1:7" x14ac:dyDescent="0.3">
      <c r="A52563" s="13" t="s">
        <v>291</v>
      </c>
      <c r="B52563" s="14" t="s">
        <v>1</v>
      </c>
      <c r="C52563" s="14" t="s">
        <v>101</v>
      </c>
      <c r="D52563" s="14" t="s">
        <v>292</v>
      </c>
      <c r="E52563" s="15">
        <v>45744</v>
      </c>
      <c r="F52563" s="14" t="s">
        <v>61</v>
      </c>
      <c r="G52563" s="16">
        <v>1.0690359149189401</v>
      </c>
    </row>
    <row r="52564" spans="1:7" x14ac:dyDescent="0.3">
      <c r="A52564" s="13" t="s">
        <v>291</v>
      </c>
      <c r="B52564" s="14" t="s">
        <v>1</v>
      </c>
      <c r="C52564" s="14" t="s">
        <v>101</v>
      </c>
      <c r="D52564" s="14" t="s">
        <v>292</v>
      </c>
      <c r="E52564" s="15">
        <v>45745</v>
      </c>
      <c r="F52564" s="14" t="s">
        <v>61</v>
      </c>
      <c r="G52564" s="16">
        <v>1.0690359149189401</v>
      </c>
    </row>
    <row r="52565" spans="1:7" x14ac:dyDescent="0.3">
      <c r="A52565" s="13" t="s">
        <v>291</v>
      </c>
      <c r="B52565" s="14" t="s">
        <v>1</v>
      </c>
      <c r="C52565" s="14" t="s">
        <v>101</v>
      </c>
      <c r="D52565" s="14" t="s">
        <v>292</v>
      </c>
      <c r="E52565" s="15">
        <v>45746</v>
      </c>
      <c r="F52565" s="14" t="s">
        <v>61</v>
      </c>
      <c r="G52565" s="16">
        <v>1.0690359149189401</v>
      </c>
    </row>
    <row r="52566" spans="1:7" x14ac:dyDescent="0.3">
      <c r="A52566" s="13" t="s">
        <v>291</v>
      </c>
      <c r="B52566" s="14" t="s">
        <v>1</v>
      </c>
      <c r="C52566" s="14" t="s">
        <v>101</v>
      </c>
      <c r="D52566" s="14" t="s">
        <v>292</v>
      </c>
      <c r="E52566" s="15">
        <v>45747</v>
      </c>
      <c r="F52566" s="14" t="s">
        <v>61</v>
      </c>
      <c r="G52566" s="16">
        <v>1.0734052837596149</v>
      </c>
    </row>
    <row r="52567" spans="1:7" x14ac:dyDescent="0.3">
      <c r="A52567" s="13" t="s">
        <v>293</v>
      </c>
      <c r="B52567" s="14" t="s">
        <v>1</v>
      </c>
      <c r="C52567" s="14" t="s">
        <v>191</v>
      </c>
      <c r="D52567" s="14" t="s">
        <v>294</v>
      </c>
      <c r="E52567" s="15">
        <v>45383</v>
      </c>
      <c r="F52567" s="14" t="s">
        <v>72</v>
      </c>
      <c r="G52567" s="16">
        <v>0</v>
      </c>
    </row>
    <row r="52568" spans="1:7" x14ac:dyDescent="0.3">
      <c r="A52568" s="13" t="s">
        <v>293</v>
      </c>
      <c r="B52568" s="14" t="s">
        <v>1</v>
      </c>
      <c r="C52568" s="14" t="s">
        <v>191</v>
      </c>
      <c r="D52568" s="14" t="s">
        <v>294</v>
      </c>
      <c r="E52568" s="15">
        <v>45384</v>
      </c>
      <c r="F52568" s="14" t="s">
        <v>72</v>
      </c>
      <c r="G52568" s="16">
        <v>0</v>
      </c>
    </row>
    <row r="52569" spans="1:7" x14ac:dyDescent="0.3">
      <c r="A52569" s="13" t="s">
        <v>293</v>
      </c>
      <c r="B52569" s="14" t="s">
        <v>1</v>
      </c>
      <c r="C52569" s="14" t="s">
        <v>191</v>
      </c>
      <c r="D52569" s="14" t="s">
        <v>294</v>
      </c>
      <c r="E52569" s="15">
        <v>45385</v>
      </c>
      <c r="F52569" s="14" t="s">
        <v>72</v>
      </c>
      <c r="G52569" s="16">
        <v>0</v>
      </c>
    </row>
    <row r="52570" spans="1:7" x14ac:dyDescent="0.3">
      <c r="A52570" s="13" t="s">
        <v>293</v>
      </c>
      <c r="B52570" s="14" t="s">
        <v>1</v>
      </c>
      <c r="C52570" s="14" t="s">
        <v>191</v>
      </c>
      <c r="D52570" s="14" t="s">
        <v>294</v>
      </c>
      <c r="E52570" s="15">
        <v>45386</v>
      </c>
      <c r="F52570" s="14" t="s">
        <v>72</v>
      </c>
      <c r="G52570" s="16">
        <v>0</v>
      </c>
    </row>
    <row r="52571" spans="1:7" x14ac:dyDescent="0.3">
      <c r="A52571" s="13" t="s">
        <v>293</v>
      </c>
      <c r="B52571" s="14" t="s">
        <v>1</v>
      </c>
      <c r="C52571" s="14" t="s">
        <v>191</v>
      </c>
      <c r="D52571" s="14" t="s">
        <v>294</v>
      </c>
      <c r="E52571" s="15">
        <v>45387</v>
      </c>
      <c r="F52571" s="14" t="s">
        <v>72</v>
      </c>
      <c r="G52571" s="16">
        <v>0</v>
      </c>
    </row>
    <row r="52572" spans="1:7" x14ac:dyDescent="0.3">
      <c r="A52572" s="13" t="s">
        <v>293</v>
      </c>
      <c r="B52572" s="14" t="s">
        <v>1</v>
      </c>
      <c r="C52572" s="14" t="s">
        <v>191</v>
      </c>
      <c r="D52572" s="14" t="s">
        <v>294</v>
      </c>
      <c r="E52572" s="15">
        <v>45388</v>
      </c>
      <c r="F52572" s="14" t="s">
        <v>72</v>
      </c>
      <c r="G52572" s="16">
        <v>0</v>
      </c>
    </row>
    <row r="52573" spans="1:7" x14ac:dyDescent="0.3">
      <c r="A52573" s="13" t="s">
        <v>293</v>
      </c>
      <c r="B52573" s="14" t="s">
        <v>1</v>
      </c>
      <c r="C52573" s="14" t="s">
        <v>191</v>
      </c>
      <c r="D52573" s="14" t="s">
        <v>294</v>
      </c>
      <c r="E52573" s="15">
        <v>45389</v>
      </c>
      <c r="F52573" s="14" t="s">
        <v>72</v>
      </c>
      <c r="G52573" s="16">
        <v>0</v>
      </c>
    </row>
    <row r="52574" spans="1:7" x14ac:dyDescent="0.3">
      <c r="A52574" s="13" t="s">
        <v>293</v>
      </c>
      <c r="B52574" s="14" t="s">
        <v>1</v>
      </c>
      <c r="C52574" s="14" t="s">
        <v>191</v>
      </c>
      <c r="D52574" s="14" t="s">
        <v>294</v>
      </c>
      <c r="E52574" s="15">
        <v>45390</v>
      </c>
      <c r="F52574" s="14" t="s">
        <v>72</v>
      </c>
      <c r="G52574" s="16">
        <v>0</v>
      </c>
    </row>
    <row r="52575" spans="1:7" x14ac:dyDescent="0.3">
      <c r="A52575" s="13" t="s">
        <v>293</v>
      </c>
      <c r="B52575" s="14" t="s">
        <v>1</v>
      </c>
      <c r="C52575" s="14" t="s">
        <v>191</v>
      </c>
      <c r="D52575" s="14" t="s">
        <v>294</v>
      </c>
      <c r="E52575" s="15">
        <v>45391</v>
      </c>
      <c r="F52575" s="14" t="s">
        <v>72</v>
      </c>
      <c r="G52575" s="16">
        <v>0</v>
      </c>
    </row>
    <row r="52576" spans="1:7" x14ac:dyDescent="0.3">
      <c r="A52576" s="13" t="s">
        <v>293</v>
      </c>
      <c r="B52576" s="14" t="s">
        <v>1</v>
      </c>
      <c r="C52576" s="14" t="s">
        <v>191</v>
      </c>
      <c r="D52576" s="14" t="s">
        <v>294</v>
      </c>
      <c r="E52576" s="15">
        <v>45392</v>
      </c>
      <c r="F52576" s="14" t="s">
        <v>72</v>
      </c>
      <c r="G52576" s="16">
        <v>0</v>
      </c>
    </row>
    <row r="52577" spans="1:7" x14ac:dyDescent="0.3">
      <c r="A52577" s="13" t="s">
        <v>293</v>
      </c>
      <c r="B52577" s="14" t="s">
        <v>1</v>
      </c>
      <c r="C52577" s="14" t="s">
        <v>191</v>
      </c>
      <c r="D52577" s="14" t="s">
        <v>294</v>
      </c>
      <c r="E52577" s="15">
        <v>45393</v>
      </c>
      <c r="F52577" s="14" t="s">
        <v>72</v>
      </c>
      <c r="G52577" s="16">
        <v>0</v>
      </c>
    </row>
    <row r="52578" spans="1:7" x14ac:dyDescent="0.3">
      <c r="A52578" s="13" t="s">
        <v>293</v>
      </c>
      <c r="B52578" s="14" t="s">
        <v>1</v>
      </c>
      <c r="C52578" s="14" t="s">
        <v>191</v>
      </c>
      <c r="D52578" s="14" t="s">
        <v>294</v>
      </c>
      <c r="E52578" s="15">
        <v>45394</v>
      </c>
      <c r="F52578" s="14" t="s">
        <v>72</v>
      </c>
      <c r="G52578" s="16">
        <v>0</v>
      </c>
    </row>
    <row r="52579" spans="1:7" x14ac:dyDescent="0.3">
      <c r="A52579" s="13" t="s">
        <v>293</v>
      </c>
      <c r="B52579" s="14" t="s">
        <v>1</v>
      </c>
      <c r="C52579" s="14" t="s">
        <v>191</v>
      </c>
      <c r="D52579" s="14" t="s">
        <v>294</v>
      </c>
      <c r="E52579" s="15">
        <v>45395</v>
      </c>
      <c r="F52579" s="14" t="s">
        <v>72</v>
      </c>
      <c r="G52579" s="16">
        <v>0</v>
      </c>
    </row>
    <row r="52580" spans="1:7" x14ac:dyDescent="0.3">
      <c r="A52580" s="13" t="s">
        <v>293</v>
      </c>
      <c r="B52580" s="14" t="s">
        <v>1</v>
      </c>
      <c r="C52580" s="14" t="s">
        <v>191</v>
      </c>
      <c r="D52580" s="14" t="s">
        <v>294</v>
      </c>
      <c r="E52580" s="15">
        <v>45396</v>
      </c>
      <c r="F52580" s="14" t="s">
        <v>72</v>
      </c>
      <c r="G52580" s="16">
        <v>0</v>
      </c>
    </row>
    <row r="52581" spans="1:7" x14ac:dyDescent="0.3">
      <c r="A52581" s="13" t="s">
        <v>293</v>
      </c>
      <c r="B52581" s="14" t="s">
        <v>1</v>
      </c>
      <c r="C52581" s="14" t="s">
        <v>191</v>
      </c>
      <c r="D52581" s="14" t="s">
        <v>294</v>
      </c>
      <c r="E52581" s="15">
        <v>45397</v>
      </c>
      <c r="F52581" s="14" t="s">
        <v>72</v>
      </c>
      <c r="G52581" s="16">
        <v>0</v>
      </c>
    </row>
    <row r="52582" spans="1:7" x14ac:dyDescent="0.3">
      <c r="A52582" s="13" t="s">
        <v>293</v>
      </c>
      <c r="B52582" s="14" t="s">
        <v>1</v>
      </c>
      <c r="C52582" s="14" t="s">
        <v>191</v>
      </c>
      <c r="D52582" s="14" t="s">
        <v>294</v>
      </c>
      <c r="E52582" s="15">
        <v>45398</v>
      </c>
      <c r="F52582" s="14" t="s">
        <v>72</v>
      </c>
      <c r="G52582" s="16">
        <v>0</v>
      </c>
    </row>
    <row r="52583" spans="1:7" x14ac:dyDescent="0.3">
      <c r="A52583" s="13" t="s">
        <v>293</v>
      </c>
      <c r="B52583" s="14" t="s">
        <v>1</v>
      </c>
      <c r="C52583" s="14" t="s">
        <v>191</v>
      </c>
      <c r="D52583" s="14" t="s">
        <v>294</v>
      </c>
      <c r="E52583" s="15">
        <v>45399</v>
      </c>
      <c r="F52583" s="14" t="s">
        <v>72</v>
      </c>
      <c r="G52583" s="16">
        <v>0</v>
      </c>
    </row>
    <row r="52584" spans="1:7" x14ac:dyDescent="0.3">
      <c r="A52584" s="13" t="s">
        <v>293</v>
      </c>
      <c r="B52584" s="14" t="s">
        <v>1</v>
      </c>
      <c r="C52584" s="14" t="s">
        <v>191</v>
      </c>
      <c r="D52584" s="14" t="s">
        <v>294</v>
      </c>
      <c r="E52584" s="15">
        <v>45400</v>
      </c>
      <c r="F52584" s="14" t="s">
        <v>72</v>
      </c>
      <c r="G52584" s="16">
        <v>0</v>
      </c>
    </row>
    <row r="52585" spans="1:7" x14ac:dyDescent="0.3">
      <c r="A52585" s="13" t="s">
        <v>293</v>
      </c>
      <c r="B52585" s="14" t="s">
        <v>1</v>
      </c>
      <c r="C52585" s="14" t="s">
        <v>191</v>
      </c>
      <c r="D52585" s="14" t="s">
        <v>294</v>
      </c>
      <c r="E52585" s="15">
        <v>45401</v>
      </c>
      <c r="F52585" s="14" t="s">
        <v>72</v>
      </c>
      <c r="G52585" s="16">
        <v>0</v>
      </c>
    </row>
    <row r="52586" spans="1:7" x14ac:dyDescent="0.3">
      <c r="A52586" s="13" t="s">
        <v>293</v>
      </c>
      <c r="B52586" s="14" t="s">
        <v>1</v>
      </c>
      <c r="C52586" s="14" t="s">
        <v>191</v>
      </c>
      <c r="D52586" s="14" t="s">
        <v>294</v>
      </c>
      <c r="E52586" s="15">
        <v>45402</v>
      </c>
      <c r="F52586" s="14" t="s">
        <v>72</v>
      </c>
      <c r="G52586" s="16">
        <v>0</v>
      </c>
    </row>
    <row r="52587" spans="1:7" x14ac:dyDescent="0.3">
      <c r="A52587" s="13" t="s">
        <v>293</v>
      </c>
      <c r="B52587" s="14" t="s">
        <v>1</v>
      </c>
      <c r="C52587" s="14" t="s">
        <v>191</v>
      </c>
      <c r="D52587" s="14" t="s">
        <v>294</v>
      </c>
      <c r="E52587" s="15">
        <v>45403</v>
      </c>
      <c r="F52587" s="14" t="s">
        <v>72</v>
      </c>
      <c r="G52587" s="16">
        <v>0</v>
      </c>
    </row>
    <row r="52588" spans="1:7" x14ac:dyDescent="0.3">
      <c r="A52588" s="13" t="s">
        <v>293</v>
      </c>
      <c r="B52588" s="14" t="s">
        <v>1</v>
      </c>
      <c r="C52588" s="14" t="s">
        <v>191</v>
      </c>
      <c r="D52588" s="14" t="s">
        <v>294</v>
      </c>
      <c r="E52588" s="15">
        <v>45404</v>
      </c>
      <c r="F52588" s="14" t="s">
        <v>72</v>
      </c>
      <c r="G52588" s="16">
        <v>0</v>
      </c>
    </row>
    <row r="52589" spans="1:7" x14ac:dyDescent="0.3">
      <c r="A52589" s="13" t="s">
        <v>293</v>
      </c>
      <c r="B52589" s="14" t="s">
        <v>1</v>
      </c>
      <c r="C52589" s="14" t="s">
        <v>191</v>
      </c>
      <c r="D52589" s="14" t="s">
        <v>294</v>
      </c>
      <c r="E52589" s="15">
        <v>45405</v>
      </c>
      <c r="F52589" s="14" t="s">
        <v>72</v>
      </c>
      <c r="G52589" s="16">
        <v>0</v>
      </c>
    </row>
    <row r="52590" spans="1:7" x14ac:dyDescent="0.3">
      <c r="A52590" s="13" t="s">
        <v>293</v>
      </c>
      <c r="B52590" s="14" t="s">
        <v>1</v>
      </c>
      <c r="C52590" s="14" t="s">
        <v>191</v>
      </c>
      <c r="D52590" s="14" t="s">
        <v>294</v>
      </c>
      <c r="E52590" s="15">
        <v>45406</v>
      </c>
      <c r="F52590" s="14" t="s">
        <v>72</v>
      </c>
      <c r="G52590" s="16">
        <v>0</v>
      </c>
    </row>
    <row r="52591" spans="1:7" x14ac:dyDescent="0.3">
      <c r="A52591" s="13" t="s">
        <v>293</v>
      </c>
      <c r="B52591" s="14" t="s">
        <v>1</v>
      </c>
      <c r="C52591" s="14" t="s">
        <v>191</v>
      </c>
      <c r="D52591" s="14" t="s">
        <v>294</v>
      </c>
      <c r="E52591" s="15">
        <v>45407</v>
      </c>
      <c r="F52591" s="14" t="s">
        <v>72</v>
      </c>
      <c r="G52591" s="16">
        <v>0</v>
      </c>
    </row>
    <row r="52592" spans="1:7" x14ac:dyDescent="0.3">
      <c r="A52592" s="13" t="s">
        <v>293</v>
      </c>
      <c r="B52592" s="14" t="s">
        <v>1</v>
      </c>
      <c r="C52592" s="14" t="s">
        <v>191</v>
      </c>
      <c r="D52592" s="14" t="s">
        <v>294</v>
      </c>
      <c r="E52592" s="15">
        <v>45408</v>
      </c>
      <c r="F52592" s="14" t="s">
        <v>72</v>
      </c>
      <c r="G52592" s="16">
        <v>0</v>
      </c>
    </row>
    <row r="52593" spans="1:7" x14ac:dyDescent="0.3">
      <c r="A52593" s="13" t="s">
        <v>293</v>
      </c>
      <c r="B52593" s="14" t="s">
        <v>1</v>
      </c>
      <c r="C52593" s="14" t="s">
        <v>191</v>
      </c>
      <c r="D52593" s="14" t="s">
        <v>294</v>
      </c>
      <c r="E52593" s="15">
        <v>45409</v>
      </c>
      <c r="F52593" s="14" t="s">
        <v>72</v>
      </c>
      <c r="G52593" s="16">
        <v>0</v>
      </c>
    </row>
    <row r="52594" spans="1:7" x14ac:dyDescent="0.3">
      <c r="A52594" s="13" t="s">
        <v>293</v>
      </c>
      <c r="B52594" s="14" t="s">
        <v>1</v>
      </c>
      <c r="C52594" s="14" t="s">
        <v>191</v>
      </c>
      <c r="D52594" s="14" t="s">
        <v>294</v>
      </c>
      <c r="E52594" s="15">
        <v>45410</v>
      </c>
      <c r="F52594" s="14" t="s">
        <v>72</v>
      </c>
      <c r="G52594" s="16">
        <v>0</v>
      </c>
    </row>
    <row r="52595" spans="1:7" x14ac:dyDescent="0.3">
      <c r="A52595" s="13" t="s">
        <v>293</v>
      </c>
      <c r="B52595" s="14" t="s">
        <v>1</v>
      </c>
      <c r="C52595" s="14" t="s">
        <v>191</v>
      </c>
      <c r="D52595" s="14" t="s">
        <v>294</v>
      </c>
      <c r="E52595" s="15">
        <v>45411</v>
      </c>
      <c r="F52595" s="14" t="s">
        <v>72</v>
      </c>
      <c r="G52595" s="16">
        <v>0</v>
      </c>
    </row>
    <row r="52596" spans="1:7" x14ac:dyDescent="0.3">
      <c r="A52596" s="13" t="s">
        <v>293</v>
      </c>
      <c r="B52596" s="14" t="s">
        <v>1</v>
      </c>
      <c r="C52596" s="14" t="s">
        <v>191</v>
      </c>
      <c r="D52596" s="14" t="s">
        <v>294</v>
      </c>
      <c r="E52596" s="15">
        <v>45412</v>
      </c>
      <c r="F52596" s="14" t="s">
        <v>72</v>
      </c>
      <c r="G52596" s="16">
        <v>0</v>
      </c>
    </row>
    <row r="52597" spans="1:7" x14ac:dyDescent="0.3">
      <c r="A52597" s="13" t="s">
        <v>293</v>
      </c>
      <c r="B52597" s="14" t="s">
        <v>1</v>
      </c>
      <c r="C52597" s="14" t="s">
        <v>191</v>
      </c>
      <c r="D52597" s="14" t="s">
        <v>294</v>
      </c>
      <c r="E52597" s="15">
        <v>45413</v>
      </c>
      <c r="F52597" s="14" t="s">
        <v>72</v>
      </c>
      <c r="G52597" s="16">
        <v>0</v>
      </c>
    </row>
    <row r="52598" spans="1:7" x14ac:dyDescent="0.3">
      <c r="A52598" s="13" t="s">
        <v>293</v>
      </c>
      <c r="B52598" s="14" t="s">
        <v>1</v>
      </c>
      <c r="C52598" s="14" t="s">
        <v>191</v>
      </c>
      <c r="D52598" s="14" t="s">
        <v>294</v>
      </c>
      <c r="E52598" s="15">
        <v>45414</v>
      </c>
      <c r="F52598" s="14" t="s">
        <v>72</v>
      </c>
      <c r="G52598" s="16">
        <v>0</v>
      </c>
    </row>
    <row r="52599" spans="1:7" x14ac:dyDescent="0.3">
      <c r="A52599" s="13" t="s">
        <v>293</v>
      </c>
      <c r="B52599" s="14" t="s">
        <v>1</v>
      </c>
      <c r="C52599" s="14" t="s">
        <v>191</v>
      </c>
      <c r="D52599" s="14" t="s">
        <v>294</v>
      </c>
      <c r="E52599" s="15">
        <v>45415</v>
      </c>
      <c r="F52599" s="14" t="s">
        <v>72</v>
      </c>
      <c r="G52599" s="16">
        <v>0</v>
      </c>
    </row>
    <row r="52600" spans="1:7" x14ac:dyDescent="0.3">
      <c r="A52600" s="13" t="s">
        <v>293</v>
      </c>
      <c r="B52600" s="14" t="s">
        <v>1</v>
      </c>
      <c r="C52600" s="14" t="s">
        <v>191</v>
      </c>
      <c r="D52600" s="14" t="s">
        <v>294</v>
      </c>
      <c r="E52600" s="15">
        <v>45416</v>
      </c>
      <c r="F52600" s="14" t="s">
        <v>72</v>
      </c>
      <c r="G52600" s="16">
        <v>0</v>
      </c>
    </row>
    <row r="52601" spans="1:7" x14ac:dyDescent="0.3">
      <c r="A52601" s="13" t="s">
        <v>293</v>
      </c>
      <c r="B52601" s="14" t="s">
        <v>1</v>
      </c>
      <c r="C52601" s="14" t="s">
        <v>191</v>
      </c>
      <c r="D52601" s="14" t="s">
        <v>294</v>
      </c>
      <c r="E52601" s="15">
        <v>45417</v>
      </c>
      <c r="F52601" s="14" t="s">
        <v>72</v>
      </c>
      <c r="G52601" s="16">
        <v>0</v>
      </c>
    </row>
    <row r="52602" spans="1:7" x14ac:dyDescent="0.3">
      <c r="A52602" s="13" t="s">
        <v>293</v>
      </c>
      <c r="B52602" s="14" t="s">
        <v>1</v>
      </c>
      <c r="C52602" s="14" t="s">
        <v>191</v>
      </c>
      <c r="D52602" s="14" t="s">
        <v>294</v>
      </c>
      <c r="E52602" s="15">
        <v>45418</v>
      </c>
      <c r="F52602" s="14" t="s">
        <v>72</v>
      </c>
      <c r="G52602" s="16">
        <v>0</v>
      </c>
    </row>
    <row r="52603" spans="1:7" x14ac:dyDescent="0.3">
      <c r="A52603" s="13" t="s">
        <v>293</v>
      </c>
      <c r="B52603" s="14" t="s">
        <v>1</v>
      </c>
      <c r="C52603" s="14" t="s">
        <v>191</v>
      </c>
      <c r="D52603" s="14" t="s">
        <v>294</v>
      </c>
      <c r="E52603" s="15">
        <v>45419</v>
      </c>
      <c r="F52603" s="14" t="s">
        <v>72</v>
      </c>
      <c r="G52603" s="16">
        <v>0</v>
      </c>
    </row>
    <row r="52604" spans="1:7" x14ac:dyDescent="0.3">
      <c r="A52604" s="13" t="s">
        <v>293</v>
      </c>
      <c r="B52604" s="14" t="s">
        <v>1</v>
      </c>
      <c r="C52604" s="14" t="s">
        <v>191</v>
      </c>
      <c r="D52604" s="14" t="s">
        <v>294</v>
      </c>
      <c r="E52604" s="15">
        <v>45420</v>
      </c>
      <c r="F52604" s="14" t="s">
        <v>72</v>
      </c>
      <c r="G52604" s="16">
        <v>0</v>
      </c>
    </row>
    <row r="52605" spans="1:7" x14ac:dyDescent="0.3">
      <c r="A52605" s="13" t="s">
        <v>293</v>
      </c>
      <c r="B52605" s="14" t="s">
        <v>1</v>
      </c>
      <c r="C52605" s="14" t="s">
        <v>191</v>
      </c>
      <c r="D52605" s="14" t="s">
        <v>294</v>
      </c>
      <c r="E52605" s="15">
        <v>45421</v>
      </c>
      <c r="F52605" s="14" t="s">
        <v>72</v>
      </c>
      <c r="G52605" s="16">
        <v>0</v>
      </c>
    </row>
    <row r="52606" spans="1:7" x14ac:dyDescent="0.3">
      <c r="A52606" s="13" t="s">
        <v>293</v>
      </c>
      <c r="B52606" s="14" t="s">
        <v>1</v>
      </c>
      <c r="C52606" s="14" t="s">
        <v>191</v>
      </c>
      <c r="D52606" s="14" t="s">
        <v>294</v>
      </c>
      <c r="E52606" s="15">
        <v>45422</v>
      </c>
      <c r="F52606" s="14" t="s">
        <v>72</v>
      </c>
      <c r="G52606" s="16">
        <v>0</v>
      </c>
    </row>
    <row r="52607" spans="1:7" x14ac:dyDescent="0.3">
      <c r="A52607" s="13" t="s">
        <v>293</v>
      </c>
      <c r="B52607" s="14" t="s">
        <v>1</v>
      </c>
      <c r="C52607" s="14" t="s">
        <v>191</v>
      </c>
      <c r="D52607" s="14" t="s">
        <v>294</v>
      </c>
      <c r="E52607" s="15">
        <v>45423</v>
      </c>
      <c r="F52607" s="14" t="s">
        <v>72</v>
      </c>
      <c r="G52607" s="16">
        <v>0</v>
      </c>
    </row>
    <row r="52608" spans="1:7" x14ac:dyDescent="0.3">
      <c r="A52608" s="13" t="s">
        <v>293</v>
      </c>
      <c r="B52608" s="14" t="s">
        <v>1</v>
      </c>
      <c r="C52608" s="14" t="s">
        <v>191</v>
      </c>
      <c r="D52608" s="14" t="s">
        <v>294</v>
      </c>
      <c r="E52608" s="15">
        <v>45424</v>
      </c>
      <c r="F52608" s="14" t="s">
        <v>72</v>
      </c>
      <c r="G52608" s="16">
        <v>0</v>
      </c>
    </row>
    <row r="52609" spans="1:7" x14ac:dyDescent="0.3">
      <c r="A52609" s="13" t="s">
        <v>293</v>
      </c>
      <c r="B52609" s="14" t="s">
        <v>1</v>
      </c>
      <c r="C52609" s="14" t="s">
        <v>191</v>
      </c>
      <c r="D52609" s="14" t="s">
        <v>294</v>
      </c>
      <c r="E52609" s="15">
        <v>45425</v>
      </c>
      <c r="F52609" s="14" t="s">
        <v>72</v>
      </c>
      <c r="G52609" s="16">
        <v>0</v>
      </c>
    </row>
    <row r="52610" spans="1:7" x14ac:dyDescent="0.3">
      <c r="A52610" s="13" t="s">
        <v>293</v>
      </c>
      <c r="B52610" s="14" t="s">
        <v>1</v>
      </c>
      <c r="C52610" s="14" t="s">
        <v>191</v>
      </c>
      <c r="D52610" s="14" t="s">
        <v>294</v>
      </c>
      <c r="E52610" s="15">
        <v>45426</v>
      </c>
      <c r="F52610" s="14" t="s">
        <v>72</v>
      </c>
      <c r="G52610" s="16">
        <v>0</v>
      </c>
    </row>
    <row r="52611" spans="1:7" x14ac:dyDescent="0.3">
      <c r="A52611" s="13" t="s">
        <v>293</v>
      </c>
      <c r="B52611" s="14" t="s">
        <v>1</v>
      </c>
      <c r="C52611" s="14" t="s">
        <v>191</v>
      </c>
      <c r="D52611" s="14" t="s">
        <v>294</v>
      </c>
      <c r="E52611" s="15">
        <v>45427</v>
      </c>
      <c r="F52611" s="14" t="s">
        <v>72</v>
      </c>
      <c r="G52611" s="16">
        <v>0</v>
      </c>
    </row>
    <row r="52612" spans="1:7" x14ac:dyDescent="0.3">
      <c r="A52612" s="13" t="s">
        <v>293</v>
      </c>
      <c r="B52612" s="14" t="s">
        <v>1</v>
      </c>
      <c r="C52612" s="14" t="s">
        <v>191</v>
      </c>
      <c r="D52612" s="14" t="s">
        <v>294</v>
      </c>
      <c r="E52612" s="15">
        <v>45428</v>
      </c>
      <c r="F52612" s="14" t="s">
        <v>72</v>
      </c>
      <c r="G52612" s="16">
        <v>0</v>
      </c>
    </row>
    <row r="52613" spans="1:7" x14ac:dyDescent="0.3">
      <c r="A52613" s="13" t="s">
        <v>293</v>
      </c>
      <c r="B52613" s="14" t="s">
        <v>1</v>
      </c>
      <c r="C52613" s="14" t="s">
        <v>191</v>
      </c>
      <c r="D52613" s="14" t="s">
        <v>294</v>
      </c>
      <c r="E52613" s="15">
        <v>45429</v>
      </c>
      <c r="F52613" s="14" t="s">
        <v>72</v>
      </c>
      <c r="G52613" s="16">
        <v>0</v>
      </c>
    </row>
    <row r="52614" spans="1:7" x14ac:dyDescent="0.3">
      <c r="A52614" s="13" t="s">
        <v>293</v>
      </c>
      <c r="B52614" s="14" t="s">
        <v>1</v>
      </c>
      <c r="C52614" s="14" t="s">
        <v>191</v>
      </c>
      <c r="D52614" s="14" t="s">
        <v>294</v>
      </c>
      <c r="E52614" s="15">
        <v>45430</v>
      </c>
      <c r="F52614" s="14" t="s">
        <v>72</v>
      </c>
      <c r="G52614" s="16">
        <v>0</v>
      </c>
    </row>
    <row r="52615" spans="1:7" x14ac:dyDescent="0.3">
      <c r="A52615" s="13" t="s">
        <v>293</v>
      </c>
      <c r="B52615" s="14" t="s">
        <v>1</v>
      </c>
      <c r="C52615" s="14" t="s">
        <v>191</v>
      </c>
      <c r="D52615" s="14" t="s">
        <v>294</v>
      </c>
      <c r="E52615" s="15">
        <v>45431</v>
      </c>
      <c r="F52615" s="14" t="s">
        <v>72</v>
      </c>
      <c r="G52615" s="16">
        <v>0</v>
      </c>
    </row>
    <row r="52616" spans="1:7" x14ac:dyDescent="0.3">
      <c r="A52616" s="13" t="s">
        <v>293</v>
      </c>
      <c r="B52616" s="14" t="s">
        <v>1</v>
      </c>
      <c r="C52616" s="14" t="s">
        <v>191</v>
      </c>
      <c r="D52616" s="14" t="s">
        <v>294</v>
      </c>
      <c r="E52616" s="15">
        <v>45432</v>
      </c>
      <c r="F52616" s="14" t="s">
        <v>72</v>
      </c>
      <c r="G52616" s="16">
        <v>0</v>
      </c>
    </row>
    <row r="52617" spans="1:7" x14ac:dyDescent="0.3">
      <c r="A52617" s="13" t="s">
        <v>293</v>
      </c>
      <c r="B52617" s="14" t="s">
        <v>1</v>
      </c>
      <c r="C52617" s="14" t="s">
        <v>191</v>
      </c>
      <c r="D52617" s="14" t="s">
        <v>294</v>
      </c>
      <c r="E52617" s="15">
        <v>45433</v>
      </c>
      <c r="F52617" s="14" t="s">
        <v>72</v>
      </c>
      <c r="G52617" s="16">
        <v>0</v>
      </c>
    </row>
    <row r="52618" spans="1:7" x14ac:dyDescent="0.3">
      <c r="A52618" s="13" t="s">
        <v>293</v>
      </c>
      <c r="B52618" s="14" t="s">
        <v>1</v>
      </c>
      <c r="C52618" s="14" t="s">
        <v>191</v>
      </c>
      <c r="D52618" s="14" t="s">
        <v>294</v>
      </c>
      <c r="E52618" s="15">
        <v>45434</v>
      </c>
      <c r="F52618" s="14" t="s">
        <v>72</v>
      </c>
      <c r="G52618" s="16">
        <v>0</v>
      </c>
    </row>
    <row r="52619" spans="1:7" x14ac:dyDescent="0.3">
      <c r="A52619" s="13" t="s">
        <v>293</v>
      </c>
      <c r="B52619" s="14" t="s">
        <v>1</v>
      </c>
      <c r="C52619" s="14" t="s">
        <v>191</v>
      </c>
      <c r="D52619" s="14" t="s">
        <v>294</v>
      </c>
      <c r="E52619" s="15">
        <v>45435</v>
      </c>
      <c r="F52619" s="14" t="s">
        <v>72</v>
      </c>
      <c r="G52619" s="16">
        <v>0</v>
      </c>
    </row>
    <row r="52620" spans="1:7" x14ac:dyDescent="0.3">
      <c r="A52620" s="13" t="s">
        <v>293</v>
      </c>
      <c r="B52620" s="14" t="s">
        <v>1</v>
      </c>
      <c r="C52620" s="14" t="s">
        <v>191</v>
      </c>
      <c r="D52620" s="14" t="s">
        <v>294</v>
      </c>
      <c r="E52620" s="15">
        <v>45436</v>
      </c>
      <c r="F52620" s="14" t="s">
        <v>72</v>
      </c>
      <c r="G52620" s="16">
        <v>0</v>
      </c>
    </row>
    <row r="52621" spans="1:7" x14ac:dyDescent="0.3">
      <c r="A52621" s="13" t="s">
        <v>293</v>
      </c>
      <c r="B52621" s="14" t="s">
        <v>1</v>
      </c>
      <c r="C52621" s="14" t="s">
        <v>191</v>
      </c>
      <c r="D52621" s="14" t="s">
        <v>294</v>
      </c>
      <c r="E52621" s="15">
        <v>45437</v>
      </c>
      <c r="F52621" s="14" t="s">
        <v>72</v>
      </c>
      <c r="G52621" s="16">
        <v>0</v>
      </c>
    </row>
    <row r="52622" spans="1:7" x14ac:dyDescent="0.3">
      <c r="A52622" s="13" t="s">
        <v>293</v>
      </c>
      <c r="B52622" s="14" t="s">
        <v>1</v>
      </c>
      <c r="C52622" s="14" t="s">
        <v>191</v>
      </c>
      <c r="D52622" s="14" t="s">
        <v>294</v>
      </c>
      <c r="E52622" s="15">
        <v>45438</v>
      </c>
      <c r="F52622" s="14" t="s">
        <v>72</v>
      </c>
      <c r="G52622" s="16">
        <v>0</v>
      </c>
    </row>
    <row r="52623" spans="1:7" x14ac:dyDescent="0.3">
      <c r="A52623" s="13" t="s">
        <v>293</v>
      </c>
      <c r="B52623" s="14" t="s">
        <v>1</v>
      </c>
      <c r="C52623" s="14" t="s">
        <v>191</v>
      </c>
      <c r="D52623" s="14" t="s">
        <v>294</v>
      </c>
      <c r="E52623" s="15">
        <v>45439</v>
      </c>
      <c r="F52623" s="14" t="s">
        <v>72</v>
      </c>
      <c r="G52623" s="16">
        <v>0</v>
      </c>
    </row>
    <row r="52624" spans="1:7" x14ac:dyDescent="0.3">
      <c r="A52624" s="13" t="s">
        <v>293</v>
      </c>
      <c r="B52624" s="14" t="s">
        <v>1</v>
      </c>
      <c r="C52624" s="14" t="s">
        <v>191</v>
      </c>
      <c r="D52624" s="14" t="s">
        <v>294</v>
      </c>
      <c r="E52624" s="15">
        <v>45440</v>
      </c>
      <c r="F52624" s="14" t="s">
        <v>72</v>
      </c>
      <c r="G52624" s="16">
        <v>0</v>
      </c>
    </row>
    <row r="52625" spans="1:7" x14ac:dyDescent="0.3">
      <c r="A52625" s="13" t="s">
        <v>293</v>
      </c>
      <c r="B52625" s="14" t="s">
        <v>1</v>
      </c>
      <c r="C52625" s="14" t="s">
        <v>191</v>
      </c>
      <c r="D52625" s="14" t="s">
        <v>294</v>
      </c>
      <c r="E52625" s="15">
        <v>45441</v>
      </c>
      <c r="F52625" s="14" t="s">
        <v>72</v>
      </c>
      <c r="G52625" s="16">
        <v>0</v>
      </c>
    </row>
    <row r="52626" spans="1:7" x14ac:dyDescent="0.3">
      <c r="A52626" s="13" t="s">
        <v>293</v>
      </c>
      <c r="B52626" s="14" t="s">
        <v>1</v>
      </c>
      <c r="C52626" s="14" t="s">
        <v>191</v>
      </c>
      <c r="D52626" s="14" t="s">
        <v>294</v>
      </c>
      <c r="E52626" s="15">
        <v>45442</v>
      </c>
      <c r="F52626" s="14" t="s">
        <v>72</v>
      </c>
      <c r="G52626" s="16">
        <v>0</v>
      </c>
    </row>
    <row r="52627" spans="1:7" x14ac:dyDescent="0.3">
      <c r="A52627" s="13" t="s">
        <v>293</v>
      </c>
      <c r="B52627" s="14" t="s">
        <v>1</v>
      </c>
      <c r="C52627" s="14" t="s">
        <v>191</v>
      </c>
      <c r="D52627" s="14" t="s">
        <v>294</v>
      </c>
      <c r="E52627" s="15">
        <v>45443</v>
      </c>
      <c r="F52627" s="14" t="s">
        <v>72</v>
      </c>
      <c r="G52627" s="16">
        <v>0</v>
      </c>
    </row>
    <row r="52628" spans="1:7" x14ac:dyDescent="0.3">
      <c r="A52628" s="13" t="s">
        <v>293</v>
      </c>
      <c r="B52628" s="14" t="s">
        <v>1</v>
      </c>
      <c r="C52628" s="14" t="s">
        <v>191</v>
      </c>
      <c r="D52628" s="14" t="s">
        <v>294</v>
      </c>
      <c r="E52628" s="15">
        <v>45444</v>
      </c>
      <c r="F52628" s="14" t="s">
        <v>72</v>
      </c>
      <c r="G52628" s="16">
        <v>0</v>
      </c>
    </row>
    <row r="52629" spans="1:7" x14ac:dyDescent="0.3">
      <c r="A52629" s="13" t="s">
        <v>293</v>
      </c>
      <c r="B52629" s="14" t="s">
        <v>1</v>
      </c>
      <c r="C52629" s="14" t="s">
        <v>191</v>
      </c>
      <c r="D52629" s="14" t="s">
        <v>294</v>
      </c>
      <c r="E52629" s="15">
        <v>45445</v>
      </c>
      <c r="F52629" s="14" t="s">
        <v>72</v>
      </c>
      <c r="G52629" s="16">
        <v>0</v>
      </c>
    </row>
    <row r="52630" spans="1:7" x14ac:dyDescent="0.3">
      <c r="A52630" s="13" t="s">
        <v>293</v>
      </c>
      <c r="B52630" s="14" t="s">
        <v>1</v>
      </c>
      <c r="C52630" s="14" t="s">
        <v>191</v>
      </c>
      <c r="D52630" s="14" t="s">
        <v>294</v>
      </c>
      <c r="E52630" s="15">
        <v>45446</v>
      </c>
      <c r="F52630" s="14" t="s">
        <v>72</v>
      </c>
      <c r="G52630" s="16">
        <v>0</v>
      </c>
    </row>
    <row r="52631" spans="1:7" x14ac:dyDescent="0.3">
      <c r="A52631" s="13" t="s">
        <v>293</v>
      </c>
      <c r="B52631" s="14" t="s">
        <v>1</v>
      </c>
      <c r="C52631" s="14" t="s">
        <v>191</v>
      </c>
      <c r="D52631" s="14" t="s">
        <v>294</v>
      </c>
      <c r="E52631" s="15">
        <v>45447</v>
      </c>
      <c r="F52631" s="14" t="s">
        <v>72</v>
      </c>
      <c r="G52631" s="16">
        <v>0</v>
      </c>
    </row>
    <row r="52632" spans="1:7" x14ac:dyDescent="0.3">
      <c r="A52632" s="13" t="s">
        <v>293</v>
      </c>
      <c r="B52632" s="14" t="s">
        <v>1</v>
      </c>
      <c r="C52632" s="14" t="s">
        <v>191</v>
      </c>
      <c r="D52632" s="14" t="s">
        <v>294</v>
      </c>
      <c r="E52632" s="15">
        <v>45448</v>
      </c>
      <c r="F52632" s="14" t="s">
        <v>72</v>
      </c>
      <c r="G52632" s="16">
        <v>0</v>
      </c>
    </row>
    <row r="52633" spans="1:7" x14ac:dyDescent="0.3">
      <c r="A52633" s="13" t="s">
        <v>293</v>
      </c>
      <c r="B52633" s="14" t="s">
        <v>1</v>
      </c>
      <c r="C52633" s="14" t="s">
        <v>191</v>
      </c>
      <c r="D52633" s="14" t="s">
        <v>294</v>
      </c>
      <c r="E52633" s="15">
        <v>45449</v>
      </c>
      <c r="F52633" s="14" t="s">
        <v>72</v>
      </c>
      <c r="G52633" s="16">
        <v>0</v>
      </c>
    </row>
    <row r="52634" spans="1:7" x14ac:dyDescent="0.3">
      <c r="A52634" s="13" t="s">
        <v>293</v>
      </c>
      <c r="B52634" s="14" t="s">
        <v>1</v>
      </c>
      <c r="C52634" s="14" t="s">
        <v>191</v>
      </c>
      <c r="D52634" s="14" t="s">
        <v>294</v>
      </c>
      <c r="E52634" s="15">
        <v>45450</v>
      </c>
      <c r="F52634" s="14" t="s">
        <v>72</v>
      </c>
      <c r="G52634" s="16">
        <v>0</v>
      </c>
    </row>
    <row r="52635" spans="1:7" x14ac:dyDescent="0.3">
      <c r="A52635" s="13" t="s">
        <v>293</v>
      </c>
      <c r="B52635" s="14" t="s">
        <v>1</v>
      </c>
      <c r="C52635" s="14" t="s">
        <v>191</v>
      </c>
      <c r="D52635" s="14" t="s">
        <v>294</v>
      </c>
      <c r="E52635" s="15">
        <v>45451</v>
      </c>
      <c r="F52635" s="14" t="s">
        <v>72</v>
      </c>
      <c r="G52635" s="16">
        <v>0</v>
      </c>
    </row>
    <row r="52636" spans="1:7" x14ac:dyDescent="0.3">
      <c r="A52636" s="13" t="s">
        <v>293</v>
      </c>
      <c r="B52636" s="14" t="s">
        <v>1</v>
      </c>
      <c r="C52636" s="14" t="s">
        <v>191</v>
      </c>
      <c r="D52636" s="14" t="s">
        <v>294</v>
      </c>
      <c r="E52636" s="15">
        <v>45452</v>
      </c>
      <c r="F52636" s="14" t="s">
        <v>72</v>
      </c>
      <c r="G52636" s="16">
        <v>0</v>
      </c>
    </row>
    <row r="52637" spans="1:7" x14ac:dyDescent="0.3">
      <c r="A52637" s="13" t="s">
        <v>293</v>
      </c>
      <c r="B52637" s="14" t="s">
        <v>1</v>
      </c>
      <c r="C52637" s="14" t="s">
        <v>191</v>
      </c>
      <c r="D52637" s="14" t="s">
        <v>294</v>
      </c>
      <c r="E52637" s="15">
        <v>45453</v>
      </c>
      <c r="F52637" s="14" t="s">
        <v>72</v>
      </c>
      <c r="G52637" s="16">
        <v>0</v>
      </c>
    </row>
    <row r="52638" spans="1:7" x14ac:dyDescent="0.3">
      <c r="A52638" s="13" t="s">
        <v>293</v>
      </c>
      <c r="B52638" s="14" t="s">
        <v>1</v>
      </c>
      <c r="C52638" s="14" t="s">
        <v>191</v>
      </c>
      <c r="D52638" s="14" t="s">
        <v>294</v>
      </c>
      <c r="E52638" s="15">
        <v>45454</v>
      </c>
      <c r="F52638" s="14" t="s">
        <v>72</v>
      </c>
      <c r="G52638" s="16">
        <v>0</v>
      </c>
    </row>
    <row r="52639" spans="1:7" x14ac:dyDescent="0.3">
      <c r="A52639" s="13" t="s">
        <v>293</v>
      </c>
      <c r="B52639" s="14" t="s">
        <v>1</v>
      </c>
      <c r="C52639" s="14" t="s">
        <v>191</v>
      </c>
      <c r="D52639" s="14" t="s">
        <v>294</v>
      </c>
      <c r="E52639" s="15">
        <v>45455</v>
      </c>
      <c r="F52639" s="14" t="s">
        <v>72</v>
      </c>
      <c r="G52639" s="16">
        <v>0</v>
      </c>
    </row>
    <row r="52640" spans="1:7" x14ac:dyDescent="0.3">
      <c r="A52640" s="13" t="s">
        <v>293</v>
      </c>
      <c r="B52640" s="14" t="s">
        <v>1</v>
      </c>
      <c r="C52640" s="14" t="s">
        <v>191</v>
      </c>
      <c r="D52640" s="14" t="s">
        <v>294</v>
      </c>
      <c r="E52640" s="15">
        <v>45456</v>
      </c>
      <c r="F52640" s="14" t="s">
        <v>72</v>
      </c>
      <c r="G52640" s="16">
        <v>0</v>
      </c>
    </row>
    <row r="52641" spans="1:7" x14ac:dyDescent="0.3">
      <c r="A52641" s="13" t="s">
        <v>293</v>
      </c>
      <c r="B52641" s="14" t="s">
        <v>1</v>
      </c>
      <c r="C52641" s="14" t="s">
        <v>191</v>
      </c>
      <c r="D52641" s="14" t="s">
        <v>294</v>
      </c>
      <c r="E52641" s="15">
        <v>45457</v>
      </c>
      <c r="F52641" s="14" t="s">
        <v>72</v>
      </c>
      <c r="G52641" s="16">
        <v>0</v>
      </c>
    </row>
    <row r="52642" spans="1:7" x14ac:dyDescent="0.3">
      <c r="A52642" s="13" t="s">
        <v>293</v>
      </c>
      <c r="B52642" s="14" t="s">
        <v>1</v>
      </c>
      <c r="C52642" s="14" t="s">
        <v>191</v>
      </c>
      <c r="D52642" s="14" t="s">
        <v>294</v>
      </c>
      <c r="E52642" s="15">
        <v>45458</v>
      </c>
      <c r="F52642" s="14" t="s">
        <v>72</v>
      </c>
      <c r="G52642" s="16">
        <v>0</v>
      </c>
    </row>
    <row r="52643" spans="1:7" x14ac:dyDescent="0.3">
      <c r="A52643" s="13" t="s">
        <v>293</v>
      </c>
      <c r="B52643" s="14" t="s">
        <v>1</v>
      </c>
      <c r="C52643" s="14" t="s">
        <v>191</v>
      </c>
      <c r="D52643" s="14" t="s">
        <v>294</v>
      </c>
      <c r="E52643" s="15">
        <v>45459</v>
      </c>
      <c r="F52643" s="14" t="s">
        <v>72</v>
      </c>
      <c r="G52643" s="16">
        <v>0</v>
      </c>
    </row>
    <row r="52644" spans="1:7" x14ac:dyDescent="0.3">
      <c r="A52644" s="13" t="s">
        <v>293</v>
      </c>
      <c r="B52644" s="14" t="s">
        <v>1</v>
      </c>
      <c r="C52644" s="14" t="s">
        <v>191</v>
      </c>
      <c r="D52644" s="14" t="s">
        <v>294</v>
      </c>
      <c r="E52644" s="15">
        <v>45460</v>
      </c>
      <c r="F52644" s="14" t="s">
        <v>72</v>
      </c>
      <c r="G52644" s="16">
        <v>0</v>
      </c>
    </row>
    <row r="52645" spans="1:7" x14ac:dyDescent="0.3">
      <c r="A52645" s="13" t="s">
        <v>293</v>
      </c>
      <c r="B52645" s="14" t="s">
        <v>1</v>
      </c>
      <c r="C52645" s="14" t="s">
        <v>191</v>
      </c>
      <c r="D52645" s="14" t="s">
        <v>294</v>
      </c>
      <c r="E52645" s="15">
        <v>45461</v>
      </c>
      <c r="F52645" s="14" t="s">
        <v>72</v>
      </c>
      <c r="G52645" s="16">
        <v>0</v>
      </c>
    </row>
    <row r="52646" spans="1:7" x14ac:dyDescent="0.3">
      <c r="A52646" s="13" t="s">
        <v>293</v>
      </c>
      <c r="B52646" s="14" t="s">
        <v>1</v>
      </c>
      <c r="C52646" s="14" t="s">
        <v>191</v>
      </c>
      <c r="D52646" s="14" t="s">
        <v>294</v>
      </c>
      <c r="E52646" s="15">
        <v>45462</v>
      </c>
      <c r="F52646" s="14" t="s">
        <v>72</v>
      </c>
      <c r="G52646" s="16">
        <v>0</v>
      </c>
    </row>
    <row r="52647" spans="1:7" x14ac:dyDescent="0.3">
      <c r="A52647" s="13" t="s">
        <v>293</v>
      </c>
      <c r="B52647" s="14" t="s">
        <v>1</v>
      </c>
      <c r="C52647" s="14" t="s">
        <v>191</v>
      </c>
      <c r="D52647" s="14" t="s">
        <v>294</v>
      </c>
      <c r="E52647" s="15">
        <v>45463</v>
      </c>
      <c r="F52647" s="14" t="s">
        <v>72</v>
      </c>
      <c r="G52647" s="16">
        <v>0</v>
      </c>
    </row>
    <row r="52648" spans="1:7" x14ac:dyDescent="0.3">
      <c r="A52648" s="13" t="s">
        <v>293</v>
      </c>
      <c r="B52648" s="14" t="s">
        <v>1</v>
      </c>
      <c r="C52648" s="14" t="s">
        <v>191</v>
      </c>
      <c r="D52648" s="14" t="s">
        <v>294</v>
      </c>
      <c r="E52648" s="15">
        <v>45464</v>
      </c>
      <c r="F52648" s="14" t="s">
        <v>72</v>
      </c>
      <c r="G52648" s="16">
        <v>0</v>
      </c>
    </row>
    <row r="52649" spans="1:7" x14ac:dyDescent="0.3">
      <c r="A52649" s="13" t="s">
        <v>293</v>
      </c>
      <c r="B52649" s="14" t="s">
        <v>1</v>
      </c>
      <c r="C52649" s="14" t="s">
        <v>191</v>
      </c>
      <c r="D52649" s="14" t="s">
        <v>294</v>
      </c>
      <c r="E52649" s="15">
        <v>45465</v>
      </c>
      <c r="F52649" s="14" t="s">
        <v>72</v>
      </c>
      <c r="G52649" s="16">
        <v>0</v>
      </c>
    </row>
    <row r="52650" spans="1:7" x14ac:dyDescent="0.3">
      <c r="A52650" s="13" t="s">
        <v>293</v>
      </c>
      <c r="B52650" s="14" t="s">
        <v>1</v>
      </c>
      <c r="C52650" s="14" t="s">
        <v>191</v>
      </c>
      <c r="D52650" s="14" t="s">
        <v>294</v>
      </c>
      <c r="E52650" s="15">
        <v>45466</v>
      </c>
      <c r="F52650" s="14" t="s">
        <v>72</v>
      </c>
      <c r="G52650" s="16">
        <v>0</v>
      </c>
    </row>
    <row r="52651" spans="1:7" x14ac:dyDescent="0.3">
      <c r="A52651" s="13" t="s">
        <v>293</v>
      </c>
      <c r="B52651" s="14" t="s">
        <v>1</v>
      </c>
      <c r="C52651" s="14" t="s">
        <v>191</v>
      </c>
      <c r="D52651" s="14" t="s">
        <v>294</v>
      </c>
      <c r="E52651" s="15">
        <v>45467</v>
      </c>
      <c r="F52651" s="14" t="s">
        <v>72</v>
      </c>
      <c r="G52651" s="16">
        <v>0</v>
      </c>
    </row>
    <row r="52652" spans="1:7" x14ac:dyDescent="0.3">
      <c r="A52652" s="13" t="s">
        <v>293</v>
      </c>
      <c r="B52652" s="14" t="s">
        <v>1</v>
      </c>
      <c r="C52652" s="14" t="s">
        <v>191</v>
      </c>
      <c r="D52652" s="14" t="s">
        <v>294</v>
      </c>
      <c r="E52652" s="15">
        <v>45468</v>
      </c>
      <c r="F52652" s="14" t="s">
        <v>72</v>
      </c>
      <c r="G52652" s="16">
        <v>0</v>
      </c>
    </row>
    <row r="52653" spans="1:7" x14ac:dyDescent="0.3">
      <c r="A52653" s="13" t="s">
        <v>293</v>
      </c>
      <c r="B52653" s="14" t="s">
        <v>1</v>
      </c>
      <c r="C52653" s="14" t="s">
        <v>191</v>
      </c>
      <c r="D52653" s="14" t="s">
        <v>294</v>
      </c>
      <c r="E52653" s="15">
        <v>45469</v>
      </c>
      <c r="F52653" s="14" t="s">
        <v>72</v>
      </c>
      <c r="G52653" s="16">
        <v>0</v>
      </c>
    </row>
    <row r="52654" spans="1:7" x14ac:dyDescent="0.3">
      <c r="A52654" s="13" t="s">
        <v>293</v>
      </c>
      <c r="B52654" s="14" t="s">
        <v>1</v>
      </c>
      <c r="C52654" s="14" t="s">
        <v>191</v>
      </c>
      <c r="D52654" s="14" t="s">
        <v>294</v>
      </c>
      <c r="E52654" s="15">
        <v>45470</v>
      </c>
      <c r="F52654" s="14" t="s">
        <v>72</v>
      </c>
      <c r="G52654" s="16">
        <v>0</v>
      </c>
    </row>
    <row r="52655" spans="1:7" x14ac:dyDescent="0.3">
      <c r="A52655" s="13" t="s">
        <v>293</v>
      </c>
      <c r="B52655" s="14" t="s">
        <v>1</v>
      </c>
      <c r="C52655" s="14" t="s">
        <v>191</v>
      </c>
      <c r="D52655" s="14" t="s">
        <v>294</v>
      </c>
      <c r="E52655" s="15">
        <v>45471</v>
      </c>
      <c r="F52655" s="14" t="s">
        <v>72</v>
      </c>
      <c r="G52655" s="16">
        <v>0.27572132430184304</v>
      </c>
    </row>
    <row r="52656" spans="1:7" x14ac:dyDescent="0.3">
      <c r="A52656" s="13" t="s">
        <v>293</v>
      </c>
      <c r="B52656" s="14" t="s">
        <v>1</v>
      </c>
      <c r="C52656" s="14" t="s">
        <v>191</v>
      </c>
      <c r="D52656" s="14" t="s">
        <v>294</v>
      </c>
      <c r="E52656" s="15">
        <v>45472</v>
      </c>
      <c r="F52656" s="14" t="s">
        <v>72</v>
      </c>
      <c r="G52656" s="16">
        <v>0.27572132430184304</v>
      </c>
    </row>
    <row r="52657" spans="1:7" x14ac:dyDescent="0.3">
      <c r="A52657" s="13" t="s">
        <v>293</v>
      </c>
      <c r="B52657" s="14" t="s">
        <v>1</v>
      </c>
      <c r="C52657" s="14" t="s">
        <v>191</v>
      </c>
      <c r="D52657" s="14" t="s">
        <v>294</v>
      </c>
      <c r="E52657" s="15">
        <v>45473</v>
      </c>
      <c r="F52657" s="14" t="s">
        <v>72</v>
      </c>
      <c r="G52657" s="16">
        <v>0.27572132430184304</v>
      </c>
    </row>
    <row r="52658" spans="1:7" x14ac:dyDescent="0.3">
      <c r="A52658" s="13" t="s">
        <v>293</v>
      </c>
      <c r="B52658" s="14" t="s">
        <v>1</v>
      </c>
      <c r="C52658" s="14" t="s">
        <v>191</v>
      </c>
      <c r="D52658" s="14" t="s">
        <v>294</v>
      </c>
      <c r="E52658" s="15">
        <v>45474</v>
      </c>
      <c r="F52658" s="14" t="s">
        <v>72</v>
      </c>
      <c r="G52658" s="16">
        <v>0.27292645489747297</v>
      </c>
    </row>
    <row r="52659" spans="1:7" x14ac:dyDescent="0.3">
      <c r="A52659" s="13" t="s">
        <v>293</v>
      </c>
      <c r="B52659" s="14" t="s">
        <v>1</v>
      </c>
      <c r="C52659" s="14" t="s">
        <v>191</v>
      </c>
      <c r="D52659" s="14" t="s">
        <v>294</v>
      </c>
      <c r="E52659" s="15">
        <v>45475</v>
      </c>
      <c r="F52659" s="14" t="s">
        <v>72</v>
      </c>
      <c r="G52659" s="16">
        <v>0.26338839184868851</v>
      </c>
    </row>
    <row r="52660" spans="1:7" x14ac:dyDescent="0.3">
      <c r="A52660" s="13" t="s">
        <v>293</v>
      </c>
      <c r="B52660" s="14" t="s">
        <v>1</v>
      </c>
      <c r="C52660" s="14" t="s">
        <v>191</v>
      </c>
      <c r="D52660" s="14" t="s">
        <v>294</v>
      </c>
      <c r="E52660" s="15">
        <v>45476</v>
      </c>
      <c r="F52660" s="14" t="s">
        <v>72</v>
      </c>
      <c r="G52660" s="16">
        <v>0.25883489588551867</v>
      </c>
    </row>
    <row r="52661" spans="1:7" x14ac:dyDescent="0.3">
      <c r="A52661" s="13" t="s">
        <v>293</v>
      </c>
      <c r="B52661" s="14" t="s">
        <v>1</v>
      </c>
      <c r="C52661" s="14" t="s">
        <v>191</v>
      </c>
      <c r="D52661" s="14" t="s">
        <v>294</v>
      </c>
      <c r="E52661" s="15">
        <v>45477</v>
      </c>
      <c r="F52661" s="14" t="s">
        <v>72</v>
      </c>
      <c r="G52661" s="16">
        <v>0.2548314318269988</v>
      </c>
    </row>
    <row r="52662" spans="1:7" x14ac:dyDescent="0.3">
      <c r="A52662" s="13" t="s">
        <v>293</v>
      </c>
      <c r="B52662" s="14" t="s">
        <v>1</v>
      </c>
      <c r="C52662" s="14" t="s">
        <v>191</v>
      </c>
      <c r="D52662" s="14" t="s">
        <v>294</v>
      </c>
      <c r="E52662" s="15">
        <v>45478</v>
      </c>
      <c r="F52662" s="14" t="s">
        <v>72</v>
      </c>
      <c r="G52662" s="16">
        <v>0.25097654268055153</v>
      </c>
    </row>
    <row r="52663" spans="1:7" x14ac:dyDescent="0.3">
      <c r="A52663" s="13" t="s">
        <v>293</v>
      </c>
      <c r="B52663" s="14" t="s">
        <v>1</v>
      </c>
      <c r="C52663" s="14" t="s">
        <v>191</v>
      </c>
      <c r="D52663" s="14" t="s">
        <v>294</v>
      </c>
      <c r="E52663" s="15">
        <v>45479</v>
      </c>
      <c r="F52663" s="14" t="s">
        <v>72</v>
      </c>
      <c r="G52663" s="16">
        <v>0.25097654268055153</v>
      </c>
    </row>
    <row r="52664" spans="1:7" x14ac:dyDescent="0.3">
      <c r="A52664" s="13" t="s">
        <v>293</v>
      </c>
      <c r="B52664" s="14" t="s">
        <v>1</v>
      </c>
      <c r="C52664" s="14" t="s">
        <v>191</v>
      </c>
      <c r="D52664" s="14" t="s">
        <v>294</v>
      </c>
      <c r="E52664" s="15">
        <v>45480</v>
      </c>
      <c r="F52664" s="14" t="s">
        <v>72</v>
      </c>
      <c r="G52664" s="16">
        <v>0.25097654268055153</v>
      </c>
    </row>
    <row r="52665" spans="1:7" x14ac:dyDescent="0.3">
      <c r="A52665" s="13" t="s">
        <v>293</v>
      </c>
      <c r="B52665" s="14" t="s">
        <v>1</v>
      </c>
      <c r="C52665" s="14" t="s">
        <v>191</v>
      </c>
      <c r="D52665" s="14" t="s">
        <v>294</v>
      </c>
      <c r="E52665" s="15">
        <v>45481</v>
      </c>
      <c r="F52665" s="14" t="s">
        <v>72</v>
      </c>
      <c r="G52665" s="16">
        <v>0.24831721246614763</v>
      </c>
    </row>
    <row r="52666" spans="1:7" x14ac:dyDescent="0.3">
      <c r="A52666" s="13" t="s">
        <v>293</v>
      </c>
      <c r="B52666" s="14" t="s">
        <v>1</v>
      </c>
      <c r="C52666" s="14" t="s">
        <v>191</v>
      </c>
      <c r="D52666" s="14" t="s">
        <v>294</v>
      </c>
      <c r="E52666" s="15">
        <v>45482</v>
      </c>
      <c r="F52666" s="14" t="s">
        <v>72</v>
      </c>
      <c r="G52666" s="16">
        <v>0.23883012359546166</v>
      </c>
    </row>
    <row r="52667" spans="1:7" x14ac:dyDescent="0.3">
      <c r="A52667" s="13" t="s">
        <v>293</v>
      </c>
      <c r="B52667" s="14" t="s">
        <v>1</v>
      </c>
      <c r="C52667" s="14" t="s">
        <v>191</v>
      </c>
      <c r="D52667" s="14" t="s">
        <v>294</v>
      </c>
      <c r="E52667" s="15">
        <v>45483</v>
      </c>
      <c r="F52667" s="14" t="s">
        <v>72</v>
      </c>
      <c r="G52667" s="16">
        <v>0.24229182448659184</v>
      </c>
    </row>
    <row r="52668" spans="1:7" x14ac:dyDescent="0.3">
      <c r="A52668" s="13" t="s">
        <v>293</v>
      </c>
      <c r="B52668" s="14" t="s">
        <v>1</v>
      </c>
      <c r="C52668" s="14" t="s">
        <v>191</v>
      </c>
      <c r="D52668" s="14" t="s">
        <v>294</v>
      </c>
      <c r="E52668" s="15">
        <v>45484</v>
      </c>
      <c r="F52668" s="14" t="s">
        <v>72</v>
      </c>
      <c r="G52668" s="16">
        <v>0.23871966588093532</v>
      </c>
    </row>
    <row r="52669" spans="1:7" x14ac:dyDescent="0.3">
      <c r="A52669" s="13" t="s">
        <v>293</v>
      </c>
      <c r="B52669" s="14" t="s">
        <v>1</v>
      </c>
      <c r="C52669" s="14" t="s">
        <v>191</v>
      </c>
      <c r="D52669" s="14" t="s">
        <v>294</v>
      </c>
      <c r="E52669" s="15">
        <v>45485</v>
      </c>
      <c r="F52669" s="14" t="s">
        <v>72</v>
      </c>
      <c r="G52669" s="16">
        <v>0.23475228607932494</v>
      </c>
    </row>
    <row r="52670" spans="1:7" x14ac:dyDescent="0.3">
      <c r="A52670" s="13" t="s">
        <v>293</v>
      </c>
      <c r="B52670" s="14" t="s">
        <v>1</v>
      </c>
      <c r="C52670" s="14" t="s">
        <v>191</v>
      </c>
      <c r="D52670" s="14" t="s">
        <v>294</v>
      </c>
      <c r="E52670" s="15">
        <v>45486</v>
      </c>
      <c r="F52670" s="14" t="s">
        <v>72</v>
      </c>
      <c r="G52670" s="16">
        <v>0.23475228607932494</v>
      </c>
    </row>
    <row r="52671" spans="1:7" x14ac:dyDescent="0.3">
      <c r="A52671" s="13" t="s">
        <v>293</v>
      </c>
      <c r="B52671" s="14" t="s">
        <v>1</v>
      </c>
      <c r="C52671" s="14" t="s">
        <v>191</v>
      </c>
      <c r="D52671" s="14" t="s">
        <v>294</v>
      </c>
      <c r="E52671" s="15">
        <v>45487</v>
      </c>
      <c r="F52671" s="14" t="s">
        <v>72</v>
      </c>
      <c r="G52671" s="16">
        <v>0.23475228607932494</v>
      </c>
    </row>
    <row r="52672" spans="1:7" x14ac:dyDescent="0.3">
      <c r="A52672" s="13" t="s">
        <v>293</v>
      </c>
      <c r="B52672" s="14" t="s">
        <v>1</v>
      </c>
      <c r="C52672" s="14" t="s">
        <v>191</v>
      </c>
      <c r="D52672" s="14" t="s">
        <v>294</v>
      </c>
      <c r="E52672" s="15">
        <v>45488</v>
      </c>
      <c r="F52672" s="14" t="s">
        <v>72</v>
      </c>
      <c r="G52672" s="16">
        <v>0.23241157385926942</v>
      </c>
    </row>
    <row r="52673" spans="1:7" x14ac:dyDescent="0.3">
      <c r="A52673" s="13" t="s">
        <v>293</v>
      </c>
      <c r="B52673" s="14" t="s">
        <v>1</v>
      </c>
      <c r="C52673" s="14" t="s">
        <v>191</v>
      </c>
      <c r="D52673" s="14" t="s">
        <v>294</v>
      </c>
      <c r="E52673" s="15">
        <v>45489</v>
      </c>
      <c r="F52673" s="14" t="s">
        <v>72</v>
      </c>
      <c r="G52673" s="16">
        <v>0.22337220542269765</v>
      </c>
    </row>
    <row r="52674" spans="1:7" x14ac:dyDescent="0.3">
      <c r="A52674" s="13" t="s">
        <v>293</v>
      </c>
      <c r="B52674" s="14" t="s">
        <v>1</v>
      </c>
      <c r="C52674" s="14" t="s">
        <v>191</v>
      </c>
      <c r="D52674" s="14" t="s">
        <v>294</v>
      </c>
      <c r="E52674" s="15">
        <v>45490</v>
      </c>
      <c r="F52674" s="14" t="s">
        <v>72</v>
      </c>
      <c r="G52674" s="16">
        <v>0.22010148603601562</v>
      </c>
    </row>
    <row r="52675" spans="1:7" x14ac:dyDescent="0.3">
      <c r="A52675" s="13" t="s">
        <v>293</v>
      </c>
      <c r="B52675" s="14" t="s">
        <v>1</v>
      </c>
      <c r="C52675" s="14" t="s">
        <v>191</v>
      </c>
      <c r="D52675" s="14" t="s">
        <v>294</v>
      </c>
      <c r="E52675" s="15">
        <v>45491</v>
      </c>
      <c r="F52675" s="14" t="s">
        <v>72</v>
      </c>
      <c r="G52675" s="16">
        <v>0.21764379564520592</v>
      </c>
    </row>
    <row r="52676" spans="1:7" x14ac:dyDescent="0.3">
      <c r="A52676" s="13" t="s">
        <v>293</v>
      </c>
      <c r="B52676" s="14" t="s">
        <v>1</v>
      </c>
      <c r="C52676" s="14" t="s">
        <v>191</v>
      </c>
      <c r="D52676" s="14" t="s">
        <v>294</v>
      </c>
      <c r="E52676" s="15">
        <v>45492</v>
      </c>
      <c r="F52676" s="14" t="s">
        <v>72</v>
      </c>
      <c r="G52676" s="16">
        <v>0.21502398920574309</v>
      </c>
    </row>
    <row r="52677" spans="1:7" x14ac:dyDescent="0.3">
      <c r="A52677" s="13" t="s">
        <v>293</v>
      </c>
      <c r="B52677" s="14" t="s">
        <v>1</v>
      </c>
      <c r="C52677" s="14" t="s">
        <v>191</v>
      </c>
      <c r="D52677" s="14" t="s">
        <v>294</v>
      </c>
      <c r="E52677" s="15">
        <v>45493</v>
      </c>
      <c r="F52677" s="14" t="s">
        <v>72</v>
      </c>
      <c r="G52677" s="16">
        <v>0.21502398920574309</v>
      </c>
    </row>
    <row r="52678" spans="1:7" x14ac:dyDescent="0.3">
      <c r="A52678" s="13" t="s">
        <v>293</v>
      </c>
      <c r="B52678" s="14" t="s">
        <v>1</v>
      </c>
      <c r="C52678" s="14" t="s">
        <v>191</v>
      </c>
      <c r="D52678" s="14" t="s">
        <v>294</v>
      </c>
      <c r="E52678" s="15">
        <v>45494</v>
      </c>
      <c r="F52678" s="14" t="s">
        <v>72</v>
      </c>
      <c r="G52678" s="16">
        <v>0.21502398920574309</v>
      </c>
    </row>
    <row r="52679" spans="1:7" x14ac:dyDescent="0.3">
      <c r="A52679" s="13" t="s">
        <v>293</v>
      </c>
      <c r="B52679" s="14" t="s">
        <v>1</v>
      </c>
      <c r="C52679" s="14" t="s">
        <v>191</v>
      </c>
      <c r="D52679" s="14" t="s">
        <v>294</v>
      </c>
      <c r="E52679" s="15">
        <v>45495</v>
      </c>
      <c r="F52679" s="14" t="s">
        <v>72</v>
      </c>
      <c r="G52679" s="16">
        <v>0.21378561674039834</v>
      </c>
    </row>
    <row r="52680" spans="1:7" x14ac:dyDescent="0.3">
      <c r="A52680" s="13" t="s">
        <v>293</v>
      </c>
      <c r="B52680" s="14" t="s">
        <v>1</v>
      </c>
      <c r="C52680" s="14" t="s">
        <v>191</v>
      </c>
      <c r="D52680" s="14" t="s">
        <v>294</v>
      </c>
      <c r="E52680" s="15">
        <v>45496</v>
      </c>
      <c r="F52680" s="14" t="s">
        <v>72</v>
      </c>
      <c r="G52680" s="16">
        <v>0.20475226187365947</v>
      </c>
    </row>
    <row r="52681" spans="1:7" x14ac:dyDescent="0.3">
      <c r="A52681" s="13" t="s">
        <v>293</v>
      </c>
      <c r="B52681" s="14" t="s">
        <v>1</v>
      </c>
      <c r="C52681" s="14" t="s">
        <v>191</v>
      </c>
      <c r="D52681" s="14" t="s">
        <v>294</v>
      </c>
      <c r="E52681" s="15">
        <v>45497</v>
      </c>
      <c r="F52681" s="14" t="s">
        <v>72</v>
      </c>
      <c r="G52681" s="16">
        <v>0.20250115687448986</v>
      </c>
    </row>
    <row r="52682" spans="1:7" x14ac:dyDescent="0.3">
      <c r="A52682" s="13" t="s">
        <v>293</v>
      </c>
      <c r="B52682" s="14" t="s">
        <v>1</v>
      </c>
      <c r="C52682" s="14" t="s">
        <v>191</v>
      </c>
      <c r="D52682" s="14" t="s">
        <v>294</v>
      </c>
      <c r="E52682" s="15">
        <v>45498</v>
      </c>
      <c r="F52682" s="14" t="s">
        <v>72</v>
      </c>
      <c r="G52682" s="16">
        <v>0.20049654214858495</v>
      </c>
    </row>
    <row r="52683" spans="1:7" x14ac:dyDescent="0.3">
      <c r="A52683" s="13" t="s">
        <v>293</v>
      </c>
      <c r="B52683" s="14" t="s">
        <v>1</v>
      </c>
      <c r="C52683" s="14" t="s">
        <v>191</v>
      </c>
      <c r="D52683" s="14" t="s">
        <v>294</v>
      </c>
      <c r="E52683" s="15">
        <v>45499</v>
      </c>
      <c r="F52683" s="14" t="s">
        <v>72</v>
      </c>
      <c r="G52683" s="16">
        <v>0.19695134212790158</v>
      </c>
    </row>
    <row r="52684" spans="1:7" x14ac:dyDescent="0.3">
      <c r="A52684" s="13" t="s">
        <v>293</v>
      </c>
      <c r="B52684" s="14" t="s">
        <v>1</v>
      </c>
      <c r="C52684" s="14" t="s">
        <v>191</v>
      </c>
      <c r="D52684" s="14" t="s">
        <v>294</v>
      </c>
      <c r="E52684" s="15">
        <v>45500</v>
      </c>
      <c r="F52684" s="14" t="s">
        <v>72</v>
      </c>
      <c r="G52684" s="16">
        <v>0.19695134212790158</v>
      </c>
    </row>
    <row r="52685" spans="1:7" x14ac:dyDescent="0.3">
      <c r="A52685" s="13" t="s">
        <v>293</v>
      </c>
      <c r="B52685" s="14" t="s">
        <v>1</v>
      </c>
      <c r="C52685" s="14" t="s">
        <v>191</v>
      </c>
      <c r="D52685" s="14" t="s">
        <v>294</v>
      </c>
      <c r="E52685" s="15">
        <v>45501</v>
      </c>
      <c r="F52685" s="14" t="s">
        <v>72</v>
      </c>
      <c r="G52685" s="16">
        <v>0.19695134212790158</v>
      </c>
    </row>
    <row r="52686" spans="1:7" x14ac:dyDescent="0.3">
      <c r="A52686" s="13" t="s">
        <v>293</v>
      </c>
      <c r="B52686" s="14" t="s">
        <v>1</v>
      </c>
      <c r="C52686" s="14" t="s">
        <v>191</v>
      </c>
      <c r="D52686" s="14" t="s">
        <v>294</v>
      </c>
      <c r="E52686" s="15">
        <v>45502</v>
      </c>
      <c r="F52686" s="14" t="s">
        <v>72</v>
      </c>
      <c r="G52686" s="16">
        <v>0.19095783580878672</v>
      </c>
    </row>
    <row r="52687" spans="1:7" x14ac:dyDescent="0.3">
      <c r="A52687" s="13" t="s">
        <v>293</v>
      </c>
      <c r="B52687" s="14" t="s">
        <v>1</v>
      </c>
      <c r="C52687" s="14" t="s">
        <v>191</v>
      </c>
      <c r="D52687" s="14" t="s">
        <v>294</v>
      </c>
      <c r="E52687" s="15">
        <v>45503</v>
      </c>
      <c r="F52687" s="14" t="s">
        <v>72</v>
      </c>
      <c r="G52687" s="16">
        <v>0.18154271315998086</v>
      </c>
    </row>
    <row r="52688" spans="1:7" x14ac:dyDescent="0.3">
      <c r="A52688" s="13" t="s">
        <v>293</v>
      </c>
      <c r="B52688" s="14" t="s">
        <v>1</v>
      </c>
      <c r="C52688" s="14" t="s">
        <v>191</v>
      </c>
      <c r="D52688" s="14" t="s">
        <v>294</v>
      </c>
      <c r="E52688" s="15">
        <v>45504</v>
      </c>
      <c r="F52688" s="14" t="s">
        <v>72</v>
      </c>
      <c r="G52688" s="16">
        <v>0.19376402626973094</v>
      </c>
    </row>
    <row r="52689" spans="1:7" x14ac:dyDescent="0.3">
      <c r="A52689" s="13" t="s">
        <v>293</v>
      </c>
      <c r="B52689" s="14" t="s">
        <v>1</v>
      </c>
      <c r="C52689" s="14" t="s">
        <v>191</v>
      </c>
      <c r="D52689" s="14" t="s">
        <v>294</v>
      </c>
      <c r="E52689" s="15">
        <v>45505</v>
      </c>
      <c r="F52689" s="14" t="s">
        <v>72</v>
      </c>
      <c r="G52689" s="16">
        <v>0.22400876764830352</v>
      </c>
    </row>
    <row r="52690" spans="1:7" x14ac:dyDescent="0.3">
      <c r="A52690" s="13" t="s">
        <v>293</v>
      </c>
      <c r="B52690" s="14" t="s">
        <v>1</v>
      </c>
      <c r="C52690" s="14" t="s">
        <v>191</v>
      </c>
      <c r="D52690" s="14" t="s">
        <v>294</v>
      </c>
      <c r="E52690" s="15">
        <v>45506</v>
      </c>
      <c r="F52690" s="14" t="s">
        <v>72</v>
      </c>
      <c r="G52690" s="16">
        <v>0.28210644042402616</v>
      </c>
    </row>
    <row r="52691" spans="1:7" x14ac:dyDescent="0.3">
      <c r="A52691" s="13" t="s">
        <v>293</v>
      </c>
      <c r="B52691" s="14" t="s">
        <v>1</v>
      </c>
      <c r="C52691" s="14" t="s">
        <v>191</v>
      </c>
      <c r="D52691" s="14" t="s">
        <v>294</v>
      </c>
      <c r="E52691" s="15">
        <v>45507</v>
      </c>
      <c r="F52691" s="14" t="s">
        <v>72</v>
      </c>
      <c r="G52691" s="16">
        <v>0.28210644042402616</v>
      </c>
    </row>
    <row r="52692" spans="1:7" x14ac:dyDescent="0.3">
      <c r="A52692" s="13" t="s">
        <v>293</v>
      </c>
      <c r="B52692" s="14" t="s">
        <v>1</v>
      </c>
      <c r="C52692" s="14" t="s">
        <v>191</v>
      </c>
      <c r="D52692" s="14" t="s">
        <v>294</v>
      </c>
      <c r="E52692" s="15">
        <v>45508</v>
      </c>
      <c r="F52692" s="14" t="s">
        <v>72</v>
      </c>
      <c r="G52692" s="16">
        <v>0.28210644042402616</v>
      </c>
    </row>
    <row r="52693" spans="1:7" x14ac:dyDescent="0.3">
      <c r="A52693" s="13" t="s">
        <v>293</v>
      </c>
      <c r="B52693" s="14" t="s">
        <v>1</v>
      </c>
      <c r="C52693" s="14" t="s">
        <v>191</v>
      </c>
      <c r="D52693" s="14" t="s">
        <v>294</v>
      </c>
      <c r="E52693" s="15">
        <v>45509</v>
      </c>
      <c r="F52693" s="14" t="s">
        <v>72</v>
      </c>
      <c r="G52693" s="16">
        <v>0.28210644042402616</v>
      </c>
    </row>
    <row r="52694" spans="1:7" x14ac:dyDescent="0.3">
      <c r="A52694" s="13" t="s">
        <v>293</v>
      </c>
      <c r="B52694" s="14" t="s">
        <v>1</v>
      </c>
      <c r="C52694" s="14" t="s">
        <v>191</v>
      </c>
      <c r="D52694" s="14" t="s">
        <v>294</v>
      </c>
      <c r="E52694" s="15">
        <v>45510</v>
      </c>
      <c r="F52694" s="14" t="s">
        <v>72</v>
      </c>
      <c r="G52694" s="16">
        <v>0.30592530989727035</v>
      </c>
    </row>
    <row r="52695" spans="1:7" x14ac:dyDescent="0.3">
      <c r="A52695" s="13" t="s">
        <v>293</v>
      </c>
      <c r="B52695" s="14" t="s">
        <v>1</v>
      </c>
      <c r="C52695" s="14" t="s">
        <v>191</v>
      </c>
      <c r="D52695" s="14" t="s">
        <v>294</v>
      </c>
      <c r="E52695" s="15">
        <v>45511</v>
      </c>
      <c r="F52695" s="14" t="s">
        <v>72</v>
      </c>
      <c r="G52695" s="16">
        <v>0.54973259717170164</v>
      </c>
    </row>
    <row r="52696" spans="1:7" x14ac:dyDescent="0.3">
      <c r="A52696" s="13" t="s">
        <v>293</v>
      </c>
      <c r="B52696" s="14" t="s">
        <v>1</v>
      </c>
      <c r="C52696" s="14" t="s">
        <v>191</v>
      </c>
      <c r="D52696" s="14" t="s">
        <v>294</v>
      </c>
      <c r="E52696" s="15">
        <v>45512</v>
      </c>
      <c r="F52696" s="14" t="s">
        <v>72</v>
      </c>
      <c r="G52696" s="16">
        <v>0.5407024191401486</v>
      </c>
    </row>
    <row r="52697" spans="1:7" x14ac:dyDescent="0.3">
      <c r="A52697" s="13" t="s">
        <v>293</v>
      </c>
      <c r="B52697" s="14" t="s">
        <v>1</v>
      </c>
      <c r="C52697" s="14" t="s">
        <v>191</v>
      </c>
      <c r="D52697" s="14" t="s">
        <v>294</v>
      </c>
      <c r="E52697" s="15">
        <v>45513</v>
      </c>
      <c r="F52697" s="14" t="s">
        <v>72</v>
      </c>
      <c r="G52697" s="16">
        <v>0.5407024191401486</v>
      </c>
    </row>
    <row r="52698" spans="1:7" x14ac:dyDescent="0.3">
      <c r="A52698" s="13" t="s">
        <v>293</v>
      </c>
      <c r="B52698" s="14" t="s">
        <v>1</v>
      </c>
      <c r="C52698" s="14" t="s">
        <v>191</v>
      </c>
      <c r="D52698" s="14" t="s">
        <v>294</v>
      </c>
      <c r="E52698" s="15">
        <v>45514</v>
      </c>
      <c r="F52698" s="14" t="s">
        <v>72</v>
      </c>
      <c r="G52698" s="16">
        <v>0.5407024191401486</v>
      </c>
    </row>
    <row r="52699" spans="1:7" x14ac:dyDescent="0.3">
      <c r="A52699" s="13" t="s">
        <v>293</v>
      </c>
      <c r="B52699" s="14" t="s">
        <v>1</v>
      </c>
      <c r="C52699" s="14" t="s">
        <v>191</v>
      </c>
      <c r="D52699" s="14" t="s">
        <v>294</v>
      </c>
      <c r="E52699" s="15">
        <v>45515</v>
      </c>
      <c r="F52699" s="14" t="s">
        <v>72</v>
      </c>
      <c r="G52699" s="16">
        <v>0.5407024191401486</v>
      </c>
    </row>
    <row r="52700" spans="1:7" x14ac:dyDescent="0.3">
      <c r="A52700" s="13" t="s">
        <v>293</v>
      </c>
      <c r="B52700" s="14" t="s">
        <v>1</v>
      </c>
      <c r="C52700" s="14" t="s">
        <v>191</v>
      </c>
      <c r="D52700" s="14" t="s">
        <v>294</v>
      </c>
      <c r="E52700" s="15">
        <v>45516</v>
      </c>
      <c r="F52700" s="14" t="s">
        <v>72</v>
      </c>
      <c r="G52700" s="16">
        <v>0.54255990001557419</v>
      </c>
    </row>
    <row r="52701" spans="1:7" x14ac:dyDescent="0.3">
      <c r="A52701" s="13" t="s">
        <v>293</v>
      </c>
      <c r="B52701" s="14" t="s">
        <v>1</v>
      </c>
      <c r="C52701" s="14" t="s">
        <v>191</v>
      </c>
      <c r="D52701" s="14" t="s">
        <v>294</v>
      </c>
      <c r="E52701" s="15">
        <v>45517</v>
      </c>
      <c r="F52701" s="14" t="s">
        <v>72</v>
      </c>
      <c r="G52701" s="16">
        <v>0.52560684129484481</v>
      </c>
    </row>
    <row r="52702" spans="1:7" x14ac:dyDescent="0.3">
      <c r="A52702" s="13" t="s">
        <v>293</v>
      </c>
      <c r="B52702" s="14" t="s">
        <v>1</v>
      </c>
      <c r="C52702" s="14" t="s">
        <v>191</v>
      </c>
      <c r="D52702" s="14" t="s">
        <v>294</v>
      </c>
      <c r="E52702" s="15">
        <v>45518</v>
      </c>
      <c r="F52702" s="14" t="s">
        <v>72</v>
      </c>
      <c r="G52702" s="16">
        <v>0.52539298837654513</v>
      </c>
    </row>
    <row r="52703" spans="1:7" x14ac:dyDescent="0.3">
      <c r="A52703" s="13" t="s">
        <v>293</v>
      </c>
      <c r="B52703" s="14" t="s">
        <v>1</v>
      </c>
      <c r="C52703" s="14" t="s">
        <v>191</v>
      </c>
      <c r="D52703" s="14" t="s">
        <v>294</v>
      </c>
      <c r="E52703" s="15">
        <v>45519</v>
      </c>
      <c r="F52703" s="14" t="s">
        <v>72</v>
      </c>
      <c r="G52703" s="16">
        <v>0.5208078437890411</v>
      </c>
    </row>
    <row r="52704" spans="1:7" x14ac:dyDescent="0.3">
      <c r="A52704" s="13" t="s">
        <v>293</v>
      </c>
      <c r="B52704" s="14" t="s">
        <v>1</v>
      </c>
      <c r="C52704" s="14" t="s">
        <v>191</v>
      </c>
      <c r="D52704" s="14" t="s">
        <v>294</v>
      </c>
      <c r="E52704" s="15">
        <v>45520</v>
      </c>
      <c r="F52704" s="14" t="s">
        <v>72</v>
      </c>
      <c r="G52704" s="16">
        <v>0.66514240261081581</v>
      </c>
    </row>
    <row r="52705" spans="1:7" x14ac:dyDescent="0.3">
      <c r="A52705" s="13" t="s">
        <v>293</v>
      </c>
      <c r="B52705" s="14" t="s">
        <v>1</v>
      </c>
      <c r="C52705" s="14" t="s">
        <v>191</v>
      </c>
      <c r="D52705" s="14" t="s">
        <v>294</v>
      </c>
      <c r="E52705" s="15">
        <v>45521</v>
      </c>
      <c r="F52705" s="14" t="s">
        <v>72</v>
      </c>
      <c r="G52705" s="16">
        <v>0.66514240261081581</v>
      </c>
    </row>
    <row r="52706" spans="1:7" x14ac:dyDescent="0.3">
      <c r="A52706" s="13" t="s">
        <v>293</v>
      </c>
      <c r="B52706" s="14" t="s">
        <v>1</v>
      </c>
      <c r="C52706" s="14" t="s">
        <v>191</v>
      </c>
      <c r="D52706" s="14" t="s">
        <v>294</v>
      </c>
      <c r="E52706" s="15">
        <v>45522</v>
      </c>
      <c r="F52706" s="14" t="s">
        <v>72</v>
      </c>
      <c r="G52706" s="16">
        <v>0.66514240261081581</v>
      </c>
    </row>
    <row r="52707" spans="1:7" x14ac:dyDescent="0.3">
      <c r="A52707" s="13" t="s">
        <v>293</v>
      </c>
      <c r="B52707" s="14" t="s">
        <v>1</v>
      </c>
      <c r="C52707" s="14" t="s">
        <v>191</v>
      </c>
      <c r="D52707" s="14" t="s">
        <v>294</v>
      </c>
      <c r="E52707" s="15">
        <v>45523</v>
      </c>
      <c r="F52707" s="14" t="s">
        <v>72</v>
      </c>
      <c r="G52707" s="16">
        <v>0.65576719841865794</v>
      </c>
    </row>
    <row r="52708" spans="1:7" x14ac:dyDescent="0.3">
      <c r="A52708" s="13" t="s">
        <v>293</v>
      </c>
      <c r="B52708" s="14" t="s">
        <v>1</v>
      </c>
      <c r="C52708" s="14" t="s">
        <v>191</v>
      </c>
      <c r="D52708" s="14" t="s">
        <v>294</v>
      </c>
      <c r="E52708" s="15">
        <v>45524</v>
      </c>
      <c r="F52708" s="14" t="s">
        <v>72</v>
      </c>
      <c r="G52708" s="16">
        <v>0.64435776623551244</v>
      </c>
    </row>
    <row r="52709" spans="1:7" x14ac:dyDescent="0.3">
      <c r="A52709" s="13" t="s">
        <v>293</v>
      </c>
      <c r="B52709" s="14" t="s">
        <v>1</v>
      </c>
      <c r="C52709" s="14" t="s">
        <v>191</v>
      </c>
      <c r="D52709" s="14" t="s">
        <v>294</v>
      </c>
      <c r="E52709" s="15">
        <v>45525</v>
      </c>
      <c r="F52709" s="14" t="s">
        <v>72</v>
      </c>
      <c r="G52709" s="16">
        <v>0.79782042211442017</v>
      </c>
    </row>
    <row r="52710" spans="1:7" x14ac:dyDescent="0.3">
      <c r="A52710" s="13" t="s">
        <v>293</v>
      </c>
      <c r="B52710" s="14" t="s">
        <v>1</v>
      </c>
      <c r="C52710" s="14" t="s">
        <v>191</v>
      </c>
      <c r="D52710" s="14" t="s">
        <v>294</v>
      </c>
      <c r="E52710" s="15">
        <v>45526</v>
      </c>
      <c r="F52710" s="14" t="s">
        <v>72</v>
      </c>
      <c r="G52710" s="16">
        <v>0.79898832729791636</v>
      </c>
    </row>
    <row r="52711" spans="1:7" x14ac:dyDescent="0.3">
      <c r="A52711" s="13" t="s">
        <v>293</v>
      </c>
      <c r="B52711" s="14" t="s">
        <v>1</v>
      </c>
      <c r="C52711" s="14" t="s">
        <v>191</v>
      </c>
      <c r="D52711" s="14" t="s">
        <v>294</v>
      </c>
      <c r="E52711" s="15">
        <v>45527</v>
      </c>
      <c r="F52711" s="14" t="s">
        <v>72</v>
      </c>
      <c r="G52711" s="16">
        <v>0.78511670390148203</v>
      </c>
    </row>
    <row r="52712" spans="1:7" x14ac:dyDescent="0.3">
      <c r="A52712" s="13" t="s">
        <v>293</v>
      </c>
      <c r="B52712" s="14" t="s">
        <v>1</v>
      </c>
      <c r="C52712" s="14" t="s">
        <v>191</v>
      </c>
      <c r="D52712" s="14" t="s">
        <v>294</v>
      </c>
      <c r="E52712" s="15">
        <v>45528</v>
      </c>
      <c r="F52712" s="14" t="s">
        <v>72</v>
      </c>
      <c r="G52712" s="16">
        <v>0.78511670390148203</v>
      </c>
    </row>
    <row r="52713" spans="1:7" x14ac:dyDescent="0.3">
      <c r="A52713" s="13" t="s">
        <v>293</v>
      </c>
      <c r="B52713" s="14" t="s">
        <v>1</v>
      </c>
      <c r="C52713" s="14" t="s">
        <v>191</v>
      </c>
      <c r="D52713" s="14" t="s">
        <v>294</v>
      </c>
      <c r="E52713" s="15">
        <v>45529</v>
      </c>
      <c r="F52713" s="14" t="s">
        <v>72</v>
      </c>
      <c r="G52713" s="16">
        <v>0.78511670390148203</v>
      </c>
    </row>
    <row r="52714" spans="1:7" x14ac:dyDescent="0.3">
      <c r="A52714" s="13" t="s">
        <v>293</v>
      </c>
      <c r="B52714" s="14" t="s">
        <v>1</v>
      </c>
      <c r="C52714" s="14" t="s">
        <v>191</v>
      </c>
      <c r="D52714" s="14" t="s">
        <v>294</v>
      </c>
      <c r="E52714" s="15">
        <v>45530</v>
      </c>
      <c r="F52714" s="14" t="s">
        <v>72</v>
      </c>
      <c r="G52714" s="16">
        <v>0.86882114489420925</v>
      </c>
    </row>
    <row r="52715" spans="1:7" x14ac:dyDescent="0.3">
      <c r="A52715" s="13" t="s">
        <v>293</v>
      </c>
      <c r="B52715" s="14" t="s">
        <v>1</v>
      </c>
      <c r="C52715" s="14" t="s">
        <v>191</v>
      </c>
      <c r="D52715" s="14" t="s">
        <v>294</v>
      </c>
      <c r="E52715" s="15">
        <v>45531</v>
      </c>
      <c r="F52715" s="14" t="s">
        <v>72</v>
      </c>
      <c r="G52715" s="16">
        <v>0.85577310826092046</v>
      </c>
    </row>
    <row r="52716" spans="1:7" x14ac:dyDescent="0.3">
      <c r="A52716" s="13" t="s">
        <v>293</v>
      </c>
      <c r="B52716" s="14" t="s">
        <v>1</v>
      </c>
      <c r="C52716" s="14" t="s">
        <v>191</v>
      </c>
      <c r="D52716" s="14" t="s">
        <v>294</v>
      </c>
      <c r="E52716" s="15">
        <v>45532</v>
      </c>
      <c r="F52716" s="14" t="s">
        <v>72</v>
      </c>
      <c r="G52716" s="16">
        <v>0.85488675403900583</v>
      </c>
    </row>
    <row r="52717" spans="1:7" x14ac:dyDescent="0.3">
      <c r="A52717" s="13" t="s">
        <v>293</v>
      </c>
      <c r="B52717" s="14" t="s">
        <v>1</v>
      </c>
      <c r="C52717" s="14" t="s">
        <v>191</v>
      </c>
      <c r="D52717" s="14" t="s">
        <v>294</v>
      </c>
      <c r="E52717" s="15">
        <v>45533</v>
      </c>
      <c r="F52717" s="14" t="s">
        <v>72</v>
      </c>
      <c r="G52717" s="16">
        <v>0.84970943425751089</v>
      </c>
    </row>
    <row r="52718" spans="1:7" x14ac:dyDescent="0.3">
      <c r="A52718" s="13" t="s">
        <v>293</v>
      </c>
      <c r="B52718" s="14" t="s">
        <v>1</v>
      </c>
      <c r="C52718" s="14" t="s">
        <v>191</v>
      </c>
      <c r="D52718" s="14" t="s">
        <v>294</v>
      </c>
      <c r="E52718" s="15">
        <v>45534</v>
      </c>
      <c r="F52718" s="14" t="s">
        <v>72</v>
      </c>
      <c r="G52718" s="16">
        <v>1.0958372483941827</v>
      </c>
    </row>
    <row r="52719" spans="1:7" x14ac:dyDescent="0.3">
      <c r="A52719" s="13" t="s">
        <v>293</v>
      </c>
      <c r="B52719" s="14" t="s">
        <v>1</v>
      </c>
      <c r="C52719" s="14" t="s">
        <v>191</v>
      </c>
      <c r="D52719" s="14" t="s">
        <v>294</v>
      </c>
      <c r="E52719" s="15">
        <v>45535</v>
      </c>
      <c r="F52719" s="14" t="s">
        <v>72</v>
      </c>
      <c r="G52719" s="16">
        <v>1.0958372483941827</v>
      </c>
    </row>
    <row r="52720" spans="1:7" x14ac:dyDescent="0.3">
      <c r="A52720" s="13" t="s">
        <v>293</v>
      </c>
      <c r="B52720" s="14" t="s">
        <v>1</v>
      </c>
      <c r="C52720" s="14" t="s">
        <v>191</v>
      </c>
      <c r="D52720" s="14" t="s">
        <v>294</v>
      </c>
      <c r="E52720" s="15">
        <v>45536</v>
      </c>
      <c r="F52720" s="14" t="s">
        <v>72</v>
      </c>
      <c r="G52720" s="16">
        <v>1.0958372483941827</v>
      </c>
    </row>
    <row r="52721" spans="1:7" x14ac:dyDescent="0.3">
      <c r="A52721" s="13" t="s">
        <v>293</v>
      </c>
      <c r="B52721" s="14" t="s">
        <v>1</v>
      </c>
      <c r="C52721" s="14" t="s">
        <v>191</v>
      </c>
      <c r="D52721" s="14" t="s">
        <v>294</v>
      </c>
      <c r="E52721" s="15">
        <v>45537</v>
      </c>
      <c r="F52721" s="14" t="s">
        <v>72</v>
      </c>
      <c r="G52721" s="16">
        <v>1.0922877274377856</v>
      </c>
    </row>
    <row r="52722" spans="1:7" x14ac:dyDescent="0.3">
      <c r="A52722" s="13" t="s">
        <v>293</v>
      </c>
      <c r="B52722" s="14" t="s">
        <v>1</v>
      </c>
      <c r="C52722" s="14" t="s">
        <v>191</v>
      </c>
      <c r="D52722" s="14" t="s">
        <v>294</v>
      </c>
      <c r="E52722" s="15">
        <v>45538</v>
      </c>
      <c r="F52722" s="14" t="s">
        <v>72</v>
      </c>
      <c r="G52722" s="16">
        <v>1.0941379203356754</v>
      </c>
    </row>
    <row r="52723" spans="1:7" x14ac:dyDescent="0.3">
      <c r="A52723" s="13" t="s">
        <v>293</v>
      </c>
      <c r="B52723" s="14" t="s">
        <v>1</v>
      </c>
      <c r="C52723" s="14" t="s">
        <v>191</v>
      </c>
      <c r="D52723" s="14" t="s">
        <v>294</v>
      </c>
      <c r="E52723" s="15">
        <v>45539</v>
      </c>
      <c r="F52723" s="14" t="s">
        <v>72</v>
      </c>
      <c r="G52723" s="16">
        <v>1.0875591154897386</v>
      </c>
    </row>
    <row r="52724" spans="1:7" x14ac:dyDescent="0.3">
      <c r="A52724" s="13" t="s">
        <v>293</v>
      </c>
      <c r="B52724" s="14" t="s">
        <v>1</v>
      </c>
      <c r="C52724" s="14" t="s">
        <v>191</v>
      </c>
      <c r="D52724" s="14" t="s">
        <v>294</v>
      </c>
      <c r="E52724" s="15">
        <v>45540</v>
      </c>
      <c r="F52724" s="14" t="s">
        <v>72</v>
      </c>
      <c r="G52724" s="16">
        <v>1.0687391330410836</v>
      </c>
    </row>
    <row r="52725" spans="1:7" x14ac:dyDescent="0.3">
      <c r="A52725" s="13" t="s">
        <v>293</v>
      </c>
      <c r="B52725" s="14" t="s">
        <v>1</v>
      </c>
      <c r="C52725" s="14" t="s">
        <v>191</v>
      </c>
      <c r="D52725" s="14" t="s">
        <v>294</v>
      </c>
      <c r="E52725" s="15">
        <v>45541</v>
      </c>
      <c r="F52725" s="14" t="s">
        <v>72</v>
      </c>
      <c r="G52725" s="16">
        <v>1.0697504358066043</v>
      </c>
    </row>
    <row r="52726" spans="1:7" x14ac:dyDescent="0.3">
      <c r="A52726" s="13" t="s">
        <v>293</v>
      </c>
      <c r="B52726" s="14" t="s">
        <v>1</v>
      </c>
      <c r="C52726" s="14" t="s">
        <v>191</v>
      </c>
      <c r="D52726" s="14" t="s">
        <v>294</v>
      </c>
      <c r="E52726" s="15">
        <v>45542</v>
      </c>
      <c r="F52726" s="14" t="s">
        <v>72</v>
      </c>
      <c r="G52726" s="16">
        <v>1.0697504358066043</v>
      </c>
    </row>
    <row r="52727" spans="1:7" x14ac:dyDescent="0.3">
      <c r="A52727" s="13" t="s">
        <v>293</v>
      </c>
      <c r="B52727" s="14" t="s">
        <v>1</v>
      </c>
      <c r="C52727" s="14" t="s">
        <v>191</v>
      </c>
      <c r="D52727" s="14" t="s">
        <v>294</v>
      </c>
      <c r="E52727" s="15">
        <v>45543</v>
      </c>
      <c r="F52727" s="14" t="s">
        <v>72</v>
      </c>
      <c r="G52727" s="16">
        <v>1.0697504358066043</v>
      </c>
    </row>
    <row r="52728" spans="1:7" x14ac:dyDescent="0.3">
      <c r="A52728" s="13" t="s">
        <v>293</v>
      </c>
      <c r="B52728" s="14" t="s">
        <v>1</v>
      </c>
      <c r="C52728" s="14" t="s">
        <v>191</v>
      </c>
      <c r="D52728" s="14" t="s">
        <v>294</v>
      </c>
      <c r="E52728" s="15">
        <v>45544</v>
      </c>
      <c r="F52728" s="14" t="s">
        <v>72</v>
      </c>
      <c r="G52728" s="16">
        <v>1.0741123722212018</v>
      </c>
    </row>
    <row r="52729" spans="1:7" x14ac:dyDescent="0.3">
      <c r="A52729" s="13" t="s">
        <v>293</v>
      </c>
      <c r="B52729" s="14" t="s">
        <v>1</v>
      </c>
      <c r="C52729" s="14" t="s">
        <v>191</v>
      </c>
      <c r="D52729" s="14" t="s">
        <v>294</v>
      </c>
      <c r="E52729" s="15">
        <v>45545</v>
      </c>
      <c r="F52729" s="14" t="s">
        <v>72</v>
      </c>
      <c r="G52729" s="16">
        <v>1.0643388720234352</v>
      </c>
    </row>
    <row r="52730" spans="1:7" x14ac:dyDescent="0.3">
      <c r="A52730" s="13" t="s">
        <v>293</v>
      </c>
      <c r="B52730" s="14" t="s">
        <v>1</v>
      </c>
      <c r="C52730" s="14" t="s">
        <v>191</v>
      </c>
      <c r="D52730" s="14" t="s">
        <v>294</v>
      </c>
      <c r="E52730" s="15">
        <v>45546</v>
      </c>
      <c r="F52730" s="14" t="s">
        <v>72</v>
      </c>
      <c r="G52730" s="16">
        <v>1.1201229296819191</v>
      </c>
    </row>
    <row r="52731" spans="1:7" x14ac:dyDescent="0.3">
      <c r="A52731" s="13" t="s">
        <v>293</v>
      </c>
      <c r="B52731" s="14" t="s">
        <v>1</v>
      </c>
      <c r="C52731" s="14" t="s">
        <v>191</v>
      </c>
      <c r="D52731" s="14" t="s">
        <v>294</v>
      </c>
      <c r="E52731" s="15">
        <v>45547</v>
      </c>
      <c r="F52731" s="14" t="s">
        <v>72</v>
      </c>
      <c r="G52731" s="16">
        <v>1.1085029354885436</v>
      </c>
    </row>
    <row r="52732" spans="1:7" x14ac:dyDescent="0.3">
      <c r="A52732" s="13" t="s">
        <v>293</v>
      </c>
      <c r="B52732" s="14" t="s">
        <v>1</v>
      </c>
      <c r="C52732" s="14" t="s">
        <v>191</v>
      </c>
      <c r="D52732" s="14" t="s">
        <v>294</v>
      </c>
      <c r="E52732" s="15">
        <v>45548</v>
      </c>
      <c r="F52732" s="14" t="s">
        <v>72</v>
      </c>
      <c r="G52732" s="16">
        <v>1.1079942710340291</v>
      </c>
    </row>
    <row r="52733" spans="1:7" x14ac:dyDescent="0.3">
      <c r="A52733" s="13" t="s">
        <v>293</v>
      </c>
      <c r="B52733" s="14" t="s">
        <v>1</v>
      </c>
      <c r="C52733" s="14" t="s">
        <v>191</v>
      </c>
      <c r="D52733" s="14" t="s">
        <v>294</v>
      </c>
      <c r="E52733" s="15">
        <v>45549</v>
      </c>
      <c r="F52733" s="14" t="s">
        <v>72</v>
      </c>
      <c r="G52733" s="16">
        <v>1.1079942710340291</v>
      </c>
    </row>
    <row r="52734" spans="1:7" x14ac:dyDescent="0.3">
      <c r="A52734" s="13" t="s">
        <v>293</v>
      </c>
      <c r="B52734" s="14" t="s">
        <v>1</v>
      </c>
      <c r="C52734" s="14" t="s">
        <v>191</v>
      </c>
      <c r="D52734" s="14" t="s">
        <v>294</v>
      </c>
      <c r="E52734" s="15">
        <v>45550</v>
      </c>
      <c r="F52734" s="14" t="s">
        <v>72</v>
      </c>
      <c r="G52734" s="16">
        <v>1.1079942710340291</v>
      </c>
    </row>
    <row r="52735" spans="1:7" x14ac:dyDescent="0.3">
      <c r="A52735" s="13" t="s">
        <v>293</v>
      </c>
      <c r="B52735" s="14" t="s">
        <v>1</v>
      </c>
      <c r="C52735" s="14" t="s">
        <v>191</v>
      </c>
      <c r="D52735" s="14" t="s">
        <v>294</v>
      </c>
      <c r="E52735" s="15">
        <v>45551</v>
      </c>
      <c r="F52735" s="14" t="s">
        <v>72</v>
      </c>
      <c r="G52735" s="16">
        <v>1.0964809503896649</v>
      </c>
    </row>
    <row r="52736" spans="1:7" x14ac:dyDescent="0.3">
      <c r="A52736" s="13" t="s">
        <v>293</v>
      </c>
      <c r="B52736" s="14" t="s">
        <v>1</v>
      </c>
      <c r="C52736" s="14" t="s">
        <v>191</v>
      </c>
      <c r="D52736" s="14" t="s">
        <v>294</v>
      </c>
      <c r="E52736" s="15">
        <v>45552</v>
      </c>
      <c r="F52736" s="14" t="s">
        <v>72</v>
      </c>
      <c r="G52736" s="16">
        <v>1.0768048908500178</v>
      </c>
    </row>
    <row r="52737" spans="1:7" x14ac:dyDescent="0.3">
      <c r="A52737" s="13" t="s">
        <v>293</v>
      </c>
      <c r="B52737" s="14" t="s">
        <v>1</v>
      </c>
      <c r="C52737" s="14" t="s">
        <v>191</v>
      </c>
      <c r="D52737" s="14" t="s">
        <v>294</v>
      </c>
      <c r="E52737" s="15">
        <v>45553</v>
      </c>
      <c r="F52737" s="14" t="s">
        <v>72</v>
      </c>
      <c r="G52737" s="16">
        <v>1.0697870395090952</v>
      </c>
    </row>
    <row r="52738" spans="1:7" x14ac:dyDescent="0.3">
      <c r="A52738" s="13" t="s">
        <v>293</v>
      </c>
      <c r="B52738" s="14" t="s">
        <v>1</v>
      </c>
      <c r="C52738" s="14" t="s">
        <v>191</v>
      </c>
      <c r="D52738" s="14" t="s">
        <v>294</v>
      </c>
      <c r="E52738" s="15">
        <v>45554</v>
      </c>
      <c r="F52738" s="14" t="s">
        <v>72</v>
      </c>
      <c r="G52738" s="16">
        <v>1.0562414813881875</v>
      </c>
    </row>
    <row r="52739" spans="1:7" x14ac:dyDescent="0.3">
      <c r="A52739" s="13" t="s">
        <v>293</v>
      </c>
      <c r="B52739" s="14" t="s">
        <v>1</v>
      </c>
      <c r="C52739" s="14" t="s">
        <v>191</v>
      </c>
      <c r="D52739" s="14" t="s">
        <v>294</v>
      </c>
      <c r="E52739" s="15">
        <v>45555</v>
      </c>
      <c r="F52739" s="14" t="s">
        <v>72</v>
      </c>
      <c r="G52739" s="16">
        <v>1.0552626266604308</v>
      </c>
    </row>
    <row r="52740" spans="1:7" x14ac:dyDescent="0.3">
      <c r="A52740" s="13" t="s">
        <v>293</v>
      </c>
      <c r="B52740" s="14" t="s">
        <v>1</v>
      </c>
      <c r="C52740" s="14" t="s">
        <v>191</v>
      </c>
      <c r="D52740" s="14" t="s">
        <v>294</v>
      </c>
      <c r="E52740" s="15">
        <v>45556</v>
      </c>
      <c r="F52740" s="14" t="s">
        <v>72</v>
      </c>
      <c r="G52740" s="16">
        <v>1.0552626266604308</v>
      </c>
    </row>
    <row r="52741" spans="1:7" x14ac:dyDescent="0.3">
      <c r="A52741" s="13" t="s">
        <v>293</v>
      </c>
      <c r="B52741" s="14" t="s">
        <v>1</v>
      </c>
      <c r="C52741" s="14" t="s">
        <v>191</v>
      </c>
      <c r="D52741" s="14" t="s">
        <v>294</v>
      </c>
      <c r="E52741" s="15">
        <v>45557</v>
      </c>
      <c r="F52741" s="14" t="s">
        <v>72</v>
      </c>
      <c r="G52741" s="16">
        <v>1.0552626266604308</v>
      </c>
    </row>
    <row r="52742" spans="1:7" x14ac:dyDescent="0.3">
      <c r="A52742" s="13" t="s">
        <v>293</v>
      </c>
      <c r="B52742" s="14" t="s">
        <v>1</v>
      </c>
      <c r="C52742" s="14" t="s">
        <v>191</v>
      </c>
      <c r="D52742" s="14" t="s">
        <v>294</v>
      </c>
      <c r="E52742" s="15">
        <v>45558</v>
      </c>
      <c r="F52742" s="14" t="s">
        <v>72</v>
      </c>
      <c r="G52742" s="16">
        <v>1.0451175142676703</v>
      </c>
    </row>
    <row r="52743" spans="1:7" x14ac:dyDescent="0.3">
      <c r="A52743" s="13" t="s">
        <v>293</v>
      </c>
      <c r="B52743" s="14" t="s">
        <v>1</v>
      </c>
      <c r="C52743" s="14" t="s">
        <v>191</v>
      </c>
      <c r="D52743" s="14" t="s">
        <v>294</v>
      </c>
      <c r="E52743" s="15">
        <v>45559</v>
      </c>
      <c r="F52743" s="14" t="s">
        <v>72</v>
      </c>
      <c r="G52743" s="16">
        <v>1.0260536187153617</v>
      </c>
    </row>
    <row r="52744" spans="1:7" x14ac:dyDescent="0.3">
      <c r="A52744" s="13" t="s">
        <v>293</v>
      </c>
      <c r="B52744" s="14" t="s">
        <v>1</v>
      </c>
      <c r="C52744" s="14" t="s">
        <v>191</v>
      </c>
      <c r="D52744" s="14" t="s">
        <v>294</v>
      </c>
      <c r="E52744" s="15">
        <v>45560</v>
      </c>
      <c r="F52744" s="14" t="s">
        <v>72</v>
      </c>
      <c r="G52744" s="16">
        <v>1.0325217079343856</v>
      </c>
    </row>
    <row r="52745" spans="1:7" x14ac:dyDescent="0.3">
      <c r="A52745" s="13" t="s">
        <v>293</v>
      </c>
      <c r="B52745" s="14" t="s">
        <v>1</v>
      </c>
      <c r="C52745" s="14" t="s">
        <v>191</v>
      </c>
      <c r="D52745" s="14" t="s">
        <v>294</v>
      </c>
      <c r="E52745" s="15">
        <v>45561</v>
      </c>
      <c r="F52745" s="14" t="s">
        <v>72</v>
      </c>
      <c r="G52745" s="16">
        <v>1.0180481470072447</v>
      </c>
    </row>
    <row r="52746" spans="1:7" x14ac:dyDescent="0.3">
      <c r="A52746" s="13" t="s">
        <v>293</v>
      </c>
      <c r="B52746" s="14" t="s">
        <v>1</v>
      </c>
      <c r="C52746" s="14" t="s">
        <v>191</v>
      </c>
      <c r="D52746" s="14" t="s">
        <v>294</v>
      </c>
      <c r="E52746" s="15">
        <v>45562</v>
      </c>
      <c r="F52746" s="14" t="s">
        <v>72</v>
      </c>
      <c r="G52746" s="16">
        <v>1.0178493259824375</v>
      </c>
    </row>
    <row r="52747" spans="1:7" x14ac:dyDescent="0.3">
      <c r="A52747" s="13" t="s">
        <v>293</v>
      </c>
      <c r="B52747" s="14" t="s">
        <v>1</v>
      </c>
      <c r="C52747" s="14" t="s">
        <v>191</v>
      </c>
      <c r="D52747" s="14" t="s">
        <v>294</v>
      </c>
      <c r="E52747" s="15">
        <v>45563</v>
      </c>
      <c r="F52747" s="14" t="s">
        <v>72</v>
      </c>
      <c r="G52747" s="16">
        <v>1.0178493259824375</v>
      </c>
    </row>
    <row r="52748" spans="1:7" x14ac:dyDescent="0.3">
      <c r="A52748" s="13" t="s">
        <v>293</v>
      </c>
      <c r="B52748" s="14" t="s">
        <v>1</v>
      </c>
      <c r="C52748" s="14" t="s">
        <v>191</v>
      </c>
      <c r="D52748" s="14" t="s">
        <v>294</v>
      </c>
      <c r="E52748" s="15">
        <v>45564</v>
      </c>
      <c r="F52748" s="14" t="s">
        <v>72</v>
      </c>
      <c r="G52748" s="16">
        <v>1.0178493259824375</v>
      </c>
    </row>
    <row r="52749" spans="1:7" x14ac:dyDescent="0.3">
      <c r="A52749" s="13" t="s">
        <v>293</v>
      </c>
      <c r="B52749" s="14" t="s">
        <v>1</v>
      </c>
      <c r="C52749" s="14" t="s">
        <v>191</v>
      </c>
      <c r="D52749" s="14" t="s">
        <v>294</v>
      </c>
      <c r="E52749" s="15">
        <v>45565</v>
      </c>
      <c r="F52749" s="14" t="s">
        <v>72</v>
      </c>
      <c r="G52749" s="16">
        <v>1.0638649920910599</v>
      </c>
    </row>
    <row r="52750" spans="1:7" x14ac:dyDescent="0.3">
      <c r="A52750" s="13" t="s">
        <v>293</v>
      </c>
      <c r="B52750" s="14" t="s">
        <v>1</v>
      </c>
      <c r="C52750" s="14" t="s">
        <v>191</v>
      </c>
      <c r="D52750" s="14" t="s">
        <v>294</v>
      </c>
      <c r="E52750" s="15">
        <v>45566</v>
      </c>
      <c r="F52750" s="14" t="s">
        <v>72</v>
      </c>
      <c r="G52750" s="16">
        <v>1.0570467074318717</v>
      </c>
    </row>
    <row r="52751" spans="1:7" x14ac:dyDescent="0.3">
      <c r="A52751" s="13" t="s">
        <v>293</v>
      </c>
      <c r="B52751" s="14" t="s">
        <v>1</v>
      </c>
      <c r="C52751" s="14" t="s">
        <v>191</v>
      </c>
      <c r="D52751" s="14" t="s">
        <v>294</v>
      </c>
      <c r="E52751" s="15">
        <v>45567</v>
      </c>
      <c r="F52751" s="14" t="s">
        <v>72</v>
      </c>
      <c r="G52751" s="16">
        <v>1.0530311315105365</v>
      </c>
    </row>
    <row r="52752" spans="1:7" x14ac:dyDescent="0.3">
      <c r="A52752" s="13" t="s">
        <v>293</v>
      </c>
      <c r="B52752" s="14" t="s">
        <v>1</v>
      </c>
      <c r="C52752" s="14" t="s">
        <v>191</v>
      </c>
      <c r="D52752" s="14" t="s">
        <v>294</v>
      </c>
      <c r="E52752" s="15">
        <v>45568</v>
      </c>
      <c r="F52752" s="14" t="s">
        <v>72</v>
      </c>
      <c r="G52752" s="16">
        <v>1.0402567110980989</v>
      </c>
    </row>
    <row r="52753" spans="1:7" x14ac:dyDescent="0.3">
      <c r="A52753" s="13" t="s">
        <v>293</v>
      </c>
      <c r="B52753" s="14" t="s">
        <v>1</v>
      </c>
      <c r="C52753" s="14" t="s">
        <v>191</v>
      </c>
      <c r="D52753" s="14" t="s">
        <v>294</v>
      </c>
      <c r="E52753" s="15">
        <v>45569</v>
      </c>
      <c r="F52753" s="14" t="s">
        <v>72</v>
      </c>
      <c r="G52753" s="16">
        <v>1.0428716127715572</v>
      </c>
    </row>
    <row r="52754" spans="1:7" x14ac:dyDescent="0.3">
      <c r="A52754" s="13" t="s">
        <v>293</v>
      </c>
      <c r="B52754" s="14" t="s">
        <v>1</v>
      </c>
      <c r="C52754" s="14" t="s">
        <v>191</v>
      </c>
      <c r="D52754" s="14" t="s">
        <v>294</v>
      </c>
      <c r="E52754" s="15">
        <v>45570</v>
      </c>
      <c r="F52754" s="14" t="s">
        <v>72</v>
      </c>
      <c r="G52754" s="16">
        <v>1.0428716127715572</v>
      </c>
    </row>
    <row r="52755" spans="1:7" x14ac:dyDescent="0.3">
      <c r="A52755" s="13" t="s">
        <v>293</v>
      </c>
      <c r="B52755" s="14" t="s">
        <v>1</v>
      </c>
      <c r="C52755" s="14" t="s">
        <v>191</v>
      </c>
      <c r="D52755" s="14" t="s">
        <v>294</v>
      </c>
      <c r="E52755" s="15">
        <v>45571</v>
      </c>
      <c r="F52755" s="14" t="s">
        <v>72</v>
      </c>
      <c r="G52755" s="16">
        <v>1.0428716127715572</v>
      </c>
    </row>
    <row r="52756" spans="1:7" x14ac:dyDescent="0.3">
      <c r="A52756" s="13" t="s">
        <v>293</v>
      </c>
      <c r="B52756" s="14" t="s">
        <v>1</v>
      </c>
      <c r="C52756" s="14" t="s">
        <v>191</v>
      </c>
      <c r="D52756" s="14" t="s">
        <v>294</v>
      </c>
      <c r="E52756" s="15">
        <v>45572</v>
      </c>
      <c r="F52756" s="14" t="s">
        <v>72</v>
      </c>
      <c r="G52756" s="16">
        <v>1.0454136047403433</v>
      </c>
    </row>
    <row r="52757" spans="1:7" x14ac:dyDescent="0.3">
      <c r="A52757" s="13" t="s">
        <v>293</v>
      </c>
      <c r="B52757" s="14" t="s">
        <v>1</v>
      </c>
      <c r="C52757" s="14" t="s">
        <v>191</v>
      </c>
      <c r="D52757" s="14" t="s">
        <v>294</v>
      </c>
      <c r="E52757" s="15">
        <v>45573</v>
      </c>
      <c r="F52757" s="14" t="s">
        <v>72</v>
      </c>
      <c r="G52757" s="16">
        <v>1.0345974629402968</v>
      </c>
    </row>
    <row r="52758" spans="1:7" x14ac:dyDescent="0.3">
      <c r="A52758" s="13" t="s">
        <v>293</v>
      </c>
      <c r="B52758" s="14" t="s">
        <v>1</v>
      </c>
      <c r="C52758" s="14" t="s">
        <v>191</v>
      </c>
      <c r="D52758" s="14" t="s">
        <v>294</v>
      </c>
      <c r="E52758" s="15">
        <v>45574</v>
      </c>
      <c r="F52758" s="14" t="s">
        <v>72</v>
      </c>
      <c r="G52758" s="16">
        <v>1.0411840584105851</v>
      </c>
    </row>
    <row r="52759" spans="1:7" x14ac:dyDescent="0.3">
      <c r="A52759" s="13" t="s">
        <v>293</v>
      </c>
      <c r="B52759" s="14" t="s">
        <v>1</v>
      </c>
      <c r="C52759" s="14" t="s">
        <v>191</v>
      </c>
      <c r="D52759" s="14" t="s">
        <v>294</v>
      </c>
      <c r="E52759" s="15">
        <v>45575</v>
      </c>
      <c r="F52759" s="14" t="s">
        <v>72</v>
      </c>
      <c r="G52759" s="16">
        <v>1.0338673448491293</v>
      </c>
    </row>
    <row r="52760" spans="1:7" x14ac:dyDescent="0.3">
      <c r="A52760" s="13" t="s">
        <v>293</v>
      </c>
      <c r="B52760" s="14" t="s">
        <v>1</v>
      </c>
      <c r="C52760" s="14" t="s">
        <v>191</v>
      </c>
      <c r="D52760" s="14" t="s">
        <v>294</v>
      </c>
      <c r="E52760" s="15">
        <v>45576</v>
      </c>
      <c r="F52760" s="14" t="s">
        <v>72</v>
      </c>
      <c r="G52760" s="16">
        <v>1.0290685582253269</v>
      </c>
    </row>
    <row r="52761" spans="1:7" x14ac:dyDescent="0.3">
      <c r="A52761" s="13" t="s">
        <v>293</v>
      </c>
      <c r="B52761" s="14" t="s">
        <v>1</v>
      </c>
      <c r="C52761" s="14" t="s">
        <v>191</v>
      </c>
      <c r="D52761" s="14" t="s">
        <v>294</v>
      </c>
      <c r="E52761" s="15">
        <v>45577</v>
      </c>
      <c r="F52761" s="14" t="s">
        <v>72</v>
      </c>
      <c r="G52761" s="16">
        <v>1.0290685582253269</v>
      </c>
    </row>
    <row r="52762" spans="1:7" x14ac:dyDescent="0.3">
      <c r="A52762" s="13" t="s">
        <v>293</v>
      </c>
      <c r="B52762" s="14" t="s">
        <v>1</v>
      </c>
      <c r="C52762" s="14" t="s">
        <v>191</v>
      </c>
      <c r="D52762" s="14" t="s">
        <v>294</v>
      </c>
      <c r="E52762" s="15">
        <v>45578</v>
      </c>
      <c r="F52762" s="14" t="s">
        <v>72</v>
      </c>
      <c r="G52762" s="16">
        <v>1.0290685582253269</v>
      </c>
    </row>
    <row r="52763" spans="1:7" x14ac:dyDescent="0.3">
      <c r="A52763" s="13" t="s">
        <v>293</v>
      </c>
      <c r="B52763" s="14" t="s">
        <v>1</v>
      </c>
      <c r="C52763" s="14" t="s">
        <v>191</v>
      </c>
      <c r="D52763" s="14" t="s">
        <v>294</v>
      </c>
      <c r="E52763" s="15">
        <v>45579</v>
      </c>
      <c r="F52763" s="14" t="s">
        <v>72</v>
      </c>
      <c r="G52763" s="16">
        <v>1.0290724354307099</v>
      </c>
    </row>
    <row r="52764" spans="1:7" x14ac:dyDescent="0.3">
      <c r="A52764" s="13" t="s">
        <v>293</v>
      </c>
      <c r="B52764" s="14" t="s">
        <v>1</v>
      </c>
      <c r="C52764" s="14" t="s">
        <v>191</v>
      </c>
      <c r="D52764" s="14" t="s">
        <v>294</v>
      </c>
      <c r="E52764" s="15">
        <v>45580</v>
      </c>
      <c r="F52764" s="14" t="s">
        <v>72</v>
      </c>
      <c r="G52764" s="16">
        <v>1.0216227818869437</v>
      </c>
    </row>
    <row r="52765" spans="1:7" x14ac:dyDescent="0.3">
      <c r="A52765" s="13" t="s">
        <v>293</v>
      </c>
      <c r="B52765" s="14" t="s">
        <v>1</v>
      </c>
      <c r="C52765" s="14" t="s">
        <v>191</v>
      </c>
      <c r="D52765" s="14" t="s">
        <v>294</v>
      </c>
      <c r="E52765" s="15">
        <v>45581</v>
      </c>
      <c r="F52765" s="14" t="s">
        <v>72</v>
      </c>
      <c r="G52765" s="16">
        <v>1.0236856040935174</v>
      </c>
    </row>
    <row r="52766" spans="1:7" x14ac:dyDescent="0.3">
      <c r="A52766" s="13" t="s">
        <v>293</v>
      </c>
      <c r="B52766" s="14" t="s">
        <v>1</v>
      </c>
      <c r="C52766" s="14" t="s">
        <v>191</v>
      </c>
      <c r="D52766" s="14" t="s">
        <v>294</v>
      </c>
      <c r="E52766" s="15">
        <v>45582</v>
      </c>
      <c r="F52766" s="14" t="s">
        <v>72</v>
      </c>
      <c r="G52766" s="16">
        <v>1.0165855165153233</v>
      </c>
    </row>
    <row r="52767" spans="1:7" x14ac:dyDescent="0.3">
      <c r="A52767" s="13" t="s">
        <v>293</v>
      </c>
      <c r="B52767" s="14" t="s">
        <v>1</v>
      </c>
      <c r="C52767" s="14" t="s">
        <v>191</v>
      </c>
      <c r="D52767" s="14" t="s">
        <v>294</v>
      </c>
      <c r="E52767" s="15">
        <v>45583</v>
      </c>
      <c r="F52767" s="14" t="s">
        <v>72</v>
      </c>
      <c r="G52767" s="16">
        <v>1.0113858760286667</v>
      </c>
    </row>
    <row r="52768" spans="1:7" x14ac:dyDescent="0.3">
      <c r="A52768" s="13" t="s">
        <v>293</v>
      </c>
      <c r="B52768" s="14" t="s">
        <v>1</v>
      </c>
      <c r="C52768" s="14" t="s">
        <v>191</v>
      </c>
      <c r="D52768" s="14" t="s">
        <v>294</v>
      </c>
      <c r="E52768" s="15">
        <v>45584</v>
      </c>
      <c r="F52768" s="14" t="s">
        <v>72</v>
      </c>
      <c r="G52768" s="16">
        <v>1.0113858760286667</v>
      </c>
    </row>
    <row r="52769" spans="1:7" x14ac:dyDescent="0.3">
      <c r="A52769" s="13" t="s">
        <v>293</v>
      </c>
      <c r="B52769" s="14" t="s">
        <v>1</v>
      </c>
      <c r="C52769" s="14" t="s">
        <v>191</v>
      </c>
      <c r="D52769" s="14" t="s">
        <v>294</v>
      </c>
      <c r="E52769" s="15">
        <v>45585</v>
      </c>
      <c r="F52769" s="14" t="s">
        <v>72</v>
      </c>
      <c r="G52769" s="16">
        <v>1.0113858760286667</v>
      </c>
    </row>
    <row r="52770" spans="1:7" x14ac:dyDescent="0.3">
      <c r="A52770" s="13" t="s">
        <v>293</v>
      </c>
      <c r="B52770" s="14" t="s">
        <v>1</v>
      </c>
      <c r="C52770" s="14" t="s">
        <v>191</v>
      </c>
      <c r="D52770" s="14" t="s">
        <v>294</v>
      </c>
      <c r="E52770" s="15">
        <v>45586</v>
      </c>
      <c r="F52770" s="14" t="s">
        <v>72</v>
      </c>
      <c r="G52770" s="16">
        <v>1.0151521505947201</v>
      </c>
    </row>
    <row r="52771" spans="1:7" x14ac:dyDescent="0.3">
      <c r="A52771" s="13" t="s">
        <v>293</v>
      </c>
      <c r="B52771" s="14" t="s">
        <v>1</v>
      </c>
      <c r="C52771" s="14" t="s">
        <v>191</v>
      </c>
      <c r="D52771" s="14" t="s">
        <v>294</v>
      </c>
      <c r="E52771" s="15">
        <v>45587</v>
      </c>
      <c r="F52771" s="14" t="s">
        <v>72</v>
      </c>
      <c r="G52771" s="16">
        <v>1.0012006336650701</v>
      </c>
    </row>
    <row r="52772" spans="1:7" x14ac:dyDescent="0.3">
      <c r="A52772" s="13" t="s">
        <v>293</v>
      </c>
      <c r="B52772" s="14" t="s">
        <v>1</v>
      </c>
      <c r="C52772" s="14" t="s">
        <v>191</v>
      </c>
      <c r="D52772" s="14" t="s">
        <v>294</v>
      </c>
      <c r="E52772" s="15">
        <v>45588</v>
      </c>
      <c r="F52772" s="14" t="s">
        <v>72</v>
      </c>
      <c r="G52772" s="16">
        <v>0.99901583788371784</v>
      </c>
    </row>
    <row r="52773" spans="1:7" x14ac:dyDescent="0.3">
      <c r="A52773" s="13" t="s">
        <v>293</v>
      </c>
      <c r="B52773" s="14" t="s">
        <v>1</v>
      </c>
      <c r="C52773" s="14" t="s">
        <v>191</v>
      </c>
      <c r="D52773" s="14" t="s">
        <v>294</v>
      </c>
      <c r="E52773" s="15">
        <v>45589</v>
      </c>
      <c r="F52773" s="14" t="s">
        <v>72</v>
      </c>
      <c r="G52773" s="16">
        <v>0.99452222037263815</v>
      </c>
    </row>
    <row r="52774" spans="1:7" x14ac:dyDescent="0.3">
      <c r="A52774" s="13" t="s">
        <v>293</v>
      </c>
      <c r="B52774" s="14" t="s">
        <v>1</v>
      </c>
      <c r="C52774" s="14" t="s">
        <v>191</v>
      </c>
      <c r="D52774" s="14" t="s">
        <v>294</v>
      </c>
      <c r="E52774" s="15">
        <v>45590</v>
      </c>
      <c r="F52774" s="14" t="s">
        <v>72</v>
      </c>
      <c r="G52774" s="16">
        <v>0.99640709486569956</v>
      </c>
    </row>
    <row r="52775" spans="1:7" x14ac:dyDescent="0.3">
      <c r="A52775" s="13" t="s">
        <v>293</v>
      </c>
      <c r="B52775" s="14" t="s">
        <v>1</v>
      </c>
      <c r="C52775" s="14" t="s">
        <v>191</v>
      </c>
      <c r="D52775" s="14" t="s">
        <v>294</v>
      </c>
      <c r="E52775" s="15">
        <v>45591</v>
      </c>
      <c r="F52775" s="14" t="s">
        <v>72</v>
      </c>
      <c r="G52775" s="16">
        <v>0.99640709486569956</v>
      </c>
    </row>
    <row r="52776" spans="1:7" x14ac:dyDescent="0.3">
      <c r="A52776" s="13" t="s">
        <v>293</v>
      </c>
      <c r="B52776" s="14" t="s">
        <v>1</v>
      </c>
      <c r="C52776" s="14" t="s">
        <v>191</v>
      </c>
      <c r="D52776" s="14" t="s">
        <v>294</v>
      </c>
      <c r="E52776" s="15">
        <v>45592</v>
      </c>
      <c r="F52776" s="14" t="s">
        <v>72</v>
      </c>
      <c r="G52776" s="16">
        <v>0.99640709486569956</v>
      </c>
    </row>
    <row r="52777" spans="1:7" x14ac:dyDescent="0.3">
      <c r="A52777" s="13" t="s">
        <v>293</v>
      </c>
      <c r="B52777" s="14" t="s">
        <v>1</v>
      </c>
      <c r="C52777" s="14" t="s">
        <v>191</v>
      </c>
      <c r="D52777" s="14" t="s">
        <v>294</v>
      </c>
      <c r="E52777" s="15">
        <v>45593</v>
      </c>
      <c r="F52777" s="14" t="s">
        <v>72</v>
      </c>
      <c r="G52777" s="16">
        <v>0.99640709486569956</v>
      </c>
    </row>
    <row r="52778" spans="1:7" x14ac:dyDescent="0.3">
      <c r="A52778" s="13" t="s">
        <v>293</v>
      </c>
      <c r="B52778" s="14" t="s">
        <v>1</v>
      </c>
      <c r="C52778" s="14" t="s">
        <v>191</v>
      </c>
      <c r="D52778" s="14" t="s">
        <v>294</v>
      </c>
      <c r="E52778" s="15">
        <v>45594</v>
      </c>
      <c r="F52778" s="14" t="s">
        <v>72</v>
      </c>
      <c r="G52778" s="16">
        <v>1.003409898329054</v>
      </c>
    </row>
    <row r="52779" spans="1:7" x14ac:dyDescent="0.3">
      <c r="A52779" s="13" t="s">
        <v>293</v>
      </c>
      <c r="B52779" s="14" t="s">
        <v>1</v>
      </c>
      <c r="C52779" s="14" t="s">
        <v>191</v>
      </c>
      <c r="D52779" s="14" t="s">
        <v>294</v>
      </c>
      <c r="E52779" s="15">
        <v>45595</v>
      </c>
      <c r="F52779" s="14" t="s">
        <v>72</v>
      </c>
      <c r="G52779" s="16">
        <v>1.01923820602005</v>
      </c>
    </row>
    <row r="52780" spans="1:7" x14ac:dyDescent="0.3">
      <c r="A52780" s="13" t="s">
        <v>293</v>
      </c>
      <c r="B52780" s="14" t="s">
        <v>1</v>
      </c>
      <c r="C52780" s="14" t="s">
        <v>191</v>
      </c>
      <c r="D52780" s="14" t="s">
        <v>294</v>
      </c>
      <c r="E52780" s="15">
        <v>45596</v>
      </c>
      <c r="F52780" s="14" t="s">
        <v>72</v>
      </c>
      <c r="G52780" s="16">
        <v>1.01923820602005</v>
      </c>
    </row>
    <row r="52781" spans="1:7" x14ac:dyDescent="0.3">
      <c r="A52781" s="13" t="s">
        <v>293</v>
      </c>
      <c r="B52781" s="14" t="s">
        <v>1</v>
      </c>
      <c r="C52781" s="14" t="s">
        <v>191</v>
      </c>
      <c r="D52781" s="14" t="s">
        <v>294</v>
      </c>
      <c r="E52781" s="15">
        <v>45597</v>
      </c>
      <c r="F52781" s="14" t="s">
        <v>72</v>
      </c>
      <c r="G52781" s="16">
        <v>1.0176683944493548</v>
      </c>
    </row>
    <row r="52782" spans="1:7" x14ac:dyDescent="0.3">
      <c r="A52782" s="13" t="s">
        <v>293</v>
      </c>
      <c r="B52782" s="14" t="s">
        <v>1</v>
      </c>
      <c r="C52782" s="14" t="s">
        <v>191</v>
      </c>
      <c r="D52782" s="14" t="s">
        <v>294</v>
      </c>
      <c r="E52782" s="15">
        <v>45598</v>
      </c>
      <c r="F52782" s="14" t="s">
        <v>72</v>
      </c>
      <c r="G52782" s="16">
        <v>1.0176683944493548</v>
      </c>
    </row>
    <row r="52783" spans="1:7" x14ac:dyDescent="0.3">
      <c r="A52783" s="13" t="s">
        <v>293</v>
      </c>
      <c r="B52783" s="14" t="s">
        <v>1</v>
      </c>
      <c r="C52783" s="14" t="s">
        <v>191</v>
      </c>
      <c r="D52783" s="14" t="s">
        <v>294</v>
      </c>
      <c r="E52783" s="15">
        <v>45599</v>
      </c>
      <c r="F52783" s="14" t="s">
        <v>72</v>
      </c>
      <c r="G52783" s="16">
        <v>1.0176683944493548</v>
      </c>
    </row>
    <row r="52784" spans="1:7" x14ac:dyDescent="0.3">
      <c r="A52784" s="13" t="s">
        <v>293</v>
      </c>
      <c r="B52784" s="14" t="s">
        <v>1</v>
      </c>
      <c r="C52784" s="14" t="s">
        <v>191</v>
      </c>
      <c r="D52784" s="14" t="s">
        <v>294</v>
      </c>
      <c r="E52784" s="15">
        <v>45600</v>
      </c>
      <c r="F52784" s="14" t="s">
        <v>72</v>
      </c>
      <c r="G52784" s="16">
        <v>1.0376899876251082</v>
      </c>
    </row>
    <row r="52785" spans="1:7" x14ac:dyDescent="0.3">
      <c r="A52785" s="13" t="s">
        <v>293</v>
      </c>
      <c r="B52785" s="14" t="s">
        <v>1</v>
      </c>
      <c r="C52785" s="14" t="s">
        <v>191</v>
      </c>
      <c r="D52785" s="14" t="s">
        <v>294</v>
      </c>
      <c r="E52785" s="15">
        <v>45601</v>
      </c>
      <c r="F52785" s="14" t="s">
        <v>72</v>
      </c>
      <c r="G52785" s="16">
        <v>1.045459318310537</v>
      </c>
    </row>
    <row r="52786" spans="1:7" x14ac:dyDescent="0.3">
      <c r="A52786" s="13" t="s">
        <v>293</v>
      </c>
      <c r="B52786" s="14" t="s">
        <v>1</v>
      </c>
      <c r="C52786" s="14" t="s">
        <v>191</v>
      </c>
      <c r="D52786" s="14" t="s">
        <v>294</v>
      </c>
      <c r="E52786" s="15">
        <v>45602</v>
      </c>
      <c r="F52786" s="14" t="s">
        <v>72</v>
      </c>
      <c r="G52786" s="16">
        <v>1.0528218070365356</v>
      </c>
    </row>
    <row r="52787" spans="1:7" x14ac:dyDescent="0.3">
      <c r="A52787" s="13" t="s">
        <v>293</v>
      </c>
      <c r="B52787" s="14" t="s">
        <v>1</v>
      </c>
      <c r="C52787" s="14" t="s">
        <v>191</v>
      </c>
      <c r="D52787" s="14" t="s">
        <v>294</v>
      </c>
      <c r="E52787" s="15">
        <v>45603</v>
      </c>
      <c r="F52787" s="14" t="s">
        <v>72</v>
      </c>
      <c r="G52787" s="16">
        <v>1.0923022965423785</v>
      </c>
    </row>
    <row r="52788" spans="1:7" x14ac:dyDescent="0.3">
      <c r="A52788" s="13" t="s">
        <v>293</v>
      </c>
      <c r="B52788" s="14" t="s">
        <v>1</v>
      </c>
      <c r="C52788" s="14" t="s">
        <v>191</v>
      </c>
      <c r="D52788" s="14" t="s">
        <v>294</v>
      </c>
      <c r="E52788" s="15">
        <v>45604</v>
      </c>
      <c r="F52788" s="14" t="s">
        <v>72</v>
      </c>
      <c r="G52788" s="16">
        <v>1.1046868861112471</v>
      </c>
    </row>
    <row r="52789" spans="1:7" x14ac:dyDescent="0.3">
      <c r="A52789" s="13" t="s">
        <v>293</v>
      </c>
      <c r="B52789" s="14" t="s">
        <v>1</v>
      </c>
      <c r="C52789" s="14" t="s">
        <v>191</v>
      </c>
      <c r="D52789" s="14" t="s">
        <v>294</v>
      </c>
      <c r="E52789" s="15">
        <v>45605</v>
      </c>
      <c r="F52789" s="14" t="s">
        <v>72</v>
      </c>
      <c r="G52789" s="16">
        <v>1.1046868861112471</v>
      </c>
    </row>
    <row r="52790" spans="1:7" x14ac:dyDescent="0.3">
      <c r="A52790" s="13" t="s">
        <v>293</v>
      </c>
      <c r="B52790" s="14" t="s">
        <v>1</v>
      </c>
      <c r="C52790" s="14" t="s">
        <v>191</v>
      </c>
      <c r="D52790" s="14" t="s">
        <v>294</v>
      </c>
      <c r="E52790" s="15">
        <v>45606</v>
      </c>
      <c r="F52790" s="14" t="s">
        <v>72</v>
      </c>
      <c r="G52790" s="16">
        <v>1.1046868861112471</v>
      </c>
    </row>
    <row r="52791" spans="1:7" x14ac:dyDescent="0.3">
      <c r="A52791" s="13" t="s">
        <v>293</v>
      </c>
      <c r="B52791" s="14" t="s">
        <v>1</v>
      </c>
      <c r="C52791" s="14" t="s">
        <v>191</v>
      </c>
      <c r="D52791" s="14" t="s">
        <v>294</v>
      </c>
      <c r="E52791" s="15">
        <v>45607</v>
      </c>
      <c r="F52791" s="14" t="s">
        <v>72</v>
      </c>
      <c r="G52791" s="16">
        <v>1.1029769053025764</v>
      </c>
    </row>
    <row r="52792" spans="1:7" x14ac:dyDescent="0.3">
      <c r="A52792" s="13" t="s">
        <v>293</v>
      </c>
      <c r="B52792" s="14" t="s">
        <v>1</v>
      </c>
      <c r="C52792" s="14" t="s">
        <v>191</v>
      </c>
      <c r="D52792" s="14" t="s">
        <v>294</v>
      </c>
      <c r="E52792" s="15">
        <v>45608</v>
      </c>
      <c r="F52792" s="14" t="s">
        <v>72</v>
      </c>
      <c r="G52792" s="16">
        <v>1.0998076276452222</v>
      </c>
    </row>
    <row r="52793" spans="1:7" x14ac:dyDescent="0.3">
      <c r="A52793" s="13" t="s">
        <v>293</v>
      </c>
      <c r="B52793" s="14" t="s">
        <v>1</v>
      </c>
      <c r="C52793" s="14" t="s">
        <v>191</v>
      </c>
      <c r="D52793" s="14" t="s">
        <v>294</v>
      </c>
      <c r="E52793" s="15">
        <v>45609</v>
      </c>
      <c r="F52793" s="14" t="s">
        <v>72</v>
      </c>
      <c r="G52793" s="16">
        <v>1.1126707711287975</v>
      </c>
    </row>
    <row r="52794" spans="1:7" x14ac:dyDescent="0.3">
      <c r="A52794" s="13" t="s">
        <v>293</v>
      </c>
      <c r="B52794" s="14" t="s">
        <v>1</v>
      </c>
      <c r="C52794" s="14" t="s">
        <v>191</v>
      </c>
      <c r="D52794" s="14" t="s">
        <v>294</v>
      </c>
      <c r="E52794" s="15">
        <v>45610</v>
      </c>
      <c r="F52794" s="14" t="s">
        <v>72</v>
      </c>
      <c r="G52794" s="16">
        <v>1.1146013649504258</v>
      </c>
    </row>
    <row r="52795" spans="1:7" x14ac:dyDescent="0.3">
      <c r="A52795" s="13" t="s">
        <v>293</v>
      </c>
      <c r="B52795" s="14" t="s">
        <v>1</v>
      </c>
      <c r="C52795" s="14" t="s">
        <v>191</v>
      </c>
      <c r="D52795" s="14" t="s">
        <v>294</v>
      </c>
      <c r="E52795" s="15">
        <v>45611</v>
      </c>
      <c r="F52795" s="14" t="s">
        <v>72</v>
      </c>
      <c r="G52795" s="16">
        <v>1.10986569810105</v>
      </c>
    </row>
    <row r="52796" spans="1:7" x14ac:dyDescent="0.3">
      <c r="A52796" s="13" t="s">
        <v>293</v>
      </c>
      <c r="B52796" s="14" t="s">
        <v>1</v>
      </c>
      <c r="C52796" s="14" t="s">
        <v>191</v>
      </c>
      <c r="D52796" s="14" t="s">
        <v>294</v>
      </c>
      <c r="E52796" s="15">
        <v>45612</v>
      </c>
      <c r="F52796" s="14" t="s">
        <v>72</v>
      </c>
      <c r="G52796" s="16">
        <v>1.10986569810105</v>
      </c>
    </row>
    <row r="52797" spans="1:7" x14ac:dyDescent="0.3">
      <c r="A52797" s="13" t="s">
        <v>293</v>
      </c>
      <c r="B52797" s="14" t="s">
        <v>1</v>
      </c>
      <c r="C52797" s="14" t="s">
        <v>191</v>
      </c>
      <c r="D52797" s="14" t="s">
        <v>294</v>
      </c>
      <c r="E52797" s="15">
        <v>45613</v>
      </c>
      <c r="F52797" s="14" t="s">
        <v>72</v>
      </c>
      <c r="G52797" s="16">
        <v>1.10986569810105</v>
      </c>
    </row>
    <row r="52798" spans="1:7" x14ac:dyDescent="0.3">
      <c r="A52798" s="13" t="s">
        <v>293</v>
      </c>
      <c r="B52798" s="14" t="s">
        <v>1</v>
      </c>
      <c r="C52798" s="14" t="s">
        <v>191</v>
      </c>
      <c r="D52798" s="14" t="s">
        <v>294</v>
      </c>
      <c r="E52798" s="15">
        <v>45614</v>
      </c>
      <c r="F52798" s="14" t="s">
        <v>72</v>
      </c>
      <c r="G52798" s="16">
        <v>1.0989002714685578</v>
      </c>
    </row>
    <row r="52799" spans="1:7" x14ac:dyDescent="0.3">
      <c r="A52799" s="13" t="s">
        <v>293</v>
      </c>
      <c r="B52799" s="14" t="s">
        <v>1</v>
      </c>
      <c r="C52799" s="14" t="s">
        <v>191</v>
      </c>
      <c r="D52799" s="14" t="s">
        <v>294</v>
      </c>
      <c r="E52799" s="15">
        <v>45615</v>
      </c>
      <c r="F52799" s="14" t="s">
        <v>72</v>
      </c>
      <c r="G52799" s="16">
        <v>1.3993415134287794</v>
      </c>
    </row>
    <row r="52800" spans="1:7" x14ac:dyDescent="0.3">
      <c r="A52800" s="13" t="s">
        <v>293</v>
      </c>
      <c r="B52800" s="14" t="s">
        <v>1</v>
      </c>
      <c r="C52800" s="14" t="s">
        <v>191</v>
      </c>
      <c r="D52800" s="14" t="s">
        <v>294</v>
      </c>
      <c r="E52800" s="15">
        <v>45616</v>
      </c>
      <c r="F52800" s="14" t="s">
        <v>72</v>
      </c>
      <c r="G52800" s="16">
        <v>1.4012612780042553</v>
      </c>
    </row>
    <row r="52801" spans="1:7" x14ac:dyDescent="0.3">
      <c r="A52801" s="13" t="s">
        <v>293</v>
      </c>
      <c r="B52801" s="14" t="s">
        <v>1</v>
      </c>
      <c r="C52801" s="14" t="s">
        <v>191</v>
      </c>
      <c r="D52801" s="14" t="s">
        <v>294</v>
      </c>
      <c r="E52801" s="15">
        <v>45617</v>
      </c>
      <c r="F52801" s="14" t="s">
        <v>72</v>
      </c>
      <c r="G52801" s="16">
        <v>1.3970336219079582</v>
      </c>
    </row>
    <row r="52802" spans="1:7" x14ac:dyDescent="0.3">
      <c r="A52802" s="13" t="s">
        <v>293</v>
      </c>
      <c r="B52802" s="14" t="s">
        <v>1</v>
      </c>
      <c r="C52802" s="14" t="s">
        <v>191</v>
      </c>
      <c r="D52802" s="14" t="s">
        <v>294</v>
      </c>
      <c r="E52802" s="15">
        <v>45618</v>
      </c>
      <c r="F52802" s="14" t="s">
        <v>72</v>
      </c>
      <c r="G52802" s="16">
        <v>1.3959144828020369</v>
      </c>
    </row>
    <row r="52803" spans="1:7" x14ac:dyDescent="0.3">
      <c r="A52803" s="13" t="s">
        <v>293</v>
      </c>
      <c r="B52803" s="14" t="s">
        <v>1</v>
      </c>
      <c r="C52803" s="14" t="s">
        <v>191</v>
      </c>
      <c r="D52803" s="14" t="s">
        <v>294</v>
      </c>
      <c r="E52803" s="15">
        <v>45619</v>
      </c>
      <c r="F52803" s="14" t="s">
        <v>72</v>
      </c>
      <c r="G52803" s="16">
        <v>1.3959144828020369</v>
      </c>
    </row>
    <row r="52804" spans="1:7" x14ac:dyDescent="0.3">
      <c r="A52804" s="13" t="s">
        <v>293</v>
      </c>
      <c r="B52804" s="14" t="s">
        <v>1</v>
      </c>
      <c r="C52804" s="14" t="s">
        <v>191</v>
      </c>
      <c r="D52804" s="14" t="s">
        <v>294</v>
      </c>
      <c r="E52804" s="15">
        <v>45620</v>
      </c>
      <c r="F52804" s="14" t="s">
        <v>72</v>
      </c>
      <c r="G52804" s="16">
        <v>1.3959144828020369</v>
      </c>
    </row>
    <row r="52805" spans="1:7" x14ac:dyDescent="0.3">
      <c r="A52805" s="13" t="s">
        <v>293</v>
      </c>
      <c r="B52805" s="14" t="s">
        <v>1</v>
      </c>
      <c r="C52805" s="14" t="s">
        <v>191</v>
      </c>
      <c r="D52805" s="14" t="s">
        <v>294</v>
      </c>
      <c r="E52805" s="15">
        <v>45621</v>
      </c>
      <c r="F52805" s="14" t="s">
        <v>72</v>
      </c>
      <c r="G52805" s="16">
        <v>1.3916972755011123</v>
      </c>
    </row>
    <row r="52806" spans="1:7" x14ac:dyDescent="0.3">
      <c r="A52806" s="13" t="s">
        <v>293</v>
      </c>
      <c r="B52806" s="14" t="s">
        <v>1</v>
      </c>
      <c r="C52806" s="14" t="s">
        <v>191</v>
      </c>
      <c r="D52806" s="14" t="s">
        <v>294</v>
      </c>
      <c r="E52806" s="15">
        <v>45622</v>
      </c>
      <c r="F52806" s="14" t="s">
        <v>72</v>
      </c>
      <c r="G52806" s="16">
        <v>1.3882616789074915</v>
      </c>
    </row>
    <row r="52807" spans="1:7" x14ac:dyDescent="0.3">
      <c r="A52807" s="13" t="s">
        <v>293</v>
      </c>
      <c r="B52807" s="14" t="s">
        <v>1</v>
      </c>
      <c r="C52807" s="14" t="s">
        <v>191</v>
      </c>
      <c r="D52807" s="14" t="s">
        <v>294</v>
      </c>
      <c r="E52807" s="15">
        <v>45623</v>
      </c>
      <c r="F52807" s="14" t="s">
        <v>72</v>
      </c>
      <c r="G52807" s="16">
        <v>1.3799763096177711</v>
      </c>
    </row>
    <row r="52808" spans="1:7" x14ac:dyDescent="0.3">
      <c r="A52808" s="13" t="s">
        <v>293</v>
      </c>
      <c r="B52808" s="14" t="s">
        <v>1</v>
      </c>
      <c r="C52808" s="14" t="s">
        <v>191</v>
      </c>
      <c r="D52808" s="14" t="s">
        <v>294</v>
      </c>
      <c r="E52808" s="15">
        <v>45624</v>
      </c>
      <c r="F52808" s="14" t="s">
        <v>72</v>
      </c>
      <c r="G52808" s="16">
        <v>1.3775116214691374</v>
      </c>
    </row>
    <row r="52809" spans="1:7" x14ac:dyDescent="0.3">
      <c r="A52809" s="13" t="s">
        <v>293</v>
      </c>
      <c r="B52809" s="14" t="s">
        <v>1</v>
      </c>
      <c r="C52809" s="14" t="s">
        <v>191</v>
      </c>
      <c r="D52809" s="14" t="s">
        <v>294</v>
      </c>
      <c r="E52809" s="15">
        <v>45625</v>
      </c>
      <c r="F52809" s="14" t="s">
        <v>72</v>
      </c>
      <c r="G52809" s="16">
        <v>1.3933683511848705</v>
      </c>
    </row>
    <row r="52810" spans="1:7" x14ac:dyDescent="0.3">
      <c r="A52810" s="13" t="s">
        <v>293</v>
      </c>
      <c r="B52810" s="14" t="s">
        <v>1</v>
      </c>
      <c r="C52810" s="14" t="s">
        <v>191</v>
      </c>
      <c r="D52810" s="14" t="s">
        <v>294</v>
      </c>
      <c r="E52810" s="15">
        <v>45626</v>
      </c>
      <c r="F52810" s="14" t="s">
        <v>72</v>
      </c>
      <c r="G52810" s="16">
        <v>1.3933683511848705</v>
      </c>
    </row>
    <row r="52811" spans="1:7" x14ac:dyDescent="0.3">
      <c r="A52811" s="13" t="s">
        <v>293</v>
      </c>
      <c r="B52811" s="14" t="s">
        <v>1</v>
      </c>
      <c r="C52811" s="14" t="s">
        <v>191</v>
      </c>
      <c r="D52811" s="14" t="s">
        <v>294</v>
      </c>
      <c r="E52811" s="15">
        <v>45627</v>
      </c>
      <c r="F52811" s="14" t="s">
        <v>72</v>
      </c>
      <c r="G52811" s="16">
        <v>1.3933683511848705</v>
      </c>
    </row>
    <row r="52812" spans="1:7" x14ac:dyDescent="0.3">
      <c r="A52812" s="13" t="s">
        <v>293</v>
      </c>
      <c r="B52812" s="14" t="s">
        <v>1</v>
      </c>
      <c r="C52812" s="14" t="s">
        <v>191</v>
      </c>
      <c r="D52812" s="14" t="s">
        <v>294</v>
      </c>
      <c r="E52812" s="15">
        <v>45628</v>
      </c>
      <c r="F52812" s="14" t="s">
        <v>72</v>
      </c>
      <c r="G52812" s="16">
        <v>1.3978664904383096</v>
      </c>
    </row>
    <row r="52813" spans="1:7" x14ac:dyDescent="0.3">
      <c r="A52813" s="13" t="s">
        <v>293</v>
      </c>
      <c r="B52813" s="14" t="s">
        <v>1</v>
      </c>
      <c r="C52813" s="14" t="s">
        <v>191</v>
      </c>
      <c r="D52813" s="14" t="s">
        <v>294</v>
      </c>
      <c r="E52813" s="15">
        <v>45629</v>
      </c>
      <c r="F52813" s="14" t="s">
        <v>72</v>
      </c>
      <c r="G52813" s="16">
        <v>1.3851574564018563</v>
      </c>
    </row>
    <row r="52814" spans="1:7" x14ac:dyDescent="0.3">
      <c r="A52814" s="13" t="s">
        <v>293</v>
      </c>
      <c r="B52814" s="14" t="s">
        <v>1</v>
      </c>
      <c r="C52814" s="14" t="s">
        <v>191</v>
      </c>
      <c r="D52814" s="14" t="s">
        <v>294</v>
      </c>
      <c r="E52814" s="15">
        <v>45630</v>
      </c>
      <c r="F52814" s="14" t="s">
        <v>72</v>
      </c>
      <c r="G52814" s="16">
        <v>1.3913329374142533</v>
      </c>
    </row>
    <row r="52815" spans="1:7" x14ac:dyDescent="0.3">
      <c r="A52815" s="13" t="s">
        <v>293</v>
      </c>
      <c r="B52815" s="14" t="s">
        <v>1</v>
      </c>
      <c r="C52815" s="14" t="s">
        <v>191</v>
      </c>
      <c r="D52815" s="14" t="s">
        <v>294</v>
      </c>
      <c r="E52815" s="15">
        <v>45631</v>
      </c>
      <c r="F52815" s="14" t="s">
        <v>72</v>
      </c>
      <c r="G52815" s="16">
        <v>1.383188722316667</v>
      </c>
    </row>
    <row r="52816" spans="1:7" x14ac:dyDescent="0.3">
      <c r="A52816" s="13" t="s">
        <v>293</v>
      </c>
      <c r="B52816" s="14" t="s">
        <v>1</v>
      </c>
      <c r="C52816" s="14" t="s">
        <v>191</v>
      </c>
      <c r="D52816" s="14" t="s">
        <v>294</v>
      </c>
      <c r="E52816" s="15">
        <v>45632</v>
      </c>
      <c r="F52816" s="14" t="s">
        <v>72</v>
      </c>
      <c r="G52816" s="16">
        <v>1.3938459848374223</v>
      </c>
    </row>
    <row r="52817" spans="1:7" x14ac:dyDescent="0.3">
      <c r="A52817" s="13" t="s">
        <v>293</v>
      </c>
      <c r="B52817" s="14" t="s">
        <v>1</v>
      </c>
      <c r="C52817" s="14" t="s">
        <v>191</v>
      </c>
      <c r="D52817" s="14" t="s">
        <v>294</v>
      </c>
      <c r="E52817" s="15">
        <v>45633</v>
      </c>
      <c r="F52817" s="14" t="s">
        <v>72</v>
      </c>
      <c r="G52817" s="16">
        <v>1.3938459848374223</v>
      </c>
    </row>
    <row r="52818" spans="1:7" x14ac:dyDescent="0.3">
      <c r="A52818" s="13" t="s">
        <v>293</v>
      </c>
      <c r="B52818" s="14" t="s">
        <v>1</v>
      </c>
      <c r="C52818" s="14" t="s">
        <v>191</v>
      </c>
      <c r="D52818" s="14" t="s">
        <v>294</v>
      </c>
      <c r="E52818" s="15">
        <v>45634</v>
      </c>
      <c r="F52818" s="14" t="s">
        <v>72</v>
      </c>
      <c r="G52818" s="16">
        <v>1.3938459848374223</v>
      </c>
    </row>
    <row r="52819" spans="1:7" x14ac:dyDescent="0.3">
      <c r="A52819" s="13" t="s">
        <v>293</v>
      </c>
      <c r="B52819" s="14" t="s">
        <v>1</v>
      </c>
      <c r="C52819" s="14" t="s">
        <v>191</v>
      </c>
      <c r="D52819" s="14" t="s">
        <v>294</v>
      </c>
      <c r="E52819" s="15">
        <v>45635</v>
      </c>
      <c r="F52819" s="14" t="s">
        <v>72</v>
      </c>
      <c r="G52819" s="16">
        <v>1.3881205849543574</v>
      </c>
    </row>
    <row r="52820" spans="1:7" x14ac:dyDescent="0.3">
      <c r="A52820" s="13" t="s">
        <v>293</v>
      </c>
      <c r="B52820" s="14" t="s">
        <v>1</v>
      </c>
      <c r="C52820" s="14" t="s">
        <v>191</v>
      </c>
      <c r="D52820" s="14" t="s">
        <v>294</v>
      </c>
      <c r="E52820" s="15">
        <v>45636</v>
      </c>
      <c r="F52820" s="14" t="s">
        <v>72</v>
      </c>
      <c r="G52820" s="16">
        <v>1.3916031518400045</v>
      </c>
    </row>
    <row r="52821" spans="1:7" x14ac:dyDescent="0.3">
      <c r="A52821" s="13" t="s">
        <v>293</v>
      </c>
      <c r="B52821" s="14" t="s">
        <v>1</v>
      </c>
      <c r="C52821" s="14" t="s">
        <v>191</v>
      </c>
      <c r="D52821" s="14" t="s">
        <v>294</v>
      </c>
      <c r="E52821" s="15">
        <v>45637</v>
      </c>
      <c r="F52821" s="14" t="s">
        <v>72</v>
      </c>
      <c r="G52821" s="16">
        <v>1.3874249023914091</v>
      </c>
    </row>
    <row r="52822" spans="1:7" x14ac:dyDescent="0.3">
      <c r="A52822" s="13" t="s">
        <v>293</v>
      </c>
      <c r="B52822" s="14" t="s">
        <v>1</v>
      </c>
      <c r="C52822" s="14" t="s">
        <v>191</v>
      </c>
      <c r="D52822" s="14" t="s">
        <v>294</v>
      </c>
      <c r="E52822" s="15">
        <v>45638</v>
      </c>
      <c r="F52822" s="14" t="s">
        <v>72</v>
      </c>
      <c r="G52822" s="16">
        <v>1.3844032630898553</v>
      </c>
    </row>
    <row r="52823" spans="1:7" x14ac:dyDescent="0.3">
      <c r="A52823" s="13" t="s">
        <v>293</v>
      </c>
      <c r="B52823" s="14" t="s">
        <v>1</v>
      </c>
      <c r="C52823" s="14" t="s">
        <v>191</v>
      </c>
      <c r="D52823" s="14" t="s">
        <v>294</v>
      </c>
      <c r="E52823" s="15">
        <v>45639</v>
      </c>
      <c r="F52823" s="14" t="s">
        <v>72</v>
      </c>
      <c r="G52823" s="16">
        <v>1.3822096148928389</v>
      </c>
    </row>
    <row r="52824" spans="1:7" x14ac:dyDescent="0.3">
      <c r="A52824" s="13" t="s">
        <v>293</v>
      </c>
      <c r="B52824" s="14" t="s">
        <v>1</v>
      </c>
      <c r="C52824" s="14" t="s">
        <v>191</v>
      </c>
      <c r="D52824" s="14" t="s">
        <v>294</v>
      </c>
      <c r="E52824" s="15">
        <v>45640</v>
      </c>
      <c r="F52824" s="14" t="s">
        <v>72</v>
      </c>
      <c r="G52824" s="16">
        <v>1.3822096148928389</v>
      </c>
    </row>
    <row r="52825" spans="1:7" x14ac:dyDescent="0.3">
      <c r="A52825" s="13" t="s">
        <v>293</v>
      </c>
      <c r="B52825" s="14" t="s">
        <v>1</v>
      </c>
      <c r="C52825" s="14" t="s">
        <v>191</v>
      </c>
      <c r="D52825" s="14" t="s">
        <v>294</v>
      </c>
      <c r="E52825" s="15">
        <v>45641</v>
      </c>
      <c r="F52825" s="14" t="s">
        <v>72</v>
      </c>
      <c r="G52825" s="16">
        <v>1.3822096148928389</v>
      </c>
    </row>
    <row r="52826" spans="1:7" x14ac:dyDescent="0.3">
      <c r="A52826" s="13" t="s">
        <v>293</v>
      </c>
      <c r="B52826" s="14" t="s">
        <v>1</v>
      </c>
      <c r="C52826" s="14" t="s">
        <v>191</v>
      </c>
      <c r="D52826" s="14" t="s">
        <v>294</v>
      </c>
      <c r="E52826" s="15">
        <v>45642</v>
      </c>
      <c r="F52826" s="14" t="s">
        <v>72</v>
      </c>
      <c r="G52826" s="16">
        <v>1.377174282721086</v>
      </c>
    </row>
    <row r="52827" spans="1:7" x14ac:dyDescent="0.3">
      <c r="A52827" s="13" t="s">
        <v>293</v>
      </c>
      <c r="B52827" s="14" t="s">
        <v>1</v>
      </c>
      <c r="C52827" s="14" t="s">
        <v>191</v>
      </c>
      <c r="D52827" s="14" t="s">
        <v>294</v>
      </c>
      <c r="E52827" s="15">
        <v>45643</v>
      </c>
      <c r="F52827" s="14" t="s">
        <v>72</v>
      </c>
      <c r="G52827" s="16">
        <v>1.3746450333492157</v>
      </c>
    </row>
    <row r="52828" spans="1:7" x14ac:dyDescent="0.3">
      <c r="A52828" s="13" t="s">
        <v>293</v>
      </c>
      <c r="B52828" s="14" t="s">
        <v>1</v>
      </c>
      <c r="C52828" s="14" t="s">
        <v>191</v>
      </c>
      <c r="D52828" s="14" t="s">
        <v>294</v>
      </c>
      <c r="E52828" s="15">
        <v>45644</v>
      </c>
      <c r="F52828" s="14" t="s">
        <v>72</v>
      </c>
      <c r="G52828" s="16">
        <v>1.3981299275260213</v>
      </c>
    </row>
    <row r="52829" spans="1:7" x14ac:dyDescent="0.3">
      <c r="A52829" s="13" t="s">
        <v>293</v>
      </c>
      <c r="B52829" s="14" t="s">
        <v>1</v>
      </c>
      <c r="C52829" s="14" t="s">
        <v>191</v>
      </c>
      <c r="D52829" s="14" t="s">
        <v>294</v>
      </c>
      <c r="E52829" s="15">
        <v>45645</v>
      </c>
      <c r="F52829" s="14" t="s">
        <v>72</v>
      </c>
      <c r="G52829" s="16">
        <v>1.3899243159892753</v>
      </c>
    </row>
    <row r="52830" spans="1:7" x14ac:dyDescent="0.3">
      <c r="A52830" s="13" t="s">
        <v>293</v>
      </c>
      <c r="B52830" s="14" t="s">
        <v>1</v>
      </c>
      <c r="C52830" s="14" t="s">
        <v>191</v>
      </c>
      <c r="D52830" s="14" t="s">
        <v>294</v>
      </c>
      <c r="E52830" s="15">
        <v>45646</v>
      </c>
      <c r="F52830" s="14" t="s">
        <v>72</v>
      </c>
      <c r="G52830" s="16">
        <v>1.3828220883617239</v>
      </c>
    </row>
    <row r="52831" spans="1:7" x14ac:dyDescent="0.3">
      <c r="A52831" s="13" t="s">
        <v>293</v>
      </c>
      <c r="B52831" s="14" t="s">
        <v>1</v>
      </c>
      <c r="C52831" s="14" t="s">
        <v>191</v>
      </c>
      <c r="D52831" s="14" t="s">
        <v>294</v>
      </c>
      <c r="E52831" s="15">
        <v>45647</v>
      </c>
      <c r="F52831" s="14" t="s">
        <v>72</v>
      </c>
      <c r="G52831" s="16">
        <v>1.3828220883617239</v>
      </c>
    </row>
    <row r="52832" spans="1:7" x14ac:dyDescent="0.3">
      <c r="A52832" s="13" t="s">
        <v>293</v>
      </c>
      <c r="B52832" s="14" t="s">
        <v>1</v>
      </c>
      <c r="C52832" s="14" t="s">
        <v>191</v>
      </c>
      <c r="D52832" s="14" t="s">
        <v>294</v>
      </c>
      <c r="E52832" s="15">
        <v>45648</v>
      </c>
      <c r="F52832" s="14" t="s">
        <v>72</v>
      </c>
      <c r="G52832" s="16">
        <v>1.3828220883617239</v>
      </c>
    </row>
    <row r="52833" spans="1:7" x14ac:dyDescent="0.3">
      <c r="A52833" s="13" t="s">
        <v>293</v>
      </c>
      <c r="B52833" s="14" t="s">
        <v>1</v>
      </c>
      <c r="C52833" s="14" t="s">
        <v>191</v>
      </c>
      <c r="D52833" s="14" t="s">
        <v>294</v>
      </c>
      <c r="E52833" s="15">
        <v>45649</v>
      </c>
      <c r="F52833" s="14" t="s">
        <v>72</v>
      </c>
      <c r="G52833" s="16">
        <v>1.3753901609568497</v>
      </c>
    </row>
    <row r="52834" spans="1:7" x14ac:dyDescent="0.3">
      <c r="A52834" s="13" t="s">
        <v>293</v>
      </c>
      <c r="B52834" s="14" t="s">
        <v>1</v>
      </c>
      <c r="C52834" s="14" t="s">
        <v>191</v>
      </c>
      <c r="D52834" s="14" t="s">
        <v>294</v>
      </c>
      <c r="E52834" s="15">
        <v>45650</v>
      </c>
      <c r="F52834" s="14" t="s">
        <v>72</v>
      </c>
      <c r="G52834" s="16">
        <v>1.3685172963536787</v>
      </c>
    </row>
    <row r="52835" spans="1:7" x14ac:dyDescent="0.3">
      <c r="A52835" s="13" t="s">
        <v>293</v>
      </c>
      <c r="B52835" s="14" t="s">
        <v>1</v>
      </c>
      <c r="C52835" s="14" t="s">
        <v>191</v>
      </c>
      <c r="D52835" s="14" t="s">
        <v>294</v>
      </c>
      <c r="E52835" s="15">
        <v>45651</v>
      </c>
      <c r="F52835" s="14" t="s">
        <v>72</v>
      </c>
      <c r="G52835" s="16">
        <v>1.3685172963536787</v>
      </c>
    </row>
    <row r="52836" spans="1:7" x14ac:dyDescent="0.3">
      <c r="A52836" s="13" t="s">
        <v>293</v>
      </c>
      <c r="B52836" s="14" t="s">
        <v>1</v>
      </c>
      <c r="C52836" s="14" t="s">
        <v>191</v>
      </c>
      <c r="D52836" s="14" t="s">
        <v>294</v>
      </c>
      <c r="E52836" s="15">
        <v>45652</v>
      </c>
      <c r="F52836" s="14" t="s">
        <v>72</v>
      </c>
      <c r="G52836" s="16">
        <v>1.3685172963536787</v>
      </c>
    </row>
    <row r="52837" spans="1:7" x14ac:dyDescent="0.3">
      <c r="A52837" s="13" t="s">
        <v>293</v>
      </c>
      <c r="B52837" s="14" t="s">
        <v>1</v>
      </c>
      <c r="C52837" s="14" t="s">
        <v>191</v>
      </c>
      <c r="D52837" s="14" t="s">
        <v>294</v>
      </c>
      <c r="E52837" s="15">
        <v>45653</v>
      </c>
      <c r="F52837" s="14" t="s">
        <v>72</v>
      </c>
      <c r="G52837" s="16">
        <v>1.3685172963536787</v>
      </c>
    </row>
    <row r="52838" spans="1:7" x14ac:dyDescent="0.3">
      <c r="A52838" s="13" t="s">
        <v>293</v>
      </c>
      <c r="B52838" s="14" t="s">
        <v>1</v>
      </c>
      <c r="C52838" s="14" t="s">
        <v>191</v>
      </c>
      <c r="D52838" s="14" t="s">
        <v>294</v>
      </c>
      <c r="E52838" s="15">
        <v>45654</v>
      </c>
      <c r="F52838" s="14" t="s">
        <v>72</v>
      </c>
      <c r="G52838" s="16">
        <v>1.3685172963536787</v>
      </c>
    </row>
    <row r="52839" spans="1:7" x14ac:dyDescent="0.3">
      <c r="A52839" s="13" t="s">
        <v>293</v>
      </c>
      <c r="B52839" s="14" t="s">
        <v>1</v>
      </c>
      <c r="C52839" s="14" t="s">
        <v>191</v>
      </c>
      <c r="D52839" s="14" t="s">
        <v>294</v>
      </c>
      <c r="E52839" s="15">
        <v>45655</v>
      </c>
      <c r="F52839" s="14" t="s">
        <v>72</v>
      </c>
      <c r="G52839" s="16">
        <v>1.3685172963536787</v>
      </c>
    </row>
    <row r="52840" spans="1:7" x14ac:dyDescent="0.3">
      <c r="A52840" s="13" t="s">
        <v>293</v>
      </c>
      <c r="B52840" s="14" t="s">
        <v>1</v>
      </c>
      <c r="C52840" s="14" t="s">
        <v>191</v>
      </c>
      <c r="D52840" s="14" t="s">
        <v>294</v>
      </c>
      <c r="E52840" s="15">
        <v>45656</v>
      </c>
      <c r="F52840" s="14" t="s">
        <v>72</v>
      </c>
      <c r="G52840" s="16">
        <v>1.3688461823668718</v>
      </c>
    </row>
    <row r="52841" spans="1:7" x14ac:dyDescent="0.3">
      <c r="A52841" s="13" t="s">
        <v>293</v>
      </c>
      <c r="B52841" s="14" t="s">
        <v>1</v>
      </c>
      <c r="C52841" s="14" t="s">
        <v>191</v>
      </c>
      <c r="D52841" s="14" t="s">
        <v>294</v>
      </c>
      <c r="E52841" s="15">
        <v>45657</v>
      </c>
      <c r="F52841" s="14" t="s">
        <v>72</v>
      </c>
      <c r="G52841" s="16">
        <v>1.6905565337610546</v>
      </c>
    </row>
    <row r="52842" spans="1:7" x14ac:dyDescent="0.3">
      <c r="A52842" s="13" t="s">
        <v>293</v>
      </c>
      <c r="B52842" s="14" t="s">
        <v>1</v>
      </c>
      <c r="C52842" s="14" t="s">
        <v>191</v>
      </c>
      <c r="D52842" s="14" t="s">
        <v>294</v>
      </c>
      <c r="E52842" s="15">
        <v>45658</v>
      </c>
      <c r="F52842" s="14" t="s">
        <v>72</v>
      </c>
      <c r="G52842" s="16">
        <v>1.6905565337610546</v>
      </c>
    </row>
    <row r="52843" spans="1:7" x14ac:dyDescent="0.3">
      <c r="A52843" s="13" t="s">
        <v>293</v>
      </c>
      <c r="B52843" s="14" t="s">
        <v>1</v>
      </c>
      <c r="C52843" s="14" t="s">
        <v>191</v>
      </c>
      <c r="D52843" s="14" t="s">
        <v>294</v>
      </c>
      <c r="E52843" s="15">
        <v>45659</v>
      </c>
      <c r="F52843" s="14" t="s">
        <v>72</v>
      </c>
      <c r="G52843" s="16">
        <v>1.6832743558808718</v>
      </c>
    </row>
    <row r="52844" spans="1:7" x14ac:dyDescent="0.3">
      <c r="A52844" s="13" t="s">
        <v>293</v>
      </c>
      <c r="B52844" s="14" t="s">
        <v>1</v>
      </c>
      <c r="C52844" s="14" t="s">
        <v>191</v>
      </c>
      <c r="D52844" s="14" t="s">
        <v>294</v>
      </c>
      <c r="E52844" s="15">
        <v>45660</v>
      </c>
      <c r="F52844" s="14" t="s">
        <v>72</v>
      </c>
      <c r="G52844" s="16">
        <v>1.6737140831388053</v>
      </c>
    </row>
    <row r="52845" spans="1:7" x14ac:dyDescent="0.3">
      <c r="A52845" s="13" t="s">
        <v>293</v>
      </c>
      <c r="B52845" s="14" t="s">
        <v>1</v>
      </c>
      <c r="C52845" s="14" t="s">
        <v>191</v>
      </c>
      <c r="D52845" s="14" t="s">
        <v>294</v>
      </c>
      <c r="E52845" s="15">
        <v>45661</v>
      </c>
      <c r="F52845" s="14" t="s">
        <v>72</v>
      </c>
      <c r="G52845" s="16">
        <v>1.6737140831388053</v>
      </c>
    </row>
    <row r="52846" spans="1:7" x14ac:dyDescent="0.3">
      <c r="A52846" s="13" t="s">
        <v>293</v>
      </c>
      <c r="B52846" s="14" t="s">
        <v>1</v>
      </c>
      <c r="C52846" s="14" t="s">
        <v>191</v>
      </c>
      <c r="D52846" s="14" t="s">
        <v>294</v>
      </c>
      <c r="E52846" s="15">
        <v>45662</v>
      </c>
      <c r="F52846" s="14" t="s">
        <v>72</v>
      </c>
      <c r="G52846" s="16">
        <v>1.6737140831388053</v>
      </c>
    </row>
    <row r="52847" spans="1:7" x14ac:dyDescent="0.3">
      <c r="A52847" s="13" t="s">
        <v>293</v>
      </c>
      <c r="B52847" s="14" t="s">
        <v>1</v>
      </c>
      <c r="C52847" s="14" t="s">
        <v>191</v>
      </c>
      <c r="D52847" s="14" t="s">
        <v>294</v>
      </c>
      <c r="E52847" s="15">
        <v>45663</v>
      </c>
      <c r="F52847" s="14" t="s">
        <v>72</v>
      </c>
      <c r="G52847" s="16">
        <v>1.6617114992805506</v>
      </c>
    </row>
    <row r="52848" spans="1:7" x14ac:dyDescent="0.3">
      <c r="A52848" s="13" t="s">
        <v>293</v>
      </c>
      <c r="B52848" s="14" t="s">
        <v>1</v>
      </c>
      <c r="C52848" s="14" t="s">
        <v>191</v>
      </c>
      <c r="D52848" s="14" t="s">
        <v>294</v>
      </c>
      <c r="E52848" s="15">
        <v>45664</v>
      </c>
      <c r="F52848" s="14" t="s">
        <v>72</v>
      </c>
      <c r="G52848" s="16">
        <v>1.6568978139166208</v>
      </c>
    </row>
    <row r="52849" spans="1:7" x14ac:dyDescent="0.3">
      <c r="A52849" s="13" t="s">
        <v>293</v>
      </c>
      <c r="B52849" s="14" t="s">
        <v>1</v>
      </c>
      <c r="C52849" s="14" t="s">
        <v>191</v>
      </c>
      <c r="D52849" s="14" t="s">
        <v>294</v>
      </c>
      <c r="E52849" s="15">
        <v>45665</v>
      </c>
      <c r="F52849" s="14" t="s">
        <v>72</v>
      </c>
      <c r="G52849" s="16">
        <v>1.6576518419750406</v>
      </c>
    </row>
    <row r="52850" spans="1:7" x14ac:dyDescent="0.3">
      <c r="A52850" s="13" t="s">
        <v>293</v>
      </c>
      <c r="B52850" s="14" t="s">
        <v>1</v>
      </c>
      <c r="C52850" s="14" t="s">
        <v>191</v>
      </c>
      <c r="D52850" s="14" t="s">
        <v>294</v>
      </c>
      <c r="E52850" s="15">
        <v>45666</v>
      </c>
      <c r="F52850" s="14" t="s">
        <v>72</v>
      </c>
      <c r="G52850" s="16">
        <v>1.6591290781494088</v>
      </c>
    </row>
    <row r="52851" spans="1:7" x14ac:dyDescent="0.3">
      <c r="A52851" s="13" t="s">
        <v>293</v>
      </c>
      <c r="B52851" s="14" t="s">
        <v>1</v>
      </c>
      <c r="C52851" s="14" t="s">
        <v>191</v>
      </c>
      <c r="D52851" s="14" t="s">
        <v>294</v>
      </c>
      <c r="E52851" s="15">
        <v>45667</v>
      </c>
      <c r="F52851" s="14" t="s">
        <v>72</v>
      </c>
      <c r="G52851" s="16">
        <v>1.6778708375842004</v>
      </c>
    </row>
    <row r="52852" spans="1:7" x14ac:dyDescent="0.3">
      <c r="A52852" s="13" t="s">
        <v>293</v>
      </c>
      <c r="B52852" s="14" t="s">
        <v>1</v>
      </c>
      <c r="C52852" s="14" t="s">
        <v>191</v>
      </c>
      <c r="D52852" s="14" t="s">
        <v>294</v>
      </c>
      <c r="E52852" s="15">
        <v>45668</v>
      </c>
      <c r="F52852" s="14" t="s">
        <v>72</v>
      </c>
      <c r="G52852" s="16">
        <v>1.6778708375842004</v>
      </c>
    </row>
    <row r="52853" spans="1:7" x14ac:dyDescent="0.3">
      <c r="A52853" s="13" t="s">
        <v>293</v>
      </c>
      <c r="B52853" s="14" t="s">
        <v>1</v>
      </c>
      <c r="C52853" s="14" t="s">
        <v>191</v>
      </c>
      <c r="D52853" s="14" t="s">
        <v>294</v>
      </c>
      <c r="E52853" s="15">
        <v>45669</v>
      </c>
      <c r="F52853" s="14" t="s">
        <v>72</v>
      </c>
      <c r="G52853" s="16">
        <v>1.6778708375842004</v>
      </c>
    </row>
    <row r="52854" spans="1:7" x14ac:dyDescent="0.3">
      <c r="A52854" s="13" t="s">
        <v>293</v>
      </c>
      <c r="B52854" s="14" t="s">
        <v>1</v>
      </c>
      <c r="C52854" s="14" t="s">
        <v>191</v>
      </c>
      <c r="D52854" s="14" t="s">
        <v>294</v>
      </c>
      <c r="E52854" s="15">
        <v>45670</v>
      </c>
      <c r="F52854" s="14" t="s">
        <v>72</v>
      </c>
      <c r="G52854" s="16">
        <v>1.6670577822542241</v>
      </c>
    </row>
    <row r="52855" spans="1:7" x14ac:dyDescent="0.3">
      <c r="A52855" s="13" t="s">
        <v>293</v>
      </c>
      <c r="B52855" s="14" t="s">
        <v>1</v>
      </c>
      <c r="C52855" s="14" t="s">
        <v>191</v>
      </c>
      <c r="D52855" s="14" t="s">
        <v>294</v>
      </c>
      <c r="E52855" s="15">
        <v>45671</v>
      </c>
      <c r="F52855" s="14" t="s">
        <v>72</v>
      </c>
      <c r="G52855" s="16">
        <v>1.6527276402548794</v>
      </c>
    </row>
    <row r="52856" spans="1:7" x14ac:dyDescent="0.3">
      <c r="A52856" s="13" t="s">
        <v>293</v>
      </c>
      <c r="B52856" s="14" t="s">
        <v>1</v>
      </c>
      <c r="C52856" s="14" t="s">
        <v>191</v>
      </c>
      <c r="D52856" s="14" t="s">
        <v>294</v>
      </c>
      <c r="E52856" s="15">
        <v>45672</v>
      </c>
      <c r="F52856" s="14" t="s">
        <v>72</v>
      </c>
      <c r="G52856" s="16">
        <v>1.6414404816035013</v>
      </c>
    </row>
    <row r="52857" spans="1:7" x14ac:dyDescent="0.3">
      <c r="A52857" s="13" t="s">
        <v>293</v>
      </c>
      <c r="B52857" s="14" t="s">
        <v>1</v>
      </c>
      <c r="C52857" s="14" t="s">
        <v>191</v>
      </c>
      <c r="D52857" s="14" t="s">
        <v>294</v>
      </c>
      <c r="E52857" s="15">
        <v>45673</v>
      </c>
      <c r="F52857" s="14" t="s">
        <v>72</v>
      </c>
      <c r="G52857" s="16">
        <v>1.6420008064165275</v>
      </c>
    </row>
    <row r="52858" spans="1:7" x14ac:dyDescent="0.3">
      <c r="A52858" s="13" t="s">
        <v>293</v>
      </c>
      <c r="B52858" s="14" t="s">
        <v>1</v>
      </c>
      <c r="C52858" s="14" t="s">
        <v>191</v>
      </c>
      <c r="D52858" s="14" t="s">
        <v>294</v>
      </c>
      <c r="E52858" s="15">
        <v>45674</v>
      </c>
      <c r="F52858" s="14" t="s">
        <v>72</v>
      </c>
      <c r="G52858" s="16">
        <v>1.6438518178601655</v>
      </c>
    </row>
    <row r="52859" spans="1:7" x14ac:dyDescent="0.3">
      <c r="A52859" s="13" t="s">
        <v>293</v>
      </c>
      <c r="B52859" s="14" t="s">
        <v>1</v>
      </c>
      <c r="C52859" s="14" t="s">
        <v>191</v>
      </c>
      <c r="D52859" s="14" t="s">
        <v>294</v>
      </c>
      <c r="E52859" s="15">
        <v>45675</v>
      </c>
      <c r="F52859" s="14" t="s">
        <v>72</v>
      </c>
      <c r="G52859" s="16">
        <v>1.6438518178601655</v>
      </c>
    </row>
    <row r="52860" spans="1:7" x14ac:dyDescent="0.3">
      <c r="A52860" s="13" t="s">
        <v>293</v>
      </c>
      <c r="B52860" s="14" t="s">
        <v>1</v>
      </c>
      <c r="C52860" s="14" t="s">
        <v>191</v>
      </c>
      <c r="D52860" s="14" t="s">
        <v>294</v>
      </c>
      <c r="E52860" s="15">
        <v>45676</v>
      </c>
      <c r="F52860" s="14" t="s">
        <v>72</v>
      </c>
      <c r="G52860" s="16">
        <v>1.6438518178601655</v>
      </c>
    </row>
    <row r="52861" spans="1:7" x14ac:dyDescent="0.3">
      <c r="A52861" s="13" t="s">
        <v>293</v>
      </c>
      <c r="B52861" s="14" t="s">
        <v>1</v>
      </c>
      <c r="C52861" s="14" t="s">
        <v>191</v>
      </c>
      <c r="D52861" s="14" t="s">
        <v>294</v>
      </c>
      <c r="E52861" s="15">
        <v>45677</v>
      </c>
      <c r="F52861" s="14" t="s">
        <v>72</v>
      </c>
      <c r="G52861" s="16">
        <v>1.6197080179950969</v>
      </c>
    </row>
    <row r="52862" spans="1:7" x14ac:dyDescent="0.3">
      <c r="A52862" s="13" t="s">
        <v>293</v>
      </c>
      <c r="B52862" s="14" t="s">
        <v>1</v>
      </c>
      <c r="C52862" s="14" t="s">
        <v>191</v>
      </c>
      <c r="D52862" s="14" t="s">
        <v>294</v>
      </c>
      <c r="E52862" s="15">
        <v>45678</v>
      </c>
      <c r="F52862" s="14" t="s">
        <v>72</v>
      </c>
      <c r="G52862" s="16">
        <v>1.6097371262171341</v>
      </c>
    </row>
    <row r="52863" spans="1:7" x14ac:dyDescent="0.3">
      <c r="A52863" s="13" t="s">
        <v>293</v>
      </c>
      <c r="B52863" s="14" t="s">
        <v>1</v>
      </c>
      <c r="C52863" s="14" t="s">
        <v>191</v>
      </c>
      <c r="D52863" s="14" t="s">
        <v>294</v>
      </c>
      <c r="E52863" s="15">
        <v>45679</v>
      </c>
      <c r="F52863" s="14" t="s">
        <v>72</v>
      </c>
      <c r="G52863" s="16">
        <v>1.6080162934692181</v>
      </c>
    </row>
    <row r="52864" spans="1:7" x14ac:dyDescent="0.3">
      <c r="A52864" s="13" t="s">
        <v>293</v>
      </c>
      <c r="B52864" s="14" t="s">
        <v>1</v>
      </c>
      <c r="C52864" s="14" t="s">
        <v>191</v>
      </c>
      <c r="D52864" s="14" t="s">
        <v>294</v>
      </c>
      <c r="E52864" s="15">
        <v>45680</v>
      </c>
      <c r="F52864" s="14" t="s">
        <v>72</v>
      </c>
      <c r="G52864" s="16">
        <v>1.6017005511109383</v>
      </c>
    </row>
    <row r="52865" spans="1:7" x14ac:dyDescent="0.3">
      <c r="A52865" s="13" t="s">
        <v>293</v>
      </c>
      <c r="B52865" s="14" t="s">
        <v>1</v>
      </c>
      <c r="C52865" s="14" t="s">
        <v>191</v>
      </c>
      <c r="D52865" s="14" t="s">
        <v>294</v>
      </c>
      <c r="E52865" s="15">
        <v>45681</v>
      </c>
      <c r="F52865" s="14" t="s">
        <v>72</v>
      </c>
      <c r="G52865" s="16">
        <v>1.5914499947188461</v>
      </c>
    </row>
    <row r="52866" spans="1:7" x14ac:dyDescent="0.3">
      <c r="A52866" s="13" t="s">
        <v>293</v>
      </c>
      <c r="B52866" s="14" t="s">
        <v>1</v>
      </c>
      <c r="C52866" s="14" t="s">
        <v>191</v>
      </c>
      <c r="D52866" s="14" t="s">
        <v>294</v>
      </c>
      <c r="E52866" s="15">
        <v>45682</v>
      </c>
      <c r="F52866" s="14" t="s">
        <v>72</v>
      </c>
      <c r="G52866" s="16">
        <v>1.5914499947188461</v>
      </c>
    </row>
    <row r="52867" spans="1:7" x14ac:dyDescent="0.3">
      <c r="A52867" s="13" t="s">
        <v>293</v>
      </c>
      <c r="B52867" s="14" t="s">
        <v>1</v>
      </c>
      <c r="C52867" s="14" t="s">
        <v>191</v>
      </c>
      <c r="D52867" s="14" t="s">
        <v>294</v>
      </c>
      <c r="E52867" s="15">
        <v>45683</v>
      </c>
      <c r="F52867" s="14" t="s">
        <v>72</v>
      </c>
      <c r="G52867" s="16">
        <v>1.5914499947188461</v>
      </c>
    </row>
    <row r="52868" spans="1:7" x14ac:dyDescent="0.3">
      <c r="A52868" s="13" t="s">
        <v>293</v>
      </c>
      <c r="B52868" s="14" t="s">
        <v>1</v>
      </c>
      <c r="C52868" s="14" t="s">
        <v>191</v>
      </c>
      <c r="D52868" s="14" t="s">
        <v>294</v>
      </c>
      <c r="E52868" s="15">
        <v>45684</v>
      </c>
      <c r="F52868" s="14" t="s">
        <v>72</v>
      </c>
      <c r="G52868" s="16">
        <v>1.5949667752844618</v>
      </c>
    </row>
    <row r="52869" spans="1:7" x14ac:dyDescent="0.3">
      <c r="A52869" s="13" t="s">
        <v>293</v>
      </c>
      <c r="B52869" s="14" t="s">
        <v>1</v>
      </c>
      <c r="C52869" s="14" t="s">
        <v>191</v>
      </c>
      <c r="D52869" s="14" t="s">
        <v>294</v>
      </c>
      <c r="E52869" s="15">
        <v>45685</v>
      </c>
      <c r="F52869" s="14" t="s">
        <v>72</v>
      </c>
      <c r="G52869" s="16">
        <v>1.5951423113797241</v>
      </c>
    </row>
    <row r="52870" spans="1:7" x14ac:dyDescent="0.3">
      <c r="A52870" s="13" t="s">
        <v>293</v>
      </c>
      <c r="B52870" s="14" t="s">
        <v>1</v>
      </c>
      <c r="C52870" s="14" t="s">
        <v>191</v>
      </c>
      <c r="D52870" s="14" t="s">
        <v>294</v>
      </c>
      <c r="E52870" s="15">
        <v>45686</v>
      </c>
      <c r="F52870" s="14" t="s">
        <v>72</v>
      </c>
      <c r="G52870" s="16">
        <v>1.5951423113797241</v>
      </c>
    </row>
    <row r="52871" spans="1:7" x14ac:dyDescent="0.3">
      <c r="A52871" s="13" t="s">
        <v>293</v>
      </c>
      <c r="B52871" s="14" t="s">
        <v>1</v>
      </c>
      <c r="C52871" s="14" t="s">
        <v>191</v>
      </c>
      <c r="D52871" s="14" t="s">
        <v>294</v>
      </c>
      <c r="E52871" s="15">
        <v>45687</v>
      </c>
      <c r="F52871" s="14" t="s">
        <v>72</v>
      </c>
      <c r="G52871" s="16">
        <v>1.5951423113797241</v>
      </c>
    </row>
    <row r="52872" spans="1:7" x14ac:dyDescent="0.3">
      <c r="A52872" s="13" t="s">
        <v>293</v>
      </c>
      <c r="B52872" s="14" t="s">
        <v>1</v>
      </c>
      <c r="C52872" s="14" t="s">
        <v>191</v>
      </c>
      <c r="D52872" s="14" t="s">
        <v>294</v>
      </c>
      <c r="E52872" s="15">
        <v>45688</v>
      </c>
      <c r="F52872" s="14" t="s">
        <v>72</v>
      </c>
      <c r="G52872" s="16">
        <v>1.6243636563774322</v>
      </c>
    </row>
    <row r="52873" spans="1:7" x14ac:dyDescent="0.3">
      <c r="A52873" s="13" t="s">
        <v>293</v>
      </c>
      <c r="B52873" s="14" t="s">
        <v>1</v>
      </c>
      <c r="C52873" s="14" t="s">
        <v>191</v>
      </c>
      <c r="D52873" s="14" t="s">
        <v>294</v>
      </c>
      <c r="E52873" s="15">
        <v>45689</v>
      </c>
      <c r="F52873" s="14" t="s">
        <v>72</v>
      </c>
      <c r="G52873" s="16">
        <v>1.6243636563774322</v>
      </c>
    </row>
    <row r="52874" spans="1:7" x14ac:dyDescent="0.3">
      <c r="A52874" s="13" t="s">
        <v>293</v>
      </c>
      <c r="B52874" s="14" t="s">
        <v>1</v>
      </c>
      <c r="C52874" s="14" t="s">
        <v>191</v>
      </c>
      <c r="D52874" s="14" t="s">
        <v>294</v>
      </c>
      <c r="E52874" s="15">
        <v>45690</v>
      </c>
      <c r="F52874" s="14" t="s">
        <v>72</v>
      </c>
      <c r="G52874" s="16">
        <v>1.6243636563774322</v>
      </c>
    </row>
    <row r="52875" spans="1:7" x14ac:dyDescent="0.3">
      <c r="A52875" s="13" t="s">
        <v>293</v>
      </c>
      <c r="B52875" s="14" t="s">
        <v>1</v>
      </c>
      <c r="C52875" s="14" t="s">
        <v>191</v>
      </c>
      <c r="D52875" s="14" t="s">
        <v>294</v>
      </c>
      <c r="E52875" s="15">
        <v>45691</v>
      </c>
      <c r="F52875" s="14" t="s">
        <v>72</v>
      </c>
      <c r="G52875" s="16">
        <v>1.6243636563774322</v>
      </c>
    </row>
    <row r="52876" spans="1:7" x14ac:dyDescent="0.3">
      <c r="A52876" s="13" t="s">
        <v>293</v>
      </c>
      <c r="B52876" s="14" t="s">
        <v>1</v>
      </c>
      <c r="C52876" s="14" t="s">
        <v>191</v>
      </c>
      <c r="D52876" s="14" t="s">
        <v>294</v>
      </c>
      <c r="E52876" s="15">
        <v>45692</v>
      </c>
      <c r="F52876" s="14" t="s">
        <v>72</v>
      </c>
      <c r="G52876" s="16">
        <v>1.6508930212129551</v>
      </c>
    </row>
    <row r="52877" spans="1:7" x14ac:dyDescent="0.3">
      <c r="A52877" s="13" t="s">
        <v>293</v>
      </c>
      <c r="B52877" s="14" t="s">
        <v>1</v>
      </c>
      <c r="C52877" s="14" t="s">
        <v>191</v>
      </c>
      <c r="D52877" s="14" t="s">
        <v>294</v>
      </c>
      <c r="E52877" s="15">
        <v>45693</v>
      </c>
      <c r="F52877" s="14" t="s">
        <v>72</v>
      </c>
      <c r="G52877" s="16">
        <v>1.6765579849260264</v>
      </c>
    </row>
    <row r="52878" spans="1:7" x14ac:dyDescent="0.3">
      <c r="A52878" s="13" t="s">
        <v>293</v>
      </c>
      <c r="B52878" s="14" t="s">
        <v>1</v>
      </c>
      <c r="C52878" s="14" t="s">
        <v>191</v>
      </c>
      <c r="D52878" s="14" t="s">
        <v>294</v>
      </c>
      <c r="E52878" s="15">
        <v>45694</v>
      </c>
      <c r="F52878" s="14" t="s">
        <v>72</v>
      </c>
      <c r="G52878" s="16">
        <v>1.7535650284668094</v>
      </c>
    </row>
    <row r="52879" spans="1:7" x14ac:dyDescent="0.3">
      <c r="A52879" s="13" t="s">
        <v>293</v>
      </c>
      <c r="B52879" s="14" t="s">
        <v>1</v>
      </c>
      <c r="C52879" s="14" t="s">
        <v>191</v>
      </c>
      <c r="D52879" s="14" t="s">
        <v>294</v>
      </c>
      <c r="E52879" s="15">
        <v>45695</v>
      </c>
      <c r="F52879" s="14" t="s">
        <v>72</v>
      </c>
      <c r="G52879" s="16">
        <v>1.753757110930565</v>
      </c>
    </row>
    <row r="52880" spans="1:7" x14ac:dyDescent="0.3">
      <c r="A52880" s="13" t="s">
        <v>293</v>
      </c>
      <c r="B52880" s="14" t="s">
        <v>1</v>
      </c>
      <c r="C52880" s="14" t="s">
        <v>191</v>
      </c>
      <c r="D52880" s="14" t="s">
        <v>294</v>
      </c>
      <c r="E52880" s="15">
        <v>45696</v>
      </c>
      <c r="F52880" s="14" t="s">
        <v>72</v>
      </c>
      <c r="G52880" s="16">
        <v>1.753757110930565</v>
      </c>
    </row>
    <row r="52881" spans="1:7" x14ac:dyDescent="0.3">
      <c r="A52881" s="13" t="s">
        <v>293</v>
      </c>
      <c r="B52881" s="14" t="s">
        <v>1</v>
      </c>
      <c r="C52881" s="14" t="s">
        <v>191</v>
      </c>
      <c r="D52881" s="14" t="s">
        <v>294</v>
      </c>
      <c r="E52881" s="15">
        <v>45697</v>
      </c>
      <c r="F52881" s="14" t="s">
        <v>72</v>
      </c>
      <c r="G52881" s="16">
        <v>1.753757110930565</v>
      </c>
    </row>
    <row r="52882" spans="1:7" x14ac:dyDescent="0.3">
      <c r="A52882" s="13" t="s">
        <v>293</v>
      </c>
      <c r="B52882" s="14" t="s">
        <v>1</v>
      </c>
      <c r="C52882" s="14" t="s">
        <v>191</v>
      </c>
      <c r="D52882" s="14" t="s">
        <v>294</v>
      </c>
      <c r="E52882" s="15">
        <v>45698</v>
      </c>
      <c r="F52882" s="14" t="s">
        <v>72</v>
      </c>
      <c r="G52882" s="16">
        <v>1.7964012964552971</v>
      </c>
    </row>
    <row r="52883" spans="1:7" x14ac:dyDescent="0.3">
      <c r="A52883" s="13" t="s">
        <v>293</v>
      </c>
      <c r="B52883" s="14" t="s">
        <v>1</v>
      </c>
      <c r="C52883" s="14" t="s">
        <v>191</v>
      </c>
      <c r="D52883" s="14" t="s">
        <v>294</v>
      </c>
      <c r="E52883" s="15">
        <v>45699</v>
      </c>
      <c r="F52883" s="14" t="s">
        <v>72</v>
      </c>
      <c r="G52883" s="16">
        <v>1.7820650670730578</v>
      </c>
    </row>
    <row r="52884" spans="1:7" x14ac:dyDescent="0.3">
      <c r="A52884" s="13" t="s">
        <v>293</v>
      </c>
      <c r="B52884" s="14" t="s">
        <v>1</v>
      </c>
      <c r="C52884" s="14" t="s">
        <v>191</v>
      </c>
      <c r="D52884" s="14" t="s">
        <v>294</v>
      </c>
      <c r="E52884" s="15">
        <v>45700</v>
      </c>
      <c r="F52884" s="14" t="s">
        <v>72</v>
      </c>
      <c r="G52884" s="16">
        <v>1.7823885466975271</v>
      </c>
    </row>
    <row r="52885" spans="1:7" x14ac:dyDescent="0.3">
      <c r="A52885" s="13" t="s">
        <v>293</v>
      </c>
      <c r="B52885" s="14" t="s">
        <v>1</v>
      </c>
      <c r="C52885" s="14" t="s">
        <v>191</v>
      </c>
      <c r="D52885" s="14" t="s">
        <v>294</v>
      </c>
      <c r="E52885" s="15">
        <v>45701</v>
      </c>
      <c r="F52885" s="14" t="s">
        <v>72</v>
      </c>
      <c r="G52885" s="16">
        <v>1.8598569493007606</v>
      </c>
    </row>
    <row r="52886" spans="1:7" x14ac:dyDescent="0.3">
      <c r="A52886" s="13" t="s">
        <v>293</v>
      </c>
      <c r="B52886" s="14" t="s">
        <v>1</v>
      </c>
      <c r="C52886" s="14" t="s">
        <v>191</v>
      </c>
      <c r="D52886" s="14" t="s">
        <v>294</v>
      </c>
      <c r="E52886" s="15">
        <v>45702</v>
      </c>
      <c r="F52886" s="14" t="s">
        <v>72</v>
      </c>
      <c r="G52886" s="16">
        <v>2.1550901792820594</v>
      </c>
    </row>
    <row r="52887" spans="1:7" x14ac:dyDescent="0.3">
      <c r="A52887" s="13" t="s">
        <v>293</v>
      </c>
      <c r="B52887" s="14" t="s">
        <v>1</v>
      </c>
      <c r="C52887" s="14" t="s">
        <v>191</v>
      </c>
      <c r="D52887" s="14" t="s">
        <v>294</v>
      </c>
      <c r="E52887" s="15">
        <v>45703</v>
      </c>
      <c r="F52887" s="14" t="s">
        <v>72</v>
      </c>
      <c r="G52887" s="16">
        <v>2.1550901792820594</v>
      </c>
    </row>
    <row r="52888" spans="1:7" x14ac:dyDescent="0.3">
      <c r="A52888" s="13" t="s">
        <v>293</v>
      </c>
      <c r="B52888" s="14" t="s">
        <v>1</v>
      </c>
      <c r="C52888" s="14" t="s">
        <v>191</v>
      </c>
      <c r="D52888" s="14" t="s">
        <v>294</v>
      </c>
      <c r="E52888" s="15">
        <v>45704</v>
      </c>
      <c r="F52888" s="14" t="s">
        <v>72</v>
      </c>
      <c r="G52888" s="16">
        <v>2.1550901792820594</v>
      </c>
    </row>
    <row r="52889" spans="1:7" x14ac:dyDescent="0.3">
      <c r="A52889" s="13" t="s">
        <v>293</v>
      </c>
      <c r="B52889" s="14" t="s">
        <v>1</v>
      </c>
      <c r="C52889" s="14" t="s">
        <v>191</v>
      </c>
      <c r="D52889" s="14" t="s">
        <v>294</v>
      </c>
      <c r="E52889" s="15">
        <v>45705</v>
      </c>
      <c r="F52889" s="14" t="s">
        <v>72</v>
      </c>
      <c r="G52889" s="16">
        <v>2.1502388782135364</v>
      </c>
    </row>
    <row r="52890" spans="1:7" x14ac:dyDescent="0.3">
      <c r="A52890" s="13" t="s">
        <v>293</v>
      </c>
      <c r="B52890" s="14" t="s">
        <v>1</v>
      </c>
      <c r="C52890" s="14" t="s">
        <v>191</v>
      </c>
      <c r="D52890" s="14" t="s">
        <v>294</v>
      </c>
      <c r="E52890" s="15">
        <v>45706</v>
      </c>
      <c r="F52890" s="14" t="s">
        <v>72</v>
      </c>
      <c r="G52890" s="16">
        <v>2.1489778493873075</v>
      </c>
    </row>
    <row r="52891" spans="1:7" x14ac:dyDescent="0.3">
      <c r="A52891" s="13" t="s">
        <v>293</v>
      </c>
      <c r="B52891" s="14" t="s">
        <v>1</v>
      </c>
      <c r="C52891" s="14" t="s">
        <v>191</v>
      </c>
      <c r="D52891" s="14" t="s">
        <v>294</v>
      </c>
      <c r="E52891" s="15">
        <v>45707</v>
      </c>
      <c r="F52891" s="14" t="s">
        <v>72</v>
      </c>
      <c r="G52891" s="16">
        <v>2.1485985255123001</v>
      </c>
    </row>
    <row r="52892" spans="1:7" x14ac:dyDescent="0.3">
      <c r="A52892" s="13" t="s">
        <v>293</v>
      </c>
      <c r="B52892" s="14" t="s">
        <v>1</v>
      </c>
      <c r="C52892" s="14" t="s">
        <v>191</v>
      </c>
      <c r="D52892" s="14" t="s">
        <v>294</v>
      </c>
      <c r="E52892" s="15">
        <v>45708</v>
      </c>
      <c r="F52892" s="14" t="s">
        <v>72</v>
      </c>
      <c r="G52892" s="16">
        <v>2.1264467874898223</v>
      </c>
    </row>
    <row r="52893" spans="1:7" x14ac:dyDescent="0.3">
      <c r="A52893" s="13" t="s">
        <v>293</v>
      </c>
      <c r="B52893" s="14" t="s">
        <v>1</v>
      </c>
      <c r="C52893" s="14" t="s">
        <v>191</v>
      </c>
      <c r="D52893" s="14" t="s">
        <v>294</v>
      </c>
      <c r="E52893" s="15">
        <v>45709</v>
      </c>
      <c r="F52893" s="14" t="s">
        <v>72</v>
      </c>
      <c r="G52893" s="16">
        <v>2.1368676156014064</v>
      </c>
    </row>
    <row r="52894" spans="1:7" x14ac:dyDescent="0.3">
      <c r="A52894" s="13" t="s">
        <v>293</v>
      </c>
      <c r="B52894" s="14" t="s">
        <v>1</v>
      </c>
      <c r="C52894" s="14" t="s">
        <v>191</v>
      </c>
      <c r="D52894" s="14" t="s">
        <v>294</v>
      </c>
      <c r="E52894" s="15">
        <v>45710</v>
      </c>
      <c r="F52894" s="14" t="s">
        <v>72</v>
      </c>
      <c r="G52894" s="16">
        <v>2.1368676156014064</v>
      </c>
    </row>
    <row r="52895" spans="1:7" x14ac:dyDescent="0.3">
      <c r="A52895" s="13" t="s">
        <v>293</v>
      </c>
      <c r="B52895" s="14" t="s">
        <v>1</v>
      </c>
      <c r="C52895" s="14" t="s">
        <v>191</v>
      </c>
      <c r="D52895" s="14" t="s">
        <v>294</v>
      </c>
      <c r="E52895" s="15">
        <v>45711</v>
      </c>
      <c r="F52895" s="14" t="s">
        <v>72</v>
      </c>
      <c r="G52895" s="16">
        <v>2.1368676156014064</v>
      </c>
    </row>
    <row r="52896" spans="1:7" x14ac:dyDescent="0.3">
      <c r="A52896" s="13" t="s">
        <v>293</v>
      </c>
      <c r="B52896" s="14" t="s">
        <v>1</v>
      </c>
      <c r="C52896" s="14" t="s">
        <v>191</v>
      </c>
      <c r="D52896" s="14" t="s">
        <v>294</v>
      </c>
      <c r="E52896" s="15">
        <v>45712</v>
      </c>
      <c r="F52896" s="14" t="s">
        <v>72</v>
      </c>
      <c r="G52896" s="16">
        <v>2.1365149826306102</v>
      </c>
    </row>
    <row r="52897" spans="1:7" x14ac:dyDescent="0.3">
      <c r="A52897" s="13" t="s">
        <v>293</v>
      </c>
      <c r="B52897" s="14" t="s">
        <v>1</v>
      </c>
      <c r="C52897" s="14" t="s">
        <v>191</v>
      </c>
      <c r="D52897" s="14" t="s">
        <v>294</v>
      </c>
      <c r="E52897" s="15">
        <v>45713</v>
      </c>
      <c r="F52897" s="14" t="s">
        <v>72</v>
      </c>
      <c r="G52897" s="16">
        <v>2.2204781220075809</v>
      </c>
    </row>
    <row r="52898" spans="1:7" x14ac:dyDescent="0.3">
      <c r="A52898" s="13" t="s">
        <v>293</v>
      </c>
      <c r="B52898" s="14" t="s">
        <v>1</v>
      </c>
      <c r="C52898" s="14" t="s">
        <v>191</v>
      </c>
      <c r="D52898" s="14" t="s">
        <v>294</v>
      </c>
      <c r="E52898" s="15">
        <v>45714</v>
      </c>
      <c r="F52898" s="14" t="s">
        <v>72</v>
      </c>
      <c r="G52898" s="16">
        <v>2.2307986609353145</v>
      </c>
    </row>
    <row r="52899" spans="1:7" x14ac:dyDescent="0.3">
      <c r="A52899" s="13" t="s">
        <v>293</v>
      </c>
      <c r="B52899" s="14" t="s">
        <v>1</v>
      </c>
      <c r="C52899" s="14" t="s">
        <v>191</v>
      </c>
      <c r="D52899" s="14" t="s">
        <v>294</v>
      </c>
      <c r="E52899" s="15">
        <v>45715</v>
      </c>
      <c r="F52899" s="14" t="s">
        <v>72</v>
      </c>
      <c r="G52899" s="16">
        <v>2.2564672579136751</v>
      </c>
    </row>
    <row r="52900" spans="1:7" x14ac:dyDescent="0.3">
      <c r="A52900" s="13" t="s">
        <v>293</v>
      </c>
      <c r="B52900" s="14" t="s">
        <v>1</v>
      </c>
      <c r="C52900" s="14" t="s">
        <v>191</v>
      </c>
      <c r="D52900" s="14" t="s">
        <v>294</v>
      </c>
      <c r="E52900" s="15">
        <v>45716</v>
      </c>
      <c r="F52900" s="14" t="s">
        <v>72</v>
      </c>
      <c r="G52900" s="16">
        <v>2.409272930256269</v>
      </c>
    </row>
    <row r="52901" spans="1:7" x14ac:dyDescent="0.3">
      <c r="A52901" s="13" t="s">
        <v>293</v>
      </c>
      <c r="B52901" s="14" t="s">
        <v>1</v>
      </c>
      <c r="C52901" s="14" t="s">
        <v>191</v>
      </c>
      <c r="D52901" s="14" t="s">
        <v>294</v>
      </c>
      <c r="E52901" s="15">
        <v>45717</v>
      </c>
      <c r="F52901" s="14" t="s">
        <v>72</v>
      </c>
      <c r="G52901" s="16">
        <v>2.409272930256269</v>
      </c>
    </row>
    <row r="52902" spans="1:7" x14ac:dyDescent="0.3">
      <c r="A52902" s="13" t="s">
        <v>293</v>
      </c>
      <c r="B52902" s="14" t="s">
        <v>1</v>
      </c>
      <c r="C52902" s="14" t="s">
        <v>191</v>
      </c>
      <c r="D52902" s="14" t="s">
        <v>294</v>
      </c>
      <c r="E52902" s="15">
        <v>45718</v>
      </c>
      <c r="F52902" s="14" t="s">
        <v>72</v>
      </c>
      <c r="G52902" s="16">
        <v>2.409272930256269</v>
      </c>
    </row>
    <row r="52903" spans="1:7" x14ac:dyDescent="0.3">
      <c r="A52903" s="13" t="s">
        <v>293</v>
      </c>
      <c r="B52903" s="14" t="s">
        <v>1</v>
      </c>
      <c r="C52903" s="14" t="s">
        <v>191</v>
      </c>
      <c r="D52903" s="14" t="s">
        <v>294</v>
      </c>
      <c r="E52903" s="15">
        <v>45719</v>
      </c>
      <c r="F52903" s="14" t="s">
        <v>72</v>
      </c>
      <c r="G52903" s="16">
        <v>2.3998045718356718</v>
      </c>
    </row>
    <row r="52904" spans="1:7" x14ac:dyDescent="0.3">
      <c r="A52904" s="13" t="s">
        <v>293</v>
      </c>
      <c r="B52904" s="14" t="s">
        <v>1</v>
      </c>
      <c r="C52904" s="14" t="s">
        <v>191</v>
      </c>
      <c r="D52904" s="14" t="s">
        <v>294</v>
      </c>
      <c r="E52904" s="15">
        <v>45720</v>
      </c>
      <c r="F52904" s="14" t="s">
        <v>72</v>
      </c>
      <c r="G52904" s="16">
        <v>2.3647167401637814</v>
      </c>
    </row>
    <row r="52905" spans="1:7" x14ac:dyDescent="0.3">
      <c r="A52905" s="13" t="s">
        <v>293</v>
      </c>
      <c r="B52905" s="14" t="s">
        <v>1</v>
      </c>
      <c r="C52905" s="14" t="s">
        <v>191</v>
      </c>
      <c r="D52905" s="14" t="s">
        <v>294</v>
      </c>
      <c r="E52905" s="15">
        <v>45721</v>
      </c>
      <c r="F52905" s="14" t="s">
        <v>72</v>
      </c>
      <c r="G52905" s="16">
        <v>2.3451920979236838</v>
      </c>
    </row>
    <row r="52906" spans="1:7" x14ac:dyDescent="0.3">
      <c r="A52906" s="13" t="s">
        <v>293</v>
      </c>
      <c r="B52906" s="14" t="s">
        <v>1</v>
      </c>
      <c r="C52906" s="14" t="s">
        <v>191</v>
      </c>
      <c r="D52906" s="14" t="s">
        <v>294</v>
      </c>
      <c r="E52906" s="15">
        <v>45722</v>
      </c>
      <c r="F52906" s="14" t="s">
        <v>72</v>
      </c>
      <c r="G52906" s="16">
        <v>2.3578976673674203</v>
      </c>
    </row>
    <row r="52907" spans="1:7" x14ac:dyDescent="0.3">
      <c r="A52907" s="13" t="s">
        <v>293</v>
      </c>
      <c r="B52907" s="14" t="s">
        <v>1</v>
      </c>
      <c r="C52907" s="14" t="s">
        <v>191</v>
      </c>
      <c r="D52907" s="14" t="s">
        <v>294</v>
      </c>
      <c r="E52907" s="15">
        <v>45723</v>
      </c>
      <c r="F52907" s="14" t="s">
        <v>72</v>
      </c>
      <c r="G52907" s="16">
        <v>2.4058031111942753</v>
      </c>
    </row>
    <row r="52908" spans="1:7" x14ac:dyDescent="0.3">
      <c r="A52908" s="13" t="s">
        <v>293</v>
      </c>
      <c r="B52908" s="14" t="s">
        <v>1</v>
      </c>
      <c r="C52908" s="14" t="s">
        <v>191</v>
      </c>
      <c r="D52908" s="14" t="s">
        <v>294</v>
      </c>
      <c r="E52908" s="15">
        <v>45724</v>
      </c>
      <c r="F52908" s="14" t="s">
        <v>72</v>
      </c>
      <c r="G52908" s="16">
        <v>2.4058031111942753</v>
      </c>
    </row>
    <row r="52909" spans="1:7" x14ac:dyDescent="0.3">
      <c r="A52909" s="13" t="s">
        <v>293</v>
      </c>
      <c r="B52909" s="14" t="s">
        <v>1</v>
      </c>
      <c r="C52909" s="14" t="s">
        <v>191</v>
      </c>
      <c r="D52909" s="14" t="s">
        <v>294</v>
      </c>
      <c r="E52909" s="15">
        <v>45725</v>
      </c>
      <c r="F52909" s="14" t="s">
        <v>72</v>
      </c>
      <c r="G52909" s="16">
        <v>2.4058031111942753</v>
      </c>
    </row>
    <row r="52910" spans="1:7" x14ac:dyDescent="0.3">
      <c r="A52910" s="13" t="s">
        <v>293</v>
      </c>
      <c r="B52910" s="14" t="s">
        <v>1</v>
      </c>
      <c r="C52910" s="14" t="s">
        <v>191</v>
      </c>
      <c r="D52910" s="14" t="s">
        <v>294</v>
      </c>
      <c r="E52910" s="15">
        <v>45726</v>
      </c>
      <c r="F52910" s="14" t="s">
        <v>72</v>
      </c>
      <c r="G52910" s="16">
        <v>2.4198410483352131</v>
      </c>
    </row>
    <row r="52911" spans="1:7" x14ac:dyDescent="0.3">
      <c r="A52911" s="13" t="s">
        <v>293</v>
      </c>
      <c r="B52911" s="14" t="s">
        <v>1</v>
      </c>
      <c r="C52911" s="14" t="s">
        <v>191</v>
      </c>
      <c r="D52911" s="14" t="s">
        <v>294</v>
      </c>
      <c r="E52911" s="15">
        <v>45727</v>
      </c>
      <c r="F52911" s="14" t="s">
        <v>72</v>
      </c>
      <c r="G52911" s="16">
        <v>2.3822653886245488</v>
      </c>
    </row>
    <row r="52912" spans="1:7" x14ac:dyDescent="0.3">
      <c r="A52912" s="13" t="s">
        <v>293</v>
      </c>
      <c r="B52912" s="14" t="s">
        <v>1</v>
      </c>
      <c r="C52912" s="14" t="s">
        <v>191</v>
      </c>
      <c r="D52912" s="14" t="s">
        <v>294</v>
      </c>
      <c r="E52912" s="15">
        <v>45728</v>
      </c>
      <c r="F52912" s="14" t="s">
        <v>72</v>
      </c>
      <c r="G52912" s="16">
        <v>2.3677692463800293</v>
      </c>
    </row>
    <row r="52913" spans="1:7" x14ac:dyDescent="0.3">
      <c r="A52913" s="13" t="s">
        <v>293</v>
      </c>
      <c r="B52913" s="14" t="s">
        <v>1</v>
      </c>
      <c r="C52913" s="14" t="s">
        <v>191</v>
      </c>
      <c r="D52913" s="14" t="s">
        <v>294</v>
      </c>
      <c r="E52913" s="15">
        <v>45729</v>
      </c>
      <c r="F52913" s="14" t="s">
        <v>72</v>
      </c>
      <c r="G52913" s="16">
        <v>2.3784097501024797</v>
      </c>
    </row>
    <row r="52914" spans="1:7" x14ac:dyDescent="0.3">
      <c r="A52914" s="13" t="s">
        <v>293</v>
      </c>
      <c r="B52914" s="14" t="s">
        <v>1</v>
      </c>
      <c r="C52914" s="14" t="s">
        <v>191</v>
      </c>
      <c r="D52914" s="14" t="s">
        <v>294</v>
      </c>
      <c r="E52914" s="15">
        <v>45730</v>
      </c>
      <c r="F52914" s="14" t="s">
        <v>72</v>
      </c>
      <c r="G52914" s="16">
        <v>2.345535192939153</v>
      </c>
    </row>
    <row r="52915" spans="1:7" x14ac:dyDescent="0.3">
      <c r="A52915" s="13" t="s">
        <v>293</v>
      </c>
      <c r="B52915" s="14" t="s">
        <v>1</v>
      </c>
      <c r="C52915" s="14" t="s">
        <v>191</v>
      </c>
      <c r="D52915" s="14" t="s">
        <v>294</v>
      </c>
      <c r="E52915" s="15">
        <v>45731</v>
      </c>
      <c r="F52915" s="14" t="s">
        <v>72</v>
      </c>
      <c r="G52915" s="16">
        <v>2.345535192939153</v>
      </c>
    </row>
    <row r="52916" spans="1:7" x14ac:dyDescent="0.3">
      <c r="A52916" s="13" t="s">
        <v>293</v>
      </c>
      <c r="B52916" s="14" t="s">
        <v>1</v>
      </c>
      <c r="C52916" s="14" t="s">
        <v>191</v>
      </c>
      <c r="D52916" s="14" t="s">
        <v>294</v>
      </c>
      <c r="E52916" s="15">
        <v>45732</v>
      </c>
      <c r="F52916" s="14" t="s">
        <v>72</v>
      </c>
      <c r="G52916" s="16">
        <v>2.345535192939153</v>
      </c>
    </row>
    <row r="52917" spans="1:7" x14ac:dyDescent="0.3">
      <c r="A52917" s="13" t="s">
        <v>293</v>
      </c>
      <c r="B52917" s="14" t="s">
        <v>1</v>
      </c>
      <c r="C52917" s="14" t="s">
        <v>191</v>
      </c>
      <c r="D52917" s="14" t="s">
        <v>294</v>
      </c>
      <c r="E52917" s="15">
        <v>45733</v>
      </c>
      <c r="F52917" s="14" t="s">
        <v>72</v>
      </c>
      <c r="G52917" s="16">
        <v>2.345535192939153</v>
      </c>
    </row>
    <row r="52918" spans="1:7" x14ac:dyDescent="0.3">
      <c r="A52918" s="13" t="s">
        <v>293</v>
      </c>
      <c r="B52918" s="14" t="s">
        <v>1</v>
      </c>
      <c r="C52918" s="14" t="s">
        <v>191</v>
      </c>
      <c r="D52918" s="14" t="s">
        <v>294</v>
      </c>
      <c r="E52918" s="15">
        <v>45734</v>
      </c>
      <c r="F52918" s="14" t="s">
        <v>72</v>
      </c>
      <c r="G52918" s="16">
        <v>2.3281905784979067</v>
      </c>
    </row>
    <row r="52919" spans="1:7" x14ac:dyDescent="0.3">
      <c r="A52919" s="13" t="s">
        <v>293</v>
      </c>
      <c r="B52919" s="14" t="s">
        <v>1</v>
      </c>
      <c r="C52919" s="14" t="s">
        <v>191</v>
      </c>
      <c r="D52919" s="14" t="s">
        <v>294</v>
      </c>
      <c r="E52919" s="15">
        <v>45735</v>
      </c>
      <c r="F52919" s="14" t="s">
        <v>72</v>
      </c>
      <c r="G52919" s="16">
        <v>2.3128924106407442</v>
      </c>
    </row>
    <row r="52920" spans="1:7" x14ac:dyDescent="0.3">
      <c r="A52920" s="13" t="s">
        <v>293</v>
      </c>
      <c r="B52920" s="14" t="s">
        <v>1</v>
      </c>
      <c r="C52920" s="14" t="s">
        <v>191</v>
      </c>
      <c r="D52920" s="14" t="s">
        <v>294</v>
      </c>
      <c r="E52920" s="15">
        <v>45736</v>
      </c>
      <c r="F52920" s="14" t="s">
        <v>72</v>
      </c>
      <c r="G52920" s="16">
        <v>2.3210012229124457</v>
      </c>
    </row>
    <row r="52921" spans="1:7" x14ac:dyDescent="0.3">
      <c r="A52921" s="13" t="s">
        <v>293</v>
      </c>
      <c r="B52921" s="14" t="s">
        <v>1</v>
      </c>
      <c r="C52921" s="14" t="s">
        <v>191</v>
      </c>
      <c r="D52921" s="14" t="s">
        <v>294</v>
      </c>
      <c r="E52921" s="15">
        <v>45737</v>
      </c>
      <c r="F52921" s="14" t="s">
        <v>72</v>
      </c>
      <c r="G52921" s="16">
        <v>2.329527031711951</v>
      </c>
    </row>
    <row r="52922" spans="1:7" x14ac:dyDescent="0.3">
      <c r="A52922" s="13" t="s">
        <v>293</v>
      </c>
      <c r="B52922" s="14" t="s">
        <v>1</v>
      </c>
      <c r="C52922" s="14" t="s">
        <v>191</v>
      </c>
      <c r="D52922" s="14" t="s">
        <v>294</v>
      </c>
      <c r="E52922" s="15">
        <v>45738</v>
      </c>
      <c r="F52922" s="14" t="s">
        <v>72</v>
      </c>
      <c r="G52922" s="16">
        <v>2.329527031711951</v>
      </c>
    </row>
    <row r="52923" spans="1:7" x14ac:dyDescent="0.3">
      <c r="A52923" s="13" t="s">
        <v>293</v>
      </c>
      <c r="B52923" s="14" t="s">
        <v>1</v>
      </c>
      <c r="C52923" s="14" t="s">
        <v>191</v>
      </c>
      <c r="D52923" s="14" t="s">
        <v>294</v>
      </c>
      <c r="E52923" s="15">
        <v>45739</v>
      </c>
      <c r="F52923" s="14" t="s">
        <v>72</v>
      </c>
      <c r="G52923" s="16">
        <v>2.329527031711951</v>
      </c>
    </row>
    <row r="52924" spans="1:7" x14ac:dyDescent="0.3">
      <c r="A52924" s="13" t="s">
        <v>293</v>
      </c>
      <c r="B52924" s="14" t="s">
        <v>1</v>
      </c>
      <c r="C52924" s="14" t="s">
        <v>191</v>
      </c>
      <c r="D52924" s="14" t="s">
        <v>294</v>
      </c>
      <c r="E52924" s="15">
        <v>45740</v>
      </c>
      <c r="F52924" s="14" t="s">
        <v>72</v>
      </c>
      <c r="G52924" s="16">
        <v>2.3213740223194765</v>
      </c>
    </row>
    <row r="52925" spans="1:7" x14ac:dyDescent="0.3">
      <c r="A52925" s="13" t="s">
        <v>293</v>
      </c>
      <c r="B52925" s="14" t="s">
        <v>1</v>
      </c>
      <c r="C52925" s="14" t="s">
        <v>191</v>
      </c>
      <c r="D52925" s="14" t="s">
        <v>294</v>
      </c>
      <c r="E52925" s="15">
        <v>45741</v>
      </c>
      <c r="F52925" s="14" t="s">
        <v>72</v>
      </c>
      <c r="G52925" s="16">
        <v>2.3040816089083327</v>
      </c>
    </row>
    <row r="52926" spans="1:7" x14ac:dyDescent="0.3">
      <c r="A52926" s="13" t="s">
        <v>293</v>
      </c>
      <c r="B52926" s="14" t="s">
        <v>1</v>
      </c>
      <c r="C52926" s="14" t="s">
        <v>191</v>
      </c>
      <c r="D52926" s="14" t="s">
        <v>294</v>
      </c>
      <c r="E52926" s="15">
        <v>45742</v>
      </c>
      <c r="F52926" s="14" t="s">
        <v>72</v>
      </c>
      <c r="G52926" s="16">
        <v>2.2933230951359231</v>
      </c>
    </row>
    <row r="52927" spans="1:7" x14ac:dyDescent="0.3">
      <c r="A52927" s="13" t="s">
        <v>293</v>
      </c>
      <c r="B52927" s="14" t="s">
        <v>1</v>
      </c>
      <c r="C52927" s="14" t="s">
        <v>191</v>
      </c>
      <c r="D52927" s="14" t="s">
        <v>294</v>
      </c>
      <c r="E52927" s="15">
        <v>45743</v>
      </c>
      <c r="F52927" s="14" t="s">
        <v>72</v>
      </c>
      <c r="G52927" s="16">
        <v>2.2888173624364372</v>
      </c>
    </row>
    <row r="52928" spans="1:7" x14ac:dyDescent="0.3">
      <c r="A52928" s="13" t="s">
        <v>293</v>
      </c>
      <c r="B52928" s="14" t="s">
        <v>1</v>
      </c>
      <c r="C52928" s="14" t="s">
        <v>191</v>
      </c>
      <c r="D52928" s="14" t="s">
        <v>294</v>
      </c>
      <c r="E52928" s="15">
        <v>45744</v>
      </c>
      <c r="F52928" s="14" t="s">
        <v>72</v>
      </c>
      <c r="G52928" s="16">
        <v>2.2919163924898331</v>
      </c>
    </row>
    <row r="52929" spans="1:7" x14ac:dyDescent="0.3">
      <c r="A52929" s="13" t="s">
        <v>293</v>
      </c>
      <c r="B52929" s="14" t="s">
        <v>1</v>
      </c>
      <c r="C52929" s="14" t="s">
        <v>191</v>
      </c>
      <c r="D52929" s="14" t="s">
        <v>294</v>
      </c>
      <c r="E52929" s="15">
        <v>45745</v>
      </c>
      <c r="F52929" s="14" t="s">
        <v>72</v>
      </c>
      <c r="G52929" s="16">
        <v>2.2919163924898331</v>
      </c>
    </row>
    <row r="52930" spans="1:7" x14ac:dyDescent="0.3">
      <c r="A52930" s="13" t="s">
        <v>293</v>
      </c>
      <c r="B52930" s="14" t="s">
        <v>1</v>
      </c>
      <c r="C52930" s="14" t="s">
        <v>191</v>
      </c>
      <c r="D52930" s="14" t="s">
        <v>294</v>
      </c>
      <c r="E52930" s="15">
        <v>45746</v>
      </c>
      <c r="F52930" s="14" t="s">
        <v>72</v>
      </c>
      <c r="G52930" s="16">
        <v>2.2919163924898331</v>
      </c>
    </row>
    <row r="52931" spans="1:7" x14ac:dyDescent="0.3">
      <c r="A52931" s="13" t="s">
        <v>293</v>
      </c>
      <c r="B52931" s="14" t="s">
        <v>1</v>
      </c>
      <c r="C52931" s="14" t="s">
        <v>191</v>
      </c>
      <c r="D52931" s="14" t="s">
        <v>294</v>
      </c>
      <c r="E52931" s="15">
        <v>45747</v>
      </c>
      <c r="F52931" s="14" t="s">
        <v>72</v>
      </c>
      <c r="G52931" s="16">
        <v>2.2919163924898331</v>
      </c>
    </row>
    <row r="52932" spans="1:7" x14ac:dyDescent="0.3">
      <c r="A52932" s="13" t="s">
        <v>295</v>
      </c>
      <c r="B52932" s="14" t="s">
        <v>1</v>
      </c>
      <c r="C52932" s="14" t="s">
        <v>38</v>
      </c>
      <c r="D52932" s="14" t="s">
        <v>92</v>
      </c>
      <c r="E52932" s="15">
        <v>45383</v>
      </c>
      <c r="F52932" s="14" t="s">
        <v>28</v>
      </c>
      <c r="G52932" s="16">
        <v>0</v>
      </c>
    </row>
    <row r="52933" spans="1:7" x14ac:dyDescent="0.3">
      <c r="A52933" s="13" t="s">
        <v>295</v>
      </c>
      <c r="B52933" s="14" t="s">
        <v>1</v>
      </c>
      <c r="C52933" s="14" t="s">
        <v>38</v>
      </c>
      <c r="D52933" s="14" t="s">
        <v>92</v>
      </c>
      <c r="E52933" s="15">
        <v>45384</v>
      </c>
      <c r="F52933" s="14" t="s">
        <v>28</v>
      </c>
      <c r="G52933" s="16">
        <v>0</v>
      </c>
    </row>
    <row r="52934" spans="1:7" x14ac:dyDescent="0.3">
      <c r="A52934" s="13" t="s">
        <v>295</v>
      </c>
      <c r="B52934" s="14" t="s">
        <v>1</v>
      </c>
      <c r="C52934" s="14" t="s">
        <v>38</v>
      </c>
      <c r="D52934" s="14" t="s">
        <v>92</v>
      </c>
      <c r="E52934" s="15">
        <v>45385</v>
      </c>
      <c r="F52934" s="14" t="s">
        <v>28</v>
      </c>
      <c r="G52934" s="16">
        <v>0</v>
      </c>
    </row>
    <row r="52935" spans="1:7" x14ac:dyDescent="0.3">
      <c r="A52935" s="13" t="s">
        <v>295</v>
      </c>
      <c r="B52935" s="14" t="s">
        <v>1</v>
      </c>
      <c r="C52935" s="14" t="s">
        <v>38</v>
      </c>
      <c r="D52935" s="14" t="s">
        <v>92</v>
      </c>
      <c r="E52935" s="15">
        <v>45386</v>
      </c>
      <c r="F52935" s="14" t="s">
        <v>28</v>
      </c>
      <c r="G52935" s="16">
        <v>0</v>
      </c>
    </row>
    <row r="52936" spans="1:7" x14ac:dyDescent="0.3">
      <c r="A52936" s="13" t="s">
        <v>295</v>
      </c>
      <c r="B52936" s="14" t="s">
        <v>1</v>
      </c>
      <c r="C52936" s="14" t="s">
        <v>38</v>
      </c>
      <c r="D52936" s="14" t="s">
        <v>92</v>
      </c>
      <c r="E52936" s="15">
        <v>45387</v>
      </c>
      <c r="F52936" s="14" t="s">
        <v>28</v>
      </c>
      <c r="G52936" s="16">
        <v>0</v>
      </c>
    </row>
    <row r="52937" spans="1:7" x14ac:dyDescent="0.3">
      <c r="A52937" s="13" t="s">
        <v>295</v>
      </c>
      <c r="B52937" s="14" t="s">
        <v>1</v>
      </c>
      <c r="C52937" s="14" t="s">
        <v>38</v>
      </c>
      <c r="D52937" s="14" t="s">
        <v>92</v>
      </c>
      <c r="E52937" s="15">
        <v>45388</v>
      </c>
      <c r="F52937" s="14" t="s">
        <v>28</v>
      </c>
      <c r="G52937" s="16">
        <v>0</v>
      </c>
    </row>
    <row r="52938" spans="1:7" x14ac:dyDescent="0.3">
      <c r="A52938" s="13" t="s">
        <v>295</v>
      </c>
      <c r="B52938" s="14" t="s">
        <v>1</v>
      </c>
      <c r="C52938" s="14" t="s">
        <v>38</v>
      </c>
      <c r="D52938" s="14" t="s">
        <v>92</v>
      </c>
      <c r="E52938" s="15">
        <v>45389</v>
      </c>
      <c r="F52938" s="14" t="s">
        <v>28</v>
      </c>
      <c r="G52938" s="16">
        <v>0</v>
      </c>
    </row>
    <row r="52939" spans="1:7" x14ac:dyDescent="0.3">
      <c r="A52939" s="13" t="s">
        <v>295</v>
      </c>
      <c r="B52939" s="14" t="s">
        <v>1</v>
      </c>
      <c r="C52939" s="14" t="s">
        <v>38</v>
      </c>
      <c r="D52939" s="14" t="s">
        <v>92</v>
      </c>
      <c r="E52939" s="15">
        <v>45390</v>
      </c>
      <c r="F52939" s="14" t="s">
        <v>28</v>
      </c>
      <c r="G52939" s="16">
        <v>5.7933899535326579E-2</v>
      </c>
    </row>
    <row r="52940" spans="1:7" x14ac:dyDescent="0.3">
      <c r="A52940" s="13" t="s">
        <v>295</v>
      </c>
      <c r="B52940" s="14" t="s">
        <v>1</v>
      </c>
      <c r="C52940" s="14" t="s">
        <v>38</v>
      </c>
      <c r="D52940" s="14" t="s">
        <v>92</v>
      </c>
      <c r="E52940" s="15">
        <v>45391</v>
      </c>
      <c r="F52940" s="14" t="s">
        <v>28</v>
      </c>
      <c r="G52940" s="16">
        <v>4.5709599420408448E-2</v>
      </c>
    </row>
    <row r="52941" spans="1:7" x14ac:dyDescent="0.3">
      <c r="A52941" s="13" t="s">
        <v>295</v>
      </c>
      <c r="B52941" s="14" t="s">
        <v>1</v>
      </c>
      <c r="C52941" s="14" t="s">
        <v>38</v>
      </c>
      <c r="D52941" s="14" t="s">
        <v>92</v>
      </c>
      <c r="E52941" s="15">
        <v>45392</v>
      </c>
      <c r="F52941" s="14" t="s">
        <v>28</v>
      </c>
      <c r="G52941" s="16">
        <v>4.5709599420408448E-2</v>
      </c>
    </row>
    <row r="52942" spans="1:7" x14ac:dyDescent="0.3">
      <c r="A52942" s="13" t="s">
        <v>295</v>
      </c>
      <c r="B52942" s="14" t="s">
        <v>1</v>
      </c>
      <c r="C52942" s="14" t="s">
        <v>38</v>
      </c>
      <c r="D52942" s="14" t="s">
        <v>92</v>
      </c>
      <c r="E52942" s="15">
        <v>45393</v>
      </c>
      <c r="F52942" s="14" t="s">
        <v>28</v>
      </c>
      <c r="G52942" s="16">
        <v>4.1927499300299702E-2</v>
      </c>
    </row>
    <row r="52943" spans="1:7" x14ac:dyDescent="0.3">
      <c r="A52943" s="13" t="s">
        <v>295</v>
      </c>
      <c r="B52943" s="14" t="s">
        <v>1</v>
      </c>
      <c r="C52943" s="14" t="s">
        <v>38</v>
      </c>
      <c r="D52943" s="14" t="s">
        <v>92</v>
      </c>
      <c r="E52943" s="15">
        <v>45394</v>
      </c>
      <c r="F52943" s="14" t="s">
        <v>28</v>
      </c>
      <c r="G52943" s="16">
        <v>0.13612999917837162</v>
      </c>
    </row>
    <row r="52944" spans="1:7" x14ac:dyDescent="0.3">
      <c r="A52944" s="13" t="s">
        <v>295</v>
      </c>
      <c r="B52944" s="14" t="s">
        <v>1</v>
      </c>
      <c r="C52944" s="14" t="s">
        <v>38</v>
      </c>
      <c r="D52944" s="14" t="s">
        <v>92</v>
      </c>
      <c r="E52944" s="15">
        <v>45395</v>
      </c>
      <c r="F52944" s="14" t="s">
        <v>28</v>
      </c>
      <c r="G52944" s="16">
        <v>0.13612999917837162</v>
      </c>
    </row>
    <row r="52945" spans="1:7" x14ac:dyDescent="0.3">
      <c r="A52945" s="13" t="s">
        <v>295</v>
      </c>
      <c r="B52945" s="14" t="s">
        <v>1</v>
      </c>
      <c r="C52945" s="14" t="s">
        <v>38</v>
      </c>
      <c r="D52945" s="14" t="s">
        <v>92</v>
      </c>
      <c r="E52945" s="15">
        <v>45396</v>
      </c>
      <c r="F52945" s="14" t="s">
        <v>28</v>
      </c>
      <c r="G52945" s="16">
        <v>0.13612999917837162</v>
      </c>
    </row>
    <row r="52946" spans="1:7" x14ac:dyDescent="0.3">
      <c r="A52946" s="13" t="s">
        <v>295</v>
      </c>
      <c r="B52946" s="14" t="s">
        <v>1</v>
      </c>
      <c r="C52946" s="14" t="s">
        <v>38</v>
      </c>
      <c r="D52946" s="14" t="s">
        <v>92</v>
      </c>
      <c r="E52946" s="15">
        <v>45397</v>
      </c>
      <c r="F52946" s="14" t="s">
        <v>28</v>
      </c>
      <c r="G52946" s="16">
        <v>0.13214309906030636</v>
      </c>
    </row>
    <row r="52947" spans="1:7" x14ac:dyDescent="0.3">
      <c r="A52947" s="13" t="s">
        <v>295</v>
      </c>
      <c r="B52947" s="14" t="s">
        <v>1</v>
      </c>
      <c r="C52947" s="14" t="s">
        <v>38</v>
      </c>
      <c r="D52947" s="14" t="s">
        <v>92</v>
      </c>
      <c r="E52947" s="15">
        <v>45398</v>
      </c>
      <c r="F52947" s="14" t="s">
        <v>28</v>
      </c>
      <c r="G52947" s="16">
        <v>0.12011999894074944</v>
      </c>
    </row>
    <row r="52948" spans="1:7" x14ac:dyDescent="0.3">
      <c r="A52948" s="13" t="s">
        <v>295</v>
      </c>
      <c r="B52948" s="14" t="s">
        <v>1</v>
      </c>
      <c r="C52948" s="14" t="s">
        <v>38</v>
      </c>
      <c r="D52948" s="14" t="s">
        <v>92</v>
      </c>
      <c r="E52948" s="15">
        <v>45399</v>
      </c>
      <c r="F52948" s="14" t="s">
        <v>28</v>
      </c>
      <c r="G52948" s="16">
        <v>0.11563399882702122</v>
      </c>
    </row>
    <row r="52949" spans="1:7" x14ac:dyDescent="0.3">
      <c r="A52949" s="13" t="s">
        <v>295</v>
      </c>
      <c r="B52949" s="14" t="s">
        <v>1</v>
      </c>
      <c r="C52949" s="14" t="s">
        <v>38</v>
      </c>
      <c r="D52949" s="14" t="s">
        <v>92</v>
      </c>
      <c r="E52949" s="15">
        <v>45400</v>
      </c>
      <c r="F52949" s="14" t="s">
        <v>28</v>
      </c>
      <c r="G52949" s="16">
        <v>0.11168399870820582</v>
      </c>
    </row>
    <row r="52950" spans="1:7" x14ac:dyDescent="0.3">
      <c r="A52950" s="13" t="s">
        <v>295</v>
      </c>
      <c r="B52950" s="14" t="s">
        <v>1</v>
      </c>
      <c r="C52950" s="14" t="s">
        <v>38</v>
      </c>
      <c r="D52950" s="14" t="s">
        <v>92</v>
      </c>
      <c r="E52950" s="15">
        <v>45401</v>
      </c>
      <c r="F52950" s="14" t="s">
        <v>28</v>
      </c>
      <c r="G52950" s="16">
        <v>9.2575198591390753E-2</v>
      </c>
    </row>
    <row r="52951" spans="1:7" x14ac:dyDescent="0.3">
      <c r="A52951" s="13" t="s">
        <v>295</v>
      </c>
      <c r="B52951" s="14" t="s">
        <v>1</v>
      </c>
      <c r="C52951" s="14" t="s">
        <v>38</v>
      </c>
      <c r="D52951" s="14" t="s">
        <v>92</v>
      </c>
      <c r="E52951" s="15">
        <v>45402</v>
      </c>
      <c r="F52951" s="14" t="s">
        <v>28</v>
      </c>
      <c r="G52951" s="16">
        <v>9.2575198591390753E-2</v>
      </c>
    </row>
    <row r="52952" spans="1:7" x14ac:dyDescent="0.3">
      <c r="A52952" s="13" t="s">
        <v>295</v>
      </c>
      <c r="B52952" s="14" t="s">
        <v>1</v>
      </c>
      <c r="C52952" s="14" t="s">
        <v>38</v>
      </c>
      <c r="D52952" s="14" t="s">
        <v>92</v>
      </c>
      <c r="E52952" s="15">
        <v>45403</v>
      </c>
      <c r="F52952" s="14" t="s">
        <v>28</v>
      </c>
      <c r="G52952" s="16">
        <v>9.2575198591390753E-2</v>
      </c>
    </row>
    <row r="52953" spans="1:7" x14ac:dyDescent="0.3">
      <c r="A52953" s="13" t="s">
        <v>295</v>
      </c>
      <c r="B52953" s="14" t="s">
        <v>1</v>
      </c>
      <c r="C52953" s="14" t="s">
        <v>38</v>
      </c>
      <c r="D52953" s="14" t="s">
        <v>92</v>
      </c>
      <c r="E52953" s="15">
        <v>45404</v>
      </c>
      <c r="F52953" s="14" t="s">
        <v>28</v>
      </c>
      <c r="G52953" s="16">
        <v>8.8523498473446233E-2</v>
      </c>
    </row>
    <row r="52954" spans="1:7" x14ac:dyDescent="0.3">
      <c r="A52954" s="13" t="s">
        <v>295</v>
      </c>
      <c r="B52954" s="14" t="s">
        <v>1</v>
      </c>
      <c r="C52954" s="14" t="s">
        <v>38</v>
      </c>
      <c r="D52954" s="14" t="s">
        <v>92</v>
      </c>
      <c r="E52954" s="15">
        <v>45405</v>
      </c>
      <c r="F52954" s="14" t="s">
        <v>28</v>
      </c>
      <c r="G52954" s="16">
        <v>7.6215998357105422E-2</v>
      </c>
    </row>
    <row r="52955" spans="1:7" x14ac:dyDescent="0.3">
      <c r="A52955" s="13" t="s">
        <v>295</v>
      </c>
      <c r="B52955" s="14" t="s">
        <v>1</v>
      </c>
      <c r="C52955" s="14" t="s">
        <v>38</v>
      </c>
      <c r="D52955" s="14" t="s">
        <v>92</v>
      </c>
      <c r="E52955" s="15">
        <v>45406</v>
      </c>
      <c r="F52955" s="14" t="s">
        <v>28</v>
      </c>
      <c r="G52955" s="16">
        <v>4.9024798238721128E-2</v>
      </c>
    </row>
    <row r="52956" spans="1:7" x14ac:dyDescent="0.3">
      <c r="A52956" s="13" t="s">
        <v>295</v>
      </c>
      <c r="B52956" s="14" t="s">
        <v>1</v>
      </c>
      <c r="C52956" s="14" t="s">
        <v>38</v>
      </c>
      <c r="D52956" s="14" t="s">
        <v>92</v>
      </c>
      <c r="E52956" s="15">
        <v>45407</v>
      </c>
      <c r="F52956" s="14" t="s">
        <v>28</v>
      </c>
      <c r="G52956" s="16">
        <v>4.3487998125165329E-2</v>
      </c>
    </row>
    <row r="52957" spans="1:7" x14ac:dyDescent="0.3">
      <c r="A52957" s="13" t="s">
        <v>295</v>
      </c>
      <c r="B52957" s="14" t="s">
        <v>1</v>
      </c>
      <c r="C52957" s="14" t="s">
        <v>38</v>
      </c>
      <c r="D52957" s="14" t="s">
        <v>92</v>
      </c>
      <c r="E52957" s="15">
        <v>45408</v>
      </c>
      <c r="F52957" s="14" t="s">
        <v>28</v>
      </c>
      <c r="G52957" s="16">
        <v>0.11444999800285789</v>
      </c>
    </row>
    <row r="52958" spans="1:7" x14ac:dyDescent="0.3">
      <c r="A52958" s="13" t="s">
        <v>295</v>
      </c>
      <c r="B52958" s="14" t="s">
        <v>1</v>
      </c>
      <c r="C52958" s="14" t="s">
        <v>38</v>
      </c>
      <c r="D52958" s="14" t="s">
        <v>92</v>
      </c>
      <c r="E52958" s="15">
        <v>45409</v>
      </c>
      <c r="F52958" s="14" t="s">
        <v>28</v>
      </c>
      <c r="G52958" s="16">
        <v>0.11444999800285789</v>
      </c>
    </row>
    <row r="52959" spans="1:7" x14ac:dyDescent="0.3">
      <c r="A52959" s="13" t="s">
        <v>295</v>
      </c>
      <c r="B52959" s="14" t="s">
        <v>1</v>
      </c>
      <c r="C52959" s="14" t="s">
        <v>38</v>
      </c>
      <c r="D52959" s="14" t="s">
        <v>92</v>
      </c>
      <c r="E52959" s="15">
        <v>45410</v>
      </c>
      <c r="F52959" s="14" t="s">
        <v>28</v>
      </c>
      <c r="G52959" s="16">
        <v>0.11444999800285789</v>
      </c>
    </row>
    <row r="52960" spans="1:7" x14ac:dyDescent="0.3">
      <c r="A52960" s="13" t="s">
        <v>295</v>
      </c>
      <c r="B52960" s="14" t="s">
        <v>1</v>
      </c>
      <c r="C52960" s="14" t="s">
        <v>38</v>
      </c>
      <c r="D52960" s="14" t="s">
        <v>92</v>
      </c>
      <c r="E52960" s="15">
        <v>45411</v>
      </c>
      <c r="F52960" s="14" t="s">
        <v>28</v>
      </c>
      <c r="G52960" s="16">
        <v>0.108759997890035</v>
      </c>
    </row>
    <row r="52961" spans="1:7" x14ac:dyDescent="0.3">
      <c r="A52961" s="13" t="s">
        <v>295</v>
      </c>
      <c r="B52961" s="14" t="s">
        <v>1</v>
      </c>
      <c r="C52961" s="14" t="s">
        <v>38</v>
      </c>
      <c r="D52961" s="14" t="s">
        <v>92</v>
      </c>
      <c r="E52961" s="15">
        <v>45412</v>
      </c>
      <c r="F52961" s="14" t="s">
        <v>28</v>
      </c>
      <c r="G52961" s="16">
        <v>0.17202779776331295</v>
      </c>
    </row>
    <row r="52962" spans="1:7" x14ac:dyDescent="0.3">
      <c r="A52962" s="13" t="s">
        <v>295</v>
      </c>
      <c r="B52962" s="14" t="s">
        <v>1</v>
      </c>
      <c r="C52962" s="14" t="s">
        <v>38</v>
      </c>
      <c r="D52962" s="14" t="s">
        <v>92</v>
      </c>
      <c r="E52962" s="15">
        <v>45413</v>
      </c>
      <c r="F52962" s="14" t="s">
        <v>28</v>
      </c>
      <c r="G52962" s="16">
        <v>0.17202779776331295</v>
      </c>
    </row>
    <row r="52963" spans="1:7" x14ac:dyDescent="0.3">
      <c r="A52963" s="13" t="s">
        <v>295</v>
      </c>
      <c r="B52963" s="14" t="s">
        <v>1</v>
      </c>
      <c r="C52963" s="14" t="s">
        <v>38</v>
      </c>
      <c r="D52963" s="14" t="s">
        <v>92</v>
      </c>
      <c r="E52963" s="15">
        <v>45414</v>
      </c>
      <c r="F52963" s="14" t="s">
        <v>28</v>
      </c>
      <c r="G52963" s="16">
        <v>0.16657889766456166</v>
      </c>
    </row>
    <row r="52964" spans="1:7" x14ac:dyDescent="0.3">
      <c r="A52964" s="13" t="s">
        <v>295</v>
      </c>
      <c r="B52964" s="14" t="s">
        <v>1</v>
      </c>
      <c r="C52964" s="14" t="s">
        <v>38</v>
      </c>
      <c r="D52964" s="14" t="s">
        <v>92</v>
      </c>
      <c r="E52964" s="15">
        <v>45415</v>
      </c>
      <c r="F52964" s="14" t="s">
        <v>28</v>
      </c>
      <c r="G52964" s="16">
        <v>0.16057859755666209</v>
      </c>
    </row>
    <row r="52965" spans="1:7" x14ac:dyDescent="0.3">
      <c r="A52965" s="13" t="s">
        <v>295</v>
      </c>
      <c r="B52965" s="14" t="s">
        <v>1</v>
      </c>
      <c r="C52965" s="14" t="s">
        <v>38</v>
      </c>
      <c r="D52965" s="14" t="s">
        <v>92</v>
      </c>
      <c r="E52965" s="15">
        <v>45416</v>
      </c>
      <c r="F52965" s="14" t="s">
        <v>28</v>
      </c>
      <c r="G52965" s="16">
        <v>0.16057859755666209</v>
      </c>
    </row>
    <row r="52966" spans="1:7" x14ac:dyDescent="0.3">
      <c r="A52966" s="13" t="s">
        <v>295</v>
      </c>
      <c r="B52966" s="14" t="s">
        <v>1</v>
      </c>
      <c r="C52966" s="14" t="s">
        <v>38</v>
      </c>
      <c r="D52966" s="14" t="s">
        <v>92</v>
      </c>
      <c r="E52966" s="15">
        <v>45417</v>
      </c>
      <c r="F52966" s="14" t="s">
        <v>28</v>
      </c>
      <c r="G52966" s="16">
        <v>0.16057859755666209</v>
      </c>
    </row>
    <row r="52967" spans="1:7" x14ac:dyDescent="0.3">
      <c r="A52967" s="13" t="s">
        <v>295</v>
      </c>
      <c r="B52967" s="14" t="s">
        <v>1</v>
      </c>
      <c r="C52967" s="14" t="s">
        <v>38</v>
      </c>
      <c r="D52967" s="14" t="s">
        <v>92</v>
      </c>
      <c r="E52967" s="15">
        <v>45418</v>
      </c>
      <c r="F52967" s="14" t="s">
        <v>28</v>
      </c>
      <c r="G52967" s="16">
        <v>0.16057859755666209</v>
      </c>
    </row>
    <row r="52968" spans="1:7" x14ac:dyDescent="0.3">
      <c r="A52968" s="13" t="s">
        <v>295</v>
      </c>
      <c r="B52968" s="14" t="s">
        <v>1</v>
      </c>
      <c r="C52968" s="14" t="s">
        <v>38</v>
      </c>
      <c r="D52968" s="14" t="s">
        <v>92</v>
      </c>
      <c r="E52968" s="15">
        <v>45419</v>
      </c>
      <c r="F52968" s="14" t="s">
        <v>28</v>
      </c>
      <c r="G52968" s="16">
        <v>0.15706399743158692</v>
      </c>
    </row>
    <row r="52969" spans="1:7" x14ac:dyDescent="0.3">
      <c r="A52969" s="13" t="s">
        <v>295</v>
      </c>
      <c r="B52969" s="14" t="s">
        <v>1</v>
      </c>
      <c r="C52969" s="14" t="s">
        <v>38</v>
      </c>
      <c r="D52969" s="14" t="s">
        <v>92</v>
      </c>
      <c r="E52969" s="15">
        <v>45420</v>
      </c>
      <c r="F52969" s="14" t="s">
        <v>28</v>
      </c>
      <c r="G52969" s="16">
        <v>0.14096159731206445</v>
      </c>
    </row>
    <row r="52970" spans="1:7" x14ac:dyDescent="0.3">
      <c r="A52970" s="13" t="s">
        <v>295</v>
      </c>
      <c r="B52970" s="14" t="s">
        <v>1</v>
      </c>
      <c r="C52970" s="14" t="s">
        <v>38</v>
      </c>
      <c r="D52970" s="14" t="s">
        <v>92</v>
      </c>
      <c r="E52970" s="15">
        <v>45421</v>
      </c>
      <c r="F52970" s="14" t="s">
        <v>28</v>
      </c>
      <c r="G52970" s="16">
        <v>0.22311299720181962</v>
      </c>
    </row>
    <row r="52971" spans="1:7" x14ac:dyDescent="0.3">
      <c r="A52971" s="13" t="s">
        <v>295</v>
      </c>
      <c r="B52971" s="14" t="s">
        <v>1</v>
      </c>
      <c r="C52971" s="14" t="s">
        <v>38</v>
      </c>
      <c r="D52971" s="14" t="s">
        <v>92</v>
      </c>
      <c r="E52971" s="15">
        <v>45422</v>
      </c>
      <c r="F52971" s="14" t="s">
        <v>28</v>
      </c>
      <c r="G52971" s="16">
        <v>0.41977099708113319</v>
      </c>
    </row>
    <row r="52972" spans="1:7" x14ac:dyDescent="0.3">
      <c r="A52972" s="13" t="s">
        <v>295</v>
      </c>
      <c r="B52972" s="14" t="s">
        <v>1</v>
      </c>
      <c r="C52972" s="14" t="s">
        <v>38</v>
      </c>
      <c r="D52972" s="14" t="s">
        <v>92</v>
      </c>
      <c r="E52972" s="15">
        <v>45423</v>
      </c>
      <c r="F52972" s="14" t="s">
        <v>28</v>
      </c>
      <c r="G52972" s="16">
        <v>0.41977099708113319</v>
      </c>
    </row>
    <row r="52973" spans="1:7" x14ac:dyDescent="0.3">
      <c r="A52973" s="13" t="s">
        <v>295</v>
      </c>
      <c r="B52973" s="14" t="s">
        <v>1</v>
      </c>
      <c r="C52973" s="14" t="s">
        <v>38</v>
      </c>
      <c r="D52973" s="14" t="s">
        <v>92</v>
      </c>
      <c r="E52973" s="15">
        <v>45424</v>
      </c>
      <c r="F52973" s="14" t="s">
        <v>28</v>
      </c>
      <c r="G52973" s="16">
        <v>0.41977099708113319</v>
      </c>
    </row>
    <row r="52974" spans="1:7" x14ac:dyDescent="0.3">
      <c r="A52974" s="13" t="s">
        <v>295</v>
      </c>
      <c r="B52974" s="14" t="s">
        <v>1</v>
      </c>
      <c r="C52974" s="14" t="s">
        <v>38</v>
      </c>
      <c r="D52974" s="14" t="s">
        <v>92</v>
      </c>
      <c r="E52974" s="15">
        <v>45425</v>
      </c>
      <c r="F52974" s="14" t="s">
        <v>28</v>
      </c>
      <c r="G52974" s="16">
        <v>0.41543239696639611</v>
      </c>
    </row>
    <row r="52975" spans="1:7" x14ac:dyDescent="0.3">
      <c r="A52975" s="13" t="s">
        <v>295</v>
      </c>
      <c r="B52975" s="14" t="s">
        <v>1</v>
      </c>
      <c r="C52975" s="14" t="s">
        <v>38</v>
      </c>
      <c r="D52975" s="14" t="s">
        <v>92</v>
      </c>
      <c r="E52975" s="15">
        <v>45426</v>
      </c>
      <c r="F52975" s="14" t="s">
        <v>28</v>
      </c>
      <c r="G52975" s="16">
        <v>0.43116039685344387</v>
      </c>
    </row>
    <row r="52976" spans="1:7" x14ac:dyDescent="0.3">
      <c r="A52976" s="13" t="s">
        <v>295</v>
      </c>
      <c r="B52976" s="14" t="s">
        <v>1</v>
      </c>
      <c r="C52976" s="14" t="s">
        <v>38</v>
      </c>
      <c r="D52976" s="14" t="s">
        <v>92</v>
      </c>
      <c r="E52976" s="15">
        <v>45427</v>
      </c>
      <c r="F52976" s="14" t="s">
        <v>28</v>
      </c>
      <c r="G52976" s="16">
        <v>0.53265959675259733</v>
      </c>
    </row>
    <row r="52977" spans="1:7" x14ac:dyDescent="0.3">
      <c r="A52977" s="13" t="s">
        <v>295</v>
      </c>
      <c r="B52977" s="14" t="s">
        <v>1</v>
      </c>
      <c r="C52977" s="14" t="s">
        <v>38</v>
      </c>
      <c r="D52977" s="14" t="s">
        <v>92</v>
      </c>
      <c r="E52977" s="15">
        <v>45428</v>
      </c>
      <c r="F52977" s="14" t="s">
        <v>28</v>
      </c>
      <c r="G52977" s="16">
        <v>0.5288993966348684</v>
      </c>
    </row>
    <row r="52978" spans="1:7" x14ac:dyDescent="0.3">
      <c r="A52978" s="13" t="s">
        <v>295</v>
      </c>
      <c r="B52978" s="14" t="s">
        <v>1</v>
      </c>
      <c r="C52978" s="14" t="s">
        <v>38</v>
      </c>
      <c r="D52978" s="14" t="s">
        <v>92</v>
      </c>
      <c r="E52978" s="15">
        <v>45429</v>
      </c>
      <c r="F52978" s="14" t="s">
        <v>28</v>
      </c>
      <c r="G52978" s="16">
        <v>0.52470599651986405</v>
      </c>
    </row>
    <row r="52979" spans="1:7" x14ac:dyDescent="0.3">
      <c r="A52979" s="13" t="s">
        <v>295</v>
      </c>
      <c r="B52979" s="14" t="s">
        <v>1</v>
      </c>
      <c r="C52979" s="14" t="s">
        <v>38</v>
      </c>
      <c r="D52979" s="14" t="s">
        <v>92</v>
      </c>
      <c r="E52979" s="15">
        <v>45430</v>
      </c>
      <c r="F52979" s="14" t="s">
        <v>28</v>
      </c>
      <c r="G52979" s="16">
        <v>0.52470599651986405</v>
      </c>
    </row>
    <row r="52980" spans="1:7" x14ac:dyDescent="0.3">
      <c r="A52980" s="13" t="s">
        <v>295</v>
      </c>
      <c r="B52980" s="14" t="s">
        <v>1</v>
      </c>
      <c r="C52980" s="14" t="s">
        <v>38</v>
      </c>
      <c r="D52980" s="14" t="s">
        <v>92</v>
      </c>
      <c r="E52980" s="15">
        <v>45431</v>
      </c>
      <c r="F52980" s="14" t="s">
        <v>28</v>
      </c>
      <c r="G52980" s="16">
        <v>0.52470599651986405</v>
      </c>
    </row>
    <row r="52981" spans="1:7" x14ac:dyDescent="0.3">
      <c r="A52981" s="13" t="s">
        <v>295</v>
      </c>
      <c r="B52981" s="14" t="s">
        <v>1</v>
      </c>
      <c r="C52981" s="14" t="s">
        <v>38</v>
      </c>
      <c r="D52981" s="14" t="s">
        <v>92</v>
      </c>
      <c r="E52981" s="15">
        <v>45432</v>
      </c>
      <c r="F52981" s="14" t="s">
        <v>28</v>
      </c>
      <c r="G52981" s="16">
        <v>0.52140509639878085</v>
      </c>
    </row>
    <row r="52982" spans="1:7" x14ac:dyDescent="0.3">
      <c r="A52982" s="13" t="s">
        <v>295</v>
      </c>
      <c r="B52982" s="14" t="s">
        <v>1</v>
      </c>
      <c r="C52982" s="14" t="s">
        <v>38</v>
      </c>
      <c r="D52982" s="14" t="s">
        <v>92</v>
      </c>
      <c r="E52982" s="15">
        <v>45433</v>
      </c>
      <c r="F52982" s="14" t="s">
        <v>28</v>
      </c>
      <c r="G52982" s="16">
        <v>0.50916599628344028</v>
      </c>
    </row>
    <row r="52983" spans="1:7" x14ac:dyDescent="0.3">
      <c r="A52983" s="13" t="s">
        <v>295</v>
      </c>
      <c r="B52983" s="14" t="s">
        <v>1</v>
      </c>
      <c r="C52983" s="14" t="s">
        <v>38</v>
      </c>
      <c r="D52983" s="14" t="s">
        <v>92</v>
      </c>
      <c r="E52983" s="15">
        <v>45434</v>
      </c>
      <c r="F52983" s="14" t="s">
        <v>28</v>
      </c>
      <c r="G52983" s="16">
        <v>0.50916599628344028</v>
      </c>
    </row>
    <row r="52984" spans="1:7" x14ac:dyDescent="0.3">
      <c r="A52984" s="13" t="s">
        <v>295</v>
      </c>
      <c r="B52984" s="14" t="s">
        <v>1</v>
      </c>
      <c r="C52984" s="14" t="s">
        <v>38</v>
      </c>
      <c r="D52984" s="14" t="s">
        <v>92</v>
      </c>
      <c r="E52984" s="15">
        <v>45435</v>
      </c>
      <c r="F52984" s="14" t="s">
        <v>28</v>
      </c>
      <c r="G52984" s="16">
        <v>0.50677499615477817</v>
      </c>
    </row>
    <row r="52985" spans="1:7" x14ac:dyDescent="0.3">
      <c r="A52985" s="13" t="s">
        <v>295</v>
      </c>
      <c r="B52985" s="14" t="s">
        <v>1</v>
      </c>
      <c r="C52985" s="14" t="s">
        <v>38</v>
      </c>
      <c r="D52985" s="14" t="s">
        <v>92</v>
      </c>
      <c r="E52985" s="15">
        <v>45436</v>
      </c>
      <c r="F52985" s="14" t="s">
        <v>28</v>
      </c>
      <c r="G52985" s="16">
        <v>0.55059599604382636</v>
      </c>
    </row>
    <row r="52986" spans="1:7" x14ac:dyDescent="0.3">
      <c r="A52986" s="13" t="s">
        <v>295</v>
      </c>
      <c r="B52986" s="14" t="s">
        <v>1</v>
      </c>
      <c r="C52986" s="14" t="s">
        <v>38</v>
      </c>
      <c r="D52986" s="14" t="s">
        <v>92</v>
      </c>
      <c r="E52986" s="15">
        <v>45437</v>
      </c>
      <c r="F52986" s="14" t="s">
        <v>28</v>
      </c>
      <c r="G52986" s="16">
        <v>0.55059599604382636</v>
      </c>
    </row>
    <row r="52987" spans="1:7" x14ac:dyDescent="0.3">
      <c r="A52987" s="13" t="s">
        <v>295</v>
      </c>
      <c r="B52987" s="14" t="s">
        <v>1</v>
      </c>
      <c r="C52987" s="14" t="s">
        <v>38</v>
      </c>
      <c r="D52987" s="14" t="s">
        <v>92</v>
      </c>
      <c r="E52987" s="15">
        <v>45438</v>
      </c>
      <c r="F52987" s="14" t="s">
        <v>28</v>
      </c>
      <c r="G52987" s="16">
        <v>0.55059599604382636</v>
      </c>
    </row>
    <row r="52988" spans="1:7" x14ac:dyDescent="0.3">
      <c r="A52988" s="13" t="s">
        <v>295</v>
      </c>
      <c r="B52988" s="14" t="s">
        <v>1</v>
      </c>
      <c r="C52988" s="14" t="s">
        <v>38</v>
      </c>
      <c r="D52988" s="14" t="s">
        <v>92</v>
      </c>
      <c r="E52988" s="15">
        <v>45439</v>
      </c>
      <c r="F52988" s="14" t="s">
        <v>28</v>
      </c>
      <c r="G52988" s="16">
        <v>0.54646649592807195</v>
      </c>
    </row>
    <row r="52989" spans="1:7" x14ac:dyDescent="0.3">
      <c r="A52989" s="13" t="s">
        <v>295</v>
      </c>
      <c r="B52989" s="14" t="s">
        <v>1</v>
      </c>
      <c r="C52989" s="14" t="s">
        <v>38</v>
      </c>
      <c r="D52989" s="14" t="s">
        <v>92</v>
      </c>
      <c r="E52989" s="15">
        <v>45440</v>
      </c>
      <c r="F52989" s="14" t="s">
        <v>28</v>
      </c>
      <c r="G52989" s="16">
        <v>0.53408519581359359</v>
      </c>
    </row>
    <row r="52990" spans="1:7" x14ac:dyDescent="0.3">
      <c r="A52990" s="13" t="s">
        <v>295</v>
      </c>
      <c r="B52990" s="14" t="s">
        <v>1</v>
      </c>
      <c r="C52990" s="14" t="s">
        <v>38</v>
      </c>
      <c r="D52990" s="14" t="s">
        <v>92</v>
      </c>
      <c r="E52990" s="15">
        <v>45441</v>
      </c>
      <c r="F52990" s="14" t="s">
        <v>28</v>
      </c>
      <c r="G52990" s="16">
        <v>0.61763549568837184</v>
      </c>
    </row>
    <row r="52991" spans="1:7" x14ac:dyDescent="0.3">
      <c r="A52991" s="13" t="s">
        <v>295</v>
      </c>
      <c r="B52991" s="14" t="s">
        <v>1</v>
      </c>
      <c r="C52991" s="14" t="s">
        <v>38</v>
      </c>
      <c r="D52991" s="14" t="s">
        <v>92</v>
      </c>
      <c r="E52991" s="15">
        <v>45442</v>
      </c>
      <c r="F52991" s="14" t="s">
        <v>28</v>
      </c>
      <c r="G52991" s="16">
        <v>0.65609999557675613</v>
      </c>
    </row>
    <row r="52992" spans="1:7" x14ac:dyDescent="0.3">
      <c r="A52992" s="13" t="s">
        <v>295</v>
      </c>
      <c r="B52992" s="14" t="s">
        <v>1</v>
      </c>
      <c r="C52992" s="14" t="s">
        <v>38</v>
      </c>
      <c r="D52992" s="14" t="s">
        <v>92</v>
      </c>
      <c r="E52992" s="15">
        <v>45443</v>
      </c>
      <c r="F52992" s="14" t="s">
        <v>28</v>
      </c>
      <c r="G52992" s="16">
        <v>0.65253299545699217</v>
      </c>
    </row>
    <row r="52993" spans="1:7" x14ac:dyDescent="0.3">
      <c r="A52993" s="13" t="s">
        <v>295</v>
      </c>
      <c r="B52993" s="14" t="s">
        <v>1</v>
      </c>
      <c r="C52993" s="14" t="s">
        <v>38</v>
      </c>
      <c r="D52993" s="14" t="s">
        <v>92</v>
      </c>
      <c r="E52993" s="15">
        <v>45444</v>
      </c>
      <c r="F52993" s="14" t="s">
        <v>28</v>
      </c>
      <c r="G52993" s="16">
        <v>0.65253299545699217</v>
      </c>
    </row>
    <row r="52994" spans="1:7" x14ac:dyDescent="0.3">
      <c r="A52994" s="13" t="s">
        <v>295</v>
      </c>
      <c r="B52994" s="14" t="s">
        <v>1</v>
      </c>
      <c r="C52994" s="14" t="s">
        <v>38</v>
      </c>
      <c r="D52994" s="14" t="s">
        <v>92</v>
      </c>
      <c r="E52994" s="15">
        <v>45445</v>
      </c>
      <c r="F52994" s="14" t="s">
        <v>28</v>
      </c>
      <c r="G52994" s="16">
        <v>0.65253299545699217</v>
      </c>
    </row>
    <row r="52995" spans="1:7" x14ac:dyDescent="0.3">
      <c r="A52995" s="13" t="s">
        <v>295</v>
      </c>
      <c r="B52995" s="14" t="s">
        <v>1</v>
      </c>
      <c r="C52995" s="14" t="s">
        <v>38</v>
      </c>
      <c r="D52995" s="14" t="s">
        <v>92</v>
      </c>
      <c r="E52995" s="15">
        <v>45446</v>
      </c>
      <c r="F52995" s="14" t="s">
        <v>28</v>
      </c>
      <c r="G52995" s="16">
        <v>0.65253299545699217</v>
      </c>
    </row>
    <row r="52996" spans="1:7" x14ac:dyDescent="0.3">
      <c r="A52996" s="13" t="s">
        <v>295</v>
      </c>
      <c r="B52996" s="14" t="s">
        <v>1</v>
      </c>
      <c r="C52996" s="14" t="s">
        <v>38</v>
      </c>
      <c r="D52996" s="14" t="s">
        <v>92</v>
      </c>
      <c r="E52996" s="15">
        <v>45447</v>
      </c>
      <c r="F52996" s="14" t="s">
        <v>28</v>
      </c>
      <c r="G52996" s="16">
        <v>0.64631999535602502</v>
      </c>
    </row>
    <row r="52997" spans="1:7" x14ac:dyDescent="0.3">
      <c r="A52997" s="13" t="s">
        <v>295</v>
      </c>
      <c r="B52997" s="14" t="s">
        <v>1</v>
      </c>
      <c r="C52997" s="14" t="s">
        <v>38</v>
      </c>
      <c r="D52997" s="14" t="s">
        <v>92</v>
      </c>
      <c r="E52997" s="15">
        <v>45448</v>
      </c>
      <c r="F52997" s="14" t="s">
        <v>28</v>
      </c>
      <c r="G52997" s="16">
        <v>0.63244649523285534</v>
      </c>
    </row>
    <row r="52998" spans="1:7" x14ac:dyDescent="0.3">
      <c r="A52998" s="13" t="s">
        <v>295</v>
      </c>
      <c r="B52998" s="14" t="s">
        <v>1</v>
      </c>
      <c r="C52998" s="14" t="s">
        <v>38</v>
      </c>
      <c r="D52998" s="14" t="s">
        <v>92</v>
      </c>
      <c r="E52998" s="15">
        <v>45449</v>
      </c>
      <c r="F52998" s="14" t="s">
        <v>28</v>
      </c>
      <c r="G52998" s="16">
        <v>0.68765269512672322</v>
      </c>
    </row>
    <row r="52999" spans="1:7" x14ac:dyDescent="0.3">
      <c r="A52999" s="13" t="s">
        <v>295</v>
      </c>
      <c r="B52999" s="14" t="s">
        <v>1</v>
      </c>
      <c r="C52999" s="14" t="s">
        <v>38</v>
      </c>
      <c r="D52999" s="14" t="s">
        <v>92</v>
      </c>
      <c r="E52999" s="15">
        <v>45450</v>
      </c>
      <c r="F52999" s="14" t="s">
        <v>28</v>
      </c>
      <c r="G52999" s="16">
        <v>0.68656199498918891</v>
      </c>
    </row>
    <row r="53000" spans="1:7" x14ac:dyDescent="0.3">
      <c r="A53000" s="13" t="s">
        <v>295</v>
      </c>
      <c r="B53000" s="14" t="s">
        <v>1</v>
      </c>
      <c r="C53000" s="14" t="s">
        <v>38</v>
      </c>
      <c r="D53000" s="14" t="s">
        <v>92</v>
      </c>
      <c r="E53000" s="15">
        <v>45451</v>
      </c>
      <c r="F53000" s="14" t="s">
        <v>28</v>
      </c>
      <c r="G53000" s="16">
        <v>0.68656199498918891</v>
      </c>
    </row>
    <row r="53001" spans="1:7" x14ac:dyDescent="0.3">
      <c r="A53001" s="13" t="s">
        <v>295</v>
      </c>
      <c r="B53001" s="14" t="s">
        <v>1</v>
      </c>
      <c r="C53001" s="14" t="s">
        <v>38</v>
      </c>
      <c r="D53001" s="14" t="s">
        <v>92</v>
      </c>
      <c r="E53001" s="15">
        <v>45452</v>
      </c>
      <c r="F53001" s="14" t="s">
        <v>28</v>
      </c>
      <c r="G53001" s="16">
        <v>0.68656199498918891</v>
      </c>
    </row>
    <row r="53002" spans="1:7" x14ac:dyDescent="0.3">
      <c r="A53002" s="13" t="s">
        <v>295</v>
      </c>
      <c r="B53002" s="14" t="s">
        <v>1</v>
      </c>
      <c r="C53002" s="14" t="s">
        <v>38</v>
      </c>
      <c r="D53002" s="14" t="s">
        <v>92</v>
      </c>
      <c r="E53002" s="15">
        <v>45453</v>
      </c>
      <c r="F53002" s="14" t="s">
        <v>28</v>
      </c>
      <c r="G53002" s="16">
        <v>0.68832069486962355</v>
      </c>
    </row>
    <row r="53003" spans="1:7" x14ac:dyDescent="0.3">
      <c r="A53003" s="13" t="s">
        <v>295</v>
      </c>
      <c r="B53003" s="14" t="s">
        <v>1</v>
      </c>
      <c r="C53003" s="14" t="s">
        <v>38</v>
      </c>
      <c r="D53003" s="14" t="s">
        <v>92</v>
      </c>
      <c r="E53003" s="15">
        <v>45454</v>
      </c>
      <c r="F53003" s="14" t="s">
        <v>28</v>
      </c>
      <c r="G53003" s="16">
        <v>0.67634999475147195</v>
      </c>
    </row>
    <row r="53004" spans="1:7" x14ac:dyDescent="0.3">
      <c r="A53004" s="13" t="s">
        <v>295</v>
      </c>
      <c r="B53004" s="14" t="s">
        <v>1</v>
      </c>
      <c r="C53004" s="14" t="s">
        <v>38</v>
      </c>
      <c r="D53004" s="14" t="s">
        <v>92</v>
      </c>
      <c r="E53004" s="15">
        <v>45455</v>
      </c>
      <c r="F53004" s="14" t="s">
        <v>28</v>
      </c>
      <c r="G53004" s="16">
        <v>0.71245719465823887</v>
      </c>
    </row>
    <row r="53005" spans="1:7" x14ac:dyDescent="0.3">
      <c r="A53005" s="13" t="s">
        <v>295</v>
      </c>
      <c r="B53005" s="14" t="s">
        <v>1</v>
      </c>
      <c r="C53005" s="14" t="s">
        <v>38</v>
      </c>
      <c r="D53005" s="14" t="s">
        <v>92</v>
      </c>
      <c r="E53005" s="15">
        <v>45456</v>
      </c>
      <c r="F53005" s="14" t="s">
        <v>28</v>
      </c>
      <c r="G53005" s="16">
        <v>0.71041559452671421</v>
      </c>
    </row>
    <row r="53006" spans="1:7" x14ac:dyDescent="0.3">
      <c r="A53006" s="13" t="s">
        <v>295</v>
      </c>
      <c r="B53006" s="14" t="s">
        <v>1</v>
      </c>
      <c r="C53006" s="14" t="s">
        <v>38</v>
      </c>
      <c r="D53006" s="14" t="s">
        <v>92</v>
      </c>
      <c r="E53006" s="15">
        <v>45457</v>
      </c>
      <c r="F53006" s="14" t="s">
        <v>28</v>
      </c>
      <c r="G53006" s="16">
        <v>0.72780639440115613</v>
      </c>
    </row>
    <row r="53007" spans="1:7" x14ac:dyDescent="0.3">
      <c r="A53007" s="13" t="s">
        <v>295</v>
      </c>
      <c r="B53007" s="14" t="s">
        <v>1</v>
      </c>
      <c r="C53007" s="14" t="s">
        <v>38</v>
      </c>
      <c r="D53007" s="14" t="s">
        <v>92</v>
      </c>
      <c r="E53007" s="15">
        <v>45458</v>
      </c>
      <c r="F53007" s="14" t="s">
        <v>28</v>
      </c>
      <c r="G53007" s="16">
        <v>0.72780639440115613</v>
      </c>
    </row>
    <row r="53008" spans="1:7" x14ac:dyDescent="0.3">
      <c r="A53008" s="13" t="s">
        <v>295</v>
      </c>
      <c r="B53008" s="14" t="s">
        <v>1</v>
      </c>
      <c r="C53008" s="14" t="s">
        <v>38</v>
      </c>
      <c r="D53008" s="14" t="s">
        <v>92</v>
      </c>
      <c r="E53008" s="15">
        <v>45459</v>
      </c>
      <c r="F53008" s="14" t="s">
        <v>28</v>
      </c>
      <c r="G53008" s="16">
        <v>0.72780639440115613</v>
      </c>
    </row>
    <row r="53009" spans="1:7" x14ac:dyDescent="0.3">
      <c r="A53009" s="13" t="s">
        <v>295</v>
      </c>
      <c r="B53009" s="14" t="s">
        <v>1</v>
      </c>
      <c r="C53009" s="14" t="s">
        <v>38</v>
      </c>
      <c r="D53009" s="14" t="s">
        <v>92</v>
      </c>
      <c r="E53009" s="15">
        <v>45460</v>
      </c>
      <c r="F53009" s="14" t="s">
        <v>28</v>
      </c>
      <c r="G53009" s="16">
        <v>0.72780639440115613</v>
      </c>
    </row>
    <row r="53010" spans="1:7" x14ac:dyDescent="0.3">
      <c r="A53010" s="13" t="s">
        <v>295</v>
      </c>
      <c r="B53010" s="14" t="s">
        <v>1</v>
      </c>
      <c r="C53010" s="14" t="s">
        <v>38</v>
      </c>
      <c r="D53010" s="14" t="s">
        <v>92</v>
      </c>
      <c r="E53010" s="15">
        <v>45461</v>
      </c>
      <c r="F53010" s="14" t="s">
        <v>28</v>
      </c>
      <c r="G53010" s="16">
        <v>0.72267799429296342</v>
      </c>
    </row>
    <row r="53011" spans="1:7" x14ac:dyDescent="0.3">
      <c r="A53011" s="13" t="s">
        <v>295</v>
      </c>
      <c r="B53011" s="14" t="s">
        <v>1</v>
      </c>
      <c r="C53011" s="14" t="s">
        <v>38</v>
      </c>
      <c r="D53011" s="14" t="s">
        <v>92</v>
      </c>
      <c r="E53011" s="15">
        <v>45462</v>
      </c>
      <c r="F53011" s="14" t="s">
        <v>28</v>
      </c>
      <c r="G53011" s="16">
        <v>0.75082239417821794</v>
      </c>
    </row>
    <row r="53012" spans="1:7" x14ac:dyDescent="0.3">
      <c r="A53012" s="13" t="s">
        <v>295</v>
      </c>
      <c r="B53012" s="14" t="s">
        <v>1</v>
      </c>
      <c r="C53012" s="14" t="s">
        <v>38</v>
      </c>
      <c r="D53012" s="14" t="s">
        <v>92</v>
      </c>
      <c r="E53012" s="15">
        <v>45463</v>
      </c>
      <c r="F53012" s="14" t="s">
        <v>28</v>
      </c>
      <c r="G53012" s="16">
        <v>0.74892789404463245</v>
      </c>
    </row>
    <row r="53013" spans="1:7" x14ac:dyDescent="0.3">
      <c r="A53013" s="13" t="s">
        <v>295</v>
      </c>
      <c r="B53013" s="14" t="s">
        <v>1</v>
      </c>
      <c r="C53013" s="14" t="s">
        <v>38</v>
      </c>
      <c r="D53013" s="14" t="s">
        <v>92</v>
      </c>
      <c r="E53013" s="15">
        <v>45464</v>
      </c>
      <c r="F53013" s="14" t="s">
        <v>28</v>
      </c>
      <c r="G53013" s="16">
        <v>0.74502999392651548</v>
      </c>
    </row>
    <row r="53014" spans="1:7" x14ac:dyDescent="0.3">
      <c r="A53014" s="13" t="s">
        <v>295</v>
      </c>
      <c r="B53014" s="14" t="s">
        <v>1</v>
      </c>
      <c r="C53014" s="14" t="s">
        <v>38</v>
      </c>
      <c r="D53014" s="14" t="s">
        <v>92</v>
      </c>
      <c r="E53014" s="15">
        <v>45465</v>
      </c>
      <c r="F53014" s="14" t="s">
        <v>28</v>
      </c>
      <c r="G53014" s="16">
        <v>0.74502999392651548</v>
      </c>
    </row>
    <row r="53015" spans="1:7" x14ac:dyDescent="0.3">
      <c r="A53015" s="13" t="s">
        <v>295</v>
      </c>
      <c r="B53015" s="14" t="s">
        <v>1</v>
      </c>
      <c r="C53015" s="14" t="s">
        <v>38</v>
      </c>
      <c r="D53015" s="14" t="s">
        <v>92</v>
      </c>
      <c r="E53015" s="15">
        <v>45466</v>
      </c>
      <c r="F53015" s="14" t="s">
        <v>28</v>
      </c>
      <c r="G53015" s="16">
        <v>0.74502999392651548</v>
      </c>
    </row>
    <row r="53016" spans="1:7" x14ac:dyDescent="0.3">
      <c r="A53016" s="13" t="s">
        <v>295</v>
      </c>
      <c r="B53016" s="14" t="s">
        <v>1</v>
      </c>
      <c r="C53016" s="14" t="s">
        <v>38</v>
      </c>
      <c r="D53016" s="14" t="s">
        <v>92</v>
      </c>
      <c r="E53016" s="15">
        <v>45467</v>
      </c>
      <c r="F53016" s="14" t="s">
        <v>28</v>
      </c>
      <c r="G53016" s="16">
        <v>0.73987219381885738</v>
      </c>
    </row>
    <row r="53017" spans="1:7" x14ac:dyDescent="0.3">
      <c r="A53017" s="13" t="s">
        <v>295</v>
      </c>
      <c r="B53017" s="14" t="s">
        <v>1</v>
      </c>
      <c r="C53017" s="14" t="s">
        <v>38</v>
      </c>
      <c r="D53017" s="14" t="s">
        <v>92</v>
      </c>
      <c r="E53017" s="15">
        <v>45468</v>
      </c>
      <c r="F53017" s="14" t="s">
        <v>28</v>
      </c>
      <c r="G53017" s="16">
        <v>0.72866719369385102</v>
      </c>
    </row>
    <row r="53018" spans="1:7" x14ac:dyDescent="0.3">
      <c r="A53018" s="13" t="s">
        <v>295</v>
      </c>
      <c r="B53018" s="14" t="s">
        <v>1</v>
      </c>
      <c r="C53018" s="14" t="s">
        <v>38</v>
      </c>
      <c r="D53018" s="14" t="s">
        <v>92</v>
      </c>
      <c r="E53018" s="15">
        <v>45469</v>
      </c>
      <c r="F53018" s="14" t="s">
        <v>28</v>
      </c>
      <c r="G53018" s="16">
        <v>0.72663699355904998</v>
      </c>
    </row>
    <row r="53019" spans="1:7" x14ac:dyDescent="0.3">
      <c r="A53019" s="13" t="s">
        <v>295</v>
      </c>
      <c r="B53019" s="14" t="s">
        <v>1</v>
      </c>
      <c r="C53019" s="14" t="s">
        <v>38</v>
      </c>
      <c r="D53019" s="14" t="s">
        <v>92</v>
      </c>
      <c r="E53019" s="15">
        <v>45470</v>
      </c>
      <c r="F53019" s="14" t="s">
        <v>28</v>
      </c>
      <c r="G53019" s="16">
        <v>0.72261559344145898</v>
      </c>
    </row>
    <row r="53020" spans="1:7" x14ac:dyDescent="0.3">
      <c r="A53020" s="13" t="s">
        <v>295</v>
      </c>
      <c r="B53020" s="14" t="s">
        <v>1</v>
      </c>
      <c r="C53020" s="14" t="s">
        <v>38</v>
      </c>
      <c r="D53020" s="14" t="s">
        <v>92</v>
      </c>
      <c r="E53020" s="15">
        <v>45471</v>
      </c>
      <c r="F53020" s="14" t="s">
        <v>28</v>
      </c>
      <c r="G53020" s="16">
        <v>0.73598219333859471</v>
      </c>
    </row>
    <row r="53021" spans="1:7" x14ac:dyDescent="0.3">
      <c r="A53021" s="13" t="s">
        <v>295</v>
      </c>
      <c r="B53021" s="14" t="s">
        <v>1</v>
      </c>
      <c r="C53021" s="14" t="s">
        <v>38</v>
      </c>
      <c r="D53021" s="14" t="s">
        <v>92</v>
      </c>
      <c r="E53021" s="15">
        <v>45472</v>
      </c>
      <c r="F53021" s="14" t="s">
        <v>28</v>
      </c>
      <c r="G53021" s="16">
        <v>0.73598219333859471</v>
      </c>
    </row>
    <row r="53022" spans="1:7" x14ac:dyDescent="0.3">
      <c r="A53022" s="13" t="s">
        <v>295</v>
      </c>
      <c r="B53022" s="14" t="s">
        <v>1</v>
      </c>
      <c r="C53022" s="14" t="s">
        <v>38</v>
      </c>
      <c r="D53022" s="14" t="s">
        <v>92</v>
      </c>
      <c r="E53022" s="15">
        <v>45473</v>
      </c>
      <c r="F53022" s="14" t="s">
        <v>28</v>
      </c>
      <c r="G53022" s="16">
        <v>0.73598219333859471</v>
      </c>
    </row>
    <row r="53023" spans="1:7" x14ac:dyDescent="0.3">
      <c r="A53023" s="13" t="s">
        <v>295</v>
      </c>
      <c r="B53023" s="14" t="s">
        <v>1</v>
      </c>
      <c r="C53023" s="14" t="s">
        <v>38</v>
      </c>
      <c r="D53023" s="14" t="s">
        <v>92</v>
      </c>
      <c r="E53023" s="15">
        <v>45474</v>
      </c>
      <c r="F53023" s="14" t="s">
        <v>28</v>
      </c>
      <c r="G53023" s="16">
        <v>0.7330499932112261</v>
      </c>
    </row>
    <row r="53024" spans="1:7" x14ac:dyDescent="0.3">
      <c r="A53024" s="13" t="s">
        <v>295</v>
      </c>
      <c r="B53024" s="14" t="s">
        <v>1</v>
      </c>
      <c r="C53024" s="14" t="s">
        <v>38</v>
      </c>
      <c r="D53024" s="14" t="s">
        <v>92</v>
      </c>
      <c r="E53024" s="15">
        <v>45475</v>
      </c>
      <c r="F53024" s="14" t="s">
        <v>28</v>
      </c>
      <c r="G53024" s="16">
        <v>0.71987669310333513</v>
      </c>
    </row>
    <row r="53025" spans="1:7" x14ac:dyDescent="0.3">
      <c r="A53025" s="13" t="s">
        <v>295</v>
      </c>
      <c r="B53025" s="14" t="s">
        <v>1</v>
      </c>
      <c r="C53025" s="14" t="s">
        <v>38</v>
      </c>
      <c r="D53025" s="14" t="s">
        <v>92</v>
      </c>
      <c r="E53025" s="15">
        <v>45476</v>
      </c>
      <c r="F53025" s="14" t="s">
        <v>28</v>
      </c>
      <c r="G53025" s="16">
        <v>0.7147007929973066</v>
      </c>
    </row>
    <row r="53026" spans="1:7" x14ac:dyDescent="0.3">
      <c r="A53026" s="13" t="s">
        <v>295</v>
      </c>
      <c r="B53026" s="14" t="s">
        <v>1</v>
      </c>
      <c r="C53026" s="14" t="s">
        <v>38</v>
      </c>
      <c r="D53026" s="14" t="s">
        <v>92</v>
      </c>
      <c r="E53026" s="15">
        <v>45477</v>
      </c>
      <c r="F53026" s="14" t="s">
        <v>28</v>
      </c>
      <c r="G53026" s="16">
        <v>0.70964249289058834</v>
      </c>
    </row>
    <row r="53027" spans="1:7" x14ac:dyDescent="0.3">
      <c r="A53027" s="13" t="s">
        <v>295</v>
      </c>
      <c r="B53027" s="14" t="s">
        <v>1</v>
      </c>
      <c r="C53027" s="14" t="s">
        <v>38</v>
      </c>
      <c r="D53027" s="14" t="s">
        <v>92</v>
      </c>
      <c r="E53027" s="15">
        <v>45478</v>
      </c>
      <c r="F53027" s="14" t="s">
        <v>28</v>
      </c>
      <c r="G53027" s="16">
        <v>0.79555599279168188</v>
      </c>
    </row>
    <row r="53028" spans="1:7" x14ac:dyDescent="0.3">
      <c r="A53028" s="13" t="s">
        <v>295</v>
      </c>
      <c r="B53028" s="14" t="s">
        <v>1</v>
      </c>
      <c r="C53028" s="14" t="s">
        <v>38</v>
      </c>
      <c r="D53028" s="14" t="s">
        <v>92</v>
      </c>
      <c r="E53028" s="15">
        <v>45479</v>
      </c>
      <c r="F53028" s="14" t="s">
        <v>28</v>
      </c>
      <c r="G53028" s="16">
        <v>0.79555599279168188</v>
      </c>
    </row>
    <row r="53029" spans="1:7" x14ac:dyDescent="0.3">
      <c r="A53029" s="13" t="s">
        <v>295</v>
      </c>
      <c r="B53029" s="14" t="s">
        <v>1</v>
      </c>
      <c r="C53029" s="14" t="s">
        <v>38</v>
      </c>
      <c r="D53029" s="14" t="s">
        <v>92</v>
      </c>
      <c r="E53029" s="15">
        <v>45480</v>
      </c>
      <c r="F53029" s="14" t="s">
        <v>28</v>
      </c>
      <c r="G53029" s="16">
        <v>0.79555599279168188</v>
      </c>
    </row>
    <row r="53030" spans="1:7" x14ac:dyDescent="0.3">
      <c r="A53030" s="13" t="s">
        <v>295</v>
      </c>
      <c r="B53030" s="14" t="s">
        <v>1</v>
      </c>
      <c r="C53030" s="14" t="s">
        <v>38</v>
      </c>
      <c r="D53030" s="14" t="s">
        <v>92</v>
      </c>
      <c r="E53030" s="15">
        <v>45481</v>
      </c>
      <c r="F53030" s="14" t="s">
        <v>28</v>
      </c>
      <c r="G53030" s="16">
        <v>0.80442119266835699</v>
      </c>
    </row>
    <row r="53031" spans="1:7" x14ac:dyDescent="0.3">
      <c r="A53031" s="13" t="s">
        <v>295</v>
      </c>
      <c r="B53031" s="14" t="s">
        <v>1</v>
      </c>
      <c r="C53031" s="14" t="s">
        <v>38</v>
      </c>
      <c r="D53031" s="14" t="s">
        <v>92</v>
      </c>
      <c r="E53031" s="15">
        <v>45482</v>
      </c>
      <c r="F53031" s="14" t="s">
        <v>28</v>
      </c>
      <c r="G53031" s="16">
        <v>0.79274349254756715</v>
      </c>
    </row>
    <row r="53032" spans="1:7" x14ac:dyDescent="0.3">
      <c r="A53032" s="13" t="s">
        <v>295</v>
      </c>
      <c r="B53032" s="14" t="s">
        <v>1</v>
      </c>
      <c r="C53032" s="14" t="s">
        <v>38</v>
      </c>
      <c r="D53032" s="14" t="s">
        <v>92</v>
      </c>
      <c r="E53032" s="15">
        <v>45483</v>
      </c>
      <c r="F53032" s="14" t="s">
        <v>28</v>
      </c>
      <c r="G53032" s="16">
        <v>0.78758239244177142</v>
      </c>
    </row>
    <row r="53033" spans="1:7" x14ac:dyDescent="0.3">
      <c r="A53033" s="13" t="s">
        <v>295</v>
      </c>
      <c r="B53033" s="14" t="s">
        <v>1</v>
      </c>
      <c r="C53033" s="14" t="s">
        <v>38</v>
      </c>
      <c r="D53033" s="14" t="s">
        <v>92</v>
      </c>
      <c r="E53033" s="15">
        <v>45484</v>
      </c>
      <c r="F53033" s="14" t="s">
        <v>28</v>
      </c>
      <c r="G53033" s="16">
        <v>0.88329919236077348</v>
      </c>
    </row>
    <row r="53034" spans="1:7" x14ac:dyDescent="0.3">
      <c r="A53034" s="13" t="s">
        <v>295</v>
      </c>
      <c r="B53034" s="14" t="s">
        <v>1</v>
      </c>
      <c r="C53034" s="14" t="s">
        <v>38</v>
      </c>
      <c r="D53034" s="14" t="s">
        <v>92</v>
      </c>
      <c r="E53034" s="15">
        <v>45485</v>
      </c>
      <c r="F53034" s="14" t="s">
        <v>28</v>
      </c>
      <c r="G53034" s="16">
        <v>0.90235839225427061</v>
      </c>
    </row>
    <row r="53035" spans="1:7" x14ac:dyDescent="0.3">
      <c r="A53035" s="13" t="s">
        <v>295</v>
      </c>
      <c r="B53035" s="14" t="s">
        <v>1</v>
      </c>
      <c r="C53035" s="14" t="s">
        <v>38</v>
      </c>
      <c r="D53035" s="14" t="s">
        <v>92</v>
      </c>
      <c r="E53035" s="15">
        <v>45486</v>
      </c>
      <c r="F53035" s="14" t="s">
        <v>28</v>
      </c>
      <c r="G53035" s="16">
        <v>0.90235839225427061</v>
      </c>
    </row>
    <row r="53036" spans="1:7" x14ac:dyDescent="0.3">
      <c r="A53036" s="13" t="s">
        <v>295</v>
      </c>
      <c r="B53036" s="14" t="s">
        <v>1</v>
      </c>
      <c r="C53036" s="14" t="s">
        <v>38</v>
      </c>
      <c r="D53036" s="14" t="s">
        <v>92</v>
      </c>
      <c r="E53036" s="15">
        <v>45487</v>
      </c>
      <c r="F53036" s="14" t="s">
        <v>28</v>
      </c>
      <c r="G53036" s="16">
        <v>0.90235839225427061</v>
      </c>
    </row>
    <row r="53037" spans="1:7" x14ac:dyDescent="0.3">
      <c r="A53037" s="13" t="s">
        <v>295</v>
      </c>
      <c r="B53037" s="14" t="s">
        <v>1</v>
      </c>
      <c r="C53037" s="14" t="s">
        <v>38</v>
      </c>
      <c r="D53037" s="14" t="s">
        <v>92</v>
      </c>
      <c r="E53037" s="15">
        <v>45488</v>
      </c>
      <c r="F53037" s="14" t="s">
        <v>28</v>
      </c>
      <c r="G53037" s="16">
        <v>0.90027899212165952</v>
      </c>
    </row>
    <row r="53038" spans="1:7" x14ac:dyDescent="0.3">
      <c r="A53038" s="13" t="s">
        <v>295</v>
      </c>
      <c r="B53038" s="14" t="s">
        <v>1</v>
      </c>
      <c r="C53038" s="14" t="s">
        <v>38</v>
      </c>
      <c r="D53038" s="14" t="s">
        <v>92</v>
      </c>
      <c r="E53038" s="15">
        <v>45489</v>
      </c>
      <c r="F53038" s="14" t="s">
        <v>28</v>
      </c>
      <c r="G53038" s="16">
        <v>0.88838399200401685</v>
      </c>
    </row>
    <row r="53039" spans="1:7" x14ac:dyDescent="0.3">
      <c r="A53039" s="13" t="s">
        <v>295</v>
      </c>
      <c r="B53039" s="14" t="s">
        <v>1</v>
      </c>
      <c r="C53039" s="14" t="s">
        <v>38</v>
      </c>
      <c r="D53039" s="14" t="s">
        <v>92</v>
      </c>
      <c r="E53039" s="15">
        <v>45490</v>
      </c>
      <c r="F53039" s="14" t="s">
        <v>28</v>
      </c>
      <c r="G53039" s="16">
        <v>0.93990079190744702</v>
      </c>
    </row>
    <row r="53040" spans="1:7" x14ac:dyDescent="0.3">
      <c r="A53040" s="13" t="s">
        <v>295</v>
      </c>
      <c r="B53040" s="14" t="s">
        <v>1</v>
      </c>
      <c r="C53040" s="14" t="s">
        <v>38</v>
      </c>
      <c r="D53040" s="14" t="s">
        <v>92</v>
      </c>
      <c r="E53040" s="15">
        <v>45491</v>
      </c>
      <c r="F53040" s="14" t="s">
        <v>28</v>
      </c>
      <c r="G53040" s="16">
        <v>0.93790259177408564</v>
      </c>
    </row>
    <row r="53041" spans="1:7" x14ac:dyDescent="0.3">
      <c r="A53041" s="13" t="s">
        <v>295</v>
      </c>
      <c r="B53041" s="14" t="s">
        <v>1</v>
      </c>
      <c r="C53041" s="14" t="s">
        <v>38</v>
      </c>
      <c r="D53041" s="14" t="s">
        <v>92</v>
      </c>
      <c r="E53041" s="15">
        <v>45492</v>
      </c>
      <c r="F53041" s="14" t="s">
        <v>28</v>
      </c>
      <c r="G53041" s="16">
        <v>0.93463599165139899</v>
      </c>
    </row>
    <row r="53042" spans="1:7" x14ac:dyDescent="0.3">
      <c r="A53042" s="13" t="s">
        <v>295</v>
      </c>
      <c r="B53042" s="14" t="s">
        <v>1</v>
      </c>
      <c r="C53042" s="14" t="s">
        <v>38</v>
      </c>
      <c r="D53042" s="14" t="s">
        <v>92</v>
      </c>
      <c r="E53042" s="15">
        <v>45493</v>
      </c>
      <c r="F53042" s="14" t="s">
        <v>28</v>
      </c>
      <c r="G53042" s="16">
        <v>0.93463599165139899</v>
      </c>
    </row>
    <row r="53043" spans="1:7" x14ac:dyDescent="0.3">
      <c r="A53043" s="13" t="s">
        <v>295</v>
      </c>
      <c r="B53043" s="14" t="s">
        <v>1</v>
      </c>
      <c r="C53043" s="14" t="s">
        <v>38</v>
      </c>
      <c r="D53043" s="14" t="s">
        <v>92</v>
      </c>
      <c r="E53043" s="15">
        <v>45494</v>
      </c>
      <c r="F53043" s="14" t="s">
        <v>28</v>
      </c>
      <c r="G53043" s="16">
        <v>0.93463599165139899</v>
      </c>
    </row>
    <row r="53044" spans="1:7" x14ac:dyDescent="0.3">
      <c r="A53044" s="13" t="s">
        <v>295</v>
      </c>
      <c r="B53044" s="14" t="s">
        <v>1</v>
      </c>
      <c r="C53044" s="14" t="s">
        <v>38</v>
      </c>
      <c r="D53044" s="14" t="s">
        <v>92</v>
      </c>
      <c r="E53044" s="15">
        <v>45495</v>
      </c>
      <c r="F53044" s="14" t="s">
        <v>28</v>
      </c>
      <c r="G53044" s="16">
        <v>0.93108599153104021</v>
      </c>
    </row>
    <row r="53045" spans="1:7" x14ac:dyDescent="0.3">
      <c r="A53045" s="13" t="s">
        <v>295</v>
      </c>
      <c r="B53045" s="14" t="s">
        <v>1</v>
      </c>
      <c r="C53045" s="14" t="s">
        <v>38</v>
      </c>
      <c r="D53045" s="14" t="s">
        <v>92</v>
      </c>
      <c r="E53045" s="15">
        <v>45496</v>
      </c>
      <c r="F53045" s="14" t="s">
        <v>28</v>
      </c>
      <c r="G53045" s="16">
        <v>0.91897649141502691</v>
      </c>
    </row>
    <row r="53046" spans="1:7" x14ac:dyDescent="0.3">
      <c r="A53046" s="13" t="s">
        <v>295</v>
      </c>
      <c r="B53046" s="14" t="s">
        <v>1</v>
      </c>
      <c r="C53046" s="14" t="s">
        <v>38</v>
      </c>
      <c r="D53046" s="14" t="s">
        <v>92</v>
      </c>
      <c r="E53046" s="15">
        <v>45497</v>
      </c>
      <c r="F53046" s="14" t="s">
        <v>28</v>
      </c>
      <c r="G53046" s="16">
        <v>0.91351199131259397</v>
      </c>
    </row>
    <row r="53047" spans="1:7" x14ac:dyDescent="0.3">
      <c r="A53047" s="13" t="s">
        <v>295</v>
      </c>
      <c r="B53047" s="14" t="s">
        <v>1</v>
      </c>
      <c r="C53047" s="14" t="s">
        <v>38</v>
      </c>
      <c r="D53047" s="14" t="s">
        <v>92</v>
      </c>
      <c r="E53047" s="15">
        <v>45498</v>
      </c>
      <c r="F53047" s="14" t="s">
        <v>28</v>
      </c>
      <c r="G53047" s="16">
        <v>0.90941409119741723</v>
      </c>
    </row>
    <row r="53048" spans="1:7" x14ac:dyDescent="0.3">
      <c r="A53048" s="13" t="s">
        <v>295</v>
      </c>
      <c r="B53048" s="14" t="s">
        <v>1</v>
      </c>
      <c r="C53048" s="14" t="s">
        <v>38</v>
      </c>
      <c r="D53048" s="14" t="s">
        <v>92</v>
      </c>
      <c r="E53048" s="15">
        <v>45499</v>
      </c>
      <c r="F53048" s="14" t="s">
        <v>28</v>
      </c>
      <c r="G53048" s="16">
        <v>0.90444059109088881</v>
      </c>
    </row>
    <row r="53049" spans="1:7" x14ac:dyDescent="0.3">
      <c r="A53049" s="13" t="s">
        <v>295</v>
      </c>
      <c r="B53049" s="14" t="s">
        <v>1</v>
      </c>
      <c r="C53049" s="14" t="s">
        <v>38</v>
      </c>
      <c r="D53049" s="14" t="s">
        <v>92</v>
      </c>
      <c r="E53049" s="15">
        <v>45500</v>
      </c>
      <c r="F53049" s="14" t="s">
        <v>28</v>
      </c>
      <c r="G53049" s="16">
        <v>0.90444059109088881</v>
      </c>
    </row>
    <row r="53050" spans="1:7" x14ac:dyDescent="0.3">
      <c r="A53050" s="13" t="s">
        <v>295</v>
      </c>
      <c r="B53050" s="14" t="s">
        <v>1</v>
      </c>
      <c r="C53050" s="14" t="s">
        <v>38</v>
      </c>
      <c r="D53050" s="14" t="s">
        <v>92</v>
      </c>
      <c r="E53050" s="15">
        <v>45501</v>
      </c>
      <c r="F53050" s="14" t="s">
        <v>28</v>
      </c>
      <c r="G53050" s="16">
        <v>0.90444059109088881</v>
      </c>
    </row>
    <row r="53051" spans="1:7" x14ac:dyDescent="0.3">
      <c r="A53051" s="13" t="s">
        <v>295</v>
      </c>
      <c r="B53051" s="14" t="s">
        <v>1</v>
      </c>
      <c r="C53051" s="14" t="s">
        <v>38</v>
      </c>
      <c r="D53051" s="14" t="s">
        <v>92</v>
      </c>
      <c r="E53051" s="15">
        <v>45502</v>
      </c>
      <c r="F53051" s="14" t="s">
        <v>28</v>
      </c>
      <c r="G53051" s="16">
        <v>0.93500639096509786</v>
      </c>
    </row>
    <row r="53052" spans="1:7" x14ac:dyDescent="0.3">
      <c r="A53052" s="13" t="s">
        <v>295</v>
      </c>
      <c r="B53052" s="14" t="s">
        <v>1</v>
      </c>
      <c r="C53052" s="14" t="s">
        <v>38</v>
      </c>
      <c r="D53052" s="14" t="s">
        <v>92</v>
      </c>
      <c r="E53052" s="15">
        <v>45503</v>
      </c>
      <c r="F53052" s="14" t="s">
        <v>28</v>
      </c>
      <c r="G53052" s="16">
        <v>0.92209139085743985</v>
      </c>
    </row>
    <row r="53053" spans="1:7" x14ac:dyDescent="0.3">
      <c r="A53053" s="13" t="s">
        <v>295</v>
      </c>
      <c r="B53053" s="14" t="s">
        <v>1</v>
      </c>
      <c r="C53053" s="14" t="s">
        <v>38</v>
      </c>
      <c r="D53053" s="14" t="s">
        <v>92</v>
      </c>
      <c r="E53053" s="15">
        <v>45504</v>
      </c>
      <c r="F53053" s="14" t="s">
        <v>28</v>
      </c>
      <c r="G53053" s="16">
        <v>0.91361879078654729</v>
      </c>
    </row>
    <row r="53054" spans="1:7" x14ac:dyDescent="0.3">
      <c r="A53054" s="13" t="s">
        <v>295</v>
      </c>
      <c r="B53054" s="14" t="s">
        <v>1</v>
      </c>
      <c r="C53054" s="14" t="s">
        <v>38</v>
      </c>
      <c r="D53054" s="14" t="s">
        <v>92</v>
      </c>
      <c r="E53054" s="15">
        <v>45505</v>
      </c>
      <c r="F53054" s="14" t="s">
        <v>28</v>
      </c>
      <c r="G53054" s="16">
        <v>0.91029269066439489</v>
      </c>
    </row>
    <row r="53055" spans="1:7" x14ac:dyDescent="0.3">
      <c r="A53055" s="13" t="s">
        <v>295</v>
      </c>
      <c r="B53055" s="14" t="s">
        <v>1</v>
      </c>
      <c r="C53055" s="14" t="s">
        <v>38</v>
      </c>
      <c r="D53055" s="14" t="s">
        <v>92</v>
      </c>
      <c r="E53055" s="15">
        <v>45506</v>
      </c>
      <c r="F53055" s="14" t="s">
        <v>28</v>
      </c>
      <c r="G53055" s="16">
        <v>0.8995025906198435</v>
      </c>
    </row>
    <row r="53056" spans="1:7" x14ac:dyDescent="0.3">
      <c r="A53056" s="13" t="s">
        <v>295</v>
      </c>
      <c r="B53056" s="14" t="s">
        <v>1</v>
      </c>
      <c r="C53056" s="14" t="s">
        <v>38</v>
      </c>
      <c r="D53056" s="14" t="s">
        <v>92</v>
      </c>
      <c r="E53056" s="15">
        <v>45507</v>
      </c>
      <c r="F53056" s="14" t="s">
        <v>28</v>
      </c>
      <c r="G53056" s="16">
        <v>0.8995025906198435</v>
      </c>
    </row>
    <row r="53057" spans="1:7" x14ac:dyDescent="0.3">
      <c r="A53057" s="13" t="s">
        <v>295</v>
      </c>
      <c r="B53057" s="14" t="s">
        <v>1</v>
      </c>
      <c r="C53057" s="14" t="s">
        <v>38</v>
      </c>
      <c r="D53057" s="14" t="s">
        <v>92</v>
      </c>
      <c r="E53057" s="15">
        <v>45508</v>
      </c>
      <c r="F53057" s="14" t="s">
        <v>28</v>
      </c>
      <c r="G53057" s="16">
        <v>0.8995025906198435</v>
      </c>
    </row>
    <row r="53058" spans="1:7" x14ac:dyDescent="0.3">
      <c r="A53058" s="13" t="s">
        <v>295</v>
      </c>
      <c r="B53058" s="14" t="s">
        <v>1</v>
      </c>
      <c r="C53058" s="14" t="s">
        <v>38</v>
      </c>
      <c r="D53058" s="14" t="s">
        <v>92</v>
      </c>
      <c r="E53058" s="15">
        <v>45509</v>
      </c>
      <c r="F53058" s="14" t="s">
        <v>28</v>
      </c>
      <c r="G53058" s="16">
        <v>0.8995025906198435</v>
      </c>
    </row>
    <row r="53059" spans="1:7" x14ac:dyDescent="0.3">
      <c r="A53059" s="13" t="s">
        <v>295</v>
      </c>
      <c r="B53059" s="14" t="s">
        <v>1</v>
      </c>
      <c r="C53059" s="14" t="s">
        <v>38</v>
      </c>
      <c r="D53059" s="14" t="s">
        <v>92</v>
      </c>
      <c r="E53059" s="15">
        <v>45510</v>
      </c>
      <c r="F53059" s="14" t="s">
        <v>28</v>
      </c>
      <c r="G53059" s="16">
        <v>0.89444249051690183</v>
      </c>
    </row>
    <row r="53060" spans="1:7" x14ac:dyDescent="0.3">
      <c r="A53060" s="13" t="s">
        <v>295</v>
      </c>
      <c r="B53060" s="14" t="s">
        <v>1</v>
      </c>
      <c r="C53060" s="14" t="s">
        <v>38</v>
      </c>
      <c r="D53060" s="14" t="s">
        <v>92</v>
      </c>
      <c r="E53060" s="15">
        <v>45511</v>
      </c>
      <c r="F53060" s="14" t="s">
        <v>28</v>
      </c>
      <c r="G53060" s="16">
        <v>0.88955899038381647</v>
      </c>
    </row>
    <row r="53061" spans="1:7" x14ac:dyDescent="0.3">
      <c r="A53061" s="13" t="s">
        <v>295</v>
      </c>
      <c r="B53061" s="14" t="s">
        <v>1</v>
      </c>
      <c r="C53061" s="14" t="s">
        <v>38</v>
      </c>
      <c r="D53061" s="14" t="s">
        <v>92</v>
      </c>
      <c r="E53061" s="15">
        <v>45512</v>
      </c>
      <c r="F53061" s="14" t="s">
        <v>28</v>
      </c>
      <c r="G53061" s="16">
        <v>0.88397509028692756</v>
      </c>
    </row>
    <row r="53062" spans="1:7" x14ac:dyDescent="0.3">
      <c r="A53062" s="13" t="s">
        <v>295</v>
      </c>
      <c r="B53062" s="14" t="s">
        <v>1</v>
      </c>
      <c r="C53062" s="14" t="s">
        <v>38</v>
      </c>
      <c r="D53062" s="14" t="s">
        <v>92</v>
      </c>
      <c r="E53062" s="15">
        <v>45513</v>
      </c>
      <c r="F53062" s="14" t="s">
        <v>28</v>
      </c>
      <c r="G53062" s="16">
        <v>0.88397509028692756</v>
      </c>
    </row>
    <row r="53063" spans="1:7" x14ac:dyDescent="0.3">
      <c r="A53063" s="13" t="s">
        <v>295</v>
      </c>
      <c r="B53063" s="14" t="s">
        <v>1</v>
      </c>
      <c r="C53063" s="14" t="s">
        <v>38</v>
      </c>
      <c r="D53063" s="14" t="s">
        <v>92</v>
      </c>
      <c r="E53063" s="15">
        <v>45514</v>
      </c>
      <c r="F53063" s="14" t="s">
        <v>28</v>
      </c>
      <c r="G53063" s="16">
        <v>0.88397509028692756</v>
      </c>
    </row>
    <row r="53064" spans="1:7" x14ac:dyDescent="0.3">
      <c r="A53064" s="13" t="s">
        <v>295</v>
      </c>
      <c r="B53064" s="14" t="s">
        <v>1</v>
      </c>
      <c r="C53064" s="14" t="s">
        <v>38</v>
      </c>
      <c r="D53064" s="14" t="s">
        <v>92</v>
      </c>
      <c r="E53064" s="15">
        <v>45515</v>
      </c>
      <c r="F53064" s="14" t="s">
        <v>28</v>
      </c>
      <c r="G53064" s="16">
        <v>0.88397509028692756</v>
      </c>
    </row>
    <row r="53065" spans="1:7" x14ac:dyDescent="0.3">
      <c r="A53065" s="13" t="s">
        <v>295</v>
      </c>
      <c r="B53065" s="14" t="s">
        <v>1</v>
      </c>
      <c r="C53065" s="14" t="s">
        <v>38</v>
      </c>
      <c r="D53065" s="14" t="s">
        <v>92</v>
      </c>
      <c r="E53065" s="15">
        <v>45516</v>
      </c>
      <c r="F53065" s="14" t="s">
        <v>28</v>
      </c>
      <c r="G53065" s="16">
        <v>0.87913599018229605</v>
      </c>
    </row>
    <row r="53066" spans="1:7" x14ac:dyDescent="0.3">
      <c r="A53066" s="13" t="s">
        <v>295</v>
      </c>
      <c r="B53066" s="14" t="s">
        <v>1</v>
      </c>
      <c r="C53066" s="14" t="s">
        <v>38</v>
      </c>
      <c r="D53066" s="14" t="s">
        <v>92</v>
      </c>
      <c r="E53066" s="15">
        <v>45517</v>
      </c>
      <c r="F53066" s="14" t="s">
        <v>28</v>
      </c>
      <c r="G53066" s="16">
        <v>0.96404399012064645</v>
      </c>
    </row>
    <row r="53067" spans="1:7" x14ac:dyDescent="0.3">
      <c r="A53067" s="13" t="s">
        <v>295</v>
      </c>
      <c r="B53067" s="14" t="s">
        <v>1</v>
      </c>
      <c r="C53067" s="14" t="s">
        <v>38</v>
      </c>
      <c r="D53067" s="14" t="s">
        <v>92</v>
      </c>
      <c r="E53067" s="15">
        <v>45518</v>
      </c>
      <c r="F53067" s="14" t="s">
        <v>28</v>
      </c>
      <c r="G53067" s="16">
        <v>1.0195899900177134</v>
      </c>
    </row>
    <row r="53068" spans="1:7" x14ac:dyDescent="0.3">
      <c r="A53068" s="13" t="s">
        <v>295</v>
      </c>
      <c r="B53068" s="14" t="s">
        <v>1</v>
      </c>
      <c r="C53068" s="14" t="s">
        <v>38</v>
      </c>
      <c r="D53068" s="14" t="s">
        <v>92</v>
      </c>
      <c r="E53068" s="15">
        <v>45519</v>
      </c>
      <c r="F53068" s="14" t="s">
        <v>28</v>
      </c>
      <c r="G53068" s="16">
        <v>1.0208927898520961</v>
      </c>
    </row>
    <row r="53069" spans="1:7" x14ac:dyDescent="0.3">
      <c r="A53069" s="13" t="s">
        <v>295</v>
      </c>
      <c r="B53069" s="14" t="s">
        <v>1</v>
      </c>
      <c r="C53069" s="14" t="s">
        <v>38</v>
      </c>
      <c r="D53069" s="14" t="s">
        <v>92</v>
      </c>
      <c r="E53069" s="15">
        <v>45520</v>
      </c>
      <c r="F53069" s="14" t="s">
        <v>28</v>
      </c>
      <c r="G53069" s="16">
        <v>1.1456262897931713</v>
      </c>
    </row>
    <row r="53070" spans="1:7" x14ac:dyDescent="0.3">
      <c r="A53070" s="13" t="s">
        <v>295</v>
      </c>
      <c r="B53070" s="14" t="s">
        <v>1</v>
      </c>
      <c r="C53070" s="14" t="s">
        <v>38</v>
      </c>
      <c r="D53070" s="14" t="s">
        <v>92</v>
      </c>
      <c r="E53070" s="15">
        <v>45521</v>
      </c>
      <c r="F53070" s="14" t="s">
        <v>28</v>
      </c>
      <c r="G53070" s="16">
        <v>1.1456262897931713</v>
      </c>
    </row>
    <row r="53071" spans="1:7" x14ac:dyDescent="0.3">
      <c r="A53071" s="13" t="s">
        <v>295</v>
      </c>
      <c r="B53071" s="14" t="s">
        <v>1</v>
      </c>
      <c r="C53071" s="14" t="s">
        <v>38</v>
      </c>
      <c r="D53071" s="14" t="s">
        <v>92</v>
      </c>
      <c r="E53071" s="15">
        <v>45522</v>
      </c>
      <c r="F53071" s="14" t="s">
        <v>28</v>
      </c>
      <c r="G53071" s="16">
        <v>1.1456262897931713</v>
      </c>
    </row>
    <row r="53072" spans="1:7" x14ac:dyDescent="0.3">
      <c r="A53072" s="13" t="s">
        <v>295</v>
      </c>
      <c r="B53072" s="14" t="s">
        <v>1</v>
      </c>
      <c r="C53072" s="14" t="s">
        <v>38</v>
      </c>
      <c r="D53072" s="14" t="s">
        <v>92</v>
      </c>
      <c r="E53072" s="15">
        <v>45523</v>
      </c>
      <c r="F53072" s="14" t="s">
        <v>28</v>
      </c>
      <c r="G53072" s="16">
        <v>1.1351703897386094</v>
      </c>
    </row>
    <row r="53073" spans="1:7" x14ac:dyDescent="0.3">
      <c r="A53073" s="13" t="s">
        <v>295</v>
      </c>
      <c r="B53073" s="14" t="s">
        <v>1</v>
      </c>
      <c r="C53073" s="14" t="s">
        <v>38</v>
      </c>
      <c r="D53073" s="14" t="s">
        <v>92</v>
      </c>
      <c r="E53073" s="15">
        <v>45524</v>
      </c>
      <c r="F53073" s="14" t="s">
        <v>28</v>
      </c>
      <c r="G53073" s="16">
        <v>1.1190035896544039</v>
      </c>
    </row>
    <row r="53074" spans="1:7" x14ac:dyDescent="0.3">
      <c r="A53074" s="13" t="s">
        <v>295</v>
      </c>
      <c r="B53074" s="14" t="s">
        <v>1</v>
      </c>
      <c r="C53074" s="14" t="s">
        <v>38</v>
      </c>
      <c r="D53074" s="14" t="s">
        <v>92</v>
      </c>
      <c r="E53074" s="15">
        <v>45525</v>
      </c>
      <c r="F53074" s="14" t="s">
        <v>28</v>
      </c>
      <c r="G53074" s="16">
        <v>1.1156039895371404</v>
      </c>
    </row>
    <row r="53075" spans="1:7" x14ac:dyDescent="0.3">
      <c r="A53075" s="13" t="s">
        <v>295</v>
      </c>
      <c r="B53075" s="14" t="s">
        <v>1</v>
      </c>
      <c r="C53075" s="14" t="s">
        <v>38</v>
      </c>
      <c r="D53075" s="14" t="s">
        <v>92</v>
      </c>
      <c r="E53075" s="15">
        <v>45526</v>
      </c>
      <c r="F53075" s="14" t="s">
        <v>28</v>
      </c>
      <c r="G53075" s="16">
        <v>1.116631189377628</v>
      </c>
    </row>
    <row r="53076" spans="1:7" x14ac:dyDescent="0.3">
      <c r="A53076" s="13" t="s">
        <v>295</v>
      </c>
      <c r="B53076" s="14" t="s">
        <v>1</v>
      </c>
      <c r="C53076" s="14" t="s">
        <v>38</v>
      </c>
      <c r="D53076" s="14" t="s">
        <v>92</v>
      </c>
      <c r="E53076" s="15">
        <v>45527</v>
      </c>
      <c r="F53076" s="14" t="s">
        <v>28</v>
      </c>
      <c r="G53076" s="16">
        <v>1.1037848893506315</v>
      </c>
    </row>
    <row r="53077" spans="1:7" x14ac:dyDescent="0.3">
      <c r="A53077" s="13" t="s">
        <v>295</v>
      </c>
      <c r="B53077" s="14" t="s">
        <v>1</v>
      </c>
      <c r="C53077" s="14" t="s">
        <v>38</v>
      </c>
      <c r="D53077" s="14" t="s">
        <v>92</v>
      </c>
      <c r="E53077" s="15">
        <v>45528</v>
      </c>
      <c r="F53077" s="14" t="s">
        <v>28</v>
      </c>
      <c r="G53077" s="16">
        <v>1.1037848893506315</v>
      </c>
    </row>
    <row r="53078" spans="1:7" x14ac:dyDescent="0.3">
      <c r="A53078" s="13" t="s">
        <v>295</v>
      </c>
      <c r="B53078" s="14" t="s">
        <v>1</v>
      </c>
      <c r="C53078" s="14" t="s">
        <v>38</v>
      </c>
      <c r="D53078" s="14" t="s">
        <v>92</v>
      </c>
      <c r="E53078" s="15">
        <v>45529</v>
      </c>
      <c r="F53078" s="14" t="s">
        <v>28</v>
      </c>
      <c r="G53078" s="16">
        <v>1.1037848893506315</v>
      </c>
    </row>
    <row r="53079" spans="1:7" x14ac:dyDescent="0.3">
      <c r="A53079" s="13" t="s">
        <v>295</v>
      </c>
      <c r="B53079" s="14" t="s">
        <v>1</v>
      </c>
      <c r="C53079" s="14" t="s">
        <v>38</v>
      </c>
      <c r="D53079" s="14" t="s">
        <v>92</v>
      </c>
      <c r="E53079" s="15">
        <v>45530</v>
      </c>
      <c r="F53079" s="14" t="s">
        <v>28</v>
      </c>
      <c r="G53079" s="16">
        <v>1.1030993892070788</v>
      </c>
    </row>
    <row r="53080" spans="1:7" x14ac:dyDescent="0.3">
      <c r="A53080" s="13" t="s">
        <v>295</v>
      </c>
      <c r="B53080" s="14" t="s">
        <v>1</v>
      </c>
      <c r="C53080" s="14" t="s">
        <v>38</v>
      </c>
      <c r="D53080" s="14" t="s">
        <v>92</v>
      </c>
      <c r="E53080" s="15">
        <v>45531</v>
      </c>
      <c r="F53080" s="14" t="s">
        <v>28</v>
      </c>
      <c r="G53080" s="16">
        <v>1.1292679891189068</v>
      </c>
    </row>
    <row r="53081" spans="1:7" x14ac:dyDescent="0.3">
      <c r="A53081" s="13" t="s">
        <v>295</v>
      </c>
      <c r="B53081" s="14" t="s">
        <v>1</v>
      </c>
      <c r="C53081" s="14" t="s">
        <v>38</v>
      </c>
      <c r="D53081" s="14" t="s">
        <v>92</v>
      </c>
      <c r="E53081" s="15">
        <v>45532</v>
      </c>
      <c r="F53081" s="14" t="s">
        <v>28</v>
      </c>
      <c r="G53081" s="16">
        <v>1.127440988986451</v>
      </c>
    </row>
    <row r="53082" spans="1:7" x14ac:dyDescent="0.3">
      <c r="A53082" s="13" t="s">
        <v>295</v>
      </c>
      <c r="B53082" s="14" t="s">
        <v>1</v>
      </c>
      <c r="C53082" s="14" t="s">
        <v>38</v>
      </c>
      <c r="D53082" s="14" t="s">
        <v>92</v>
      </c>
      <c r="E53082" s="15">
        <v>45533</v>
      </c>
      <c r="F53082" s="14" t="s">
        <v>28</v>
      </c>
      <c r="G53082" s="16">
        <v>1.1228411888808969</v>
      </c>
    </row>
    <row r="53083" spans="1:7" x14ac:dyDescent="0.3">
      <c r="A53083" s="13" t="s">
        <v>295</v>
      </c>
      <c r="B53083" s="14" t="s">
        <v>1</v>
      </c>
      <c r="C53083" s="14" t="s">
        <v>38</v>
      </c>
      <c r="D53083" s="14" t="s">
        <v>92</v>
      </c>
      <c r="E53083" s="15">
        <v>45534</v>
      </c>
      <c r="F53083" s="14" t="s">
        <v>28</v>
      </c>
      <c r="G53083" s="16">
        <v>1.1222834887349558</v>
      </c>
    </row>
    <row r="53084" spans="1:7" x14ac:dyDescent="0.3">
      <c r="A53084" s="13" t="s">
        <v>295</v>
      </c>
      <c r="B53084" s="14" t="s">
        <v>1</v>
      </c>
      <c r="C53084" s="14" t="s">
        <v>38</v>
      </c>
      <c r="D53084" s="14" t="s">
        <v>92</v>
      </c>
      <c r="E53084" s="15">
        <v>45535</v>
      </c>
      <c r="F53084" s="14" t="s">
        <v>28</v>
      </c>
      <c r="G53084" s="16">
        <v>1.1222834887349558</v>
      </c>
    </row>
    <row r="53085" spans="1:7" x14ac:dyDescent="0.3">
      <c r="A53085" s="13" t="s">
        <v>295</v>
      </c>
      <c r="B53085" s="14" t="s">
        <v>1</v>
      </c>
      <c r="C53085" s="14" t="s">
        <v>38</v>
      </c>
      <c r="D53085" s="14" t="s">
        <v>92</v>
      </c>
      <c r="E53085" s="15">
        <v>45536</v>
      </c>
      <c r="F53085" s="14" t="s">
        <v>28</v>
      </c>
      <c r="G53085" s="16">
        <v>1.1222834887349558</v>
      </c>
    </row>
    <row r="53086" spans="1:7" x14ac:dyDescent="0.3">
      <c r="A53086" s="13" t="s">
        <v>295</v>
      </c>
      <c r="B53086" s="14" t="s">
        <v>1</v>
      </c>
      <c r="C53086" s="14" t="s">
        <v>38</v>
      </c>
      <c r="D53086" s="14" t="s">
        <v>92</v>
      </c>
      <c r="E53086" s="15">
        <v>45537</v>
      </c>
      <c r="F53086" s="14" t="s">
        <v>28</v>
      </c>
      <c r="G53086" s="16">
        <v>1.1187919886179509</v>
      </c>
    </row>
    <row r="53087" spans="1:7" x14ac:dyDescent="0.3">
      <c r="A53087" s="13" t="s">
        <v>295</v>
      </c>
      <c r="B53087" s="14" t="s">
        <v>1</v>
      </c>
      <c r="C53087" s="14" t="s">
        <v>38</v>
      </c>
      <c r="D53087" s="14" t="s">
        <v>92</v>
      </c>
      <c r="E53087" s="15">
        <v>45538</v>
      </c>
      <c r="F53087" s="14" t="s">
        <v>28</v>
      </c>
      <c r="G53087" s="16">
        <v>1.105806588504378</v>
      </c>
    </row>
    <row r="53088" spans="1:7" x14ac:dyDescent="0.3">
      <c r="A53088" s="13" t="s">
        <v>295</v>
      </c>
      <c r="B53088" s="14" t="s">
        <v>1</v>
      </c>
      <c r="C53088" s="14" t="s">
        <v>38</v>
      </c>
      <c r="D53088" s="14" t="s">
        <v>92</v>
      </c>
      <c r="E53088" s="15">
        <v>45539</v>
      </c>
      <c r="F53088" s="14" t="s">
        <v>28</v>
      </c>
      <c r="G53088" s="16">
        <v>1.0990190884218713</v>
      </c>
    </row>
    <row r="53089" spans="1:7" x14ac:dyDescent="0.3">
      <c r="A53089" s="13" t="s">
        <v>295</v>
      </c>
      <c r="B53089" s="14" t="s">
        <v>1</v>
      </c>
      <c r="C53089" s="14" t="s">
        <v>38</v>
      </c>
      <c r="D53089" s="14" t="s">
        <v>92</v>
      </c>
      <c r="E53089" s="15">
        <v>45540</v>
      </c>
      <c r="F53089" s="14" t="s">
        <v>28</v>
      </c>
      <c r="G53089" s="16">
        <v>1.0919999883426408</v>
      </c>
    </row>
    <row r="53090" spans="1:7" x14ac:dyDescent="0.3">
      <c r="A53090" s="13" t="s">
        <v>295</v>
      </c>
      <c r="B53090" s="14" t="s">
        <v>1</v>
      </c>
      <c r="C53090" s="14" t="s">
        <v>38</v>
      </c>
      <c r="D53090" s="14" t="s">
        <v>92</v>
      </c>
      <c r="E53090" s="15">
        <v>45541</v>
      </c>
      <c r="F53090" s="14" t="s">
        <v>28</v>
      </c>
      <c r="G53090" s="16">
        <v>1.1070399882088224</v>
      </c>
    </row>
    <row r="53091" spans="1:7" x14ac:dyDescent="0.3">
      <c r="A53091" s="13" t="s">
        <v>295</v>
      </c>
      <c r="B53091" s="14" t="s">
        <v>1</v>
      </c>
      <c r="C53091" s="14" t="s">
        <v>38</v>
      </c>
      <c r="D53091" s="14" t="s">
        <v>92</v>
      </c>
      <c r="E53091" s="15">
        <v>45542</v>
      </c>
      <c r="F53091" s="14" t="s">
        <v>28</v>
      </c>
      <c r="G53091" s="16">
        <v>1.1070399882088224</v>
      </c>
    </row>
    <row r="53092" spans="1:7" x14ac:dyDescent="0.3">
      <c r="A53092" s="13" t="s">
        <v>295</v>
      </c>
      <c r="B53092" s="14" t="s">
        <v>1</v>
      </c>
      <c r="C53092" s="14" t="s">
        <v>38</v>
      </c>
      <c r="D53092" s="14" t="s">
        <v>92</v>
      </c>
      <c r="E53092" s="15">
        <v>45543</v>
      </c>
      <c r="F53092" s="14" t="s">
        <v>28</v>
      </c>
      <c r="G53092" s="16">
        <v>1.1070399882088224</v>
      </c>
    </row>
    <row r="53093" spans="1:7" x14ac:dyDescent="0.3">
      <c r="A53093" s="13" t="s">
        <v>295</v>
      </c>
      <c r="B53093" s="14" t="s">
        <v>1</v>
      </c>
      <c r="C53093" s="14" t="s">
        <v>38</v>
      </c>
      <c r="D53093" s="14" t="s">
        <v>92</v>
      </c>
      <c r="E53093" s="15">
        <v>45544</v>
      </c>
      <c r="F53093" s="14" t="s">
        <v>28</v>
      </c>
      <c r="G53093" s="16">
        <v>1.1173367880700205</v>
      </c>
    </row>
    <row r="53094" spans="1:7" x14ac:dyDescent="0.3">
      <c r="A53094" s="13" t="s">
        <v>295</v>
      </c>
      <c r="B53094" s="14" t="s">
        <v>1</v>
      </c>
      <c r="C53094" s="14" t="s">
        <v>38</v>
      </c>
      <c r="D53094" s="14" t="s">
        <v>92</v>
      </c>
      <c r="E53094" s="15">
        <v>45545</v>
      </c>
      <c r="F53094" s="14" t="s">
        <v>28</v>
      </c>
      <c r="G53094" s="16">
        <v>1.1686527879666995</v>
      </c>
    </row>
    <row r="53095" spans="1:7" x14ac:dyDescent="0.3">
      <c r="A53095" s="13" t="s">
        <v>295</v>
      </c>
      <c r="B53095" s="14" t="s">
        <v>1</v>
      </c>
      <c r="C53095" s="14" t="s">
        <v>38</v>
      </c>
      <c r="D53095" s="14" t="s">
        <v>92</v>
      </c>
      <c r="E53095" s="15">
        <v>45546</v>
      </c>
      <c r="F53095" s="14" t="s">
        <v>28</v>
      </c>
      <c r="G53095" s="16">
        <v>1.1641147878607572</v>
      </c>
    </row>
    <row r="53096" spans="1:7" x14ac:dyDescent="0.3">
      <c r="A53096" s="13" t="s">
        <v>295</v>
      </c>
      <c r="B53096" s="14" t="s">
        <v>1</v>
      </c>
      <c r="C53096" s="14" t="s">
        <v>38</v>
      </c>
      <c r="D53096" s="14" t="s">
        <v>92</v>
      </c>
      <c r="E53096" s="15">
        <v>45547</v>
      </c>
      <c r="F53096" s="14" t="s">
        <v>28</v>
      </c>
      <c r="G53096" s="16">
        <v>1.2206193877699729</v>
      </c>
    </row>
    <row r="53097" spans="1:7" x14ac:dyDescent="0.3">
      <c r="A53097" s="13" t="s">
        <v>295</v>
      </c>
      <c r="B53097" s="14" t="s">
        <v>1</v>
      </c>
      <c r="C53097" s="14" t="s">
        <v>38</v>
      </c>
      <c r="D53097" s="14" t="s">
        <v>92</v>
      </c>
      <c r="E53097" s="15">
        <v>45548</v>
      </c>
      <c r="F53097" s="14" t="s">
        <v>28</v>
      </c>
      <c r="G53097" s="16">
        <v>1.2819299876938122</v>
      </c>
    </row>
    <row r="53098" spans="1:7" x14ac:dyDescent="0.3">
      <c r="A53098" s="13" t="s">
        <v>295</v>
      </c>
      <c r="B53098" s="14" t="s">
        <v>1</v>
      </c>
      <c r="C53098" s="14" t="s">
        <v>38</v>
      </c>
      <c r="D53098" s="14" t="s">
        <v>92</v>
      </c>
      <c r="E53098" s="15">
        <v>45549</v>
      </c>
      <c r="F53098" s="14" t="s">
        <v>28</v>
      </c>
      <c r="G53098" s="16">
        <v>1.2819299876938122</v>
      </c>
    </row>
    <row r="53099" spans="1:7" x14ac:dyDescent="0.3">
      <c r="A53099" s="13" t="s">
        <v>295</v>
      </c>
      <c r="B53099" s="14" t="s">
        <v>1</v>
      </c>
      <c r="C53099" s="14" t="s">
        <v>38</v>
      </c>
      <c r="D53099" s="14" t="s">
        <v>92</v>
      </c>
      <c r="E53099" s="15">
        <v>45550</v>
      </c>
      <c r="F53099" s="14" t="s">
        <v>28</v>
      </c>
      <c r="G53099" s="16">
        <v>1.2819299876938122</v>
      </c>
    </row>
    <row r="53100" spans="1:7" x14ac:dyDescent="0.3">
      <c r="A53100" s="13" t="s">
        <v>295</v>
      </c>
      <c r="B53100" s="14" t="s">
        <v>1</v>
      </c>
      <c r="C53100" s="14" t="s">
        <v>38</v>
      </c>
      <c r="D53100" s="14" t="s">
        <v>92</v>
      </c>
      <c r="E53100" s="15">
        <v>45551</v>
      </c>
      <c r="F53100" s="14" t="s">
        <v>28</v>
      </c>
      <c r="G53100" s="16">
        <v>1.2960947876077786</v>
      </c>
    </row>
    <row r="53101" spans="1:7" x14ac:dyDescent="0.3">
      <c r="A53101" s="13" t="s">
        <v>295</v>
      </c>
      <c r="B53101" s="14" t="s">
        <v>1</v>
      </c>
      <c r="C53101" s="14" t="s">
        <v>38</v>
      </c>
      <c r="D53101" s="14" t="s">
        <v>92</v>
      </c>
      <c r="E53101" s="15">
        <v>45552</v>
      </c>
      <c r="F53101" s="14" t="s">
        <v>28</v>
      </c>
      <c r="G53101" s="16">
        <v>1.2852278874758574</v>
      </c>
    </row>
    <row r="53102" spans="1:7" x14ac:dyDescent="0.3">
      <c r="A53102" s="13" t="s">
        <v>295</v>
      </c>
      <c r="B53102" s="14" t="s">
        <v>1</v>
      </c>
      <c r="C53102" s="14" t="s">
        <v>38</v>
      </c>
      <c r="D53102" s="14" t="s">
        <v>92</v>
      </c>
      <c r="E53102" s="15">
        <v>45553</v>
      </c>
      <c r="F53102" s="14" t="s">
        <v>28</v>
      </c>
      <c r="G53102" s="16">
        <v>1.2794599873825467</v>
      </c>
    </row>
    <row r="53103" spans="1:7" x14ac:dyDescent="0.3">
      <c r="A53103" s="13" t="s">
        <v>295</v>
      </c>
      <c r="B53103" s="14" t="s">
        <v>1</v>
      </c>
      <c r="C53103" s="14" t="s">
        <v>38</v>
      </c>
      <c r="D53103" s="14" t="s">
        <v>92</v>
      </c>
      <c r="E53103" s="15">
        <v>45554</v>
      </c>
      <c r="F53103" s="14" t="s">
        <v>28</v>
      </c>
      <c r="G53103" s="16">
        <v>1.2721274873052912</v>
      </c>
    </row>
    <row r="53104" spans="1:7" x14ac:dyDescent="0.3">
      <c r="A53104" s="13" t="s">
        <v>295</v>
      </c>
      <c r="B53104" s="14" t="s">
        <v>1</v>
      </c>
      <c r="C53104" s="14" t="s">
        <v>38</v>
      </c>
      <c r="D53104" s="14" t="s">
        <v>92</v>
      </c>
      <c r="E53104" s="15">
        <v>45555</v>
      </c>
      <c r="F53104" s="14" t="s">
        <v>28</v>
      </c>
      <c r="G53104" s="16">
        <v>1.2664853872117821</v>
      </c>
    </row>
    <row r="53105" spans="1:7" x14ac:dyDescent="0.3">
      <c r="A53105" s="13" t="s">
        <v>295</v>
      </c>
      <c r="B53105" s="14" t="s">
        <v>1</v>
      </c>
      <c r="C53105" s="14" t="s">
        <v>38</v>
      </c>
      <c r="D53105" s="14" t="s">
        <v>92</v>
      </c>
      <c r="E53105" s="15">
        <v>45556</v>
      </c>
      <c r="F53105" s="14" t="s">
        <v>28</v>
      </c>
      <c r="G53105" s="16">
        <v>1.2664853872117821</v>
      </c>
    </row>
    <row r="53106" spans="1:7" x14ac:dyDescent="0.3">
      <c r="A53106" s="13" t="s">
        <v>295</v>
      </c>
      <c r="B53106" s="14" t="s">
        <v>1</v>
      </c>
      <c r="C53106" s="14" t="s">
        <v>38</v>
      </c>
      <c r="D53106" s="14" t="s">
        <v>92</v>
      </c>
      <c r="E53106" s="15">
        <v>45557</v>
      </c>
      <c r="F53106" s="14" t="s">
        <v>28</v>
      </c>
      <c r="G53106" s="16">
        <v>1.2664853872117821</v>
      </c>
    </row>
    <row r="53107" spans="1:7" x14ac:dyDescent="0.3">
      <c r="A53107" s="13" t="s">
        <v>295</v>
      </c>
      <c r="B53107" s="14" t="s">
        <v>1</v>
      </c>
      <c r="C53107" s="14" t="s">
        <v>38</v>
      </c>
      <c r="D53107" s="14" t="s">
        <v>92</v>
      </c>
      <c r="E53107" s="15">
        <v>45558</v>
      </c>
      <c r="F53107" s="14" t="s">
        <v>28</v>
      </c>
      <c r="G53107" s="16">
        <v>1.2632036870945791</v>
      </c>
    </row>
    <row r="53108" spans="1:7" x14ac:dyDescent="0.3">
      <c r="A53108" s="13" t="s">
        <v>295</v>
      </c>
      <c r="B53108" s="14" t="s">
        <v>1</v>
      </c>
      <c r="C53108" s="14" t="s">
        <v>38</v>
      </c>
      <c r="D53108" s="14" t="s">
        <v>92</v>
      </c>
      <c r="E53108" s="15">
        <v>45559</v>
      </c>
      <c r="F53108" s="14" t="s">
        <v>28</v>
      </c>
      <c r="G53108" s="16">
        <v>1.2436145870529336</v>
      </c>
    </row>
    <row r="53109" spans="1:7" x14ac:dyDescent="0.3">
      <c r="A53109" s="13" t="s">
        <v>295</v>
      </c>
      <c r="B53109" s="14" t="s">
        <v>1</v>
      </c>
      <c r="C53109" s="14" t="s">
        <v>38</v>
      </c>
      <c r="D53109" s="14" t="s">
        <v>92</v>
      </c>
      <c r="E53109" s="15">
        <v>45560</v>
      </c>
      <c r="F53109" s="14" t="s">
        <v>28</v>
      </c>
      <c r="G53109" s="16">
        <v>1.2456569868802114</v>
      </c>
    </row>
    <row r="53110" spans="1:7" x14ac:dyDescent="0.3">
      <c r="A53110" s="13" t="s">
        <v>295</v>
      </c>
      <c r="B53110" s="14" t="s">
        <v>1</v>
      </c>
      <c r="C53110" s="14" t="s">
        <v>38</v>
      </c>
      <c r="D53110" s="14" t="s">
        <v>92</v>
      </c>
      <c r="E53110" s="15">
        <v>45561</v>
      </c>
      <c r="F53110" s="14" t="s">
        <v>28</v>
      </c>
      <c r="G53110" s="16">
        <v>1.2353363868377722</v>
      </c>
    </row>
    <row r="53111" spans="1:7" x14ac:dyDescent="0.3">
      <c r="A53111" s="13" t="s">
        <v>295</v>
      </c>
      <c r="B53111" s="14" t="s">
        <v>1</v>
      </c>
      <c r="C53111" s="14" t="s">
        <v>38</v>
      </c>
      <c r="D53111" s="14" t="s">
        <v>92</v>
      </c>
      <c r="E53111" s="15">
        <v>45562</v>
      </c>
      <c r="F53111" s="14" t="s">
        <v>28</v>
      </c>
      <c r="G53111" s="16">
        <v>1.2294719867488935</v>
      </c>
    </row>
    <row r="53112" spans="1:7" x14ac:dyDescent="0.3">
      <c r="A53112" s="13" t="s">
        <v>295</v>
      </c>
      <c r="B53112" s="14" t="s">
        <v>1</v>
      </c>
      <c r="C53112" s="14" t="s">
        <v>38</v>
      </c>
      <c r="D53112" s="14" t="s">
        <v>92</v>
      </c>
      <c r="E53112" s="15">
        <v>45563</v>
      </c>
      <c r="F53112" s="14" t="s">
        <v>28</v>
      </c>
      <c r="G53112" s="16">
        <v>1.2294719867488935</v>
      </c>
    </row>
    <row r="53113" spans="1:7" x14ac:dyDescent="0.3">
      <c r="A53113" s="13" t="s">
        <v>295</v>
      </c>
      <c r="B53113" s="14" t="s">
        <v>1</v>
      </c>
      <c r="C53113" s="14" t="s">
        <v>38</v>
      </c>
      <c r="D53113" s="14" t="s">
        <v>92</v>
      </c>
      <c r="E53113" s="15">
        <v>45564</v>
      </c>
      <c r="F53113" s="14" t="s">
        <v>28</v>
      </c>
      <c r="G53113" s="16">
        <v>1.2294719867488935</v>
      </c>
    </row>
    <row r="53114" spans="1:7" x14ac:dyDescent="0.3">
      <c r="A53114" s="13" t="s">
        <v>295</v>
      </c>
      <c r="B53114" s="14" t="s">
        <v>1</v>
      </c>
      <c r="C53114" s="14" t="s">
        <v>38</v>
      </c>
      <c r="D53114" s="14" t="s">
        <v>92</v>
      </c>
      <c r="E53114" s="15">
        <v>45565</v>
      </c>
      <c r="F53114" s="14" t="s">
        <v>28</v>
      </c>
      <c r="G53114" s="16">
        <v>1.2475407865956925</v>
      </c>
    </row>
    <row r="53115" spans="1:7" x14ac:dyDescent="0.3">
      <c r="A53115" s="13" t="s">
        <v>295</v>
      </c>
      <c r="B53115" s="14" t="s">
        <v>1</v>
      </c>
      <c r="C53115" s="14" t="s">
        <v>38</v>
      </c>
      <c r="D53115" s="14" t="s">
        <v>92</v>
      </c>
      <c r="E53115" s="15">
        <v>45566</v>
      </c>
      <c r="F53115" s="14" t="s">
        <v>28</v>
      </c>
      <c r="G53115" s="16">
        <v>1.2377679864512516</v>
      </c>
    </row>
    <row r="53116" spans="1:7" x14ac:dyDescent="0.3">
      <c r="A53116" s="13" t="s">
        <v>295</v>
      </c>
      <c r="B53116" s="14" t="s">
        <v>1</v>
      </c>
      <c r="C53116" s="14" t="s">
        <v>38</v>
      </c>
      <c r="D53116" s="14" t="s">
        <v>92</v>
      </c>
      <c r="E53116" s="15">
        <v>45567</v>
      </c>
      <c r="F53116" s="14" t="s">
        <v>28</v>
      </c>
      <c r="G53116" s="16">
        <v>1.2373527863020168</v>
      </c>
    </row>
    <row r="53117" spans="1:7" x14ac:dyDescent="0.3">
      <c r="A53117" s="13" t="s">
        <v>295</v>
      </c>
      <c r="B53117" s="14" t="s">
        <v>1</v>
      </c>
      <c r="C53117" s="14" t="s">
        <v>38</v>
      </c>
      <c r="D53117" s="14" t="s">
        <v>92</v>
      </c>
      <c r="E53117" s="15">
        <v>45568</v>
      </c>
      <c r="F53117" s="14" t="s">
        <v>28</v>
      </c>
      <c r="G53117" s="16">
        <v>1.2383484861361236</v>
      </c>
    </row>
    <row r="53118" spans="1:7" x14ac:dyDescent="0.3">
      <c r="A53118" s="13" t="s">
        <v>295</v>
      </c>
      <c r="B53118" s="14" t="s">
        <v>1</v>
      </c>
      <c r="C53118" s="14" t="s">
        <v>38</v>
      </c>
      <c r="D53118" s="14" t="s">
        <v>92</v>
      </c>
      <c r="E53118" s="15">
        <v>45569</v>
      </c>
      <c r="F53118" s="14" t="s">
        <v>28</v>
      </c>
      <c r="G53118" s="16">
        <v>1.2419791859391729</v>
      </c>
    </row>
    <row r="53119" spans="1:7" x14ac:dyDescent="0.3">
      <c r="A53119" s="13" t="s">
        <v>295</v>
      </c>
      <c r="B53119" s="14" t="s">
        <v>1</v>
      </c>
      <c r="C53119" s="14" t="s">
        <v>38</v>
      </c>
      <c r="D53119" s="14" t="s">
        <v>92</v>
      </c>
      <c r="E53119" s="15">
        <v>45570</v>
      </c>
      <c r="F53119" s="14" t="s">
        <v>28</v>
      </c>
      <c r="G53119" s="16">
        <v>1.2419791859391729</v>
      </c>
    </row>
    <row r="53120" spans="1:7" x14ac:dyDescent="0.3">
      <c r="A53120" s="13" t="s">
        <v>295</v>
      </c>
      <c r="B53120" s="14" t="s">
        <v>1</v>
      </c>
      <c r="C53120" s="14" t="s">
        <v>38</v>
      </c>
      <c r="D53120" s="14" t="s">
        <v>92</v>
      </c>
      <c r="E53120" s="15">
        <v>45571</v>
      </c>
      <c r="F53120" s="14" t="s">
        <v>28</v>
      </c>
      <c r="G53120" s="16">
        <v>1.2419791859391729</v>
      </c>
    </row>
    <row r="53121" spans="1:7" x14ac:dyDescent="0.3">
      <c r="A53121" s="13" t="s">
        <v>295</v>
      </c>
      <c r="B53121" s="14" t="s">
        <v>1</v>
      </c>
      <c r="C53121" s="14" t="s">
        <v>38</v>
      </c>
      <c r="D53121" s="14" t="s">
        <v>92</v>
      </c>
      <c r="E53121" s="15">
        <v>45572</v>
      </c>
      <c r="F53121" s="14" t="s">
        <v>28</v>
      </c>
      <c r="G53121" s="16">
        <v>1.2374959858332049</v>
      </c>
    </row>
    <row r="53122" spans="1:7" x14ac:dyDescent="0.3">
      <c r="A53122" s="13" t="s">
        <v>295</v>
      </c>
      <c r="B53122" s="14" t="s">
        <v>1</v>
      </c>
      <c r="C53122" s="14" t="s">
        <v>38</v>
      </c>
      <c r="D53122" s="14" t="s">
        <v>92</v>
      </c>
      <c r="E53122" s="15">
        <v>45573</v>
      </c>
      <c r="F53122" s="14" t="s">
        <v>28</v>
      </c>
      <c r="G53122" s="16">
        <v>1.2241742857240552</v>
      </c>
    </row>
    <row r="53123" spans="1:7" x14ac:dyDescent="0.3">
      <c r="A53123" s="13" t="s">
        <v>295</v>
      </c>
      <c r="B53123" s="14" t="s">
        <v>1</v>
      </c>
      <c r="C53123" s="14" t="s">
        <v>38</v>
      </c>
      <c r="D53123" s="14" t="s">
        <v>92</v>
      </c>
      <c r="E53123" s="15">
        <v>45574</v>
      </c>
      <c r="F53123" s="14" t="s">
        <v>28</v>
      </c>
      <c r="G53123" s="16">
        <v>1.2782459855752253</v>
      </c>
    </row>
    <row r="53124" spans="1:7" x14ac:dyDescent="0.3">
      <c r="A53124" s="13" t="s">
        <v>295</v>
      </c>
      <c r="B53124" s="14" t="s">
        <v>1</v>
      </c>
      <c r="C53124" s="14" t="s">
        <v>38</v>
      </c>
      <c r="D53124" s="14" t="s">
        <v>92</v>
      </c>
      <c r="E53124" s="15">
        <v>45575</v>
      </c>
      <c r="F53124" s="14" t="s">
        <v>28</v>
      </c>
      <c r="G53124" s="16">
        <v>1.2728624854792161</v>
      </c>
    </row>
    <row r="53125" spans="1:7" x14ac:dyDescent="0.3">
      <c r="A53125" s="13" t="s">
        <v>295</v>
      </c>
      <c r="B53125" s="14" t="s">
        <v>1</v>
      </c>
      <c r="C53125" s="14" t="s">
        <v>38</v>
      </c>
      <c r="D53125" s="14" t="s">
        <v>92</v>
      </c>
      <c r="E53125" s="15">
        <v>45576</v>
      </c>
      <c r="F53125" s="14" t="s">
        <v>28</v>
      </c>
      <c r="G53125" s="16">
        <v>1.2682655853744982</v>
      </c>
    </row>
    <row r="53126" spans="1:7" x14ac:dyDescent="0.3">
      <c r="A53126" s="13" t="s">
        <v>295</v>
      </c>
      <c r="B53126" s="14" t="s">
        <v>1</v>
      </c>
      <c r="C53126" s="14" t="s">
        <v>38</v>
      </c>
      <c r="D53126" s="14" t="s">
        <v>92</v>
      </c>
      <c r="E53126" s="15">
        <v>45577</v>
      </c>
      <c r="F53126" s="14" t="s">
        <v>28</v>
      </c>
      <c r="G53126" s="16">
        <v>1.2682655853744982</v>
      </c>
    </row>
    <row r="53127" spans="1:7" x14ac:dyDescent="0.3">
      <c r="A53127" s="13" t="s">
        <v>295</v>
      </c>
      <c r="B53127" s="14" t="s">
        <v>1</v>
      </c>
      <c r="C53127" s="14" t="s">
        <v>38</v>
      </c>
      <c r="D53127" s="14" t="s">
        <v>92</v>
      </c>
      <c r="E53127" s="15">
        <v>45578</v>
      </c>
      <c r="F53127" s="14" t="s">
        <v>28</v>
      </c>
      <c r="G53127" s="16">
        <v>1.2682655853744982</v>
      </c>
    </row>
    <row r="53128" spans="1:7" x14ac:dyDescent="0.3">
      <c r="A53128" s="13" t="s">
        <v>295</v>
      </c>
      <c r="B53128" s="14" t="s">
        <v>1</v>
      </c>
      <c r="C53128" s="14" t="s">
        <v>38</v>
      </c>
      <c r="D53128" s="14" t="s">
        <v>92</v>
      </c>
      <c r="E53128" s="15">
        <v>45579</v>
      </c>
      <c r="F53128" s="14" t="s">
        <v>28</v>
      </c>
      <c r="G53128" s="16">
        <v>1.2677426852224611</v>
      </c>
    </row>
    <row r="53129" spans="1:7" x14ac:dyDescent="0.3">
      <c r="A53129" s="13" t="s">
        <v>295</v>
      </c>
      <c r="B53129" s="14" t="s">
        <v>1</v>
      </c>
      <c r="C53129" s="14" t="s">
        <v>38</v>
      </c>
      <c r="D53129" s="14" t="s">
        <v>92</v>
      </c>
      <c r="E53129" s="15">
        <v>45580</v>
      </c>
      <c r="F53129" s="14" t="s">
        <v>28</v>
      </c>
      <c r="G53129" s="16">
        <v>1.2553309851016883</v>
      </c>
    </row>
    <row r="53130" spans="1:7" x14ac:dyDescent="0.3">
      <c r="A53130" s="13" t="s">
        <v>295</v>
      </c>
      <c r="B53130" s="14" t="s">
        <v>1</v>
      </c>
      <c r="C53130" s="14" t="s">
        <v>38</v>
      </c>
      <c r="D53130" s="14" t="s">
        <v>92</v>
      </c>
      <c r="E53130" s="15">
        <v>45581</v>
      </c>
      <c r="F53130" s="14" t="s">
        <v>28</v>
      </c>
      <c r="G53130" s="16">
        <v>1.255419184940658</v>
      </c>
    </row>
    <row r="53131" spans="1:7" x14ac:dyDescent="0.3">
      <c r="A53131" s="13" t="s">
        <v>295</v>
      </c>
      <c r="B53131" s="14" t="s">
        <v>1</v>
      </c>
      <c r="C53131" s="14" t="s">
        <v>38</v>
      </c>
      <c r="D53131" s="14" t="s">
        <v>92</v>
      </c>
      <c r="E53131" s="15">
        <v>45582</v>
      </c>
      <c r="F53131" s="14" t="s">
        <v>28</v>
      </c>
      <c r="G53131" s="16">
        <v>1.2521466848193423</v>
      </c>
    </row>
    <row r="53132" spans="1:7" x14ac:dyDescent="0.3">
      <c r="A53132" s="13" t="s">
        <v>295</v>
      </c>
      <c r="B53132" s="14" t="s">
        <v>1</v>
      </c>
      <c r="C53132" s="14" t="s">
        <v>38</v>
      </c>
      <c r="D53132" s="14" t="s">
        <v>92</v>
      </c>
      <c r="E53132" s="15">
        <v>45583</v>
      </c>
      <c r="F53132" s="14" t="s">
        <v>28</v>
      </c>
      <c r="G53132" s="16">
        <v>1.2446899847491224</v>
      </c>
    </row>
    <row r="53133" spans="1:7" x14ac:dyDescent="0.3">
      <c r="A53133" s="13" t="s">
        <v>295</v>
      </c>
      <c r="B53133" s="14" t="s">
        <v>1</v>
      </c>
      <c r="C53133" s="14" t="s">
        <v>38</v>
      </c>
      <c r="D53133" s="14" t="s">
        <v>92</v>
      </c>
      <c r="E53133" s="15">
        <v>45584</v>
      </c>
      <c r="F53133" s="14" t="s">
        <v>28</v>
      </c>
      <c r="G53133" s="16">
        <v>1.2446899847491224</v>
      </c>
    </row>
    <row r="53134" spans="1:7" x14ac:dyDescent="0.3">
      <c r="A53134" s="13" t="s">
        <v>295</v>
      </c>
      <c r="B53134" s="14" t="s">
        <v>1</v>
      </c>
      <c r="C53134" s="14" t="s">
        <v>38</v>
      </c>
      <c r="D53134" s="14" t="s">
        <v>92</v>
      </c>
      <c r="E53134" s="15">
        <v>45585</v>
      </c>
      <c r="F53134" s="14" t="s">
        <v>28</v>
      </c>
      <c r="G53134" s="16">
        <v>1.2446899847491224</v>
      </c>
    </row>
    <row r="53135" spans="1:7" x14ac:dyDescent="0.3">
      <c r="A53135" s="13" t="s">
        <v>295</v>
      </c>
      <c r="B53135" s="14" t="s">
        <v>1</v>
      </c>
      <c r="C53135" s="14" t="s">
        <v>38</v>
      </c>
      <c r="D53135" s="14" t="s">
        <v>92</v>
      </c>
      <c r="E53135" s="15">
        <v>45586</v>
      </c>
      <c r="F53135" s="14" t="s">
        <v>28</v>
      </c>
      <c r="G53135" s="16">
        <v>1.2464413845657947</v>
      </c>
    </row>
    <row r="53136" spans="1:7" x14ac:dyDescent="0.3">
      <c r="A53136" s="13" t="s">
        <v>295</v>
      </c>
      <c r="B53136" s="14" t="s">
        <v>1</v>
      </c>
      <c r="C53136" s="14" t="s">
        <v>38</v>
      </c>
      <c r="D53136" s="14" t="s">
        <v>92</v>
      </c>
      <c r="E53136" s="15">
        <v>45587</v>
      </c>
      <c r="F53136" s="14" t="s">
        <v>28</v>
      </c>
      <c r="G53136" s="16">
        <v>1.2331856844534892</v>
      </c>
    </row>
    <row r="53137" spans="1:7" x14ac:dyDescent="0.3">
      <c r="A53137" s="13" t="s">
        <v>295</v>
      </c>
      <c r="B53137" s="14" t="s">
        <v>1</v>
      </c>
      <c r="C53137" s="14" t="s">
        <v>38</v>
      </c>
      <c r="D53137" s="14" t="s">
        <v>92</v>
      </c>
      <c r="E53137" s="15">
        <v>45588</v>
      </c>
      <c r="F53137" s="14" t="s">
        <v>28</v>
      </c>
      <c r="G53137" s="16">
        <v>1.2354017842614791</v>
      </c>
    </row>
    <row r="53138" spans="1:7" x14ac:dyDescent="0.3">
      <c r="A53138" s="13" t="s">
        <v>295</v>
      </c>
      <c r="B53138" s="14" t="s">
        <v>1</v>
      </c>
      <c r="C53138" s="14" t="s">
        <v>38</v>
      </c>
      <c r="D53138" s="14" t="s">
        <v>92</v>
      </c>
      <c r="E53138" s="15">
        <v>45589</v>
      </c>
      <c r="F53138" s="14" t="s">
        <v>28</v>
      </c>
      <c r="G53138" s="16">
        <v>1.2267786842073571</v>
      </c>
    </row>
    <row r="53139" spans="1:7" x14ac:dyDescent="0.3">
      <c r="A53139" s="13" t="s">
        <v>295</v>
      </c>
      <c r="B53139" s="14" t="s">
        <v>1</v>
      </c>
      <c r="C53139" s="14" t="s">
        <v>38</v>
      </c>
      <c r="D53139" s="14" t="s">
        <v>92</v>
      </c>
      <c r="E53139" s="15">
        <v>45590</v>
      </c>
      <c r="F53139" s="14" t="s">
        <v>28</v>
      </c>
      <c r="G53139" s="16">
        <v>1.2257951840551127</v>
      </c>
    </row>
    <row r="53140" spans="1:7" x14ac:dyDescent="0.3">
      <c r="A53140" s="13" t="s">
        <v>295</v>
      </c>
      <c r="B53140" s="14" t="s">
        <v>1</v>
      </c>
      <c r="C53140" s="14" t="s">
        <v>38</v>
      </c>
      <c r="D53140" s="14" t="s">
        <v>92</v>
      </c>
      <c r="E53140" s="15">
        <v>45591</v>
      </c>
      <c r="F53140" s="14" t="s">
        <v>28</v>
      </c>
      <c r="G53140" s="16">
        <v>1.2257951840551127</v>
      </c>
    </row>
    <row r="53141" spans="1:7" x14ac:dyDescent="0.3">
      <c r="A53141" s="13" t="s">
        <v>295</v>
      </c>
      <c r="B53141" s="14" t="s">
        <v>1</v>
      </c>
      <c r="C53141" s="14" t="s">
        <v>38</v>
      </c>
      <c r="D53141" s="14" t="s">
        <v>92</v>
      </c>
      <c r="E53141" s="15">
        <v>45592</v>
      </c>
      <c r="F53141" s="14" t="s">
        <v>28</v>
      </c>
      <c r="G53141" s="16">
        <v>1.2257951840551127</v>
      </c>
    </row>
    <row r="53142" spans="1:7" x14ac:dyDescent="0.3">
      <c r="A53142" s="13" t="s">
        <v>295</v>
      </c>
      <c r="B53142" s="14" t="s">
        <v>1</v>
      </c>
      <c r="C53142" s="14" t="s">
        <v>38</v>
      </c>
      <c r="D53142" s="14" t="s">
        <v>92</v>
      </c>
      <c r="E53142" s="15">
        <v>45593</v>
      </c>
      <c r="F53142" s="14" t="s">
        <v>28</v>
      </c>
      <c r="G53142" s="16">
        <v>1.2257951840551127</v>
      </c>
    </row>
    <row r="53143" spans="1:7" x14ac:dyDescent="0.3">
      <c r="A53143" s="13" t="s">
        <v>295</v>
      </c>
      <c r="B53143" s="14" t="s">
        <v>1</v>
      </c>
      <c r="C53143" s="14" t="s">
        <v>38</v>
      </c>
      <c r="D53143" s="14" t="s">
        <v>92</v>
      </c>
      <c r="E53143" s="15">
        <v>45594</v>
      </c>
      <c r="F53143" s="14" t="s">
        <v>28</v>
      </c>
      <c r="G53143" s="16">
        <v>1.22442248390718</v>
      </c>
    </row>
    <row r="53144" spans="1:7" x14ac:dyDescent="0.3">
      <c r="A53144" s="13" t="s">
        <v>295</v>
      </c>
      <c r="B53144" s="14" t="s">
        <v>1</v>
      </c>
      <c r="C53144" s="14" t="s">
        <v>38</v>
      </c>
      <c r="D53144" s="14" t="s">
        <v>92</v>
      </c>
      <c r="E53144" s="15">
        <v>45595</v>
      </c>
      <c r="F53144" s="14" t="s">
        <v>28</v>
      </c>
      <c r="G53144" s="16">
        <v>1.2057551838126364</v>
      </c>
    </row>
    <row r="53145" spans="1:7" x14ac:dyDescent="0.3">
      <c r="A53145" s="13" t="s">
        <v>295</v>
      </c>
      <c r="B53145" s="14" t="s">
        <v>1</v>
      </c>
      <c r="C53145" s="14" t="s">
        <v>38</v>
      </c>
      <c r="D53145" s="14" t="s">
        <v>92</v>
      </c>
      <c r="E53145" s="15">
        <v>45596</v>
      </c>
      <c r="F53145" s="14" t="s">
        <v>28</v>
      </c>
      <c r="G53145" s="16">
        <v>1.2057551838126364</v>
      </c>
    </row>
    <row r="53146" spans="1:7" x14ac:dyDescent="0.3">
      <c r="A53146" s="13" t="s">
        <v>295</v>
      </c>
      <c r="B53146" s="14" t="s">
        <v>1</v>
      </c>
      <c r="C53146" s="14" t="s">
        <v>38</v>
      </c>
      <c r="D53146" s="14" t="s">
        <v>92</v>
      </c>
      <c r="E53146" s="15">
        <v>45597</v>
      </c>
      <c r="F53146" s="14" t="s">
        <v>28</v>
      </c>
      <c r="G53146" s="16">
        <v>1.2048794836567192</v>
      </c>
    </row>
    <row r="53147" spans="1:7" x14ac:dyDescent="0.3">
      <c r="A53147" s="13" t="s">
        <v>295</v>
      </c>
      <c r="B53147" s="14" t="s">
        <v>1</v>
      </c>
      <c r="C53147" s="14" t="s">
        <v>38</v>
      </c>
      <c r="D53147" s="14" t="s">
        <v>92</v>
      </c>
      <c r="E53147" s="15">
        <v>45598</v>
      </c>
      <c r="F53147" s="14" t="s">
        <v>28</v>
      </c>
      <c r="G53147" s="16">
        <v>1.2048794836567192</v>
      </c>
    </row>
    <row r="53148" spans="1:7" x14ac:dyDescent="0.3">
      <c r="A53148" s="13" t="s">
        <v>295</v>
      </c>
      <c r="B53148" s="14" t="s">
        <v>1</v>
      </c>
      <c r="C53148" s="14" t="s">
        <v>38</v>
      </c>
      <c r="D53148" s="14" t="s">
        <v>92</v>
      </c>
      <c r="E53148" s="15">
        <v>45599</v>
      </c>
      <c r="F53148" s="14" t="s">
        <v>28</v>
      </c>
      <c r="G53148" s="16">
        <v>1.2048794836567192</v>
      </c>
    </row>
    <row r="53149" spans="1:7" x14ac:dyDescent="0.3">
      <c r="A53149" s="13" t="s">
        <v>295</v>
      </c>
      <c r="B53149" s="14" t="s">
        <v>1</v>
      </c>
      <c r="C53149" s="14" t="s">
        <v>38</v>
      </c>
      <c r="D53149" s="14" t="s">
        <v>92</v>
      </c>
      <c r="E53149" s="15">
        <v>45600</v>
      </c>
      <c r="F53149" s="14" t="s">
        <v>28</v>
      </c>
      <c r="G53149" s="16">
        <v>1.1915987836156856</v>
      </c>
    </row>
    <row r="53150" spans="1:7" x14ac:dyDescent="0.3">
      <c r="A53150" s="13" t="s">
        <v>295</v>
      </c>
      <c r="B53150" s="14" t="s">
        <v>1</v>
      </c>
      <c r="C53150" s="14" t="s">
        <v>38</v>
      </c>
      <c r="D53150" s="14" t="s">
        <v>92</v>
      </c>
      <c r="E53150" s="15">
        <v>45601</v>
      </c>
      <c r="F53150" s="14" t="s">
        <v>28</v>
      </c>
      <c r="G53150" s="16">
        <v>1.1729554835781699</v>
      </c>
    </row>
    <row r="53151" spans="1:7" x14ac:dyDescent="0.3">
      <c r="A53151" s="13" t="s">
        <v>295</v>
      </c>
      <c r="B53151" s="14" t="s">
        <v>1</v>
      </c>
      <c r="C53151" s="14" t="s">
        <v>38</v>
      </c>
      <c r="D53151" s="14" t="s">
        <v>92</v>
      </c>
      <c r="E53151" s="15">
        <v>45602</v>
      </c>
      <c r="F53151" s="14" t="s">
        <v>28</v>
      </c>
      <c r="G53151" s="16">
        <v>1.1862809832206975</v>
      </c>
    </row>
    <row r="53152" spans="1:7" x14ac:dyDescent="0.3">
      <c r="A53152" s="13" t="s">
        <v>295</v>
      </c>
      <c r="B53152" s="14" t="s">
        <v>1</v>
      </c>
      <c r="C53152" s="14" t="s">
        <v>38</v>
      </c>
      <c r="D53152" s="14" t="s">
        <v>92</v>
      </c>
      <c r="E53152" s="15">
        <v>45603</v>
      </c>
      <c r="F53152" s="14" t="s">
        <v>28</v>
      </c>
      <c r="G53152" s="16">
        <v>1.1708399832692757</v>
      </c>
    </row>
    <row r="53153" spans="1:7" x14ac:dyDescent="0.3">
      <c r="A53153" s="13" t="s">
        <v>295</v>
      </c>
      <c r="B53153" s="14" t="s">
        <v>1</v>
      </c>
      <c r="C53153" s="14" t="s">
        <v>38</v>
      </c>
      <c r="D53153" s="14" t="s">
        <v>92</v>
      </c>
      <c r="E53153" s="15">
        <v>45604</v>
      </c>
      <c r="F53153" s="14" t="s">
        <v>28</v>
      </c>
      <c r="G53153" s="16">
        <v>1.2051521830814476</v>
      </c>
    </row>
    <row r="53154" spans="1:7" x14ac:dyDescent="0.3">
      <c r="A53154" s="13" t="s">
        <v>295</v>
      </c>
      <c r="B53154" s="14" t="s">
        <v>1</v>
      </c>
      <c r="C53154" s="14" t="s">
        <v>38</v>
      </c>
      <c r="D53154" s="14" t="s">
        <v>92</v>
      </c>
      <c r="E53154" s="15">
        <v>45605</v>
      </c>
      <c r="F53154" s="14" t="s">
        <v>28</v>
      </c>
      <c r="G53154" s="16">
        <v>1.2051521830814476</v>
      </c>
    </row>
    <row r="53155" spans="1:7" x14ac:dyDescent="0.3">
      <c r="A53155" s="13" t="s">
        <v>295</v>
      </c>
      <c r="B53155" s="14" t="s">
        <v>1</v>
      </c>
      <c r="C53155" s="14" t="s">
        <v>38</v>
      </c>
      <c r="D53155" s="14" t="s">
        <v>92</v>
      </c>
      <c r="E53155" s="15">
        <v>45606</v>
      </c>
      <c r="F53155" s="14" t="s">
        <v>28</v>
      </c>
      <c r="G53155" s="16">
        <v>1.2051521830814476</v>
      </c>
    </row>
    <row r="53156" spans="1:7" x14ac:dyDescent="0.3">
      <c r="A53156" s="13" t="s">
        <v>295</v>
      </c>
      <c r="B53156" s="14" t="s">
        <v>1</v>
      </c>
      <c r="C53156" s="14" t="s">
        <v>38</v>
      </c>
      <c r="D53156" s="14" t="s">
        <v>92</v>
      </c>
      <c r="E53156" s="15">
        <v>45607</v>
      </c>
      <c r="F53156" s="14" t="s">
        <v>28</v>
      </c>
      <c r="G53156" s="16">
        <v>1.2081509828682091</v>
      </c>
    </row>
    <row r="53157" spans="1:7" x14ac:dyDescent="0.3">
      <c r="A53157" s="13" t="s">
        <v>295</v>
      </c>
      <c r="B53157" s="14" t="s">
        <v>1</v>
      </c>
      <c r="C53157" s="14" t="s">
        <v>38</v>
      </c>
      <c r="D53157" s="14" t="s">
        <v>92</v>
      </c>
      <c r="E53157" s="15">
        <v>45608</v>
      </c>
      <c r="F53157" s="14" t="s">
        <v>28</v>
      </c>
      <c r="G53157" s="16">
        <v>1.1988479826950302</v>
      </c>
    </row>
    <row r="53158" spans="1:7" x14ac:dyDescent="0.3">
      <c r="A53158" s="13" t="s">
        <v>295</v>
      </c>
      <c r="B53158" s="14" t="s">
        <v>1</v>
      </c>
      <c r="C53158" s="14" t="s">
        <v>38</v>
      </c>
      <c r="D53158" s="14" t="s">
        <v>92</v>
      </c>
      <c r="E53158" s="15">
        <v>45609</v>
      </c>
      <c r="F53158" s="14" t="s">
        <v>28</v>
      </c>
      <c r="G53158" s="16">
        <v>1.2125483825171692</v>
      </c>
    </row>
    <row r="53159" spans="1:7" x14ac:dyDescent="0.3">
      <c r="A53159" s="13" t="s">
        <v>295</v>
      </c>
      <c r="B53159" s="14" t="s">
        <v>1</v>
      </c>
      <c r="C53159" s="14" t="s">
        <v>38</v>
      </c>
      <c r="D53159" s="14" t="s">
        <v>92</v>
      </c>
      <c r="E53159" s="15">
        <v>45610</v>
      </c>
      <c r="F53159" s="14" t="s">
        <v>28</v>
      </c>
      <c r="G53159" s="16">
        <v>1.2112199823620713</v>
      </c>
    </row>
    <row r="53160" spans="1:7" x14ac:dyDescent="0.3">
      <c r="A53160" s="13" t="s">
        <v>295</v>
      </c>
      <c r="B53160" s="14" t="s">
        <v>1</v>
      </c>
      <c r="C53160" s="14" t="s">
        <v>38</v>
      </c>
      <c r="D53160" s="14" t="s">
        <v>92</v>
      </c>
      <c r="E53160" s="15">
        <v>45611</v>
      </c>
      <c r="F53160" s="14" t="s">
        <v>28</v>
      </c>
      <c r="G53160" s="16">
        <v>1.2996367822882469</v>
      </c>
    </row>
    <row r="53161" spans="1:7" x14ac:dyDescent="0.3">
      <c r="A53161" s="13" t="s">
        <v>295</v>
      </c>
      <c r="B53161" s="14" t="s">
        <v>1</v>
      </c>
      <c r="C53161" s="14" t="s">
        <v>38</v>
      </c>
      <c r="D53161" s="14" t="s">
        <v>92</v>
      </c>
      <c r="E53161" s="15">
        <v>45612</v>
      </c>
      <c r="F53161" s="14" t="s">
        <v>28</v>
      </c>
      <c r="G53161" s="16">
        <v>1.2996367822882469</v>
      </c>
    </row>
    <row r="53162" spans="1:7" x14ac:dyDescent="0.3">
      <c r="A53162" s="13" t="s">
        <v>295</v>
      </c>
      <c r="B53162" s="14" t="s">
        <v>1</v>
      </c>
      <c r="C53162" s="14" t="s">
        <v>38</v>
      </c>
      <c r="D53162" s="14" t="s">
        <v>92</v>
      </c>
      <c r="E53162" s="15">
        <v>45613</v>
      </c>
      <c r="F53162" s="14" t="s">
        <v>28</v>
      </c>
      <c r="G53162" s="16">
        <v>1.2996367822882469</v>
      </c>
    </row>
    <row r="53163" spans="1:7" x14ac:dyDescent="0.3">
      <c r="A53163" s="13" t="s">
        <v>295</v>
      </c>
      <c r="B53163" s="14" t="s">
        <v>1</v>
      </c>
      <c r="C53163" s="14" t="s">
        <v>38</v>
      </c>
      <c r="D53163" s="14" t="s">
        <v>92</v>
      </c>
      <c r="E53163" s="15">
        <v>45614</v>
      </c>
      <c r="F53163" s="14" t="s">
        <v>28</v>
      </c>
      <c r="G53163" s="16">
        <v>1.2916524822269251</v>
      </c>
    </row>
    <row r="53164" spans="1:7" x14ac:dyDescent="0.3">
      <c r="A53164" s="13" t="s">
        <v>295</v>
      </c>
      <c r="B53164" s="14" t="s">
        <v>1</v>
      </c>
      <c r="C53164" s="14" t="s">
        <v>38</v>
      </c>
      <c r="D53164" s="14" t="s">
        <v>92</v>
      </c>
      <c r="E53164" s="15">
        <v>45615</v>
      </c>
      <c r="F53164" s="14" t="s">
        <v>28</v>
      </c>
      <c r="G53164" s="16">
        <v>1.2771214821275529</v>
      </c>
    </row>
    <row r="53165" spans="1:7" x14ac:dyDescent="0.3">
      <c r="A53165" s="13" t="s">
        <v>295</v>
      </c>
      <c r="B53165" s="14" t="s">
        <v>1</v>
      </c>
      <c r="C53165" s="14" t="s">
        <v>38</v>
      </c>
      <c r="D53165" s="14" t="s">
        <v>92</v>
      </c>
      <c r="E53165" s="15">
        <v>45616</v>
      </c>
      <c r="F53165" s="14" t="s">
        <v>28</v>
      </c>
      <c r="G53165" s="16">
        <v>1.2780599819423026</v>
      </c>
    </row>
    <row r="53166" spans="1:7" x14ac:dyDescent="0.3">
      <c r="A53166" s="13" t="s">
        <v>295</v>
      </c>
      <c r="B53166" s="14" t="s">
        <v>1</v>
      </c>
      <c r="C53166" s="14" t="s">
        <v>38</v>
      </c>
      <c r="D53166" s="14" t="s">
        <v>92</v>
      </c>
      <c r="E53166" s="15">
        <v>45617</v>
      </c>
      <c r="F53166" s="14" t="s">
        <v>28</v>
      </c>
      <c r="G53166" s="16">
        <v>1.3180276817751075</v>
      </c>
    </row>
    <row r="53167" spans="1:7" x14ac:dyDescent="0.3">
      <c r="A53167" s="13" t="s">
        <v>295</v>
      </c>
      <c r="B53167" s="14" t="s">
        <v>1</v>
      </c>
      <c r="C53167" s="14" t="s">
        <v>38</v>
      </c>
      <c r="D53167" s="14" t="s">
        <v>92</v>
      </c>
      <c r="E53167" s="15">
        <v>45618</v>
      </c>
      <c r="F53167" s="14" t="s">
        <v>28</v>
      </c>
      <c r="G53167" s="16">
        <v>1.3138911816603875</v>
      </c>
    </row>
    <row r="53168" spans="1:7" x14ac:dyDescent="0.3">
      <c r="A53168" s="13" t="s">
        <v>295</v>
      </c>
      <c r="B53168" s="14" t="s">
        <v>1</v>
      </c>
      <c r="C53168" s="14" t="s">
        <v>38</v>
      </c>
      <c r="D53168" s="14" t="s">
        <v>92</v>
      </c>
      <c r="E53168" s="15">
        <v>45619</v>
      </c>
      <c r="F53168" s="14" t="s">
        <v>28</v>
      </c>
      <c r="G53168" s="16">
        <v>1.3138911816603875</v>
      </c>
    </row>
    <row r="53169" spans="1:7" x14ac:dyDescent="0.3">
      <c r="A53169" s="13" t="s">
        <v>295</v>
      </c>
      <c r="B53169" s="14" t="s">
        <v>1</v>
      </c>
      <c r="C53169" s="14" t="s">
        <v>38</v>
      </c>
      <c r="D53169" s="14" t="s">
        <v>92</v>
      </c>
      <c r="E53169" s="15">
        <v>45620</v>
      </c>
      <c r="F53169" s="14" t="s">
        <v>28</v>
      </c>
      <c r="G53169" s="16">
        <v>1.3138911816603875</v>
      </c>
    </row>
    <row r="53170" spans="1:7" x14ac:dyDescent="0.3">
      <c r="A53170" s="13" t="s">
        <v>295</v>
      </c>
      <c r="B53170" s="14" t="s">
        <v>1</v>
      </c>
      <c r="C53170" s="14" t="s">
        <v>38</v>
      </c>
      <c r="D53170" s="14" t="s">
        <v>92</v>
      </c>
      <c r="E53170" s="15">
        <v>45621</v>
      </c>
      <c r="F53170" s="14" t="s">
        <v>28</v>
      </c>
      <c r="G53170" s="16">
        <v>1.3092687815525397</v>
      </c>
    </row>
    <row r="53171" spans="1:7" x14ac:dyDescent="0.3">
      <c r="A53171" s="13" t="s">
        <v>295</v>
      </c>
      <c r="B53171" s="14" t="s">
        <v>1</v>
      </c>
      <c r="C53171" s="14" t="s">
        <v>38</v>
      </c>
      <c r="D53171" s="14" t="s">
        <v>92</v>
      </c>
      <c r="E53171" s="15">
        <v>45622</v>
      </c>
      <c r="F53171" s="14" t="s">
        <v>28</v>
      </c>
      <c r="G53171" s="16">
        <v>1.3114909814241018</v>
      </c>
    </row>
    <row r="53172" spans="1:7" x14ac:dyDescent="0.3">
      <c r="A53172" s="13" t="s">
        <v>295</v>
      </c>
      <c r="B53172" s="14" t="s">
        <v>1</v>
      </c>
      <c r="C53172" s="14" t="s">
        <v>38</v>
      </c>
      <c r="D53172" s="14" t="s">
        <v>92</v>
      </c>
      <c r="E53172" s="15">
        <v>45623</v>
      </c>
      <c r="F53172" s="14" t="s">
        <v>28</v>
      </c>
      <c r="G53172" s="16">
        <v>1.2999939813954586</v>
      </c>
    </row>
    <row r="53173" spans="1:7" x14ac:dyDescent="0.3">
      <c r="A53173" s="13" t="s">
        <v>295</v>
      </c>
      <c r="B53173" s="14" t="s">
        <v>1</v>
      </c>
      <c r="C53173" s="14" t="s">
        <v>38</v>
      </c>
      <c r="D53173" s="14" t="s">
        <v>92</v>
      </c>
      <c r="E53173" s="15">
        <v>45624</v>
      </c>
      <c r="F53173" s="14" t="s">
        <v>28</v>
      </c>
      <c r="G53173" s="16">
        <v>1.30576598125476</v>
      </c>
    </row>
    <row r="53174" spans="1:7" x14ac:dyDescent="0.3">
      <c r="A53174" s="13" t="s">
        <v>295</v>
      </c>
      <c r="B53174" s="14" t="s">
        <v>1</v>
      </c>
      <c r="C53174" s="14" t="s">
        <v>38</v>
      </c>
      <c r="D53174" s="14" t="s">
        <v>92</v>
      </c>
      <c r="E53174" s="15">
        <v>45625</v>
      </c>
      <c r="F53174" s="14" t="s">
        <v>28</v>
      </c>
      <c r="G53174" s="16">
        <v>1.3146033811854279</v>
      </c>
    </row>
    <row r="53175" spans="1:7" x14ac:dyDescent="0.3">
      <c r="A53175" s="13" t="s">
        <v>295</v>
      </c>
      <c r="B53175" s="14" t="s">
        <v>1</v>
      </c>
      <c r="C53175" s="14" t="s">
        <v>38</v>
      </c>
      <c r="D53175" s="14" t="s">
        <v>92</v>
      </c>
      <c r="E53175" s="15">
        <v>45626</v>
      </c>
      <c r="F53175" s="14" t="s">
        <v>28</v>
      </c>
      <c r="G53175" s="16">
        <v>1.3146033811854279</v>
      </c>
    </row>
    <row r="53176" spans="1:7" x14ac:dyDescent="0.3">
      <c r="A53176" s="13" t="s">
        <v>295</v>
      </c>
      <c r="B53176" s="14" t="s">
        <v>1</v>
      </c>
      <c r="C53176" s="14" t="s">
        <v>38</v>
      </c>
      <c r="D53176" s="14" t="s">
        <v>92</v>
      </c>
      <c r="E53176" s="15">
        <v>45627</v>
      </c>
      <c r="F53176" s="14" t="s">
        <v>28</v>
      </c>
      <c r="G53176" s="16">
        <v>1.3146033811854279</v>
      </c>
    </row>
    <row r="53177" spans="1:7" x14ac:dyDescent="0.3">
      <c r="A53177" s="13" t="s">
        <v>295</v>
      </c>
      <c r="B53177" s="14" t="s">
        <v>1</v>
      </c>
      <c r="C53177" s="14" t="s">
        <v>38</v>
      </c>
      <c r="D53177" s="14" t="s">
        <v>92</v>
      </c>
      <c r="E53177" s="15">
        <v>45628</v>
      </c>
      <c r="F53177" s="14" t="s">
        <v>28</v>
      </c>
      <c r="G53177" s="16">
        <v>1.3160696809908139</v>
      </c>
    </row>
    <row r="53178" spans="1:7" x14ac:dyDescent="0.3">
      <c r="A53178" s="13" t="s">
        <v>295</v>
      </c>
      <c r="B53178" s="14" t="s">
        <v>1</v>
      </c>
      <c r="C53178" s="14" t="s">
        <v>38</v>
      </c>
      <c r="D53178" s="14" t="s">
        <v>92</v>
      </c>
      <c r="E53178" s="15">
        <v>45629</v>
      </c>
      <c r="F53178" s="14" t="s">
        <v>28</v>
      </c>
      <c r="G53178" s="16">
        <v>1.302917380870636</v>
      </c>
    </row>
    <row r="53179" spans="1:7" x14ac:dyDescent="0.3">
      <c r="A53179" s="13" t="s">
        <v>295</v>
      </c>
      <c r="B53179" s="14" t="s">
        <v>1</v>
      </c>
      <c r="C53179" s="14" t="s">
        <v>38</v>
      </c>
      <c r="D53179" s="14" t="s">
        <v>92</v>
      </c>
      <c r="E53179" s="15">
        <v>45630</v>
      </c>
      <c r="F53179" s="14" t="s">
        <v>28</v>
      </c>
      <c r="G53179" s="16">
        <v>1.2981107807661512</v>
      </c>
    </row>
    <row r="53180" spans="1:7" x14ac:dyDescent="0.3">
      <c r="A53180" s="13" t="s">
        <v>295</v>
      </c>
      <c r="B53180" s="14" t="s">
        <v>1</v>
      </c>
      <c r="C53180" s="14" t="s">
        <v>38</v>
      </c>
      <c r="D53180" s="14" t="s">
        <v>92</v>
      </c>
      <c r="E53180" s="15">
        <v>45631</v>
      </c>
      <c r="F53180" s="14" t="s">
        <v>28</v>
      </c>
      <c r="G53180" s="16">
        <v>1.2892643807222806</v>
      </c>
    </row>
    <row r="53181" spans="1:7" x14ac:dyDescent="0.3">
      <c r="A53181" s="13" t="s">
        <v>295</v>
      </c>
      <c r="B53181" s="14" t="s">
        <v>1</v>
      </c>
      <c r="C53181" s="14" t="s">
        <v>38</v>
      </c>
      <c r="D53181" s="14" t="s">
        <v>92</v>
      </c>
      <c r="E53181" s="15">
        <v>45632</v>
      </c>
      <c r="F53181" s="14" t="s">
        <v>28</v>
      </c>
      <c r="G53181" s="16">
        <v>1.2878399805677343</v>
      </c>
    </row>
    <row r="53182" spans="1:7" x14ac:dyDescent="0.3">
      <c r="A53182" s="13" t="s">
        <v>295</v>
      </c>
      <c r="B53182" s="14" t="s">
        <v>1</v>
      </c>
      <c r="C53182" s="14" t="s">
        <v>38</v>
      </c>
      <c r="D53182" s="14" t="s">
        <v>92</v>
      </c>
      <c r="E53182" s="15">
        <v>45633</v>
      </c>
      <c r="F53182" s="14" t="s">
        <v>28</v>
      </c>
      <c r="G53182" s="16">
        <v>1.2878399805677343</v>
      </c>
    </row>
    <row r="53183" spans="1:7" x14ac:dyDescent="0.3">
      <c r="A53183" s="13" t="s">
        <v>295</v>
      </c>
      <c r="B53183" s="14" t="s">
        <v>1</v>
      </c>
      <c r="C53183" s="14" t="s">
        <v>38</v>
      </c>
      <c r="D53183" s="14" t="s">
        <v>92</v>
      </c>
      <c r="E53183" s="15">
        <v>45634</v>
      </c>
      <c r="F53183" s="14" t="s">
        <v>28</v>
      </c>
      <c r="G53183" s="16">
        <v>1.2878399805677343</v>
      </c>
    </row>
    <row r="53184" spans="1:7" x14ac:dyDescent="0.3">
      <c r="A53184" s="13" t="s">
        <v>295</v>
      </c>
      <c r="B53184" s="14" t="s">
        <v>1</v>
      </c>
      <c r="C53184" s="14" t="s">
        <v>38</v>
      </c>
      <c r="D53184" s="14" t="s">
        <v>92</v>
      </c>
      <c r="E53184" s="15">
        <v>45635</v>
      </c>
      <c r="F53184" s="14" t="s">
        <v>28</v>
      </c>
      <c r="G53184" s="16">
        <v>1.2948263804680951</v>
      </c>
    </row>
    <row r="53185" spans="1:7" x14ac:dyDescent="0.3">
      <c r="A53185" s="13" t="s">
        <v>295</v>
      </c>
      <c r="B53185" s="14" t="s">
        <v>1</v>
      </c>
      <c r="C53185" s="14" t="s">
        <v>38</v>
      </c>
      <c r="D53185" s="14" t="s">
        <v>92</v>
      </c>
      <c r="E53185" s="15">
        <v>45636</v>
      </c>
      <c r="F53185" s="14" t="s">
        <v>28</v>
      </c>
      <c r="G53185" s="16">
        <v>1.2826651803334661</v>
      </c>
    </row>
    <row r="53186" spans="1:7" x14ac:dyDescent="0.3">
      <c r="A53186" s="13" t="s">
        <v>295</v>
      </c>
      <c r="B53186" s="14" t="s">
        <v>1</v>
      </c>
      <c r="C53186" s="14" t="s">
        <v>38</v>
      </c>
      <c r="D53186" s="14" t="s">
        <v>92</v>
      </c>
      <c r="E53186" s="15">
        <v>45637</v>
      </c>
      <c r="F53186" s="14" t="s">
        <v>28</v>
      </c>
      <c r="G53186" s="16">
        <v>1.2810225801809205</v>
      </c>
    </row>
    <row r="53187" spans="1:7" x14ac:dyDescent="0.3">
      <c r="A53187" s="13" t="s">
        <v>295</v>
      </c>
      <c r="B53187" s="14" t="s">
        <v>1</v>
      </c>
      <c r="C53187" s="14" t="s">
        <v>38</v>
      </c>
      <c r="D53187" s="14" t="s">
        <v>92</v>
      </c>
      <c r="E53187" s="15">
        <v>45638</v>
      </c>
      <c r="F53187" s="14" t="s">
        <v>28</v>
      </c>
      <c r="G53187" s="16">
        <v>1.2794599800264606</v>
      </c>
    </row>
    <row r="53188" spans="1:7" x14ac:dyDescent="0.3">
      <c r="A53188" s="13" t="s">
        <v>295</v>
      </c>
      <c r="B53188" s="14" t="s">
        <v>1</v>
      </c>
      <c r="C53188" s="14" t="s">
        <v>38</v>
      </c>
      <c r="D53188" s="14" t="s">
        <v>92</v>
      </c>
      <c r="E53188" s="15">
        <v>45639</v>
      </c>
      <c r="F53188" s="14" t="s">
        <v>28</v>
      </c>
      <c r="G53188" s="16">
        <v>1.2968721798909439</v>
      </c>
    </row>
    <row r="53189" spans="1:7" x14ac:dyDescent="0.3">
      <c r="A53189" s="13" t="s">
        <v>295</v>
      </c>
      <c r="B53189" s="14" t="s">
        <v>1</v>
      </c>
      <c r="C53189" s="14" t="s">
        <v>38</v>
      </c>
      <c r="D53189" s="14" t="s">
        <v>92</v>
      </c>
      <c r="E53189" s="15">
        <v>45640</v>
      </c>
      <c r="F53189" s="14" t="s">
        <v>28</v>
      </c>
      <c r="G53189" s="16">
        <v>1.2968721798909439</v>
      </c>
    </row>
    <row r="53190" spans="1:7" x14ac:dyDescent="0.3">
      <c r="A53190" s="13" t="s">
        <v>295</v>
      </c>
      <c r="B53190" s="14" t="s">
        <v>1</v>
      </c>
      <c r="C53190" s="14" t="s">
        <v>38</v>
      </c>
      <c r="D53190" s="14" t="s">
        <v>92</v>
      </c>
      <c r="E53190" s="15">
        <v>45641</v>
      </c>
      <c r="F53190" s="14" t="s">
        <v>28</v>
      </c>
      <c r="G53190" s="16">
        <v>1.2968721798909439</v>
      </c>
    </row>
    <row r="53191" spans="1:7" x14ac:dyDescent="0.3">
      <c r="A53191" s="13" t="s">
        <v>295</v>
      </c>
      <c r="B53191" s="14" t="s">
        <v>1</v>
      </c>
      <c r="C53191" s="14" t="s">
        <v>38</v>
      </c>
      <c r="D53191" s="14" t="s">
        <v>92</v>
      </c>
      <c r="E53191" s="15">
        <v>45642</v>
      </c>
      <c r="F53191" s="14" t="s">
        <v>28</v>
      </c>
      <c r="G53191" s="16">
        <v>1.2944581797492019</v>
      </c>
    </row>
    <row r="53192" spans="1:7" x14ac:dyDescent="0.3">
      <c r="A53192" s="13" t="s">
        <v>295</v>
      </c>
      <c r="B53192" s="14" t="s">
        <v>1</v>
      </c>
      <c r="C53192" s="14" t="s">
        <v>38</v>
      </c>
      <c r="D53192" s="14" t="s">
        <v>92</v>
      </c>
      <c r="E53192" s="15">
        <v>45643</v>
      </c>
      <c r="F53192" s="14" t="s">
        <v>28</v>
      </c>
      <c r="G53192" s="16">
        <v>1.2807703796358354</v>
      </c>
    </row>
    <row r="53193" spans="1:7" x14ac:dyDescent="0.3">
      <c r="A53193" s="13" t="s">
        <v>295</v>
      </c>
      <c r="B53193" s="14" t="s">
        <v>1</v>
      </c>
      <c r="C53193" s="14" t="s">
        <v>38</v>
      </c>
      <c r="D53193" s="14" t="s">
        <v>92</v>
      </c>
      <c r="E53193" s="15">
        <v>45644</v>
      </c>
      <c r="F53193" s="14" t="s">
        <v>28</v>
      </c>
      <c r="G53193" s="16">
        <v>1.289492579314603</v>
      </c>
    </row>
    <row r="53194" spans="1:7" x14ac:dyDescent="0.3">
      <c r="A53194" s="13" t="s">
        <v>295</v>
      </c>
      <c r="B53194" s="14" t="s">
        <v>1</v>
      </c>
      <c r="C53194" s="14" t="s">
        <v>38</v>
      </c>
      <c r="D53194" s="14" t="s">
        <v>92</v>
      </c>
      <c r="E53194" s="15">
        <v>45645</v>
      </c>
      <c r="F53194" s="14" t="s">
        <v>28</v>
      </c>
      <c r="G53194" s="16">
        <v>1.4954092792337002</v>
      </c>
    </row>
    <row r="53195" spans="1:7" x14ac:dyDescent="0.3">
      <c r="A53195" s="13" t="s">
        <v>295</v>
      </c>
      <c r="B53195" s="14" t="s">
        <v>1</v>
      </c>
      <c r="C53195" s="14" t="s">
        <v>38</v>
      </c>
      <c r="D53195" s="14" t="s">
        <v>92</v>
      </c>
      <c r="E53195" s="15">
        <v>45646</v>
      </c>
      <c r="F53195" s="14" t="s">
        <v>28</v>
      </c>
      <c r="G53195" s="16">
        <v>1.4851895792023233</v>
      </c>
    </row>
    <row r="53196" spans="1:7" x14ac:dyDescent="0.3">
      <c r="A53196" s="13" t="s">
        <v>295</v>
      </c>
      <c r="B53196" s="14" t="s">
        <v>1</v>
      </c>
      <c r="C53196" s="14" t="s">
        <v>38</v>
      </c>
      <c r="D53196" s="14" t="s">
        <v>92</v>
      </c>
      <c r="E53196" s="15">
        <v>45647</v>
      </c>
      <c r="F53196" s="14" t="s">
        <v>28</v>
      </c>
      <c r="G53196" s="16">
        <v>1.4851895792023233</v>
      </c>
    </row>
    <row r="53197" spans="1:7" x14ac:dyDescent="0.3">
      <c r="A53197" s="13" t="s">
        <v>295</v>
      </c>
      <c r="B53197" s="14" t="s">
        <v>1</v>
      </c>
      <c r="C53197" s="14" t="s">
        <v>38</v>
      </c>
      <c r="D53197" s="14" t="s">
        <v>92</v>
      </c>
      <c r="E53197" s="15">
        <v>45648</v>
      </c>
      <c r="F53197" s="14" t="s">
        <v>28</v>
      </c>
      <c r="G53197" s="16">
        <v>1.4851895792023233</v>
      </c>
    </row>
    <row r="53198" spans="1:7" x14ac:dyDescent="0.3">
      <c r="A53198" s="13" t="s">
        <v>295</v>
      </c>
      <c r="B53198" s="14" t="s">
        <v>1</v>
      </c>
      <c r="C53198" s="14" t="s">
        <v>38</v>
      </c>
      <c r="D53198" s="14" t="s">
        <v>92</v>
      </c>
      <c r="E53198" s="15">
        <v>45649</v>
      </c>
      <c r="F53198" s="14" t="s">
        <v>28</v>
      </c>
      <c r="G53198" s="16">
        <v>1.4836381790499844</v>
      </c>
    </row>
    <row r="53199" spans="1:7" x14ac:dyDescent="0.3">
      <c r="A53199" s="13" t="s">
        <v>295</v>
      </c>
      <c r="B53199" s="14" t="s">
        <v>1</v>
      </c>
      <c r="C53199" s="14" t="s">
        <v>38</v>
      </c>
      <c r="D53199" s="14" t="s">
        <v>92</v>
      </c>
      <c r="E53199" s="15">
        <v>45650</v>
      </c>
      <c r="F53199" s="14" t="s">
        <v>28</v>
      </c>
      <c r="G53199" s="16">
        <v>1.471363778914321</v>
      </c>
    </row>
    <row r="53200" spans="1:7" x14ac:dyDescent="0.3">
      <c r="A53200" s="13" t="s">
        <v>295</v>
      </c>
      <c r="B53200" s="14" t="s">
        <v>1</v>
      </c>
      <c r="C53200" s="14" t="s">
        <v>38</v>
      </c>
      <c r="D53200" s="14" t="s">
        <v>92</v>
      </c>
      <c r="E53200" s="15">
        <v>45651</v>
      </c>
      <c r="F53200" s="14" t="s">
        <v>28</v>
      </c>
      <c r="G53200" s="16">
        <v>1.471363778914321</v>
      </c>
    </row>
    <row r="53201" spans="1:7" x14ac:dyDescent="0.3">
      <c r="A53201" s="13" t="s">
        <v>295</v>
      </c>
      <c r="B53201" s="14" t="s">
        <v>1</v>
      </c>
      <c r="C53201" s="14" t="s">
        <v>38</v>
      </c>
      <c r="D53201" s="14" t="s">
        <v>92</v>
      </c>
      <c r="E53201" s="15">
        <v>45652</v>
      </c>
      <c r="F53201" s="14" t="s">
        <v>28</v>
      </c>
      <c r="G53201" s="16">
        <v>1.471363778914321</v>
      </c>
    </row>
    <row r="53202" spans="1:7" x14ac:dyDescent="0.3">
      <c r="A53202" s="13" t="s">
        <v>295</v>
      </c>
      <c r="B53202" s="14" t="s">
        <v>1</v>
      </c>
      <c r="C53202" s="14" t="s">
        <v>38</v>
      </c>
      <c r="D53202" s="14" t="s">
        <v>92</v>
      </c>
      <c r="E53202" s="15">
        <v>45653</v>
      </c>
      <c r="F53202" s="14" t="s">
        <v>28</v>
      </c>
      <c r="G53202" s="16">
        <v>1.471363778914321</v>
      </c>
    </row>
    <row r="53203" spans="1:7" x14ac:dyDescent="0.3">
      <c r="A53203" s="13" t="s">
        <v>295</v>
      </c>
      <c r="B53203" s="14" t="s">
        <v>1</v>
      </c>
      <c r="C53203" s="14" t="s">
        <v>38</v>
      </c>
      <c r="D53203" s="14" t="s">
        <v>92</v>
      </c>
      <c r="E53203" s="15">
        <v>45654</v>
      </c>
      <c r="F53203" s="14" t="s">
        <v>28</v>
      </c>
      <c r="G53203" s="16">
        <v>1.471363778914321</v>
      </c>
    </row>
    <row r="53204" spans="1:7" x14ac:dyDescent="0.3">
      <c r="A53204" s="13" t="s">
        <v>295</v>
      </c>
      <c r="B53204" s="14" t="s">
        <v>1</v>
      </c>
      <c r="C53204" s="14" t="s">
        <v>38</v>
      </c>
      <c r="D53204" s="14" t="s">
        <v>92</v>
      </c>
      <c r="E53204" s="15">
        <v>45655</v>
      </c>
      <c r="F53204" s="14" t="s">
        <v>28</v>
      </c>
      <c r="G53204" s="16">
        <v>1.471363778914321</v>
      </c>
    </row>
    <row r="53205" spans="1:7" x14ac:dyDescent="0.3">
      <c r="A53205" s="13" t="s">
        <v>295</v>
      </c>
      <c r="B53205" s="14" t="s">
        <v>1</v>
      </c>
      <c r="C53205" s="14" t="s">
        <v>38</v>
      </c>
      <c r="D53205" s="14" t="s">
        <v>92</v>
      </c>
      <c r="E53205" s="15">
        <v>45656</v>
      </c>
      <c r="F53205" s="14" t="s">
        <v>28</v>
      </c>
      <c r="G53205" s="16">
        <v>1.4685839787784509</v>
      </c>
    </row>
    <row r="53206" spans="1:7" x14ac:dyDescent="0.3">
      <c r="A53206" s="13" t="s">
        <v>295</v>
      </c>
      <c r="B53206" s="14" t="s">
        <v>1</v>
      </c>
      <c r="C53206" s="14" t="s">
        <v>38</v>
      </c>
      <c r="D53206" s="14" t="s">
        <v>92</v>
      </c>
      <c r="E53206" s="15">
        <v>45657</v>
      </c>
      <c r="F53206" s="14" t="s">
        <v>28</v>
      </c>
      <c r="G53206" s="16">
        <v>1.5044503785764645</v>
      </c>
    </row>
    <row r="53207" spans="1:7" x14ac:dyDescent="0.3">
      <c r="A53207" s="13" t="s">
        <v>295</v>
      </c>
      <c r="B53207" s="14" t="s">
        <v>1</v>
      </c>
      <c r="C53207" s="14" t="s">
        <v>38</v>
      </c>
      <c r="D53207" s="14" t="s">
        <v>92</v>
      </c>
      <c r="E53207" s="15">
        <v>45658</v>
      </c>
      <c r="F53207" s="14" t="s">
        <v>28</v>
      </c>
      <c r="G53207" s="16">
        <v>1.5044503785764645</v>
      </c>
    </row>
    <row r="53208" spans="1:7" x14ac:dyDescent="0.3">
      <c r="A53208" s="13" t="s">
        <v>295</v>
      </c>
      <c r="B53208" s="14" t="s">
        <v>1</v>
      </c>
      <c r="C53208" s="14" t="s">
        <v>38</v>
      </c>
      <c r="D53208" s="14" t="s">
        <v>92</v>
      </c>
      <c r="E53208" s="15">
        <v>45659</v>
      </c>
      <c r="F53208" s="14" t="s">
        <v>28</v>
      </c>
      <c r="G53208" s="16">
        <v>1.5054101783861704</v>
      </c>
    </row>
    <row r="53209" spans="1:7" x14ac:dyDescent="0.3">
      <c r="A53209" s="13" t="s">
        <v>295</v>
      </c>
      <c r="B53209" s="14" t="s">
        <v>1</v>
      </c>
      <c r="C53209" s="14" t="s">
        <v>38</v>
      </c>
      <c r="D53209" s="14" t="s">
        <v>92</v>
      </c>
      <c r="E53209" s="15">
        <v>45660</v>
      </c>
      <c r="F53209" s="14" t="s">
        <v>28</v>
      </c>
      <c r="G53209" s="16">
        <v>1.664063978271235</v>
      </c>
    </row>
    <row r="53210" spans="1:7" x14ac:dyDescent="0.3">
      <c r="A53210" s="13" t="s">
        <v>295</v>
      </c>
      <c r="B53210" s="14" t="s">
        <v>1</v>
      </c>
      <c r="C53210" s="14" t="s">
        <v>38</v>
      </c>
      <c r="D53210" s="14" t="s">
        <v>92</v>
      </c>
      <c r="E53210" s="15">
        <v>45661</v>
      </c>
      <c r="F53210" s="14" t="s">
        <v>28</v>
      </c>
      <c r="G53210" s="16">
        <v>1.664063978271235</v>
      </c>
    </row>
    <row r="53211" spans="1:7" x14ac:dyDescent="0.3">
      <c r="A53211" s="13" t="s">
        <v>295</v>
      </c>
      <c r="B53211" s="14" t="s">
        <v>1</v>
      </c>
      <c r="C53211" s="14" t="s">
        <v>38</v>
      </c>
      <c r="D53211" s="14" t="s">
        <v>92</v>
      </c>
      <c r="E53211" s="15">
        <v>45662</v>
      </c>
      <c r="F53211" s="14" t="s">
        <v>28</v>
      </c>
      <c r="G53211" s="16">
        <v>1.664063978271235</v>
      </c>
    </row>
    <row r="53212" spans="1:7" x14ac:dyDescent="0.3">
      <c r="A53212" s="13" t="s">
        <v>295</v>
      </c>
      <c r="B53212" s="14" t="s">
        <v>1</v>
      </c>
      <c r="C53212" s="14" t="s">
        <v>38</v>
      </c>
      <c r="D53212" s="14" t="s">
        <v>92</v>
      </c>
      <c r="E53212" s="15">
        <v>45663</v>
      </c>
      <c r="F53212" s="14" t="s">
        <v>28</v>
      </c>
      <c r="G53212" s="16">
        <v>1.6523195782536366</v>
      </c>
    </row>
    <row r="53213" spans="1:7" x14ac:dyDescent="0.3">
      <c r="A53213" s="13" t="s">
        <v>295</v>
      </c>
      <c r="B53213" s="14" t="s">
        <v>1</v>
      </c>
      <c r="C53213" s="14" t="s">
        <v>38</v>
      </c>
      <c r="D53213" s="14" t="s">
        <v>92</v>
      </c>
      <c r="E53213" s="15">
        <v>45664</v>
      </c>
      <c r="F53213" s="14" t="s">
        <v>28</v>
      </c>
      <c r="G53213" s="16">
        <v>1.639648178123259</v>
      </c>
    </row>
    <row r="53214" spans="1:7" x14ac:dyDescent="0.3">
      <c r="A53214" s="13" t="s">
        <v>295</v>
      </c>
      <c r="B53214" s="14" t="s">
        <v>1</v>
      </c>
      <c r="C53214" s="14" t="s">
        <v>38</v>
      </c>
      <c r="D53214" s="14" t="s">
        <v>92</v>
      </c>
      <c r="E53214" s="15">
        <v>45665</v>
      </c>
      <c r="F53214" s="14" t="s">
        <v>28</v>
      </c>
      <c r="G53214" s="16">
        <v>1.6398722779475967</v>
      </c>
    </row>
    <row r="53215" spans="1:7" x14ac:dyDescent="0.3">
      <c r="A53215" s="13" t="s">
        <v>295</v>
      </c>
      <c r="B53215" s="14" t="s">
        <v>1</v>
      </c>
      <c r="C53215" s="14" t="s">
        <v>38</v>
      </c>
      <c r="D53215" s="14" t="s">
        <v>92</v>
      </c>
      <c r="E53215" s="15">
        <v>45666</v>
      </c>
      <c r="F53215" s="14" t="s">
        <v>28</v>
      </c>
      <c r="G53215" s="16">
        <v>1.6354103778345324</v>
      </c>
    </row>
    <row r="53216" spans="1:7" x14ac:dyDescent="0.3">
      <c r="A53216" s="13" t="s">
        <v>295</v>
      </c>
      <c r="B53216" s="14" t="s">
        <v>1</v>
      </c>
      <c r="C53216" s="14" t="s">
        <v>38</v>
      </c>
      <c r="D53216" s="14" t="s">
        <v>92</v>
      </c>
      <c r="E53216" s="15">
        <v>45667</v>
      </c>
      <c r="F53216" s="14" t="s">
        <v>28</v>
      </c>
      <c r="G53216" s="16">
        <v>1.6470513776514462</v>
      </c>
    </row>
    <row r="53217" spans="1:7" x14ac:dyDescent="0.3">
      <c r="A53217" s="13" t="s">
        <v>295</v>
      </c>
      <c r="B53217" s="14" t="s">
        <v>1</v>
      </c>
      <c r="C53217" s="14" t="s">
        <v>38</v>
      </c>
      <c r="D53217" s="14" t="s">
        <v>92</v>
      </c>
      <c r="E53217" s="15">
        <v>45668</v>
      </c>
      <c r="F53217" s="14" t="s">
        <v>28</v>
      </c>
      <c r="G53217" s="16">
        <v>1.6470513776514462</v>
      </c>
    </row>
    <row r="53218" spans="1:7" x14ac:dyDescent="0.3">
      <c r="A53218" s="13" t="s">
        <v>295</v>
      </c>
      <c r="B53218" s="14" t="s">
        <v>1</v>
      </c>
      <c r="C53218" s="14" t="s">
        <v>38</v>
      </c>
      <c r="D53218" s="14" t="s">
        <v>92</v>
      </c>
      <c r="E53218" s="15">
        <v>45669</v>
      </c>
      <c r="F53218" s="14" t="s">
        <v>28</v>
      </c>
      <c r="G53218" s="16">
        <v>1.6470513776514462</v>
      </c>
    </row>
    <row r="53219" spans="1:7" x14ac:dyDescent="0.3">
      <c r="A53219" s="13" t="s">
        <v>295</v>
      </c>
      <c r="B53219" s="14" t="s">
        <v>1</v>
      </c>
      <c r="C53219" s="14" t="s">
        <v>38</v>
      </c>
      <c r="D53219" s="14" t="s">
        <v>92</v>
      </c>
      <c r="E53219" s="15">
        <v>45670</v>
      </c>
      <c r="F53219" s="14" t="s">
        <v>28</v>
      </c>
      <c r="G53219" s="16">
        <v>1.6406609775643266</v>
      </c>
    </row>
    <row r="53220" spans="1:7" x14ac:dyDescent="0.3">
      <c r="A53220" s="13" t="s">
        <v>295</v>
      </c>
      <c r="B53220" s="14" t="s">
        <v>1</v>
      </c>
      <c r="C53220" s="14" t="s">
        <v>38</v>
      </c>
      <c r="D53220" s="14" t="s">
        <v>92</v>
      </c>
      <c r="E53220" s="15">
        <v>45671</v>
      </c>
      <c r="F53220" s="14" t="s">
        <v>28</v>
      </c>
      <c r="G53220" s="16">
        <v>1.6246495774972969</v>
      </c>
    </row>
    <row r="53221" spans="1:7" x14ac:dyDescent="0.3">
      <c r="A53221" s="13" t="s">
        <v>295</v>
      </c>
      <c r="B53221" s="14" t="s">
        <v>1</v>
      </c>
      <c r="C53221" s="14" t="s">
        <v>38</v>
      </c>
      <c r="D53221" s="14" t="s">
        <v>92</v>
      </c>
      <c r="E53221" s="15">
        <v>45672</v>
      </c>
      <c r="F53221" s="14" t="s">
        <v>28</v>
      </c>
      <c r="G53221" s="16">
        <v>1.6211433773712041</v>
      </c>
    </row>
    <row r="53222" spans="1:7" x14ac:dyDescent="0.3">
      <c r="A53222" s="13" t="s">
        <v>295</v>
      </c>
      <c r="B53222" s="14" t="s">
        <v>1</v>
      </c>
      <c r="C53222" s="14" t="s">
        <v>38</v>
      </c>
      <c r="D53222" s="14" t="s">
        <v>92</v>
      </c>
      <c r="E53222" s="15">
        <v>45673</v>
      </c>
      <c r="F53222" s="14" t="s">
        <v>28</v>
      </c>
      <c r="G53222" s="16">
        <v>1.6160962772666589</v>
      </c>
    </row>
    <row r="53223" spans="1:7" x14ac:dyDescent="0.3">
      <c r="A53223" s="13" t="s">
        <v>295</v>
      </c>
      <c r="B53223" s="14" t="s">
        <v>1</v>
      </c>
      <c r="C53223" s="14" t="s">
        <v>38</v>
      </c>
      <c r="D53223" s="14" t="s">
        <v>92</v>
      </c>
      <c r="E53223" s="15">
        <v>45674</v>
      </c>
      <c r="F53223" s="14" t="s">
        <v>28</v>
      </c>
      <c r="G53223" s="16">
        <v>1.6160099770919967</v>
      </c>
    </row>
    <row r="53224" spans="1:7" x14ac:dyDescent="0.3">
      <c r="A53224" s="13" t="s">
        <v>295</v>
      </c>
      <c r="B53224" s="14" t="s">
        <v>1</v>
      </c>
      <c r="C53224" s="14" t="s">
        <v>38</v>
      </c>
      <c r="D53224" s="14" t="s">
        <v>92</v>
      </c>
      <c r="E53224" s="15">
        <v>45675</v>
      </c>
      <c r="F53224" s="14" t="s">
        <v>28</v>
      </c>
      <c r="G53224" s="16">
        <v>1.6160099770919967</v>
      </c>
    </row>
    <row r="53225" spans="1:7" x14ac:dyDescent="0.3">
      <c r="A53225" s="13" t="s">
        <v>295</v>
      </c>
      <c r="B53225" s="14" t="s">
        <v>1</v>
      </c>
      <c r="C53225" s="14" t="s">
        <v>38</v>
      </c>
      <c r="D53225" s="14" t="s">
        <v>92</v>
      </c>
      <c r="E53225" s="15">
        <v>45676</v>
      </c>
      <c r="F53225" s="14" t="s">
        <v>28</v>
      </c>
      <c r="G53225" s="16">
        <v>1.6160099770919967</v>
      </c>
    </row>
    <row r="53226" spans="1:7" x14ac:dyDescent="0.3">
      <c r="A53226" s="13" t="s">
        <v>295</v>
      </c>
      <c r="B53226" s="14" t="s">
        <v>1</v>
      </c>
      <c r="C53226" s="14" t="s">
        <v>38</v>
      </c>
      <c r="D53226" s="14" t="s">
        <v>92</v>
      </c>
      <c r="E53226" s="15">
        <v>45677</v>
      </c>
      <c r="F53226" s="14" t="s">
        <v>28</v>
      </c>
      <c r="G53226" s="16">
        <v>1.6095719772008963</v>
      </c>
    </row>
    <row r="53227" spans="1:7" x14ac:dyDescent="0.3">
      <c r="A53227" s="13" t="s">
        <v>295</v>
      </c>
      <c r="B53227" s="14" t="s">
        <v>1</v>
      </c>
      <c r="C53227" s="14" t="s">
        <v>38</v>
      </c>
      <c r="D53227" s="14" t="s">
        <v>92</v>
      </c>
      <c r="E53227" s="15">
        <v>45678</v>
      </c>
      <c r="F53227" s="14" t="s">
        <v>28</v>
      </c>
      <c r="G53227" s="16">
        <v>1.5909508771566465</v>
      </c>
    </row>
    <row r="53228" spans="1:7" x14ac:dyDescent="0.3">
      <c r="A53228" s="13" t="s">
        <v>295</v>
      </c>
      <c r="B53228" s="14" t="s">
        <v>1</v>
      </c>
      <c r="C53228" s="14" t="s">
        <v>38</v>
      </c>
      <c r="D53228" s="14" t="s">
        <v>92</v>
      </c>
      <c r="E53228" s="15">
        <v>45679</v>
      </c>
      <c r="F53228" s="14" t="s">
        <v>28</v>
      </c>
      <c r="G53228" s="16">
        <v>1.5911221769789496</v>
      </c>
    </row>
    <row r="53229" spans="1:7" x14ac:dyDescent="0.3">
      <c r="A53229" s="13" t="s">
        <v>295</v>
      </c>
      <c r="B53229" s="14" t="s">
        <v>1</v>
      </c>
      <c r="C53229" s="14" t="s">
        <v>38</v>
      </c>
      <c r="D53229" s="14" t="s">
        <v>92</v>
      </c>
      <c r="E53229" s="15">
        <v>45680</v>
      </c>
      <c r="F53229" s="14" t="s">
        <v>28</v>
      </c>
      <c r="G53229" s="16">
        <v>1.5870562768620915</v>
      </c>
    </row>
    <row r="53230" spans="1:7" x14ac:dyDescent="0.3">
      <c r="A53230" s="13" t="s">
        <v>295</v>
      </c>
      <c r="B53230" s="14" t="s">
        <v>1</v>
      </c>
      <c r="C53230" s="14" t="s">
        <v>38</v>
      </c>
      <c r="D53230" s="14" t="s">
        <v>92</v>
      </c>
      <c r="E53230" s="15">
        <v>45681</v>
      </c>
      <c r="F53230" s="14" t="s">
        <v>28</v>
      </c>
      <c r="G53230" s="16">
        <v>1.5718943769082381</v>
      </c>
    </row>
    <row r="53231" spans="1:7" x14ac:dyDescent="0.3">
      <c r="A53231" s="13" t="s">
        <v>295</v>
      </c>
      <c r="B53231" s="14" t="s">
        <v>1</v>
      </c>
      <c r="C53231" s="14" t="s">
        <v>38</v>
      </c>
      <c r="D53231" s="14" t="s">
        <v>92</v>
      </c>
      <c r="E53231" s="15">
        <v>45682</v>
      </c>
      <c r="F53231" s="14" t="s">
        <v>28</v>
      </c>
      <c r="G53231" s="16">
        <v>1.5718943769082381</v>
      </c>
    </row>
    <row r="53232" spans="1:7" x14ac:dyDescent="0.3">
      <c r="A53232" s="13" t="s">
        <v>295</v>
      </c>
      <c r="B53232" s="14" t="s">
        <v>1</v>
      </c>
      <c r="C53232" s="14" t="s">
        <v>38</v>
      </c>
      <c r="D53232" s="14" t="s">
        <v>92</v>
      </c>
      <c r="E53232" s="15">
        <v>45683</v>
      </c>
      <c r="F53232" s="14" t="s">
        <v>28</v>
      </c>
      <c r="G53232" s="16">
        <v>1.5718943769082381</v>
      </c>
    </row>
    <row r="53233" spans="1:7" x14ac:dyDescent="0.3">
      <c r="A53233" s="13" t="s">
        <v>295</v>
      </c>
      <c r="B53233" s="14" t="s">
        <v>1</v>
      </c>
      <c r="C53233" s="14" t="s">
        <v>38</v>
      </c>
      <c r="D53233" s="14" t="s">
        <v>92</v>
      </c>
      <c r="E53233" s="15">
        <v>45684</v>
      </c>
      <c r="F53233" s="14" t="s">
        <v>28</v>
      </c>
      <c r="G53233" s="16">
        <v>1.5659929768197907</v>
      </c>
    </row>
    <row r="53234" spans="1:7" x14ac:dyDescent="0.3">
      <c r="A53234" s="13" t="s">
        <v>295</v>
      </c>
      <c r="B53234" s="14" t="s">
        <v>1</v>
      </c>
      <c r="C53234" s="14" t="s">
        <v>38</v>
      </c>
      <c r="D53234" s="14" t="s">
        <v>92</v>
      </c>
      <c r="E53234" s="15">
        <v>45685</v>
      </c>
      <c r="F53234" s="14" t="s">
        <v>28</v>
      </c>
      <c r="G53234" s="16">
        <v>1.5604049765860399</v>
      </c>
    </row>
    <row r="53235" spans="1:7" x14ac:dyDescent="0.3">
      <c r="A53235" s="13" t="s">
        <v>295</v>
      </c>
      <c r="B53235" s="14" t="s">
        <v>1</v>
      </c>
      <c r="C53235" s="14" t="s">
        <v>38</v>
      </c>
      <c r="D53235" s="14" t="s">
        <v>92</v>
      </c>
      <c r="E53235" s="15">
        <v>45686</v>
      </c>
      <c r="F53235" s="14" t="s">
        <v>28</v>
      </c>
      <c r="G53235" s="16">
        <v>1.5604049765860399</v>
      </c>
    </row>
    <row r="53236" spans="1:7" x14ac:dyDescent="0.3">
      <c r="A53236" s="13" t="s">
        <v>295</v>
      </c>
      <c r="B53236" s="14" t="s">
        <v>1</v>
      </c>
      <c r="C53236" s="14" t="s">
        <v>38</v>
      </c>
      <c r="D53236" s="14" t="s">
        <v>92</v>
      </c>
      <c r="E53236" s="15">
        <v>45687</v>
      </c>
      <c r="F53236" s="14" t="s">
        <v>28</v>
      </c>
      <c r="G53236" s="16">
        <v>1.5604049765860399</v>
      </c>
    </row>
    <row r="53237" spans="1:7" x14ac:dyDescent="0.3">
      <c r="A53237" s="13" t="s">
        <v>295</v>
      </c>
      <c r="B53237" s="14" t="s">
        <v>1</v>
      </c>
      <c r="C53237" s="14" t="s">
        <v>38</v>
      </c>
      <c r="D53237" s="14" t="s">
        <v>92</v>
      </c>
      <c r="E53237" s="15">
        <v>45688</v>
      </c>
      <c r="F53237" s="14" t="s">
        <v>28</v>
      </c>
      <c r="G53237" s="16">
        <v>1.5647615763424079</v>
      </c>
    </row>
    <row r="53238" spans="1:7" x14ac:dyDescent="0.3">
      <c r="A53238" s="13" t="s">
        <v>295</v>
      </c>
      <c r="B53238" s="14" t="s">
        <v>1</v>
      </c>
      <c r="C53238" s="14" t="s">
        <v>38</v>
      </c>
      <c r="D53238" s="14" t="s">
        <v>92</v>
      </c>
      <c r="E53238" s="15">
        <v>45689</v>
      </c>
      <c r="F53238" s="14" t="s">
        <v>28</v>
      </c>
      <c r="G53238" s="16">
        <v>1.5647615763424079</v>
      </c>
    </row>
    <row r="53239" spans="1:7" x14ac:dyDescent="0.3">
      <c r="A53239" s="13" t="s">
        <v>295</v>
      </c>
      <c r="B53239" s="14" t="s">
        <v>1</v>
      </c>
      <c r="C53239" s="14" t="s">
        <v>38</v>
      </c>
      <c r="D53239" s="14" t="s">
        <v>92</v>
      </c>
      <c r="E53239" s="15">
        <v>45690</v>
      </c>
      <c r="F53239" s="14" t="s">
        <v>28</v>
      </c>
      <c r="G53239" s="16">
        <v>1.5647615763424079</v>
      </c>
    </row>
    <row r="53240" spans="1:7" x14ac:dyDescent="0.3">
      <c r="A53240" s="13" t="s">
        <v>295</v>
      </c>
      <c r="B53240" s="14" t="s">
        <v>1</v>
      </c>
      <c r="C53240" s="14" t="s">
        <v>38</v>
      </c>
      <c r="D53240" s="14" t="s">
        <v>92</v>
      </c>
      <c r="E53240" s="15">
        <v>45691</v>
      </c>
      <c r="F53240" s="14" t="s">
        <v>28</v>
      </c>
      <c r="G53240" s="16">
        <v>1.5647615763424079</v>
      </c>
    </row>
    <row r="53241" spans="1:7" x14ac:dyDescent="0.3">
      <c r="A53241" s="13" t="s">
        <v>295</v>
      </c>
      <c r="B53241" s="14" t="s">
        <v>1</v>
      </c>
      <c r="C53241" s="14" t="s">
        <v>38</v>
      </c>
      <c r="D53241" s="14" t="s">
        <v>92</v>
      </c>
      <c r="E53241" s="15">
        <v>45692</v>
      </c>
      <c r="F53241" s="14" t="s">
        <v>28</v>
      </c>
      <c r="G53241" s="16">
        <v>1.543184576347814</v>
      </c>
    </row>
    <row r="53242" spans="1:7" x14ac:dyDescent="0.3">
      <c r="A53242" s="13" t="s">
        <v>295</v>
      </c>
      <c r="B53242" s="14" t="s">
        <v>1</v>
      </c>
      <c r="C53242" s="14" t="s">
        <v>38</v>
      </c>
      <c r="D53242" s="14" t="s">
        <v>92</v>
      </c>
      <c r="E53242" s="15">
        <v>45693</v>
      </c>
      <c r="F53242" s="14" t="s">
        <v>28</v>
      </c>
      <c r="G53242" s="16">
        <v>1.5224564762805515</v>
      </c>
    </row>
    <row r="53243" spans="1:7" x14ac:dyDescent="0.3">
      <c r="A53243" s="13" t="s">
        <v>295</v>
      </c>
      <c r="B53243" s="14" t="s">
        <v>1</v>
      </c>
      <c r="C53243" s="14" t="s">
        <v>38</v>
      </c>
      <c r="D53243" s="14" t="s">
        <v>92</v>
      </c>
      <c r="E53243" s="15">
        <v>45694</v>
      </c>
      <c r="F53243" s="14" t="s">
        <v>28</v>
      </c>
      <c r="G53243" s="16">
        <v>1.5206629761289283</v>
      </c>
    </row>
    <row r="53244" spans="1:7" x14ac:dyDescent="0.3">
      <c r="A53244" s="13" t="s">
        <v>295</v>
      </c>
      <c r="B53244" s="14" t="s">
        <v>1</v>
      </c>
      <c r="C53244" s="14" t="s">
        <v>38</v>
      </c>
      <c r="D53244" s="14" t="s">
        <v>92</v>
      </c>
      <c r="E53244" s="15">
        <v>45695</v>
      </c>
      <c r="F53244" s="14" t="s">
        <v>28</v>
      </c>
      <c r="G53244" s="16">
        <v>1.5209911759432124</v>
      </c>
    </row>
    <row r="53245" spans="1:7" x14ac:dyDescent="0.3">
      <c r="A53245" s="13" t="s">
        <v>295</v>
      </c>
      <c r="B53245" s="14" t="s">
        <v>1</v>
      </c>
      <c r="C53245" s="14" t="s">
        <v>38</v>
      </c>
      <c r="D53245" s="14" t="s">
        <v>92</v>
      </c>
      <c r="E53245" s="15">
        <v>45696</v>
      </c>
      <c r="F53245" s="14" t="s">
        <v>28</v>
      </c>
      <c r="G53245" s="16">
        <v>1.5209911759432124</v>
      </c>
    </row>
    <row r="53246" spans="1:7" x14ac:dyDescent="0.3">
      <c r="A53246" s="13" t="s">
        <v>295</v>
      </c>
      <c r="B53246" s="14" t="s">
        <v>1</v>
      </c>
      <c r="C53246" s="14" t="s">
        <v>38</v>
      </c>
      <c r="D53246" s="14" t="s">
        <v>92</v>
      </c>
      <c r="E53246" s="15">
        <v>45697</v>
      </c>
      <c r="F53246" s="14" t="s">
        <v>28</v>
      </c>
      <c r="G53246" s="16">
        <v>1.5209911759432124</v>
      </c>
    </row>
    <row r="53247" spans="1:7" x14ac:dyDescent="0.3">
      <c r="A53247" s="13" t="s">
        <v>295</v>
      </c>
      <c r="B53247" s="14" t="s">
        <v>1</v>
      </c>
      <c r="C53247" s="14" t="s">
        <v>38</v>
      </c>
      <c r="D53247" s="14" t="s">
        <v>92</v>
      </c>
      <c r="E53247" s="15">
        <v>45698</v>
      </c>
      <c r="F53247" s="14" t="s">
        <v>28</v>
      </c>
      <c r="G53247" s="16">
        <v>1.5274230758103684</v>
      </c>
    </row>
    <row r="53248" spans="1:7" x14ac:dyDescent="0.3">
      <c r="A53248" s="13" t="s">
        <v>295</v>
      </c>
      <c r="B53248" s="14" t="s">
        <v>1</v>
      </c>
      <c r="C53248" s="14" t="s">
        <v>38</v>
      </c>
      <c r="D53248" s="14" t="s">
        <v>92</v>
      </c>
      <c r="E53248" s="15">
        <v>45699</v>
      </c>
      <c r="F53248" s="14" t="s">
        <v>28</v>
      </c>
      <c r="G53248" s="16">
        <v>1.5113009757347595</v>
      </c>
    </row>
    <row r="53249" spans="1:7" x14ac:dyDescent="0.3">
      <c r="A53249" s="13" t="s">
        <v>295</v>
      </c>
      <c r="B53249" s="14" t="s">
        <v>1</v>
      </c>
      <c r="C53249" s="14" t="s">
        <v>38</v>
      </c>
      <c r="D53249" s="14" t="s">
        <v>92</v>
      </c>
      <c r="E53249" s="15">
        <v>45700</v>
      </c>
      <c r="F53249" s="14" t="s">
        <v>28</v>
      </c>
      <c r="G53249" s="16">
        <v>1.5066849756271099</v>
      </c>
    </row>
    <row r="53250" spans="1:7" x14ac:dyDescent="0.3">
      <c r="A53250" s="13" t="s">
        <v>295</v>
      </c>
      <c r="B53250" s="14" t="s">
        <v>1</v>
      </c>
      <c r="C53250" s="14" t="s">
        <v>38</v>
      </c>
      <c r="D53250" s="14" t="s">
        <v>92</v>
      </c>
      <c r="E53250" s="15">
        <v>45701</v>
      </c>
      <c r="F53250" s="14" t="s">
        <v>28</v>
      </c>
      <c r="G53250" s="16">
        <v>1.5161340756843191</v>
      </c>
    </row>
    <row r="53251" spans="1:7" x14ac:dyDescent="0.3">
      <c r="A53251" s="13" t="s">
        <v>295</v>
      </c>
      <c r="B53251" s="14" t="s">
        <v>1</v>
      </c>
      <c r="C53251" s="14" t="s">
        <v>38</v>
      </c>
      <c r="D53251" s="14" t="s">
        <v>92</v>
      </c>
      <c r="E53251" s="15">
        <v>45702</v>
      </c>
      <c r="F53251" s="14" t="s">
        <v>28</v>
      </c>
      <c r="G53251" s="16">
        <v>1.5076013756413023</v>
      </c>
    </row>
    <row r="53252" spans="1:7" x14ac:dyDescent="0.3">
      <c r="A53252" s="13" t="s">
        <v>295</v>
      </c>
      <c r="B53252" s="14" t="s">
        <v>1</v>
      </c>
      <c r="C53252" s="14" t="s">
        <v>38</v>
      </c>
      <c r="D53252" s="14" t="s">
        <v>92</v>
      </c>
      <c r="E53252" s="15">
        <v>45703</v>
      </c>
      <c r="F53252" s="14" t="s">
        <v>28</v>
      </c>
      <c r="G53252" s="16">
        <v>1.5076013756413023</v>
      </c>
    </row>
    <row r="53253" spans="1:7" x14ac:dyDescent="0.3">
      <c r="A53253" s="13" t="s">
        <v>295</v>
      </c>
      <c r="B53253" s="14" t="s">
        <v>1</v>
      </c>
      <c r="C53253" s="14" t="s">
        <v>38</v>
      </c>
      <c r="D53253" s="14" t="s">
        <v>92</v>
      </c>
      <c r="E53253" s="15">
        <v>45704</v>
      </c>
      <c r="F53253" s="14" t="s">
        <v>28</v>
      </c>
      <c r="G53253" s="16">
        <v>1.5076013756413023</v>
      </c>
    </row>
    <row r="53254" spans="1:7" x14ac:dyDescent="0.3">
      <c r="A53254" s="13" t="s">
        <v>295</v>
      </c>
      <c r="B53254" s="14" t="s">
        <v>1</v>
      </c>
      <c r="C53254" s="14" t="s">
        <v>38</v>
      </c>
      <c r="D53254" s="14" t="s">
        <v>92</v>
      </c>
      <c r="E53254" s="15">
        <v>45705</v>
      </c>
      <c r="F53254" s="14" t="s">
        <v>28</v>
      </c>
      <c r="G53254" s="16">
        <v>1.5057183754911276</v>
      </c>
    </row>
    <row r="53255" spans="1:7" x14ac:dyDescent="0.3">
      <c r="A53255" s="13" t="s">
        <v>295</v>
      </c>
      <c r="B53255" s="14" t="s">
        <v>1</v>
      </c>
      <c r="C53255" s="14" t="s">
        <v>38</v>
      </c>
      <c r="D53255" s="14" t="s">
        <v>92</v>
      </c>
      <c r="E53255" s="15">
        <v>45706</v>
      </c>
      <c r="F53255" s="14" t="s">
        <v>28</v>
      </c>
      <c r="G53255" s="16">
        <v>1.4930894753626638</v>
      </c>
    </row>
    <row r="53256" spans="1:7" x14ac:dyDescent="0.3">
      <c r="A53256" s="13" t="s">
        <v>295</v>
      </c>
      <c r="B53256" s="14" t="s">
        <v>1</v>
      </c>
      <c r="C53256" s="14" t="s">
        <v>38</v>
      </c>
      <c r="D53256" s="14" t="s">
        <v>92</v>
      </c>
      <c r="E53256" s="15">
        <v>45707</v>
      </c>
      <c r="F53256" s="14" t="s">
        <v>28</v>
      </c>
      <c r="G53256" s="16">
        <v>1.4954335752303889</v>
      </c>
    </row>
    <row r="53257" spans="1:7" x14ac:dyDescent="0.3">
      <c r="A53257" s="13" t="s">
        <v>295</v>
      </c>
      <c r="B53257" s="14" t="s">
        <v>1</v>
      </c>
      <c r="C53257" s="14" t="s">
        <v>38</v>
      </c>
      <c r="D53257" s="14" t="s">
        <v>92</v>
      </c>
      <c r="E53257" s="15">
        <v>45708</v>
      </c>
      <c r="F53257" s="14" t="s">
        <v>28</v>
      </c>
      <c r="G53257" s="16">
        <v>1.4811851752851926</v>
      </c>
    </row>
    <row r="53258" spans="1:7" x14ac:dyDescent="0.3">
      <c r="A53258" s="13" t="s">
        <v>295</v>
      </c>
      <c r="B53258" s="14" t="s">
        <v>1</v>
      </c>
      <c r="C53258" s="14" t="s">
        <v>38</v>
      </c>
      <c r="D53258" s="14" t="s">
        <v>92</v>
      </c>
      <c r="E53258" s="15">
        <v>45709</v>
      </c>
      <c r="F53258" s="14" t="s">
        <v>28</v>
      </c>
      <c r="G53258" s="16">
        <v>1.4801771751199546</v>
      </c>
    </row>
    <row r="53259" spans="1:7" x14ac:dyDescent="0.3">
      <c r="A53259" s="13" t="s">
        <v>295</v>
      </c>
      <c r="B53259" s="14" t="s">
        <v>1</v>
      </c>
      <c r="C53259" s="14" t="s">
        <v>38</v>
      </c>
      <c r="D53259" s="14" t="s">
        <v>92</v>
      </c>
      <c r="E53259" s="15">
        <v>45710</v>
      </c>
      <c r="F53259" s="14" t="s">
        <v>28</v>
      </c>
      <c r="G53259" s="16">
        <v>1.4801771751199546</v>
      </c>
    </row>
    <row r="53260" spans="1:7" x14ac:dyDescent="0.3">
      <c r="A53260" s="13" t="s">
        <v>295</v>
      </c>
      <c r="B53260" s="14" t="s">
        <v>1</v>
      </c>
      <c r="C53260" s="14" t="s">
        <v>38</v>
      </c>
      <c r="D53260" s="14" t="s">
        <v>92</v>
      </c>
      <c r="E53260" s="15">
        <v>45711</v>
      </c>
      <c r="F53260" s="14" t="s">
        <v>28</v>
      </c>
      <c r="G53260" s="16">
        <v>1.4801771751199546</v>
      </c>
    </row>
    <row r="53261" spans="1:7" x14ac:dyDescent="0.3">
      <c r="A53261" s="13" t="s">
        <v>295</v>
      </c>
      <c r="B53261" s="14" t="s">
        <v>1</v>
      </c>
      <c r="C53261" s="14" t="s">
        <v>38</v>
      </c>
      <c r="D53261" s="14" t="s">
        <v>92</v>
      </c>
      <c r="E53261" s="15">
        <v>45712</v>
      </c>
      <c r="F53261" s="14" t="s">
        <v>28</v>
      </c>
      <c r="G53261" s="16">
        <v>1.4786004749636061</v>
      </c>
    </row>
    <row r="53262" spans="1:7" x14ac:dyDescent="0.3">
      <c r="A53262" s="13" t="s">
        <v>295</v>
      </c>
      <c r="B53262" s="14" t="s">
        <v>1</v>
      </c>
      <c r="C53262" s="14" t="s">
        <v>38</v>
      </c>
      <c r="D53262" s="14" t="s">
        <v>92</v>
      </c>
      <c r="E53262" s="15">
        <v>45713</v>
      </c>
      <c r="F53262" s="14" t="s">
        <v>28</v>
      </c>
      <c r="G53262" s="16">
        <v>1.4623724748971023</v>
      </c>
    </row>
    <row r="53263" spans="1:7" x14ac:dyDescent="0.3">
      <c r="A53263" s="13" t="s">
        <v>295</v>
      </c>
      <c r="B53263" s="14" t="s">
        <v>1</v>
      </c>
      <c r="C53263" s="14" t="s">
        <v>38</v>
      </c>
      <c r="D53263" s="14" t="s">
        <v>92</v>
      </c>
      <c r="E53263" s="15">
        <v>45714</v>
      </c>
      <c r="F53263" s="14" t="s">
        <v>28</v>
      </c>
      <c r="G53263" s="16">
        <v>1.4610959747347445</v>
      </c>
    </row>
    <row r="53264" spans="1:7" x14ac:dyDescent="0.3">
      <c r="A53264" s="13" t="s">
        <v>295</v>
      </c>
      <c r="B53264" s="14" t="s">
        <v>1</v>
      </c>
      <c r="C53264" s="14" t="s">
        <v>38</v>
      </c>
      <c r="D53264" s="14" t="s">
        <v>92</v>
      </c>
      <c r="E53264" s="15">
        <v>45715</v>
      </c>
      <c r="F53264" s="14" t="s">
        <v>28</v>
      </c>
      <c r="G53264" s="16">
        <v>1.4684075744220997</v>
      </c>
    </row>
    <row r="53265" spans="1:7" x14ac:dyDescent="0.3">
      <c r="A53265" s="13" t="s">
        <v>295</v>
      </c>
      <c r="B53265" s="14" t="s">
        <v>1</v>
      </c>
      <c r="C53265" s="14" t="s">
        <v>38</v>
      </c>
      <c r="D53265" s="14" t="s">
        <v>92</v>
      </c>
      <c r="E53265" s="15">
        <v>45716</v>
      </c>
      <c r="F53265" s="14" t="s">
        <v>28</v>
      </c>
      <c r="G53265" s="16">
        <v>1.4964647742639148</v>
      </c>
    </row>
    <row r="53266" spans="1:7" x14ac:dyDescent="0.3">
      <c r="A53266" s="13" t="s">
        <v>295</v>
      </c>
      <c r="B53266" s="14" t="s">
        <v>1</v>
      </c>
      <c r="C53266" s="14" t="s">
        <v>38</v>
      </c>
      <c r="D53266" s="14" t="s">
        <v>92</v>
      </c>
      <c r="E53266" s="15">
        <v>45717</v>
      </c>
      <c r="F53266" s="14" t="s">
        <v>28</v>
      </c>
      <c r="G53266" s="16">
        <v>1.4964647742639148</v>
      </c>
    </row>
    <row r="53267" spans="1:7" x14ac:dyDescent="0.3">
      <c r="A53267" s="13" t="s">
        <v>295</v>
      </c>
      <c r="B53267" s="14" t="s">
        <v>1</v>
      </c>
      <c r="C53267" s="14" t="s">
        <v>38</v>
      </c>
      <c r="D53267" s="14" t="s">
        <v>92</v>
      </c>
      <c r="E53267" s="15">
        <v>45718</v>
      </c>
      <c r="F53267" s="14" t="s">
        <v>28</v>
      </c>
      <c r="G53267" s="16">
        <v>1.4964647742639148</v>
      </c>
    </row>
    <row r="53268" spans="1:7" x14ac:dyDescent="0.3">
      <c r="A53268" s="13" t="s">
        <v>295</v>
      </c>
      <c r="B53268" s="14" t="s">
        <v>1</v>
      </c>
      <c r="C53268" s="14" t="s">
        <v>38</v>
      </c>
      <c r="D53268" s="14" t="s">
        <v>92</v>
      </c>
      <c r="E53268" s="15">
        <v>45719</v>
      </c>
      <c r="F53268" s="14" t="s">
        <v>28</v>
      </c>
      <c r="G53268" s="16">
        <v>1.4875509742316844</v>
      </c>
    </row>
    <row r="53269" spans="1:7" x14ac:dyDescent="0.3">
      <c r="A53269" s="13" t="s">
        <v>295</v>
      </c>
      <c r="B53269" s="14" t="s">
        <v>1</v>
      </c>
      <c r="C53269" s="14" t="s">
        <v>38</v>
      </c>
      <c r="D53269" s="14" t="s">
        <v>92</v>
      </c>
      <c r="E53269" s="15">
        <v>45720</v>
      </c>
      <c r="F53269" s="14" t="s">
        <v>28</v>
      </c>
      <c r="G53269" s="16">
        <v>1.4660095742809693</v>
      </c>
    </row>
    <row r="53270" spans="1:7" x14ac:dyDescent="0.3">
      <c r="A53270" s="13" t="s">
        <v>295</v>
      </c>
      <c r="B53270" s="14" t="s">
        <v>1</v>
      </c>
      <c r="C53270" s="14" t="s">
        <v>38</v>
      </c>
      <c r="D53270" s="14" t="s">
        <v>92</v>
      </c>
      <c r="E53270" s="15">
        <v>45721</v>
      </c>
      <c r="F53270" s="14" t="s">
        <v>28</v>
      </c>
      <c r="G53270" s="16">
        <v>1.454673674295041</v>
      </c>
    </row>
    <row r="53271" spans="1:7" x14ac:dyDescent="0.3">
      <c r="A53271" s="13" t="s">
        <v>295</v>
      </c>
      <c r="B53271" s="14" t="s">
        <v>1</v>
      </c>
      <c r="C53271" s="14" t="s">
        <v>38</v>
      </c>
      <c r="D53271" s="14" t="s">
        <v>92</v>
      </c>
      <c r="E53271" s="15">
        <v>45722</v>
      </c>
      <c r="F53271" s="14" t="s">
        <v>28</v>
      </c>
      <c r="G53271" s="16">
        <v>1.4976175741511866</v>
      </c>
    </row>
    <row r="53272" spans="1:7" x14ac:dyDescent="0.3">
      <c r="A53272" s="13" t="s">
        <v>295</v>
      </c>
      <c r="B53272" s="14" t="s">
        <v>1</v>
      </c>
      <c r="C53272" s="14" t="s">
        <v>38</v>
      </c>
      <c r="D53272" s="14" t="s">
        <v>92</v>
      </c>
      <c r="E53272" s="15">
        <v>45723</v>
      </c>
      <c r="F53272" s="14" t="s">
        <v>28</v>
      </c>
      <c r="G53272" s="16">
        <v>1.5874057740713785</v>
      </c>
    </row>
    <row r="53273" spans="1:7" x14ac:dyDescent="0.3">
      <c r="A53273" s="13" t="s">
        <v>295</v>
      </c>
      <c r="B53273" s="14" t="s">
        <v>1</v>
      </c>
      <c r="C53273" s="14" t="s">
        <v>38</v>
      </c>
      <c r="D53273" s="14" t="s">
        <v>92</v>
      </c>
      <c r="E53273" s="15">
        <v>45724</v>
      </c>
      <c r="F53273" s="14" t="s">
        <v>28</v>
      </c>
      <c r="G53273" s="16">
        <v>1.5874057740713785</v>
      </c>
    </row>
    <row r="53274" spans="1:7" x14ac:dyDescent="0.3">
      <c r="A53274" s="13" t="s">
        <v>295</v>
      </c>
      <c r="B53274" s="14" t="s">
        <v>1</v>
      </c>
      <c r="C53274" s="14" t="s">
        <v>38</v>
      </c>
      <c r="D53274" s="14" t="s">
        <v>92</v>
      </c>
      <c r="E53274" s="15">
        <v>45725</v>
      </c>
      <c r="F53274" s="14" t="s">
        <v>28</v>
      </c>
      <c r="G53274" s="16">
        <v>1.5874057740713785</v>
      </c>
    </row>
    <row r="53275" spans="1:7" x14ac:dyDescent="0.3">
      <c r="A53275" s="13" t="s">
        <v>295</v>
      </c>
      <c r="B53275" s="14" t="s">
        <v>1</v>
      </c>
      <c r="C53275" s="14" t="s">
        <v>38</v>
      </c>
      <c r="D53275" s="14" t="s">
        <v>92</v>
      </c>
      <c r="E53275" s="15">
        <v>45726</v>
      </c>
      <c r="F53275" s="14" t="s">
        <v>28</v>
      </c>
      <c r="G53275" s="16">
        <v>1.5951051738959749</v>
      </c>
    </row>
    <row r="53276" spans="1:7" x14ac:dyDescent="0.3">
      <c r="A53276" s="13" t="s">
        <v>295</v>
      </c>
      <c r="B53276" s="14" t="s">
        <v>1</v>
      </c>
      <c r="C53276" s="14" t="s">
        <v>38</v>
      </c>
      <c r="D53276" s="14" t="s">
        <v>92</v>
      </c>
      <c r="E53276" s="15">
        <v>45727</v>
      </c>
      <c r="F53276" s="14" t="s">
        <v>28</v>
      </c>
      <c r="G53276" s="16">
        <v>1.578947373849785</v>
      </c>
    </row>
    <row r="53277" spans="1:7" x14ac:dyDescent="0.3">
      <c r="A53277" s="13" t="s">
        <v>295</v>
      </c>
      <c r="B53277" s="14" t="s">
        <v>1</v>
      </c>
      <c r="C53277" s="14" t="s">
        <v>38</v>
      </c>
      <c r="D53277" s="14" t="s">
        <v>92</v>
      </c>
      <c r="E53277" s="15">
        <v>45728</v>
      </c>
      <c r="F53277" s="14" t="s">
        <v>28</v>
      </c>
      <c r="G53277" s="16">
        <v>1.5776799736896776</v>
      </c>
    </row>
    <row r="53278" spans="1:7" x14ac:dyDescent="0.3">
      <c r="A53278" s="13" t="s">
        <v>295</v>
      </c>
      <c r="B53278" s="14" t="s">
        <v>1</v>
      </c>
      <c r="C53278" s="14" t="s">
        <v>38</v>
      </c>
      <c r="D53278" s="14" t="s">
        <v>92</v>
      </c>
      <c r="E53278" s="15">
        <v>45729</v>
      </c>
      <c r="F53278" s="14" t="s">
        <v>28</v>
      </c>
      <c r="G53278" s="16">
        <v>1.5773435735133081</v>
      </c>
    </row>
    <row r="53279" spans="1:7" x14ac:dyDescent="0.3">
      <c r="A53279" s="13" t="s">
        <v>295</v>
      </c>
      <c r="B53279" s="14" t="s">
        <v>1</v>
      </c>
      <c r="C53279" s="14" t="s">
        <v>38</v>
      </c>
      <c r="D53279" s="14" t="s">
        <v>92</v>
      </c>
      <c r="E53279" s="15">
        <v>45730</v>
      </c>
      <c r="F53279" s="14" t="s">
        <v>28</v>
      </c>
      <c r="G53279" s="16">
        <v>1.6294147734419671</v>
      </c>
    </row>
    <row r="53280" spans="1:7" x14ac:dyDescent="0.3">
      <c r="A53280" s="13" t="s">
        <v>295</v>
      </c>
      <c r="B53280" s="14" t="s">
        <v>1</v>
      </c>
      <c r="C53280" s="14" t="s">
        <v>38</v>
      </c>
      <c r="D53280" s="14" t="s">
        <v>92</v>
      </c>
      <c r="E53280" s="15">
        <v>45731</v>
      </c>
      <c r="F53280" s="14" t="s">
        <v>28</v>
      </c>
      <c r="G53280" s="16">
        <v>1.6294147734419671</v>
      </c>
    </row>
    <row r="53281" spans="1:7" x14ac:dyDescent="0.3">
      <c r="A53281" s="13" t="s">
        <v>295</v>
      </c>
      <c r="B53281" s="14" t="s">
        <v>1</v>
      </c>
      <c r="C53281" s="14" t="s">
        <v>38</v>
      </c>
      <c r="D53281" s="14" t="s">
        <v>92</v>
      </c>
      <c r="E53281" s="15">
        <v>45732</v>
      </c>
      <c r="F53281" s="14" t="s">
        <v>28</v>
      </c>
      <c r="G53281" s="16">
        <v>1.6294147734419671</v>
      </c>
    </row>
    <row r="53282" spans="1:7" x14ac:dyDescent="0.3">
      <c r="A53282" s="13" t="s">
        <v>295</v>
      </c>
      <c r="B53282" s="14" t="s">
        <v>1</v>
      </c>
      <c r="C53282" s="14" t="s">
        <v>38</v>
      </c>
      <c r="D53282" s="14" t="s">
        <v>92</v>
      </c>
      <c r="E53282" s="15">
        <v>45733</v>
      </c>
      <c r="F53282" s="14" t="s">
        <v>28</v>
      </c>
      <c r="G53282" s="16">
        <v>1.6294147734419671</v>
      </c>
    </row>
    <row r="53283" spans="1:7" x14ac:dyDescent="0.3">
      <c r="A53283" s="13" t="s">
        <v>295</v>
      </c>
      <c r="B53283" s="14" t="s">
        <v>1</v>
      </c>
      <c r="C53283" s="14" t="s">
        <v>38</v>
      </c>
      <c r="D53283" s="14" t="s">
        <v>92</v>
      </c>
      <c r="E53283" s="15">
        <v>45734</v>
      </c>
      <c r="F53283" s="14" t="s">
        <v>28</v>
      </c>
      <c r="G53283" s="16">
        <v>1.6218794733850084</v>
      </c>
    </row>
    <row r="53284" spans="1:7" x14ac:dyDescent="0.3">
      <c r="A53284" s="13" t="s">
        <v>295</v>
      </c>
      <c r="B53284" s="14" t="s">
        <v>1</v>
      </c>
      <c r="C53284" s="14" t="s">
        <v>38</v>
      </c>
      <c r="D53284" s="14" t="s">
        <v>92</v>
      </c>
      <c r="E53284" s="15">
        <v>45735</v>
      </c>
      <c r="F53284" s="14" t="s">
        <v>28</v>
      </c>
      <c r="G53284" s="16">
        <v>1.7549294732702885</v>
      </c>
    </row>
    <row r="53285" spans="1:7" x14ac:dyDescent="0.3">
      <c r="A53285" s="13" t="s">
        <v>295</v>
      </c>
      <c r="B53285" s="14" t="s">
        <v>1</v>
      </c>
      <c r="C53285" s="14" t="s">
        <v>38</v>
      </c>
      <c r="D53285" s="14" t="s">
        <v>92</v>
      </c>
      <c r="E53285" s="15">
        <v>45736</v>
      </c>
      <c r="F53285" s="14" t="s">
        <v>28</v>
      </c>
      <c r="G53285" s="16">
        <v>1.7567283730667933</v>
      </c>
    </row>
    <row r="53286" spans="1:7" x14ac:dyDescent="0.3">
      <c r="A53286" s="13" t="s">
        <v>295</v>
      </c>
      <c r="B53286" s="14" t="s">
        <v>1</v>
      </c>
      <c r="C53286" s="14" t="s">
        <v>38</v>
      </c>
      <c r="D53286" s="14" t="s">
        <v>92</v>
      </c>
      <c r="E53286" s="15">
        <v>45737</v>
      </c>
      <c r="F53286" s="14" t="s">
        <v>28</v>
      </c>
      <c r="G53286" s="16">
        <v>1.7536427729375106</v>
      </c>
    </row>
    <row r="53287" spans="1:7" x14ac:dyDescent="0.3">
      <c r="A53287" s="13" t="s">
        <v>295</v>
      </c>
      <c r="B53287" s="14" t="s">
        <v>1</v>
      </c>
      <c r="C53287" s="14" t="s">
        <v>38</v>
      </c>
      <c r="D53287" s="14" t="s">
        <v>92</v>
      </c>
      <c r="E53287" s="15">
        <v>45738</v>
      </c>
      <c r="F53287" s="14" t="s">
        <v>28</v>
      </c>
      <c r="G53287" s="16">
        <v>1.7536427729375106</v>
      </c>
    </row>
    <row r="53288" spans="1:7" x14ac:dyDescent="0.3">
      <c r="A53288" s="13" t="s">
        <v>295</v>
      </c>
      <c r="B53288" s="14" t="s">
        <v>1</v>
      </c>
      <c r="C53288" s="14" t="s">
        <v>38</v>
      </c>
      <c r="D53288" s="14" t="s">
        <v>92</v>
      </c>
      <c r="E53288" s="15">
        <v>45739</v>
      </c>
      <c r="F53288" s="14" t="s">
        <v>28</v>
      </c>
      <c r="G53288" s="16">
        <v>1.7536427729375106</v>
      </c>
    </row>
    <row r="53289" spans="1:7" x14ac:dyDescent="0.3">
      <c r="A53289" s="13" t="s">
        <v>295</v>
      </c>
      <c r="B53289" s="14" t="s">
        <v>1</v>
      </c>
      <c r="C53289" s="14" t="s">
        <v>38</v>
      </c>
      <c r="D53289" s="14" t="s">
        <v>92</v>
      </c>
      <c r="E53289" s="15">
        <v>45740</v>
      </c>
      <c r="F53289" s="14" t="s">
        <v>28</v>
      </c>
      <c r="G53289" s="16">
        <v>1.7533039727653748</v>
      </c>
    </row>
    <row r="53290" spans="1:7" x14ac:dyDescent="0.3">
      <c r="A53290" s="13" t="s">
        <v>295</v>
      </c>
      <c r="B53290" s="14" t="s">
        <v>1</v>
      </c>
      <c r="C53290" s="14" t="s">
        <v>38</v>
      </c>
      <c r="D53290" s="14" t="s">
        <v>92</v>
      </c>
      <c r="E53290" s="15">
        <v>45741</v>
      </c>
      <c r="F53290" s="14" t="s">
        <v>28</v>
      </c>
      <c r="G53290" s="16">
        <v>1.7370951727153652</v>
      </c>
    </row>
    <row r="53291" spans="1:7" x14ac:dyDescent="0.3">
      <c r="A53291" s="13" t="s">
        <v>295</v>
      </c>
      <c r="B53291" s="14" t="s">
        <v>1</v>
      </c>
      <c r="C53291" s="14" t="s">
        <v>38</v>
      </c>
      <c r="D53291" s="14" t="s">
        <v>92</v>
      </c>
      <c r="E53291" s="15">
        <v>45742</v>
      </c>
      <c r="F53291" s="14" t="s">
        <v>28</v>
      </c>
      <c r="G53291" s="16">
        <v>1.8395453725058435</v>
      </c>
    </row>
    <row r="53292" spans="1:7" x14ac:dyDescent="0.3">
      <c r="A53292" s="13" t="s">
        <v>295</v>
      </c>
      <c r="B53292" s="14" t="s">
        <v>1</v>
      </c>
      <c r="C53292" s="14" t="s">
        <v>38</v>
      </c>
      <c r="D53292" s="14" t="s">
        <v>92</v>
      </c>
      <c r="E53292" s="15">
        <v>45743</v>
      </c>
      <c r="F53292" s="14" t="s">
        <v>28</v>
      </c>
      <c r="G53292" s="16">
        <v>1.8348409724006252</v>
      </c>
    </row>
    <row r="53293" spans="1:7" x14ac:dyDescent="0.3">
      <c r="A53293" s="13" t="s">
        <v>295</v>
      </c>
      <c r="B53293" s="14" t="s">
        <v>1</v>
      </c>
      <c r="C53293" s="14" t="s">
        <v>38</v>
      </c>
      <c r="D53293" s="14" t="s">
        <v>92</v>
      </c>
      <c r="E53293" s="15">
        <v>45744</v>
      </c>
      <c r="F53293" s="14" t="s">
        <v>28</v>
      </c>
      <c r="G53293" s="16">
        <v>1.8645935722209968</v>
      </c>
    </row>
    <row r="53294" spans="1:7" x14ac:dyDescent="0.3">
      <c r="A53294" s="13" t="s">
        <v>295</v>
      </c>
      <c r="B53294" s="14" t="s">
        <v>1</v>
      </c>
      <c r="C53294" s="14" t="s">
        <v>38</v>
      </c>
      <c r="D53294" s="14" t="s">
        <v>92</v>
      </c>
      <c r="E53294" s="15">
        <v>45745</v>
      </c>
      <c r="F53294" s="14" t="s">
        <v>28</v>
      </c>
      <c r="G53294" s="16">
        <v>1.8645935722209968</v>
      </c>
    </row>
    <row r="53295" spans="1:7" x14ac:dyDescent="0.3">
      <c r="A53295" s="13" t="s">
        <v>295</v>
      </c>
      <c r="B53295" s="14" t="s">
        <v>1</v>
      </c>
      <c r="C53295" s="14" t="s">
        <v>38</v>
      </c>
      <c r="D53295" s="14" t="s">
        <v>92</v>
      </c>
      <c r="E53295" s="15">
        <v>45746</v>
      </c>
      <c r="F53295" s="14" t="s">
        <v>28</v>
      </c>
      <c r="G53295" s="16">
        <v>1.8645935722209968</v>
      </c>
    </row>
    <row r="53296" spans="1:7" x14ac:dyDescent="0.3">
      <c r="A53296" s="13" t="s">
        <v>295</v>
      </c>
      <c r="B53296" s="14" t="s">
        <v>1</v>
      </c>
      <c r="C53296" s="14" t="s">
        <v>38</v>
      </c>
      <c r="D53296" s="14" t="s">
        <v>92</v>
      </c>
      <c r="E53296" s="15">
        <v>45747</v>
      </c>
      <c r="F53296" s="14" t="s">
        <v>28</v>
      </c>
      <c r="G53296" s="16">
        <v>1.8645935722209968</v>
      </c>
    </row>
    <row r="53297" spans="1:7" x14ac:dyDescent="0.3">
      <c r="A53297" s="13" t="s">
        <v>296</v>
      </c>
      <c r="B53297" s="14" t="s">
        <v>1</v>
      </c>
      <c r="C53297" s="14" t="s">
        <v>51</v>
      </c>
      <c r="D53297" s="14" t="s">
        <v>297</v>
      </c>
      <c r="E53297" s="15">
        <v>45383</v>
      </c>
      <c r="F53297" s="14" t="s">
        <v>25</v>
      </c>
      <c r="G53297" s="16">
        <v>0</v>
      </c>
    </row>
    <row r="53298" spans="1:7" x14ac:dyDescent="0.3">
      <c r="A53298" s="13" t="s">
        <v>296</v>
      </c>
      <c r="B53298" s="14" t="s">
        <v>1</v>
      </c>
      <c r="C53298" s="14" t="s">
        <v>51</v>
      </c>
      <c r="D53298" s="14" t="s">
        <v>297</v>
      </c>
      <c r="E53298" s="15">
        <v>45384</v>
      </c>
      <c r="F53298" s="14" t="s">
        <v>25</v>
      </c>
      <c r="G53298" s="16">
        <v>0</v>
      </c>
    </row>
    <row r="53299" spans="1:7" x14ac:dyDescent="0.3">
      <c r="A53299" s="13" t="s">
        <v>296</v>
      </c>
      <c r="B53299" s="14" t="s">
        <v>1</v>
      </c>
      <c r="C53299" s="14" t="s">
        <v>51</v>
      </c>
      <c r="D53299" s="14" t="s">
        <v>297</v>
      </c>
      <c r="E53299" s="15">
        <v>45385</v>
      </c>
      <c r="F53299" s="14" t="s">
        <v>25</v>
      </c>
      <c r="G53299" s="16">
        <v>0</v>
      </c>
    </row>
    <row r="53300" spans="1:7" x14ac:dyDescent="0.3">
      <c r="A53300" s="13" t="s">
        <v>296</v>
      </c>
      <c r="B53300" s="14" t="s">
        <v>1</v>
      </c>
      <c r="C53300" s="14" t="s">
        <v>51</v>
      </c>
      <c r="D53300" s="14" t="s">
        <v>297</v>
      </c>
      <c r="E53300" s="15">
        <v>45386</v>
      </c>
      <c r="F53300" s="14" t="s">
        <v>25</v>
      </c>
      <c r="G53300" s="16">
        <v>0</v>
      </c>
    </row>
    <row r="53301" spans="1:7" x14ac:dyDescent="0.3">
      <c r="A53301" s="13" t="s">
        <v>296</v>
      </c>
      <c r="B53301" s="14" t="s">
        <v>1</v>
      </c>
      <c r="C53301" s="14" t="s">
        <v>51</v>
      </c>
      <c r="D53301" s="14" t="s">
        <v>297</v>
      </c>
      <c r="E53301" s="15">
        <v>45387</v>
      </c>
      <c r="F53301" s="14" t="s">
        <v>25</v>
      </c>
      <c r="G53301" s="16">
        <v>0</v>
      </c>
    </row>
    <row r="53302" spans="1:7" x14ac:dyDescent="0.3">
      <c r="A53302" s="13" t="s">
        <v>296</v>
      </c>
      <c r="B53302" s="14" t="s">
        <v>1</v>
      </c>
      <c r="C53302" s="14" t="s">
        <v>51</v>
      </c>
      <c r="D53302" s="14" t="s">
        <v>297</v>
      </c>
      <c r="E53302" s="15">
        <v>45388</v>
      </c>
      <c r="F53302" s="14" t="s">
        <v>25</v>
      </c>
      <c r="G53302" s="16">
        <v>0</v>
      </c>
    </row>
    <row r="53303" spans="1:7" x14ac:dyDescent="0.3">
      <c r="A53303" s="13" t="s">
        <v>296</v>
      </c>
      <c r="B53303" s="14" t="s">
        <v>1</v>
      </c>
      <c r="C53303" s="14" t="s">
        <v>51</v>
      </c>
      <c r="D53303" s="14" t="s">
        <v>297</v>
      </c>
      <c r="E53303" s="15">
        <v>45389</v>
      </c>
      <c r="F53303" s="14" t="s">
        <v>25</v>
      </c>
      <c r="G53303" s="16">
        <v>0</v>
      </c>
    </row>
    <row r="53304" spans="1:7" x14ac:dyDescent="0.3">
      <c r="A53304" s="13" t="s">
        <v>296</v>
      </c>
      <c r="B53304" s="14" t="s">
        <v>1</v>
      </c>
      <c r="C53304" s="14" t="s">
        <v>51</v>
      </c>
      <c r="D53304" s="14" t="s">
        <v>297</v>
      </c>
      <c r="E53304" s="15">
        <v>45390</v>
      </c>
      <c r="F53304" s="14" t="s">
        <v>25</v>
      </c>
      <c r="G53304" s="16">
        <v>0</v>
      </c>
    </row>
    <row r="53305" spans="1:7" x14ac:dyDescent="0.3">
      <c r="A53305" s="13" t="s">
        <v>296</v>
      </c>
      <c r="B53305" s="14" t="s">
        <v>1</v>
      </c>
      <c r="C53305" s="14" t="s">
        <v>51</v>
      </c>
      <c r="D53305" s="14" t="s">
        <v>297</v>
      </c>
      <c r="E53305" s="15">
        <v>45391</v>
      </c>
      <c r="F53305" s="14" t="s">
        <v>25</v>
      </c>
      <c r="G53305" s="16">
        <v>0</v>
      </c>
    </row>
    <row r="53306" spans="1:7" x14ac:dyDescent="0.3">
      <c r="A53306" s="13" t="s">
        <v>296</v>
      </c>
      <c r="B53306" s="14" t="s">
        <v>1</v>
      </c>
      <c r="C53306" s="14" t="s">
        <v>51</v>
      </c>
      <c r="D53306" s="14" t="s">
        <v>297</v>
      </c>
      <c r="E53306" s="15">
        <v>45392</v>
      </c>
      <c r="F53306" s="14" t="s">
        <v>25</v>
      </c>
      <c r="G53306" s="16">
        <v>0</v>
      </c>
    </row>
    <row r="53307" spans="1:7" x14ac:dyDescent="0.3">
      <c r="A53307" s="13" t="s">
        <v>296</v>
      </c>
      <c r="B53307" s="14" t="s">
        <v>1</v>
      </c>
      <c r="C53307" s="14" t="s">
        <v>51</v>
      </c>
      <c r="D53307" s="14" t="s">
        <v>297</v>
      </c>
      <c r="E53307" s="15">
        <v>45393</v>
      </c>
      <c r="F53307" s="14" t="s">
        <v>25</v>
      </c>
      <c r="G53307" s="16">
        <v>0</v>
      </c>
    </row>
    <row r="53308" spans="1:7" x14ac:dyDescent="0.3">
      <c r="A53308" s="13" t="s">
        <v>296</v>
      </c>
      <c r="B53308" s="14" t="s">
        <v>1</v>
      </c>
      <c r="C53308" s="14" t="s">
        <v>51</v>
      </c>
      <c r="D53308" s="14" t="s">
        <v>297</v>
      </c>
      <c r="E53308" s="15">
        <v>45394</v>
      </c>
      <c r="F53308" s="14" t="s">
        <v>25</v>
      </c>
      <c r="G53308" s="16">
        <v>0</v>
      </c>
    </row>
    <row r="53309" spans="1:7" x14ac:dyDescent="0.3">
      <c r="A53309" s="13" t="s">
        <v>296</v>
      </c>
      <c r="B53309" s="14" t="s">
        <v>1</v>
      </c>
      <c r="C53309" s="14" t="s">
        <v>51</v>
      </c>
      <c r="D53309" s="14" t="s">
        <v>297</v>
      </c>
      <c r="E53309" s="15">
        <v>45395</v>
      </c>
      <c r="F53309" s="14" t="s">
        <v>25</v>
      </c>
      <c r="G53309" s="16">
        <v>0</v>
      </c>
    </row>
    <row r="53310" spans="1:7" x14ac:dyDescent="0.3">
      <c r="A53310" s="13" t="s">
        <v>296</v>
      </c>
      <c r="B53310" s="14" t="s">
        <v>1</v>
      </c>
      <c r="C53310" s="14" t="s">
        <v>51</v>
      </c>
      <c r="D53310" s="14" t="s">
        <v>297</v>
      </c>
      <c r="E53310" s="15">
        <v>45396</v>
      </c>
      <c r="F53310" s="14" t="s">
        <v>25</v>
      </c>
      <c r="G53310" s="16">
        <v>0</v>
      </c>
    </row>
    <row r="53311" spans="1:7" x14ac:dyDescent="0.3">
      <c r="A53311" s="13" t="s">
        <v>296</v>
      </c>
      <c r="B53311" s="14" t="s">
        <v>1</v>
      </c>
      <c r="C53311" s="14" t="s">
        <v>51</v>
      </c>
      <c r="D53311" s="14" t="s">
        <v>297</v>
      </c>
      <c r="E53311" s="15">
        <v>45397</v>
      </c>
      <c r="F53311" s="14" t="s">
        <v>25</v>
      </c>
      <c r="G53311" s="16">
        <v>0</v>
      </c>
    </row>
    <row r="53312" spans="1:7" x14ac:dyDescent="0.3">
      <c r="A53312" s="13" t="s">
        <v>296</v>
      </c>
      <c r="B53312" s="14" t="s">
        <v>1</v>
      </c>
      <c r="C53312" s="14" t="s">
        <v>51</v>
      </c>
      <c r="D53312" s="14" t="s">
        <v>297</v>
      </c>
      <c r="E53312" s="15">
        <v>45398</v>
      </c>
      <c r="F53312" s="14" t="s">
        <v>25</v>
      </c>
      <c r="G53312" s="16">
        <v>0</v>
      </c>
    </row>
    <row r="53313" spans="1:7" x14ac:dyDescent="0.3">
      <c r="A53313" s="13" t="s">
        <v>296</v>
      </c>
      <c r="B53313" s="14" t="s">
        <v>1</v>
      </c>
      <c r="C53313" s="14" t="s">
        <v>51</v>
      </c>
      <c r="D53313" s="14" t="s">
        <v>297</v>
      </c>
      <c r="E53313" s="15">
        <v>45399</v>
      </c>
      <c r="F53313" s="14" t="s">
        <v>25</v>
      </c>
      <c r="G53313" s="16">
        <v>0</v>
      </c>
    </row>
    <row r="53314" spans="1:7" x14ac:dyDescent="0.3">
      <c r="A53314" s="13" t="s">
        <v>296</v>
      </c>
      <c r="B53314" s="14" t="s">
        <v>1</v>
      </c>
      <c r="C53314" s="14" t="s">
        <v>51</v>
      </c>
      <c r="D53314" s="14" t="s">
        <v>297</v>
      </c>
      <c r="E53314" s="15">
        <v>45400</v>
      </c>
      <c r="F53314" s="14" t="s">
        <v>25</v>
      </c>
      <c r="G53314" s="16">
        <v>0</v>
      </c>
    </row>
    <row r="53315" spans="1:7" x14ac:dyDescent="0.3">
      <c r="A53315" s="13" t="s">
        <v>296</v>
      </c>
      <c r="B53315" s="14" t="s">
        <v>1</v>
      </c>
      <c r="C53315" s="14" t="s">
        <v>51</v>
      </c>
      <c r="D53315" s="14" t="s">
        <v>297</v>
      </c>
      <c r="E53315" s="15">
        <v>45401</v>
      </c>
      <c r="F53315" s="14" t="s">
        <v>25</v>
      </c>
      <c r="G53315" s="16">
        <v>0</v>
      </c>
    </row>
    <row r="53316" spans="1:7" x14ac:dyDescent="0.3">
      <c r="A53316" s="13" t="s">
        <v>296</v>
      </c>
      <c r="B53316" s="14" t="s">
        <v>1</v>
      </c>
      <c r="C53316" s="14" t="s">
        <v>51</v>
      </c>
      <c r="D53316" s="14" t="s">
        <v>297</v>
      </c>
      <c r="E53316" s="15">
        <v>45402</v>
      </c>
      <c r="F53316" s="14" t="s">
        <v>25</v>
      </c>
      <c r="G53316" s="16">
        <v>0</v>
      </c>
    </row>
    <row r="53317" spans="1:7" x14ac:dyDescent="0.3">
      <c r="A53317" s="13" t="s">
        <v>296</v>
      </c>
      <c r="B53317" s="14" t="s">
        <v>1</v>
      </c>
      <c r="C53317" s="14" t="s">
        <v>51</v>
      </c>
      <c r="D53317" s="14" t="s">
        <v>297</v>
      </c>
      <c r="E53317" s="15">
        <v>45403</v>
      </c>
      <c r="F53317" s="14" t="s">
        <v>25</v>
      </c>
      <c r="G53317" s="16">
        <v>0</v>
      </c>
    </row>
    <row r="53318" spans="1:7" x14ac:dyDescent="0.3">
      <c r="A53318" s="13" t="s">
        <v>296</v>
      </c>
      <c r="B53318" s="14" t="s">
        <v>1</v>
      </c>
      <c r="C53318" s="14" t="s">
        <v>51</v>
      </c>
      <c r="D53318" s="14" t="s">
        <v>297</v>
      </c>
      <c r="E53318" s="15">
        <v>45404</v>
      </c>
      <c r="F53318" s="14" t="s">
        <v>25</v>
      </c>
      <c r="G53318" s="16">
        <v>0</v>
      </c>
    </row>
    <row r="53319" spans="1:7" x14ac:dyDescent="0.3">
      <c r="A53319" s="13" t="s">
        <v>296</v>
      </c>
      <c r="B53319" s="14" t="s">
        <v>1</v>
      </c>
      <c r="C53319" s="14" t="s">
        <v>51</v>
      </c>
      <c r="D53319" s="14" t="s">
        <v>297</v>
      </c>
      <c r="E53319" s="15">
        <v>45405</v>
      </c>
      <c r="F53319" s="14" t="s">
        <v>25</v>
      </c>
      <c r="G53319" s="16">
        <v>0</v>
      </c>
    </row>
    <row r="53320" spans="1:7" x14ac:dyDescent="0.3">
      <c r="A53320" s="13" t="s">
        <v>296</v>
      </c>
      <c r="B53320" s="14" t="s">
        <v>1</v>
      </c>
      <c r="C53320" s="14" t="s">
        <v>51</v>
      </c>
      <c r="D53320" s="14" t="s">
        <v>297</v>
      </c>
      <c r="E53320" s="15">
        <v>45406</v>
      </c>
      <c r="F53320" s="14" t="s">
        <v>25</v>
      </c>
      <c r="G53320" s="16">
        <v>0</v>
      </c>
    </row>
    <row r="53321" spans="1:7" x14ac:dyDescent="0.3">
      <c r="A53321" s="13" t="s">
        <v>296</v>
      </c>
      <c r="B53321" s="14" t="s">
        <v>1</v>
      </c>
      <c r="C53321" s="14" t="s">
        <v>51</v>
      </c>
      <c r="D53321" s="14" t="s">
        <v>297</v>
      </c>
      <c r="E53321" s="15">
        <v>45407</v>
      </c>
      <c r="F53321" s="14" t="s">
        <v>25</v>
      </c>
      <c r="G53321" s="16">
        <v>0</v>
      </c>
    </row>
    <row r="53322" spans="1:7" x14ac:dyDescent="0.3">
      <c r="A53322" s="13" t="s">
        <v>296</v>
      </c>
      <c r="B53322" s="14" t="s">
        <v>1</v>
      </c>
      <c r="C53322" s="14" t="s">
        <v>51</v>
      </c>
      <c r="D53322" s="14" t="s">
        <v>297</v>
      </c>
      <c r="E53322" s="15">
        <v>45408</v>
      </c>
      <c r="F53322" s="14" t="s">
        <v>25</v>
      </c>
      <c r="G53322" s="16">
        <v>0</v>
      </c>
    </row>
    <row r="53323" spans="1:7" x14ac:dyDescent="0.3">
      <c r="A53323" s="13" t="s">
        <v>296</v>
      </c>
      <c r="B53323" s="14" t="s">
        <v>1</v>
      </c>
      <c r="C53323" s="14" t="s">
        <v>51</v>
      </c>
      <c r="D53323" s="14" t="s">
        <v>297</v>
      </c>
      <c r="E53323" s="15">
        <v>45409</v>
      </c>
      <c r="F53323" s="14" t="s">
        <v>25</v>
      </c>
      <c r="G53323" s="16">
        <v>0</v>
      </c>
    </row>
    <row r="53324" spans="1:7" x14ac:dyDescent="0.3">
      <c r="A53324" s="13" t="s">
        <v>296</v>
      </c>
      <c r="B53324" s="14" t="s">
        <v>1</v>
      </c>
      <c r="C53324" s="14" t="s">
        <v>51</v>
      </c>
      <c r="D53324" s="14" t="s">
        <v>297</v>
      </c>
      <c r="E53324" s="15">
        <v>45410</v>
      </c>
      <c r="F53324" s="14" t="s">
        <v>25</v>
      </c>
      <c r="G53324" s="16">
        <v>0</v>
      </c>
    </row>
    <row r="53325" spans="1:7" x14ac:dyDescent="0.3">
      <c r="A53325" s="13" t="s">
        <v>296</v>
      </c>
      <c r="B53325" s="14" t="s">
        <v>1</v>
      </c>
      <c r="C53325" s="14" t="s">
        <v>51</v>
      </c>
      <c r="D53325" s="14" t="s">
        <v>297</v>
      </c>
      <c r="E53325" s="15">
        <v>45411</v>
      </c>
      <c r="F53325" s="14" t="s">
        <v>25</v>
      </c>
      <c r="G53325" s="16">
        <v>0</v>
      </c>
    </row>
    <row r="53326" spans="1:7" x14ac:dyDescent="0.3">
      <c r="A53326" s="13" t="s">
        <v>296</v>
      </c>
      <c r="B53326" s="14" t="s">
        <v>1</v>
      </c>
      <c r="C53326" s="14" t="s">
        <v>51</v>
      </c>
      <c r="D53326" s="14" t="s">
        <v>297</v>
      </c>
      <c r="E53326" s="15">
        <v>45412</v>
      </c>
      <c r="F53326" s="14" t="s">
        <v>25</v>
      </c>
      <c r="G53326" s="16">
        <v>0</v>
      </c>
    </row>
    <row r="53327" spans="1:7" x14ac:dyDescent="0.3">
      <c r="A53327" s="13" t="s">
        <v>296</v>
      </c>
      <c r="B53327" s="14" t="s">
        <v>1</v>
      </c>
      <c r="C53327" s="14" t="s">
        <v>51</v>
      </c>
      <c r="D53327" s="14" t="s">
        <v>297</v>
      </c>
      <c r="E53327" s="15">
        <v>45413</v>
      </c>
      <c r="F53327" s="14" t="s">
        <v>25</v>
      </c>
      <c r="G53327" s="16">
        <v>0</v>
      </c>
    </row>
    <row r="53328" spans="1:7" x14ac:dyDescent="0.3">
      <c r="A53328" s="13" t="s">
        <v>296</v>
      </c>
      <c r="B53328" s="14" t="s">
        <v>1</v>
      </c>
      <c r="C53328" s="14" t="s">
        <v>51</v>
      </c>
      <c r="D53328" s="14" t="s">
        <v>297</v>
      </c>
      <c r="E53328" s="15">
        <v>45414</v>
      </c>
      <c r="F53328" s="14" t="s">
        <v>25</v>
      </c>
      <c r="G53328" s="16">
        <v>0</v>
      </c>
    </row>
    <row r="53329" spans="1:7" x14ac:dyDescent="0.3">
      <c r="A53329" s="13" t="s">
        <v>296</v>
      </c>
      <c r="B53329" s="14" t="s">
        <v>1</v>
      </c>
      <c r="C53329" s="14" t="s">
        <v>51</v>
      </c>
      <c r="D53329" s="14" t="s">
        <v>297</v>
      </c>
      <c r="E53329" s="15">
        <v>45415</v>
      </c>
      <c r="F53329" s="14" t="s">
        <v>25</v>
      </c>
      <c r="G53329" s="16">
        <v>0</v>
      </c>
    </row>
    <row r="53330" spans="1:7" x14ac:dyDescent="0.3">
      <c r="A53330" s="13" t="s">
        <v>296</v>
      </c>
      <c r="B53330" s="14" t="s">
        <v>1</v>
      </c>
      <c r="C53330" s="14" t="s">
        <v>51</v>
      </c>
      <c r="D53330" s="14" t="s">
        <v>297</v>
      </c>
      <c r="E53330" s="15">
        <v>45416</v>
      </c>
      <c r="F53330" s="14" t="s">
        <v>25</v>
      </c>
      <c r="G53330" s="16">
        <v>0</v>
      </c>
    </row>
    <row r="53331" spans="1:7" x14ac:dyDescent="0.3">
      <c r="A53331" s="13" t="s">
        <v>296</v>
      </c>
      <c r="B53331" s="14" t="s">
        <v>1</v>
      </c>
      <c r="C53331" s="14" t="s">
        <v>51</v>
      </c>
      <c r="D53331" s="14" t="s">
        <v>297</v>
      </c>
      <c r="E53331" s="15">
        <v>45417</v>
      </c>
      <c r="F53331" s="14" t="s">
        <v>25</v>
      </c>
      <c r="G53331" s="16">
        <v>0</v>
      </c>
    </row>
    <row r="53332" spans="1:7" x14ac:dyDescent="0.3">
      <c r="A53332" s="13" t="s">
        <v>296</v>
      </c>
      <c r="B53332" s="14" t="s">
        <v>1</v>
      </c>
      <c r="C53332" s="14" t="s">
        <v>51</v>
      </c>
      <c r="D53332" s="14" t="s">
        <v>297</v>
      </c>
      <c r="E53332" s="15">
        <v>45418</v>
      </c>
      <c r="F53332" s="14" t="s">
        <v>25</v>
      </c>
      <c r="G53332" s="16">
        <v>0</v>
      </c>
    </row>
    <row r="53333" spans="1:7" x14ac:dyDescent="0.3">
      <c r="A53333" s="13" t="s">
        <v>296</v>
      </c>
      <c r="B53333" s="14" t="s">
        <v>1</v>
      </c>
      <c r="C53333" s="14" t="s">
        <v>51</v>
      </c>
      <c r="D53333" s="14" t="s">
        <v>297</v>
      </c>
      <c r="E53333" s="15">
        <v>45419</v>
      </c>
      <c r="F53333" s="14" t="s">
        <v>25</v>
      </c>
      <c r="G53333" s="16">
        <v>0</v>
      </c>
    </row>
    <row r="53334" spans="1:7" x14ac:dyDescent="0.3">
      <c r="A53334" s="13" t="s">
        <v>296</v>
      </c>
      <c r="B53334" s="14" t="s">
        <v>1</v>
      </c>
      <c r="C53334" s="14" t="s">
        <v>51</v>
      </c>
      <c r="D53334" s="14" t="s">
        <v>297</v>
      </c>
      <c r="E53334" s="15">
        <v>45420</v>
      </c>
      <c r="F53334" s="14" t="s">
        <v>25</v>
      </c>
      <c r="G53334" s="16">
        <v>0</v>
      </c>
    </row>
    <row r="53335" spans="1:7" x14ac:dyDescent="0.3">
      <c r="A53335" s="13" t="s">
        <v>296</v>
      </c>
      <c r="B53335" s="14" t="s">
        <v>1</v>
      </c>
      <c r="C53335" s="14" t="s">
        <v>51</v>
      </c>
      <c r="D53335" s="14" t="s">
        <v>297</v>
      </c>
      <c r="E53335" s="15">
        <v>45421</v>
      </c>
      <c r="F53335" s="14" t="s">
        <v>25</v>
      </c>
      <c r="G53335" s="16">
        <v>0</v>
      </c>
    </row>
    <row r="53336" spans="1:7" x14ac:dyDescent="0.3">
      <c r="A53336" s="13" t="s">
        <v>296</v>
      </c>
      <c r="B53336" s="14" t="s">
        <v>1</v>
      </c>
      <c r="C53336" s="14" t="s">
        <v>51</v>
      </c>
      <c r="D53336" s="14" t="s">
        <v>297</v>
      </c>
      <c r="E53336" s="15">
        <v>45422</v>
      </c>
      <c r="F53336" s="14" t="s">
        <v>25</v>
      </c>
      <c r="G53336" s="16">
        <v>0</v>
      </c>
    </row>
    <row r="53337" spans="1:7" x14ac:dyDescent="0.3">
      <c r="A53337" s="13" t="s">
        <v>296</v>
      </c>
      <c r="B53337" s="14" t="s">
        <v>1</v>
      </c>
      <c r="C53337" s="14" t="s">
        <v>51</v>
      </c>
      <c r="D53337" s="14" t="s">
        <v>297</v>
      </c>
      <c r="E53337" s="15">
        <v>45423</v>
      </c>
      <c r="F53337" s="14" t="s">
        <v>25</v>
      </c>
      <c r="G53337" s="16">
        <v>0</v>
      </c>
    </row>
    <row r="53338" spans="1:7" x14ac:dyDescent="0.3">
      <c r="A53338" s="13" t="s">
        <v>296</v>
      </c>
      <c r="B53338" s="14" t="s">
        <v>1</v>
      </c>
      <c r="C53338" s="14" t="s">
        <v>51</v>
      </c>
      <c r="D53338" s="14" t="s">
        <v>297</v>
      </c>
      <c r="E53338" s="15">
        <v>45424</v>
      </c>
      <c r="F53338" s="14" t="s">
        <v>25</v>
      </c>
      <c r="G53338" s="16">
        <v>0</v>
      </c>
    </row>
    <row r="53339" spans="1:7" x14ac:dyDescent="0.3">
      <c r="A53339" s="13" t="s">
        <v>296</v>
      </c>
      <c r="B53339" s="14" t="s">
        <v>1</v>
      </c>
      <c r="C53339" s="14" t="s">
        <v>51</v>
      </c>
      <c r="D53339" s="14" t="s">
        <v>297</v>
      </c>
      <c r="E53339" s="15">
        <v>45425</v>
      </c>
      <c r="F53339" s="14" t="s">
        <v>25</v>
      </c>
      <c r="G53339" s="16">
        <v>0</v>
      </c>
    </row>
    <row r="53340" spans="1:7" x14ac:dyDescent="0.3">
      <c r="A53340" s="13" t="s">
        <v>296</v>
      </c>
      <c r="B53340" s="14" t="s">
        <v>1</v>
      </c>
      <c r="C53340" s="14" t="s">
        <v>51</v>
      </c>
      <c r="D53340" s="14" t="s">
        <v>297</v>
      </c>
      <c r="E53340" s="15">
        <v>45426</v>
      </c>
      <c r="F53340" s="14" t="s">
        <v>25</v>
      </c>
      <c r="G53340" s="16">
        <v>0</v>
      </c>
    </row>
    <row r="53341" spans="1:7" x14ac:dyDescent="0.3">
      <c r="A53341" s="13" t="s">
        <v>296</v>
      </c>
      <c r="B53341" s="14" t="s">
        <v>1</v>
      </c>
      <c r="C53341" s="14" t="s">
        <v>51</v>
      </c>
      <c r="D53341" s="14" t="s">
        <v>297</v>
      </c>
      <c r="E53341" s="15">
        <v>45427</v>
      </c>
      <c r="F53341" s="14" t="s">
        <v>25</v>
      </c>
      <c r="G53341" s="16">
        <v>0</v>
      </c>
    </row>
    <row r="53342" spans="1:7" x14ac:dyDescent="0.3">
      <c r="A53342" s="13" t="s">
        <v>296</v>
      </c>
      <c r="B53342" s="14" t="s">
        <v>1</v>
      </c>
      <c r="C53342" s="14" t="s">
        <v>51</v>
      </c>
      <c r="D53342" s="14" t="s">
        <v>297</v>
      </c>
      <c r="E53342" s="15">
        <v>45428</v>
      </c>
      <c r="F53342" s="14" t="s">
        <v>25</v>
      </c>
      <c r="G53342" s="16">
        <v>0</v>
      </c>
    </row>
    <row r="53343" spans="1:7" x14ac:dyDescent="0.3">
      <c r="A53343" s="13" t="s">
        <v>296</v>
      </c>
      <c r="B53343" s="14" t="s">
        <v>1</v>
      </c>
      <c r="C53343" s="14" t="s">
        <v>51</v>
      </c>
      <c r="D53343" s="14" t="s">
        <v>297</v>
      </c>
      <c r="E53343" s="15">
        <v>45429</v>
      </c>
      <c r="F53343" s="14" t="s">
        <v>25</v>
      </c>
      <c r="G53343" s="16">
        <v>0</v>
      </c>
    </row>
    <row r="53344" spans="1:7" x14ac:dyDescent="0.3">
      <c r="A53344" s="13" t="s">
        <v>296</v>
      </c>
      <c r="B53344" s="14" t="s">
        <v>1</v>
      </c>
      <c r="C53344" s="14" t="s">
        <v>51</v>
      </c>
      <c r="D53344" s="14" t="s">
        <v>297</v>
      </c>
      <c r="E53344" s="15">
        <v>45430</v>
      </c>
      <c r="F53344" s="14" t="s">
        <v>25</v>
      </c>
      <c r="G53344" s="16">
        <v>0</v>
      </c>
    </row>
    <row r="53345" spans="1:7" x14ac:dyDescent="0.3">
      <c r="A53345" s="13" t="s">
        <v>296</v>
      </c>
      <c r="B53345" s="14" t="s">
        <v>1</v>
      </c>
      <c r="C53345" s="14" t="s">
        <v>51</v>
      </c>
      <c r="D53345" s="14" t="s">
        <v>297</v>
      </c>
      <c r="E53345" s="15">
        <v>45431</v>
      </c>
      <c r="F53345" s="14" t="s">
        <v>25</v>
      </c>
      <c r="G53345" s="16">
        <v>0</v>
      </c>
    </row>
    <row r="53346" spans="1:7" x14ac:dyDescent="0.3">
      <c r="A53346" s="13" t="s">
        <v>296</v>
      </c>
      <c r="B53346" s="14" t="s">
        <v>1</v>
      </c>
      <c r="C53346" s="14" t="s">
        <v>51</v>
      </c>
      <c r="D53346" s="14" t="s">
        <v>297</v>
      </c>
      <c r="E53346" s="15">
        <v>45432</v>
      </c>
      <c r="F53346" s="14" t="s">
        <v>25</v>
      </c>
      <c r="G53346" s="16">
        <v>0</v>
      </c>
    </row>
    <row r="53347" spans="1:7" x14ac:dyDescent="0.3">
      <c r="A53347" s="13" t="s">
        <v>296</v>
      </c>
      <c r="B53347" s="14" t="s">
        <v>1</v>
      </c>
      <c r="C53347" s="14" t="s">
        <v>51</v>
      </c>
      <c r="D53347" s="14" t="s">
        <v>297</v>
      </c>
      <c r="E53347" s="15">
        <v>45433</v>
      </c>
      <c r="F53347" s="14" t="s">
        <v>25</v>
      </c>
      <c r="G53347" s="16">
        <v>0</v>
      </c>
    </row>
    <row r="53348" spans="1:7" x14ac:dyDescent="0.3">
      <c r="A53348" s="13" t="s">
        <v>296</v>
      </c>
      <c r="B53348" s="14" t="s">
        <v>1</v>
      </c>
      <c r="C53348" s="14" t="s">
        <v>51</v>
      </c>
      <c r="D53348" s="14" t="s">
        <v>297</v>
      </c>
      <c r="E53348" s="15">
        <v>45434</v>
      </c>
      <c r="F53348" s="14" t="s">
        <v>25</v>
      </c>
      <c r="G53348" s="16">
        <v>0</v>
      </c>
    </row>
    <row r="53349" spans="1:7" x14ac:dyDescent="0.3">
      <c r="A53349" s="13" t="s">
        <v>296</v>
      </c>
      <c r="B53349" s="14" t="s">
        <v>1</v>
      </c>
      <c r="C53349" s="14" t="s">
        <v>51</v>
      </c>
      <c r="D53349" s="14" t="s">
        <v>297</v>
      </c>
      <c r="E53349" s="15">
        <v>45435</v>
      </c>
      <c r="F53349" s="14" t="s">
        <v>25</v>
      </c>
      <c r="G53349" s="16">
        <v>0</v>
      </c>
    </row>
    <row r="53350" spans="1:7" x14ac:dyDescent="0.3">
      <c r="A53350" s="13" t="s">
        <v>296</v>
      </c>
      <c r="B53350" s="14" t="s">
        <v>1</v>
      </c>
      <c r="C53350" s="14" t="s">
        <v>51</v>
      </c>
      <c r="D53350" s="14" t="s">
        <v>297</v>
      </c>
      <c r="E53350" s="15">
        <v>45436</v>
      </c>
      <c r="F53350" s="14" t="s">
        <v>25</v>
      </c>
      <c r="G53350" s="16">
        <v>0</v>
      </c>
    </row>
    <row r="53351" spans="1:7" x14ac:dyDescent="0.3">
      <c r="A53351" s="13" t="s">
        <v>296</v>
      </c>
      <c r="B53351" s="14" t="s">
        <v>1</v>
      </c>
      <c r="C53351" s="14" t="s">
        <v>51</v>
      </c>
      <c r="D53351" s="14" t="s">
        <v>297</v>
      </c>
      <c r="E53351" s="15">
        <v>45437</v>
      </c>
      <c r="F53351" s="14" t="s">
        <v>25</v>
      </c>
      <c r="G53351" s="16">
        <v>0</v>
      </c>
    </row>
    <row r="53352" spans="1:7" x14ac:dyDescent="0.3">
      <c r="A53352" s="13" t="s">
        <v>296</v>
      </c>
      <c r="B53352" s="14" t="s">
        <v>1</v>
      </c>
      <c r="C53352" s="14" t="s">
        <v>51</v>
      </c>
      <c r="D53352" s="14" t="s">
        <v>297</v>
      </c>
      <c r="E53352" s="15">
        <v>45438</v>
      </c>
      <c r="F53352" s="14" t="s">
        <v>25</v>
      </c>
      <c r="G53352" s="16">
        <v>0</v>
      </c>
    </row>
    <row r="53353" spans="1:7" x14ac:dyDescent="0.3">
      <c r="A53353" s="13" t="s">
        <v>296</v>
      </c>
      <c r="B53353" s="14" t="s">
        <v>1</v>
      </c>
      <c r="C53353" s="14" t="s">
        <v>51</v>
      </c>
      <c r="D53353" s="14" t="s">
        <v>297</v>
      </c>
      <c r="E53353" s="15">
        <v>45439</v>
      </c>
      <c r="F53353" s="14" t="s">
        <v>25</v>
      </c>
      <c r="G53353" s="16">
        <v>0</v>
      </c>
    </row>
    <row r="53354" spans="1:7" x14ac:dyDescent="0.3">
      <c r="A53354" s="13" t="s">
        <v>296</v>
      </c>
      <c r="B53354" s="14" t="s">
        <v>1</v>
      </c>
      <c r="C53354" s="14" t="s">
        <v>51</v>
      </c>
      <c r="D53354" s="14" t="s">
        <v>297</v>
      </c>
      <c r="E53354" s="15">
        <v>45440</v>
      </c>
      <c r="F53354" s="14" t="s">
        <v>25</v>
      </c>
      <c r="G53354" s="16">
        <v>0</v>
      </c>
    </row>
    <row r="53355" spans="1:7" x14ac:dyDescent="0.3">
      <c r="A53355" s="13" t="s">
        <v>296</v>
      </c>
      <c r="B53355" s="14" t="s">
        <v>1</v>
      </c>
      <c r="C53355" s="14" t="s">
        <v>51</v>
      </c>
      <c r="D53355" s="14" t="s">
        <v>297</v>
      </c>
      <c r="E53355" s="15">
        <v>45441</v>
      </c>
      <c r="F53355" s="14" t="s">
        <v>25</v>
      </c>
      <c r="G53355" s="16">
        <v>0</v>
      </c>
    </row>
    <row r="53356" spans="1:7" x14ac:dyDescent="0.3">
      <c r="A53356" s="13" t="s">
        <v>296</v>
      </c>
      <c r="B53356" s="14" t="s">
        <v>1</v>
      </c>
      <c r="C53356" s="14" t="s">
        <v>51</v>
      </c>
      <c r="D53356" s="14" t="s">
        <v>297</v>
      </c>
      <c r="E53356" s="15">
        <v>45442</v>
      </c>
      <c r="F53356" s="14" t="s">
        <v>25</v>
      </c>
      <c r="G53356" s="16">
        <v>0</v>
      </c>
    </row>
    <row r="53357" spans="1:7" x14ac:dyDescent="0.3">
      <c r="A53357" s="13" t="s">
        <v>296</v>
      </c>
      <c r="B53357" s="14" t="s">
        <v>1</v>
      </c>
      <c r="C53357" s="14" t="s">
        <v>51</v>
      </c>
      <c r="D53357" s="14" t="s">
        <v>297</v>
      </c>
      <c r="E53357" s="15">
        <v>45443</v>
      </c>
      <c r="F53357" s="14" t="s">
        <v>25</v>
      </c>
      <c r="G53357" s="16">
        <v>0</v>
      </c>
    </row>
    <row r="53358" spans="1:7" x14ac:dyDescent="0.3">
      <c r="A53358" s="13" t="s">
        <v>296</v>
      </c>
      <c r="B53358" s="14" t="s">
        <v>1</v>
      </c>
      <c r="C53358" s="14" t="s">
        <v>51</v>
      </c>
      <c r="D53358" s="14" t="s">
        <v>297</v>
      </c>
      <c r="E53358" s="15">
        <v>45444</v>
      </c>
      <c r="F53358" s="14" t="s">
        <v>25</v>
      </c>
      <c r="G53358" s="16">
        <v>0</v>
      </c>
    </row>
    <row r="53359" spans="1:7" x14ac:dyDescent="0.3">
      <c r="A53359" s="13" t="s">
        <v>296</v>
      </c>
      <c r="B53359" s="14" t="s">
        <v>1</v>
      </c>
      <c r="C53359" s="14" t="s">
        <v>51</v>
      </c>
      <c r="D53359" s="14" t="s">
        <v>297</v>
      </c>
      <c r="E53359" s="15">
        <v>45445</v>
      </c>
      <c r="F53359" s="14" t="s">
        <v>25</v>
      </c>
      <c r="G53359" s="16">
        <v>0</v>
      </c>
    </row>
    <row r="53360" spans="1:7" x14ac:dyDescent="0.3">
      <c r="A53360" s="13" t="s">
        <v>296</v>
      </c>
      <c r="B53360" s="14" t="s">
        <v>1</v>
      </c>
      <c r="C53360" s="14" t="s">
        <v>51</v>
      </c>
      <c r="D53360" s="14" t="s">
        <v>297</v>
      </c>
      <c r="E53360" s="15">
        <v>45446</v>
      </c>
      <c r="F53360" s="14" t="s">
        <v>25</v>
      </c>
      <c r="G53360" s="16">
        <v>0</v>
      </c>
    </row>
    <row r="53361" spans="1:7" x14ac:dyDescent="0.3">
      <c r="A53361" s="13" t="s">
        <v>296</v>
      </c>
      <c r="B53361" s="14" t="s">
        <v>1</v>
      </c>
      <c r="C53361" s="14" t="s">
        <v>51</v>
      </c>
      <c r="D53361" s="14" t="s">
        <v>297</v>
      </c>
      <c r="E53361" s="15">
        <v>45447</v>
      </c>
      <c r="F53361" s="14" t="s">
        <v>25</v>
      </c>
      <c r="G53361" s="16">
        <v>0</v>
      </c>
    </row>
    <row r="53362" spans="1:7" x14ac:dyDescent="0.3">
      <c r="A53362" s="13" t="s">
        <v>296</v>
      </c>
      <c r="B53362" s="14" t="s">
        <v>1</v>
      </c>
      <c r="C53362" s="14" t="s">
        <v>51</v>
      </c>
      <c r="D53362" s="14" t="s">
        <v>297</v>
      </c>
      <c r="E53362" s="15">
        <v>45448</v>
      </c>
      <c r="F53362" s="14" t="s">
        <v>25</v>
      </c>
      <c r="G53362" s="16">
        <v>0</v>
      </c>
    </row>
    <row r="53363" spans="1:7" x14ac:dyDescent="0.3">
      <c r="A53363" s="13" t="s">
        <v>296</v>
      </c>
      <c r="B53363" s="14" t="s">
        <v>1</v>
      </c>
      <c r="C53363" s="14" t="s">
        <v>51</v>
      </c>
      <c r="D53363" s="14" t="s">
        <v>297</v>
      </c>
      <c r="E53363" s="15">
        <v>45449</v>
      </c>
      <c r="F53363" s="14" t="s">
        <v>25</v>
      </c>
      <c r="G53363" s="16">
        <v>0</v>
      </c>
    </row>
    <row r="53364" spans="1:7" x14ac:dyDescent="0.3">
      <c r="A53364" s="13" t="s">
        <v>296</v>
      </c>
      <c r="B53364" s="14" t="s">
        <v>1</v>
      </c>
      <c r="C53364" s="14" t="s">
        <v>51</v>
      </c>
      <c r="D53364" s="14" t="s">
        <v>297</v>
      </c>
      <c r="E53364" s="15">
        <v>45450</v>
      </c>
      <c r="F53364" s="14" t="s">
        <v>25</v>
      </c>
      <c r="G53364" s="16">
        <v>0</v>
      </c>
    </row>
    <row r="53365" spans="1:7" x14ac:dyDescent="0.3">
      <c r="A53365" s="13" t="s">
        <v>296</v>
      </c>
      <c r="B53365" s="14" t="s">
        <v>1</v>
      </c>
      <c r="C53365" s="14" t="s">
        <v>51</v>
      </c>
      <c r="D53365" s="14" t="s">
        <v>297</v>
      </c>
      <c r="E53365" s="15">
        <v>45451</v>
      </c>
      <c r="F53365" s="14" t="s">
        <v>25</v>
      </c>
      <c r="G53365" s="16">
        <v>0</v>
      </c>
    </row>
    <row r="53366" spans="1:7" x14ac:dyDescent="0.3">
      <c r="A53366" s="13" t="s">
        <v>296</v>
      </c>
      <c r="B53366" s="14" t="s">
        <v>1</v>
      </c>
      <c r="C53366" s="14" t="s">
        <v>51</v>
      </c>
      <c r="D53366" s="14" t="s">
        <v>297</v>
      </c>
      <c r="E53366" s="15">
        <v>45452</v>
      </c>
      <c r="F53366" s="14" t="s">
        <v>25</v>
      </c>
      <c r="G53366" s="16">
        <v>0</v>
      </c>
    </row>
    <row r="53367" spans="1:7" x14ac:dyDescent="0.3">
      <c r="A53367" s="13" t="s">
        <v>296</v>
      </c>
      <c r="B53367" s="14" t="s">
        <v>1</v>
      </c>
      <c r="C53367" s="14" t="s">
        <v>51</v>
      </c>
      <c r="D53367" s="14" t="s">
        <v>297</v>
      </c>
      <c r="E53367" s="15">
        <v>45453</v>
      </c>
      <c r="F53367" s="14" t="s">
        <v>25</v>
      </c>
      <c r="G53367" s="16">
        <v>0</v>
      </c>
    </row>
    <row r="53368" spans="1:7" x14ac:dyDescent="0.3">
      <c r="A53368" s="13" t="s">
        <v>296</v>
      </c>
      <c r="B53368" s="14" t="s">
        <v>1</v>
      </c>
      <c r="C53368" s="14" t="s">
        <v>51</v>
      </c>
      <c r="D53368" s="14" t="s">
        <v>297</v>
      </c>
      <c r="E53368" s="15">
        <v>45454</v>
      </c>
      <c r="F53368" s="14" t="s">
        <v>25</v>
      </c>
      <c r="G53368" s="16">
        <v>0</v>
      </c>
    </row>
    <row r="53369" spans="1:7" x14ac:dyDescent="0.3">
      <c r="A53369" s="13" t="s">
        <v>296</v>
      </c>
      <c r="B53369" s="14" t="s">
        <v>1</v>
      </c>
      <c r="C53369" s="14" t="s">
        <v>51</v>
      </c>
      <c r="D53369" s="14" t="s">
        <v>297</v>
      </c>
      <c r="E53369" s="15">
        <v>45455</v>
      </c>
      <c r="F53369" s="14" t="s">
        <v>25</v>
      </c>
      <c r="G53369" s="16">
        <v>0</v>
      </c>
    </row>
    <row r="53370" spans="1:7" x14ac:dyDescent="0.3">
      <c r="A53370" s="13" t="s">
        <v>296</v>
      </c>
      <c r="B53370" s="14" t="s">
        <v>1</v>
      </c>
      <c r="C53370" s="14" t="s">
        <v>51</v>
      </c>
      <c r="D53370" s="14" t="s">
        <v>297</v>
      </c>
      <c r="E53370" s="15">
        <v>45456</v>
      </c>
      <c r="F53370" s="14" t="s">
        <v>25</v>
      </c>
      <c r="G53370" s="16">
        <v>0</v>
      </c>
    </row>
    <row r="53371" spans="1:7" x14ac:dyDescent="0.3">
      <c r="A53371" s="13" t="s">
        <v>296</v>
      </c>
      <c r="B53371" s="14" t="s">
        <v>1</v>
      </c>
      <c r="C53371" s="14" t="s">
        <v>51</v>
      </c>
      <c r="D53371" s="14" t="s">
        <v>297</v>
      </c>
      <c r="E53371" s="15">
        <v>45457</v>
      </c>
      <c r="F53371" s="14" t="s">
        <v>25</v>
      </c>
      <c r="G53371" s="16">
        <v>0</v>
      </c>
    </row>
    <row r="53372" spans="1:7" x14ac:dyDescent="0.3">
      <c r="A53372" s="13" t="s">
        <v>296</v>
      </c>
      <c r="B53372" s="14" t="s">
        <v>1</v>
      </c>
      <c r="C53372" s="14" t="s">
        <v>51</v>
      </c>
      <c r="D53372" s="14" t="s">
        <v>297</v>
      </c>
      <c r="E53372" s="15">
        <v>45458</v>
      </c>
      <c r="F53372" s="14" t="s">
        <v>25</v>
      </c>
      <c r="G53372" s="16">
        <v>0</v>
      </c>
    </row>
    <row r="53373" spans="1:7" x14ac:dyDescent="0.3">
      <c r="A53373" s="13" t="s">
        <v>296</v>
      </c>
      <c r="B53373" s="14" t="s">
        <v>1</v>
      </c>
      <c r="C53373" s="14" t="s">
        <v>51</v>
      </c>
      <c r="D53373" s="14" t="s">
        <v>297</v>
      </c>
      <c r="E53373" s="15">
        <v>45459</v>
      </c>
      <c r="F53373" s="14" t="s">
        <v>25</v>
      </c>
      <c r="G53373" s="16">
        <v>0</v>
      </c>
    </row>
    <row r="53374" spans="1:7" x14ac:dyDescent="0.3">
      <c r="A53374" s="13" t="s">
        <v>296</v>
      </c>
      <c r="B53374" s="14" t="s">
        <v>1</v>
      </c>
      <c r="C53374" s="14" t="s">
        <v>51</v>
      </c>
      <c r="D53374" s="14" t="s">
        <v>297</v>
      </c>
      <c r="E53374" s="15">
        <v>45460</v>
      </c>
      <c r="F53374" s="14" t="s">
        <v>25</v>
      </c>
      <c r="G53374" s="16">
        <v>0</v>
      </c>
    </row>
    <row r="53375" spans="1:7" x14ac:dyDescent="0.3">
      <c r="A53375" s="13" t="s">
        <v>296</v>
      </c>
      <c r="B53375" s="14" t="s">
        <v>1</v>
      </c>
      <c r="C53375" s="14" t="s">
        <v>51</v>
      </c>
      <c r="D53375" s="14" t="s">
        <v>297</v>
      </c>
      <c r="E53375" s="15">
        <v>45461</v>
      </c>
      <c r="F53375" s="14" t="s">
        <v>25</v>
      </c>
      <c r="G53375" s="16">
        <v>0</v>
      </c>
    </row>
    <row r="53376" spans="1:7" x14ac:dyDescent="0.3">
      <c r="A53376" s="13" t="s">
        <v>296</v>
      </c>
      <c r="B53376" s="14" t="s">
        <v>1</v>
      </c>
      <c r="C53376" s="14" t="s">
        <v>51</v>
      </c>
      <c r="D53376" s="14" t="s">
        <v>297</v>
      </c>
      <c r="E53376" s="15">
        <v>45462</v>
      </c>
      <c r="F53376" s="14" t="s">
        <v>25</v>
      </c>
      <c r="G53376" s="16">
        <v>0</v>
      </c>
    </row>
    <row r="53377" spans="1:7" x14ac:dyDescent="0.3">
      <c r="A53377" s="13" t="s">
        <v>296</v>
      </c>
      <c r="B53377" s="14" t="s">
        <v>1</v>
      </c>
      <c r="C53377" s="14" t="s">
        <v>51</v>
      </c>
      <c r="D53377" s="14" t="s">
        <v>297</v>
      </c>
      <c r="E53377" s="15">
        <v>45463</v>
      </c>
      <c r="F53377" s="14" t="s">
        <v>25</v>
      </c>
      <c r="G53377" s="16">
        <v>0</v>
      </c>
    </row>
    <row r="53378" spans="1:7" x14ac:dyDescent="0.3">
      <c r="A53378" s="13" t="s">
        <v>296</v>
      </c>
      <c r="B53378" s="14" t="s">
        <v>1</v>
      </c>
      <c r="C53378" s="14" t="s">
        <v>51</v>
      </c>
      <c r="D53378" s="14" t="s">
        <v>297</v>
      </c>
      <c r="E53378" s="15">
        <v>45464</v>
      </c>
      <c r="F53378" s="14" t="s">
        <v>25</v>
      </c>
      <c r="G53378" s="16">
        <v>0</v>
      </c>
    </row>
    <row r="53379" spans="1:7" x14ac:dyDescent="0.3">
      <c r="A53379" s="13" t="s">
        <v>296</v>
      </c>
      <c r="B53379" s="14" t="s">
        <v>1</v>
      </c>
      <c r="C53379" s="14" t="s">
        <v>51</v>
      </c>
      <c r="D53379" s="14" t="s">
        <v>297</v>
      </c>
      <c r="E53379" s="15">
        <v>45465</v>
      </c>
      <c r="F53379" s="14" t="s">
        <v>25</v>
      </c>
      <c r="G53379" s="16">
        <v>0</v>
      </c>
    </row>
    <row r="53380" spans="1:7" x14ac:dyDescent="0.3">
      <c r="A53380" s="13" t="s">
        <v>296</v>
      </c>
      <c r="B53380" s="14" t="s">
        <v>1</v>
      </c>
      <c r="C53380" s="14" t="s">
        <v>51</v>
      </c>
      <c r="D53380" s="14" t="s">
        <v>297</v>
      </c>
      <c r="E53380" s="15">
        <v>45466</v>
      </c>
      <c r="F53380" s="14" t="s">
        <v>25</v>
      </c>
      <c r="G53380" s="16">
        <v>0</v>
      </c>
    </row>
    <row r="53381" spans="1:7" x14ac:dyDescent="0.3">
      <c r="A53381" s="13" t="s">
        <v>296</v>
      </c>
      <c r="B53381" s="14" t="s">
        <v>1</v>
      </c>
      <c r="C53381" s="14" t="s">
        <v>51</v>
      </c>
      <c r="D53381" s="14" t="s">
        <v>297</v>
      </c>
      <c r="E53381" s="15">
        <v>45467</v>
      </c>
      <c r="F53381" s="14" t="s">
        <v>25</v>
      </c>
      <c r="G53381" s="16">
        <v>0</v>
      </c>
    </row>
    <row r="53382" spans="1:7" x14ac:dyDescent="0.3">
      <c r="A53382" s="13" t="s">
        <v>296</v>
      </c>
      <c r="B53382" s="14" t="s">
        <v>1</v>
      </c>
      <c r="C53382" s="14" t="s">
        <v>51</v>
      </c>
      <c r="D53382" s="14" t="s">
        <v>297</v>
      </c>
      <c r="E53382" s="15">
        <v>45468</v>
      </c>
      <c r="F53382" s="14" t="s">
        <v>25</v>
      </c>
      <c r="G53382" s="16">
        <v>0</v>
      </c>
    </row>
    <row r="53383" spans="1:7" x14ac:dyDescent="0.3">
      <c r="A53383" s="13" t="s">
        <v>296</v>
      </c>
      <c r="B53383" s="14" t="s">
        <v>1</v>
      </c>
      <c r="C53383" s="14" t="s">
        <v>51</v>
      </c>
      <c r="D53383" s="14" t="s">
        <v>297</v>
      </c>
      <c r="E53383" s="15">
        <v>45469</v>
      </c>
      <c r="F53383" s="14" t="s">
        <v>25</v>
      </c>
      <c r="G53383" s="16">
        <v>0</v>
      </c>
    </row>
    <row r="53384" spans="1:7" x14ac:dyDescent="0.3">
      <c r="A53384" s="13" t="s">
        <v>296</v>
      </c>
      <c r="B53384" s="14" t="s">
        <v>1</v>
      </c>
      <c r="C53384" s="14" t="s">
        <v>51</v>
      </c>
      <c r="D53384" s="14" t="s">
        <v>297</v>
      </c>
      <c r="E53384" s="15">
        <v>45470</v>
      </c>
      <c r="F53384" s="14" t="s">
        <v>25</v>
      </c>
      <c r="G53384" s="16">
        <v>0</v>
      </c>
    </row>
    <row r="53385" spans="1:7" x14ac:dyDescent="0.3">
      <c r="A53385" s="13" t="s">
        <v>296</v>
      </c>
      <c r="B53385" s="14" t="s">
        <v>1</v>
      </c>
      <c r="C53385" s="14" t="s">
        <v>51</v>
      </c>
      <c r="D53385" s="14" t="s">
        <v>297</v>
      </c>
      <c r="E53385" s="15">
        <v>45471</v>
      </c>
      <c r="F53385" s="14" t="s">
        <v>25</v>
      </c>
      <c r="G53385" s="16">
        <v>0</v>
      </c>
    </row>
    <row r="53386" spans="1:7" x14ac:dyDescent="0.3">
      <c r="A53386" s="13" t="s">
        <v>296</v>
      </c>
      <c r="B53386" s="14" t="s">
        <v>1</v>
      </c>
      <c r="C53386" s="14" t="s">
        <v>51</v>
      </c>
      <c r="D53386" s="14" t="s">
        <v>297</v>
      </c>
      <c r="E53386" s="15">
        <v>45472</v>
      </c>
      <c r="F53386" s="14" t="s">
        <v>25</v>
      </c>
      <c r="G53386" s="16">
        <v>0</v>
      </c>
    </row>
    <row r="53387" spans="1:7" x14ac:dyDescent="0.3">
      <c r="A53387" s="13" t="s">
        <v>296</v>
      </c>
      <c r="B53387" s="14" t="s">
        <v>1</v>
      </c>
      <c r="C53387" s="14" t="s">
        <v>51</v>
      </c>
      <c r="D53387" s="14" t="s">
        <v>297</v>
      </c>
      <c r="E53387" s="15">
        <v>45473</v>
      </c>
      <c r="F53387" s="14" t="s">
        <v>25</v>
      </c>
      <c r="G53387" s="16">
        <v>0</v>
      </c>
    </row>
    <row r="53388" spans="1:7" x14ac:dyDescent="0.3">
      <c r="A53388" s="13" t="s">
        <v>296</v>
      </c>
      <c r="B53388" s="14" t="s">
        <v>1</v>
      </c>
      <c r="C53388" s="14" t="s">
        <v>51</v>
      </c>
      <c r="D53388" s="14" t="s">
        <v>297</v>
      </c>
      <c r="E53388" s="15">
        <v>45474</v>
      </c>
      <c r="F53388" s="14" t="s">
        <v>25</v>
      </c>
      <c r="G53388" s="16">
        <v>0</v>
      </c>
    </row>
    <row r="53389" spans="1:7" x14ac:dyDescent="0.3">
      <c r="A53389" s="13" t="s">
        <v>296</v>
      </c>
      <c r="B53389" s="14" t="s">
        <v>1</v>
      </c>
      <c r="C53389" s="14" t="s">
        <v>51</v>
      </c>
      <c r="D53389" s="14" t="s">
        <v>297</v>
      </c>
      <c r="E53389" s="15">
        <v>45475</v>
      </c>
      <c r="F53389" s="14" t="s">
        <v>25</v>
      </c>
      <c r="G53389" s="16">
        <v>0</v>
      </c>
    </row>
    <row r="53390" spans="1:7" x14ac:dyDescent="0.3">
      <c r="A53390" s="13" t="s">
        <v>296</v>
      </c>
      <c r="B53390" s="14" t="s">
        <v>1</v>
      </c>
      <c r="C53390" s="14" t="s">
        <v>51</v>
      </c>
      <c r="D53390" s="14" t="s">
        <v>297</v>
      </c>
      <c r="E53390" s="15">
        <v>45476</v>
      </c>
      <c r="F53390" s="14" t="s">
        <v>25</v>
      </c>
      <c r="G53390" s="16">
        <v>0</v>
      </c>
    </row>
    <row r="53391" spans="1:7" x14ac:dyDescent="0.3">
      <c r="A53391" s="13" t="s">
        <v>296</v>
      </c>
      <c r="B53391" s="14" t="s">
        <v>1</v>
      </c>
      <c r="C53391" s="14" t="s">
        <v>51</v>
      </c>
      <c r="D53391" s="14" t="s">
        <v>297</v>
      </c>
      <c r="E53391" s="15">
        <v>45477</v>
      </c>
      <c r="F53391" s="14" t="s">
        <v>25</v>
      </c>
      <c r="G53391" s="16">
        <v>0</v>
      </c>
    </row>
    <row r="53392" spans="1:7" x14ac:dyDescent="0.3">
      <c r="A53392" s="13" t="s">
        <v>296</v>
      </c>
      <c r="B53392" s="14" t="s">
        <v>1</v>
      </c>
      <c r="C53392" s="14" t="s">
        <v>51</v>
      </c>
      <c r="D53392" s="14" t="s">
        <v>297</v>
      </c>
      <c r="E53392" s="15">
        <v>45478</v>
      </c>
      <c r="F53392" s="14" t="s">
        <v>25</v>
      </c>
      <c r="G53392" s="16">
        <v>0</v>
      </c>
    </row>
    <row r="53393" spans="1:7" x14ac:dyDescent="0.3">
      <c r="A53393" s="13" t="s">
        <v>296</v>
      </c>
      <c r="B53393" s="14" t="s">
        <v>1</v>
      </c>
      <c r="C53393" s="14" t="s">
        <v>51</v>
      </c>
      <c r="D53393" s="14" t="s">
        <v>297</v>
      </c>
      <c r="E53393" s="15">
        <v>45479</v>
      </c>
      <c r="F53393" s="14" t="s">
        <v>25</v>
      </c>
      <c r="G53393" s="16">
        <v>0</v>
      </c>
    </row>
    <row r="53394" spans="1:7" x14ac:dyDescent="0.3">
      <c r="A53394" s="13" t="s">
        <v>296</v>
      </c>
      <c r="B53394" s="14" t="s">
        <v>1</v>
      </c>
      <c r="C53394" s="14" t="s">
        <v>51</v>
      </c>
      <c r="D53394" s="14" t="s">
        <v>297</v>
      </c>
      <c r="E53394" s="15">
        <v>45480</v>
      </c>
      <c r="F53394" s="14" t="s">
        <v>25</v>
      </c>
      <c r="G53394" s="16">
        <v>0</v>
      </c>
    </row>
    <row r="53395" spans="1:7" x14ac:dyDescent="0.3">
      <c r="A53395" s="13" t="s">
        <v>296</v>
      </c>
      <c r="B53395" s="14" t="s">
        <v>1</v>
      </c>
      <c r="C53395" s="14" t="s">
        <v>51</v>
      </c>
      <c r="D53395" s="14" t="s">
        <v>297</v>
      </c>
      <c r="E53395" s="15">
        <v>45481</v>
      </c>
      <c r="F53395" s="14" t="s">
        <v>25</v>
      </c>
      <c r="G53395" s="16">
        <v>0</v>
      </c>
    </row>
    <row r="53396" spans="1:7" x14ac:dyDescent="0.3">
      <c r="A53396" s="13" t="s">
        <v>296</v>
      </c>
      <c r="B53396" s="14" t="s">
        <v>1</v>
      </c>
      <c r="C53396" s="14" t="s">
        <v>51</v>
      </c>
      <c r="D53396" s="14" t="s">
        <v>297</v>
      </c>
      <c r="E53396" s="15">
        <v>45482</v>
      </c>
      <c r="F53396" s="14" t="s">
        <v>25</v>
      </c>
      <c r="G53396" s="16">
        <v>0</v>
      </c>
    </row>
    <row r="53397" spans="1:7" x14ac:dyDescent="0.3">
      <c r="A53397" s="13" t="s">
        <v>296</v>
      </c>
      <c r="B53397" s="14" t="s">
        <v>1</v>
      </c>
      <c r="C53397" s="14" t="s">
        <v>51</v>
      </c>
      <c r="D53397" s="14" t="s">
        <v>297</v>
      </c>
      <c r="E53397" s="15">
        <v>45483</v>
      </c>
      <c r="F53397" s="14" t="s">
        <v>25</v>
      </c>
      <c r="G53397" s="16">
        <v>0</v>
      </c>
    </row>
    <row r="53398" spans="1:7" x14ac:dyDescent="0.3">
      <c r="A53398" s="13" t="s">
        <v>296</v>
      </c>
      <c r="B53398" s="14" t="s">
        <v>1</v>
      </c>
      <c r="C53398" s="14" t="s">
        <v>51</v>
      </c>
      <c r="D53398" s="14" t="s">
        <v>297</v>
      </c>
      <c r="E53398" s="15">
        <v>45484</v>
      </c>
      <c r="F53398" s="14" t="s">
        <v>25</v>
      </c>
      <c r="G53398" s="16">
        <v>0</v>
      </c>
    </row>
    <row r="53399" spans="1:7" x14ac:dyDescent="0.3">
      <c r="A53399" s="13" t="s">
        <v>296</v>
      </c>
      <c r="B53399" s="14" t="s">
        <v>1</v>
      </c>
      <c r="C53399" s="14" t="s">
        <v>51</v>
      </c>
      <c r="D53399" s="14" t="s">
        <v>297</v>
      </c>
      <c r="E53399" s="15">
        <v>45485</v>
      </c>
      <c r="F53399" s="14" t="s">
        <v>25</v>
      </c>
      <c r="G53399" s="16">
        <v>0</v>
      </c>
    </row>
    <row r="53400" spans="1:7" x14ac:dyDescent="0.3">
      <c r="A53400" s="13" t="s">
        <v>296</v>
      </c>
      <c r="B53400" s="14" t="s">
        <v>1</v>
      </c>
      <c r="C53400" s="14" t="s">
        <v>51</v>
      </c>
      <c r="D53400" s="14" t="s">
        <v>297</v>
      </c>
      <c r="E53400" s="15">
        <v>45486</v>
      </c>
      <c r="F53400" s="14" t="s">
        <v>25</v>
      </c>
      <c r="G53400" s="16">
        <v>0</v>
      </c>
    </row>
    <row r="53401" spans="1:7" x14ac:dyDescent="0.3">
      <c r="A53401" s="13" t="s">
        <v>296</v>
      </c>
      <c r="B53401" s="14" t="s">
        <v>1</v>
      </c>
      <c r="C53401" s="14" t="s">
        <v>51</v>
      </c>
      <c r="D53401" s="14" t="s">
        <v>297</v>
      </c>
      <c r="E53401" s="15">
        <v>45487</v>
      </c>
      <c r="F53401" s="14" t="s">
        <v>25</v>
      </c>
      <c r="G53401" s="16">
        <v>0</v>
      </c>
    </row>
    <row r="53402" spans="1:7" x14ac:dyDescent="0.3">
      <c r="A53402" s="13" t="s">
        <v>296</v>
      </c>
      <c r="B53402" s="14" t="s">
        <v>1</v>
      </c>
      <c r="C53402" s="14" t="s">
        <v>51</v>
      </c>
      <c r="D53402" s="14" t="s">
        <v>297</v>
      </c>
      <c r="E53402" s="15">
        <v>45488</v>
      </c>
      <c r="F53402" s="14" t="s">
        <v>25</v>
      </c>
      <c r="G53402" s="16">
        <v>0</v>
      </c>
    </row>
    <row r="53403" spans="1:7" x14ac:dyDescent="0.3">
      <c r="A53403" s="13" t="s">
        <v>296</v>
      </c>
      <c r="B53403" s="14" t="s">
        <v>1</v>
      </c>
      <c r="C53403" s="14" t="s">
        <v>51</v>
      </c>
      <c r="D53403" s="14" t="s">
        <v>297</v>
      </c>
      <c r="E53403" s="15">
        <v>45489</v>
      </c>
      <c r="F53403" s="14" t="s">
        <v>25</v>
      </c>
      <c r="G53403" s="16">
        <v>0</v>
      </c>
    </row>
    <row r="53404" spans="1:7" x14ac:dyDescent="0.3">
      <c r="A53404" s="13" t="s">
        <v>296</v>
      </c>
      <c r="B53404" s="14" t="s">
        <v>1</v>
      </c>
      <c r="C53404" s="14" t="s">
        <v>51</v>
      </c>
      <c r="D53404" s="14" t="s">
        <v>297</v>
      </c>
      <c r="E53404" s="15">
        <v>45490</v>
      </c>
      <c r="F53404" s="14" t="s">
        <v>25</v>
      </c>
      <c r="G53404" s="16">
        <v>0</v>
      </c>
    </row>
    <row r="53405" spans="1:7" x14ac:dyDescent="0.3">
      <c r="A53405" s="13" t="s">
        <v>296</v>
      </c>
      <c r="B53405" s="14" t="s">
        <v>1</v>
      </c>
      <c r="C53405" s="14" t="s">
        <v>51</v>
      </c>
      <c r="D53405" s="14" t="s">
        <v>297</v>
      </c>
      <c r="E53405" s="15">
        <v>45491</v>
      </c>
      <c r="F53405" s="14" t="s">
        <v>25</v>
      </c>
      <c r="G53405" s="16">
        <v>0</v>
      </c>
    </row>
    <row r="53406" spans="1:7" x14ac:dyDescent="0.3">
      <c r="A53406" s="13" t="s">
        <v>296</v>
      </c>
      <c r="B53406" s="14" t="s">
        <v>1</v>
      </c>
      <c r="C53406" s="14" t="s">
        <v>51</v>
      </c>
      <c r="D53406" s="14" t="s">
        <v>297</v>
      </c>
      <c r="E53406" s="15">
        <v>45492</v>
      </c>
      <c r="F53406" s="14" t="s">
        <v>25</v>
      </c>
      <c r="G53406" s="16">
        <v>0</v>
      </c>
    </row>
    <row r="53407" spans="1:7" x14ac:dyDescent="0.3">
      <c r="A53407" s="13" t="s">
        <v>296</v>
      </c>
      <c r="B53407" s="14" t="s">
        <v>1</v>
      </c>
      <c r="C53407" s="14" t="s">
        <v>51</v>
      </c>
      <c r="D53407" s="14" t="s">
        <v>297</v>
      </c>
      <c r="E53407" s="15">
        <v>45493</v>
      </c>
      <c r="F53407" s="14" t="s">
        <v>25</v>
      </c>
      <c r="G53407" s="16">
        <v>0</v>
      </c>
    </row>
    <row r="53408" spans="1:7" x14ac:dyDescent="0.3">
      <c r="A53408" s="13" t="s">
        <v>296</v>
      </c>
      <c r="B53408" s="14" t="s">
        <v>1</v>
      </c>
      <c r="C53408" s="14" t="s">
        <v>51</v>
      </c>
      <c r="D53408" s="14" t="s">
        <v>297</v>
      </c>
      <c r="E53408" s="15">
        <v>45494</v>
      </c>
      <c r="F53408" s="14" t="s">
        <v>25</v>
      </c>
      <c r="G53408" s="16">
        <v>0</v>
      </c>
    </row>
    <row r="53409" spans="1:7" x14ac:dyDescent="0.3">
      <c r="A53409" s="13" t="s">
        <v>296</v>
      </c>
      <c r="B53409" s="14" t="s">
        <v>1</v>
      </c>
      <c r="C53409" s="14" t="s">
        <v>51</v>
      </c>
      <c r="D53409" s="14" t="s">
        <v>297</v>
      </c>
      <c r="E53409" s="15">
        <v>45495</v>
      </c>
      <c r="F53409" s="14" t="s">
        <v>25</v>
      </c>
      <c r="G53409" s="16">
        <v>0</v>
      </c>
    </row>
    <row r="53410" spans="1:7" x14ac:dyDescent="0.3">
      <c r="A53410" s="13" t="s">
        <v>296</v>
      </c>
      <c r="B53410" s="14" t="s">
        <v>1</v>
      </c>
      <c r="C53410" s="14" t="s">
        <v>51</v>
      </c>
      <c r="D53410" s="14" t="s">
        <v>297</v>
      </c>
      <c r="E53410" s="15">
        <v>45496</v>
      </c>
      <c r="F53410" s="14" t="s">
        <v>25</v>
      </c>
      <c r="G53410" s="16">
        <v>0</v>
      </c>
    </row>
    <row r="53411" spans="1:7" x14ac:dyDescent="0.3">
      <c r="A53411" s="13" t="s">
        <v>296</v>
      </c>
      <c r="B53411" s="14" t="s">
        <v>1</v>
      </c>
      <c r="C53411" s="14" t="s">
        <v>51</v>
      </c>
      <c r="D53411" s="14" t="s">
        <v>297</v>
      </c>
      <c r="E53411" s="15">
        <v>45497</v>
      </c>
      <c r="F53411" s="14" t="s">
        <v>25</v>
      </c>
      <c r="G53411" s="16">
        <v>0</v>
      </c>
    </row>
    <row r="53412" spans="1:7" x14ac:dyDescent="0.3">
      <c r="A53412" s="13" t="s">
        <v>296</v>
      </c>
      <c r="B53412" s="14" t="s">
        <v>1</v>
      </c>
      <c r="C53412" s="14" t="s">
        <v>51</v>
      </c>
      <c r="D53412" s="14" t="s">
        <v>297</v>
      </c>
      <c r="E53412" s="15">
        <v>45498</v>
      </c>
      <c r="F53412" s="14" t="s">
        <v>25</v>
      </c>
      <c r="G53412" s="16">
        <v>0</v>
      </c>
    </row>
    <row r="53413" spans="1:7" x14ac:dyDescent="0.3">
      <c r="A53413" s="13" t="s">
        <v>296</v>
      </c>
      <c r="B53413" s="14" t="s">
        <v>1</v>
      </c>
      <c r="C53413" s="14" t="s">
        <v>51</v>
      </c>
      <c r="D53413" s="14" t="s">
        <v>297</v>
      </c>
      <c r="E53413" s="15">
        <v>45499</v>
      </c>
      <c r="F53413" s="14" t="s">
        <v>25</v>
      </c>
      <c r="G53413" s="16">
        <v>0</v>
      </c>
    </row>
    <row r="53414" spans="1:7" x14ac:dyDescent="0.3">
      <c r="A53414" s="13" t="s">
        <v>296</v>
      </c>
      <c r="B53414" s="14" t="s">
        <v>1</v>
      </c>
      <c r="C53414" s="14" t="s">
        <v>51</v>
      </c>
      <c r="D53414" s="14" t="s">
        <v>297</v>
      </c>
      <c r="E53414" s="15">
        <v>45500</v>
      </c>
      <c r="F53414" s="14" t="s">
        <v>25</v>
      </c>
      <c r="G53414" s="16">
        <v>0</v>
      </c>
    </row>
    <row r="53415" spans="1:7" x14ac:dyDescent="0.3">
      <c r="A53415" s="13" t="s">
        <v>296</v>
      </c>
      <c r="B53415" s="14" t="s">
        <v>1</v>
      </c>
      <c r="C53415" s="14" t="s">
        <v>51</v>
      </c>
      <c r="D53415" s="14" t="s">
        <v>297</v>
      </c>
      <c r="E53415" s="15">
        <v>45501</v>
      </c>
      <c r="F53415" s="14" t="s">
        <v>25</v>
      </c>
      <c r="G53415" s="16">
        <v>0</v>
      </c>
    </row>
    <row r="53416" spans="1:7" x14ac:dyDescent="0.3">
      <c r="A53416" s="13" t="s">
        <v>296</v>
      </c>
      <c r="B53416" s="14" t="s">
        <v>1</v>
      </c>
      <c r="C53416" s="14" t="s">
        <v>51</v>
      </c>
      <c r="D53416" s="14" t="s">
        <v>297</v>
      </c>
      <c r="E53416" s="15">
        <v>45502</v>
      </c>
      <c r="F53416" s="14" t="s">
        <v>25</v>
      </c>
      <c r="G53416" s="16">
        <v>0</v>
      </c>
    </row>
    <row r="53417" spans="1:7" x14ac:dyDescent="0.3">
      <c r="A53417" s="13" t="s">
        <v>296</v>
      </c>
      <c r="B53417" s="14" t="s">
        <v>1</v>
      </c>
      <c r="C53417" s="14" t="s">
        <v>51</v>
      </c>
      <c r="D53417" s="14" t="s">
        <v>297</v>
      </c>
      <c r="E53417" s="15">
        <v>45503</v>
      </c>
      <c r="F53417" s="14" t="s">
        <v>25</v>
      </c>
      <c r="G53417" s="16">
        <v>0</v>
      </c>
    </row>
    <row r="53418" spans="1:7" x14ac:dyDescent="0.3">
      <c r="A53418" s="13" t="s">
        <v>296</v>
      </c>
      <c r="B53418" s="14" t="s">
        <v>1</v>
      </c>
      <c r="C53418" s="14" t="s">
        <v>51</v>
      </c>
      <c r="D53418" s="14" t="s">
        <v>297</v>
      </c>
      <c r="E53418" s="15">
        <v>45504</v>
      </c>
      <c r="F53418" s="14" t="s">
        <v>25</v>
      </c>
      <c r="G53418" s="16">
        <v>0</v>
      </c>
    </row>
    <row r="53419" spans="1:7" x14ac:dyDescent="0.3">
      <c r="A53419" s="13" t="s">
        <v>296</v>
      </c>
      <c r="B53419" s="14" t="s">
        <v>1</v>
      </c>
      <c r="C53419" s="14" t="s">
        <v>51</v>
      </c>
      <c r="D53419" s="14" t="s">
        <v>297</v>
      </c>
      <c r="E53419" s="15">
        <v>45505</v>
      </c>
      <c r="F53419" s="14" t="s">
        <v>25</v>
      </c>
      <c r="G53419" s="16">
        <v>0</v>
      </c>
    </row>
    <row r="53420" spans="1:7" x14ac:dyDescent="0.3">
      <c r="A53420" s="13" t="s">
        <v>296</v>
      </c>
      <c r="B53420" s="14" t="s">
        <v>1</v>
      </c>
      <c r="C53420" s="14" t="s">
        <v>51</v>
      </c>
      <c r="D53420" s="14" t="s">
        <v>297</v>
      </c>
      <c r="E53420" s="15">
        <v>45506</v>
      </c>
      <c r="F53420" s="14" t="s">
        <v>25</v>
      </c>
      <c r="G53420" s="16">
        <v>0</v>
      </c>
    </row>
    <row r="53421" spans="1:7" x14ac:dyDescent="0.3">
      <c r="A53421" s="13" t="s">
        <v>296</v>
      </c>
      <c r="B53421" s="14" t="s">
        <v>1</v>
      </c>
      <c r="C53421" s="14" t="s">
        <v>51</v>
      </c>
      <c r="D53421" s="14" t="s">
        <v>297</v>
      </c>
      <c r="E53421" s="15">
        <v>45507</v>
      </c>
      <c r="F53421" s="14" t="s">
        <v>25</v>
      </c>
      <c r="G53421" s="16">
        <v>0</v>
      </c>
    </row>
    <row r="53422" spans="1:7" x14ac:dyDescent="0.3">
      <c r="A53422" s="13" t="s">
        <v>296</v>
      </c>
      <c r="B53422" s="14" t="s">
        <v>1</v>
      </c>
      <c r="C53422" s="14" t="s">
        <v>51</v>
      </c>
      <c r="D53422" s="14" t="s">
        <v>297</v>
      </c>
      <c r="E53422" s="15">
        <v>45508</v>
      </c>
      <c r="F53422" s="14" t="s">
        <v>25</v>
      </c>
      <c r="G53422" s="16">
        <v>0</v>
      </c>
    </row>
    <row r="53423" spans="1:7" x14ac:dyDescent="0.3">
      <c r="A53423" s="13" t="s">
        <v>296</v>
      </c>
      <c r="B53423" s="14" t="s">
        <v>1</v>
      </c>
      <c r="C53423" s="14" t="s">
        <v>51</v>
      </c>
      <c r="D53423" s="14" t="s">
        <v>297</v>
      </c>
      <c r="E53423" s="15">
        <v>45509</v>
      </c>
      <c r="F53423" s="14" t="s">
        <v>25</v>
      </c>
      <c r="G53423" s="16">
        <v>0</v>
      </c>
    </row>
    <row r="53424" spans="1:7" x14ac:dyDescent="0.3">
      <c r="A53424" s="13" t="s">
        <v>296</v>
      </c>
      <c r="B53424" s="14" t="s">
        <v>1</v>
      </c>
      <c r="C53424" s="14" t="s">
        <v>51</v>
      </c>
      <c r="D53424" s="14" t="s">
        <v>297</v>
      </c>
      <c r="E53424" s="15">
        <v>45510</v>
      </c>
      <c r="F53424" s="14" t="s">
        <v>25</v>
      </c>
      <c r="G53424" s="16">
        <v>0</v>
      </c>
    </row>
    <row r="53425" spans="1:7" x14ac:dyDescent="0.3">
      <c r="A53425" s="13" t="s">
        <v>296</v>
      </c>
      <c r="B53425" s="14" t="s">
        <v>1</v>
      </c>
      <c r="C53425" s="14" t="s">
        <v>51</v>
      </c>
      <c r="D53425" s="14" t="s">
        <v>297</v>
      </c>
      <c r="E53425" s="15">
        <v>45511</v>
      </c>
      <c r="F53425" s="14" t="s">
        <v>25</v>
      </c>
      <c r="G53425" s="16">
        <v>0</v>
      </c>
    </row>
    <row r="53426" spans="1:7" x14ac:dyDescent="0.3">
      <c r="A53426" s="13" t="s">
        <v>296</v>
      </c>
      <c r="B53426" s="14" t="s">
        <v>1</v>
      </c>
      <c r="C53426" s="14" t="s">
        <v>51</v>
      </c>
      <c r="D53426" s="14" t="s">
        <v>297</v>
      </c>
      <c r="E53426" s="15">
        <v>45512</v>
      </c>
      <c r="F53426" s="14" t="s">
        <v>25</v>
      </c>
      <c r="G53426" s="16">
        <v>0</v>
      </c>
    </row>
    <row r="53427" spans="1:7" x14ac:dyDescent="0.3">
      <c r="A53427" s="13" t="s">
        <v>296</v>
      </c>
      <c r="B53427" s="14" t="s">
        <v>1</v>
      </c>
      <c r="C53427" s="14" t="s">
        <v>51</v>
      </c>
      <c r="D53427" s="14" t="s">
        <v>297</v>
      </c>
      <c r="E53427" s="15">
        <v>45513</v>
      </c>
      <c r="F53427" s="14" t="s">
        <v>25</v>
      </c>
      <c r="G53427" s="16">
        <v>0</v>
      </c>
    </row>
    <row r="53428" spans="1:7" x14ac:dyDescent="0.3">
      <c r="A53428" s="13" t="s">
        <v>296</v>
      </c>
      <c r="B53428" s="14" t="s">
        <v>1</v>
      </c>
      <c r="C53428" s="14" t="s">
        <v>51</v>
      </c>
      <c r="D53428" s="14" t="s">
        <v>297</v>
      </c>
      <c r="E53428" s="15">
        <v>45514</v>
      </c>
      <c r="F53428" s="14" t="s">
        <v>25</v>
      </c>
      <c r="G53428" s="16">
        <v>0</v>
      </c>
    </row>
    <row r="53429" spans="1:7" x14ac:dyDescent="0.3">
      <c r="A53429" s="13" t="s">
        <v>296</v>
      </c>
      <c r="B53429" s="14" t="s">
        <v>1</v>
      </c>
      <c r="C53429" s="14" t="s">
        <v>51</v>
      </c>
      <c r="D53429" s="14" t="s">
        <v>297</v>
      </c>
      <c r="E53429" s="15">
        <v>45515</v>
      </c>
      <c r="F53429" s="14" t="s">
        <v>25</v>
      </c>
      <c r="G53429" s="16">
        <v>0</v>
      </c>
    </row>
    <row r="53430" spans="1:7" x14ac:dyDescent="0.3">
      <c r="A53430" s="13" t="s">
        <v>296</v>
      </c>
      <c r="B53430" s="14" t="s">
        <v>1</v>
      </c>
      <c r="C53430" s="14" t="s">
        <v>51</v>
      </c>
      <c r="D53430" s="14" t="s">
        <v>297</v>
      </c>
      <c r="E53430" s="15">
        <v>45516</v>
      </c>
      <c r="F53430" s="14" t="s">
        <v>25</v>
      </c>
      <c r="G53430" s="16">
        <v>0</v>
      </c>
    </row>
    <row r="53431" spans="1:7" x14ac:dyDescent="0.3">
      <c r="A53431" s="13" t="s">
        <v>296</v>
      </c>
      <c r="B53431" s="14" t="s">
        <v>1</v>
      </c>
      <c r="C53431" s="14" t="s">
        <v>51</v>
      </c>
      <c r="D53431" s="14" t="s">
        <v>297</v>
      </c>
      <c r="E53431" s="15">
        <v>45517</v>
      </c>
      <c r="F53431" s="14" t="s">
        <v>25</v>
      </c>
      <c r="G53431" s="16">
        <v>0</v>
      </c>
    </row>
    <row r="53432" spans="1:7" x14ac:dyDescent="0.3">
      <c r="A53432" s="13" t="s">
        <v>296</v>
      </c>
      <c r="B53432" s="14" t="s">
        <v>1</v>
      </c>
      <c r="C53432" s="14" t="s">
        <v>51</v>
      </c>
      <c r="D53432" s="14" t="s">
        <v>297</v>
      </c>
      <c r="E53432" s="15">
        <v>45518</v>
      </c>
      <c r="F53432" s="14" t="s">
        <v>25</v>
      </c>
      <c r="G53432" s="16">
        <v>0</v>
      </c>
    </row>
    <row r="53433" spans="1:7" x14ac:dyDescent="0.3">
      <c r="A53433" s="13" t="s">
        <v>296</v>
      </c>
      <c r="B53433" s="14" t="s">
        <v>1</v>
      </c>
      <c r="C53433" s="14" t="s">
        <v>51</v>
      </c>
      <c r="D53433" s="14" t="s">
        <v>297</v>
      </c>
      <c r="E53433" s="15">
        <v>45519</v>
      </c>
      <c r="F53433" s="14" t="s">
        <v>25</v>
      </c>
      <c r="G53433" s="16">
        <v>0</v>
      </c>
    </row>
    <row r="53434" spans="1:7" x14ac:dyDescent="0.3">
      <c r="A53434" s="13" t="s">
        <v>296</v>
      </c>
      <c r="B53434" s="14" t="s">
        <v>1</v>
      </c>
      <c r="C53434" s="14" t="s">
        <v>51</v>
      </c>
      <c r="D53434" s="14" t="s">
        <v>297</v>
      </c>
      <c r="E53434" s="15">
        <v>45520</v>
      </c>
      <c r="F53434" s="14" t="s">
        <v>25</v>
      </c>
      <c r="G53434" s="16">
        <v>0</v>
      </c>
    </row>
    <row r="53435" spans="1:7" x14ac:dyDescent="0.3">
      <c r="A53435" s="13" t="s">
        <v>296</v>
      </c>
      <c r="B53435" s="14" t="s">
        <v>1</v>
      </c>
      <c r="C53435" s="14" t="s">
        <v>51</v>
      </c>
      <c r="D53435" s="14" t="s">
        <v>297</v>
      </c>
      <c r="E53435" s="15">
        <v>45521</v>
      </c>
      <c r="F53435" s="14" t="s">
        <v>25</v>
      </c>
      <c r="G53435" s="16">
        <v>0</v>
      </c>
    </row>
    <row r="53436" spans="1:7" x14ac:dyDescent="0.3">
      <c r="A53436" s="13" t="s">
        <v>296</v>
      </c>
      <c r="B53436" s="14" t="s">
        <v>1</v>
      </c>
      <c r="C53436" s="14" t="s">
        <v>51</v>
      </c>
      <c r="D53436" s="14" t="s">
        <v>297</v>
      </c>
      <c r="E53436" s="15">
        <v>45522</v>
      </c>
      <c r="F53436" s="14" t="s">
        <v>25</v>
      </c>
      <c r="G53436" s="16">
        <v>0</v>
      </c>
    </row>
    <row r="53437" spans="1:7" x14ac:dyDescent="0.3">
      <c r="A53437" s="13" t="s">
        <v>296</v>
      </c>
      <c r="B53437" s="14" t="s">
        <v>1</v>
      </c>
      <c r="C53437" s="14" t="s">
        <v>51</v>
      </c>
      <c r="D53437" s="14" t="s">
        <v>297</v>
      </c>
      <c r="E53437" s="15">
        <v>45523</v>
      </c>
      <c r="F53437" s="14" t="s">
        <v>25</v>
      </c>
      <c r="G53437" s="16">
        <v>0</v>
      </c>
    </row>
    <row r="53438" spans="1:7" x14ac:dyDescent="0.3">
      <c r="A53438" s="13" t="s">
        <v>296</v>
      </c>
      <c r="B53438" s="14" t="s">
        <v>1</v>
      </c>
      <c r="C53438" s="14" t="s">
        <v>51</v>
      </c>
      <c r="D53438" s="14" t="s">
        <v>297</v>
      </c>
      <c r="E53438" s="15">
        <v>45524</v>
      </c>
      <c r="F53438" s="14" t="s">
        <v>25</v>
      </c>
      <c r="G53438" s="16">
        <v>0</v>
      </c>
    </row>
    <row r="53439" spans="1:7" x14ac:dyDescent="0.3">
      <c r="A53439" s="13" t="s">
        <v>296</v>
      </c>
      <c r="B53439" s="14" t="s">
        <v>1</v>
      </c>
      <c r="C53439" s="14" t="s">
        <v>51</v>
      </c>
      <c r="D53439" s="14" t="s">
        <v>297</v>
      </c>
      <c r="E53439" s="15">
        <v>45525</v>
      </c>
      <c r="F53439" s="14" t="s">
        <v>25</v>
      </c>
      <c r="G53439" s="16">
        <v>0</v>
      </c>
    </row>
    <row r="53440" spans="1:7" x14ac:dyDescent="0.3">
      <c r="A53440" s="13" t="s">
        <v>296</v>
      </c>
      <c r="B53440" s="14" t="s">
        <v>1</v>
      </c>
      <c r="C53440" s="14" t="s">
        <v>51</v>
      </c>
      <c r="D53440" s="14" t="s">
        <v>297</v>
      </c>
      <c r="E53440" s="15">
        <v>45526</v>
      </c>
      <c r="F53440" s="14" t="s">
        <v>25</v>
      </c>
      <c r="G53440" s="16">
        <v>0</v>
      </c>
    </row>
    <row r="53441" spans="1:7" x14ac:dyDescent="0.3">
      <c r="A53441" s="13" t="s">
        <v>296</v>
      </c>
      <c r="B53441" s="14" t="s">
        <v>1</v>
      </c>
      <c r="C53441" s="14" t="s">
        <v>51</v>
      </c>
      <c r="D53441" s="14" t="s">
        <v>297</v>
      </c>
      <c r="E53441" s="15">
        <v>45527</v>
      </c>
      <c r="F53441" s="14" t="s">
        <v>25</v>
      </c>
      <c r="G53441" s="16">
        <v>0</v>
      </c>
    </row>
    <row r="53442" spans="1:7" x14ac:dyDescent="0.3">
      <c r="A53442" s="13" t="s">
        <v>296</v>
      </c>
      <c r="B53442" s="14" t="s">
        <v>1</v>
      </c>
      <c r="C53442" s="14" t="s">
        <v>51</v>
      </c>
      <c r="D53442" s="14" t="s">
        <v>297</v>
      </c>
      <c r="E53442" s="15">
        <v>45528</v>
      </c>
      <c r="F53442" s="14" t="s">
        <v>25</v>
      </c>
      <c r="G53442" s="16">
        <v>0</v>
      </c>
    </row>
    <row r="53443" spans="1:7" x14ac:dyDescent="0.3">
      <c r="A53443" s="13" t="s">
        <v>296</v>
      </c>
      <c r="B53443" s="14" t="s">
        <v>1</v>
      </c>
      <c r="C53443" s="14" t="s">
        <v>51</v>
      </c>
      <c r="D53443" s="14" t="s">
        <v>297</v>
      </c>
      <c r="E53443" s="15">
        <v>45529</v>
      </c>
      <c r="F53443" s="14" t="s">
        <v>25</v>
      </c>
      <c r="G53443" s="16">
        <v>0</v>
      </c>
    </row>
    <row r="53444" spans="1:7" x14ac:dyDescent="0.3">
      <c r="A53444" s="13" t="s">
        <v>296</v>
      </c>
      <c r="B53444" s="14" t="s">
        <v>1</v>
      </c>
      <c r="C53444" s="14" t="s">
        <v>51</v>
      </c>
      <c r="D53444" s="14" t="s">
        <v>297</v>
      </c>
      <c r="E53444" s="15">
        <v>45530</v>
      </c>
      <c r="F53444" s="14" t="s">
        <v>25</v>
      </c>
      <c r="G53444" s="16">
        <v>0</v>
      </c>
    </row>
    <row r="53445" spans="1:7" x14ac:dyDescent="0.3">
      <c r="A53445" s="13" t="s">
        <v>296</v>
      </c>
      <c r="B53445" s="14" t="s">
        <v>1</v>
      </c>
      <c r="C53445" s="14" t="s">
        <v>51</v>
      </c>
      <c r="D53445" s="14" t="s">
        <v>297</v>
      </c>
      <c r="E53445" s="15">
        <v>45531</v>
      </c>
      <c r="F53445" s="14" t="s">
        <v>25</v>
      </c>
      <c r="G53445" s="16">
        <v>0</v>
      </c>
    </row>
    <row r="53446" spans="1:7" x14ac:dyDescent="0.3">
      <c r="A53446" s="13" t="s">
        <v>296</v>
      </c>
      <c r="B53446" s="14" t="s">
        <v>1</v>
      </c>
      <c r="C53446" s="14" t="s">
        <v>51</v>
      </c>
      <c r="D53446" s="14" t="s">
        <v>297</v>
      </c>
      <c r="E53446" s="15">
        <v>45532</v>
      </c>
      <c r="F53446" s="14" t="s">
        <v>25</v>
      </c>
      <c r="G53446" s="16">
        <v>0</v>
      </c>
    </row>
    <row r="53447" spans="1:7" x14ac:dyDescent="0.3">
      <c r="A53447" s="13" t="s">
        <v>296</v>
      </c>
      <c r="B53447" s="14" t="s">
        <v>1</v>
      </c>
      <c r="C53447" s="14" t="s">
        <v>51</v>
      </c>
      <c r="D53447" s="14" t="s">
        <v>297</v>
      </c>
      <c r="E53447" s="15">
        <v>45533</v>
      </c>
      <c r="F53447" s="14" t="s">
        <v>25</v>
      </c>
      <c r="G53447" s="16">
        <v>0</v>
      </c>
    </row>
    <row r="53448" spans="1:7" x14ac:dyDescent="0.3">
      <c r="A53448" s="13" t="s">
        <v>296</v>
      </c>
      <c r="B53448" s="14" t="s">
        <v>1</v>
      </c>
      <c r="C53448" s="14" t="s">
        <v>51</v>
      </c>
      <c r="D53448" s="14" t="s">
        <v>297</v>
      </c>
      <c r="E53448" s="15">
        <v>45534</v>
      </c>
      <c r="F53448" s="14" t="s">
        <v>25</v>
      </c>
      <c r="G53448" s="16">
        <v>0</v>
      </c>
    </row>
    <row r="53449" spans="1:7" x14ac:dyDescent="0.3">
      <c r="A53449" s="13" t="s">
        <v>296</v>
      </c>
      <c r="B53449" s="14" t="s">
        <v>1</v>
      </c>
      <c r="C53449" s="14" t="s">
        <v>51</v>
      </c>
      <c r="D53449" s="14" t="s">
        <v>297</v>
      </c>
      <c r="E53449" s="15">
        <v>45535</v>
      </c>
      <c r="F53449" s="14" t="s">
        <v>25</v>
      </c>
      <c r="G53449" s="16">
        <v>0</v>
      </c>
    </row>
    <row r="53450" spans="1:7" x14ac:dyDescent="0.3">
      <c r="A53450" s="13" t="s">
        <v>296</v>
      </c>
      <c r="B53450" s="14" t="s">
        <v>1</v>
      </c>
      <c r="C53450" s="14" t="s">
        <v>51</v>
      </c>
      <c r="D53450" s="14" t="s">
        <v>297</v>
      </c>
      <c r="E53450" s="15">
        <v>45536</v>
      </c>
      <c r="F53450" s="14" t="s">
        <v>25</v>
      </c>
      <c r="G53450" s="16">
        <v>0</v>
      </c>
    </row>
    <row r="53451" spans="1:7" x14ac:dyDescent="0.3">
      <c r="A53451" s="13" t="s">
        <v>296</v>
      </c>
      <c r="B53451" s="14" t="s">
        <v>1</v>
      </c>
      <c r="C53451" s="14" t="s">
        <v>51</v>
      </c>
      <c r="D53451" s="14" t="s">
        <v>297</v>
      </c>
      <c r="E53451" s="15">
        <v>45537</v>
      </c>
      <c r="F53451" s="14" t="s">
        <v>25</v>
      </c>
      <c r="G53451" s="16">
        <v>0</v>
      </c>
    </row>
    <row r="53452" spans="1:7" x14ac:dyDescent="0.3">
      <c r="A53452" s="13" t="s">
        <v>296</v>
      </c>
      <c r="B53452" s="14" t="s">
        <v>1</v>
      </c>
      <c r="C53452" s="14" t="s">
        <v>51</v>
      </c>
      <c r="D53452" s="14" t="s">
        <v>297</v>
      </c>
      <c r="E53452" s="15">
        <v>45538</v>
      </c>
      <c r="F53452" s="14" t="s">
        <v>25</v>
      </c>
      <c r="G53452" s="16">
        <v>0</v>
      </c>
    </row>
    <row r="53453" spans="1:7" x14ac:dyDescent="0.3">
      <c r="A53453" s="13" t="s">
        <v>296</v>
      </c>
      <c r="B53453" s="14" t="s">
        <v>1</v>
      </c>
      <c r="C53453" s="14" t="s">
        <v>51</v>
      </c>
      <c r="D53453" s="14" t="s">
        <v>297</v>
      </c>
      <c r="E53453" s="15">
        <v>45539</v>
      </c>
      <c r="F53453" s="14" t="s">
        <v>25</v>
      </c>
      <c r="G53453" s="16">
        <v>0</v>
      </c>
    </row>
    <row r="53454" spans="1:7" x14ac:dyDescent="0.3">
      <c r="A53454" s="13" t="s">
        <v>296</v>
      </c>
      <c r="B53454" s="14" t="s">
        <v>1</v>
      </c>
      <c r="C53454" s="14" t="s">
        <v>51</v>
      </c>
      <c r="D53454" s="14" t="s">
        <v>297</v>
      </c>
      <c r="E53454" s="15">
        <v>45540</v>
      </c>
      <c r="F53454" s="14" t="s">
        <v>25</v>
      </c>
      <c r="G53454" s="16">
        <v>0</v>
      </c>
    </row>
    <row r="53455" spans="1:7" x14ac:dyDescent="0.3">
      <c r="A53455" s="13" t="s">
        <v>296</v>
      </c>
      <c r="B53455" s="14" t="s">
        <v>1</v>
      </c>
      <c r="C53455" s="14" t="s">
        <v>51</v>
      </c>
      <c r="D53455" s="14" t="s">
        <v>297</v>
      </c>
      <c r="E53455" s="15">
        <v>45541</v>
      </c>
      <c r="F53455" s="14" t="s">
        <v>25</v>
      </c>
      <c r="G53455" s="16">
        <v>0</v>
      </c>
    </row>
    <row r="53456" spans="1:7" x14ac:dyDescent="0.3">
      <c r="A53456" s="13" t="s">
        <v>296</v>
      </c>
      <c r="B53456" s="14" t="s">
        <v>1</v>
      </c>
      <c r="C53456" s="14" t="s">
        <v>51</v>
      </c>
      <c r="D53456" s="14" t="s">
        <v>297</v>
      </c>
      <c r="E53456" s="15">
        <v>45542</v>
      </c>
      <c r="F53456" s="14" t="s">
        <v>25</v>
      </c>
      <c r="G53456" s="16">
        <v>0</v>
      </c>
    </row>
    <row r="53457" spans="1:7" x14ac:dyDescent="0.3">
      <c r="A53457" s="13" t="s">
        <v>296</v>
      </c>
      <c r="B53457" s="14" t="s">
        <v>1</v>
      </c>
      <c r="C53457" s="14" t="s">
        <v>51</v>
      </c>
      <c r="D53457" s="14" t="s">
        <v>297</v>
      </c>
      <c r="E53457" s="15">
        <v>45543</v>
      </c>
      <c r="F53457" s="14" t="s">
        <v>25</v>
      </c>
      <c r="G53457" s="16">
        <v>0</v>
      </c>
    </row>
    <row r="53458" spans="1:7" x14ac:dyDescent="0.3">
      <c r="A53458" s="13" t="s">
        <v>296</v>
      </c>
      <c r="B53458" s="14" t="s">
        <v>1</v>
      </c>
      <c r="C53458" s="14" t="s">
        <v>51</v>
      </c>
      <c r="D53458" s="14" t="s">
        <v>297</v>
      </c>
      <c r="E53458" s="15">
        <v>45544</v>
      </c>
      <c r="F53458" s="14" t="s">
        <v>25</v>
      </c>
      <c r="G53458" s="16">
        <v>0</v>
      </c>
    </row>
    <row r="53459" spans="1:7" x14ac:dyDescent="0.3">
      <c r="A53459" s="13" t="s">
        <v>296</v>
      </c>
      <c r="B53459" s="14" t="s">
        <v>1</v>
      </c>
      <c r="C53459" s="14" t="s">
        <v>51</v>
      </c>
      <c r="D53459" s="14" t="s">
        <v>297</v>
      </c>
      <c r="E53459" s="15">
        <v>45545</v>
      </c>
      <c r="F53459" s="14" t="s">
        <v>25</v>
      </c>
      <c r="G53459" s="16">
        <v>0</v>
      </c>
    </row>
    <row r="53460" spans="1:7" x14ac:dyDescent="0.3">
      <c r="A53460" s="13" t="s">
        <v>296</v>
      </c>
      <c r="B53460" s="14" t="s">
        <v>1</v>
      </c>
      <c r="C53460" s="14" t="s">
        <v>51</v>
      </c>
      <c r="D53460" s="14" t="s">
        <v>297</v>
      </c>
      <c r="E53460" s="15">
        <v>45546</v>
      </c>
      <c r="F53460" s="14" t="s">
        <v>25</v>
      </c>
      <c r="G53460" s="16">
        <v>0</v>
      </c>
    </row>
    <row r="53461" spans="1:7" x14ac:dyDescent="0.3">
      <c r="A53461" s="13" t="s">
        <v>296</v>
      </c>
      <c r="B53461" s="14" t="s">
        <v>1</v>
      </c>
      <c r="C53461" s="14" t="s">
        <v>51</v>
      </c>
      <c r="D53461" s="14" t="s">
        <v>297</v>
      </c>
      <c r="E53461" s="15">
        <v>45547</v>
      </c>
      <c r="F53461" s="14" t="s">
        <v>25</v>
      </c>
      <c r="G53461" s="16">
        <v>0</v>
      </c>
    </row>
    <row r="53462" spans="1:7" x14ac:dyDescent="0.3">
      <c r="A53462" s="13" t="s">
        <v>296</v>
      </c>
      <c r="B53462" s="14" t="s">
        <v>1</v>
      </c>
      <c r="C53462" s="14" t="s">
        <v>51</v>
      </c>
      <c r="D53462" s="14" t="s">
        <v>297</v>
      </c>
      <c r="E53462" s="15">
        <v>45548</v>
      </c>
      <c r="F53462" s="14" t="s">
        <v>25</v>
      </c>
      <c r="G53462" s="16">
        <v>0</v>
      </c>
    </row>
    <row r="53463" spans="1:7" x14ac:dyDescent="0.3">
      <c r="A53463" s="13" t="s">
        <v>296</v>
      </c>
      <c r="B53463" s="14" t="s">
        <v>1</v>
      </c>
      <c r="C53463" s="14" t="s">
        <v>51</v>
      </c>
      <c r="D53463" s="14" t="s">
        <v>297</v>
      </c>
      <c r="E53463" s="15">
        <v>45549</v>
      </c>
      <c r="F53463" s="14" t="s">
        <v>25</v>
      </c>
      <c r="G53463" s="16">
        <v>0</v>
      </c>
    </row>
    <row r="53464" spans="1:7" x14ac:dyDescent="0.3">
      <c r="A53464" s="13" t="s">
        <v>296</v>
      </c>
      <c r="B53464" s="14" t="s">
        <v>1</v>
      </c>
      <c r="C53464" s="14" t="s">
        <v>51</v>
      </c>
      <c r="D53464" s="14" t="s">
        <v>297</v>
      </c>
      <c r="E53464" s="15">
        <v>45550</v>
      </c>
      <c r="F53464" s="14" t="s">
        <v>25</v>
      </c>
      <c r="G53464" s="16">
        <v>0</v>
      </c>
    </row>
    <row r="53465" spans="1:7" x14ac:dyDescent="0.3">
      <c r="A53465" s="13" t="s">
        <v>296</v>
      </c>
      <c r="B53465" s="14" t="s">
        <v>1</v>
      </c>
      <c r="C53465" s="14" t="s">
        <v>51</v>
      </c>
      <c r="D53465" s="14" t="s">
        <v>297</v>
      </c>
      <c r="E53465" s="15">
        <v>45551</v>
      </c>
      <c r="F53465" s="14" t="s">
        <v>25</v>
      </c>
      <c r="G53465" s="16">
        <v>0</v>
      </c>
    </row>
    <row r="53466" spans="1:7" x14ac:dyDescent="0.3">
      <c r="A53466" s="13" t="s">
        <v>296</v>
      </c>
      <c r="B53466" s="14" t="s">
        <v>1</v>
      </c>
      <c r="C53466" s="14" t="s">
        <v>51</v>
      </c>
      <c r="D53466" s="14" t="s">
        <v>297</v>
      </c>
      <c r="E53466" s="15">
        <v>45552</v>
      </c>
      <c r="F53466" s="14" t="s">
        <v>25</v>
      </c>
      <c r="G53466" s="16">
        <v>0</v>
      </c>
    </row>
    <row r="53467" spans="1:7" x14ac:dyDescent="0.3">
      <c r="A53467" s="13" t="s">
        <v>296</v>
      </c>
      <c r="B53467" s="14" t="s">
        <v>1</v>
      </c>
      <c r="C53467" s="14" t="s">
        <v>51</v>
      </c>
      <c r="D53467" s="14" t="s">
        <v>297</v>
      </c>
      <c r="E53467" s="15">
        <v>45553</v>
      </c>
      <c r="F53467" s="14" t="s">
        <v>25</v>
      </c>
      <c r="G53467" s="16">
        <v>0</v>
      </c>
    </row>
    <row r="53468" spans="1:7" x14ac:dyDescent="0.3">
      <c r="A53468" s="13" t="s">
        <v>296</v>
      </c>
      <c r="B53468" s="14" t="s">
        <v>1</v>
      </c>
      <c r="C53468" s="14" t="s">
        <v>51</v>
      </c>
      <c r="D53468" s="14" t="s">
        <v>297</v>
      </c>
      <c r="E53468" s="15">
        <v>45554</v>
      </c>
      <c r="F53468" s="14" t="s">
        <v>25</v>
      </c>
      <c r="G53468" s="16">
        <v>0</v>
      </c>
    </row>
    <row r="53469" spans="1:7" x14ac:dyDescent="0.3">
      <c r="A53469" s="13" t="s">
        <v>296</v>
      </c>
      <c r="B53469" s="14" t="s">
        <v>1</v>
      </c>
      <c r="C53469" s="14" t="s">
        <v>51</v>
      </c>
      <c r="D53469" s="14" t="s">
        <v>297</v>
      </c>
      <c r="E53469" s="15">
        <v>45555</v>
      </c>
      <c r="F53469" s="14" t="s">
        <v>25</v>
      </c>
      <c r="G53469" s="16">
        <v>0</v>
      </c>
    </row>
    <row r="53470" spans="1:7" x14ac:dyDescent="0.3">
      <c r="A53470" s="13" t="s">
        <v>296</v>
      </c>
      <c r="B53470" s="14" t="s">
        <v>1</v>
      </c>
      <c r="C53470" s="14" t="s">
        <v>51</v>
      </c>
      <c r="D53470" s="14" t="s">
        <v>297</v>
      </c>
      <c r="E53470" s="15">
        <v>45556</v>
      </c>
      <c r="F53470" s="14" t="s">
        <v>25</v>
      </c>
      <c r="G53470" s="16">
        <v>0</v>
      </c>
    </row>
    <row r="53471" spans="1:7" x14ac:dyDescent="0.3">
      <c r="A53471" s="13" t="s">
        <v>296</v>
      </c>
      <c r="B53471" s="14" t="s">
        <v>1</v>
      </c>
      <c r="C53471" s="14" t="s">
        <v>51</v>
      </c>
      <c r="D53471" s="14" t="s">
        <v>297</v>
      </c>
      <c r="E53471" s="15">
        <v>45557</v>
      </c>
      <c r="F53471" s="14" t="s">
        <v>25</v>
      </c>
      <c r="G53471" s="16">
        <v>0</v>
      </c>
    </row>
    <row r="53472" spans="1:7" x14ac:dyDescent="0.3">
      <c r="A53472" s="13" t="s">
        <v>296</v>
      </c>
      <c r="B53472" s="14" t="s">
        <v>1</v>
      </c>
      <c r="C53472" s="14" t="s">
        <v>51</v>
      </c>
      <c r="D53472" s="14" t="s">
        <v>297</v>
      </c>
      <c r="E53472" s="15">
        <v>45558</v>
      </c>
      <c r="F53472" s="14" t="s">
        <v>25</v>
      </c>
      <c r="G53472" s="16">
        <v>0</v>
      </c>
    </row>
    <row r="53473" spans="1:7" x14ac:dyDescent="0.3">
      <c r="A53473" s="13" t="s">
        <v>296</v>
      </c>
      <c r="B53473" s="14" t="s">
        <v>1</v>
      </c>
      <c r="C53473" s="14" t="s">
        <v>51</v>
      </c>
      <c r="D53473" s="14" t="s">
        <v>297</v>
      </c>
      <c r="E53473" s="15">
        <v>45559</v>
      </c>
      <c r="F53473" s="14" t="s">
        <v>25</v>
      </c>
      <c r="G53473" s="16">
        <v>0</v>
      </c>
    </row>
    <row r="53474" spans="1:7" x14ac:dyDescent="0.3">
      <c r="A53474" s="13" t="s">
        <v>296</v>
      </c>
      <c r="B53474" s="14" t="s">
        <v>1</v>
      </c>
      <c r="C53474" s="14" t="s">
        <v>51</v>
      </c>
      <c r="D53474" s="14" t="s">
        <v>297</v>
      </c>
      <c r="E53474" s="15">
        <v>45560</v>
      </c>
      <c r="F53474" s="14" t="s">
        <v>25</v>
      </c>
      <c r="G53474" s="16">
        <v>0</v>
      </c>
    </row>
    <row r="53475" spans="1:7" x14ac:dyDescent="0.3">
      <c r="A53475" s="13" t="s">
        <v>296</v>
      </c>
      <c r="B53475" s="14" t="s">
        <v>1</v>
      </c>
      <c r="C53475" s="14" t="s">
        <v>51</v>
      </c>
      <c r="D53475" s="14" t="s">
        <v>297</v>
      </c>
      <c r="E53475" s="15">
        <v>45561</v>
      </c>
      <c r="F53475" s="14" t="s">
        <v>25</v>
      </c>
      <c r="G53475" s="16">
        <v>0</v>
      </c>
    </row>
    <row r="53476" spans="1:7" x14ac:dyDescent="0.3">
      <c r="A53476" s="13" t="s">
        <v>296</v>
      </c>
      <c r="B53476" s="14" t="s">
        <v>1</v>
      </c>
      <c r="C53476" s="14" t="s">
        <v>51</v>
      </c>
      <c r="D53476" s="14" t="s">
        <v>297</v>
      </c>
      <c r="E53476" s="15">
        <v>45562</v>
      </c>
      <c r="F53476" s="14" t="s">
        <v>25</v>
      </c>
      <c r="G53476" s="16">
        <v>0</v>
      </c>
    </row>
    <row r="53477" spans="1:7" x14ac:dyDescent="0.3">
      <c r="A53477" s="13" t="s">
        <v>296</v>
      </c>
      <c r="B53477" s="14" t="s">
        <v>1</v>
      </c>
      <c r="C53477" s="14" t="s">
        <v>51</v>
      </c>
      <c r="D53477" s="14" t="s">
        <v>297</v>
      </c>
      <c r="E53477" s="15">
        <v>45563</v>
      </c>
      <c r="F53477" s="14" t="s">
        <v>25</v>
      </c>
      <c r="G53477" s="16">
        <v>0</v>
      </c>
    </row>
    <row r="53478" spans="1:7" x14ac:dyDescent="0.3">
      <c r="A53478" s="13" t="s">
        <v>296</v>
      </c>
      <c r="B53478" s="14" t="s">
        <v>1</v>
      </c>
      <c r="C53478" s="14" t="s">
        <v>51</v>
      </c>
      <c r="D53478" s="14" t="s">
        <v>297</v>
      </c>
      <c r="E53478" s="15">
        <v>45564</v>
      </c>
      <c r="F53478" s="14" t="s">
        <v>25</v>
      </c>
      <c r="G53478" s="16">
        <v>0</v>
      </c>
    </row>
    <row r="53479" spans="1:7" x14ac:dyDescent="0.3">
      <c r="A53479" s="13" t="s">
        <v>296</v>
      </c>
      <c r="B53479" s="14" t="s">
        <v>1</v>
      </c>
      <c r="C53479" s="14" t="s">
        <v>51</v>
      </c>
      <c r="D53479" s="14" t="s">
        <v>297</v>
      </c>
      <c r="E53479" s="15">
        <v>45565</v>
      </c>
      <c r="F53479" s="14" t="s">
        <v>25</v>
      </c>
      <c r="G53479" s="16">
        <v>0</v>
      </c>
    </row>
    <row r="53480" spans="1:7" x14ac:dyDescent="0.3">
      <c r="A53480" s="13" t="s">
        <v>296</v>
      </c>
      <c r="B53480" s="14" t="s">
        <v>1</v>
      </c>
      <c r="C53480" s="14" t="s">
        <v>51</v>
      </c>
      <c r="D53480" s="14" t="s">
        <v>297</v>
      </c>
      <c r="E53480" s="15">
        <v>45566</v>
      </c>
      <c r="F53480" s="14" t="s">
        <v>25</v>
      </c>
      <c r="G53480" s="16">
        <v>0</v>
      </c>
    </row>
    <row r="53481" spans="1:7" x14ac:dyDescent="0.3">
      <c r="A53481" s="13" t="s">
        <v>296</v>
      </c>
      <c r="B53481" s="14" t="s">
        <v>1</v>
      </c>
      <c r="C53481" s="14" t="s">
        <v>51</v>
      </c>
      <c r="D53481" s="14" t="s">
        <v>297</v>
      </c>
      <c r="E53481" s="15">
        <v>45567</v>
      </c>
      <c r="F53481" s="14" t="s">
        <v>25</v>
      </c>
      <c r="G53481" s="16">
        <v>0</v>
      </c>
    </row>
    <row r="53482" spans="1:7" x14ac:dyDescent="0.3">
      <c r="A53482" s="13" t="s">
        <v>296</v>
      </c>
      <c r="B53482" s="14" t="s">
        <v>1</v>
      </c>
      <c r="C53482" s="14" t="s">
        <v>51</v>
      </c>
      <c r="D53482" s="14" t="s">
        <v>297</v>
      </c>
      <c r="E53482" s="15">
        <v>45568</v>
      </c>
      <c r="F53482" s="14" t="s">
        <v>25</v>
      </c>
      <c r="G53482" s="16">
        <v>0</v>
      </c>
    </row>
    <row r="53483" spans="1:7" x14ac:dyDescent="0.3">
      <c r="A53483" s="13" t="s">
        <v>296</v>
      </c>
      <c r="B53483" s="14" t="s">
        <v>1</v>
      </c>
      <c r="C53483" s="14" t="s">
        <v>51</v>
      </c>
      <c r="D53483" s="14" t="s">
        <v>297</v>
      </c>
      <c r="E53483" s="15">
        <v>45569</v>
      </c>
      <c r="F53483" s="14" t="s">
        <v>25</v>
      </c>
      <c r="G53483" s="16">
        <v>0</v>
      </c>
    </row>
    <row r="53484" spans="1:7" x14ac:dyDescent="0.3">
      <c r="A53484" s="13" t="s">
        <v>296</v>
      </c>
      <c r="B53484" s="14" t="s">
        <v>1</v>
      </c>
      <c r="C53484" s="14" t="s">
        <v>51</v>
      </c>
      <c r="D53484" s="14" t="s">
        <v>297</v>
      </c>
      <c r="E53484" s="15">
        <v>45570</v>
      </c>
      <c r="F53484" s="14" t="s">
        <v>25</v>
      </c>
      <c r="G53484" s="16">
        <v>0</v>
      </c>
    </row>
    <row r="53485" spans="1:7" x14ac:dyDescent="0.3">
      <c r="A53485" s="13" t="s">
        <v>296</v>
      </c>
      <c r="B53485" s="14" t="s">
        <v>1</v>
      </c>
      <c r="C53485" s="14" t="s">
        <v>51</v>
      </c>
      <c r="D53485" s="14" t="s">
        <v>297</v>
      </c>
      <c r="E53485" s="15">
        <v>45571</v>
      </c>
      <c r="F53485" s="14" t="s">
        <v>25</v>
      </c>
      <c r="G53485" s="16">
        <v>0</v>
      </c>
    </row>
    <row r="53486" spans="1:7" x14ac:dyDescent="0.3">
      <c r="A53486" s="13" t="s">
        <v>296</v>
      </c>
      <c r="B53486" s="14" t="s">
        <v>1</v>
      </c>
      <c r="C53486" s="14" t="s">
        <v>51</v>
      </c>
      <c r="D53486" s="14" t="s">
        <v>297</v>
      </c>
      <c r="E53486" s="15">
        <v>45572</v>
      </c>
      <c r="F53486" s="14" t="s">
        <v>25</v>
      </c>
      <c r="G53486" s="16">
        <v>0</v>
      </c>
    </row>
    <row r="53487" spans="1:7" x14ac:dyDescent="0.3">
      <c r="A53487" s="13" t="s">
        <v>296</v>
      </c>
      <c r="B53487" s="14" t="s">
        <v>1</v>
      </c>
      <c r="C53487" s="14" t="s">
        <v>51</v>
      </c>
      <c r="D53487" s="14" t="s">
        <v>297</v>
      </c>
      <c r="E53487" s="15">
        <v>45573</v>
      </c>
      <c r="F53487" s="14" t="s">
        <v>25</v>
      </c>
      <c r="G53487" s="16">
        <v>0</v>
      </c>
    </row>
    <row r="53488" spans="1:7" x14ac:dyDescent="0.3">
      <c r="A53488" s="13" t="s">
        <v>296</v>
      </c>
      <c r="B53488" s="14" t="s">
        <v>1</v>
      </c>
      <c r="C53488" s="14" t="s">
        <v>51</v>
      </c>
      <c r="D53488" s="14" t="s">
        <v>297</v>
      </c>
      <c r="E53488" s="15">
        <v>45574</v>
      </c>
      <c r="F53488" s="14" t="s">
        <v>25</v>
      </c>
      <c r="G53488" s="16">
        <v>0</v>
      </c>
    </row>
    <row r="53489" spans="1:7" x14ac:dyDescent="0.3">
      <c r="A53489" s="13" t="s">
        <v>296</v>
      </c>
      <c r="B53489" s="14" t="s">
        <v>1</v>
      </c>
      <c r="C53489" s="14" t="s">
        <v>51</v>
      </c>
      <c r="D53489" s="14" t="s">
        <v>297</v>
      </c>
      <c r="E53489" s="15">
        <v>45575</v>
      </c>
      <c r="F53489" s="14" t="s">
        <v>25</v>
      </c>
      <c r="G53489" s="16">
        <v>0</v>
      </c>
    </row>
    <row r="53490" spans="1:7" x14ac:dyDescent="0.3">
      <c r="A53490" s="13" t="s">
        <v>296</v>
      </c>
      <c r="B53490" s="14" t="s">
        <v>1</v>
      </c>
      <c r="C53490" s="14" t="s">
        <v>51</v>
      </c>
      <c r="D53490" s="14" t="s">
        <v>297</v>
      </c>
      <c r="E53490" s="15">
        <v>45576</v>
      </c>
      <c r="F53490" s="14" t="s">
        <v>25</v>
      </c>
      <c r="G53490" s="16">
        <v>0</v>
      </c>
    </row>
    <row r="53491" spans="1:7" x14ac:dyDescent="0.3">
      <c r="A53491" s="13" t="s">
        <v>296</v>
      </c>
      <c r="B53491" s="14" t="s">
        <v>1</v>
      </c>
      <c r="C53491" s="14" t="s">
        <v>51</v>
      </c>
      <c r="D53491" s="14" t="s">
        <v>297</v>
      </c>
      <c r="E53491" s="15">
        <v>45577</v>
      </c>
      <c r="F53491" s="14" t="s">
        <v>25</v>
      </c>
      <c r="G53491" s="16">
        <v>0</v>
      </c>
    </row>
    <row r="53492" spans="1:7" x14ac:dyDescent="0.3">
      <c r="A53492" s="13" t="s">
        <v>296</v>
      </c>
      <c r="B53492" s="14" t="s">
        <v>1</v>
      </c>
      <c r="C53492" s="14" t="s">
        <v>51</v>
      </c>
      <c r="D53492" s="14" t="s">
        <v>297</v>
      </c>
      <c r="E53492" s="15">
        <v>45578</v>
      </c>
      <c r="F53492" s="14" t="s">
        <v>25</v>
      </c>
      <c r="G53492" s="16">
        <v>0</v>
      </c>
    </row>
    <row r="53493" spans="1:7" x14ac:dyDescent="0.3">
      <c r="A53493" s="13" t="s">
        <v>296</v>
      </c>
      <c r="B53493" s="14" t="s">
        <v>1</v>
      </c>
      <c r="C53493" s="14" t="s">
        <v>51</v>
      </c>
      <c r="D53493" s="14" t="s">
        <v>297</v>
      </c>
      <c r="E53493" s="15">
        <v>45579</v>
      </c>
      <c r="F53493" s="14" t="s">
        <v>25</v>
      </c>
      <c r="G53493" s="16">
        <v>0</v>
      </c>
    </row>
    <row r="53494" spans="1:7" x14ac:dyDescent="0.3">
      <c r="A53494" s="13" t="s">
        <v>296</v>
      </c>
      <c r="B53494" s="14" t="s">
        <v>1</v>
      </c>
      <c r="C53494" s="14" t="s">
        <v>51</v>
      </c>
      <c r="D53494" s="14" t="s">
        <v>297</v>
      </c>
      <c r="E53494" s="15">
        <v>45580</v>
      </c>
      <c r="F53494" s="14" t="s">
        <v>25</v>
      </c>
      <c r="G53494" s="16">
        <v>0</v>
      </c>
    </row>
    <row r="53495" spans="1:7" x14ac:dyDescent="0.3">
      <c r="A53495" s="13" t="s">
        <v>296</v>
      </c>
      <c r="B53495" s="14" t="s">
        <v>1</v>
      </c>
      <c r="C53495" s="14" t="s">
        <v>51</v>
      </c>
      <c r="D53495" s="14" t="s">
        <v>297</v>
      </c>
      <c r="E53495" s="15">
        <v>45581</v>
      </c>
      <c r="F53495" s="14" t="s">
        <v>25</v>
      </c>
      <c r="G53495" s="16">
        <v>0</v>
      </c>
    </row>
    <row r="53496" spans="1:7" x14ac:dyDescent="0.3">
      <c r="A53496" s="13" t="s">
        <v>296</v>
      </c>
      <c r="B53496" s="14" t="s">
        <v>1</v>
      </c>
      <c r="C53496" s="14" t="s">
        <v>51</v>
      </c>
      <c r="D53496" s="14" t="s">
        <v>297</v>
      </c>
      <c r="E53496" s="15">
        <v>45582</v>
      </c>
      <c r="F53496" s="14" t="s">
        <v>25</v>
      </c>
      <c r="G53496" s="16">
        <v>0</v>
      </c>
    </row>
    <row r="53497" spans="1:7" x14ac:dyDescent="0.3">
      <c r="A53497" s="13" t="s">
        <v>296</v>
      </c>
      <c r="B53497" s="14" t="s">
        <v>1</v>
      </c>
      <c r="C53497" s="14" t="s">
        <v>51</v>
      </c>
      <c r="D53497" s="14" t="s">
        <v>297</v>
      </c>
      <c r="E53497" s="15">
        <v>45583</v>
      </c>
      <c r="F53497" s="14" t="s">
        <v>25</v>
      </c>
      <c r="G53497" s="16">
        <v>0</v>
      </c>
    </row>
    <row r="53498" spans="1:7" x14ac:dyDescent="0.3">
      <c r="A53498" s="13" t="s">
        <v>296</v>
      </c>
      <c r="B53498" s="14" t="s">
        <v>1</v>
      </c>
      <c r="C53498" s="14" t="s">
        <v>51</v>
      </c>
      <c r="D53498" s="14" t="s">
        <v>297</v>
      </c>
      <c r="E53498" s="15">
        <v>45584</v>
      </c>
      <c r="F53498" s="14" t="s">
        <v>25</v>
      </c>
      <c r="G53498" s="16">
        <v>0</v>
      </c>
    </row>
    <row r="53499" spans="1:7" x14ac:dyDescent="0.3">
      <c r="A53499" s="13" t="s">
        <v>296</v>
      </c>
      <c r="B53499" s="14" t="s">
        <v>1</v>
      </c>
      <c r="C53499" s="14" t="s">
        <v>51</v>
      </c>
      <c r="D53499" s="14" t="s">
        <v>297</v>
      </c>
      <c r="E53499" s="15">
        <v>45585</v>
      </c>
      <c r="F53499" s="14" t="s">
        <v>25</v>
      </c>
      <c r="G53499" s="16">
        <v>0</v>
      </c>
    </row>
    <row r="53500" spans="1:7" x14ac:dyDescent="0.3">
      <c r="A53500" s="13" t="s">
        <v>296</v>
      </c>
      <c r="B53500" s="14" t="s">
        <v>1</v>
      </c>
      <c r="C53500" s="14" t="s">
        <v>51</v>
      </c>
      <c r="D53500" s="14" t="s">
        <v>297</v>
      </c>
      <c r="E53500" s="15">
        <v>45586</v>
      </c>
      <c r="F53500" s="14" t="s">
        <v>25</v>
      </c>
      <c r="G53500" s="16">
        <v>0</v>
      </c>
    </row>
    <row r="53501" spans="1:7" x14ac:dyDescent="0.3">
      <c r="A53501" s="13" t="s">
        <v>296</v>
      </c>
      <c r="B53501" s="14" t="s">
        <v>1</v>
      </c>
      <c r="C53501" s="14" t="s">
        <v>51</v>
      </c>
      <c r="D53501" s="14" t="s">
        <v>297</v>
      </c>
      <c r="E53501" s="15">
        <v>45587</v>
      </c>
      <c r="F53501" s="14" t="s">
        <v>25</v>
      </c>
      <c r="G53501" s="16">
        <v>0</v>
      </c>
    </row>
    <row r="53502" spans="1:7" x14ac:dyDescent="0.3">
      <c r="A53502" s="13" t="s">
        <v>296</v>
      </c>
      <c r="B53502" s="14" t="s">
        <v>1</v>
      </c>
      <c r="C53502" s="14" t="s">
        <v>51</v>
      </c>
      <c r="D53502" s="14" t="s">
        <v>297</v>
      </c>
      <c r="E53502" s="15">
        <v>45588</v>
      </c>
      <c r="F53502" s="14" t="s">
        <v>25</v>
      </c>
      <c r="G53502" s="16">
        <v>0</v>
      </c>
    </row>
    <row r="53503" spans="1:7" x14ac:dyDescent="0.3">
      <c r="A53503" s="13" t="s">
        <v>296</v>
      </c>
      <c r="B53503" s="14" t="s">
        <v>1</v>
      </c>
      <c r="C53503" s="14" t="s">
        <v>51</v>
      </c>
      <c r="D53503" s="14" t="s">
        <v>297</v>
      </c>
      <c r="E53503" s="15">
        <v>45589</v>
      </c>
      <c r="F53503" s="14" t="s">
        <v>25</v>
      </c>
      <c r="G53503" s="16">
        <v>0</v>
      </c>
    </row>
    <row r="53504" spans="1:7" x14ac:dyDescent="0.3">
      <c r="A53504" s="13" t="s">
        <v>296</v>
      </c>
      <c r="B53504" s="14" t="s">
        <v>1</v>
      </c>
      <c r="C53504" s="14" t="s">
        <v>51</v>
      </c>
      <c r="D53504" s="14" t="s">
        <v>297</v>
      </c>
      <c r="E53504" s="15">
        <v>45590</v>
      </c>
      <c r="F53504" s="14" t="s">
        <v>25</v>
      </c>
      <c r="G53504" s="16">
        <v>0</v>
      </c>
    </row>
    <row r="53505" spans="1:7" x14ac:dyDescent="0.3">
      <c r="A53505" s="13" t="s">
        <v>296</v>
      </c>
      <c r="B53505" s="14" t="s">
        <v>1</v>
      </c>
      <c r="C53505" s="14" t="s">
        <v>51</v>
      </c>
      <c r="D53505" s="14" t="s">
        <v>297</v>
      </c>
      <c r="E53505" s="15">
        <v>45591</v>
      </c>
      <c r="F53505" s="14" t="s">
        <v>25</v>
      </c>
      <c r="G53505" s="16">
        <v>0</v>
      </c>
    </row>
    <row r="53506" spans="1:7" x14ac:dyDescent="0.3">
      <c r="A53506" s="13" t="s">
        <v>296</v>
      </c>
      <c r="B53506" s="14" t="s">
        <v>1</v>
      </c>
      <c r="C53506" s="14" t="s">
        <v>51</v>
      </c>
      <c r="D53506" s="14" t="s">
        <v>297</v>
      </c>
      <c r="E53506" s="15">
        <v>45592</v>
      </c>
      <c r="F53506" s="14" t="s">
        <v>25</v>
      </c>
      <c r="G53506" s="16">
        <v>0</v>
      </c>
    </row>
    <row r="53507" spans="1:7" x14ac:dyDescent="0.3">
      <c r="A53507" s="13" t="s">
        <v>296</v>
      </c>
      <c r="B53507" s="14" t="s">
        <v>1</v>
      </c>
      <c r="C53507" s="14" t="s">
        <v>51</v>
      </c>
      <c r="D53507" s="14" t="s">
        <v>297</v>
      </c>
      <c r="E53507" s="15">
        <v>45593</v>
      </c>
      <c r="F53507" s="14" t="s">
        <v>25</v>
      </c>
      <c r="G53507" s="16">
        <v>0</v>
      </c>
    </row>
    <row r="53508" spans="1:7" x14ac:dyDescent="0.3">
      <c r="A53508" s="13" t="s">
        <v>296</v>
      </c>
      <c r="B53508" s="14" t="s">
        <v>1</v>
      </c>
      <c r="C53508" s="14" t="s">
        <v>51</v>
      </c>
      <c r="D53508" s="14" t="s">
        <v>297</v>
      </c>
      <c r="E53508" s="15">
        <v>45594</v>
      </c>
      <c r="F53508" s="14" t="s">
        <v>25</v>
      </c>
      <c r="G53508" s="16">
        <v>0</v>
      </c>
    </row>
    <row r="53509" spans="1:7" x14ac:dyDescent="0.3">
      <c r="A53509" s="13" t="s">
        <v>296</v>
      </c>
      <c r="B53509" s="14" t="s">
        <v>1</v>
      </c>
      <c r="C53509" s="14" t="s">
        <v>51</v>
      </c>
      <c r="D53509" s="14" t="s">
        <v>297</v>
      </c>
      <c r="E53509" s="15">
        <v>45595</v>
      </c>
      <c r="F53509" s="14" t="s">
        <v>25</v>
      </c>
      <c r="G53509" s="16">
        <v>0</v>
      </c>
    </row>
    <row r="53510" spans="1:7" x14ac:dyDescent="0.3">
      <c r="A53510" s="13" t="s">
        <v>296</v>
      </c>
      <c r="B53510" s="14" t="s">
        <v>1</v>
      </c>
      <c r="C53510" s="14" t="s">
        <v>51</v>
      </c>
      <c r="D53510" s="14" t="s">
        <v>297</v>
      </c>
      <c r="E53510" s="15">
        <v>45596</v>
      </c>
      <c r="F53510" s="14" t="s">
        <v>25</v>
      </c>
      <c r="G53510" s="16">
        <v>0</v>
      </c>
    </row>
    <row r="53511" spans="1:7" x14ac:dyDescent="0.3">
      <c r="A53511" s="13" t="s">
        <v>296</v>
      </c>
      <c r="B53511" s="14" t="s">
        <v>1</v>
      </c>
      <c r="C53511" s="14" t="s">
        <v>51</v>
      </c>
      <c r="D53511" s="14" t="s">
        <v>297</v>
      </c>
      <c r="E53511" s="15">
        <v>45597</v>
      </c>
      <c r="F53511" s="14" t="s">
        <v>25</v>
      </c>
      <c r="G53511" s="16">
        <v>0</v>
      </c>
    </row>
    <row r="53512" spans="1:7" x14ac:dyDescent="0.3">
      <c r="A53512" s="13" t="s">
        <v>296</v>
      </c>
      <c r="B53512" s="14" t="s">
        <v>1</v>
      </c>
      <c r="C53512" s="14" t="s">
        <v>51</v>
      </c>
      <c r="D53512" s="14" t="s">
        <v>297</v>
      </c>
      <c r="E53512" s="15">
        <v>45598</v>
      </c>
      <c r="F53512" s="14" t="s">
        <v>25</v>
      </c>
      <c r="G53512" s="16">
        <v>0</v>
      </c>
    </row>
    <row r="53513" spans="1:7" x14ac:dyDescent="0.3">
      <c r="A53513" s="13" t="s">
        <v>296</v>
      </c>
      <c r="B53513" s="14" t="s">
        <v>1</v>
      </c>
      <c r="C53513" s="14" t="s">
        <v>51</v>
      </c>
      <c r="D53513" s="14" t="s">
        <v>297</v>
      </c>
      <c r="E53513" s="15">
        <v>45599</v>
      </c>
      <c r="F53513" s="14" t="s">
        <v>25</v>
      </c>
      <c r="G53513" s="16">
        <v>0</v>
      </c>
    </row>
    <row r="53514" spans="1:7" x14ac:dyDescent="0.3">
      <c r="A53514" s="13" t="s">
        <v>296</v>
      </c>
      <c r="B53514" s="14" t="s">
        <v>1</v>
      </c>
      <c r="C53514" s="14" t="s">
        <v>51</v>
      </c>
      <c r="D53514" s="14" t="s">
        <v>297</v>
      </c>
      <c r="E53514" s="15">
        <v>45600</v>
      </c>
      <c r="F53514" s="14" t="s">
        <v>25</v>
      </c>
      <c r="G53514" s="16">
        <v>0</v>
      </c>
    </row>
    <row r="53515" spans="1:7" x14ac:dyDescent="0.3">
      <c r="A53515" s="13" t="s">
        <v>296</v>
      </c>
      <c r="B53515" s="14" t="s">
        <v>1</v>
      </c>
      <c r="C53515" s="14" t="s">
        <v>51</v>
      </c>
      <c r="D53515" s="14" t="s">
        <v>297</v>
      </c>
      <c r="E53515" s="15">
        <v>45601</v>
      </c>
      <c r="F53515" s="14" t="s">
        <v>25</v>
      </c>
      <c r="G53515" s="16">
        <v>0</v>
      </c>
    </row>
    <row r="53516" spans="1:7" x14ac:dyDescent="0.3">
      <c r="A53516" s="13" t="s">
        <v>296</v>
      </c>
      <c r="B53516" s="14" t="s">
        <v>1</v>
      </c>
      <c r="C53516" s="14" t="s">
        <v>51</v>
      </c>
      <c r="D53516" s="14" t="s">
        <v>297</v>
      </c>
      <c r="E53516" s="15">
        <v>45602</v>
      </c>
      <c r="F53516" s="14" t="s">
        <v>25</v>
      </c>
      <c r="G53516" s="16">
        <v>0</v>
      </c>
    </row>
    <row r="53517" spans="1:7" x14ac:dyDescent="0.3">
      <c r="A53517" s="13" t="s">
        <v>296</v>
      </c>
      <c r="B53517" s="14" t="s">
        <v>1</v>
      </c>
      <c r="C53517" s="14" t="s">
        <v>51</v>
      </c>
      <c r="D53517" s="14" t="s">
        <v>297</v>
      </c>
      <c r="E53517" s="15">
        <v>45603</v>
      </c>
      <c r="F53517" s="14" t="s">
        <v>25</v>
      </c>
      <c r="G53517" s="16">
        <v>0</v>
      </c>
    </row>
    <row r="53518" spans="1:7" x14ac:dyDescent="0.3">
      <c r="A53518" s="13" t="s">
        <v>296</v>
      </c>
      <c r="B53518" s="14" t="s">
        <v>1</v>
      </c>
      <c r="C53518" s="14" t="s">
        <v>51</v>
      </c>
      <c r="D53518" s="14" t="s">
        <v>297</v>
      </c>
      <c r="E53518" s="15">
        <v>45604</v>
      </c>
      <c r="F53518" s="14" t="s">
        <v>25</v>
      </c>
      <c r="G53518" s="16">
        <v>0</v>
      </c>
    </row>
    <row r="53519" spans="1:7" x14ac:dyDescent="0.3">
      <c r="A53519" s="13" t="s">
        <v>296</v>
      </c>
      <c r="B53519" s="14" t="s">
        <v>1</v>
      </c>
      <c r="C53519" s="14" t="s">
        <v>51</v>
      </c>
      <c r="D53519" s="14" t="s">
        <v>297</v>
      </c>
      <c r="E53519" s="15">
        <v>45605</v>
      </c>
      <c r="F53519" s="14" t="s">
        <v>25</v>
      </c>
      <c r="G53519" s="16">
        <v>0</v>
      </c>
    </row>
    <row r="53520" spans="1:7" x14ac:dyDescent="0.3">
      <c r="A53520" s="13" t="s">
        <v>296</v>
      </c>
      <c r="B53520" s="14" t="s">
        <v>1</v>
      </c>
      <c r="C53520" s="14" t="s">
        <v>51</v>
      </c>
      <c r="D53520" s="14" t="s">
        <v>297</v>
      </c>
      <c r="E53520" s="15">
        <v>45606</v>
      </c>
      <c r="F53520" s="14" t="s">
        <v>25</v>
      </c>
      <c r="G53520" s="16">
        <v>0</v>
      </c>
    </row>
    <row r="53521" spans="1:7" x14ac:dyDescent="0.3">
      <c r="A53521" s="13" t="s">
        <v>296</v>
      </c>
      <c r="B53521" s="14" t="s">
        <v>1</v>
      </c>
      <c r="C53521" s="14" t="s">
        <v>51</v>
      </c>
      <c r="D53521" s="14" t="s">
        <v>297</v>
      </c>
      <c r="E53521" s="15">
        <v>45607</v>
      </c>
      <c r="F53521" s="14" t="s">
        <v>25</v>
      </c>
      <c r="G53521" s="16">
        <v>0</v>
      </c>
    </row>
    <row r="53522" spans="1:7" x14ac:dyDescent="0.3">
      <c r="A53522" s="13" t="s">
        <v>296</v>
      </c>
      <c r="B53522" s="14" t="s">
        <v>1</v>
      </c>
      <c r="C53522" s="14" t="s">
        <v>51</v>
      </c>
      <c r="D53522" s="14" t="s">
        <v>297</v>
      </c>
      <c r="E53522" s="15">
        <v>45608</v>
      </c>
      <c r="F53522" s="14" t="s">
        <v>25</v>
      </c>
      <c r="G53522" s="16">
        <v>0</v>
      </c>
    </row>
    <row r="53523" spans="1:7" x14ac:dyDescent="0.3">
      <c r="A53523" s="13" t="s">
        <v>296</v>
      </c>
      <c r="B53523" s="14" t="s">
        <v>1</v>
      </c>
      <c r="C53523" s="14" t="s">
        <v>51</v>
      </c>
      <c r="D53523" s="14" t="s">
        <v>297</v>
      </c>
      <c r="E53523" s="15">
        <v>45609</v>
      </c>
      <c r="F53523" s="14" t="s">
        <v>25</v>
      </c>
      <c r="G53523" s="16">
        <v>0</v>
      </c>
    </row>
    <row r="53524" spans="1:7" x14ac:dyDescent="0.3">
      <c r="A53524" s="13" t="s">
        <v>296</v>
      </c>
      <c r="B53524" s="14" t="s">
        <v>1</v>
      </c>
      <c r="C53524" s="14" t="s">
        <v>51</v>
      </c>
      <c r="D53524" s="14" t="s">
        <v>297</v>
      </c>
      <c r="E53524" s="15">
        <v>45610</v>
      </c>
      <c r="F53524" s="14" t="s">
        <v>25</v>
      </c>
      <c r="G53524" s="16">
        <v>0</v>
      </c>
    </row>
    <row r="53525" spans="1:7" x14ac:dyDescent="0.3">
      <c r="A53525" s="13" t="s">
        <v>296</v>
      </c>
      <c r="B53525" s="14" t="s">
        <v>1</v>
      </c>
      <c r="C53525" s="14" t="s">
        <v>51</v>
      </c>
      <c r="D53525" s="14" t="s">
        <v>297</v>
      </c>
      <c r="E53525" s="15">
        <v>45611</v>
      </c>
      <c r="F53525" s="14" t="s">
        <v>25</v>
      </c>
      <c r="G53525" s="16">
        <v>0</v>
      </c>
    </row>
    <row r="53526" spans="1:7" x14ac:dyDescent="0.3">
      <c r="A53526" s="13" t="s">
        <v>296</v>
      </c>
      <c r="B53526" s="14" t="s">
        <v>1</v>
      </c>
      <c r="C53526" s="14" t="s">
        <v>51</v>
      </c>
      <c r="D53526" s="14" t="s">
        <v>297</v>
      </c>
      <c r="E53526" s="15">
        <v>45612</v>
      </c>
      <c r="F53526" s="14" t="s">
        <v>25</v>
      </c>
      <c r="G53526" s="16">
        <v>0</v>
      </c>
    </row>
    <row r="53527" spans="1:7" x14ac:dyDescent="0.3">
      <c r="A53527" s="13" t="s">
        <v>296</v>
      </c>
      <c r="B53527" s="14" t="s">
        <v>1</v>
      </c>
      <c r="C53527" s="14" t="s">
        <v>51</v>
      </c>
      <c r="D53527" s="14" t="s">
        <v>297</v>
      </c>
      <c r="E53527" s="15">
        <v>45613</v>
      </c>
      <c r="F53527" s="14" t="s">
        <v>25</v>
      </c>
      <c r="G53527" s="16">
        <v>0</v>
      </c>
    </row>
    <row r="53528" spans="1:7" x14ac:dyDescent="0.3">
      <c r="A53528" s="13" t="s">
        <v>296</v>
      </c>
      <c r="B53528" s="14" t="s">
        <v>1</v>
      </c>
      <c r="C53528" s="14" t="s">
        <v>51</v>
      </c>
      <c r="D53528" s="14" t="s">
        <v>297</v>
      </c>
      <c r="E53528" s="15">
        <v>45614</v>
      </c>
      <c r="F53528" s="14" t="s">
        <v>25</v>
      </c>
      <c r="G53528" s="16">
        <v>0</v>
      </c>
    </row>
    <row r="53529" spans="1:7" x14ac:dyDescent="0.3">
      <c r="A53529" s="13" t="s">
        <v>296</v>
      </c>
      <c r="B53529" s="14" t="s">
        <v>1</v>
      </c>
      <c r="C53529" s="14" t="s">
        <v>51</v>
      </c>
      <c r="D53529" s="14" t="s">
        <v>297</v>
      </c>
      <c r="E53529" s="15">
        <v>45615</v>
      </c>
      <c r="F53529" s="14" t="s">
        <v>25</v>
      </c>
      <c r="G53529" s="16">
        <v>0</v>
      </c>
    </row>
    <row r="53530" spans="1:7" x14ac:dyDescent="0.3">
      <c r="A53530" s="13" t="s">
        <v>296</v>
      </c>
      <c r="B53530" s="14" t="s">
        <v>1</v>
      </c>
      <c r="C53530" s="14" t="s">
        <v>51</v>
      </c>
      <c r="D53530" s="14" t="s">
        <v>297</v>
      </c>
      <c r="E53530" s="15">
        <v>45616</v>
      </c>
      <c r="F53530" s="14" t="s">
        <v>25</v>
      </c>
      <c r="G53530" s="16">
        <v>0</v>
      </c>
    </row>
    <row r="53531" spans="1:7" x14ac:dyDescent="0.3">
      <c r="A53531" s="13" t="s">
        <v>296</v>
      </c>
      <c r="B53531" s="14" t="s">
        <v>1</v>
      </c>
      <c r="C53531" s="14" t="s">
        <v>51</v>
      </c>
      <c r="D53531" s="14" t="s">
        <v>297</v>
      </c>
      <c r="E53531" s="15">
        <v>45617</v>
      </c>
      <c r="F53531" s="14" t="s">
        <v>25</v>
      </c>
      <c r="G53531" s="16">
        <v>0</v>
      </c>
    </row>
    <row r="53532" spans="1:7" x14ac:dyDescent="0.3">
      <c r="A53532" s="13" t="s">
        <v>296</v>
      </c>
      <c r="B53532" s="14" t="s">
        <v>1</v>
      </c>
      <c r="C53532" s="14" t="s">
        <v>51</v>
      </c>
      <c r="D53532" s="14" t="s">
        <v>297</v>
      </c>
      <c r="E53532" s="15">
        <v>45618</v>
      </c>
      <c r="F53532" s="14" t="s">
        <v>25</v>
      </c>
      <c r="G53532" s="16">
        <v>0</v>
      </c>
    </row>
    <row r="53533" spans="1:7" x14ac:dyDescent="0.3">
      <c r="A53533" s="13" t="s">
        <v>296</v>
      </c>
      <c r="B53533" s="14" t="s">
        <v>1</v>
      </c>
      <c r="C53533" s="14" t="s">
        <v>51</v>
      </c>
      <c r="D53533" s="14" t="s">
        <v>297</v>
      </c>
      <c r="E53533" s="15">
        <v>45619</v>
      </c>
      <c r="F53533" s="14" t="s">
        <v>25</v>
      </c>
      <c r="G53533" s="16">
        <v>0</v>
      </c>
    </row>
    <row r="53534" spans="1:7" x14ac:dyDescent="0.3">
      <c r="A53534" s="13" t="s">
        <v>296</v>
      </c>
      <c r="B53534" s="14" t="s">
        <v>1</v>
      </c>
      <c r="C53534" s="14" t="s">
        <v>51</v>
      </c>
      <c r="D53534" s="14" t="s">
        <v>297</v>
      </c>
      <c r="E53534" s="15">
        <v>45620</v>
      </c>
      <c r="F53534" s="14" t="s">
        <v>25</v>
      </c>
      <c r="G53534" s="16">
        <v>0</v>
      </c>
    </row>
    <row r="53535" spans="1:7" x14ac:dyDescent="0.3">
      <c r="A53535" s="13" t="s">
        <v>296</v>
      </c>
      <c r="B53535" s="14" t="s">
        <v>1</v>
      </c>
      <c r="C53535" s="14" t="s">
        <v>51</v>
      </c>
      <c r="D53535" s="14" t="s">
        <v>297</v>
      </c>
      <c r="E53535" s="15">
        <v>45621</v>
      </c>
      <c r="F53535" s="14" t="s">
        <v>25</v>
      </c>
      <c r="G53535" s="16">
        <v>0</v>
      </c>
    </row>
    <row r="53536" spans="1:7" x14ac:dyDescent="0.3">
      <c r="A53536" s="13" t="s">
        <v>296</v>
      </c>
      <c r="B53536" s="14" t="s">
        <v>1</v>
      </c>
      <c r="C53536" s="14" t="s">
        <v>51</v>
      </c>
      <c r="D53536" s="14" t="s">
        <v>297</v>
      </c>
      <c r="E53536" s="15">
        <v>45622</v>
      </c>
      <c r="F53536" s="14" t="s">
        <v>25</v>
      </c>
      <c r="G53536" s="16">
        <v>0</v>
      </c>
    </row>
    <row r="53537" spans="1:7" x14ac:dyDescent="0.3">
      <c r="A53537" s="13" t="s">
        <v>296</v>
      </c>
      <c r="B53537" s="14" t="s">
        <v>1</v>
      </c>
      <c r="C53537" s="14" t="s">
        <v>51</v>
      </c>
      <c r="D53537" s="14" t="s">
        <v>297</v>
      </c>
      <c r="E53537" s="15">
        <v>45623</v>
      </c>
      <c r="F53537" s="14" t="s">
        <v>25</v>
      </c>
      <c r="G53537" s="16">
        <v>0</v>
      </c>
    </row>
    <row r="53538" spans="1:7" x14ac:dyDescent="0.3">
      <c r="A53538" s="13" t="s">
        <v>296</v>
      </c>
      <c r="B53538" s="14" t="s">
        <v>1</v>
      </c>
      <c r="C53538" s="14" t="s">
        <v>51</v>
      </c>
      <c r="D53538" s="14" t="s">
        <v>297</v>
      </c>
      <c r="E53538" s="15">
        <v>45624</v>
      </c>
      <c r="F53538" s="14" t="s">
        <v>25</v>
      </c>
      <c r="G53538" s="16">
        <v>0</v>
      </c>
    </row>
    <row r="53539" spans="1:7" x14ac:dyDescent="0.3">
      <c r="A53539" s="13" t="s">
        <v>296</v>
      </c>
      <c r="B53539" s="14" t="s">
        <v>1</v>
      </c>
      <c r="C53539" s="14" t="s">
        <v>51</v>
      </c>
      <c r="D53539" s="14" t="s">
        <v>297</v>
      </c>
      <c r="E53539" s="15">
        <v>45625</v>
      </c>
      <c r="F53539" s="14" t="s">
        <v>25</v>
      </c>
      <c r="G53539" s="16">
        <v>0</v>
      </c>
    </row>
    <row r="53540" spans="1:7" x14ac:dyDescent="0.3">
      <c r="A53540" s="13" t="s">
        <v>296</v>
      </c>
      <c r="B53540" s="14" t="s">
        <v>1</v>
      </c>
      <c r="C53540" s="14" t="s">
        <v>51</v>
      </c>
      <c r="D53540" s="14" t="s">
        <v>297</v>
      </c>
      <c r="E53540" s="15">
        <v>45626</v>
      </c>
      <c r="F53540" s="14" t="s">
        <v>25</v>
      </c>
      <c r="G53540" s="16">
        <v>0</v>
      </c>
    </row>
    <row r="53541" spans="1:7" x14ac:dyDescent="0.3">
      <c r="A53541" s="13" t="s">
        <v>296</v>
      </c>
      <c r="B53541" s="14" t="s">
        <v>1</v>
      </c>
      <c r="C53541" s="14" t="s">
        <v>51</v>
      </c>
      <c r="D53541" s="14" t="s">
        <v>297</v>
      </c>
      <c r="E53541" s="15">
        <v>45627</v>
      </c>
      <c r="F53541" s="14" t="s">
        <v>25</v>
      </c>
      <c r="G53541" s="16">
        <v>0</v>
      </c>
    </row>
    <row r="53542" spans="1:7" x14ac:dyDescent="0.3">
      <c r="A53542" s="13" t="s">
        <v>296</v>
      </c>
      <c r="B53542" s="14" t="s">
        <v>1</v>
      </c>
      <c r="C53542" s="14" t="s">
        <v>51</v>
      </c>
      <c r="D53542" s="14" t="s">
        <v>297</v>
      </c>
      <c r="E53542" s="15">
        <v>45628</v>
      </c>
      <c r="F53542" s="14" t="s">
        <v>25</v>
      </c>
      <c r="G53542" s="16">
        <v>0</v>
      </c>
    </row>
    <row r="53543" spans="1:7" x14ac:dyDescent="0.3">
      <c r="A53543" s="13" t="s">
        <v>296</v>
      </c>
      <c r="B53543" s="14" t="s">
        <v>1</v>
      </c>
      <c r="C53543" s="14" t="s">
        <v>51</v>
      </c>
      <c r="D53543" s="14" t="s">
        <v>297</v>
      </c>
      <c r="E53543" s="15">
        <v>45629</v>
      </c>
      <c r="F53543" s="14" t="s">
        <v>25</v>
      </c>
      <c r="G53543" s="16">
        <v>0</v>
      </c>
    </row>
    <row r="53544" spans="1:7" x14ac:dyDescent="0.3">
      <c r="A53544" s="13" t="s">
        <v>296</v>
      </c>
      <c r="B53544" s="14" t="s">
        <v>1</v>
      </c>
      <c r="C53544" s="14" t="s">
        <v>51</v>
      </c>
      <c r="D53544" s="14" t="s">
        <v>297</v>
      </c>
      <c r="E53544" s="15">
        <v>45630</v>
      </c>
      <c r="F53544" s="14" t="s">
        <v>25</v>
      </c>
      <c r="G53544" s="16">
        <v>0</v>
      </c>
    </row>
    <row r="53545" spans="1:7" x14ac:dyDescent="0.3">
      <c r="A53545" s="13" t="s">
        <v>296</v>
      </c>
      <c r="B53545" s="14" t="s">
        <v>1</v>
      </c>
      <c r="C53545" s="14" t="s">
        <v>51</v>
      </c>
      <c r="D53545" s="14" t="s">
        <v>297</v>
      </c>
      <c r="E53545" s="15">
        <v>45631</v>
      </c>
      <c r="F53545" s="14" t="s">
        <v>25</v>
      </c>
      <c r="G53545" s="16">
        <v>0</v>
      </c>
    </row>
    <row r="53546" spans="1:7" x14ac:dyDescent="0.3">
      <c r="A53546" s="13" t="s">
        <v>296</v>
      </c>
      <c r="B53546" s="14" t="s">
        <v>1</v>
      </c>
      <c r="C53546" s="14" t="s">
        <v>51</v>
      </c>
      <c r="D53546" s="14" t="s">
        <v>297</v>
      </c>
      <c r="E53546" s="15">
        <v>45632</v>
      </c>
      <c r="F53546" s="14" t="s">
        <v>25</v>
      </c>
      <c r="G53546" s="16">
        <v>0</v>
      </c>
    </row>
    <row r="53547" spans="1:7" x14ac:dyDescent="0.3">
      <c r="A53547" s="13" t="s">
        <v>296</v>
      </c>
      <c r="B53547" s="14" t="s">
        <v>1</v>
      </c>
      <c r="C53547" s="14" t="s">
        <v>51</v>
      </c>
      <c r="D53547" s="14" t="s">
        <v>297</v>
      </c>
      <c r="E53547" s="15">
        <v>45633</v>
      </c>
      <c r="F53547" s="14" t="s">
        <v>25</v>
      </c>
      <c r="G53547" s="16">
        <v>0</v>
      </c>
    </row>
    <row r="53548" spans="1:7" x14ac:dyDescent="0.3">
      <c r="A53548" s="13" t="s">
        <v>296</v>
      </c>
      <c r="B53548" s="14" t="s">
        <v>1</v>
      </c>
      <c r="C53548" s="14" t="s">
        <v>51</v>
      </c>
      <c r="D53548" s="14" t="s">
        <v>297</v>
      </c>
      <c r="E53548" s="15">
        <v>45634</v>
      </c>
      <c r="F53548" s="14" t="s">
        <v>25</v>
      </c>
      <c r="G53548" s="16">
        <v>0</v>
      </c>
    </row>
    <row r="53549" spans="1:7" x14ac:dyDescent="0.3">
      <c r="A53549" s="13" t="s">
        <v>296</v>
      </c>
      <c r="B53549" s="14" t="s">
        <v>1</v>
      </c>
      <c r="C53549" s="14" t="s">
        <v>51</v>
      </c>
      <c r="D53549" s="14" t="s">
        <v>297</v>
      </c>
      <c r="E53549" s="15">
        <v>45635</v>
      </c>
      <c r="F53549" s="14" t="s">
        <v>25</v>
      </c>
      <c r="G53549" s="16">
        <v>0</v>
      </c>
    </row>
    <row r="53550" spans="1:7" x14ac:dyDescent="0.3">
      <c r="A53550" s="13" t="s">
        <v>296</v>
      </c>
      <c r="B53550" s="14" t="s">
        <v>1</v>
      </c>
      <c r="C53550" s="14" t="s">
        <v>51</v>
      </c>
      <c r="D53550" s="14" t="s">
        <v>297</v>
      </c>
      <c r="E53550" s="15">
        <v>45636</v>
      </c>
      <c r="F53550" s="14" t="s">
        <v>25</v>
      </c>
      <c r="G53550" s="16">
        <v>0</v>
      </c>
    </row>
    <row r="53551" spans="1:7" x14ac:dyDescent="0.3">
      <c r="A53551" s="13" t="s">
        <v>296</v>
      </c>
      <c r="B53551" s="14" t="s">
        <v>1</v>
      </c>
      <c r="C53551" s="14" t="s">
        <v>51</v>
      </c>
      <c r="D53551" s="14" t="s">
        <v>297</v>
      </c>
      <c r="E53551" s="15">
        <v>45637</v>
      </c>
      <c r="F53551" s="14" t="s">
        <v>25</v>
      </c>
      <c r="G53551" s="16">
        <v>0</v>
      </c>
    </row>
    <row r="53552" spans="1:7" x14ac:dyDescent="0.3">
      <c r="A53552" s="13" t="s">
        <v>296</v>
      </c>
      <c r="B53552" s="14" t="s">
        <v>1</v>
      </c>
      <c r="C53552" s="14" t="s">
        <v>51</v>
      </c>
      <c r="D53552" s="14" t="s">
        <v>297</v>
      </c>
      <c r="E53552" s="15">
        <v>45638</v>
      </c>
      <c r="F53552" s="14" t="s">
        <v>25</v>
      </c>
      <c r="G53552" s="16">
        <v>0</v>
      </c>
    </row>
    <row r="53553" spans="1:7" x14ac:dyDescent="0.3">
      <c r="A53553" s="13" t="s">
        <v>296</v>
      </c>
      <c r="B53553" s="14" t="s">
        <v>1</v>
      </c>
      <c r="C53553" s="14" t="s">
        <v>51</v>
      </c>
      <c r="D53553" s="14" t="s">
        <v>297</v>
      </c>
      <c r="E53553" s="15">
        <v>45639</v>
      </c>
      <c r="F53553" s="14" t="s">
        <v>25</v>
      </c>
      <c r="G53553" s="16">
        <v>0</v>
      </c>
    </row>
    <row r="53554" spans="1:7" x14ac:dyDescent="0.3">
      <c r="A53554" s="13" t="s">
        <v>296</v>
      </c>
      <c r="B53554" s="14" t="s">
        <v>1</v>
      </c>
      <c r="C53554" s="14" t="s">
        <v>51</v>
      </c>
      <c r="D53554" s="14" t="s">
        <v>297</v>
      </c>
      <c r="E53554" s="15">
        <v>45640</v>
      </c>
      <c r="F53554" s="14" t="s">
        <v>25</v>
      </c>
      <c r="G53554" s="16">
        <v>0</v>
      </c>
    </row>
    <row r="53555" spans="1:7" x14ac:dyDescent="0.3">
      <c r="A53555" s="13" t="s">
        <v>296</v>
      </c>
      <c r="B53555" s="14" t="s">
        <v>1</v>
      </c>
      <c r="C53555" s="14" t="s">
        <v>51</v>
      </c>
      <c r="D53555" s="14" t="s">
        <v>297</v>
      </c>
      <c r="E53555" s="15">
        <v>45641</v>
      </c>
      <c r="F53555" s="14" t="s">
        <v>25</v>
      </c>
      <c r="G53555" s="16">
        <v>0</v>
      </c>
    </row>
    <row r="53556" spans="1:7" x14ac:dyDescent="0.3">
      <c r="A53556" s="13" t="s">
        <v>296</v>
      </c>
      <c r="B53556" s="14" t="s">
        <v>1</v>
      </c>
      <c r="C53556" s="14" t="s">
        <v>51</v>
      </c>
      <c r="D53556" s="14" t="s">
        <v>297</v>
      </c>
      <c r="E53556" s="15">
        <v>45642</v>
      </c>
      <c r="F53556" s="14" t="s">
        <v>25</v>
      </c>
      <c r="G53556" s="16">
        <v>0</v>
      </c>
    </row>
    <row r="53557" spans="1:7" x14ac:dyDescent="0.3">
      <c r="A53557" s="13" t="s">
        <v>296</v>
      </c>
      <c r="B53557" s="14" t="s">
        <v>1</v>
      </c>
      <c r="C53557" s="14" t="s">
        <v>51</v>
      </c>
      <c r="D53557" s="14" t="s">
        <v>297</v>
      </c>
      <c r="E53557" s="15">
        <v>45643</v>
      </c>
      <c r="F53557" s="14" t="s">
        <v>25</v>
      </c>
      <c r="G53557" s="16">
        <v>0</v>
      </c>
    </row>
    <row r="53558" spans="1:7" x14ac:dyDescent="0.3">
      <c r="A53558" s="13" t="s">
        <v>296</v>
      </c>
      <c r="B53558" s="14" t="s">
        <v>1</v>
      </c>
      <c r="C53558" s="14" t="s">
        <v>51</v>
      </c>
      <c r="D53558" s="14" t="s">
        <v>297</v>
      </c>
      <c r="E53558" s="15">
        <v>45644</v>
      </c>
      <c r="F53558" s="14" t="s">
        <v>25</v>
      </c>
      <c r="G53558" s="16">
        <v>0</v>
      </c>
    </row>
    <row r="53559" spans="1:7" x14ac:dyDescent="0.3">
      <c r="A53559" s="13" t="s">
        <v>296</v>
      </c>
      <c r="B53559" s="14" t="s">
        <v>1</v>
      </c>
      <c r="C53559" s="14" t="s">
        <v>51</v>
      </c>
      <c r="D53559" s="14" t="s">
        <v>297</v>
      </c>
      <c r="E53559" s="15">
        <v>45645</v>
      </c>
      <c r="F53559" s="14" t="s">
        <v>25</v>
      </c>
      <c r="G53559" s="16">
        <v>0</v>
      </c>
    </row>
    <row r="53560" spans="1:7" x14ac:dyDescent="0.3">
      <c r="A53560" s="13" t="s">
        <v>296</v>
      </c>
      <c r="B53560" s="14" t="s">
        <v>1</v>
      </c>
      <c r="C53560" s="14" t="s">
        <v>51</v>
      </c>
      <c r="D53560" s="14" t="s">
        <v>297</v>
      </c>
      <c r="E53560" s="15">
        <v>45646</v>
      </c>
      <c r="F53560" s="14" t="s">
        <v>25</v>
      </c>
      <c r="G53560" s="16">
        <v>0</v>
      </c>
    </row>
    <row r="53561" spans="1:7" x14ac:dyDescent="0.3">
      <c r="A53561" s="13" t="s">
        <v>296</v>
      </c>
      <c r="B53561" s="14" t="s">
        <v>1</v>
      </c>
      <c r="C53561" s="14" t="s">
        <v>51</v>
      </c>
      <c r="D53561" s="14" t="s">
        <v>297</v>
      </c>
      <c r="E53561" s="15">
        <v>45647</v>
      </c>
      <c r="F53561" s="14" t="s">
        <v>25</v>
      </c>
      <c r="G53561" s="16">
        <v>0</v>
      </c>
    </row>
    <row r="53562" spans="1:7" x14ac:dyDescent="0.3">
      <c r="A53562" s="13" t="s">
        <v>296</v>
      </c>
      <c r="B53562" s="14" t="s">
        <v>1</v>
      </c>
      <c r="C53562" s="14" t="s">
        <v>51</v>
      </c>
      <c r="D53562" s="14" t="s">
        <v>297</v>
      </c>
      <c r="E53562" s="15">
        <v>45648</v>
      </c>
      <c r="F53562" s="14" t="s">
        <v>25</v>
      </c>
      <c r="G53562" s="16">
        <v>0</v>
      </c>
    </row>
    <row r="53563" spans="1:7" x14ac:dyDescent="0.3">
      <c r="A53563" s="13" t="s">
        <v>296</v>
      </c>
      <c r="B53563" s="14" t="s">
        <v>1</v>
      </c>
      <c r="C53563" s="14" t="s">
        <v>51</v>
      </c>
      <c r="D53563" s="14" t="s">
        <v>297</v>
      </c>
      <c r="E53563" s="15">
        <v>45649</v>
      </c>
      <c r="F53563" s="14" t="s">
        <v>25</v>
      </c>
      <c r="G53563" s="16">
        <v>0</v>
      </c>
    </row>
    <row r="53564" spans="1:7" x14ac:dyDescent="0.3">
      <c r="A53564" s="13" t="s">
        <v>296</v>
      </c>
      <c r="B53564" s="14" t="s">
        <v>1</v>
      </c>
      <c r="C53564" s="14" t="s">
        <v>51</v>
      </c>
      <c r="D53564" s="14" t="s">
        <v>297</v>
      </c>
      <c r="E53564" s="15">
        <v>45650</v>
      </c>
      <c r="F53564" s="14" t="s">
        <v>25</v>
      </c>
      <c r="G53564" s="16">
        <v>0</v>
      </c>
    </row>
    <row r="53565" spans="1:7" x14ac:dyDescent="0.3">
      <c r="A53565" s="13" t="s">
        <v>296</v>
      </c>
      <c r="B53565" s="14" t="s">
        <v>1</v>
      </c>
      <c r="C53565" s="14" t="s">
        <v>51</v>
      </c>
      <c r="D53565" s="14" t="s">
        <v>297</v>
      </c>
      <c r="E53565" s="15">
        <v>45651</v>
      </c>
      <c r="F53565" s="14" t="s">
        <v>25</v>
      </c>
      <c r="G53565" s="16">
        <v>0</v>
      </c>
    </row>
    <row r="53566" spans="1:7" x14ac:dyDescent="0.3">
      <c r="A53566" s="13" t="s">
        <v>296</v>
      </c>
      <c r="B53566" s="14" t="s">
        <v>1</v>
      </c>
      <c r="C53566" s="14" t="s">
        <v>51</v>
      </c>
      <c r="D53566" s="14" t="s">
        <v>297</v>
      </c>
      <c r="E53566" s="15">
        <v>45652</v>
      </c>
      <c r="F53566" s="14" t="s">
        <v>25</v>
      </c>
      <c r="G53566" s="16">
        <v>0</v>
      </c>
    </row>
    <row r="53567" spans="1:7" x14ac:dyDescent="0.3">
      <c r="A53567" s="13" t="s">
        <v>296</v>
      </c>
      <c r="B53567" s="14" t="s">
        <v>1</v>
      </c>
      <c r="C53567" s="14" t="s">
        <v>51</v>
      </c>
      <c r="D53567" s="14" t="s">
        <v>297</v>
      </c>
      <c r="E53567" s="15">
        <v>45653</v>
      </c>
      <c r="F53567" s="14" t="s">
        <v>25</v>
      </c>
      <c r="G53567" s="16">
        <v>0</v>
      </c>
    </row>
    <row r="53568" spans="1:7" x14ac:dyDescent="0.3">
      <c r="A53568" s="13" t="s">
        <v>296</v>
      </c>
      <c r="B53568" s="14" t="s">
        <v>1</v>
      </c>
      <c r="C53568" s="14" t="s">
        <v>51</v>
      </c>
      <c r="D53568" s="14" t="s">
        <v>297</v>
      </c>
      <c r="E53568" s="15">
        <v>45654</v>
      </c>
      <c r="F53568" s="14" t="s">
        <v>25</v>
      </c>
      <c r="G53568" s="16">
        <v>0</v>
      </c>
    </row>
    <row r="53569" spans="1:7" x14ac:dyDescent="0.3">
      <c r="A53569" s="13" t="s">
        <v>296</v>
      </c>
      <c r="B53569" s="14" t="s">
        <v>1</v>
      </c>
      <c r="C53569" s="14" t="s">
        <v>51</v>
      </c>
      <c r="D53569" s="14" t="s">
        <v>297</v>
      </c>
      <c r="E53569" s="15">
        <v>45655</v>
      </c>
      <c r="F53569" s="14" t="s">
        <v>25</v>
      </c>
      <c r="G53569" s="16">
        <v>0</v>
      </c>
    </row>
    <row r="53570" spans="1:7" x14ac:dyDescent="0.3">
      <c r="A53570" s="13" t="s">
        <v>296</v>
      </c>
      <c r="B53570" s="14" t="s">
        <v>1</v>
      </c>
      <c r="C53570" s="14" t="s">
        <v>51</v>
      </c>
      <c r="D53570" s="14" t="s">
        <v>297</v>
      </c>
      <c r="E53570" s="15">
        <v>45656</v>
      </c>
      <c r="F53570" s="14" t="s">
        <v>25</v>
      </c>
      <c r="G53570" s="16">
        <v>0</v>
      </c>
    </row>
    <row r="53571" spans="1:7" x14ac:dyDescent="0.3">
      <c r="A53571" s="13" t="s">
        <v>296</v>
      </c>
      <c r="B53571" s="14" t="s">
        <v>1</v>
      </c>
      <c r="C53571" s="14" t="s">
        <v>51</v>
      </c>
      <c r="D53571" s="14" t="s">
        <v>297</v>
      </c>
      <c r="E53571" s="15">
        <v>45657</v>
      </c>
      <c r="F53571" s="14" t="s">
        <v>25</v>
      </c>
      <c r="G53571" s="16">
        <v>0</v>
      </c>
    </row>
    <row r="53572" spans="1:7" x14ac:dyDescent="0.3">
      <c r="A53572" s="13" t="s">
        <v>296</v>
      </c>
      <c r="B53572" s="14" t="s">
        <v>1</v>
      </c>
      <c r="C53572" s="14" t="s">
        <v>51</v>
      </c>
      <c r="D53572" s="14" t="s">
        <v>297</v>
      </c>
      <c r="E53572" s="15">
        <v>45658</v>
      </c>
      <c r="F53572" s="14" t="s">
        <v>25</v>
      </c>
      <c r="G53572" s="16">
        <v>0</v>
      </c>
    </row>
    <row r="53573" spans="1:7" x14ac:dyDescent="0.3">
      <c r="A53573" s="13" t="s">
        <v>296</v>
      </c>
      <c r="B53573" s="14" t="s">
        <v>1</v>
      </c>
      <c r="C53573" s="14" t="s">
        <v>51</v>
      </c>
      <c r="D53573" s="14" t="s">
        <v>297</v>
      </c>
      <c r="E53573" s="15">
        <v>45659</v>
      </c>
      <c r="F53573" s="14" t="s">
        <v>25</v>
      </c>
      <c r="G53573" s="16">
        <v>0</v>
      </c>
    </row>
    <row r="53574" spans="1:7" x14ac:dyDescent="0.3">
      <c r="A53574" s="13" t="s">
        <v>296</v>
      </c>
      <c r="B53574" s="14" t="s">
        <v>1</v>
      </c>
      <c r="C53574" s="14" t="s">
        <v>51</v>
      </c>
      <c r="D53574" s="14" t="s">
        <v>297</v>
      </c>
      <c r="E53574" s="15">
        <v>45660</v>
      </c>
      <c r="F53574" s="14" t="s">
        <v>25</v>
      </c>
      <c r="G53574" s="16">
        <v>0</v>
      </c>
    </row>
    <row r="53575" spans="1:7" x14ac:dyDescent="0.3">
      <c r="A53575" s="13" t="s">
        <v>296</v>
      </c>
      <c r="B53575" s="14" t="s">
        <v>1</v>
      </c>
      <c r="C53575" s="14" t="s">
        <v>51</v>
      </c>
      <c r="D53575" s="14" t="s">
        <v>297</v>
      </c>
      <c r="E53575" s="15">
        <v>45661</v>
      </c>
      <c r="F53575" s="14" t="s">
        <v>25</v>
      </c>
      <c r="G53575" s="16">
        <v>0</v>
      </c>
    </row>
    <row r="53576" spans="1:7" x14ac:dyDescent="0.3">
      <c r="A53576" s="13" t="s">
        <v>296</v>
      </c>
      <c r="B53576" s="14" t="s">
        <v>1</v>
      </c>
      <c r="C53576" s="14" t="s">
        <v>51</v>
      </c>
      <c r="D53576" s="14" t="s">
        <v>297</v>
      </c>
      <c r="E53576" s="15">
        <v>45662</v>
      </c>
      <c r="F53576" s="14" t="s">
        <v>25</v>
      </c>
      <c r="G53576" s="16">
        <v>0</v>
      </c>
    </row>
    <row r="53577" spans="1:7" x14ac:dyDescent="0.3">
      <c r="A53577" s="13" t="s">
        <v>296</v>
      </c>
      <c r="B53577" s="14" t="s">
        <v>1</v>
      </c>
      <c r="C53577" s="14" t="s">
        <v>51</v>
      </c>
      <c r="D53577" s="14" t="s">
        <v>297</v>
      </c>
      <c r="E53577" s="15">
        <v>45663</v>
      </c>
      <c r="F53577" s="14" t="s">
        <v>25</v>
      </c>
      <c r="G53577" s="16">
        <v>0</v>
      </c>
    </row>
    <row r="53578" spans="1:7" x14ac:dyDescent="0.3">
      <c r="A53578" s="13" t="s">
        <v>296</v>
      </c>
      <c r="B53578" s="14" t="s">
        <v>1</v>
      </c>
      <c r="C53578" s="14" t="s">
        <v>51</v>
      </c>
      <c r="D53578" s="14" t="s">
        <v>297</v>
      </c>
      <c r="E53578" s="15">
        <v>45664</v>
      </c>
      <c r="F53578" s="14" t="s">
        <v>25</v>
      </c>
      <c r="G53578" s="16">
        <v>0</v>
      </c>
    </row>
    <row r="53579" spans="1:7" x14ac:dyDescent="0.3">
      <c r="A53579" s="13" t="s">
        <v>296</v>
      </c>
      <c r="B53579" s="14" t="s">
        <v>1</v>
      </c>
      <c r="C53579" s="14" t="s">
        <v>51</v>
      </c>
      <c r="D53579" s="14" t="s">
        <v>297</v>
      </c>
      <c r="E53579" s="15">
        <v>45665</v>
      </c>
      <c r="F53579" s="14" t="s">
        <v>25</v>
      </c>
      <c r="G53579" s="16">
        <v>0</v>
      </c>
    </row>
    <row r="53580" spans="1:7" x14ac:dyDescent="0.3">
      <c r="A53580" s="13" t="s">
        <v>296</v>
      </c>
      <c r="B53580" s="14" t="s">
        <v>1</v>
      </c>
      <c r="C53580" s="14" t="s">
        <v>51</v>
      </c>
      <c r="D53580" s="14" t="s">
        <v>297</v>
      </c>
      <c r="E53580" s="15">
        <v>45666</v>
      </c>
      <c r="F53580" s="14" t="s">
        <v>25</v>
      </c>
      <c r="G53580" s="16">
        <v>0</v>
      </c>
    </row>
    <row r="53581" spans="1:7" x14ac:dyDescent="0.3">
      <c r="A53581" s="13" t="s">
        <v>296</v>
      </c>
      <c r="B53581" s="14" t="s">
        <v>1</v>
      </c>
      <c r="C53581" s="14" t="s">
        <v>51</v>
      </c>
      <c r="D53581" s="14" t="s">
        <v>297</v>
      </c>
      <c r="E53581" s="15">
        <v>45667</v>
      </c>
      <c r="F53581" s="14" t="s">
        <v>25</v>
      </c>
      <c r="G53581" s="16">
        <v>0</v>
      </c>
    </row>
    <row r="53582" spans="1:7" x14ac:dyDescent="0.3">
      <c r="A53582" s="13" t="s">
        <v>296</v>
      </c>
      <c r="B53582" s="14" t="s">
        <v>1</v>
      </c>
      <c r="C53582" s="14" t="s">
        <v>51</v>
      </c>
      <c r="D53582" s="14" t="s">
        <v>297</v>
      </c>
      <c r="E53582" s="15">
        <v>45668</v>
      </c>
      <c r="F53582" s="14" t="s">
        <v>25</v>
      </c>
      <c r="G53582" s="16">
        <v>0</v>
      </c>
    </row>
    <row r="53583" spans="1:7" x14ac:dyDescent="0.3">
      <c r="A53583" s="13" t="s">
        <v>296</v>
      </c>
      <c r="B53583" s="14" t="s">
        <v>1</v>
      </c>
      <c r="C53583" s="14" t="s">
        <v>51</v>
      </c>
      <c r="D53583" s="14" t="s">
        <v>297</v>
      </c>
      <c r="E53583" s="15">
        <v>45669</v>
      </c>
      <c r="F53583" s="14" t="s">
        <v>25</v>
      </c>
      <c r="G53583" s="16">
        <v>0</v>
      </c>
    </row>
    <row r="53584" spans="1:7" x14ac:dyDescent="0.3">
      <c r="A53584" s="13" t="s">
        <v>296</v>
      </c>
      <c r="B53584" s="14" t="s">
        <v>1</v>
      </c>
      <c r="C53584" s="14" t="s">
        <v>51</v>
      </c>
      <c r="D53584" s="14" t="s">
        <v>297</v>
      </c>
      <c r="E53584" s="15">
        <v>45670</v>
      </c>
      <c r="F53584" s="14" t="s">
        <v>25</v>
      </c>
      <c r="G53584" s="16">
        <v>0</v>
      </c>
    </row>
    <row r="53585" spans="1:7" x14ac:dyDescent="0.3">
      <c r="A53585" s="13" t="s">
        <v>296</v>
      </c>
      <c r="B53585" s="14" t="s">
        <v>1</v>
      </c>
      <c r="C53585" s="14" t="s">
        <v>51</v>
      </c>
      <c r="D53585" s="14" t="s">
        <v>297</v>
      </c>
      <c r="E53585" s="15">
        <v>45671</v>
      </c>
      <c r="F53585" s="14" t="s">
        <v>25</v>
      </c>
      <c r="G53585" s="16">
        <v>0</v>
      </c>
    </row>
    <row r="53586" spans="1:7" x14ac:dyDescent="0.3">
      <c r="A53586" s="13" t="s">
        <v>296</v>
      </c>
      <c r="B53586" s="14" t="s">
        <v>1</v>
      </c>
      <c r="C53586" s="14" t="s">
        <v>51</v>
      </c>
      <c r="D53586" s="14" t="s">
        <v>297</v>
      </c>
      <c r="E53586" s="15">
        <v>45672</v>
      </c>
      <c r="F53586" s="14" t="s">
        <v>25</v>
      </c>
      <c r="G53586" s="16">
        <v>0</v>
      </c>
    </row>
    <row r="53587" spans="1:7" x14ac:dyDescent="0.3">
      <c r="A53587" s="13" t="s">
        <v>296</v>
      </c>
      <c r="B53587" s="14" t="s">
        <v>1</v>
      </c>
      <c r="C53587" s="14" t="s">
        <v>51</v>
      </c>
      <c r="D53587" s="14" t="s">
        <v>297</v>
      </c>
      <c r="E53587" s="15">
        <v>45673</v>
      </c>
      <c r="F53587" s="14" t="s">
        <v>25</v>
      </c>
      <c r="G53587" s="16">
        <v>0</v>
      </c>
    </row>
    <row r="53588" spans="1:7" x14ac:dyDescent="0.3">
      <c r="A53588" s="13" t="s">
        <v>296</v>
      </c>
      <c r="B53588" s="14" t="s">
        <v>1</v>
      </c>
      <c r="C53588" s="14" t="s">
        <v>51</v>
      </c>
      <c r="D53588" s="14" t="s">
        <v>297</v>
      </c>
      <c r="E53588" s="15">
        <v>45674</v>
      </c>
      <c r="F53588" s="14" t="s">
        <v>25</v>
      </c>
      <c r="G53588" s="16">
        <v>0</v>
      </c>
    </row>
    <row r="53589" spans="1:7" x14ac:dyDescent="0.3">
      <c r="A53589" s="13" t="s">
        <v>296</v>
      </c>
      <c r="B53589" s="14" t="s">
        <v>1</v>
      </c>
      <c r="C53589" s="14" t="s">
        <v>51</v>
      </c>
      <c r="D53589" s="14" t="s">
        <v>297</v>
      </c>
      <c r="E53589" s="15">
        <v>45675</v>
      </c>
      <c r="F53589" s="14" t="s">
        <v>25</v>
      </c>
      <c r="G53589" s="16">
        <v>0</v>
      </c>
    </row>
    <row r="53590" spans="1:7" x14ac:dyDescent="0.3">
      <c r="A53590" s="13" t="s">
        <v>296</v>
      </c>
      <c r="B53590" s="14" t="s">
        <v>1</v>
      </c>
      <c r="C53590" s="14" t="s">
        <v>51</v>
      </c>
      <c r="D53590" s="14" t="s">
        <v>297</v>
      </c>
      <c r="E53590" s="15">
        <v>45676</v>
      </c>
      <c r="F53590" s="14" t="s">
        <v>25</v>
      </c>
      <c r="G53590" s="16">
        <v>0</v>
      </c>
    </row>
    <row r="53591" spans="1:7" x14ac:dyDescent="0.3">
      <c r="A53591" s="13" t="s">
        <v>296</v>
      </c>
      <c r="B53591" s="14" t="s">
        <v>1</v>
      </c>
      <c r="C53591" s="14" t="s">
        <v>51</v>
      </c>
      <c r="D53591" s="14" t="s">
        <v>297</v>
      </c>
      <c r="E53591" s="15">
        <v>45677</v>
      </c>
      <c r="F53591" s="14" t="s">
        <v>25</v>
      </c>
      <c r="G53591" s="16">
        <v>0</v>
      </c>
    </row>
    <row r="53592" spans="1:7" x14ac:dyDescent="0.3">
      <c r="A53592" s="13" t="s">
        <v>296</v>
      </c>
      <c r="B53592" s="14" t="s">
        <v>1</v>
      </c>
      <c r="C53592" s="14" t="s">
        <v>51</v>
      </c>
      <c r="D53592" s="14" t="s">
        <v>297</v>
      </c>
      <c r="E53592" s="15">
        <v>45678</v>
      </c>
      <c r="F53592" s="14" t="s">
        <v>25</v>
      </c>
      <c r="G53592" s="16">
        <v>0</v>
      </c>
    </row>
    <row r="53593" spans="1:7" x14ac:dyDescent="0.3">
      <c r="A53593" s="13" t="s">
        <v>296</v>
      </c>
      <c r="B53593" s="14" t="s">
        <v>1</v>
      </c>
      <c r="C53593" s="14" t="s">
        <v>51</v>
      </c>
      <c r="D53593" s="14" t="s">
        <v>297</v>
      </c>
      <c r="E53593" s="15">
        <v>45679</v>
      </c>
      <c r="F53593" s="14" t="s">
        <v>25</v>
      </c>
      <c r="G53593" s="16">
        <v>0</v>
      </c>
    </row>
    <row r="53594" spans="1:7" x14ac:dyDescent="0.3">
      <c r="A53594" s="13" t="s">
        <v>296</v>
      </c>
      <c r="B53594" s="14" t="s">
        <v>1</v>
      </c>
      <c r="C53594" s="14" t="s">
        <v>51</v>
      </c>
      <c r="D53594" s="14" t="s">
        <v>297</v>
      </c>
      <c r="E53594" s="15">
        <v>45680</v>
      </c>
      <c r="F53594" s="14" t="s">
        <v>25</v>
      </c>
      <c r="G53594" s="16">
        <v>0</v>
      </c>
    </row>
    <row r="53595" spans="1:7" x14ac:dyDescent="0.3">
      <c r="A53595" s="13" t="s">
        <v>296</v>
      </c>
      <c r="B53595" s="14" t="s">
        <v>1</v>
      </c>
      <c r="C53595" s="14" t="s">
        <v>51</v>
      </c>
      <c r="D53595" s="14" t="s">
        <v>297</v>
      </c>
      <c r="E53595" s="15">
        <v>45681</v>
      </c>
      <c r="F53595" s="14" t="s">
        <v>25</v>
      </c>
      <c r="G53595" s="16">
        <v>0</v>
      </c>
    </row>
    <row r="53596" spans="1:7" x14ac:dyDescent="0.3">
      <c r="A53596" s="13" t="s">
        <v>296</v>
      </c>
      <c r="B53596" s="14" t="s">
        <v>1</v>
      </c>
      <c r="C53596" s="14" t="s">
        <v>51</v>
      </c>
      <c r="D53596" s="14" t="s">
        <v>297</v>
      </c>
      <c r="E53596" s="15">
        <v>45682</v>
      </c>
      <c r="F53596" s="14" t="s">
        <v>25</v>
      </c>
      <c r="G53596" s="16">
        <v>0</v>
      </c>
    </row>
    <row r="53597" spans="1:7" x14ac:dyDescent="0.3">
      <c r="A53597" s="13" t="s">
        <v>296</v>
      </c>
      <c r="B53597" s="14" t="s">
        <v>1</v>
      </c>
      <c r="C53597" s="14" t="s">
        <v>51</v>
      </c>
      <c r="D53597" s="14" t="s">
        <v>297</v>
      </c>
      <c r="E53597" s="15">
        <v>45683</v>
      </c>
      <c r="F53597" s="14" t="s">
        <v>25</v>
      </c>
      <c r="G53597" s="16">
        <v>0</v>
      </c>
    </row>
    <row r="53598" spans="1:7" x14ac:dyDescent="0.3">
      <c r="A53598" s="13" t="s">
        <v>296</v>
      </c>
      <c r="B53598" s="14" t="s">
        <v>1</v>
      </c>
      <c r="C53598" s="14" t="s">
        <v>51</v>
      </c>
      <c r="D53598" s="14" t="s">
        <v>297</v>
      </c>
      <c r="E53598" s="15">
        <v>45684</v>
      </c>
      <c r="F53598" s="14" t="s">
        <v>25</v>
      </c>
      <c r="G53598" s="16">
        <v>0</v>
      </c>
    </row>
    <row r="53599" spans="1:7" x14ac:dyDescent="0.3">
      <c r="A53599" s="13" t="s">
        <v>296</v>
      </c>
      <c r="B53599" s="14" t="s">
        <v>1</v>
      </c>
      <c r="C53599" s="14" t="s">
        <v>51</v>
      </c>
      <c r="D53599" s="14" t="s">
        <v>297</v>
      </c>
      <c r="E53599" s="15">
        <v>45685</v>
      </c>
      <c r="F53599" s="14" t="s">
        <v>25</v>
      </c>
      <c r="G53599" s="16">
        <v>0</v>
      </c>
    </row>
    <row r="53600" spans="1:7" x14ac:dyDescent="0.3">
      <c r="A53600" s="13" t="s">
        <v>296</v>
      </c>
      <c r="B53600" s="14" t="s">
        <v>1</v>
      </c>
      <c r="C53600" s="14" t="s">
        <v>51</v>
      </c>
      <c r="D53600" s="14" t="s">
        <v>297</v>
      </c>
      <c r="E53600" s="15">
        <v>45686</v>
      </c>
      <c r="F53600" s="14" t="s">
        <v>25</v>
      </c>
      <c r="G53600" s="16">
        <v>0</v>
      </c>
    </row>
    <row r="53601" spans="1:7" x14ac:dyDescent="0.3">
      <c r="A53601" s="13" t="s">
        <v>296</v>
      </c>
      <c r="B53601" s="14" t="s">
        <v>1</v>
      </c>
      <c r="C53601" s="14" t="s">
        <v>51</v>
      </c>
      <c r="D53601" s="14" t="s">
        <v>297</v>
      </c>
      <c r="E53601" s="15">
        <v>45687</v>
      </c>
      <c r="F53601" s="14" t="s">
        <v>25</v>
      </c>
      <c r="G53601" s="16">
        <v>0</v>
      </c>
    </row>
    <row r="53602" spans="1:7" x14ac:dyDescent="0.3">
      <c r="A53602" s="13" t="s">
        <v>296</v>
      </c>
      <c r="B53602" s="14" t="s">
        <v>1</v>
      </c>
      <c r="C53602" s="14" t="s">
        <v>51</v>
      </c>
      <c r="D53602" s="14" t="s">
        <v>297</v>
      </c>
      <c r="E53602" s="15">
        <v>45688</v>
      </c>
      <c r="F53602" s="14" t="s">
        <v>25</v>
      </c>
      <c r="G53602" s="16">
        <v>0</v>
      </c>
    </row>
    <row r="53603" spans="1:7" x14ac:dyDescent="0.3">
      <c r="A53603" s="13" t="s">
        <v>296</v>
      </c>
      <c r="B53603" s="14" t="s">
        <v>1</v>
      </c>
      <c r="C53603" s="14" t="s">
        <v>51</v>
      </c>
      <c r="D53603" s="14" t="s">
        <v>297</v>
      </c>
      <c r="E53603" s="15">
        <v>45689</v>
      </c>
      <c r="F53603" s="14" t="s">
        <v>25</v>
      </c>
      <c r="G53603" s="16">
        <v>0</v>
      </c>
    </row>
    <row r="53604" spans="1:7" x14ac:dyDescent="0.3">
      <c r="A53604" s="13" t="s">
        <v>296</v>
      </c>
      <c r="B53604" s="14" t="s">
        <v>1</v>
      </c>
      <c r="C53604" s="14" t="s">
        <v>51</v>
      </c>
      <c r="D53604" s="14" t="s">
        <v>297</v>
      </c>
      <c r="E53604" s="15">
        <v>45690</v>
      </c>
      <c r="F53604" s="14" t="s">
        <v>25</v>
      </c>
      <c r="G53604" s="16">
        <v>0</v>
      </c>
    </row>
    <row r="53605" spans="1:7" x14ac:dyDescent="0.3">
      <c r="A53605" s="13" t="s">
        <v>296</v>
      </c>
      <c r="B53605" s="14" t="s">
        <v>1</v>
      </c>
      <c r="C53605" s="14" t="s">
        <v>51</v>
      </c>
      <c r="D53605" s="14" t="s">
        <v>297</v>
      </c>
      <c r="E53605" s="15">
        <v>45691</v>
      </c>
      <c r="F53605" s="14" t="s">
        <v>25</v>
      </c>
      <c r="G53605" s="16">
        <v>0</v>
      </c>
    </row>
    <row r="53606" spans="1:7" x14ac:dyDescent="0.3">
      <c r="A53606" s="13" t="s">
        <v>296</v>
      </c>
      <c r="B53606" s="14" t="s">
        <v>1</v>
      </c>
      <c r="C53606" s="14" t="s">
        <v>51</v>
      </c>
      <c r="D53606" s="14" t="s">
        <v>297</v>
      </c>
      <c r="E53606" s="15">
        <v>45692</v>
      </c>
      <c r="F53606" s="14" t="s">
        <v>25</v>
      </c>
      <c r="G53606" s="16">
        <v>0</v>
      </c>
    </row>
    <row r="53607" spans="1:7" x14ac:dyDescent="0.3">
      <c r="A53607" s="13" t="s">
        <v>296</v>
      </c>
      <c r="B53607" s="14" t="s">
        <v>1</v>
      </c>
      <c r="C53607" s="14" t="s">
        <v>51</v>
      </c>
      <c r="D53607" s="14" t="s">
        <v>297</v>
      </c>
      <c r="E53607" s="15">
        <v>45693</v>
      </c>
      <c r="F53607" s="14" t="s">
        <v>25</v>
      </c>
      <c r="G53607" s="16">
        <v>0</v>
      </c>
    </row>
    <row r="53608" spans="1:7" x14ac:dyDescent="0.3">
      <c r="A53608" s="13" t="s">
        <v>296</v>
      </c>
      <c r="B53608" s="14" t="s">
        <v>1</v>
      </c>
      <c r="C53608" s="14" t="s">
        <v>51</v>
      </c>
      <c r="D53608" s="14" t="s">
        <v>297</v>
      </c>
      <c r="E53608" s="15">
        <v>45694</v>
      </c>
      <c r="F53608" s="14" t="s">
        <v>25</v>
      </c>
      <c r="G53608" s="16">
        <v>0</v>
      </c>
    </row>
    <row r="53609" spans="1:7" x14ac:dyDescent="0.3">
      <c r="A53609" s="13" t="s">
        <v>296</v>
      </c>
      <c r="B53609" s="14" t="s">
        <v>1</v>
      </c>
      <c r="C53609" s="14" t="s">
        <v>51</v>
      </c>
      <c r="D53609" s="14" t="s">
        <v>297</v>
      </c>
      <c r="E53609" s="15">
        <v>45695</v>
      </c>
      <c r="F53609" s="14" t="s">
        <v>25</v>
      </c>
      <c r="G53609" s="16">
        <v>0</v>
      </c>
    </row>
    <row r="53610" spans="1:7" x14ac:dyDescent="0.3">
      <c r="A53610" s="13" t="s">
        <v>296</v>
      </c>
      <c r="B53610" s="14" t="s">
        <v>1</v>
      </c>
      <c r="C53610" s="14" t="s">
        <v>51</v>
      </c>
      <c r="D53610" s="14" t="s">
        <v>297</v>
      </c>
      <c r="E53610" s="15">
        <v>45696</v>
      </c>
      <c r="F53610" s="14" t="s">
        <v>25</v>
      </c>
      <c r="G53610" s="16">
        <v>0</v>
      </c>
    </row>
    <row r="53611" spans="1:7" x14ac:dyDescent="0.3">
      <c r="A53611" s="13" t="s">
        <v>296</v>
      </c>
      <c r="B53611" s="14" t="s">
        <v>1</v>
      </c>
      <c r="C53611" s="14" t="s">
        <v>51</v>
      </c>
      <c r="D53611" s="14" t="s">
        <v>297</v>
      </c>
      <c r="E53611" s="15">
        <v>45697</v>
      </c>
      <c r="F53611" s="14" t="s">
        <v>25</v>
      </c>
      <c r="G53611" s="16">
        <v>0</v>
      </c>
    </row>
    <row r="53612" spans="1:7" x14ac:dyDescent="0.3">
      <c r="A53612" s="13" t="s">
        <v>296</v>
      </c>
      <c r="B53612" s="14" t="s">
        <v>1</v>
      </c>
      <c r="C53612" s="14" t="s">
        <v>51</v>
      </c>
      <c r="D53612" s="14" t="s">
        <v>297</v>
      </c>
      <c r="E53612" s="15">
        <v>45698</v>
      </c>
      <c r="F53612" s="14" t="s">
        <v>25</v>
      </c>
      <c r="G53612" s="16">
        <v>0</v>
      </c>
    </row>
    <row r="53613" spans="1:7" x14ac:dyDescent="0.3">
      <c r="A53613" s="13" t="s">
        <v>296</v>
      </c>
      <c r="B53613" s="14" t="s">
        <v>1</v>
      </c>
      <c r="C53613" s="14" t="s">
        <v>51</v>
      </c>
      <c r="D53613" s="14" t="s">
        <v>297</v>
      </c>
      <c r="E53613" s="15">
        <v>45699</v>
      </c>
      <c r="F53613" s="14" t="s">
        <v>25</v>
      </c>
      <c r="G53613" s="16">
        <v>0</v>
      </c>
    </row>
    <row r="53614" spans="1:7" x14ac:dyDescent="0.3">
      <c r="A53614" s="13" t="s">
        <v>296</v>
      </c>
      <c r="B53614" s="14" t="s">
        <v>1</v>
      </c>
      <c r="C53614" s="14" t="s">
        <v>51</v>
      </c>
      <c r="D53614" s="14" t="s">
        <v>297</v>
      </c>
      <c r="E53614" s="15">
        <v>45700</v>
      </c>
      <c r="F53614" s="14" t="s">
        <v>25</v>
      </c>
      <c r="G53614" s="16">
        <v>0</v>
      </c>
    </row>
    <row r="53615" spans="1:7" x14ac:dyDescent="0.3">
      <c r="A53615" s="13" t="s">
        <v>296</v>
      </c>
      <c r="B53615" s="14" t="s">
        <v>1</v>
      </c>
      <c r="C53615" s="14" t="s">
        <v>51</v>
      </c>
      <c r="D53615" s="14" t="s">
        <v>297</v>
      </c>
      <c r="E53615" s="15">
        <v>45701</v>
      </c>
      <c r="F53615" s="14" t="s">
        <v>25</v>
      </c>
      <c r="G53615" s="16">
        <v>0</v>
      </c>
    </row>
    <row r="53616" spans="1:7" x14ac:dyDescent="0.3">
      <c r="A53616" s="13" t="s">
        <v>296</v>
      </c>
      <c r="B53616" s="14" t="s">
        <v>1</v>
      </c>
      <c r="C53616" s="14" t="s">
        <v>51</v>
      </c>
      <c r="D53616" s="14" t="s">
        <v>297</v>
      </c>
      <c r="E53616" s="15">
        <v>45702</v>
      </c>
      <c r="F53616" s="14" t="s">
        <v>25</v>
      </c>
      <c r="G53616" s="16">
        <v>0</v>
      </c>
    </row>
    <row r="53617" spans="1:7" x14ac:dyDescent="0.3">
      <c r="A53617" s="13" t="s">
        <v>296</v>
      </c>
      <c r="B53617" s="14" t="s">
        <v>1</v>
      </c>
      <c r="C53617" s="14" t="s">
        <v>51</v>
      </c>
      <c r="D53617" s="14" t="s">
        <v>297</v>
      </c>
      <c r="E53617" s="15">
        <v>45703</v>
      </c>
      <c r="F53617" s="14" t="s">
        <v>25</v>
      </c>
      <c r="G53617" s="16">
        <v>0</v>
      </c>
    </row>
    <row r="53618" spans="1:7" x14ac:dyDescent="0.3">
      <c r="A53618" s="13" t="s">
        <v>296</v>
      </c>
      <c r="B53618" s="14" t="s">
        <v>1</v>
      </c>
      <c r="C53618" s="14" t="s">
        <v>51</v>
      </c>
      <c r="D53618" s="14" t="s">
        <v>297</v>
      </c>
      <c r="E53618" s="15">
        <v>45704</v>
      </c>
      <c r="F53618" s="14" t="s">
        <v>25</v>
      </c>
      <c r="G53618" s="16">
        <v>0</v>
      </c>
    </row>
    <row r="53619" spans="1:7" x14ac:dyDescent="0.3">
      <c r="A53619" s="13" t="s">
        <v>296</v>
      </c>
      <c r="B53619" s="14" t="s">
        <v>1</v>
      </c>
      <c r="C53619" s="14" t="s">
        <v>51</v>
      </c>
      <c r="D53619" s="14" t="s">
        <v>297</v>
      </c>
      <c r="E53619" s="15">
        <v>45705</v>
      </c>
      <c r="F53619" s="14" t="s">
        <v>25</v>
      </c>
      <c r="G53619" s="16">
        <v>0</v>
      </c>
    </row>
    <row r="53620" spans="1:7" x14ac:dyDescent="0.3">
      <c r="A53620" s="13" t="s">
        <v>296</v>
      </c>
      <c r="B53620" s="14" t="s">
        <v>1</v>
      </c>
      <c r="C53620" s="14" t="s">
        <v>51</v>
      </c>
      <c r="D53620" s="14" t="s">
        <v>297</v>
      </c>
      <c r="E53620" s="15">
        <v>45706</v>
      </c>
      <c r="F53620" s="14" t="s">
        <v>25</v>
      </c>
      <c r="G53620" s="16">
        <v>0</v>
      </c>
    </row>
    <row r="53621" spans="1:7" x14ac:dyDescent="0.3">
      <c r="A53621" s="13" t="s">
        <v>296</v>
      </c>
      <c r="B53621" s="14" t="s">
        <v>1</v>
      </c>
      <c r="C53621" s="14" t="s">
        <v>51</v>
      </c>
      <c r="D53621" s="14" t="s">
        <v>297</v>
      </c>
      <c r="E53621" s="15">
        <v>45707</v>
      </c>
      <c r="F53621" s="14" t="s">
        <v>25</v>
      </c>
      <c r="G53621" s="16">
        <v>0</v>
      </c>
    </row>
    <row r="53622" spans="1:7" x14ac:dyDescent="0.3">
      <c r="A53622" s="13" t="s">
        <v>296</v>
      </c>
      <c r="B53622" s="14" t="s">
        <v>1</v>
      </c>
      <c r="C53622" s="14" t="s">
        <v>51</v>
      </c>
      <c r="D53622" s="14" t="s">
        <v>297</v>
      </c>
      <c r="E53622" s="15">
        <v>45708</v>
      </c>
      <c r="F53622" s="14" t="s">
        <v>25</v>
      </c>
      <c r="G53622" s="16">
        <v>0</v>
      </c>
    </row>
    <row r="53623" spans="1:7" x14ac:dyDescent="0.3">
      <c r="A53623" s="13" t="s">
        <v>296</v>
      </c>
      <c r="B53623" s="14" t="s">
        <v>1</v>
      </c>
      <c r="C53623" s="14" t="s">
        <v>51</v>
      </c>
      <c r="D53623" s="14" t="s">
        <v>297</v>
      </c>
      <c r="E53623" s="15">
        <v>45709</v>
      </c>
      <c r="F53623" s="14" t="s">
        <v>25</v>
      </c>
      <c r="G53623" s="16">
        <v>0</v>
      </c>
    </row>
    <row r="53624" spans="1:7" x14ac:dyDescent="0.3">
      <c r="A53624" s="13" t="s">
        <v>296</v>
      </c>
      <c r="B53624" s="14" t="s">
        <v>1</v>
      </c>
      <c r="C53624" s="14" t="s">
        <v>51</v>
      </c>
      <c r="D53624" s="14" t="s">
        <v>297</v>
      </c>
      <c r="E53624" s="15">
        <v>45710</v>
      </c>
      <c r="F53624" s="14" t="s">
        <v>25</v>
      </c>
      <c r="G53624" s="16">
        <v>0</v>
      </c>
    </row>
    <row r="53625" spans="1:7" x14ac:dyDescent="0.3">
      <c r="A53625" s="13" t="s">
        <v>296</v>
      </c>
      <c r="B53625" s="14" t="s">
        <v>1</v>
      </c>
      <c r="C53625" s="14" t="s">
        <v>51</v>
      </c>
      <c r="D53625" s="14" t="s">
        <v>297</v>
      </c>
      <c r="E53625" s="15">
        <v>45711</v>
      </c>
      <c r="F53625" s="14" t="s">
        <v>25</v>
      </c>
      <c r="G53625" s="16">
        <v>0</v>
      </c>
    </row>
    <row r="53626" spans="1:7" x14ac:dyDescent="0.3">
      <c r="A53626" s="13" t="s">
        <v>296</v>
      </c>
      <c r="B53626" s="14" t="s">
        <v>1</v>
      </c>
      <c r="C53626" s="14" t="s">
        <v>51</v>
      </c>
      <c r="D53626" s="14" t="s">
        <v>297</v>
      </c>
      <c r="E53626" s="15">
        <v>45712</v>
      </c>
      <c r="F53626" s="14" t="s">
        <v>25</v>
      </c>
      <c r="G53626" s="16">
        <v>0</v>
      </c>
    </row>
    <row r="53627" spans="1:7" x14ac:dyDescent="0.3">
      <c r="A53627" s="13" t="s">
        <v>296</v>
      </c>
      <c r="B53627" s="14" t="s">
        <v>1</v>
      </c>
      <c r="C53627" s="14" t="s">
        <v>51</v>
      </c>
      <c r="D53627" s="14" t="s">
        <v>297</v>
      </c>
      <c r="E53627" s="15">
        <v>45713</v>
      </c>
      <c r="F53627" s="14" t="s">
        <v>25</v>
      </c>
      <c r="G53627" s="16">
        <v>0</v>
      </c>
    </row>
    <row r="53628" spans="1:7" x14ac:dyDescent="0.3">
      <c r="A53628" s="13" t="s">
        <v>296</v>
      </c>
      <c r="B53628" s="14" t="s">
        <v>1</v>
      </c>
      <c r="C53628" s="14" t="s">
        <v>51</v>
      </c>
      <c r="D53628" s="14" t="s">
        <v>297</v>
      </c>
      <c r="E53628" s="15">
        <v>45714</v>
      </c>
      <c r="F53628" s="14" t="s">
        <v>25</v>
      </c>
      <c r="G53628" s="16">
        <v>0</v>
      </c>
    </row>
    <row r="53629" spans="1:7" x14ac:dyDescent="0.3">
      <c r="A53629" s="13" t="s">
        <v>296</v>
      </c>
      <c r="B53629" s="14" t="s">
        <v>1</v>
      </c>
      <c r="C53629" s="14" t="s">
        <v>51</v>
      </c>
      <c r="D53629" s="14" t="s">
        <v>297</v>
      </c>
      <c r="E53629" s="15">
        <v>45715</v>
      </c>
      <c r="F53629" s="14" t="s">
        <v>25</v>
      </c>
      <c r="G53629" s="16">
        <v>0</v>
      </c>
    </row>
    <row r="53630" spans="1:7" x14ac:dyDescent="0.3">
      <c r="A53630" s="13" t="s">
        <v>296</v>
      </c>
      <c r="B53630" s="14" t="s">
        <v>1</v>
      </c>
      <c r="C53630" s="14" t="s">
        <v>51</v>
      </c>
      <c r="D53630" s="14" t="s">
        <v>297</v>
      </c>
      <c r="E53630" s="15">
        <v>45716</v>
      </c>
      <c r="F53630" s="14" t="s">
        <v>25</v>
      </c>
      <c r="G53630" s="16">
        <v>0</v>
      </c>
    </row>
    <row r="53631" spans="1:7" x14ac:dyDescent="0.3">
      <c r="A53631" s="13" t="s">
        <v>296</v>
      </c>
      <c r="B53631" s="14" t="s">
        <v>1</v>
      </c>
      <c r="C53631" s="14" t="s">
        <v>51</v>
      </c>
      <c r="D53631" s="14" t="s">
        <v>297</v>
      </c>
      <c r="E53631" s="15">
        <v>45717</v>
      </c>
      <c r="F53631" s="14" t="s">
        <v>25</v>
      </c>
      <c r="G53631" s="16">
        <v>0</v>
      </c>
    </row>
    <row r="53632" spans="1:7" x14ac:dyDescent="0.3">
      <c r="A53632" s="13" t="s">
        <v>296</v>
      </c>
      <c r="B53632" s="14" t="s">
        <v>1</v>
      </c>
      <c r="C53632" s="14" t="s">
        <v>51</v>
      </c>
      <c r="D53632" s="14" t="s">
        <v>297</v>
      </c>
      <c r="E53632" s="15">
        <v>45718</v>
      </c>
      <c r="F53632" s="14" t="s">
        <v>25</v>
      </c>
      <c r="G53632" s="16">
        <v>0</v>
      </c>
    </row>
    <row r="53633" spans="1:7" x14ac:dyDescent="0.3">
      <c r="A53633" s="13" t="s">
        <v>296</v>
      </c>
      <c r="B53633" s="14" t="s">
        <v>1</v>
      </c>
      <c r="C53633" s="14" t="s">
        <v>51</v>
      </c>
      <c r="D53633" s="14" t="s">
        <v>297</v>
      </c>
      <c r="E53633" s="15">
        <v>45719</v>
      </c>
      <c r="F53633" s="14" t="s">
        <v>25</v>
      </c>
      <c r="G53633" s="16">
        <v>0</v>
      </c>
    </row>
    <row r="53634" spans="1:7" x14ac:dyDescent="0.3">
      <c r="A53634" s="13" t="s">
        <v>296</v>
      </c>
      <c r="B53634" s="14" t="s">
        <v>1</v>
      </c>
      <c r="C53634" s="14" t="s">
        <v>51</v>
      </c>
      <c r="D53634" s="14" t="s">
        <v>297</v>
      </c>
      <c r="E53634" s="15">
        <v>45720</v>
      </c>
      <c r="F53634" s="14" t="s">
        <v>25</v>
      </c>
      <c r="G53634" s="16">
        <v>0</v>
      </c>
    </row>
    <row r="53635" spans="1:7" x14ac:dyDescent="0.3">
      <c r="A53635" s="13" t="s">
        <v>296</v>
      </c>
      <c r="B53635" s="14" t="s">
        <v>1</v>
      </c>
      <c r="C53635" s="14" t="s">
        <v>51</v>
      </c>
      <c r="D53635" s="14" t="s">
        <v>297</v>
      </c>
      <c r="E53635" s="15">
        <v>45721</v>
      </c>
      <c r="F53635" s="14" t="s">
        <v>25</v>
      </c>
      <c r="G53635" s="16">
        <v>0</v>
      </c>
    </row>
    <row r="53636" spans="1:7" x14ac:dyDescent="0.3">
      <c r="A53636" s="13" t="s">
        <v>296</v>
      </c>
      <c r="B53636" s="14" t="s">
        <v>1</v>
      </c>
      <c r="C53636" s="14" t="s">
        <v>51</v>
      </c>
      <c r="D53636" s="14" t="s">
        <v>297</v>
      </c>
      <c r="E53636" s="15">
        <v>45722</v>
      </c>
      <c r="F53636" s="14" t="s">
        <v>25</v>
      </c>
      <c r="G53636" s="16">
        <v>0</v>
      </c>
    </row>
    <row r="53637" spans="1:7" x14ac:dyDescent="0.3">
      <c r="A53637" s="13" t="s">
        <v>296</v>
      </c>
      <c r="B53637" s="14" t="s">
        <v>1</v>
      </c>
      <c r="C53637" s="14" t="s">
        <v>51</v>
      </c>
      <c r="D53637" s="14" t="s">
        <v>297</v>
      </c>
      <c r="E53637" s="15">
        <v>45723</v>
      </c>
      <c r="F53637" s="14" t="s">
        <v>25</v>
      </c>
      <c r="G53637" s="16">
        <v>0</v>
      </c>
    </row>
    <row r="53638" spans="1:7" x14ac:dyDescent="0.3">
      <c r="A53638" s="13" t="s">
        <v>296</v>
      </c>
      <c r="B53638" s="14" t="s">
        <v>1</v>
      </c>
      <c r="C53638" s="14" t="s">
        <v>51</v>
      </c>
      <c r="D53638" s="14" t="s">
        <v>297</v>
      </c>
      <c r="E53638" s="15">
        <v>45724</v>
      </c>
      <c r="F53638" s="14" t="s">
        <v>25</v>
      </c>
      <c r="G53638" s="16">
        <v>0</v>
      </c>
    </row>
    <row r="53639" spans="1:7" x14ac:dyDescent="0.3">
      <c r="A53639" s="13" t="s">
        <v>296</v>
      </c>
      <c r="B53639" s="14" t="s">
        <v>1</v>
      </c>
      <c r="C53639" s="14" t="s">
        <v>51</v>
      </c>
      <c r="D53639" s="14" t="s">
        <v>297</v>
      </c>
      <c r="E53639" s="15">
        <v>45725</v>
      </c>
      <c r="F53639" s="14" t="s">
        <v>25</v>
      </c>
      <c r="G53639" s="16">
        <v>0</v>
      </c>
    </row>
    <row r="53640" spans="1:7" x14ac:dyDescent="0.3">
      <c r="A53640" s="13" t="s">
        <v>296</v>
      </c>
      <c r="B53640" s="14" t="s">
        <v>1</v>
      </c>
      <c r="C53640" s="14" t="s">
        <v>51</v>
      </c>
      <c r="D53640" s="14" t="s">
        <v>297</v>
      </c>
      <c r="E53640" s="15">
        <v>45726</v>
      </c>
      <c r="F53640" s="14" t="s">
        <v>25</v>
      </c>
      <c r="G53640" s="16">
        <v>0</v>
      </c>
    </row>
    <row r="53641" spans="1:7" x14ac:dyDescent="0.3">
      <c r="A53641" s="13" t="s">
        <v>296</v>
      </c>
      <c r="B53641" s="14" t="s">
        <v>1</v>
      </c>
      <c r="C53641" s="14" t="s">
        <v>51</v>
      </c>
      <c r="D53641" s="14" t="s">
        <v>297</v>
      </c>
      <c r="E53641" s="15">
        <v>45727</v>
      </c>
      <c r="F53641" s="14" t="s">
        <v>25</v>
      </c>
      <c r="G53641" s="16">
        <v>0</v>
      </c>
    </row>
    <row r="53642" spans="1:7" x14ac:dyDescent="0.3">
      <c r="A53642" s="13" t="s">
        <v>296</v>
      </c>
      <c r="B53642" s="14" t="s">
        <v>1</v>
      </c>
      <c r="C53642" s="14" t="s">
        <v>51</v>
      </c>
      <c r="D53642" s="14" t="s">
        <v>297</v>
      </c>
      <c r="E53642" s="15">
        <v>45728</v>
      </c>
      <c r="F53642" s="14" t="s">
        <v>25</v>
      </c>
      <c r="G53642" s="16">
        <v>0</v>
      </c>
    </row>
    <row r="53643" spans="1:7" x14ac:dyDescent="0.3">
      <c r="A53643" s="13" t="s">
        <v>296</v>
      </c>
      <c r="B53643" s="14" t="s">
        <v>1</v>
      </c>
      <c r="C53643" s="14" t="s">
        <v>51</v>
      </c>
      <c r="D53643" s="14" t="s">
        <v>297</v>
      </c>
      <c r="E53643" s="15">
        <v>45729</v>
      </c>
      <c r="F53643" s="14" t="s">
        <v>25</v>
      </c>
      <c r="G53643" s="16">
        <v>0</v>
      </c>
    </row>
    <row r="53644" spans="1:7" x14ac:dyDescent="0.3">
      <c r="A53644" s="13" t="s">
        <v>296</v>
      </c>
      <c r="B53644" s="14" t="s">
        <v>1</v>
      </c>
      <c r="C53644" s="14" t="s">
        <v>51</v>
      </c>
      <c r="D53644" s="14" t="s">
        <v>297</v>
      </c>
      <c r="E53644" s="15">
        <v>45730</v>
      </c>
      <c r="F53644" s="14" t="s">
        <v>25</v>
      </c>
      <c r="G53644" s="16">
        <v>0</v>
      </c>
    </row>
    <row r="53645" spans="1:7" x14ac:dyDescent="0.3">
      <c r="A53645" s="13" t="s">
        <v>296</v>
      </c>
      <c r="B53645" s="14" t="s">
        <v>1</v>
      </c>
      <c r="C53645" s="14" t="s">
        <v>51</v>
      </c>
      <c r="D53645" s="14" t="s">
        <v>297</v>
      </c>
      <c r="E53645" s="15">
        <v>45731</v>
      </c>
      <c r="F53645" s="14" t="s">
        <v>25</v>
      </c>
      <c r="G53645" s="16">
        <v>0</v>
      </c>
    </row>
    <row r="53646" spans="1:7" x14ac:dyDescent="0.3">
      <c r="A53646" s="13" t="s">
        <v>296</v>
      </c>
      <c r="B53646" s="14" t="s">
        <v>1</v>
      </c>
      <c r="C53646" s="14" t="s">
        <v>51</v>
      </c>
      <c r="D53646" s="14" t="s">
        <v>297</v>
      </c>
      <c r="E53646" s="15">
        <v>45732</v>
      </c>
      <c r="F53646" s="14" t="s">
        <v>25</v>
      </c>
      <c r="G53646" s="16">
        <v>0</v>
      </c>
    </row>
    <row r="53647" spans="1:7" x14ac:dyDescent="0.3">
      <c r="A53647" s="13" t="s">
        <v>296</v>
      </c>
      <c r="B53647" s="14" t="s">
        <v>1</v>
      </c>
      <c r="C53647" s="14" t="s">
        <v>51</v>
      </c>
      <c r="D53647" s="14" t="s">
        <v>297</v>
      </c>
      <c r="E53647" s="15">
        <v>45733</v>
      </c>
      <c r="F53647" s="14" t="s">
        <v>25</v>
      </c>
      <c r="G53647" s="16">
        <v>0</v>
      </c>
    </row>
    <row r="53648" spans="1:7" x14ac:dyDescent="0.3">
      <c r="A53648" s="13" t="s">
        <v>296</v>
      </c>
      <c r="B53648" s="14" t="s">
        <v>1</v>
      </c>
      <c r="C53648" s="14" t="s">
        <v>51</v>
      </c>
      <c r="D53648" s="14" t="s">
        <v>297</v>
      </c>
      <c r="E53648" s="15">
        <v>45734</v>
      </c>
      <c r="F53648" s="14" t="s">
        <v>25</v>
      </c>
      <c r="G53648" s="16">
        <v>0</v>
      </c>
    </row>
    <row r="53649" spans="1:7" x14ac:dyDescent="0.3">
      <c r="A53649" s="13" t="s">
        <v>296</v>
      </c>
      <c r="B53649" s="14" t="s">
        <v>1</v>
      </c>
      <c r="C53649" s="14" t="s">
        <v>51</v>
      </c>
      <c r="D53649" s="14" t="s">
        <v>297</v>
      </c>
      <c r="E53649" s="15">
        <v>45735</v>
      </c>
      <c r="F53649" s="14" t="s">
        <v>25</v>
      </c>
      <c r="G53649" s="16">
        <v>0</v>
      </c>
    </row>
    <row r="53650" spans="1:7" x14ac:dyDescent="0.3">
      <c r="A53650" s="13" t="s">
        <v>296</v>
      </c>
      <c r="B53650" s="14" t="s">
        <v>1</v>
      </c>
      <c r="C53650" s="14" t="s">
        <v>51</v>
      </c>
      <c r="D53650" s="14" t="s">
        <v>297</v>
      </c>
      <c r="E53650" s="15">
        <v>45736</v>
      </c>
      <c r="F53650" s="14" t="s">
        <v>25</v>
      </c>
      <c r="G53650" s="16">
        <v>0</v>
      </c>
    </row>
    <row r="53651" spans="1:7" x14ac:dyDescent="0.3">
      <c r="A53651" s="13" t="s">
        <v>296</v>
      </c>
      <c r="B53651" s="14" t="s">
        <v>1</v>
      </c>
      <c r="C53651" s="14" t="s">
        <v>51</v>
      </c>
      <c r="D53651" s="14" t="s">
        <v>297</v>
      </c>
      <c r="E53651" s="15">
        <v>45737</v>
      </c>
      <c r="F53651" s="14" t="s">
        <v>25</v>
      </c>
      <c r="G53651" s="16">
        <v>0</v>
      </c>
    </row>
    <row r="53652" spans="1:7" x14ac:dyDescent="0.3">
      <c r="A53652" s="13" t="s">
        <v>296</v>
      </c>
      <c r="B53652" s="14" t="s">
        <v>1</v>
      </c>
      <c r="C53652" s="14" t="s">
        <v>51</v>
      </c>
      <c r="D53652" s="14" t="s">
        <v>297</v>
      </c>
      <c r="E53652" s="15">
        <v>45738</v>
      </c>
      <c r="F53652" s="14" t="s">
        <v>25</v>
      </c>
      <c r="G53652" s="16">
        <v>0</v>
      </c>
    </row>
    <row r="53653" spans="1:7" x14ac:dyDescent="0.3">
      <c r="A53653" s="13" t="s">
        <v>296</v>
      </c>
      <c r="B53653" s="14" t="s">
        <v>1</v>
      </c>
      <c r="C53653" s="14" t="s">
        <v>51</v>
      </c>
      <c r="D53653" s="14" t="s">
        <v>297</v>
      </c>
      <c r="E53653" s="15">
        <v>45739</v>
      </c>
      <c r="F53653" s="14" t="s">
        <v>25</v>
      </c>
      <c r="G53653" s="16">
        <v>0</v>
      </c>
    </row>
    <row r="53654" spans="1:7" x14ac:dyDescent="0.3">
      <c r="A53654" s="13" t="s">
        <v>296</v>
      </c>
      <c r="B53654" s="14" t="s">
        <v>1</v>
      </c>
      <c r="C53654" s="14" t="s">
        <v>51</v>
      </c>
      <c r="D53654" s="14" t="s">
        <v>297</v>
      </c>
      <c r="E53654" s="15">
        <v>45740</v>
      </c>
      <c r="F53654" s="14" t="s">
        <v>25</v>
      </c>
      <c r="G53654" s="16">
        <v>0</v>
      </c>
    </row>
    <row r="53655" spans="1:7" x14ac:dyDescent="0.3">
      <c r="A53655" s="13" t="s">
        <v>296</v>
      </c>
      <c r="B53655" s="14" t="s">
        <v>1</v>
      </c>
      <c r="C53655" s="14" t="s">
        <v>51</v>
      </c>
      <c r="D53655" s="14" t="s">
        <v>297</v>
      </c>
      <c r="E53655" s="15">
        <v>45741</v>
      </c>
      <c r="F53655" s="14" t="s">
        <v>25</v>
      </c>
      <c r="G53655" s="16">
        <v>0</v>
      </c>
    </row>
    <row r="53656" spans="1:7" x14ac:dyDescent="0.3">
      <c r="A53656" s="13" t="s">
        <v>296</v>
      </c>
      <c r="B53656" s="14" t="s">
        <v>1</v>
      </c>
      <c r="C53656" s="14" t="s">
        <v>51</v>
      </c>
      <c r="D53656" s="14" t="s">
        <v>297</v>
      </c>
      <c r="E53656" s="15">
        <v>45742</v>
      </c>
      <c r="F53656" s="14" t="s">
        <v>25</v>
      </c>
      <c r="G53656" s="16">
        <v>0</v>
      </c>
    </row>
    <row r="53657" spans="1:7" x14ac:dyDescent="0.3">
      <c r="A53657" s="13" t="s">
        <v>296</v>
      </c>
      <c r="B53657" s="14" t="s">
        <v>1</v>
      </c>
      <c r="C53657" s="14" t="s">
        <v>51</v>
      </c>
      <c r="D53657" s="14" t="s">
        <v>297</v>
      </c>
      <c r="E53657" s="15">
        <v>45743</v>
      </c>
      <c r="F53657" s="14" t="s">
        <v>25</v>
      </c>
      <c r="G53657" s="16">
        <v>0</v>
      </c>
    </row>
    <row r="53658" spans="1:7" x14ac:dyDescent="0.3">
      <c r="A53658" s="13" t="s">
        <v>296</v>
      </c>
      <c r="B53658" s="14" t="s">
        <v>1</v>
      </c>
      <c r="C53658" s="14" t="s">
        <v>51</v>
      </c>
      <c r="D53658" s="14" t="s">
        <v>297</v>
      </c>
      <c r="E53658" s="15">
        <v>45744</v>
      </c>
      <c r="F53658" s="14" t="s">
        <v>25</v>
      </c>
      <c r="G53658" s="16">
        <v>0</v>
      </c>
    </row>
    <row r="53659" spans="1:7" x14ac:dyDescent="0.3">
      <c r="A53659" s="13" t="s">
        <v>296</v>
      </c>
      <c r="B53659" s="14" t="s">
        <v>1</v>
      </c>
      <c r="C53659" s="14" t="s">
        <v>51</v>
      </c>
      <c r="D53659" s="14" t="s">
        <v>297</v>
      </c>
      <c r="E53659" s="15">
        <v>45745</v>
      </c>
      <c r="F53659" s="14" t="s">
        <v>25</v>
      </c>
      <c r="G53659" s="16">
        <v>0</v>
      </c>
    </row>
    <row r="53660" spans="1:7" x14ac:dyDescent="0.3">
      <c r="A53660" s="13" t="s">
        <v>296</v>
      </c>
      <c r="B53660" s="14" t="s">
        <v>1</v>
      </c>
      <c r="C53660" s="14" t="s">
        <v>51</v>
      </c>
      <c r="D53660" s="14" t="s">
        <v>297</v>
      </c>
      <c r="E53660" s="15">
        <v>45746</v>
      </c>
      <c r="F53660" s="14" t="s">
        <v>25</v>
      </c>
      <c r="G53660" s="16">
        <v>0</v>
      </c>
    </row>
    <row r="53661" spans="1:7" x14ac:dyDescent="0.3">
      <c r="A53661" s="13" t="s">
        <v>296</v>
      </c>
      <c r="B53661" s="14" t="s">
        <v>1</v>
      </c>
      <c r="C53661" s="14" t="s">
        <v>51</v>
      </c>
      <c r="D53661" s="14" t="s">
        <v>297</v>
      </c>
      <c r="E53661" s="15">
        <v>45747</v>
      </c>
      <c r="F53661" s="14" t="s">
        <v>25</v>
      </c>
      <c r="G53661" s="16">
        <v>0</v>
      </c>
    </row>
    <row r="53662" spans="1:7" x14ac:dyDescent="0.3">
      <c r="A53662" s="13" t="s">
        <v>298</v>
      </c>
      <c r="B53662" s="14" t="s">
        <v>1</v>
      </c>
      <c r="C53662" s="14" t="s">
        <v>157</v>
      </c>
      <c r="D53662" s="14" t="s">
        <v>14</v>
      </c>
      <c r="E53662" s="15">
        <v>45383</v>
      </c>
      <c r="F53662" s="14" t="s">
        <v>15</v>
      </c>
      <c r="G53662" s="16">
        <v>0</v>
      </c>
    </row>
    <row r="53663" spans="1:7" x14ac:dyDescent="0.3">
      <c r="A53663" s="13" t="s">
        <v>298</v>
      </c>
      <c r="B53663" s="14" t="s">
        <v>1</v>
      </c>
      <c r="C53663" s="14" t="s">
        <v>157</v>
      </c>
      <c r="D53663" s="14" t="s">
        <v>14</v>
      </c>
      <c r="E53663" s="15">
        <v>45384</v>
      </c>
      <c r="F53663" s="14" t="s">
        <v>15</v>
      </c>
      <c r="G53663" s="16">
        <v>0</v>
      </c>
    </row>
    <row r="53664" spans="1:7" x14ac:dyDescent="0.3">
      <c r="A53664" s="13" t="s">
        <v>298</v>
      </c>
      <c r="B53664" s="14" t="s">
        <v>1</v>
      </c>
      <c r="C53664" s="14" t="s">
        <v>157</v>
      </c>
      <c r="D53664" s="14" t="s">
        <v>14</v>
      </c>
      <c r="E53664" s="15">
        <v>45385</v>
      </c>
      <c r="F53664" s="14" t="s">
        <v>15</v>
      </c>
      <c r="G53664" s="16">
        <v>0</v>
      </c>
    </row>
    <row r="53665" spans="1:7" x14ac:dyDescent="0.3">
      <c r="A53665" s="13" t="s">
        <v>298</v>
      </c>
      <c r="B53665" s="14" t="s">
        <v>1</v>
      </c>
      <c r="C53665" s="14" t="s">
        <v>157</v>
      </c>
      <c r="D53665" s="14" t="s">
        <v>14</v>
      </c>
      <c r="E53665" s="15">
        <v>45386</v>
      </c>
      <c r="F53665" s="14" t="s">
        <v>15</v>
      </c>
      <c r="G53665" s="16">
        <v>0</v>
      </c>
    </row>
    <row r="53666" spans="1:7" x14ac:dyDescent="0.3">
      <c r="A53666" s="13" t="s">
        <v>298</v>
      </c>
      <c r="B53666" s="14" t="s">
        <v>1</v>
      </c>
      <c r="C53666" s="14" t="s">
        <v>157</v>
      </c>
      <c r="D53666" s="14" t="s">
        <v>14</v>
      </c>
      <c r="E53666" s="15">
        <v>45387</v>
      </c>
      <c r="F53666" s="14" t="s">
        <v>15</v>
      </c>
      <c r="G53666" s="16">
        <v>0</v>
      </c>
    </row>
    <row r="53667" spans="1:7" x14ac:dyDescent="0.3">
      <c r="A53667" s="13" t="s">
        <v>298</v>
      </c>
      <c r="B53667" s="14" t="s">
        <v>1</v>
      </c>
      <c r="C53667" s="14" t="s">
        <v>157</v>
      </c>
      <c r="D53667" s="14" t="s">
        <v>14</v>
      </c>
      <c r="E53667" s="15">
        <v>45388</v>
      </c>
      <c r="F53667" s="14" t="s">
        <v>15</v>
      </c>
      <c r="G53667" s="16">
        <v>0</v>
      </c>
    </row>
    <row r="53668" spans="1:7" x14ac:dyDescent="0.3">
      <c r="A53668" s="13" t="s">
        <v>298</v>
      </c>
      <c r="B53668" s="14" t="s">
        <v>1</v>
      </c>
      <c r="C53668" s="14" t="s">
        <v>157</v>
      </c>
      <c r="D53668" s="14" t="s">
        <v>14</v>
      </c>
      <c r="E53668" s="15">
        <v>45389</v>
      </c>
      <c r="F53668" s="14" t="s">
        <v>15</v>
      </c>
      <c r="G53668" s="16">
        <v>0</v>
      </c>
    </row>
    <row r="53669" spans="1:7" x14ac:dyDescent="0.3">
      <c r="A53669" s="13" t="s">
        <v>298</v>
      </c>
      <c r="B53669" s="14" t="s">
        <v>1</v>
      </c>
      <c r="C53669" s="14" t="s">
        <v>157</v>
      </c>
      <c r="D53669" s="14" t="s">
        <v>14</v>
      </c>
      <c r="E53669" s="15">
        <v>45390</v>
      </c>
      <c r="F53669" s="14" t="s">
        <v>15</v>
      </c>
      <c r="G53669" s="16">
        <v>5.5559459985707507E-2</v>
      </c>
    </row>
    <row r="53670" spans="1:7" x14ac:dyDescent="0.3">
      <c r="A53670" s="13" t="s">
        <v>298</v>
      </c>
      <c r="B53670" s="14" t="s">
        <v>1</v>
      </c>
      <c r="C53670" s="14" t="s">
        <v>157</v>
      </c>
      <c r="D53670" s="14" t="s">
        <v>14</v>
      </c>
      <c r="E53670" s="15">
        <v>45391</v>
      </c>
      <c r="F53670" s="14" t="s">
        <v>15</v>
      </c>
      <c r="G53670" s="16">
        <v>4.4193890899058598E-2</v>
      </c>
    </row>
    <row r="53671" spans="1:7" x14ac:dyDescent="0.3">
      <c r="A53671" s="13" t="s">
        <v>298</v>
      </c>
      <c r="B53671" s="14" t="s">
        <v>1</v>
      </c>
      <c r="C53671" s="14" t="s">
        <v>157</v>
      </c>
      <c r="D53671" s="14" t="s">
        <v>14</v>
      </c>
      <c r="E53671" s="15">
        <v>45392</v>
      </c>
      <c r="F53671" s="14" t="s">
        <v>15</v>
      </c>
      <c r="G53671" s="16">
        <v>4.4193890899058598E-2</v>
      </c>
    </row>
    <row r="53672" spans="1:7" x14ac:dyDescent="0.3">
      <c r="A53672" s="13" t="s">
        <v>298</v>
      </c>
      <c r="B53672" s="14" t="s">
        <v>1</v>
      </c>
      <c r="C53672" s="14" t="s">
        <v>157</v>
      </c>
      <c r="D53672" s="14" t="s">
        <v>14</v>
      </c>
      <c r="E53672" s="15">
        <v>45393</v>
      </c>
      <c r="F53672" s="14" t="s">
        <v>15</v>
      </c>
      <c r="G53672" s="16">
        <v>4.0389955820596735E-2</v>
      </c>
    </row>
    <row r="53673" spans="1:7" x14ac:dyDescent="0.3">
      <c r="A53673" s="13" t="s">
        <v>298</v>
      </c>
      <c r="B53673" s="14" t="s">
        <v>1</v>
      </c>
      <c r="C53673" s="14" t="s">
        <v>157</v>
      </c>
      <c r="D53673" s="14" t="s">
        <v>14</v>
      </c>
      <c r="E53673" s="15">
        <v>45394</v>
      </c>
      <c r="F53673" s="14" t="s">
        <v>15</v>
      </c>
      <c r="G53673" s="16">
        <v>0.13018115844380154</v>
      </c>
    </row>
    <row r="53674" spans="1:7" x14ac:dyDescent="0.3">
      <c r="A53674" s="13" t="s">
        <v>298</v>
      </c>
      <c r="B53674" s="14" t="s">
        <v>1</v>
      </c>
      <c r="C53674" s="14" t="s">
        <v>157</v>
      </c>
      <c r="D53674" s="14" t="s">
        <v>14</v>
      </c>
      <c r="E53674" s="15">
        <v>45395</v>
      </c>
      <c r="F53674" s="14" t="s">
        <v>15</v>
      </c>
      <c r="G53674" s="16">
        <v>0.13018115844380154</v>
      </c>
    </row>
    <row r="53675" spans="1:7" x14ac:dyDescent="0.3">
      <c r="A53675" s="13" t="s">
        <v>298</v>
      </c>
      <c r="B53675" s="14" t="s">
        <v>1</v>
      </c>
      <c r="C53675" s="14" t="s">
        <v>157</v>
      </c>
      <c r="D53675" s="14" t="s">
        <v>14</v>
      </c>
      <c r="E53675" s="15">
        <v>45396</v>
      </c>
      <c r="F53675" s="14" t="s">
        <v>15</v>
      </c>
      <c r="G53675" s="16">
        <v>0.13018115844380154</v>
      </c>
    </row>
    <row r="53676" spans="1:7" x14ac:dyDescent="0.3">
      <c r="A53676" s="13" t="s">
        <v>298</v>
      </c>
      <c r="B53676" s="14" t="s">
        <v>1</v>
      </c>
      <c r="C53676" s="14" t="s">
        <v>157</v>
      </c>
      <c r="D53676" s="14" t="s">
        <v>14</v>
      </c>
      <c r="E53676" s="15">
        <v>45397</v>
      </c>
      <c r="F53676" s="14" t="s">
        <v>15</v>
      </c>
      <c r="G53676" s="16">
        <v>0.12634389843926036</v>
      </c>
    </row>
    <row r="53677" spans="1:7" x14ac:dyDescent="0.3">
      <c r="A53677" s="13" t="s">
        <v>298</v>
      </c>
      <c r="B53677" s="14" t="s">
        <v>1</v>
      </c>
      <c r="C53677" s="14" t="s">
        <v>157</v>
      </c>
      <c r="D53677" s="14" t="s">
        <v>14</v>
      </c>
      <c r="E53677" s="15">
        <v>45398</v>
      </c>
      <c r="F53677" s="14" t="s">
        <v>15</v>
      </c>
      <c r="G53677" s="16">
        <v>0.11494674009976541</v>
      </c>
    </row>
    <row r="53678" spans="1:7" x14ac:dyDescent="0.3">
      <c r="A53678" s="13" t="s">
        <v>298</v>
      </c>
      <c r="B53678" s="14" t="s">
        <v>1</v>
      </c>
      <c r="C53678" s="14" t="s">
        <v>157</v>
      </c>
      <c r="D53678" s="14" t="s">
        <v>14</v>
      </c>
      <c r="E53678" s="15">
        <v>45399</v>
      </c>
      <c r="F53678" s="14" t="s">
        <v>15</v>
      </c>
      <c r="G53678" s="16">
        <v>0.11120841346952222</v>
      </c>
    </row>
    <row r="53679" spans="1:7" x14ac:dyDescent="0.3">
      <c r="A53679" s="13" t="s">
        <v>298</v>
      </c>
      <c r="B53679" s="14" t="s">
        <v>1</v>
      </c>
      <c r="C53679" s="14" t="s">
        <v>157</v>
      </c>
      <c r="D53679" s="14" t="s">
        <v>14</v>
      </c>
      <c r="E53679" s="15">
        <v>45400</v>
      </c>
      <c r="F53679" s="14" t="s">
        <v>15</v>
      </c>
      <c r="G53679" s="16">
        <v>0.10757422723327693</v>
      </c>
    </row>
    <row r="53680" spans="1:7" x14ac:dyDescent="0.3">
      <c r="A53680" s="13" t="s">
        <v>298</v>
      </c>
      <c r="B53680" s="14" t="s">
        <v>1</v>
      </c>
      <c r="C53680" s="14" t="s">
        <v>157</v>
      </c>
      <c r="D53680" s="14" t="s">
        <v>14</v>
      </c>
      <c r="E53680" s="15">
        <v>45401</v>
      </c>
      <c r="F53680" s="14" t="s">
        <v>15</v>
      </c>
      <c r="G53680" s="16">
        <v>8.8452975870958239E-2</v>
      </c>
    </row>
    <row r="53681" spans="1:7" x14ac:dyDescent="0.3">
      <c r="A53681" s="13" t="s">
        <v>298</v>
      </c>
      <c r="B53681" s="14" t="s">
        <v>1</v>
      </c>
      <c r="C53681" s="14" t="s">
        <v>157</v>
      </c>
      <c r="D53681" s="14" t="s">
        <v>14</v>
      </c>
      <c r="E53681" s="15">
        <v>45402</v>
      </c>
      <c r="F53681" s="14" t="s">
        <v>15</v>
      </c>
      <c r="G53681" s="16">
        <v>8.8452975870958239E-2</v>
      </c>
    </row>
    <row r="53682" spans="1:7" x14ac:dyDescent="0.3">
      <c r="A53682" s="13" t="s">
        <v>298</v>
      </c>
      <c r="B53682" s="14" t="s">
        <v>1</v>
      </c>
      <c r="C53682" s="14" t="s">
        <v>157</v>
      </c>
      <c r="D53682" s="14" t="s">
        <v>14</v>
      </c>
      <c r="E53682" s="15">
        <v>45403</v>
      </c>
      <c r="F53682" s="14" t="s">
        <v>15</v>
      </c>
      <c r="G53682" s="16">
        <v>8.8452975870958239E-2</v>
      </c>
    </row>
    <row r="53683" spans="1:7" x14ac:dyDescent="0.3">
      <c r="A53683" s="13" t="s">
        <v>298</v>
      </c>
      <c r="B53683" s="14" t="s">
        <v>1</v>
      </c>
      <c r="C53683" s="14" t="s">
        <v>157</v>
      </c>
      <c r="D53683" s="14" t="s">
        <v>14</v>
      </c>
      <c r="E53683" s="15">
        <v>45404</v>
      </c>
      <c r="F53683" s="14" t="s">
        <v>15</v>
      </c>
      <c r="G53683" s="16">
        <v>8.4754916859727567E-2</v>
      </c>
    </row>
    <row r="53684" spans="1:7" x14ac:dyDescent="0.3">
      <c r="A53684" s="13" t="s">
        <v>298</v>
      </c>
      <c r="B53684" s="14" t="s">
        <v>1</v>
      </c>
      <c r="C53684" s="14" t="s">
        <v>157</v>
      </c>
      <c r="D53684" s="14" t="s">
        <v>14</v>
      </c>
      <c r="E53684" s="15">
        <v>45405</v>
      </c>
      <c r="F53684" s="14" t="s">
        <v>15</v>
      </c>
      <c r="G53684" s="16">
        <v>0.10497790634981301</v>
      </c>
    </row>
    <row r="53685" spans="1:7" x14ac:dyDescent="0.3">
      <c r="A53685" s="13" t="s">
        <v>298</v>
      </c>
      <c r="B53685" s="14" t="s">
        <v>1</v>
      </c>
      <c r="C53685" s="14" t="s">
        <v>157</v>
      </c>
      <c r="D53685" s="14" t="s">
        <v>14</v>
      </c>
      <c r="E53685" s="15">
        <v>45406</v>
      </c>
      <c r="F53685" s="14" t="s">
        <v>15</v>
      </c>
      <c r="G53685" s="16">
        <v>0.10076331098435277</v>
      </c>
    </row>
    <row r="53686" spans="1:7" x14ac:dyDescent="0.3">
      <c r="A53686" s="13" t="s">
        <v>298</v>
      </c>
      <c r="B53686" s="14" t="s">
        <v>1</v>
      </c>
      <c r="C53686" s="14" t="s">
        <v>157</v>
      </c>
      <c r="D53686" s="14" t="s">
        <v>14</v>
      </c>
      <c r="E53686" s="15">
        <v>45407</v>
      </c>
      <c r="F53686" s="14" t="s">
        <v>15</v>
      </c>
      <c r="G53686" s="16">
        <v>9.7148564288320416E-2</v>
      </c>
    </row>
    <row r="53687" spans="1:7" x14ac:dyDescent="0.3">
      <c r="A53687" s="13" t="s">
        <v>298</v>
      </c>
      <c r="B53687" s="14" t="s">
        <v>1</v>
      </c>
      <c r="C53687" s="14" t="s">
        <v>157</v>
      </c>
      <c r="D53687" s="14" t="s">
        <v>14</v>
      </c>
      <c r="E53687" s="15">
        <v>45408</v>
      </c>
      <c r="F53687" s="14" t="s">
        <v>15</v>
      </c>
      <c r="G53687" s="16">
        <v>0.16475855725926727</v>
      </c>
    </row>
    <row r="53688" spans="1:7" x14ac:dyDescent="0.3">
      <c r="A53688" s="13" t="s">
        <v>298</v>
      </c>
      <c r="B53688" s="14" t="s">
        <v>1</v>
      </c>
      <c r="C53688" s="14" t="s">
        <v>157</v>
      </c>
      <c r="D53688" s="14" t="s">
        <v>14</v>
      </c>
      <c r="E53688" s="15">
        <v>45409</v>
      </c>
      <c r="F53688" s="14" t="s">
        <v>15</v>
      </c>
      <c r="G53688" s="16">
        <v>0.16475855725926727</v>
      </c>
    </row>
    <row r="53689" spans="1:7" x14ac:dyDescent="0.3">
      <c r="A53689" s="13" t="s">
        <v>298</v>
      </c>
      <c r="B53689" s="14" t="s">
        <v>1</v>
      </c>
      <c r="C53689" s="14" t="s">
        <v>157</v>
      </c>
      <c r="D53689" s="14" t="s">
        <v>14</v>
      </c>
      <c r="E53689" s="15">
        <v>45410</v>
      </c>
      <c r="F53689" s="14" t="s">
        <v>15</v>
      </c>
      <c r="G53689" s="16">
        <v>0.16475855725926727</v>
      </c>
    </row>
    <row r="53690" spans="1:7" x14ac:dyDescent="0.3">
      <c r="A53690" s="13" t="s">
        <v>298</v>
      </c>
      <c r="B53690" s="14" t="s">
        <v>1</v>
      </c>
      <c r="C53690" s="14" t="s">
        <v>157</v>
      </c>
      <c r="D53690" s="14" t="s">
        <v>14</v>
      </c>
      <c r="E53690" s="15">
        <v>45411</v>
      </c>
      <c r="F53690" s="14" t="s">
        <v>15</v>
      </c>
      <c r="G53690" s="16">
        <v>0.18127692580020099</v>
      </c>
    </row>
    <row r="53691" spans="1:7" x14ac:dyDescent="0.3">
      <c r="A53691" s="13" t="s">
        <v>298</v>
      </c>
      <c r="B53691" s="14" t="s">
        <v>1</v>
      </c>
      <c r="C53691" s="14" t="s">
        <v>157</v>
      </c>
      <c r="D53691" s="14" t="s">
        <v>14</v>
      </c>
      <c r="E53691" s="15">
        <v>45412</v>
      </c>
      <c r="F53691" s="14" t="s">
        <v>15</v>
      </c>
      <c r="G53691" s="16">
        <v>0.24161514219292163</v>
      </c>
    </row>
    <row r="53692" spans="1:7" x14ac:dyDescent="0.3">
      <c r="A53692" s="13" t="s">
        <v>298</v>
      </c>
      <c r="B53692" s="14" t="s">
        <v>1</v>
      </c>
      <c r="C53692" s="14" t="s">
        <v>157</v>
      </c>
      <c r="D53692" s="14" t="s">
        <v>14</v>
      </c>
      <c r="E53692" s="15">
        <v>45413</v>
      </c>
      <c r="F53692" s="14" t="s">
        <v>15</v>
      </c>
      <c r="G53692" s="16">
        <v>0.24161514219292163</v>
      </c>
    </row>
    <row r="53693" spans="1:7" x14ac:dyDescent="0.3">
      <c r="A53693" s="13" t="s">
        <v>298</v>
      </c>
      <c r="B53693" s="14" t="s">
        <v>1</v>
      </c>
      <c r="C53693" s="14" t="s">
        <v>157</v>
      </c>
      <c r="D53693" s="14" t="s">
        <v>14</v>
      </c>
      <c r="E53693" s="15">
        <v>45414</v>
      </c>
      <c r="F53693" s="14" t="s">
        <v>15</v>
      </c>
      <c r="G53693" s="16">
        <v>0.23743005327242747</v>
      </c>
    </row>
    <row r="53694" spans="1:7" x14ac:dyDescent="0.3">
      <c r="A53694" s="13" t="s">
        <v>298</v>
      </c>
      <c r="B53694" s="14" t="s">
        <v>1</v>
      </c>
      <c r="C53694" s="14" t="s">
        <v>157</v>
      </c>
      <c r="D53694" s="14" t="s">
        <v>14</v>
      </c>
      <c r="E53694" s="15">
        <v>45415</v>
      </c>
      <c r="F53694" s="14" t="s">
        <v>15</v>
      </c>
      <c r="G53694" s="16">
        <v>0.23131940846691226</v>
      </c>
    </row>
    <row r="53695" spans="1:7" x14ac:dyDescent="0.3">
      <c r="A53695" s="13" t="s">
        <v>298</v>
      </c>
      <c r="B53695" s="14" t="s">
        <v>1</v>
      </c>
      <c r="C53695" s="14" t="s">
        <v>157</v>
      </c>
      <c r="D53695" s="14" t="s">
        <v>14</v>
      </c>
      <c r="E53695" s="15">
        <v>45416</v>
      </c>
      <c r="F53695" s="14" t="s">
        <v>15</v>
      </c>
      <c r="G53695" s="16">
        <v>0.23131940846691226</v>
      </c>
    </row>
    <row r="53696" spans="1:7" x14ac:dyDescent="0.3">
      <c r="A53696" s="13" t="s">
        <v>298</v>
      </c>
      <c r="B53696" s="14" t="s">
        <v>1</v>
      </c>
      <c r="C53696" s="14" t="s">
        <v>157</v>
      </c>
      <c r="D53696" s="14" t="s">
        <v>14</v>
      </c>
      <c r="E53696" s="15">
        <v>45417</v>
      </c>
      <c r="F53696" s="14" t="s">
        <v>15</v>
      </c>
      <c r="G53696" s="16">
        <v>0.23131940846691226</v>
      </c>
    </row>
    <row r="53697" spans="1:7" x14ac:dyDescent="0.3">
      <c r="A53697" s="13" t="s">
        <v>298</v>
      </c>
      <c r="B53697" s="14" t="s">
        <v>1</v>
      </c>
      <c r="C53697" s="14" t="s">
        <v>157</v>
      </c>
      <c r="D53697" s="14" t="s">
        <v>14</v>
      </c>
      <c r="E53697" s="15">
        <v>45418</v>
      </c>
      <c r="F53697" s="14" t="s">
        <v>15</v>
      </c>
      <c r="G53697" s="16">
        <v>0.23131940846691226</v>
      </c>
    </row>
    <row r="53698" spans="1:7" x14ac:dyDescent="0.3">
      <c r="A53698" s="13" t="s">
        <v>298</v>
      </c>
      <c r="B53698" s="14" t="s">
        <v>1</v>
      </c>
      <c r="C53698" s="14" t="s">
        <v>157</v>
      </c>
      <c r="D53698" s="14" t="s">
        <v>14</v>
      </c>
      <c r="E53698" s="15">
        <v>45419</v>
      </c>
      <c r="F53698" s="14" t="s">
        <v>15</v>
      </c>
      <c r="G53698" s="16">
        <v>0.22758941306818892</v>
      </c>
    </row>
    <row r="53699" spans="1:7" x14ac:dyDescent="0.3">
      <c r="A53699" s="13" t="s">
        <v>298</v>
      </c>
      <c r="B53699" s="14" t="s">
        <v>1</v>
      </c>
      <c r="C53699" s="14" t="s">
        <v>157</v>
      </c>
      <c r="D53699" s="14" t="s">
        <v>14</v>
      </c>
      <c r="E53699" s="15">
        <v>45420</v>
      </c>
      <c r="F53699" s="14" t="s">
        <v>15</v>
      </c>
      <c r="G53699" s="16">
        <v>0.2125847527828979</v>
      </c>
    </row>
    <row r="53700" spans="1:7" x14ac:dyDescent="0.3">
      <c r="A53700" s="13" t="s">
        <v>298</v>
      </c>
      <c r="B53700" s="14" t="s">
        <v>1</v>
      </c>
      <c r="C53700" s="14" t="s">
        <v>157</v>
      </c>
      <c r="D53700" s="14" t="s">
        <v>14</v>
      </c>
      <c r="E53700" s="15">
        <v>45421</v>
      </c>
      <c r="F53700" s="14" t="s">
        <v>15</v>
      </c>
      <c r="G53700" s="16">
        <v>0.29347529752088009</v>
      </c>
    </row>
    <row r="53701" spans="1:7" x14ac:dyDescent="0.3">
      <c r="A53701" s="13" t="s">
        <v>298</v>
      </c>
      <c r="B53701" s="14" t="s">
        <v>1</v>
      </c>
      <c r="C53701" s="14" t="s">
        <v>157</v>
      </c>
      <c r="D53701" s="14" t="s">
        <v>14</v>
      </c>
      <c r="E53701" s="15">
        <v>45422</v>
      </c>
      <c r="F53701" s="14" t="s">
        <v>15</v>
      </c>
      <c r="G53701" s="16">
        <v>0.48192919361732339</v>
      </c>
    </row>
    <row r="53702" spans="1:7" x14ac:dyDescent="0.3">
      <c r="A53702" s="13" t="s">
        <v>298</v>
      </c>
      <c r="B53702" s="14" t="s">
        <v>1</v>
      </c>
      <c r="C53702" s="14" t="s">
        <v>157</v>
      </c>
      <c r="D53702" s="14" t="s">
        <v>14</v>
      </c>
      <c r="E53702" s="15">
        <v>45423</v>
      </c>
      <c r="F53702" s="14" t="s">
        <v>15</v>
      </c>
      <c r="G53702" s="16">
        <v>0.48192919361732339</v>
      </c>
    </row>
    <row r="53703" spans="1:7" x14ac:dyDescent="0.3">
      <c r="A53703" s="13" t="s">
        <v>298</v>
      </c>
      <c r="B53703" s="14" t="s">
        <v>1</v>
      </c>
      <c r="C53703" s="14" t="s">
        <v>157</v>
      </c>
      <c r="D53703" s="14" t="s">
        <v>14</v>
      </c>
      <c r="E53703" s="15">
        <v>45424</v>
      </c>
      <c r="F53703" s="14" t="s">
        <v>15</v>
      </c>
      <c r="G53703" s="16">
        <v>0.48192919361732339</v>
      </c>
    </row>
    <row r="53704" spans="1:7" x14ac:dyDescent="0.3">
      <c r="A53704" s="13" t="s">
        <v>298</v>
      </c>
      <c r="B53704" s="14" t="s">
        <v>1</v>
      </c>
      <c r="C53704" s="14" t="s">
        <v>157</v>
      </c>
      <c r="D53704" s="14" t="s">
        <v>14</v>
      </c>
      <c r="E53704" s="15">
        <v>45425</v>
      </c>
      <c r="F53704" s="14" t="s">
        <v>15</v>
      </c>
      <c r="G53704" s="16">
        <v>0.4781851544448964</v>
      </c>
    </row>
    <row r="53705" spans="1:7" x14ac:dyDescent="0.3">
      <c r="A53705" s="13" t="s">
        <v>298</v>
      </c>
      <c r="B53705" s="14" t="s">
        <v>1</v>
      </c>
      <c r="C53705" s="14" t="s">
        <v>157</v>
      </c>
      <c r="D53705" s="14" t="s">
        <v>14</v>
      </c>
      <c r="E53705" s="15">
        <v>45426</v>
      </c>
      <c r="F53705" s="14" t="s">
        <v>15</v>
      </c>
      <c r="G53705" s="16">
        <v>0.49422904274881474</v>
      </c>
    </row>
    <row r="53706" spans="1:7" x14ac:dyDescent="0.3">
      <c r="A53706" s="13" t="s">
        <v>298</v>
      </c>
      <c r="B53706" s="14" t="s">
        <v>1</v>
      </c>
      <c r="C53706" s="14" t="s">
        <v>157</v>
      </c>
      <c r="D53706" s="14" t="s">
        <v>14</v>
      </c>
      <c r="E53706" s="15">
        <v>45427</v>
      </c>
      <c r="F53706" s="14" t="s">
        <v>15</v>
      </c>
      <c r="G53706" s="16">
        <v>0.59389647101902288</v>
      </c>
    </row>
    <row r="53707" spans="1:7" x14ac:dyDescent="0.3">
      <c r="A53707" s="13" t="s">
        <v>298</v>
      </c>
      <c r="B53707" s="14" t="s">
        <v>1</v>
      </c>
      <c r="C53707" s="14" t="s">
        <v>157</v>
      </c>
      <c r="D53707" s="14" t="s">
        <v>14</v>
      </c>
      <c r="E53707" s="15">
        <v>45428</v>
      </c>
      <c r="F53707" s="14" t="s">
        <v>15</v>
      </c>
      <c r="G53707" s="16">
        <v>0.59010334518636798</v>
      </c>
    </row>
    <row r="53708" spans="1:7" x14ac:dyDescent="0.3">
      <c r="A53708" s="13" t="s">
        <v>298</v>
      </c>
      <c r="B53708" s="14" t="s">
        <v>1</v>
      </c>
      <c r="C53708" s="14" t="s">
        <v>157</v>
      </c>
      <c r="D53708" s="14" t="s">
        <v>14</v>
      </c>
      <c r="E53708" s="15">
        <v>45429</v>
      </c>
      <c r="F53708" s="14" t="s">
        <v>15</v>
      </c>
      <c r="G53708" s="16">
        <v>0.58360550906100994</v>
      </c>
    </row>
    <row r="53709" spans="1:7" x14ac:dyDescent="0.3">
      <c r="A53709" s="13" t="s">
        <v>298</v>
      </c>
      <c r="B53709" s="14" t="s">
        <v>1</v>
      </c>
      <c r="C53709" s="14" t="s">
        <v>157</v>
      </c>
      <c r="D53709" s="14" t="s">
        <v>14</v>
      </c>
      <c r="E53709" s="15">
        <v>45430</v>
      </c>
      <c r="F53709" s="14" t="s">
        <v>15</v>
      </c>
      <c r="G53709" s="16">
        <v>0.58360550906100994</v>
      </c>
    </row>
    <row r="53710" spans="1:7" x14ac:dyDescent="0.3">
      <c r="A53710" s="13" t="s">
        <v>298</v>
      </c>
      <c r="B53710" s="14" t="s">
        <v>1</v>
      </c>
      <c r="C53710" s="14" t="s">
        <v>157</v>
      </c>
      <c r="D53710" s="14" t="s">
        <v>14</v>
      </c>
      <c r="E53710" s="15">
        <v>45431</v>
      </c>
      <c r="F53710" s="14" t="s">
        <v>15</v>
      </c>
      <c r="G53710" s="16">
        <v>0.58360550906100994</v>
      </c>
    </row>
    <row r="53711" spans="1:7" x14ac:dyDescent="0.3">
      <c r="A53711" s="13" t="s">
        <v>298</v>
      </c>
      <c r="B53711" s="14" t="s">
        <v>1</v>
      </c>
      <c r="C53711" s="14" t="s">
        <v>157</v>
      </c>
      <c r="D53711" s="14" t="s">
        <v>14</v>
      </c>
      <c r="E53711" s="15">
        <v>45432</v>
      </c>
      <c r="F53711" s="14" t="s">
        <v>15</v>
      </c>
      <c r="G53711" s="16">
        <v>0.57975658688075782</v>
      </c>
    </row>
    <row r="53712" spans="1:7" x14ac:dyDescent="0.3">
      <c r="A53712" s="13" t="s">
        <v>298</v>
      </c>
      <c r="B53712" s="14" t="s">
        <v>1</v>
      </c>
      <c r="C53712" s="14" t="s">
        <v>157</v>
      </c>
      <c r="D53712" s="14" t="s">
        <v>14</v>
      </c>
      <c r="E53712" s="15">
        <v>45433</v>
      </c>
      <c r="F53712" s="14" t="s">
        <v>15</v>
      </c>
      <c r="G53712" s="16">
        <v>0.56823284177436428</v>
      </c>
    </row>
    <row r="53713" spans="1:7" x14ac:dyDescent="0.3">
      <c r="A53713" s="13" t="s">
        <v>298</v>
      </c>
      <c r="B53713" s="14" t="s">
        <v>1</v>
      </c>
      <c r="C53713" s="14" t="s">
        <v>157</v>
      </c>
      <c r="D53713" s="14" t="s">
        <v>14</v>
      </c>
      <c r="E53713" s="15">
        <v>45434</v>
      </c>
      <c r="F53713" s="14" t="s">
        <v>15</v>
      </c>
      <c r="G53713" s="16">
        <v>0.56823284177436428</v>
      </c>
    </row>
    <row r="53714" spans="1:7" x14ac:dyDescent="0.3">
      <c r="A53714" s="13" t="s">
        <v>298</v>
      </c>
      <c r="B53714" s="14" t="s">
        <v>1</v>
      </c>
      <c r="C53714" s="14" t="s">
        <v>157</v>
      </c>
      <c r="D53714" s="14" t="s">
        <v>14</v>
      </c>
      <c r="E53714" s="15">
        <v>45435</v>
      </c>
      <c r="F53714" s="14" t="s">
        <v>15</v>
      </c>
      <c r="G53714" s="16">
        <v>0.56437826933106439</v>
      </c>
    </row>
    <row r="53715" spans="1:7" x14ac:dyDescent="0.3">
      <c r="A53715" s="13" t="s">
        <v>298</v>
      </c>
      <c r="B53715" s="14" t="s">
        <v>1</v>
      </c>
      <c r="C53715" s="14" t="s">
        <v>157</v>
      </c>
      <c r="D53715" s="14" t="s">
        <v>14</v>
      </c>
      <c r="E53715" s="15">
        <v>45436</v>
      </c>
      <c r="F53715" s="14" t="s">
        <v>15</v>
      </c>
      <c r="G53715" s="16">
        <v>0.60676156511527479</v>
      </c>
    </row>
    <row r="53716" spans="1:7" x14ac:dyDescent="0.3">
      <c r="A53716" s="13" t="s">
        <v>298</v>
      </c>
      <c r="B53716" s="14" t="s">
        <v>1</v>
      </c>
      <c r="C53716" s="14" t="s">
        <v>157</v>
      </c>
      <c r="D53716" s="14" t="s">
        <v>14</v>
      </c>
      <c r="E53716" s="15">
        <v>45437</v>
      </c>
      <c r="F53716" s="14" t="s">
        <v>15</v>
      </c>
      <c r="G53716" s="16">
        <v>0.60676156511527479</v>
      </c>
    </row>
    <row r="53717" spans="1:7" x14ac:dyDescent="0.3">
      <c r="A53717" s="13" t="s">
        <v>298</v>
      </c>
      <c r="B53717" s="14" t="s">
        <v>1</v>
      </c>
      <c r="C53717" s="14" t="s">
        <v>157</v>
      </c>
      <c r="D53717" s="14" t="s">
        <v>14</v>
      </c>
      <c r="E53717" s="15">
        <v>45438</v>
      </c>
      <c r="F53717" s="14" t="s">
        <v>15</v>
      </c>
      <c r="G53717" s="16">
        <v>0.60676156511527479</v>
      </c>
    </row>
    <row r="53718" spans="1:7" x14ac:dyDescent="0.3">
      <c r="A53718" s="13" t="s">
        <v>298</v>
      </c>
      <c r="B53718" s="14" t="s">
        <v>1</v>
      </c>
      <c r="C53718" s="14" t="s">
        <v>157</v>
      </c>
      <c r="D53718" s="14" t="s">
        <v>14</v>
      </c>
      <c r="E53718" s="15">
        <v>45439</v>
      </c>
      <c r="F53718" s="14" t="s">
        <v>15</v>
      </c>
      <c r="G53718" s="16">
        <v>0.60293241885569004</v>
      </c>
    </row>
    <row r="53719" spans="1:7" x14ac:dyDescent="0.3">
      <c r="A53719" s="13" t="s">
        <v>298</v>
      </c>
      <c r="B53719" s="14" t="s">
        <v>1</v>
      </c>
      <c r="C53719" s="14" t="s">
        <v>157</v>
      </c>
      <c r="D53719" s="14" t="s">
        <v>14</v>
      </c>
      <c r="E53719" s="15">
        <v>45440</v>
      </c>
      <c r="F53719" s="14" t="s">
        <v>15</v>
      </c>
      <c r="G53719" s="16">
        <v>0.59155063660837293</v>
      </c>
    </row>
    <row r="53720" spans="1:7" x14ac:dyDescent="0.3">
      <c r="A53720" s="13" t="s">
        <v>298</v>
      </c>
      <c r="B53720" s="14" t="s">
        <v>1</v>
      </c>
      <c r="C53720" s="14" t="s">
        <v>157</v>
      </c>
      <c r="D53720" s="14" t="s">
        <v>14</v>
      </c>
      <c r="E53720" s="15">
        <v>45441</v>
      </c>
      <c r="F53720" s="14" t="s">
        <v>15</v>
      </c>
      <c r="G53720" s="16">
        <v>0.66995082790802851</v>
      </c>
    </row>
    <row r="53721" spans="1:7" x14ac:dyDescent="0.3">
      <c r="A53721" s="13" t="s">
        <v>298</v>
      </c>
      <c r="B53721" s="14" t="s">
        <v>1</v>
      </c>
      <c r="C53721" s="14" t="s">
        <v>157</v>
      </c>
      <c r="D53721" s="14" t="s">
        <v>14</v>
      </c>
      <c r="E53721" s="15">
        <v>45442</v>
      </c>
      <c r="F53721" s="14" t="s">
        <v>15</v>
      </c>
      <c r="G53721" s="16">
        <v>0.70807205964698061</v>
      </c>
    </row>
    <row r="53722" spans="1:7" x14ac:dyDescent="0.3">
      <c r="A53722" s="13" t="s">
        <v>298</v>
      </c>
      <c r="B53722" s="14" t="s">
        <v>1</v>
      </c>
      <c r="C53722" s="14" t="s">
        <v>157</v>
      </c>
      <c r="D53722" s="14" t="s">
        <v>14</v>
      </c>
      <c r="E53722" s="15">
        <v>45443</v>
      </c>
      <c r="F53722" s="14" t="s">
        <v>15</v>
      </c>
      <c r="G53722" s="16">
        <v>0.70428317151161157</v>
      </c>
    </row>
    <row r="53723" spans="1:7" x14ac:dyDescent="0.3">
      <c r="A53723" s="13" t="s">
        <v>298</v>
      </c>
      <c r="B53723" s="14" t="s">
        <v>1</v>
      </c>
      <c r="C53723" s="14" t="s">
        <v>157</v>
      </c>
      <c r="D53723" s="14" t="s">
        <v>14</v>
      </c>
      <c r="E53723" s="15">
        <v>45444</v>
      </c>
      <c r="F53723" s="14" t="s">
        <v>15</v>
      </c>
      <c r="G53723" s="16">
        <v>0.70428317151161157</v>
      </c>
    </row>
    <row r="53724" spans="1:7" x14ac:dyDescent="0.3">
      <c r="A53724" s="13" t="s">
        <v>298</v>
      </c>
      <c r="B53724" s="14" t="s">
        <v>1</v>
      </c>
      <c r="C53724" s="14" t="s">
        <v>157</v>
      </c>
      <c r="D53724" s="14" t="s">
        <v>14</v>
      </c>
      <c r="E53724" s="15">
        <v>45445</v>
      </c>
      <c r="F53724" s="14" t="s">
        <v>15</v>
      </c>
      <c r="G53724" s="16">
        <v>0.70428317151161157</v>
      </c>
    </row>
    <row r="53725" spans="1:7" x14ac:dyDescent="0.3">
      <c r="A53725" s="13" t="s">
        <v>298</v>
      </c>
      <c r="B53725" s="14" t="s">
        <v>1</v>
      </c>
      <c r="C53725" s="14" t="s">
        <v>157</v>
      </c>
      <c r="D53725" s="14" t="s">
        <v>14</v>
      </c>
      <c r="E53725" s="15">
        <v>45446</v>
      </c>
      <c r="F53725" s="14" t="s">
        <v>15</v>
      </c>
      <c r="G53725" s="16">
        <v>0.70428317151161157</v>
      </c>
    </row>
    <row r="53726" spans="1:7" x14ac:dyDescent="0.3">
      <c r="A53726" s="13" t="s">
        <v>298</v>
      </c>
      <c r="B53726" s="14" t="s">
        <v>1</v>
      </c>
      <c r="C53726" s="14" t="s">
        <v>157</v>
      </c>
      <c r="D53726" s="14" t="s">
        <v>14</v>
      </c>
      <c r="E53726" s="15">
        <v>45447</v>
      </c>
      <c r="F53726" s="14" t="s">
        <v>15</v>
      </c>
      <c r="G53726" s="16">
        <v>0.70011395004483612</v>
      </c>
    </row>
    <row r="53727" spans="1:7" x14ac:dyDescent="0.3">
      <c r="A53727" s="13" t="s">
        <v>298</v>
      </c>
      <c r="B53727" s="14" t="s">
        <v>1</v>
      </c>
      <c r="C53727" s="14" t="s">
        <v>157</v>
      </c>
      <c r="D53727" s="14" t="s">
        <v>14</v>
      </c>
      <c r="E53727" s="15">
        <v>45448</v>
      </c>
      <c r="F53727" s="14" t="s">
        <v>15</v>
      </c>
      <c r="G53727" s="16">
        <v>0.6858851415042988</v>
      </c>
    </row>
    <row r="53728" spans="1:7" x14ac:dyDescent="0.3">
      <c r="A53728" s="13" t="s">
        <v>298</v>
      </c>
      <c r="B53728" s="14" t="s">
        <v>1</v>
      </c>
      <c r="C53728" s="14" t="s">
        <v>157</v>
      </c>
      <c r="D53728" s="14" t="s">
        <v>14</v>
      </c>
      <c r="E53728" s="15">
        <v>45449</v>
      </c>
      <c r="F53728" s="14" t="s">
        <v>15</v>
      </c>
      <c r="G53728" s="16">
        <v>0.74100165820821129</v>
      </c>
    </row>
    <row r="53729" spans="1:7" x14ac:dyDescent="0.3">
      <c r="A53729" s="13" t="s">
        <v>298</v>
      </c>
      <c r="B53729" s="14" t="s">
        <v>1</v>
      </c>
      <c r="C53729" s="14" t="s">
        <v>157</v>
      </c>
      <c r="D53729" s="14" t="s">
        <v>14</v>
      </c>
      <c r="E53729" s="15">
        <v>45450</v>
      </c>
      <c r="F53729" s="14" t="s">
        <v>15</v>
      </c>
      <c r="G53729" s="16">
        <v>0.73722689573046185</v>
      </c>
    </row>
    <row r="53730" spans="1:7" x14ac:dyDescent="0.3">
      <c r="A53730" s="13" t="s">
        <v>298</v>
      </c>
      <c r="B53730" s="14" t="s">
        <v>1</v>
      </c>
      <c r="C53730" s="14" t="s">
        <v>157</v>
      </c>
      <c r="D53730" s="14" t="s">
        <v>14</v>
      </c>
      <c r="E53730" s="15">
        <v>45451</v>
      </c>
      <c r="F53730" s="14" t="s">
        <v>15</v>
      </c>
      <c r="G53730" s="16">
        <v>0.73722689573046185</v>
      </c>
    </row>
    <row r="53731" spans="1:7" x14ac:dyDescent="0.3">
      <c r="A53731" s="13" t="s">
        <v>298</v>
      </c>
      <c r="B53731" s="14" t="s">
        <v>1</v>
      </c>
      <c r="C53731" s="14" t="s">
        <v>157</v>
      </c>
      <c r="D53731" s="14" t="s">
        <v>14</v>
      </c>
      <c r="E53731" s="15">
        <v>45452</v>
      </c>
      <c r="F53731" s="14" t="s">
        <v>15</v>
      </c>
      <c r="G53731" s="16">
        <v>0.73722689573046185</v>
      </c>
    </row>
    <row r="53732" spans="1:7" x14ac:dyDescent="0.3">
      <c r="A53732" s="13" t="s">
        <v>298</v>
      </c>
      <c r="B53732" s="14" t="s">
        <v>1</v>
      </c>
      <c r="C53732" s="14" t="s">
        <v>157</v>
      </c>
      <c r="D53732" s="14" t="s">
        <v>14</v>
      </c>
      <c r="E53732" s="15">
        <v>45453</v>
      </c>
      <c r="F53732" s="14" t="s">
        <v>15</v>
      </c>
      <c r="G53732" s="16">
        <v>0.73780142323377151</v>
      </c>
    </row>
    <row r="53733" spans="1:7" x14ac:dyDescent="0.3">
      <c r="A53733" s="13" t="s">
        <v>298</v>
      </c>
      <c r="B53733" s="14" t="s">
        <v>1</v>
      </c>
      <c r="C53733" s="14" t="s">
        <v>157</v>
      </c>
      <c r="D53733" s="14" t="s">
        <v>14</v>
      </c>
      <c r="E53733" s="15">
        <v>45454</v>
      </c>
      <c r="F53733" s="14" t="s">
        <v>15</v>
      </c>
      <c r="G53733" s="16">
        <v>0.72638150171088156</v>
      </c>
    </row>
    <row r="53734" spans="1:7" x14ac:dyDescent="0.3">
      <c r="A53734" s="13" t="s">
        <v>298</v>
      </c>
      <c r="B53734" s="14" t="s">
        <v>1</v>
      </c>
      <c r="C53734" s="14" t="s">
        <v>157</v>
      </c>
      <c r="D53734" s="14" t="s">
        <v>14</v>
      </c>
      <c r="E53734" s="15">
        <v>45455</v>
      </c>
      <c r="F53734" s="14" t="s">
        <v>15</v>
      </c>
      <c r="G53734" s="16">
        <v>0.76559817819822962</v>
      </c>
    </row>
    <row r="53735" spans="1:7" x14ac:dyDescent="0.3">
      <c r="A53735" s="13" t="s">
        <v>298</v>
      </c>
      <c r="B53735" s="14" t="s">
        <v>1</v>
      </c>
      <c r="C53735" s="14" t="s">
        <v>157</v>
      </c>
      <c r="D53735" s="14" t="s">
        <v>14</v>
      </c>
      <c r="E53735" s="15">
        <v>45456</v>
      </c>
      <c r="F53735" s="14" t="s">
        <v>15</v>
      </c>
      <c r="G53735" s="16">
        <v>0.76181917802319432</v>
      </c>
    </row>
    <row r="53736" spans="1:7" x14ac:dyDescent="0.3">
      <c r="A53736" s="13" t="s">
        <v>298</v>
      </c>
      <c r="B53736" s="14" t="s">
        <v>1</v>
      </c>
      <c r="C53736" s="14" t="s">
        <v>157</v>
      </c>
      <c r="D53736" s="14" t="s">
        <v>14</v>
      </c>
      <c r="E53736" s="15">
        <v>45457</v>
      </c>
      <c r="F53736" s="14" t="s">
        <v>15</v>
      </c>
      <c r="G53736" s="16">
        <v>0.77794676084850845</v>
      </c>
    </row>
    <row r="53737" spans="1:7" x14ac:dyDescent="0.3">
      <c r="A53737" s="13" t="s">
        <v>298</v>
      </c>
      <c r="B53737" s="14" t="s">
        <v>1</v>
      </c>
      <c r="C53737" s="14" t="s">
        <v>157</v>
      </c>
      <c r="D53737" s="14" t="s">
        <v>14</v>
      </c>
      <c r="E53737" s="15">
        <v>45458</v>
      </c>
      <c r="F53737" s="14" t="s">
        <v>15</v>
      </c>
      <c r="G53737" s="16">
        <v>0.77794676084850845</v>
      </c>
    </row>
    <row r="53738" spans="1:7" x14ac:dyDescent="0.3">
      <c r="A53738" s="13" t="s">
        <v>298</v>
      </c>
      <c r="B53738" s="14" t="s">
        <v>1</v>
      </c>
      <c r="C53738" s="14" t="s">
        <v>157</v>
      </c>
      <c r="D53738" s="14" t="s">
        <v>14</v>
      </c>
      <c r="E53738" s="15">
        <v>45459</v>
      </c>
      <c r="F53738" s="14" t="s">
        <v>15</v>
      </c>
      <c r="G53738" s="16">
        <v>0.77794676084850845</v>
      </c>
    </row>
    <row r="53739" spans="1:7" x14ac:dyDescent="0.3">
      <c r="A53739" s="13" t="s">
        <v>298</v>
      </c>
      <c r="B53739" s="14" t="s">
        <v>1</v>
      </c>
      <c r="C53739" s="14" t="s">
        <v>157</v>
      </c>
      <c r="D53739" s="14" t="s">
        <v>14</v>
      </c>
      <c r="E53739" s="15">
        <v>45460</v>
      </c>
      <c r="F53739" s="14" t="s">
        <v>15</v>
      </c>
      <c r="G53739" s="16">
        <v>0.77794676084850845</v>
      </c>
    </row>
    <row r="53740" spans="1:7" x14ac:dyDescent="0.3">
      <c r="A53740" s="13" t="s">
        <v>298</v>
      </c>
      <c r="B53740" s="14" t="s">
        <v>1</v>
      </c>
      <c r="C53740" s="14" t="s">
        <v>157</v>
      </c>
      <c r="D53740" s="14" t="s">
        <v>14</v>
      </c>
      <c r="E53740" s="15">
        <v>45461</v>
      </c>
      <c r="F53740" s="14" t="s">
        <v>15</v>
      </c>
      <c r="G53740" s="16">
        <v>0.77409006955656567</v>
      </c>
    </row>
    <row r="53741" spans="1:7" x14ac:dyDescent="0.3">
      <c r="A53741" s="13" t="s">
        <v>298</v>
      </c>
      <c r="B53741" s="14" t="s">
        <v>1</v>
      </c>
      <c r="C53741" s="14" t="s">
        <v>157</v>
      </c>
      <c r="D53741" s="14" t="s">
        <v>14</v>
      </c>
      <c r="E53741" s="15">
        <v>45462</v>
      </c>
      <c r="F53741" s="14" t="s">
        <v>15</v>
      </c>
      <c r="G53741" s="16">
        <v>0.80207896708501514</v>
      </c>
    </row>
    <row r="53742" spans="1:7" x14ac:dyDescent="0.3">
      <c r="A53742" s="13" t="s">
        <v>298</v>
      </c>
      <c r="B53742" s="14" t="s">
        <v>1</v>
      </c>
      <c r="C53742" s="14" t="s">
        <v>157</v>
      </c>
      <c r="D53742" s="14" t="s">
        <v>14</v>
      </c>
      <c r="E53742" s="15">
        <v>45463</v>
      </c>
      <c r="F53742" s="14" t="s">
        <v>15</v>
      </c>
      <c r="G53742" s="16">
        <v>0.79821556610570288</v>
      </c>
    </row>
    <row r="53743" spans="1:7" x14ac:dyDescent="0.3">
      <c r="A53743" s="13" t="s">
        <v>298</v>
      </c>
      <c r="B53743" s="14" t="s">
        <v>1</v>
      </c>
      <c r="C53743" s="14" t="s">
        <v>157</v>
      </c>
      <c r="D53743" s="14" t="s">
        <v>14</v>
      </c>
      <c r="E53743" s="15">
        <v>45464</v>
      </c>
      <c r="F53743" s="14" t="s">
        <v>15</v>
      </c>
      <c r="G53743" s="16">
        <v>0.79428047741397156</v>
      </c>
    </row>
    <row r="53744" spans="1:7" x14ac:dyDescent="0.3">
      <c r="A53744" s="13" t="s">
        <v>298</v>
      </c>
      <c r="B53744" s="14" t="s">
        <v>1</v>
      </c>
      <c r="C53744" s="14" t="s">
        <v>157</v>
      </c>
      <c r="D53744" s="14" t="s">
        <v>14</v>
      </c>
      <c r="E53744" s="15">
        <v>45465</v>
      </c>
      <c r="F53744" s="14" t="s">
        <v>15</v>
      </c>
      <c r="G53744" s="16">
        <v>0.79428047741397156</v>
      </c>
    </row>
    <row r="53745" spans="1:7" x14ac:dyDescent="0.3">
      <c r="A53745" s="13" t="s">
        <v>298</v>
      </c>
      <c r="B53745" s="14" t="s">
        <v>1</v>
      </c>
      <c r="C53745" s="14" t="s">
        <v>157</v>
      </c>
      <c r="D53745" s="14" t="s">
        <v>14</v>
      </c>
      <c r="E53745" s="15">
        <v>45466</v>
      </c>
      <c r="F53745" s="14" t="s">
        <v>15</v>
      </c>
      <c r="G53745" s="16">
        <v>0.79428047741397156</v>
      </c>
    </row>
    <row r="53746" spans="1:7" x14ac:dyDescent="0.3">
      <c r="A53746" s="13" t="s">
        <v>298</v>
      </c>
      <c r="B53746" s="14" t="s">
        <v>1</v>
      </c>
      <c r="C53746" s="14" t="s">
        <v>157</v>
      </c>
      <c r="D53746" s="14" t="s">
        <v>14</v>
      </c>
      <c r="E53746" s="15">
        <v>45467</v>
      </c>
      <c r="F53746" s="14" t="s">
        <v>15</v>
      </c>
      <c r="G53746" s="16">
        <v>0.79034609500512121</v>
      </c>
    </row>
    <row r="53747" spans="1:7" x14ac:dyDescent="0.3">
      <c r="A53747" s="13" t="s">
        <v>298</v>
      </c>
      <c r="B53747" s="14" t="s">
        <v>1</v>
      </c>
      <c r="C53747" s="14" t="s">
        <v>157</v>
      </c>
      <c r="D53747" s="14" t="s">
        <v>14</v>
      </c>
      <c r="E53747" s="15">
        <v>45468</v>
      </c>
      <c r="F53747" s="14" t="s">
        <v>15</v>
      </c>
      <c r="G53747" s="16">
        <v>0.7786514294415311</v>
      </c>
    </row>
    <row r="53748" spans="1:7" x14ac:dyDescent="0.3">
      <c r="A53748" s="13" t="s">
        <v>298</v>
      </c>
      <c r="B53748" s="14" t="s">
        <v>1</v>
      </c>
      <c r="C53748" s="14" t="s">
        <v>157</v>
      </c>
      <c r="D53748" s="14" t="s">
        <v>14</v>
      </c>
      <c r="E53748" s="15">
        <v>45469</v>
      </c>
      <c r="F53748" s="14" t="s">
        <v>15</v>
      </c>
      <c r="G53748" s="16">
        <v>0.77478379076493298</v>
      </c>
    </row>
    <row r="53749" spans="1:7" x14ac:dyDescent="0.3">
      <c r="A53749" s="13" t="s">
        <v>298</v>
      </c>
      <c r="B53749" s="14" t="s">
        <v>1</v>
      </c>
      <c r="C53749" s="14" t="s">
        <v>157</v>
      </c>
      <c r="D53749" s="14" t="s">
        <v>14</v>
      </c>
      <c r="E53749" s="15">
        <v>45470</v>
      </c>
      <c r="F53749" s="14" t="s">
        <v>15</v>
      </c>
      <c r="G53749" s="16">
        <v>0.77090979554240624</v>
      </c>
    </row>
    <row r="53750" spans="1:7" x14ac:dyDescent="0.3">
      <c r="A53750" s="13" t="s">
        <v>298</v>
      </c>
      <c r="B53750" s="14" t="s">
        <v>1</v>
      </c>
      <c r="C53750" s="14" t="s">
        <v>157</v>
      </c>
      <c r="D53750" s="14" t="s">
        <v>14</v>
      </c>
      <c r="E53750" s="15">
        <v>45471</v>
      </c>
      <c r="F53750" s="14" t="s">
        <v>15</v>
      </c>
      <c r="G53750" s="16">
        <v>0.78462459118921468</v>
      </c>
    </row>
    <row r="53751" spans="1:7" x14ac:dyDescent="0.3">
      <c r="A53751" s="13" t="s">
        <v>298</v>
      </c>
      <c r="B53751" s="14" t="s">
        <v>1</v>
      </c>
      <c r="C53751" s="14" t="s">
        <v>157</v>
      </c>
      <c r="D53751" s="14" t="s">
        <v>14</v>
      </c>
      <c r="E53751" s="15">
        <v>45472</v>
      </c>
      <c r="F53751" s="14" t="s">
        <v>15</v>
      </c>
      <c r="G53751" s="16">
        <v>0.78462459118921468</v>
      </c>
    </row>
    <row r="53752" spans="1:7" x14ac:dyDescent="0.3">
      <c r="A53752" s="13" t="s">
        <v>298</v>
      </c>
      <c r="B53752" s="14" t="s">
        <v>1</v>
      </c>
      <c r="C53752" s="14" t="s">
        <v>157</v>
      </c>
      <c r="D53752" s="14" t="s">
        <v>14</v>
      </c>
      <c r="E53752" s="15">
        <v>45473</v>
      </c>
      <c r="F53752" s="14" t="s">
        <v>15</v>
      </c>
      <c r="G53752" s="16">
        <v>0.78462459118921468</v>
      </c>
    </row>
    <row r="53753" spans="1:7" x14ac:dyDescent="0.3">
      <c r="A53753" s="13" t="s">
        <v>298</v>
      </c>
      <c r="B53753" s="14" t="s">
        <v>1</v>
      </c>
      <c r="C53753" s="14" t="s">
        <v>157</v>
      </c>
      <c r="D53753" s="14" t="s">
        <v>14</v>
      </c>
      <c r="E53753" s="15">
        <v>45474</v>
      </c>
      <c r="F53753" s="14" t="s">
        <v>15</v>
      </c>
      <c r="G53753" s="16">
        <v>0.78071992963922232</v>
      </c>
    </row>
    <row r="53754" spans="1:7" x14ac:dyDescent="0.3">
      <c r="A53754" s="13" t="s">
        <v>298</v>
      </c>
      <c r="B53754" s="14" t="s">
        <v>1</v>
      </c>
      <c r="C53754" s="14" t="s">
        <v>157</v>
      </c>
      <c r="D53754" s="14" t="s">
        <v>14</v>
      </c>
      <c r="E53754" s="15">
        <v>45475</v>
      </c>
      <c r="F53754" s="14" t="s">
        <v>15</v>
      </c>
      <c r="G53754" s="16">
        <v>0.76901046702510423</v>
      </c>
    </row>
    <row r="53755" spans="1:7" x14ac:dyDescent="0.3">
      <c r="A53755" s="13" t="s">
        <v>298</v>
      </c>
      <c r="B53755" s="14" t="s">
        <v>1</v>
      </c>
      <c r="C53755" s="14" t="s">
        <v>157</v>
      </c>
      <c r="D53755" s="14" t="s">
        <v>14</v>
      </c>
      <c r="E53755" s="15">
        <v>45476</v>
      </c>
      <c r="F53755" s="14" t="s">
        <v>15</v>
      </c>
      <c r="G53755" s="16">
        <v>0.76508761506167289</v>
      </c>
    </row>
    <row r="53756" spans="1:7" x14ac:dyDescent="0.3">
      <c r="A53756" s="13" t="s">
        <v>298</v>
      </c>
      <c r="B53756" s="14" t="s">
        <v>1</v>
      </c>
      <c r="C53756" s="14" t="s">
        <v>157</v>
      </c>
      <c r="D53756" s="14" t="s">
        <v>14</v>
      </c>
      <c r="E53756" s="15">
        <v>45477</v>
      </c>
      <c r="F53756" s="14" t="s">
        <v>15</v>
      </c>
      <c r="G53756" s="16">
        <v>0.76119409049950026</v>
      </c>
    </row>
    <row r="53757" spans="1:7" x14ac:dyDescent="0.3">
      <c r="A53757" s="13" t="s">
        <v>298</v>
      </c>
      <c r="B53757" s="14" t="s">
        <v>1</v>
      </c>
      <c r="C53757" s="14" t="s">
        <v>157</v>
      </c>
      <c r="D53757" s="14" t="s">
        <v>14</v>
      </c>
      <c r="E53757" s="15">
        <v>45478</v>
      </c>
      <c r="F53757" s="14" t="s">
        <v>15</v>
      </c>
      <c r="G53757" s="16">
        <v>0.84594430679035715</v>
      </c>
    </row>
    <row r="53758" spans="1:7" x14ac:dyDescent="0.3">
      <c r="A53758" s="13" t="s">
        <v>298</v>
      </c>
      <c r="B53758" s="14" t="s">
        <v>1</v>
      </c>
      <c r="C53758" s="14" t="s">
        <v>157</v>
      </c>
      <c r="D53758" s="14" t="s">
        <v>14</v>
      </c>
      <c r="E53758" s="15">
        <v>45479</v>
      </c>
      <c r="F53758" s="14" t="s">
        <v>15</v>
      </c>
      <c r="G53758" s="16">
        <v>0.84594430679035715</v>
      </c>
    </row>
    <row r="53759" spans="1:7" x14ac:dyDescent="0.3">
      <c r="A53759" s="13" t="s">
        <v>298</v>
      </c>
      <c r="B53759" s="14" t="s">
        <v>1</v>
      </c>
      <c r="C53759" s="14" t="s">
        <v>157</v>
      </c>
      <c r="D53759" s="14" t="s">
        <v>14</v>
      </c>
      <c r="E53759" s="15">
        <v>45480</v>
      </c>
      <c r="F53759" s="14" t="s">
        <v>15</v>
      </c>
      <c r="G53759" s="16">
        <v>0.84594430679035715</v>
      </c>
    </row>
    <row r="53760" spans="1:7" x14ac:dyDescent="0.3">
      <c r="A53760" s="13" t="s">
        <v>298</v>
      </c>
      <c r="B53760" s="14" t="s">
        <v>1</v>
      </c>
      <c r="C53760" s="14" t="s">
        <v>157</v>
      </c>
      <c r="D53760" s="14" t="s">
        <v>14</v>
      </c>
      <c r="E53760" s="15">
        <v>45481</v>
      </c>
      <c r="F53760" s="14" t="s">
        <v>15</v>
      </c>
      <c r="G53760" s="16">
        <v>0.84195537536586151</v>
      </c>
    </row>
    <row r="53761" spans="1:7" x14ac:dyDescent="0.3">
      <c r="A53761" s="13" t="s">
        <v>298</v>
      </c>
      <c r="B53761" s="14" t="s">
        <v>1</v>
      </c>
      <c r="C53761" s="14" t="s">
        <v>157</v>
      </c>
      <c r="D53761" s="14" t="s">
        <v>14</v>
      </c>
      <c r="E53761" s="15">
        <v>45482</v>
      </c>
      <c r="F53761" s="14" t="s">
        <v>15</v>
      </c>
      <c r="G53761" s="16">
        <v>0.83001352093923653</v>
      </c>
    </row>
    <row r="53762" spans="1:7" x14ac:dyDescent="0.3">
      <c r="A53762" s="13" t="s">
        <v>298</v>
      </c>
      <c r="B53762" s="14" t="s">
        <v>1</v>
      </c>
      <c r="C53762" s="14" t="s">
        <v>157</v>
      </c>
      <c r="D53762" s="14" t="s">
        <v>14</v>
      </c>
      <c r="E53762" s="15">
        <v>45483</v>
      </c>
      <c r="F53762" s="14" t="s">
        <v>15</v>
      </c>
      <c r="G53762" s="16">
        <v>0.83065275041972841</v>
      </c>
    </row>
    <row r="53763" spans="1:7" x14ac:dyDescent="0.3">
      <c r="A53763" s="13" t="s">
        <v>298</v>
      </c>
      <c r="B53763" s="14" t="s">
        <v>1</v>
      </c>
      <c r="C53763" s="14" t="s">
        <v>157</v>
      </c>
      <c r="D53763" s="14" t="s">
        <v>14</v>
      </c>
      <c r="E53763" s="15">
        <v>45484</v>
      </c>
      <c r="F53763" s="14" t="s">
        <v>15</v>
      </c>
      <c r="G53763" s="16">
        <v>0.92784892183215517</v>
      </c>
    </row>
    <row r="53764" spans="1:7" x14ac:dyDescent="0.3">
      <c r="A53764" s="13" t="s">
        <v>298</v>
      </c>
      <c r="B53764" s="14" t="s">
        <v>1</v>
      </c>
      <c r="C53764" s="14" t="s">
        <v>157</v>
      </c>
      <c r="D53764" s="14" t="s">
        <v>14</v>
      </c>
      <c r="E53764" s="15">
        <v>45485</v>
      </c>
      <c r="F53764" s="14" t="s">
        <v>15</v>
      </c>
      <c r="G53764" s="16">
        <v>0.94822178003057589</v>
      </c>
    </row>
    <row r="53765" spans="1:7" x14ac:dyDescent="0.3">
      <c r="A53765" s="13" t="s">
        <v>298</v>
      </c>
      <c r="B53765" s="14" t="s">
        <v>1</v>
      </c>
      <c r="C53765" s="14" t="s">
        <v>157</v>
      </c>
      <c r="D53765" s="14" t="s">
        <v>14</v>
      </c>
      <c r="E53765" s="15">
        <v>45486</v>
      </c>
      <c r="F53765" s="14" t="s">
        <v>15</v>
      </c>
      <c r="G53765" s="16">
        <v>0.94822178003057589</v>
      </c>
    </row>
    <row r="53766" spans="1:7" x14ac:dyDescent="0.3">
      <c r="A53766" s="13" t="s">
        <v>298</v>
      </c>
      <c r="B53766" s="14" t="s">
        <v>1</v>
      </c>
      <c r="C53766" s="14" t="s">
        <v>157</v>
      </c>
      <c r="D53766" s="14" t="s">
        <v>14</v>
      </c>
      <c r="E53766" s="15">
        <v>45487</v>
      </c>
      <c r="F53766" s="14" t="s">
        <v>15</v>
      </c>
      <c r="G53766" s="16">
        <v>0.94822178003057589</v>
      </c>
    </row>
    <row r="53767" spans="1:7" x14ac:dyDescent="0.3">
      <c r="A53767" s="13" t="s">
        <v>298</v>
      </c>
      <c r="B53767" s="14" t="s">
        <v>1</v>
      </c>
      <c r="C53767" s="14" t="s">
        <v>157</v>
      </c>
      <c r="D53767" s="14" t="s">
        <v>14</v>
      </c>
      <c r="E53767" s="15">
        <v>45488</v>
      </c>
      <c r="F53767" s="14" t="s">
        <v>15</v>
      </c>
      <c r="G53767" s="16">
        <v>0.9441786485986905</v>
      </c>
    </row>
    <row r="53768" spans="1:7" x14ac:dyDescent="0.3">
      <c r="A53768" s="13" t="s">
        <v>298</v>
      </c>
      <c r="B53768" s="14" t="s">
        <v>1</v>
      </c>
      <c r="C53768" s="14" t="s">
        <v>157</v>
      </c>
      <c r="D53768" s="14" t="s">
        <v>14</v>
      </c>
      <c r="E53768" s="15">
        <v>45489</v>
      </c>
      <c r="F53768" s="14" t="s">
        <v>15</v>
      </c>
      <c r="G53768" s="16">
        <v>0.93212319689630341</v>
      </c>
    </row>
    <row r="53769" spans="1:7" x14ac:dyDescent="0.3">
      <c r="A53769" s="13" t="s">
        <v>298</v>
      </c>
      <c r="B53769" s="14" t="s">
        <v>1</v>
      </c>
      <c r="C53769" s="14" t="s">
        <v>157</v>
      </c>
      <c r="D53769" s="14" t="s">
        <v>14</v>
      </c>
      <c r="E53769" s="15">
        <v>45490</v>
      </c>
      <c r="F53769" s="14" t="s">
        <v>15</v>
      </c>
      <c r="G53769" s="16">
        <v>0.98420491558237189</v>
      </c>
    </row>
    <row r="53770" spans="1:7" x14ac:dyDescent="0.3">
      <c r="A53770" s="13" t="s">
        <v>298</v>
      </c>
      <c r="B53770" s="14" t="s">
        <v>1</v>
      </c>
      <c r="C53770" s="14" t="s">
        <v>157</v>
      </c>
      <c r="D53770" s="14" t="s">
        <v>14</v>
      </c>
      <c r="E53770" s="15">
        <v>45491</v>
      </c>
      <c r="F53770" s="14" t="s">
        <v>15</v>
      </c>
      <c r="G53770" s="16">
        <v>0.98020113484078319</v>
      </c>
    </row>
    <row r="53771" spans="1:7" x14ac:dyDescent="0.3">
      <c r="A53771" s="13" t="s">
        <v>298</v>
      </c>
      <c r="B53771" s="14" t="s">
        <v>1</v>
      </c>
      <c r="C53771" s="14" t="s">
        <v>157</v>
      </c>
      <c r="D53771" s="14" t="s">
        <v>14</v>
      </c>
      <c r="E53771" s="15">
        <v>45492</v>
      </c>
      <c r="F53771" s="14" t="s">
        <v>15</v>
      </c>
      <c r="G53771" s="16">
        <v>0.97620626368945029</v>
      </c>
    </row>
    <row r="53772" spans="1:7" x14ac:dyDescent="0.3">
      <c r="A53772" s="13" t="s">
        <v>298</v>
      </c>
      <c r="B53772" s="14" t="s">
        <v>1</v>
      </c>
      <c r="C53772" s="14" t="s">
        <v>157</v>
      </c>
      <c r="D53772" s="14" t="s">
        <v>14</v>
      </c>
      <c r="E53772" s="15">
        <v>45493</v>
      </c>
      <c r="F53772" s="14" t="s">
        <v>15</v>
      </c>
      <c r="G53772" s="16">
        <v>0.97620626368945029</v>
      </c>
    </row>
    <row r="53773" spans="1:7" x14ac:dyDescent="0.3">
      <c r="A53773" s="13" t="s">
        <v>298</v>
      </c>
      <c r="B53773" s="14" t="s">
        <v>1</v>
      </c>
      <c r="C53773" s="14" t="s">
        <v>157</v>
      </c>
      <c r="D53773" s="14" t="s">
        <v>14</v>
      </c>
      <c r="E53773" s="15">
        <v>45494</v>
      </c>
      <c r="F53773" s="14" t="s">
        <v>15</v>
      </c>
      <c r="G53773" s="16">
        <v>0.97620626368945029</v>
      </c>
    </row>
    <row r="53774" spans="1:7" x14ac:dyDescent="0.3">
      <c r="A53774" s="13" t="s">
        <v>298</v>
      </c>
      <c r="B53774" s="14" t="s">
        <v>1</v>
      </c>
      <c r="C53774" s="14" t="s">
        <v>157</v>
      </c>
      <c r="D53774" s="14" t="s">
        <v>14</v>
      </c>
      <c r="E53774" s="15">
        <v>45495</v>
      </c>
      <c r="F53774" s="14" t="s">
        <v>15</v>
      </c>
      <c r="G53774" s="16">
        <v>0.97224703089914077</v>
      </c>
    </row>
    <row r="53775" spans="1:7" x14ac:dyDescent="0.3">
      <c r="A53775" s="13" t="s">
        <v>298</v>
      </c>
      <c r="B53775" s="14" t="s">
        <v>1</v>
      </c>
      <c r="C53775" s="14" t="s">
        <v>157</v>
      </c>
      <c r="D53775" s="14" t="s">
        <v>14</v>
      </c>
      <c r="E53775" s="15">
        <v>45496</v>
      </c>
      <c r="F53775" s="14" t="s">
        <v>15</v>
      </c>
      <c r="G53775" s="16">
        <v>0.96059473815583096</v>
      </c>
    </row>
    <row r="53776" spans="1:7" x14ac:dyDescent="0.3">
      <c r="A53776" s="13" t="s">
        <v>298</v>
      </c>
      <c r="B53776" s="14" t="s">
        <v>1</v>
      </c>
      <c r="C53776" s="14" t="s">
        <v>157</v>
      </c>
      <c r="D53776" s="14" t="s">
        <v>14</v>
      </c>
      <c r="E53776" s="15">
        <v>45497</v>
      </c>
      <c r="F53776" s="14" t="s">
        <v>15</v>
      </c>
      <c r="G53776" s="16">
        <v>0.95677249031570533</v>
      </c>
    </row>
    <row r="53777" spans="1:7" x14ac:dyDescent="0.3">
      <c r="A53777" s="13" t="s">
        <v>298</v>
      </c>
      <c r="B53777" s="14" t="s">
        <v>1</v>
      </c>
      <c r="C53777" s="14" t="s">
        <v>157</v>
      </c>
      <c r="D53777" s="14" t="s">
        <v>14</v>
      </c>
      <c r="E53777" s="15">
        <v>45498</v>
      </c>
      <c r="F53777" s="14" t="s">
        <v>15</v>
      </c>
      <c r="G53777" s="16">
        <v>0.95290012603039032</v>
      </c>
    </row>
    <row r="53778" spans="1:7" x14ac:dyDescent="0.3">
      <c r="A53778" s="13" t="s">
        <v>298</v>
      </c>
      <c r="B53778" s="14" t="s">
        <v>1</v>
      </c>
      <c r="C53778" s="14" t="s">
        <v>157</v>
      </c>
      <c r="D53778" s="14" t="s">
        <v>14</v>
      </c>
      <c r="E53778" s="15">
        <v>45499</v>
      </c>
      <c r="F53778" s="14" t="s">
        <v>15</v>
      </c>
      <c r="G53778" s="16">
        <v>0.9490856740817385</v>
      </c>
    </row>
    <row r="53779" spans="1:7" x14ac:dyDescent="0.3">
      <c r="A53779" s="13" t="s">
        <v>298</v>
      </c>
      <c r="B53779" s="14" t="s">
        <v>1</v>
      </c>
      <c r="C53779" s="14" t="s">
        <v>157</v>
      </c>
      <c r="D53779" s="14" t="s">
        <v>14</v>
      </c>
      <c r="E53779" s="15">
        <v>45500</v>
      </c>
      <c r="F53779" s="14" t="s">
        <v>15</v>
      </c>
      <c r="G53779" s="16">
        <v>0.9490856740817385</v>
      </c>
    </row>
    <row r="53780" spans="1:7" x14ac:dyDescent="0.3">
      <c r="A53780" s="13" t="s">
        <v>298</v>
      </c>
      <c r="B53780" s="14" t="s">
        <v>1</v>
      </c>
      <c r="C53780" s="14" t="s">
        <v>157</v>
      </c>
      <c r="D53780" s="14" t="s">
        <v>14</v>
      </c>
      <c r="E53780" s="15">
        <v>45501</v>
      </c>
      <c r="F53780" s="14" t="s">
        <v>15</v>
      </c>
      <c r="G53780" s="16">
        <v>0.9490856740817385</v>
      </c>
    </row>
    <row r="53781" spans="1:7" x14ac:dyDescent="0.3">
      <c r="A53781" s="13" t="s">
        <v>298</v>
      </c>
      <c r="B53781" s="14" t="s">
        <v>1</v>
      </c>
      <c r="C53781" s="14" t="s">
        <v>157</v>
      </c>
      <c r="D53781" s="14" t="s">
        <v>14</v>
      </c>
      <c r="E53781" s="15">
        <v>45502</v>
      </c>
      <c r="F53781" s="14" t="s">
        <v>15</v>
      </c>
      <c r="G53781" s="16">
        <v>0.97813721565521305</v>
      </c>
    </row>
    <row r="53782" spans="1:7" x14ac:dyDescent="0.3">
      <c r="A53782" s="13" t="s">
        <v>298</v>
      </c>
      <c r="B53782" s="14" t="s">
        <v>1</v>
      </c>
      <c r="C53782" s="14" t="s">
        <v>157</v>
      </c>
      <c r="D53782" s="14" t="s">
        <v>14</v>
      </c>
      <c r="E53782" s="15">
        <v>45503</v>
      </c>
      <c r="F53782" s="14" t="s">
        <v>15</v>
      </c>
      <c r="G53782" s="16">
        <v>0.96697829147232106</v>
      </c>
    </row>
    <row r="53783" spans="1:7" x14ac:dyDescent="0.3">
      <c r="A53783" s="13" t="s">
        <v>298</v>
      </c>
      <c r="B53783" s="14" t="s">
        <v>1</v>
      </c>
      <c r="C53783" s="14" t="s">
        <v>157</v>
      </c>
      <c r="D53783" s="14" t="s">
        <v>14</v>
      </c>
      <c r="E53783" s="15">
        <v>45504</v>
      </c>
      <c r="F53783" s="14" t="s">
        <v>15</v>
      </c>
      <c r="G53783" s="16">
        <v>0.96326221624941089</v>
      </c>
    </row>
    <row r="53784" spans="1:7" x14ac:dyDescent="0.3">
      <c r="A53784" s="13" t="s">
        <v>298</v>
      </c>
      <c r="B53784" s="14" t="s">
        <v>1</v>
      </c>
      <c r="C53784" s="14" t="s">
        <v>157</v>
      </c>
      <c r="D53784" s="14" t="s">
        <v>14</v>
      </c>
      <c r="E53784" s="15">
        <v>45505</v>
      </c>
      <c r="F53784" s="14" t="s">
        <v>15</v>
      </c>
      <c r="G53784" s="16">
        <v>0.95955653554846598</v>
      </c>
    </row>
    <row r="53785" spans="1:7" x14ac:dyDescent="0.3">
      <c r="A53785" s="13" t="s">
        <v>298</v>
      </c>
      <c r="B53785" s="14" t="s">
        <v>1</v>
      </c>
      <c r="C53785" s="14" t="s">
        <v>157</v>
      </c>
      <c r="D53785" s="14" t="s">
        <v>14</v>
      </c>
      <c r="E53785" s="15">
        <v>45506</v>
      </c>
      <c r="F53785" s="14" t="s">
        <v>15</v>
      </c>
      <c r="G53785" s="16">
        <v>0.95539609451154517</v>
      </c>
    </row>
    <row r="53786" spans="1:7" x14ac:dyDescent="0.3">
      <c r="A53786" s="13" t="s">
        <v>298</v>
      </c>
      <c r="B53786" s="14" t="s">
        <v>1</v>
      </c>
      <c r="C53786" s="14" t="s">
        <v>157</v>
      </c>
      <c r="D53786" s="14" t="s">
        <v>14</v>
      </c>
      <c r="E53786" s="15">
        <v>45507</v>
      </c>
      <c r="F53786" s="14" t="s">
        <v>15</v>
      </c>
      <c r="G53786" s="16">
        <v>0.95539609451154517</v>
      </c>
    </row>
    <row r="53787" spans="1:7" x14ac:dyDescent="0.3">
      <c r="A53787" s="13" t="s">
        <v>298</v>
      </c>
      <c r="B53787" s="14" t="s">
        <v>1</v>
      </c>
      <c r="C53787" s="14" t="s">
        <v>157</v>
      </c>
      <c r="D53787" s="14" t="s">
        <v>14</v>
      </c>
      <c r="E53787" s="15">
        <v>45508</v>
      </c>
      <c r="F53787" s="14" t="s">
        <v>15</v>
      </c>
      <c r="G53787" s="16">
        <v>0.95539609451154517</v>
      </c>
    </row>
    <row r="53788" spans="1:7" x14ac:dyDescent="0.3">
      <c r="A53788" s="13" t="s">
        <v>298</v>
      </c>
      <c r="B53788" s="14" t="s">
        <v>1</v>
      </c>
      <c r="C53788" s="14" t="s">
        <v>157</v>
      </c>
      <c r="D53788" s="14" t="s">
        <v>14</v>
      </c>
      <c r="E53788" s="15">
        <v>45509</v>
      </c>
      <c r="F53788" s="14" t="s">
        <v>15</v>
      </c>
      <c r="G53788" s="16">
        <v>0.95539609451154517</v>
      </c>
    </row>
    <row r="53789" spans="1:7" x14ac:dyDescent="0.3">
      <c r="A53789" s="13" t="s">
        <v>298</v>
      </c>
      <c r="B53789" s="14" t="s">
        <v>1</v>
      </c>
      <c r="C53789" s="14" t="s">
        <v>157</v>
      </c>
      <c r="D53789" s="14" t="s">
        <v>14</v>
      </c>
      <c r="E53789" s="15">
        <v>45510</v>
      </c>
      <c r="F53789" s="14" t="s">
        <v>15</v>
      </c>
      <c r="G53789" s="16">
        <v>0.95162916037759115</v>
      </c>
    </row>
    <row r="53790" spans="1:7" x14ac:dyDescent="0.3">
      <c r="A53790" s="13" t="s">
        <v>298</v>
      </c>
      <c r="B53790" s="14" t="s">
        <v>1</v>
      </c>
      <c r="C53790" s="14" t="s">
        <v>157</v>
      </c>
      <c r="D53790" s="14" t="s">
        <v>14</v>
      </c>
      <c r="E53790" s="15">
        <v>45511</v>
      </c>
      <c r="F53790" s="14" t="s">
        <v>15</v>
      </c>
      <c r="G53790" s="16">
        <v>0.93710389600969657</v>
      </c>
    </row>
    <row r="53791" spans="1:7" x14ac:dyDescent="0.3">
      <c r="A53791" s="13" t="s">
        <v>298</v>
      </c>
      <c r="B53791" s="14" t="s">
        <v>1</v>
      </c>
      <c r="C53791" s="14" t="s">
        <v>157</v>
      </c>
      <c r="D53791" s="14" t="s">
        <v>14</v>
      </c>
      <c r="E53791" s="15">
        <v>45512</v>
      </c>
      <c r="F53791" s="14" t="s">
        <v>15</v>
      </c>
      <c r="G53791" s="16">
        <v>0.93363654684809561</v>
      </c>
    </row>
    <row r="53792" spans="1:7" x14ac:dyDescent="0.3">
      <c r="A53792" s="13" t="s">
        <v>298</v>
      </c>
      <c r="B53792" s="14" t="s">
        <v>1</v>
      </c>
      <c r="C53792" s="14" t="s">
        <v>157</v>
      </c>
      <c r="D53792" s="14" t="s">
        <v>14</v>
      </c>
      <c r="E53792" s="15">
        <v>45513</v>
      </c>
      <c r="F53792" s="14" t="s">
        <v>15</v>
      </c>
      <c r="G53792" s="16">
        <v>0.93363654684809561</v>
      </c>
    </row>
    <row r="53793" spans="1:7" x14ac:dyDescent="0.3">
      <c r="A53793" s="13" t="s">
        <v>298</v>
      </c>
      <c r="B53793" s="14" t="s">
        <v>1</v>
      </c>
      <c r="C53793" s="14" t="s">
        <v>157</v>
      </c>
      <c r="D53793" s="14" t="s">
        <v>14</v>
      </c>
      <c r="E53793" s="15">
        <v>45514</v>
      </c>
      <c r="F53793" s="14" t="s">
        <v>15</v>
      </c>
      <c r="G53793" s="16">
        <v>0.93363654684809561</v>
      </c>
    </row>
    <row r="53794" spans="1:7" x14ac:dyDescent="0.3">
      <c r="A53794" s="13" t="s">
        <v>298</v>
      </c>
      <c r="B53794" s="14" t="s">
        <v>1</v>
      </c>
      <c r="C53794" s="14" t="s">
        <v>157</v>
      </c>
      <c r="D53794" s="14" t="s">
        <v>14</v>
      </c>
      <c r="E53794" s="15">
        <v>45515</v>
      </c>
      <c r="F53794" s="14" t="s">
        <v>15</v>
      </c>
      <c r="G53794" s="16">
        <v>0.93363654684809561</v>
      </c>
    </row>
    <row r="53795" spans="1:7" x14ac:dyDescent="0.3">
      <c r="A53795" s="13" t="s">
        <v>298</v>
      </c>
      <c r="B53795" s="14" t="s">
        <v>1</v>
      </c>
      <c r="C53795" s="14" t="s">
        <v>157</v>
      </c>
      <c r="D53795" s="14" t="s">
        <v>14</v>
      </c>
      <c r="E53795" s="15">
        <v>45516</v>
      </c>
      <c r="F53795" s="14" t="s">
        <v>15</v>
      </c>
      <c r="G53795" s="16">
        <v>0.93109096904504784</v>
      </c>
    </row>
    <row r="53796" spans="1:7" x14ac:dyDescent="0.3">
      <c r="A53796" s="13" t="s">
        <v>298</v>
      </c>
      <c r="B53796" s="14" t="s">
        <v>1</v>
      </c>
      <c r="C53796" s="14" t="s">
        <v>157</v>
      </c>
      <c r="D53796" s="14" t="s">
        <v>14</v>
      </c>
      <c r="E53796" s="15">
        <v>45517</v>
      </c>
      <c r="F53796" s="14" t="s">
        <v>15</v>
      </c>
      <c r="G53796" s="16">
        <v>1.0207915764218123</v>
      </c>
    </row>
    <row r="53797" spans="1:7" x14ac:dyDescent="0.3">
      <c r="A53797" s="13" t="s">
        <v>298</v>
      </c>
      <c r="B53797" s="14" t="s">
        <v>1</v>
      </c>
      <c r="C53797" s="14" t="s">
        <v>157</v>
      </c>
      <c r="D53797" s="14" t="s">
        <v>14</v>
      </c>
      <c r="E53797" s="15">
        <v>45518</v>
      </c>
      <c r="F53797" s="14" t="s">
        <v>15</v>
      </c>
      <c r="G53797" s="16">
        <v>1.0770214518378343</v>
      </c>
    </row>
    <row r="53798" spans="1:7" x14ac:dyDescent="0.3">
      <c r="A53798" s="13" t="s">
        <v>298</v>
      </c>
      <c r="B53798" s="14" t="s">
        <v>1</v>
      </c>
      <c r="C53798" s="14" t="s">
        <v>157</v>
      </c>
      <c r="D53798" s="14" t="s">
        <v>14</v>
      </c>
      <c r="E53798" s="15">
        <v>45519</v>
      </c>
      <c r="F53798" s="14" t="s">
        <v>15</v>
      </c>
      <c r="G53798" s="16">
        <v>1.0751407522076295</v>
      </c>
    </row>
    <row r="53799" spans="1:7" x14ac:dyDescent="0.3">
      <c r="A53799" s="13" t="s">
        <v>298</v>
      </c>
      <c r="B53799" s="14" t="s">
        <v>1</v>
      </c>
      <c r="C53799" s="14" t="s">
        <v>157</v>
      </c>
      <c r="D53799" s="14" t="s">
        <v>14</v>
      </c>
      <c r="E53799" s="15">
        <v>45520</v>
      </c>
      <c r="F53799" s="14" t="s">
        <v>15</v>
      </c>
      <c r="G53799" s="16">
        <v>1.2018109618851947</v>
      </c>
    </row>
    <row r="53800" spans="1:7" x14ac:dyDescent="0.3">
      <c r="A53800" s="13" t="s">
        <v>298</v>
      </c>
      <c r="B53800" s="14" t="s">
        <v>1</v>
      </c>
      <c r="C53800" s="14" t="s">
        <v>157</v>
      </c>
      <c r="D53800" s="14" t="s">
        <v>14</v>
      </c>
      <c r="E53800" s="15">
        <v>45521</v>
      </c>
      <c r="F53800" s="14" t="s">
        <v>15</v>
      </c>
      <c r="G53800" s="16">
        <v>1.2018109618851947</v>
      </c>
    </row>
    <row r="53801" spans="1:7" x14ac:dyDescent="0.3">
      <c r="A53801" s="13" t="s">
        <v>298</v>
      </c>
      <c r="B53801" s="14" t="s">
        <v>1</v>
      </c>
      <c r="C53801" s="14" t="s">
        <v>157</v>
      </c>
      <c r="D53801" s="14" t="s">
        <v>14</v>
      </c>
      <c r="E53801" s="15">
        <v>45522</v>
      </c>
      <c r="F53801" s="14" t="s">
        <v>15</v>
      </c>
      <c r="G53801" s="16">
        <v>1.2018109618851947</v>
      </c>
    </row>
    <row r="53802" spans="1:7" x14ac:dyDescent="0.3">
      <c r="A53802" s="13" t="s">
        <v>298</v>
      </c>
      <c r="B53802" s="14" t="s">
        <v>1</v>
      </c>
      <c r="C53802" s="14" t="s">
        <v>157</v>
      </c>
      <c r="D53802" s="14" t="s">
        <v>14</v>
      </c>
      <c r="E53802" s="15">
        <v>45523</v>
      </c>
      <c r="F53802" s="14" t="s">
        <v>15</v>
      </c>
      <c r="G53802" s="16">
        <v>1.1981119633769415</v>
      </c>
    </row>
    <row r="53803" spans="1:7" x14ac:dyDescent="0.3">
      <c r="A53803" s="13" t="s">
        <v>298</v>
      </c>
      <c r="B53803" s="14" t="s">
        <v>1</v>
      </c>
      <c r="C53803" s="14" t="s">
        <v>157</v>
      </c>
      <c r="D53803" s="14" t="s">
        <v>14</v>
      </c>
      <c r="E53803" s="15">
        <v>45524</v>
      </c>
      <c r="F53803" s="14" t="s">
        <v>15</v>
      </c>
      <c r="G53803" s="16">
        <v>1.1867793021840602</v>
      </c>
    </row>
    <row r="53804" spans="1:7" x14ac:dyDescent="0.3">
      <c r="A53804" s="13" t="s">
        <v>298</v>
      </c>
      <c r="B53804" s="14" t="s">
        <v>1</v>
      </c>
      <c r="C53804" s="14" t="s">
        <v>157</v>
      </c>
      <c r="D53804" s="14" t="s">
        <v>14</v>
      </c>
      <c r="E53804" s="15">
        <v>45525</v>
      </c>
      <c r="F53804" s="14" t="s">
        <v>15</v>
      </c>
      <c r="G53804" s="16">
        <v>1.1829722748939548</v>
      </c>
    </row>
    <row r="53805" spans="1:7" x14ac:dyDescent="0.3">
      <c r="A53805" s="13" t="s">
        <v>298</v>
      </c>
      <c r="B53805" s="14" t="s">
        <v>1</v>
      </c>
      <c r="C53805" s="14" t="s">
        <v>157</v>
      </c>
      <c r="D53805" s="14" t="s">
        <v>14</v>
      </c>
      <c r="E53805" s="15">
        <v>45526</v>
      </c>
      <c r="F53805" s="14" t="s">
        <v>15</v>
      </c>
      <c r="G53805" s="16">
        <v>1.1791485421221199</v>
      </c>
    </row>
    <row r="53806" spans="1:7" x14ac:dyDescent="0.3">
      <c r="A53806" s="13" t="s">
        <v>298</v>
      </c>
      <c r="B53806" s="14" t="s">
        <v>1</v>
      </c>
      <c r="C53806" s="14" t="s">
        <v>157</v>
      </c>
      <c r="D53806" s="14" t="s">
        <v>14</v>
      </c>
      <c r="E53806" s="15">
        <v>45527</v>
      </c>
      <c r="F53806" s="14" t="s">
        <v>15</v>
      </c>
      <c r="G53806" s="16">
        <v>1.175355621683253</v>
      </c>
    </row>
    <row r="53807" spans="1:7" x14ac:dyDescent="0.3">
      <c r="A53807" s="13" t="s">
        <v>298</v>
      </c>
      <c r="B53807" s="14" t="s">
        <v>1</v>
      </c>
      <c r="C53807" s="14" t="s">
        <v>157</v>
      </c>
      <c r="D53807" s="14" t="s">
        <v>14</v>
      </c>
      <c r="E53807" s="15">
        <v>45528</v>
      </c>
      <c r="F53807" s="14" t="s">
        <v>15</v>
      </c>
      <c r="G53807" s="16">
        <v>1.175355621683253</v>
      </c>
    </row>
    <row r="53808" spans="1:7" x14ac:dyDescent="0.3">
      <c r="A53808" s="13" t="s">
        <v>298</v>
      </c>
      <c r="B53808" s="14" t="s">
        <v>1</v>
      </c>
      <c r="C53808" s="14" t="s">
        <v>157</v>
      </c>
      <c r="D53808" s="14" t="s">
        <v>14</v>
      </c>
      <c r="E53808" s="15">
        <v>45529</v>
      </c>
      <c r="F53808" s="14" t="s">
        <v>15</v>
      </c>
      <c r="G53808" s="16">
        <v>1.175355621683253</v>
      </c>
    </row>
    <row r="53809" spans="1:7" x14ac:dyDescent="0.3">
      <c r="A53809" s="13" t="s">
        <v>298</v>
      </c>
      <c r="B53809" s="14" t="s">
        <v>1</v>
      </c>
      <c r="C53809" s="14" t="s">
        <v>157</v>
      </c>
      <c r="D53809" s="14" t="s">
        <v>14</v>
      </c>
      <c r="E53809" s="15">
        <v>45530</v>
      </c>
      <c r="F53809" s="14" t="s">
        <v>15</v>
      </c>
      <c r="G53809" s="16">
        <v>1.1715445108309472</v>
      </c>
    </row>
    <row r="53810" spans="1:7" x14ac:dyDescent="0.3">
      <c r="A53810" s="13" t="s">
        <v>298</v>
      </c>
      <c r="B53810" s="14" t="s">
        <v>1</v>
      </c>
      <c r="C53810" s="14" t="s">
        <v>157</v>
      </c>
      <c r="D53810" s="14" t="s">
        <v>14</v>
      </c>
      <c r="E53810" s="15">
        <v>45531</v>
      </c>
      <c r="F53810" s="14" t="s">
        <v>15</v>
      </c>
      <c r="G53810" s="16">
        <v>1.2013745278530268</v>
      </c>
    </row>
    <row r="53811" spans="1:7" x14ac:dyDescent="0.3">
      <c r="A53811" s="13" t="s">
        <v>298</v>
      </c>
      <c r="B53811" s="14" t="s">
        <v>1</v>
      </c>
      <c r="C53811" s="14" t="s">
        <v>157</v>
      </c>
      <c r="D53811" s="14" t="s">
        <v>14</v>
      </c>
      <c r="E53811" s="15">
        <v>45532</v>
      </c>
      <c r="F53811" s="14" t="s">
        <v>15</v>
      </c>
      <c r="G53811" s="16">
        <v>1.1976436033130236</v>
      </c>
    </row>
    <row r="53812" spans="1:7" x14ac:dyDescent="0.3">
      <c r="A53812" s="13" t="s">
        <v>298</v>
      </c>
      <c r="B53812" s="14" t="s">
        <v>1</v>
      </c>
      <c r="C53812" s="14" t="s">
        <v>157</v>
      </c>
      <c r="D53812" s="14" t="s">
        <v>14</v>
      </c>
      <c r="E53812" s="15">
        <v>45533</v>
      </c>
      <c r="F53812" s="14" t="s">
        <v>15</v>
      </c>
      <c r="G53812" s="16">
        <v>1.193838432187555</v>
      </c>
    </row>
    <row r="53813" spans="1:7" x14ac:dyDescent="0.3">
      <c r="A53813" s="13" t="s">
        <v>298</v>
      </c>
      <c r="B53813" s="14" t="s">
        <v>1</v>
      </c>
      <c r="C53813" s="14" t="s">
        <v>157</v>
      </c>
      <c r="D53813" s="14" t="s">
        <v>14</v>
      </c>
      <c r="E53813" s="15">
        <v>45534</v>
      </c>
      <c r="F53813" s="14" t="s">
        <v>15</v>
      </c>
      <c r="G53813" s="16">
        <v>1.1900332610620865</v>
      </c>
    </row>
    <row r="53814" spans="1:7" x14ac:dyDescent="0.3">
      <c r="A53814" s="13" t="s">
        <v>298</v>
      </c>
      <c r="B53814" s="14" t="s">
        <v>1</v>
      </c>
      <c r="C53814" s="14" t="s">
        <v>157</v>
      </c>
      <c r="D53814" s="14" t="s">
        <v>14</v>
      </c>
      <c r="E53814" s="15">
        <v>45535</v>
      </c>
      <c r="F53814" s="14" t="s">
        <v>15</v>
      </c>
      <c r="G53814" s="16">
        <v>1.1900332610620865</v>
      </c>
    </row>
    <row r="53815" spans="1:7" x14ac:dyDescent="0.3">
      <c r="A53815" s="13" t="s">
        <v>298</v>
      </c>
      <c r="B53815" s="14" t="s">
        <v>1</v>
      </c>
      <c r="C53815" s="14" t="s">
        <v>157</v>
      </c>
      <c r="D53815" s="14" t="s">
        <v>14</v>
      </c>
      <c r="E53815" s="15">
        <v>45536</v>
      </c>
      <c r="F53815" s="14" t="s">
        <v>15</v>
      </c>
      <c r="G53815" s="16">
        <v>1.1900332610620865</v>
      </c>
    </row>
    <row r="53816" spans="1:7" x14ac:dyDescent="0.3">
      <c r="A53816" s="13" t="s">
        <v>298</v>
      </c>
      <c r="B53816" s="14" t="s">
        <v>1</v>
      </c>
      <c r="C53816" s="14" t="s">
        <v>157</v>
      </c>
      <c r="D53816" s="14" t="s">
        <v>14</v>
      </c>
      <c r="E53816" s="15">
        <v>45537</v>
      </c>
      <c r="F53816" s="14" t="s">
        <v>15</v>
      </c>
      <c r="G53816" s="16">
        <v>1.1862258625390538</v>
      </c>
    </row>
    <row r="53817" spans="1:7" x14ac:dyDescent="0.3">
      <c r="A53817" s="13" t="s">
        <v>298</v>
      </c>
      <c r="B53817" s="14" t="s">
        <v>1</v>
      </c>
      <c r="C53817" s="14" t="s">
        <v>157</v>
      </c>
      <c r="D53817" s="14" t="s">
        <v>14</v>
      </c>
      <c r="E53817" s="15">
        <v>45538</v>
      </c>
      <c r="F53817" s="14" t="s">
        <v>15</v>
      </c>
      <c r="G53817" s="16">
        <v>1.1748245232546173</v>
      </c>
    </row>
    <row r="53818" spans="1:7" x14ac:dyDescent="0.3">
      <c r="A53818" s="13" t="s">
        <v>298</v>
      </c>
      <c r="B53818" s="14" t="s">
        <v>1</v>
      </c>
      <c r="C53818" s="14" t="s">
        <v>157</v>
      </c>
      <c r="D53818" s="14" t="s">
        <v>14</v>
      </c>
      <c r="E53818" s="15">
        <v>45539</v>
      </c>
      <c r="F53818" s="14" t="s">
        <v>15</v>
      </c>
      <c r="G53818" s="16">
        <v>1.1710160110328025</v>
      </c>
    </row>
    <row r="53819" spans="1:7" x14ac:dyDescent="0.3">
      <c r="A53819" s="13" t="s">
        <v>298</v>
      </c>
      <c r="B53819" s="14" t="s">
        <v>1</v>
      </c>
      <c r="C53819" s="14" t="s">
        <v>157</v>
      </c>
      <c r="D53819" s="14" t="s">
        <v>14</v>
      </c>
      <c r="E53819" s="15">
        <v>45540</v>
      </c>
      <c r="F53819" s="14" t="s">
        <v>15</v>
      </c>
      <c r="G53819" s="16">
        <v>1.167239424842738</v>
      </c>
    </row>
    <row r="53820" spans="1:7" x14ac:dyDescent="0.3">
      <c r="A53820" s="13" t="s">
        <v>298</v>
      </c>
      <c r="B53820" s="14" t="s">
        <v>1</v>
      </c>
      <c r="C53820" s="14" t="s">
        <v>157</v>
      </c>
      <c r="D53820" s="14" t="s">
        <v>14</v>
      </c>
      <c r="E53820" s="15">
        <v>45541</v>
      </c>
      <c r="F53820" s="14" t="s">
        <v>15</v>
      </c>
      <c r="G53820" s="16">
        <v>1.1796931422354162</v>
      </c>
    </row>
    <row r="53821" spans="1:7" x14ac:dyDescent="0.3">
      <c r="A53821" s="13" t="s">
        <v>298</v>
      </c>
      <c r="B53821" s="14" t="s">
        <v>1</v>
      </c>
      <c r="C53821" s="14" t="s">
        <v>157</v>
      </c>
      <c r="D53821" s="14" t="s">
        <v>14</v>
      </c>
      <c r="E53821" s="15">
        <v>45542</v>
      </c>
      <c r="F53821" s="14" t="s">
        <v>15</v>
      </c>
      <c r="G53821" s="16">
        <v>1.1796931422354162</v>
      </c>
    </row>
    <row r="53822" spans="1:7" x14ac:dyDescent="0.3">
      <c r="A53822" s="13" t="s">
        <v>298</v>
      </c>
      <c r="B53822" s="14" t="s">
        <v>1</v>
      </c>
      <c r="C53822" s="14" t="s">
        <v>157</v>
      </c>
      <c r="D53822" s="14" t="s">
        <v>14</v>
      </c>
      <c r="E53822" s="15">
        <v>45543</v>
      </c>
      <c r="F53822" s="14" t="s">
        <v>15</v>
      </c>
      <c r="G53822" s="16">
        <v>1.1796931422354162</v>
      </c>
    </row>
    <row r="53823" spans="1:7" x14ac:dyDescent="0.3">
      <c r="A53823" s="13" t="s">
        <v>298</v>
      </c>
      <c r="B53823" s="14" t="s">
        <v>1</v>
      </c>
      <c r="C53823" s="14" t="s">
        <v>157</v>
      </c>
      <c r="D53823" s="14" t="s">
        <v>14</v>
      </c>
      <c r="E53823" s="15">
        <v>45544</v>
      </c>
      <c r="F53823" s="14" t="s">
        <v>15</v>
      </c>
      <c r="G53823" s="16">
        <v>1.182035588386485</v>
      </c>
    </row>
    <row r="53824" spans="1:7" x14ac:dyDescent="0.3">
      <c r="A53824" s="13" t="s">
        <v>298</v>
      </c>
      <c r="B53824" s="14" t="s">
        <v>1</v>
      </c>
      <c r="C53824" s="14" t="s">
        <v>157</v>
      </c>
      <c r="D53824" s="14" t="s">
        <v>14</v>
      </c>
      <c r="E53824" s="15">
        <v>45545</v>
      </c>
      <c r="F53824" s="14" t="s">
        <v>15</v>
      </c>
      <c r="G53824" s="16">
        <v>1.2353988031376868</v>
      </c>
    </row>
    <row r="53825" spans="1:7" x14ac:dyDescent="0.3">
      <c r="A53825" s="13" t="s">
        <v>298</v>
      </c>
      <c r="B53825" s="14" t="s">
        <v>1</v>
      </c>
      <c r="C53825" s="14" t="s">
        <v>157</v>
      </c>
      <c r="D53825" s="14" t="s">
        <v>14</v>
      </c>
      <c r="E53825" s="15">
        <v>45546</v>
      </c>
      <c r="F53825" s="14" t="s">
        <v>15</v>
      </c>
      <c r="G53825" s="16">
        <v>1.2317417539502216</v>
      </c>
    </row>
    <row r="53826" spans="1:7" x14ac:dyDescent="0.3">
      <c r="A53826" s="13" t="s">
        <v>298</v>
      </c>
      <c r="B53826" s="14" t="s">
        <v>1</v>
      </c>
      <c r="C53826" s="14" t="s">
        <v>157</v>
      </c>
      <c r="D53826" s="14" t="s">
        <v>14</v>
      </c>
      <c r="E53826" s="15">
        <v>45547</v>
      </c>
      <c r="F53826" s="14" t="s">
        <v>15</v>
      </c>
      <c r="G53826" s="16">
        <v>1.2891317322641409</v>
      </c>
    </row>
    <row r="53827" spans="1:7" x14ac:dyDescent="0.3">
      <c r="A53827" s="13" t="s">
        <v>298</v>
      </c>
      <c r="B53827" s="14" t="s">
        <v>1</v>
      </c>
      <c r="C53827" s="14" t="s">
        <v>157</v>
      </c>
      <c r="D53827" s="14" t="s">
        <v>14</v>
      </c>
      <c r="E53827" s="15">
        <v>45548</v>
      </c>
      <c r="F53827" s="14" t="s">
        <v>15</v>
      </c>
      <c r="G53827" s="16">
        <v>1.3529603744696219</v>
      </c>
    </row>
    <row r="53828" spans="1:7" x14ac:dyDescent="0.3">
      <c r="A53828" s="13" t="s">
        <v>298</v>
      </c>
      <c r="B53828" s="14" t="s">
        <v>1</v>
      </c>
      <c r="C53828" s="14" t="s">
        <v>157</v>
      </c>
      <c r="D53828" s="14" t="s">
        <v>14</v>
      </c>
      <c r="E53828" s="15">
        <v>45549</v>
      </c>
      <c r="F53828" s="14" t="s">
        <v>15</v>
      </c>
      <c r="G53828" s="16">
        <v>1.3529603744696219</v>
      </c>
    </row>
    <row r="53829" spans="1:7" x14ac:dyDescent="0.3">
      <c r="A53829" s="13" t="s">
        <v>298</v>
      </c>
      <c r="B53829" s="14" t="s">
        <v>1</v>
      </c>
      <c r="C53829" s="14" t="s">
        <v>157</v>
      </c>
      <c r="D53829" s="14" t="s">
        <v>14</v>
      </c>
      <c r="E53829" s="15">
        <v>45550</v>
      </c>
      <c r="F53829" s="14" t="s">
        <v>15</v>
      </c>
      <c r="G53829" s="16">
        <v>1.3529603744696219</v>
      </c>
    </row>
    <row r="53830" spans="1:7" x14ac:dyDescent="0.3">
      <c r="A53830" s="13" t="s">
        <v>298</v>
      </c>
      <c r="B53830" s="14" t="s">
        <v>1</v>
      </c>
      <c r="C53830" s="14" t="s">
        <v>157</v>
      </c>
      <c r="D53830" s="14" t="s">
        <v>14</v>
      </c>
      <c r="E53830" s="15">
        <v>45551</v>
      </c>
      <c r="F53830" s="14" t="s">
        <v>15</v>
      </c>
      <c r="G53830" s="16">
        <v>1.3701989130626195</v>
      </c>
    </row>
    <row r="53831" spans="1:7" x14ac:dyDescent="0.3">
      <c r="A53831" s="13" t="s">
        <v>298</v>
      </c>
      <c r="B53831" s="14" t="s">
        <v>1</v>
      </c>
      <c r="C53831" s="14" t="s">
        <v>157</v>
      </c>
      <c r="D53831" s="14" t="s">
        <v>14</v>
      </c>
      <c r="E53831" s="15">
        <v>45552</v>
      </c>
      <c r="F53831" s="14" t="s">
        <v>15</v>
      </c>
      <c r="G53831" s="16">
        <v>1.3590351628516724</v>
      </c>
    </row>
    <row r="53832" spans="1:7" x14ac:dyDescent="0.3">
      <c r="A53832" s="13" t="s">
        <v>298</v>
      </c>
      <c r="B53832" s="14" t="s">
        <v>1</v>
      </c>
      <c r="C53832" s="14" t="s">
        <v>157</v>
      </c>
      <c r="D53832" s="14" t="s">
        <v>14</v>
      </c>
      <c r="E53832" s="15">
        <v>45553</v>
      </c>
      <c r="F53832" s="14" t="s">
        <v>15</v>
      </c>
      <c r="G53832" s="16">
        <v>1.3552979273519046</v>
      </c>
    </row>
    <row r="53833" spans="1:7" x14ac:dyDescent="0.3">
      <c r="A53833" s="13" t="s">
        <v>298</v>
      </c>
      <c r="B53833" s="14" t="s">
        <v>1</v>
      </c>
      <c r="C53833" s="14" t="s">
        <v>157</v>
      </c>
      <c r="D53833" s="14" t="s">
        <v>14</v>
      </c>
      <c r="E53833" s="15">
        <v>45554</v>
      </c>
      <c r="F53833" s="14" t="s">
        <v>15</v>
      </c>
      <c r="G53833" s="16">
        <v>1.3515436151374796</v>
      </c>
    </row>
    <row r="53834" spans="1:7" x14ac:dyDescent="0.3">
      <c r="A53834" s="13" t="s">
        <v>298</v>
      </c>
      <c r="B53834" s="14" t="s">
        <v>1</v>
      </c>
      <c r="C53834" s="14" t="s">
        <v>157</v>
      </c>
      <c r="D53834" s="14" t="s">
        <v>14</v>
      </c>
      <c r="E53834" s="15">
        <v>45555</v>
      </c>
      <c r="F53834" s="14" t="s">
        <v>15</v>
      </c>
      <c r="G53834" s="16">
        <v>1.3478164029267496</v>
      </c>
    </row>
    <row r="53835" spans="1:7" x14ac:dyDescent="0.3">
      <c r="A53835" s="13" t="s">
        <v>298</v>
      </c>
      <c r="B53835" s="14" t="s">
        <v>1</v>
      </c>
      <c r="C53835" s="14" t="s">
        <v>157</v>
      </c>
      <c r="D53835" s="14" t="s">
        <v>14</v>
      </c>
      <c r="E53835" s="15">
        <v>45556</v>
      </c>
      <c r="F53835" s="14" t="s">
        <v>15</v>
      </c>
      <c r="G53835" s="16">
        <v>1.3478164029267496</v>
      </c>
    </row>
    <row r="53836" spans="1:7" x14ac:dyDescent="0.3">
      <c r="A53836" s="13" t="s">
        <v>298</v>
      </c>
      <c r="B53836" s="14" t="s">
        <v>1</v>
      </c>
      <c r="C53836" s="14" t="s">
        <v>157</v>
      </c>
      <c r="D53836" s="14" t="s">
        <v>14</v>
      </c>
      <c r="E53836" s="15">
        <v>45557</v>
      </c>
      <c r="F53836" s="14" t="s">
        <v>15</v>
      </c>
      <c r="G53836" s="16">
        <v>1.3478164029267496</v>
      </c>
    </row>
    <row r="53837" spans="1:7" x14ac:dyDescent="0.3">
      <c r="A53837" s="13" t="s">
        <v>298</v>
      </c>
      <c r="B53837" s="14" t="s">
        <v>1</v>
      </c>
      <c r="C53837" s="14" t="s">
        <v>157</v>
      </c>
      <c r="D53837" s="14" t="s">
        <v>14</v>
      </c>
      <c r="E53837" s="15">
        <v>45558</v>
      </c>
      <c r="F53837" s="14" t="s">
        <v>15</v>
      </c>
      <c r="G53837" s="16">
        <v>1.3440242249537375</v>
      </c>
    </row>
    <row r="53838" spans="1:7" x14ac:dyDescent="0.3">
      <c r="A53838" s="13" t="s">
        <v>298</v>
      </c>
      <c r="B53838" s="14" t="s">
        <v>1</v>
      </c>
      <c r="C53838" s="14" t="s">
        <v>157</v>
      </c>
      <c r="D53838" s="14" t="s">
        <v>14</v>
      </c>
      <c r="E53838" s="15">
        <v>45559</v>
      </c>
      <c r="F53838" s="14" t="s">
        <v>15</v>
      </c>
      <c r="G53838" s="16">
        <v>1.3325638596338558</v>
      </c>
    </row>
    <row r="53839" spans="1:7" x14ac:dyDescent="0.3">
      <c r="A53839" s="13" t="s">
        <v>298</v>
      </c>
      <c r="B53839" s="14" t="s">
        <v>1</v>
      </c>
      <c r="C53839" s="14" t="s">
        <v>157</v>
      </c>
      <c r="D53839" s="14" t="s">
        <v>14</v>
      </c>
      <c r="E53839" s="15">
        <v>45560</v>
      </c>
      <c r="F53839" s="14" t="s">
        <v>15</v>
      </c>
      <c r="G53839" s="16">
        <v>1.3287386419303115</v>
      </c>
    </row>
    <row r="53840" spans="1:7" x14ac:dyDescent="0.3">
      <c r="A53840" s="13" t="s">
        <v>298</v>
      </c>
      <c r="B53840" s="14" t="s">
        <v>1</v>
      </c>
      <c r="C53840" s="14" t="s">
        <v>157</v>
      </c>
      <c r="D53840" s="14" t="s">
        <v>14</v>
      </c>
      <c r="E53840" s="15">
        <v>45561</v>
      </c>
      <c r="F53840" s="14" t="s">
        <v>15</v>
      </c>
      <c r="G53840" s="16">
        <v>1.3248633077815779</v>
      </c>
    </row>
    <row r="53841" spans="1:7" x14ac:dyDescent="0.3">
      <c r="A53841" s="13" t="s">
        <v>298</v>
      </c>
      <c r="B53841" s="14" t="s">
        <v>1</v>
      </c>
      <c r="C53841" s="14" t="s">
        <v>157</v>
      </c>
      <c r="D53841" s="14" t="s">
        <v>14</v>
      </c>
      <c r="E53841" s="15">
        <v>45562</v>
      </c>
      <c r="F53841" s="14" t="s">
        <v>15</v>
      </c>
      <c r="G53841" s="16">
        <v>1.3211349818720661</v>
      </c>
    </row>
    <row r="53842" spans="1:7" x14ac:dyDescent="0.3">
      <c r="A53842" s="13" t="s">
        <v>298</v>
      </c>
      <c r="B53842" s="14" t="s">
        <v>1</v>
      </c>
      <c r="C53842" s="14" t="s">
        <v>157</v>
      </c>
      <c r="D53842" s="14" t="s">
        <v>14</v>
      </c>
      <c r="E53842" s="15">
        <v>45563</v>
      </c>
      <c r="F53842" s="14" t="s">
        <v>15</v>
      </c>
      <c r="G53842" s="16">
        <v>1.3211349818720661</v>
      </c>
    </row>
    <row r="53843" spans="1:7" x14ac:dyDescent="0.3">
      <c r="A53843" s="13" t="s">
        <v>298</v>
      </c>
      <c r="B53843" s="14" t="s">
        <v>1</v>
      </c>
      <c r="C53843" s="14" t="s">
        <v>157</v>
      </c>
      <c r="D53843" s="14" t="s">
        <v>14</v>
      </c>
      <c r="E53843" s="15">
        <v>45564</v>
      </c>
      <c r="F53843" s="14" t="s">
        <v>15</v>
      </c>
      <c r="G53843" s="16">
        <v>1.3211349818720661</v>
      </c>
    </row>
    <row r="53844" spans="1:7" x14ac:dyDescent="0.3">
      <c r="A53844" s="13" t="s">
        <v>298</v>
      </c>
      <c r="B53844" s="14" t="s">
        <v>1</v>
      </c>
      <c r="C53844" s="14" t="s">
        <v>157</v>
      </c>
      <c r="D53844" s="14" t="s">
        <v>14</v>
      </c>
      <c r="E53844" s="15">
        <v>45565</v>
      </c>
      <c r="F53844" s="14" t="s">
        <v>15</v>
      </c>
      <c r="G53844" s="16">
        <v>1.3358450529970387</v>
      </c>
    </row>
    <row r="53845" spans="1:7" x14ac:dyDescent="0.3">
      <c r="A53845" s="13" t="s">
        <v>298</v>
      </c>
      <c r="B53845" s="14" t="s">
        <v>1</v>
      </c>
      <c r="C53845" s="14" t="s">
        <v>157</v>
      </c>
      <c r="D53845" s="14" t="s">
        <v>14</v>
      </c>
      <c r="E53845" s="15">
        <v>45566</v>
      </c>
      <c r="F53845" s="14" t="s">
        <v>15</v>
      </c>
      <c r="G53845" s="16">
        <v>1.3238950314460125</v>
      </c>
    </row>
    <row r="53846" spans="1:7" x14ac:dyDescent="0.3">
      <c r="A53846" s="13" t="s">
        <v>298</v>
      </c>
      <c r="B53846" s="14" t="s">
        <v>1</v>
      </c>
      <c r="C53846" s="14" t="s">
        <v>157</v>
      </c>
      <c r="D53846" s="14" t="s">
        <v>14</v>
      </c>
      <c r="E53846" s="15">
        <v>45567</v>
      </c>
      <c r="F53846" s="14" t="s">
        <v>15</v>
      </c>
      <c r="G53846" s="16">
        <v>1.3200248945582618</v>
      </c>
    </row>
    <row r="53847" spans="1:7" x14ac:dyDescent="0.3">
      <c r="A53847" s="13" t="s">
        <v>298</v>
      </c>
      <c r="B53847" s="14" t="s">
        <v>1</v>
      </c>
      <c r="C53847" s="14" t="s">
        <v>157</v>
      </c>
      <c r="D53847" s="14" t="s">
        <v>14</v>
      </c>
      <c r="E53847" s="15">
        <v>45568</v>
      </c>
      <c r="F53847" s="14" t="s">
        <v>15</v>
      </c>
      <c r="G53847" s="16">
        <v>1.3160760562899174</v>
      </c>
    </row>
    <row r="53848" spans="1:7" x14ac:dyDescent="0.3">
      <c r="A53848" s="13" t="s">
        <v>298</v>
      </c>
      <c r="B53848" s="14" t="s">
        <v>1</v>
      </c>
      <c r="C53848" s="14" t="s">
        <v>157</v>
      </c>
      <c r="D53848" s="14" t="s">
        <v>14</v>
      </c>
      <c r="E53848" s="15">
        <v>45569</v>
      </c>
      <c r="F53848" s="14" t="s">
        <v>15</v>
      </c>
      <c r="G53848" s="16">
        <v>1.3120975193873869</v>
      </c>
    </row>
    <row r="53849" spans="1:7" x14ac:dyDescent="0.3">
      <c r="A53849" s="13" t="s">
        <v>298</v>
      </c>
      <c r="B53849" s="14" t="s">
        <v>1</v>
      </c>
      <c r="C53849" s="14" t="s">
        <v>157</v>
      </c>
      <c r="D53849" s="14" t="s">
        <v>14</v>
      </c>
      <c r="E53849" s="15">
        <v>45570</v>
      </c>
      <c r="F53849" s="14" t="s">
        <v>15</v>
      </c>
      <c r="G53849" s="16">
        <v>1.3120975193873869</v>
      </c>
    </row>
    <row r="53850" spans="1:7" x14ac:dyDescent="0.3">
      <c r="A53850" s="13" t="s">
        <v>298</v>
      </c>
      <c r="B53850" s="14" t="s">
        <v>1</v>
      </c>
      <c r="C53850" s="14" t="s">
        <v>157</v>
      </c>
      <c r="D53850" s="14" t="s">
        <v>14</v>
      </c>
      <c r="E53850" s="15">
        <v>45571</v>
      </c>
      <c r="F53850" s="14" t="s">
        <v>15</v>
      </c>
      <c r="G53850" s="16">
        <v>1.3120975193873869</v>
      </c>
    </row>
    <row r="53851" spans="1:7" x14ac:dyDescent="0.3">
      <c r="A53851" s="13" t="s">
        <v>298</v>
      </c>
      <c r="B53851" s="14" t="s">
        <v>1</v>
      </c>
      <c r="C53851" s="14" t="s">
        <v>157</v>
      </c>
      <c r="D53851" s="14" t="s">
        <v>14</v>
      </c>
      <c r="E53851" s="15">
        <v>45572</v>
      </c>
      <c r="F53851" s="14" t="s">
        <v>15</v>
      </c>
      <c r="G53851" s="16">
        <v>1.3081419989263507</v>
      </c>
    </row>
    <row r="53852" spans="1:7" x14ac:dyDescent="0.3">
      <c r="A53852" s="13" t="s">
        <v>298</v>
      </c>
      <c r="B53852" s="14" t="s">
        <v>1</v>
      </c>
      <c r="C53852" s="14" t="s">
        <v>157</v>
      </c>
      <c r="D53852" s="14" t="s">
        <v>14</v>
      </c>
      <c r="E53852" s="15">
        <v>45573</v>
      </c>
      <c r="F53852" s="14" t="s">
        <v>15</v>
      </c>
      <c r="G53852" s="16">
        <v>1.2962680801254267</v>
      </c>
    </row>
    <row r="53853" spans="1:7" x14ac:dyDescent="0.3">
      <c r="A53853" s="13" t="s">
        <v>298</v>
      </c>
      <c r="B53853" s="14" t="s">
        <v>1</v>
      </c>
      <c r="C53853" s="14" t="s">
        <v>157</v>
      </c>
      <c r="D53853" s="14" t="s">
        <v>14</v>
      </c>
      <c r="E53853" s="15">
        <v>45574</v>
      </c>
      <c r="F53853" s="14" t="s">
        <v>15</v>
      </c>
      <c r="G53853" s="16">
        <v>1.3350581750814741</v>
      </c>
    </row>
    <row r="53854" spans="1:7" x14ac:dyDescent="0.3">
      <c r="A53854" s="13" t="s">
        <v>298</v>
      </c>
      <c r="B53854" s="14" t="s">
        <v>1</v>
      </c>
      <c r="C53854" s="14" t="s">
        <v>157</v>
      </c>
      <c r="D53854" s="14" t="s">
        <v>14</v>
      </c>
      <c r="E53854" s="15">
        <v>45575</v>
      </c>
      <c r="F53854" s="14" t="s">
        <v>15</v>
      </c>
      <c r="G53854" s="16">
        <v>1.3312043724425255</v>
      </c>
    </row>
    <row r="53855" spans="1:7" x14ac:dyDescent="0.3">
      <c r="A53855" s="13" t="s">
        <v>298</v>
      </c>
      <c r="B53855" s="14" t="s">
        <v>1</v>
      </c>
      <c r="C53855" s="14" t="s">
        <v>157</v>
      </c>
      <c r="D53855" s="14" t="s">
        <v>14</v>
      </c>
      <c r="E53855" s="15">
        <v>45576</v>
      </c>
      <c r="F53855" s="14" t="s">
        <v>15</v>
      </c>
      <c r="G53855" s="16">
        <v>1.3273468354207951</v>
      </c>
    </row>
    <row r="53856" spans="1:7" x14ac:dyDescent="0.3">
      <c r="A53856" s="13" t="s">
        <v>298</v>
      </c>
      <c r="B53856" s="14" t="s">
        <v>1</v>
      </c>
      <c r="C53856" s="14" t="s">
        <v>157</v>
      </c>
      <c r="D53856" s="14" t="s">
        <v>14</v>
      </c>
      <c r="E53856" s="15">
        <v>45577</v>
      </c>
      <c r="F53856" s="14" t="s">
        <v>15</v>
      </c>
      <c r="G53856" s="16">
        <v>1.3273468354207951</v>
      </c>
    </row>
    <row r="53857" spans="1:7" x14ac:dyDescent="0.3">
      <c r="A53857" s="13" t="s">
        <v>298</v>
      </c>
      <c r="B53857" s="14" t="s">
        <v>1</v>
      </c>
      <c r="C53857" s="14" t="s">
        <v>157</v>
      </c>
      <c r="D53857" s="14" t="s">
        <v>14</v>
      </c>
      <c r="E53857" s="15">
        <v>45578</v>
      </c>
      <c r="F53857" s="14" t="s">
        <v>15</v>
      </c>
      <c r="G53857" s="16">
        <v>1.3273468354207951</v>
      </c>
    </row>
    <row r="53858" spans="1:7" x14ac:dyDescent="0.3">
      <c r="A53858" s="13" t="s">
        <v>298</v>
      </c>
      <c r="B53858" s="14" t="s">
        <v>1</v>
      </c>
      <c r="C53858" s="14" t="s">
        <v>157</v>
      </c>
      <c r="D53858" s="14" t="s">
        <v>14</v>
      </c>
      <c r="E53858" s="15">
        <v>45579</v>
      </c>
      <c r="F53858" s="14" t="s">
        <v>15</v>
      </c>
      <c r="G53858" s="16">
        <v>1.3234636169587579</v>
      </c>
    </row>
    <row r="53859" spans="1:7" x14ac:dyDescent="0.3">
      <c r="A53859" s="13" t="s">
        <v>298</v>
      </c>
      <c r="B53859" s="14" t="s">
        <v>1</v>
      </c>
      <c r="C53859" s="14" t="s">
        <v>157</v>
      </c>
      <c r="D53859" s="14" t="s">
        <v>14</v>
      </c>
      <c r="E53859" s="15">
        <v>45580</v>
      </c>
      <c r="F53859" s="14" t="s">
        <v>15</v>
      </c>
      <c r="G53859" s="16">
        <v>1.3117498252126099</v>
      </c>
    </row>
    <row r="53860" spans="1:7" x14ac:dyDescent="0.3">
      <c r="A53860" s="13" t="s">
        <v>298</v>
      </c>
      <c r="B53860" s="14" t="s">
        <v>1</v>
      </c>
      <c r="C53860" s="14" t="s">
        <v>157</v>
      </c>
      <c r="D53860" s="14" t="s">
        <v>14</v>
      </c>
      <c r="E53860" s="15">
        <v>45581</v>
      </c>
      <c r="F53860" s="14" t="s">
        <v>15</v>
      </c>
      <c r="G53860" s="16">
        <v>1.3078318612725104</v>
      </c>
    </row>
    <row r="53861" spans="1:7" x14ac:dyDescent="0.3">
      <c r="A53861" s="13" t="s">
        <v>298</v>
      </c>
      <c r="B53861" s="14" t="s">
        <v>1</v>
      </c>
      <c r="C53861" s="14" t="s">
        <v>157</v>
      </c>
      <c r="D53861" s="14" t="s">
        <v>14</v>
      </c>
      <c r="E53861" s="15">
        <v>45582</v>
      </c>
      <c r="F53861" s="14" t="s">
        <v>15</v>
      </c>
      <c r="G53861" s="16">
        <v>1.3039274933890439</v>
      </c>
    </row>
    <row r="53862" spans="1:7" x14ac:dyDescent="0.3">
      <c r="A53862" s="13" t="s">
        <v>298</v>
      </c>
      <c r="B53862" s="14" t="s">
        <v>1</v>
      </c>
      <c r="C53862" s="14" t="s">
        <v>157</v>
      </c>
      <c r="D53862" s="14" t="s">
        <v>14</v>
      </c>
      <c r="E53862" s="15">
        <v>45583</v>
      </c>
      <c r="F53862" s="14" t="s">
        <v>15</v>
      </c>
      <c r="G53862" s="16">
        <v>1.3000616476660376</v>
      </c>
    </row>
    <row r="53863" spans="1:7" x14ac:dyDescent="0.3">
      <c r="A53863" s="13" t="s">
        <v>298</v>
      </c>
      <c r="B53863" s="14" t="s">
        <v>1</v>
      </c>
      <c r="C53863" s="14" t="s">
        <v>157</v>
      </c>
      <c r="D53863" s="14" t="s">
        <v>14</v>
      </c>
      <c r="E53863" s="15">
        <v>45584</v>
      </c>
      <c r="F53863" s="14" t="s">
        <v>15</v>
      </c>
      <c r="G53863" s="16">
        <v>1.3000616476660376</v>
      </c>
    </row>
    <row r="53864" spans="1:7" x14ac:dyDescent="0.3">
      <c r="A53864" s="13" t="s">
        <v>298</v>
      </c>
      <c r="B53864" s="14" t="s">
        <v>1</v>
      </c>
      <c r="C53864" s="14" t="s">
        <v>157</v>
      </c>
      <c r="D53864" s="14" t="s">
        <v>14</v>
      </c>
      <c r="E53864" s="15">
        <v>45585</v>
      </c>
      <c r="F53864" s="14" t="s">
        <v>15</v>
      </c>
      <c r="G53864" s="16">
        <v>1.3000616476660376</v>
      </c>
    </row>
    <row r="53865" spans="1:7" x14ac:dyDescent="0.3">
      <c r="A53865" s="13" t="s">
        <v>298</v>
      </c>
      <c r="B53865" s="14" t="s">
        <v>1</v>
      </c>
      <c r="C53865" s="14" t="s">
        <v>157</v>
      </c>
      <c r="D53865" s="14" t="s">
        <v>14</v>
      </c>
      <c r="E53865" s="15">
        <v>45586</v>
      </c>
      <c r="F53865" s="14" t="s">
        <v>15</v>
      </c>
      <c r="G53865" s="16">
        <v>1.2962082649949449</v>
      </c>
    </row>
    <row r="53866" spans="1:7" x14ac:dyDescent="0.3">
      <c r="A53866" s="13" t="s">
        <v>298</v>
      </c>
      <c r="B53866" s="14" t="s">
        <v>1</v>
      </c>
      <c r="C53866" s="14" t="s">
        <v>157</v>
      </c>
      <c r="D53866" s="14" t="s">
        <v>14</v>
      </c>
      <c r="E53866" s="15">
        <v>45587</v>
      </c>
      <c r="F53866" s="14" t="s">
        <v>15</v>
      </c>
      <c r="G53866" s="16">
        <v>1.2844287589750711</v>
      </c>
    </row>
    <row r="53867" spans="1:7" x14ac:dyDescent="0.3">
      <c r="A53867" s="13" t="s">
        <v>298</v>
      </c>
      <c r="B53867" s="14" t="s">
        <v>1</v>
      </c>
      <c r="C53867" s="14" t="s">
        <v>157</v>
      </c>
      <c r="D53867" s="14" t="s">
        <v>14</v>
      </c>
      <c r="E53867" s="15">
        <v>45588</v>
      </c>
      <c r="F53867" s="14" t="s">
        <v>15</v>
      </c>
      <c r="G53867" s="16">
        <v>1.280527412437523</v>
      </c>
    </row>
    <row r="53868" spans="1:7" x14ac:dyDescent="0.3">
      <c r="A53868" s="13" t="s">
        <v>298</v>
      </c>
      <c r="B53868" s="14" t="s">
        <v>1</v>
      </c>
      <c r="C53868" s="14" t="s">
        <v>157</v>
      </c>
      <c r="D53868" s="14" t="s">
        <v>14</v>
      </c>
      <c r="E53868" s="15">
        <v>45589</v>
      </c>
      <c r="F53868" s="14" t="s">
        <v>15</v>
      </c>
      <c r="G53868" s="16">
        <v>1.2766475929896439</v>
      </c>
    </row>
    <row r="53869" spans="1:7" x14ac:dyDescent="0.3">
      <c r="A53869" s="13" t="s">
        <v>298</v>
      </c>
      <c r="B53869" s="14" t="s">
        <v>1</v>
      </c>
      <c r="C53869" s="14" t="s">
        <v>157</v>
      </c>
      <c r="D53869" s="14" t="s">
        <v>14</v>
      </c>
      <c r="E53869" s="15">
        <v>45590</v>
      </c>
      <c r="F53869" s="14" t="s">
        <v>15</v>
      </c>
      <c r="G53869" s="16">
        <v>1.2727632415228873</v>
      </c>
    </row>
    <row r="53870" spans="1:7" x14ac:dyDescent="0.3">
      <c r="A53870" s="13" t="s">
        <v>298</v>
      </c>
      <c r="B53870" s="14" t="s">
        <v>1</v>
      </c>
      <c r="C53870" s="14" t="s">
        <v>157</v>
      </c>
      <c r="D53870" s="14" t="s">
        <v>14</v>
      </c>
      <c r="E53870" s="15">
        <v>45591</v>
      </c>
      <c r="F53870" s="14" t="s">
        <v>15</v>
      </c>
      <c r="G53870" s="16">
        <v>1.2727632415228873</v>
      </c>
    </row>
    <row r="53871" spans="1:7" x14ac:dyDescent="0.3">
      <c r="A53871" s="13" t="s">
        <v>298</v>
      </c>
      <c r="B53871" s="14" t="s">
        <v>1</v>
      </c>
      <c r="C53871" s="14" t="s">
        <v>157</v>
      </c>
      <c r="D53871" s="14" t="s">
        <v>14</v>
      </c>
      <c r="E53871" s="15">
        <v>45592</v>
      </c>
      <c r="F53871" s="14" t="s">
        <v>15</v>
      </c>
      <c r="G53871" s="16">
        <v>1.2727632415228873</v>
      </c>
    </row>
    <row r="53872" spans="1:7" x14ac:dyDescent="0.3">
      <c r="A53872" s="13" t="s">
        <v>298</v>
      </c>
      <c r="B53872" s="14" t="s">
        <v>1</v>
      </c>
      <c r="C53872" s="14" t="s">
        <v>157</v>
      </c>
      <c r="D53872" s="14" t="s">
        <v>14</v>
      </c>
      <c r="E53872" s="15">
        <v>45593</v>
      </c>
      <c r="F53872" s="14" t="s">
        <v>15</v>
      </c>
      <c r="G53872" s="16">
        <v>1.2727632415228873</v>
      </c>
    </row>
    <row r="53873" spans="1:7" x14ac:dyDescent="0.3">
      <c r="A53873" s="13" t="s">
        <v>298</v>
      </c>
      <c r="B53873" s="14" t="s">
        <v>1</v>
      </c>
      <c r="C53873" s="14" t="s">
        <v>157</v>
      </c>
      <c r="D53873" s="14" t="s">
        <v>14</v>
      </c>
      <c r="E53873" s="15">
        <v>45594</v>
      </c>
      <c r="F53873" s="14" t="s">
        <v>15</v>
      </c>
      <c r="G53873" s="16">
        <v>1.2690941609528192</v>
      </c>
    </row>
    <row r="53874" spans="1:7" x14ac:dyDescent="0.3">
      <c r="A53874" s="13" t="s">
        <v>298</v>
      </c>
      <c r="B53874" s="14" t="s">
        <v>1</v>
      </c>
      <c r="C53874" s="14" t="s">
        <v>157</v>
      </c>
      <c r="D53874" s="14" t="s">
        <v>14</v>
      </c>
      <c r="E53874" s="15">
        <v>45595</v>
      </c>
      <c r="F53874" s="14" t="s">
        <v>15</v>
      </c>
      <c r="G53874" s="16">
        <v>1.2536448526467632</v>
      </c>
    </row>
    <row r="53875" spans="1:7" x14ac:dyDescent="0.3">
      <c r="A53875" s="13" t="s">
        <v>298</v>
      </c>
      <c r="B53875" s="14" t="s">
        <v>1</v>
      </c>
      <c r="C53875" s="14" t="s">
        <v>157</v>
      </c>
      <c r="D53875" s="14" t="s">
        <v>14</v>
      </c>
      <c r="E53875" s="15">
        <v>45596</v>
      </c>
      <c r="F53875" s="14" t="s">
        <v>15</v>
      </c>
      <c r="G53875" s="16">
        <v>1.2536448526467632</v>
      </c>
    </row>
    <row r="53876" spans="1:7" x14ac:dyDescent="0.3">
      <c r="A53876" s="13" t="s">
        <v>298</v>
      </c>
      <c r="B53876" s="14" t="s">
        <v>1</v>
      </c>
      <c r="C53876" s="14" t="s">
        <v>157</v>
      </c>
      <c r="D53876" s="14" t="s">
        <v>14</v>
      </c>
      <c r="E53876" s="15">
        <v>45597</v>
      </c>
      <c r="F53876" s="14" t="s">
        <v>15</v>
      </c>
      <c r="G53876" s="16">
        <v>1.2497839166108742</v>
      </c>
    </row>
    <row r="53877" spans="1:7" x14ac:dyDescent="0.3">
      <c r="A53877" s="13" t="s">
        <v>298</v>
      </c>
      <c r="B53877" s="14" t="s">
        <v>1</v>
      </c>
      <c r="C53877" s="14" t="s">
        <v>157</v>
      </c>
      <c r="D53877" s="14" t="s">
        <v>14</v>
      </c>
      <c r="E53877" s="15">
        <v>45598</v>
      </c>
      <c r="F53877" s="14" t="s">
        <v>15</v>
      </c>
      <c r="G53877" s="16">
        <v>1.2497839166108742</v>
      </c>
    </row>
    <row r="53878" spans="1:7" x14ac:dyDescent="0.3">
      <c r="A53878" s="13" t="s">
        <v>298</v>
      </c>
      <c r="B53878" s="14" t="s">
        <v>1</v>
      </c>
      <c r="C53878" s="14" t="s">
        <v>157</v>
      </c>
      <c r="D53878" s="14" t="s">
        <v>14</v>
      </c>
      <c r="E53878" s="15">
        <v>45599</v>
      </c>
      <c r="F53878" s="14" t="s">
        <v>15</v>
      </c>
      <c r="G53878" s="16">
        <v>1.2497839166108742</v>
      </c>
    </row>
    <row r="53879" spans="1:7" x14ac:dyDescent="0.3">
      <c r="A53879" s="13" t="s">
        <v>298</v>
      </c>
      <c r="B53879" s="14" t="s">
        <v>1</v>
      </c>
      <c r="C53879" s="14" t="s">
        <v>157</v>
      </c>
      <c r="D53879" s="14" t="s">
        <v>14</v>
      </c>
      <c r="E53879" s="15">
        <v>45600</v>
      </c>
      <c r="F53879" s="14" t="s">
        <v>15</v>
      </c>
      <c r="G53879" s="16">
        <v>1.2416753458819019</v>
      </c>
    </row>
    <row r="53880" spans="1:7" x14ac:dyDescent="0.3">
      <c r="A53880" s="13" t="s">
        <v>298</v>
      </c>
      <c r="B53880" s="14" t="s">
        <v>1</v>
      </c>
      <c r="C53880" s="14" t="s">
        <v>157</v>
      </c>
      <c r="D53880" s="14" t="s">
        <v>14</v>
      </c>
      <c r="E53880" s="15">
        <v>45601</v>
      </c>
      <c r="F53880" s="14" t="s">
        <v>15</v>
      </c>
      <c r="G53880" s="16">
        <v>1.2302145918564231</v>
      </c>
    </row>
    <row r="53881" spans="1:7" x14ac:dyDescent="0.3">
      <c r="A53881" s="13" t="s">
        <v>298</v>
      </c>
      <c r="B53881" s="14" t="s">
        <v>1</v>
      </c>
      <c r="C53881" s="14" t="s">
        <v>157</v>
      </c>
      <c r="D53881" s="14" t="s">
        <v>14</v>
      </c>
      <c r="E53881" s="15">
        <v>45602</v>
      </c>
      <c r="F53881" s="14" t="s">
        <v>15</v>
      </c>
      <c r="G53881" s="16">
        <v>1.2263668742089273</v>
      </c>
    </row>
    <row r="53882" spans="1:7" x14ac:dyDescent="0.3">
      <c r="A53882" s="13" t="s">
        <v>298</v>
      </c>
      <c r="B53882" s="14" t="s">
        <v>1</v>
      </c>
      <c r="C53882" s="14" t="s">
        <v>157</v>
      </c>
      <c r="D53882" s="14" t="s">
        <v>14</v>
      </c>
      <c r="E53882" s="15">
        <v>45603</v>
      </c>
      <c r="F53882" s="14" t="s">
        <v>15</v>
      </c>
      <c r="G53882" s="16">
        <v>1.2224987624764823</v>
      </c>
    </row>
    <row r="53883" spans="1:7" x14ac:dyDescent="0.3">
      <c r="A53883" s="13" t="s">
        <v>298</v>
      </c>
      <c r="B53883" s="14" t="s">
        <v>1</v>
      </c>
      <c r="C53883" s="14" t="s">
        <v>157</v>
      </c>
      <c r="D53883" s="14" t="s">
        <v>14</v>
      </c>
      <c r="E53883" s="15">
        <v>45604</v>
      </c>
      <c r="F53883" s="14" t="s">
        <v>15</v>
      </c>
      <c r="G53883" s="16">
        <v>1.2511709239538493</v>
      </c>
    </row>
    <row r="53884" spans="1:7" x14ac:dyDescent="0.3">
      <c r="A53884" s="13" t="s">
        <v>298</v>
      </c>
      <c r="B53884" s="14" t="s">
        <v>1</v>
      </c>
      <c r="C53884" s="14" t="s">
        <v>157</v>
      </c>
      <c r="D53884" s="14" t="s">
        <v>14</v>
      </c>
      <c r="E53884" s="15">
        <v>45605</v>
      </c>
      <c r="F53884" s="14" t="s">
        <v>15</v>
      </c>
      <c r="G53884" s="16">
        <v>1.2511709239538493</v>
      </c>
    </row>
    <row r="53885" spans="1:7" x14ac:dyDescent="0.3">
      <c r="A53885" s="13" t="s">
        <v>298</v>
      </c>
      <c r="B53885" s="14" t="s">
        <v>1</v>
      </c>
      <c r="C53885" s="14" t="s">
        <v>157</v>
      </c>
      <c r="D53885" s="14" t="s">
        <v>14</v>
      </c>
      <c r="E53885" s="15">
        <v>45606</v>
      </c>
      <c r="F53885" s="14" t="s">
        <v>15</v>
      </c>
      <c r="G53885" s="16">
        <v>1.2511709239538493</v>
      </c>
    </row>
    <row r="53886" spans="1:7" x14ac:dyDescent="0.3">
      <c r="A53886" s="13" t="s">
        <v>298</v>
      </c>
      <c r="B53886" s="14" t="s">
        <v>1</v>
      </c>
      <c r="C53886" s="14" t="s">
        <v>157</v>
      </c>
      <c r="D53886" s="14" t="s">
        <v>14</v>
      </c>
      <c r="E53886" s="15">
        <v>45607</v>
      </c>
      <c r="F53886" s="14" t="s">
        <v>15</v>
      </c>
      <c r="G53886" s="16">
        <v>1.2473077219085218</v>
      </c>
    </row>
    <row r="53887" spans="1:7" x14ac:dyDescent="0.3">
      <c r="A53887" s="13" t="s">
        <v>298</v>
      </c>
      <c r="B53887" s="14" t="s">
        <v>1</v>
      </c>
      <c r="C53887" s="14" t="s">
        <v>157</v>
      </c>
      <c r="D53887" s="14" t="s">
        <v>14</v>
      </c>
      <c r="E53887" s="15">
        <v>45608</v>
      </c>
      <c r="F53887" s="14" t="s">
        <v>15</v>
      </c>
      <c r="G53887" s="16">
        <v>1.2357227150321473</v>
      </c>
    </row>
    <row r="53888" spans="1:7" x14ac:dyDescent="0.3">
      <c r="A53888" s="13" t="s">
        <v>298</v>
      </c>
      <c r="B53888" s="14" t="s">
        <v>1</v>
      </c>
      <c r="C53888" s="14" t="s">
        <v>157</v>
      </c>
      <c r="D53888" s="14" t="s">
        <v>14</v>
      </c>
      <c r="E53888" s="15">
        <v>45609</v>
      </c>
      <c r="F53888" s="14" t="s">
        <v>15</v>
      </c>
      <c r="G53888" s="16">
        <v>1.2405893143499052</v>
      </c>
    </row>
    <row r="53889" spans="1:7" x14ac:dyDescent="0.3">
      <c r="A53889" s="13" t="s">
        <v>298</v>
      </c>
      <c r="B53889" s="14" t="s">
        <v>1</v>
      </c>
      <c r="C53889" s="14" t="s">
        <v>157</v>
      </c>
      <c r="D53889" s="14" t="s">
        <v>14</v>
      </c>
      <c r="E53889" s="15">
        <v>45610</v>
      </c>
      <c r="F53889" s="14" t="s">
        <v>15</v>
      </c>
      <c r="G53889" s="16">
        <v>1.236834880757641</v>
      </c>
    </row>
    <row r="53890" spans="1:7" x14ac:dyDescent="0.3">
      <c r="A53890" s="13" t="s">
        <v>298</v>
      </c>
      <c r="B53890" s="14" t="s">
        <v>1</v>
      </c>
      <c r="C53890" s="14" t="s">
        <v>157</v>
      </c>
      <c r="D53890" s="14" t="s">
        <v>14</v>
      </c>
      <c r="E53890" s="15">
        <v>45611</v>
      </c>
      <c r="F53890" s="14" t="s">
        <v>15</v>
      </c>
      <c r="G53890" s="16">
        <v>1.3266881640786492</v>
      </c>
    </row>
    <row r="53891" spans="1:7" x14ac:dyDescent="0.3">
      <c r="A53891" s="13" t="s">
        <v>298</v>
      </c>
      <c r="B53891" s="14" t="s">
        <v>1</v>
      </c>
      <c r="C53891" s="14" t="s">
        <v>157</v>
      </c>
      <c r="D53891" s="14" t="s">
        <v>14</v>
      </c>
      <c r="E53891" s="15">
        <v>45612</v>
      </c>
      <c r="F53891" s="14" t="s">
        <v>15</v>
      </c>
      <c r="G53891" s="16">
        <v>1.3266881640786492</v>
      </c>
    </row>
    <row r="53892" spans="1:7" x14ac:dyDescent="0.3">
      <c r="A53892" s="13" t="s">
        <v>298</v>
      </c>
      <c r="B53892" s="14" t="s">
        <v>1</v>
      </c>
      <c r="C53892" s="14" t="s">
        <v>157</v>
      </c>
      <c r="D53892" s="14" t="s">
        <v>14</v>
      </c>
      <c r="E53892" s="15">
        <v>45613</v>
      </c>
      <c r="F53892" s="14" t="s">
        <v>15</v>
      </c>
      <c r="G53892" s="16">
        <v>1.3266881640786492</v>
      </c>
    </row>
    <row r="53893" spans="1:7" x14ac:dyDescent="0.3">
      <c r="A53893" s="13" t="s">
        <v>298</v>
      </c>
      <c r="B53893" s="14" t="s">
        <v>1</v>
      </c>
      <c r="C53893" s="14" t="s">
        <v>157</v>
      </c>
      <c r="D53893" s="14" t="s">
        <v>14</v>
      </c>
      <c r="E53893" s="15">
        <v>45614</v>
      </c>
      <c r="F53893" s="14" t="s">
        <v>15</v>
      </c>
      <c r="G53893" s="16">
        <v>1.3229858487034785</v>
      </c>
    </row>
    <row r="53894" spans="1:7" x14ac:dyDescent="0.3">
      <c r="A53894" s="13" t="s">
        <v>298</v>
      </c>
      <c r="B53894" s="14" t="s">
        <v>1</v>
      </c>
      <c r="C53894" s="14" t="s">
        <v>157</v>
      </c>
      <c r="D53894" s="14" t="s">
        <v>14</v>
      </c>
      <c r="E53894" s="15">
        <v>45615</v>
      </c>
      <c r="F53894" s="14" t="s">
        <v>15</v>
      </c>
      <c r="G53894" s="16">
        <v>1.3117879517729039</v>
      </c>
    </row>
    <row r="53895" spans="1:7" x14ac:dyDescent="0.3">
      <c r="A53895" s="13" t="s">
        <v>298</v>
      </c>
      <c r="B53895" s="14" t="s">
        <v>1</v>
      </c>
      <c r="C53895" s="14" t="s">
        <v>157</v>
      </c>
      <c r="D53895" s="14" t="s">
        <v>14</v>
      </c>
      <c r="E53895" s="15">
        <v>45616</v>
      </c>
      <c r="F53895" s="14" t="s">
        <v>15</v>
      </c>
      <c r="G53895" s="16">
        <v>1.3080399385407164</v>
      </c>
    </row>
    <row r="53896" spans="1:7" x14ac:dyDescent="0.3">
      <c r="A53896" s="13" t="s">
        <v>298</v>
      </c>
      <c r="B53896" s="14" t="s">
        <v>1</v>
      </c>
      <c r="C53896" s="14" t="s">
        <v>157</v>
      </c>
      <c r="D53896" s="14" t="s">
        <v>14</v>
      </c>
      <c r="E53896" s="15">
        <v>45617</v>
      </c>
      <c r="F53896" s="14" t="s">
        <v>15</v>
      </c>
      <c r="G53896" s="16">
        <v>1.3438065979028146</v>
      </c>
    </row>
    <row r="53897" spans="1:7" x14ac:dyDescent="0.3">
      <c r="A53897" s="13" t="s">
        <v>298</v>
      </c>
      <c r="B53897" s="14" t="s">
        <v>1</v>
      </c>
      <c r="C53897" s="14" t="s">
        <v>157</v>
      </c>
      <c r="D53897" s="14" t="s">
        <v>14</v>
      </c>
      <c r="E53897" s="15">
        <v>45618</v>
      </c>
      <c r="F53897" s="14" t="s">
        <v>15</v>
      </c>
      <c r="G53897" s="16">
        <v>1.3400412119315963</v>
      </c>
    </row>
    <row r="53898" spans="1:7" x14ac:dyDescent="0.3">
      <c r="A53898" s="13" t="s">
        <v>298</v>
      </c>
      <c r="B53898" s="14" t="s">
        <v>1</v>
      </c>
      <c r="C53898" s="14" t="s">
        <v>157</v>
      </c>
      <c r="D53898" s="14" t="s">
        <v>14</v>
      </c>
      <c r="E53898" s="15">
        <v>45619</v>
      </c>
      <c r="F53898" s="14" t="s">
        <v>15</v>
      </c>
      <c r="G53898" s="16">
        <v>1.3400412119315963</v>
      </c>
    </row>
    <row r="53899" spans="1:7" x14ac:dyDescent="0.3">
      <c r="A53899" s="13" t="s">
        <v>298</v>
      </c>
      <c r="B53899" s="14" t="s">
        <v>1</v>
      </c>
      <c r="C53899" s="14" t="s">
        <v>157</v>
      </c>
      <c r="D53899" s="14" t="s">
        <v>14</v>
      </c>
      <c r="E53899" s="15">
        <v>45620</v>
      </c>
      <c r="F53899" s="14" t="s">
        <v>15</v>
      </c>
      <c r="G53899" s="16">
        <v>1.3400412119315963</v>
      </c>
    </row>
    <row r="53900" spans="1:7" x14ac:dyDescent="0.3">
      <c r="A53900" s="13" t="s">
        <v>298</v>
      </c>
      <c r="B53900" s="14" t="s">
        <v>1</v>
      </c>
      <c r="C53900" s="14" t="s">
        <v>157</v>
      </c>
      <c r="D53900" s="14" t="s">
        <v>14</v>
      </c>
      <c r="E53900" s="15">
        <v>45621</v>
      </c>
      <c r="F53900" s="14" t="s">
        <v>15</v>
      </c>
      <c r="G53900" s="16">
        <v>1.3362931986994089</v>
      </c>
    </row>
    <row r="53901" spans="1:7" x14ac:dyDescent="0.3">
      <c r="A53901" s="13" t="s">
        <v>298</v>
      </c>
      <c r="B53901" s="14" t="s">
        <v>1</v>
      </c>
      <c r="C53901" s="14" t="s">
        <v>157</v>
      </c>
      <c r="D53901" s="14" t="s">
        <v>14</v>
      </c>
      <c r="E53901" s="15">
        <v>45622</v>
      </c>
      <c r="F53901" s="14" t="s">
        <v>15</v>
      </c>
      <c r="G53901" s="16">
        <v>1.3395214731928939</v>
      </c>
    </row>
    <row r="53902" spans="1:7" x14ac:dyDescent="0.3">
      <c r="A53902" s="13" t="s">
        <v>298</v>
      </c>
      <c r="B53902" s="14" t="s">
        <v>1</v>
      </c>
      <c r="C53902" s="14" t="s">
        <v>157</v>
      </c>
      <c r="D53902" s="14" t="s">
        <v>14</v>
      </c>
      <c r="E53902" s="15">
        <v>45623</v>
      </c>
      <c r="F53902" s="14" t="s">
        <v>15</v>
      </c>
      <c r="G53902" s="16">
        <v>1.334291867455953</v>
      </c>
    </row>
    <row r="53903" spans="1:7" x14ac:dyDescent="0.3">
      <c r="A53903" s="13" t="s">
        <v>298</v>
      </c>
      <c r="B53903" s="14" t="s">
        <v>1</v>
      </c>
      <c r="C53903" s="14" t="s">
        <v>157</v>
      </c>
      <c r="D53903" s="14" t="s">
        <v>14</v>
      </c>
      <c r="E53903" s="15">
        <v>45624</v>
      </c>
      <c r="F53903" s="14" t="s">
        <v>15</v>
      </c>
      <c r="G53903" s="16">
        <v>1.3385228511261194</v>
      </c>
    </row>
    <row r="53904" spans="1:7" x14ac:dyDescent="0.3">
      <c r="A53904" s="13" t="s">
        <v>298</v>
      </c>
      <c r="B53904" s="14" t="s">
        <v>1</v>
      </c>
      <c r="C53904" s="14" t="s">
        <v>157</v>
      </c>
      <c r="D53904" s="14" t="s">
        <v>14</v>
      </c>
      <c r="E53904" s="15">
        <v>45625</v>
      </c>
      <c r="F53904" s="14" t="s">
        <v>15</v>
      </c>
      <c r="G53904" s="16">
        <v>1.3508057216689218</v>
      </c>
    </row>
    <row r="53905" spans="1:7" x14ac:dyDescent="0.3">
      <c r="A53905" s="13" t="s">
        <v>298</v>
      </c>
      <c r="B53905" s="14" t="s">
        <v>1</v>
      </c>
      <c r="C53905" s="14" t="s">
        <v>157</v>
      </c>
      <c r="D53905" s="14" t="s">
        <v>14</v>
      </c>
      <c r="E53905" s="15">
        <v>45626</v>
      </c>
      <c r="F53905" s="14" t="s">
        <v>15</v>
      </c>
      <c r="G53905" s="16">
        <v>1.3508057216689218</v>
      </c>
    </row>
    <row r="53906" spans="1:7" x14ac:dyDescent="0.3">
      <c r="A53906" s="13" t="s">
        <v>298</v>
      </c>
      <c r="B53906" s="14" t="s">
        <v>1</v>
      </c>
      <c r="C53906" s="14" t="s">
        <v>157</v>
      </c>
      <c r="D53906" s="14" t="s">
        <v>14</v>
      </c>
      <c r="E53906" s="15">
        <v>45627</v>
      </c>
      <c r="F53906" s="14" t="s">
        <v>15</v>
      </c>
      <c r="G53906" s="16">
        <v>1.3508057216689218</v>
      </c>
    </row>
    <row r="53907" spans="1:7" x14ac:dyDescent="0.3">
      <c r="A53907" s="13" t="s">
        <v>298</v>
      </c>
      <c r="B53907" s="14" t="s">
        <v>1</v>
      </c>
      <c r="C53907" s="14" t="s">
        <v>157</v>
      </c>
      <c r="D53907" s="14" t="s">
        <v>14</v>
      </c>
      <c r="E53907" s="15">
        <v>45628</v>
      </c>
      <c r="F53907" s="14" t="s">
        <v>15</v>
      </c>
      <c r="G53907" s="16">
        <v>1.3470713044933675</v>
      </c>
    </row>
    <row r="53908" spans="1:7" x14ac:dyDescent="0.3">
      <c r="A53908" s="13" t="s">
        <v>298</v>
      </c>
      <c r="B53908" s="14" t="s">
        <v>1</v>
      </c>
      <c r="C53908" s="14" t="s">
        <v>157</v>
      </c>
      <c r="D53908" s="14" t="s">
        <v>14</v>
      </c>
      <c r="E53908" s="15">
        <v>45629</v>
      </c>
      <c r="F53908" s="14" t="s">
        <v>15</v>
      </c>
      <c r="G53908" s="16">
        <v>1.3358673648709558</v>
      </c>
    </row>
    <row r="53909" spans="1:7" x14ac:dyDescent="0.3">
      <c r="A53909" s="13" t="s">
        <v>298</v>
      </c>
      <c r="B53909" s="14" t="s">
        <v>1</v>
      </c>
      <c r="C53909" s="14" t="s">
        <v>157</v>
      </c>
      <c r="D53909" s="14" t="s">
        <v>14</v>
      </c>
      <c r="E53909" s="15">
        <v>45630</v>
      </c>
      <c r="F53909" s="14" t="s">
        <v>15</v>
      </c>
      <c r="G53909" s="16">
        <v>1.3321608951451471</v>
      </c>
    </row>
    <row r="53910" spans="1:7" x14ac:dyDescent="0.3">
      <c r="A53910" s="13" t="s">
        <v>298</v>
      </c>
      <c r="B53910" s="14" t="s">
        <v>1</v>
      </c>
      <c r="C53910" s="14" t="s">
        <v>157</v>
      </c>
      <c r="D53910" s="14" t="s">
        <v>14</v>
      </c>
      <c r="E53910" s="15">
        <v>45631</v>
      </c>
      <c r="F53910" s="14" t="s">
        <v>15</v>
      </c>
      <c r="G53910" s="16">
        <v>1.3283516996581115</v>
      </c>
    </row>
    <row r="53911" spans="1:7" x14ac:dyDescent="0.3">
      <c r="A53911" s="13" t="s">
        <v>298</v>
      </c>
      <c r="B53911" s="14" t="s">
        <v>1</v>
      </c>
      <c r="C53911" s="14" t="s">
        <v>157</v>
      </c>
      <c r="D53911" s="14" t="s">
        <v>14</v>
      </c>
      <c r="E53911" s="15">
        <v>45632</v>
      </c>
      <c r="F53911" s="14" t="s">
        <v>15</v>
      </c>
      <c r="G53911" s="16">
        <v>1.3245316625201342</v>
      </c>
    </row>
    <row r="53912" spans="1:7" x14ac:dyDescent="0.3">
      <c r="A53912" s="13" t="s">
        <v>298</v>
      </c>
      <c r="B53912" s="14" t="s">
        <v>1</v>
      </c>
      <c r="C53912" s="14" t="s">
        <v>157</v>
      </c>
      <c r="D53912" s="14" t="s">
        <v>14</v>
      </c>
      <c r="E53912" s="15">
        <v>45633</v>
      </c>
      <c r="F53912" s="14" t="s">
        <v>15</v>
      </c>
      <c r="G53912" s="16">
        <v>1.3245316625201342</v>
      </c>
    </row>
    <row r="53913" spans="1:7" x14ac:dyDescent="0.3">
      <c r="A53913" s="13" t="s">
        <v>298</v>
      </c>
      <c r="B53913" s="14" t="s">
        <v>1</v>
      </c>
      <c r="C53913" s="14" t="s">
        <v>157</v>
      </c>
      <c r="D53913" s="14" t="s">
        <v>14</v>
      </c>
      <c r="E53913" s="15">
        <v>45634</v>
      </c>
      <c r="F53913" s="14" t="s">
        <v>15</v>
      </c>
      <c r="G53913" s="16">
        <v>1.3245316625201342</v>
      </c>
    </row>
    <row r="53914" spans="1:7" x14ac:dyDescent="0.3">
      <c r="A53914" s="13" t="s">
        <v>298</v>
      </c>
      <c r="B53914" s="14" t="s">
        <v>1</v>
      </c>
      <c r="C53914" s="14" t="s">
        <v>157</v>
      </c>
      <c r="D53914" s="14" t="s">
        <v>14</v>
      </c>
      <c r="E53914" s="15">
        <v>45635</v>
      </c>
      <c r="F53914" s="14" t="s">
        <v>15</v>
      </c>
      <c r="G53914" s="16">
        <v>1.3281223865852625</v>
      </c>
    </row>
    <row r="53915" spans="1:7" x14ac:dyDescent="0.3">
      <c r="A53915" s="13" t="s">
        <v>298</v>
      </c>
      <c r="B53915" s="14" t="s">
        <v>1</v>
      </c>
      <c r="C53915" s="14" t="s">
        <v>157</v>
      </c>
      <c r="D53915" s="14" t="s">
        <v>14</v>
      </c>
      <c r="E53915" s="15">
        <v>45636</v>
      </c>
      <c r="F53915" s="14" t="s">
        <v>15</v>
      </c>
      <c r="G53915" s="16">
        <v>1.3166627225875704</v>
      </c>
    </row>
    <row r="53916" spans="1:7" x14ac:dyDescent="0.3">
      <c r="A53916" s="13" t="s">
        <v>298</v>
      </c>
      <c r="B53916" s="14" t="s">
        <v>1</v>
      </c>
      <c r="C53916" s="14" t="s">
        <v>157</v>
      </c>
      <c r="D53916" s="14" t="s">
        <v>14</v>
      </c>
      <c r="E53916" s="15">
        <v>45637</v>
      </c>
      <c r="F53916" s="14" t="s">
        <v>15</v>
      </c>
      <c r="G53916" s="16">
        <v>1.3128213956210715</v>
      </c>
    </row>
    <row r="53917" spans="1:7" x14ac:dyDescent="0.3">
      <c r="A53917" s="13" t="s">
        <v>298</v>
      </c>
      <c r="B53917" s="14" t="s">
        <v>1</v>
      </c>
      <c r="C53917" s="14" t="s">
        <v>157</v>
      </c>
      <c r="D53917" s="14" t="s">
        <v>14</v>
      </c>
      <c r="E53917" s="15">
        <v>45638</v>
      </c>
      <c r="F53917" s="14" t="s">
        <v>15</v>
      </c>
      <c r="G53917" s="16">
        <v>1.3089743660219328</v>
      </c>
    </row>
    <row r="53918" spans="1:7" x14ac:dyDescent="0.3">
      <c r="A53918" s="13" t="s">
        <v>298</v>
      </c>
      <c r="B53918" s="14" t="s">
        <v>1</v>
      </c>
      <c r="C53918" s="14" t="s">
        <v>157</v>
      </c>
      <c r="D53918" s="14" t="s">
        <v>14</v>
      </c>
      <c r="E53918" s="15">
        <v>45639</v>
      </c>
      <c r="F53918" s="14" t="s">
        <v>15</v>
      </c>
      <c r="G53918" s="16">
        <v>1.32520820682489</v>
      </c>
    </row>
    <row r="53919" spans="1:7" x14ac:dyDescent="0.3">
      <c r="A53919" s="13" t="s">
        <v>298</v>
      </c>
      <c r="B53919" s="14" t="s">
        <v>1</v>
      </c>
      <c r="C53919" s="14" t="s">
        <v>157</v>
      </c>
      <c r="D53919" s="14" t="s">
        <v>14</v>
      </c>
      <c r="E53919" s="15">
        <v>45640</v>
      </c>
      <c r="F53919" s="14" t="s">
        <v>15</v>
      </c>
      <c r="G53919" s="16">
        <v>1.32520820682489</v>
      </c>
    </row>
    <row r="53920" spans="1:7" x14ac:dyDescent="0.3">
      <c r="A53920" s="13" t="s">
        <v>298</v>
      </c>
      <c r="B53920" s="14" t="s">
        <v>1</v>
      </c>
      <c r="C53920" s="14" t="s">
        <v>157</v>
      </c>
      <c r="D53920" s="14" t="s">
        <v>14</v>
      </c>
      <c r="E53920" s="15">
        <v>45641</v>
      </c>
      <c r="F53920" s="14" t="s">
        <v>15</v>
      </c>
      <c r="G53920" s="16">
        <v>1.32520820682489</v>
      </c>
    </row>
    <row r="53921" spans="1:7" x14ac:dyDescent="0.3">
      <c r="A53921" s="13" t="s">
        <v>298</v>
      </c>
      <c r="B53921" s="14" t="s">
        <v>1</v>
      </c>
      <c r="C53921" s="14" t="s">
        <v>157</v>
      </c>
      <c r="D53921" s="14" t="s">
        <v>14</v>
      </c>
      <c r="E53921" s="15">
        <v>45642</v>
      </c>
      <c r="F53921" s="14" t="s">
        <v>15</v>
      </c>
      <c r="G53921" s="16">
        <v>1.3213592763482047</v>
      </c>
    </row>
    <row r="53922" spans="1:7" x14ac:dyDescent="0.3">
      <c r="A53922" s="13" t="s">
        <v>298</v>
      </c>
      <c r="B53922" s="14" t="s">
        <v>1</v>
      </c>
      <c r="C53922" s="14" t="s">
        <v>157</v>
      </c>
      <c r="D53922" s="14" t="s">
        <v>14</v>
      </c>
      <c r="E53922" s="15">
        <v>45643</v>
      </c>
      <c r="F53922" s="14" t="s">
        <v>15</v>
      </c>
      <c r="G53922" s="16">
        <v>1.3098577930444879</v>
      </c>
    </row>
    <row r="53923" spans="1:7" x14ac:dyDescent="0.3">
      <c r="A53923" s="13" t="s">
        <v>298</v>
      </c>
      <c r="B53923" s="14" t="s">
        <v>1</v>
      </c>
      <c r="C53923" s="14" t="s">
        <v>157</v>
      </c>
      <c r="D53923" s="14" t="s">
        <v>14</v>
      </c>
      <c r="E53923" s="15">
        <v>45644</v>
      </c>
      <c r="F53923" s="14" t="s">
        <v>15</v>
      </c>
      <c r="G53923" s="16">
        <v>1.3060381360820201</v>
      </c>
    </row>
    <row r="53924" spans="1:7" x14ac:dyDescent="0.3">
      <c r="A53924" s="13" t="s">
        <v>298</v>
      </c>
      <c r="B53924" s="14" t="s">
        <v>1</v>
      </c>
      <c r="C53924" s="14" t="s">
        <v>157</v>
      </c>
      <c r="D53924" s="14" t="s">
        <v>14</v>
      </c>
      <c r="E53924" s="15">
        <v>45645</v>
      </c>
      <c r="F53924" s="14" t="s">
        <v>15</v>
      </c>
      <c r="G53924" s="16">
        <v>1.3022382482460362</v>
      </c>
    </row>
    <row r="53925" spans="1:7" x14ac:dyDescent="0.3">
      <c r="A53925" s="13" t="s">
        <v>298</v>
      </c>
      <c r="B53925" s="14" t="s">
        <v>1</v>
      </c>
      <c r="C53925" s="14" t="s">
        <v>157</v>
      </c>
      <c r="D53925" s="14" t="s">
        <v>14</v>
      </c>
      <c r="E53925" s="15">
        <v>45646</v>
      </c>
      <c r="F53925" s="14" t="s">
        <v>15</v>
      </c>
      <c r="G53925" s="16">
        <v>1.2984125084754188</v>
      </c>
    </row>
    <row r="53926" spans="1:7" x14ac:dyDescent="0.3">
      <c r="A53926" s="13" t="s">
        <v>298</v>
      </c>
      <c r="B53926" s="14" t="s">
        <v>1</v>
      </c>
      <c r="C53926" s="14" t="s">
        <v>157</v>
      </c>
      <c r="D53926" s="14" t="s">
        <v>14</v>
      </c>
      <c r="E53926" s="15">
        <v>45647</v>
      </c>
      <c r="F53926" s="14" t="s">
        <v>15</v>
      </c>
      <c r="G53926" s="16">
        <v>1.2984125084754188</v>
      </c>
    </row>
    <row r="53927" spans="1:7" x14ac:dyDescent="0.3">
      <c r="A53927" s="13" t="s">
        <v>298</v>
      </c>
      <c r="B53927" s="14" t="s">
        <v>1</v>
      </c>
      <c r="C53927" s="14" t="s">
        <v>157</v>
      </c>
      <c r="D53927" s="14" t="s">
        <v>14</v>
      </c>
      <c r="E53927" s="15">
        <v>45648</v>
      </c>
      <c r="F53927" s="14" t="s">
        <v>15</v>
      </c>
      <c r="G53927" s="16">
        <v>1.2984125084754188</v>
      </c>
    </row>
    <row r="53928" spans="1:7" x14ac:dyDescent="0.3">
      <c r="A53928" s="13" t="s">
        <v>298</v>
      </c>
      <c r="B53928" s="14" t="s">
        <v>1</v>
      </c>
      <c r="C53928" s="14" t="s">
        <v>157</v>
      </c>
      <c r="D53928" s="14" t="s">
        <v>14</v>
      </c>
      <c r="E53928" s="15">
        <v>45649</v>
      </c>
      <c r="F53928" s="14" t="s">
        <v>15</v>
      </c>
      <c r="G53928" s="16">
        <v>1.2946373320475408</v>
      </c>
    </row>
    <row r="53929" spans="1:7" x14ac:dyDescent="0.3">
      <c r="A53929" s="13" t="s">
        <v>298</v>
      </c>
      <c r="B53929" s="14" t="s">
        <v>1</v>
      </c>
      <c r="C53929" s="14" t="s">
        <v>157</v>
      </c>
      <c r="D53929" s="14" t="s">
        <v>14</v>
      </c>
      <c r="E53929" s="15">
        <v>45650</v>
      </c>
      <c r="F53929" s="14" t="s">
        <v>15</v>
      </c>
      <c r="G53929" s="16">
        <v>1.2834099552860414</v>
      </c>
    </row>
    <row r="53930" spans="1:7" x14ac:dyDescent="0.3">
      <c r="A53930" s="13" t="s">
        <v>298</v>
      </c>
      <c r="B53930" s="14" t="s">
        <v>1</v>
      </c>
      <c r="C53930" s="14" t="s">
        <v>157</v>
      </c>
      <c r="D53930" s="14" t="s">
        <v>14</v>
      </c>
      <c r="E53930" s="15">
        <v>45651</v>
      </c>
      <c r="F53930" s="14" t="s">
        <v>15</v>
      </c>
      <c r="G53930" s="16">
        <v>1.2834099552860414</v>
      </c>
    </row>
    <row r="53931" spans="1:7" x14ac:dyDescent="0.3">
      <c r="A53931" s="13" t="s">
        <v>298</v>
      </c>
      <c r="B53931" s="14" t="s">
        <v>1</v>
      </c>
      <c r="C53931" s="14" t="s">
        <v>157</v>
      </c>
      <c r="D53931" s="14" t="s">
        <v>14</v>
      </c>
      <c r="E53931" s="15">
        <v>45652</v>
      </c>
      <c r="F53931" s="14" t="s">
        <v>15</v>
      </c>
      <c r="G53931" s="16">
        <v>1.2834099552860414</v>
      </c>
    </row>
    <row r="53932" spans="1:7" x14ac:dyDescent="0.3">
      <c r="A53932" s="13" t="s">
        <v>298</v>
      </c>
      <c r="B53932" s="14" t="s">
        <v>1</v>
      </c>
      <c r="C53932" s="14" t="s">
        <v>157</v>
      </c>
      <c r="D53932" s="14" t="s">
        <v>14</v>
      </c>
      <c r="E53932" s="15">
        <v>45653</v>
      </c>
      <c r="F53932" s="14" t="s">
        <v>15</v>
      </c>
      <c r="G53932" s="16">
        <v>1.2834099552860414</v>
      </c>
    </row>
    <row r="53933" spans="1:7" x14ac:dyDescent="0.3">
      <c r="A53933" s="13" t="s">
        <v>298</v>
      </c>
      <c r="B53933" s="14" t="s">
        <v>1</v>
      </c>
      <c r="C53933" s="14" t="s">
        <v>157</v>
      </c>
      <c r="D53933" s="14" t="s">
        <v>14</v>
      </c>
      <c r="E53933" s="15">
        <v>45654</v>
      </c>
      <c r="F53933" s="14" t="s">
        <v>15</v>
      </c>
      <c r="G53933" s="16">
        <v>1.2834099552860414</v>
      </c>
    </row>
    <row r="53934" spans="1:7" x14ac:dyDescent="0.3">
      <c r="A53934" s="13" t="s">
        <v>298</v>
      </c>
      <c r="B53934" s="14" t="s">
        <v>1</v>
      </c>
      <c r="C53934" s="14" t="s">
        <v>157</v>
      </c>
      <c r="D53934" s="14" t="s">
        <v>14</v>
      </c>
      <c r="E53934" s="15">
        <v>45655</v>
      </c>
      <c r="F53934" s="14" t="s">
        <v>15</v>
      </c>
      <c r="G53934" s="16">
        <v>1.2834099552860414</v>
      </c>
    </row>
    <row r="53935" spans="1:7" x14ac:dyDescent="0.3">
      <c r="A53935" s="13" t="s">
        <v>298</v>
      </c>
      <c r="B53935" s="14" t="s">
        <v>1</v>
      </c>
      <c r="C53935" s="14" t="s">
        <v>157</v>
      </c>
      <c r="D53935" s="14" t="s">
        <v>14</v>
      </c>
      <c r="E53935" s="15">
        <v>45656</v>
      </c>
      <c r="F53935" s="14" t="s">
        <v>15</v>
      </c>
      <c r="G53935" s="16">
        <v>1.2796104476255667</v>
      </c>
    </row>
    <row r="53936" spans="1:7" x14ac:dyDescent="0.3">
      <c r="A53936" s="13" t="s">
        <v>298</v>
      </c>
      <c r="B53936" s="14" t="s">
        <v>1</v>
      </c>
      <c r="C53936" s="14" t="s">
        <v>157</v>
      </c>
      <c r="D53936" s="14" t="s">
        <v>14</v>
      </c>
      <c r="E53936" s="15">
        <v>45657</v>
      </c>
      <c r="F53936" s="14" t="s">
        <v>15</v>
      </c>
      <c r="G53936" s="16">
        <v>1.3107943101568853</v>
      </c>
    </row>
    <row r="53937" spans="1:7" x14ac:dyDescent="0.3">
      <c r="A53937" s="13" t="s">
        <v>298</v>
      </c>
      <c r="B53937" s="14" t="s">
        <v>1</v>
      </c>
      <c r="C53937" s="14" t="s">
        <v>157</v>
      </c>
      <c r="D53937" s="14" t="s">
        <v>14</v>
      </c>
      <c r="E53937" s="15">
        <v>45658</v>
      </c>
      <c r="F53937" s="14" t="s">
        <v>15</v>
      </c>
      <c r="G53937" s="16">
        <v>1.3107943101568853</v>
      </c>
    </row>
    <row r="53938" spans="1:7" x14ac:dyDescent="0.3">
      <c r="A53938" s="13" t="s">
        <v>298</v>
      </c>
      <c r="B53938" s="14" t="s">
        <v>1</v>
      </c>
      <c r="C53938" s="14" t="s">
        <v>157</v>
      </c>
      <c r="D53938" s="14" t="s">
        <v>14</v>
      </c>
      <c r="E53938" s="15">
        <v>45659</v>
      </c>
      <c r="F53938" s="14" t="s">
        <v>15</v>
      </c>
      <c r="G53938" s="16">
        <v>1.3069814963535848</v>
      </c>
    </row>
    <row r="53939" spans="1:7" x14ac:dyDescent="0.3">
      <c r="A53939" s="13" t="s">
        <v>298</v>
      </c>
      <c r="B53939" s="14" t="s">
        <v>1</v>
      </c>
      <c r="C53939" s="14" t="s">
        <v>157</v>
      </c>
      <c r="D53939" s="14" t="s">
        <v>14</v>
      </c>
      <c r="E53939" s="15">
        <v>45660</v>
      </c>
      <c r="F53939" s="14" t="s">
        <v>15</v>
      </c>
      <c r="G53939" s="16">
        <v>1.4606388992112045</v>
      </c>
    </row>
    <row r="53940" spans="1:7" x14ac:dyDescent="0.3">
      <c r="A53940" s="13" t="s">
        <v>298</v>
      </c>
      <c r="B53940" s="14" t="s">
        <v>1</v>
      </c>
      <c r="C53940" s="14" t="s">
        <v>157</v>
      </c>
      <c r="D53940" s="14" t="s">
        <v>14</v>
      </c>
      <c r="E53940" s="15">
        <v>45661</v>
      </c>
      <c r="F53940" s="14" t="s">
        <v>15</v>
      </c>
      <c r="G53940" s="16">
        <v>1.4606388992112045</v>
      </c>
    </row>
    <row r="53941" spans="1:7" x14ac:dyDescent="0.3">
      <c r="A53941" s="13" t="s">
        <v>298</v>
      </c>
      <c r="B53941" s="14" t="s">
        <v>1</v>
      </c>
      <c r="C53941" s="14" t="s">
        <v>157</v>
      </c>
      <c r="D53941" s="14" t="s">
        <v>14</v>
      </c>
      <c r="E53941" s="15">
        <v>45662</v>
      </c>
      <c r="F53941" s="14" t="s">
        <v>15</v>
      </c>
      <c r="G53941" s="16">
        <v>1.4606388992112045</v>
      </c>
    </row>
    <row r="53942" spans="1:7" x14ac:dyDescent="0.3">
      <c r="A53942" s="13" t="s">
        <v>298</v>
      </c>
      <c r="B53942" s="14" t="s">
        <v>1</v>
      </c>
      <c r="C53942" s="14" t="s">
        <v>157</v>
      </c>
      <c r="D53942" s="14" t="s">
        <v>14</v>
      </c>
      <c r="E53942" s="15">
        <v>45663</v>
      </c>
      <c r="F53942" s="14" t="s">
        <v>15</v>
      </c>
      <c r="G53942" s="16">
        <v>1.4568652434853637</v>
      </c>
    </row>
    <row r="53943" spans="1:7" x14ac:dyDescent="0.3">
      <c r="A53943" s="13" t="s">
        <v>298</v>
      </c>
      <c r="B53943" s="14" t="s">
        <v>1</v>
      </c>
      <c r="C53943" s="14" t="s">
        <v>157</v>
      </c>
      <c r="D53943" s="14" t="s">
        <v>14</v>
      </c>
      <c r="E53943" s="15">
        <v>45664</v>
      </c>
      <c r="F53943" s="14" t="s">
        <v>15</v>
      </c>
      <c r="G53943" s="16">
        <v>1.4456123949647399</v>
      </c>
    </row>
    <row r="53944" spans="1:7" x14ac:dyDescent="0.3">
      <c r="A53944" s="13" t="s">
        <v>298</v>
      </c>
      <c r="B53944" s="14" t="s">
        <v>1</v>
      </c>
      <c r="C53944" s="14" t="s">
        <v>157</v>
      </c>
      <c r="D53944" s="14" t="s">
        <v>14</v>
      </c>
      <c r="E53944" s="15">
        <v>45665</v>
      </c>
      <c r="F53944" s="14" t="s">
        <v>15</v>
      </c>
      <c r="G53944" s="16">
        <v>1.4418064243206077</v>
      </c>
    </row>
    <row r="53945" spans="1:7" x14ac:dyDescent="0.3">
      <c r="A53945" s="13" t="s">
        <v>298</v>
      </c>
      <c r="B53945" s="14" t="s">
        <v>1</v>
      </c>
      <c r="C53945" s="14" t="s">
        <v>157</v>
      </c>
      <c r="D53945" s="14" t="s">
        <v>14</v>
      </c>
      <c r="E53945" s="15">
        <v>45666</v>
      </c>
      <c r="F53945" s="14" t="s">
        <v>15</v>
      </c>
      <c r="G53945" s="16">
        <v>1.4379848664805925</v>
      </c>
    </row>
    <row r="53946" spans="1:7" x14ac:dyDescent="0.3">
      <c r="A53946" s="13" t="s">
        <v>298</v>
      </c>
      <c r="B53946" s="14" t="s">
        <v>1</v>
      </c>
      <c r="C53946" s="14" t="s">
        <v>157</v>
      </c>
      <c r="D53946" s="14" t="s">
        <v>14</v>
      </c>
      <c r="E53946" s="15">
        <v>45667</v>
      </c>
      <c r="F53946" s="14" t="s">
        <v>15</v>
      </c>
      <c r="G53946" s="16">
        <v>1.4401541162370439</v>
      </c>
    </row>
    <row r="53947" spans="1:7" x14ac:dyDescent="0.3">
      <c r="A53947" s="13" t="s">
        <v>298</v>
      </c>
      <c r="B53947" s="14" t="s">
        <v>1</v>
      </c>
      <c r="C53947" s="14" t="s">
        <v>157</v>
      </c>
      <c r="D53947" s="14" t="s">
        <v>14</v>
      </c>
      <c r="E53947" s="15">
        <v>45668</v>
      </c>
      <c r="F53947" s="14" t="s">
        <v>15</v>
      </c>
      <c r="G53947" s="16">
        <v>1.4401541162370439</v>
      </c>
    </row>
    <row r="53948" spans="1:7" x14ac:dyDescent="0.3">
      <c r="A53948" s="13" t="s">
        <v>298</v>
      </c>
      <c r="B53948" s="14" t="s">
        <v>1</v>
      </c>
      <c r="C53948" s="14" t="s">
        <v>157</v>
      </c>
      <c r="D53948" s="14" t="s">
        <v>14</v>
      </c>
      <c r="E53948" s="15">
        <v>45669</v>
      </c>
      <c r="F53948" s="14" t="s">
        <v>15</v>
      </c>
      <c r="G53948" s="16">
        <v>1.4401541162370439</v>
      </c>
    </row>
    <row r="53949" spans="1:7" x14ac:dyDescent="0.3">
      <c r="A53949" s="13" t="s">
        <v>298</v>
      </c>
      <c r="B53949" s="14" t="s">
        <v>1</v>
      </c>
      <c r="C53949" s="14" t="s">
        <v>157</v>
      </c>
      <c r="D53949" s="14" t="s">
        <v>14</v>
      </c>
      <c r="E53949" s="15">
        <v>45670</v>
      </c>
      <c r="F53949" s="14" t="s">
        <v>15</v>
      </c>
      <c r="G53949" s="16">
        <v>1.4363715663488743</v>
      </c>
    </row>
    <row r="53950" spans="1:7" x14ac:dyDescent="0.3">
      <c r="A53950" s="13" t="s">
        <v>298</v>
      </c>
      <c r="B53950" s="14" t="s">
        <v>1</v>
      </c>
      <c r="C53950" s="14" t="s">
        <v>157</v>
      </c>
      <c r="D53950" s="14" t="s">
        <v>14</v>
      </c>
      <c r="E53950" s="15">
        <v>45671</v>
      </c>
      <c r="F53950" s="14" t="s">
        <v>15</v>
      </c>
      <c r="G53950" s="16">
        <v>1.4250850045545425</v>
      </c>
    </row>
    <row r="53951" spans="1:7" x14ac:dyDescent="0.3">
      <c r="A53951" s="13" t="s">
        <v>298</v>
      </c>
      <c r="B53951" s="14" t="s">
        <v>1</v>
      </c>
      <c r="C53951" s="14" t="s">
        <v>157</v>
      </c>
      <c r="D53951" s="14" t="s">
        <v>14</v>
      </c>
      <c r="E53951" s="15">
        <v>45672</v>
      </c>
      <c r="F53951" s="14" t="s">
        <v>15</v>
      </c>
      <c r="G53951" s="16">
        <v>1.4213855952739933</v>
      </c>
    </row>
    <row r="53952" spans="1:7" x14ac:dyDescent="0.3">
      <c r="A53952" s="13" t="s">
        <v>298</v>
      </c>
      <c r="B53952" s="14" t="s">
        <v>1</v>
      </c>
      <c r="C53952" s="14" t="s">
        <v>157</v>
      </c>
      <c r="D53952" s="14" t="s">
        <v>14</v>
      </c>
      <c r="E53952" s="15">
        <v>45673</v>
      </c>
      <c r="F53952" s="14" t="s">
        <v>15</v>
      </c>
      <c r="G53952" s="16">
        <v>1.4176495736157764</v>
      </c>
    </row>
    <row r="53953" spans="1:7" x14ac:dyDescent="0.3">
      <c r="A53953" s="13" t="s">
        <v>298</v>
      </c>
      <c r="B53953" s="14" t="s">
        <v>1</v>
      </c>
      <c r="C53953" s="14" t="s">
        <v>157</v>
      </c>
      <c r="D53953" s="14" t="s">
        <v>14</v>
      </c>
      <c r="E53953" s="15">
        <v>45674</v>
      </c>
      <c r="F53953" s="14" t="s">
        <v>15</v>
      </c>
      <c r="G53953" s="16">
        <v>1.4139162216100978</v>
      </c>
    </row>
    <row r="53954" spans="1:7" x14ac:dyDescent="0.3">
      <c r="A53954" s="13" t="s">
        <v>298</v>
      </c>
      <c r="B53954" s="14" t="s">
        <v>1</v>
      </c>
      <c r="C53954" s="14" t="s">
        <v>157</v>
      </c>
      <c r="D53954" s="14" t="s">
        <v>14</v>
      </c>
      <c r="E53954" s="15">
        <v>45675</v>
      </c>
      <c r="F53954" s="14" t="s">
        <v>15</v>
      </c>
      <c r="G53954" s="16">
        <v>1.4139162216100978</v>
      </c>
    </row>
    <row r="53955" spans="1:7" x14ac:dyDescent="0.3">
      <c r="A53955" s="13" t="s">
        <v>298</v>
      </c>
      <c r="B53955" s="14" t="s">
        <v>1</v>
      </c>
      <c r="C53955" s="14" t="s">
        <v>157</v>
      </c>
      <c r="D53955" s="14" t="s">
        <v>14</v>
      </c>
      <c r="E53955" s="15">
        <v>45676</v>
      </c>
      <c r="F53955" s="14" t="s">
        <v>15</v>
      </c>
      <c r="G53955" s="16">
        <v>1.4139162216100978</v>
      </c>
    </row>
    <row r="53956" spans="1:7" x14ac:dyDescent="0.3">
      <c r="A53956" s="13" t="s">
        <v>298</v>
      </c>
      <c r="B53956" s="14" t="s">
        <v>1</v>
      </c>
      <c r="C53956" s="14" t="s">
        <v>157</v>
      </c>
      <c r="D53956" s="14" t="s">
        <v>14</v>
      </c>
      <c r="E53956" s="15">
        <v>45677</v>
      </c>
      <c r="F53956" s="14" t="s">
        <v>15</v>
      </c>
      <c r="G53956" s="16">
        <v>1.4235491470983839</v>
      </c>
    </row>
    <row r="53957" spans="1:7" x14ac:dyDescent="0.3">
      <c r="A53957" s="13" t="s">
        <v>298</v>
      </c>
      <c r="B53957" s="14" t="s">
        <v>1</v>
      </c>
      <c r="C53957" s="14" t="s">
        <v>157</v>
      </c>
      <c r="D53957" s="14" t="s">
        <v>14</v>
      </c>
      <c r="E53957" s="15">
        <v>45678</v>
      </c>
      <c r="F53957" s="14" t="s">
        <v>15</v>
      </c>
      <c r="G53957" s="16">
        <v>1.4121785305850976</v>
      </c>
    </row>
    <row r="53958" spans="1:7" x14ac:dyDescent="0.3">
      <c r="A53958" s="13" t="s">
        <v>298</v>
      </c>
      <c r="B53958" s="14" t="s">
        <v>1</v>
      </c>
      <c r="C53958" s="14" t="s">
        <v>157</v>
      </c>
      <c r="D53958" s="14" t="s">
        <v>14</v>
      </c>
      <c r="E53958" s="15">
        <v>45679</v>
      </c>
      <c r="F53958" s="14" t="s">
        <v>15</v>
      </c>
      <c r="G53958" s="16">
        <v>1.4083596711462643</v>
      </c>
    </row>
    <row r="53959" spans="1:7" x14ac:dyDescent="0.3">
      <c r="A53959" s="13" t="s">
        <v>298</v>
      </c>
      <c r="B53959" s="14" t="s">
        <v>1</v>
      </c>
      <c r="C53959" s="14" t="s">
        <v>157</v>
      </c>
      <c r="D53959" s="14" t="s">
        <v>14</v>
      </c>
      <c r="E53959" s="15">
        <v>45680</v>
      </c>
      <c r="F53959" s="14" t="s">
        <v>15</v>
      </c>
      <c r="G53959" s="16">
        <v>1.4045280435967917</v>
      </c>
    </row>
    <row r="53960" spans="1:7" x14ac:dyDescent="0.3">
      <c r="A53960" s="13" t="s">
        <v>298</v>
      </c>
      <c r="B53960" s="14" t="s">
        <v>1</v>
      </c>
      <c r="C53960" s="14" t="s">
        <v>157</v>
      </c>
      <c r="D53960" s="14" t="s">
        <v>14</v>
      </c>
      <c r="E53960" s="15">
        <v>45681</v>
      </c>
      <c r="F53960" s="14" t="s">
        <v>15</v>
      </c>
      <c r="G53960" s="16">
        <v>1.4006979636970938</v>
      </c>
    </row>
    <row r="53961" spans="1:7" x14ac:dyDescent="0.3">
      <c r="A53961" s="13" t="s">
        <v>298</v>
      </c>
      <c r="B53961" s="14" t="s">
        <v>1</v>
      </c>
      <c r="C53961" s="14" t="s">
        <v>157</v>
      </c>
      <c r="D53961" s="14" t="s">
        <v>14</v>
      </c>
      <c r="E53961" s="15">
        <v>45682</v>
      </c>
      <c r="F53961" s="14" t="s">
        <v>15</v>
      </c>
      <c r="G53961" s="16">
        <v>1.4006979636970938</v>
      </c>
    </row>
    <row r="53962" spans="1:7" x14ac:dyDescent="0.3">
      <c r="A53962" s="13" t="s">
        <v>298</v>
      </c>
      <c r="B53962" s="14" t="s">
        <v>1</v>
      </c>
      <c r="C53962" s="14" t="s">
        <v>157</v>
      </c>
      <c r="D53962" s="14" t="s">
        <v>14</v>
      </c>
      <c r="E53962" s="15">
        <v>45683</v>
      </c>
      <c r="F53962" s="14" t="s">
        <v>15</v>
      </c>
      <c r="G53962" s="16">
        <v>1.4006979636970938</v>
      </c>
    </row>
    <row r="53963" spans="1:7" x14ac:dyDescent="0.3">
      <c r="A53963" s="13" t="s">
        <v>298</v>
      </c>
      <c r="B53963" s="14" t="s">
        <v>1</v>
      </c>
      <c r="C53963" s="14" t="s">
        <v>157</v>
      </c>
      <c r="D53963" s="14" t="s">
        <v>14</v>
      </c>
      <c r="E53963" s="15">
        <v>45684</v>
      </c>
      <c r="F53963" s="14" t="s">
        <v>15</v>
      </c>
      <c r="G53963" s="16">
        <v>1.3968655623227342</v>
      </c>
    </row>
    <row r="53964" spans="1:7" x14ac:dyDescent="0.3">
      <c r="A53964" s="13" t="s">
        <v>298</v>
      </c>
      <c r="B53964" s="14" t="s">
        <v>1</v>
      </c>
      <c r="C53964" s="14" t="s">
        <v>157</v>
      </c>
      <c r="D53964" s="14" t="s">
        <v>14</v>
      </c>
      <c r="E53964" s="15">
        <v>45685</v>
      </c>
      <c r="F53964" s="14" t="s">
        <v>15</v>
      </c>
      <c r="G53964" s="16">
        <v>1.3852802094032419</v>
      </c>
    </row>
    <row r="53965" spans="1:7" x14ac:dyDescent="0.3">
      <c r="A53965" s="13" t="s">
        <v>298</v>
      </c>
      <c r="B53965" s="14" t="s">
        <v>1</v>
      </c>
      <c r="C53965" s="14" t="s">
        <v>157</v>
      </c>
      <c r="D53965" s="14" t="s">
        <v>14</v>
      </c>
      <c r="E53965" s="15">
        <v>45686</v>
      </c>
      <c r="F53965" s="14" t="s">
        <v>15</v>
      </c>
      <c r="G53965" s="16">
        <v>1.3852802094032419</v>
      </c>
    </row>
    <row r="53966" spans="1:7" x14ac:dyDescent="0.3">
      <c r="A53966" s="13" t="s">
        <v>298</v>
      </c>
      <c r="B53966" s="14" t="s">
        <v>1</v>
      </c>
      <c r="C53966" s="14" t="s">
        <v>157</v>
      </c>
      <c r="D53966" s="14" t="s">
        <v>14</v>
      </c>
      <c r="E53966" s="15">
        <v>45687</v>
      </c>
      <c r="F53966" s="14" t="s">
        <v>15</v>
      </c>
      <c r="G53966" s="16">
        <v>1.3852802094032419</v>
      </c>
    </row>
    <row r="53967" spans="1:7" x14ac:dyDescent="0.3">
      <c r="A53967" s="13" t="s">
        <v>298</v>
      </c>
      <c r="B53967" s="14" t="s">
        <v>1</v>
      </c>
      <c r="C53967" s="14" t="s">
        <v>157</v>
      </c>
      <c r="D53967" s="14" t="s">
        <v>14</v>
      </c>
      <c r="E53967" s="15">
        <v>45688</v>
      </c>
      <c r="F53967" s="14" t="s">
        <v>15</v>
      </c>
      <c r="G53967" s="16">
        <v>1.3814122120840699</v>
      </c>
    </row>
    <row r="53968" spans="1:7" x14ac:dyDescent="0.3">
      <c r="A53968" s="13" t="s">
        <v>298</v>
      </c>
      <c r="B53968" s="14" t="s">
        <v>1</v>
      </c>
      <c r="C53968" s="14" t="s">
        <v>157</v>
      </c>
      <c r="D53968" s="14" t="s">
        <v>14</v>
      </c>
      <c r="E53968" s="15">
        <v>45689</v>
      </c>
      <c r="F53968" s="14" t="s">
        <v>15</v>
      </c>
      <c r="G53968" s="16">
        <v>1.3814122120840699</v>
      </c>
    </row>
    <row r="53969" spans="1:7" x14ac:dyDescent="0.3">
      <c r="A53969" s="13" t="s">
        <v>298</v>
      </c>
      <c r="B53969" s="14" t="s">
        <v>1</v>
      </c>
      <c r="C53969" s="14" t="s">
        <v>157</v>
      </c>
      <c r="D53969" s="14" t="s">
        <v>14</v>
      </c>
      <c r="E53969" s="15">
        <v>45690</v>
      </c>
      <c r="F53969" s="14" t="s">
        <v>15</v>
      </c>
      <c r="G53969" s="16">
        <v>1.3814122120840699</v>
      </c>
    </row>
    <row r="53970" spans="1:7" x14ac:dyDescent="0.3">
      <c r="A53970" s="13" t="s">
        <v>298</v>
      </c>
      <c r="B53970" s="14" t="s">
        <v>1</v>
      </c>
      <c r="C53970" s="14" t="s">
        <v>157</v>
      </c>
      <c r="D53970" s="14" t="s">
        <v>14</v>
      </c>
      <c r="E53970" s="15">
        <v>45691</v>
      </c>
      <c r="F53970" s="14" t="s">
        <v>15</v>
      </c>
      <c r="G53970" s="16">
        <v>1.3814122120840699</v>
      </c>
    </row>
    <row r="53971" spans="1:7" x14ac:dyDescent="0.3">
      <c r="A53971" s="13" t="s">
        <v>298</v>
      </c>
      <c r="B53971" s="14" t="s">
        <v>1</v>
      </c>
      <c r="C53971" s="14" t="s">
        <v>157</v>
      </c>
      <c r="D53971" s="14" t="s">
        <v>14</v>
      </c>
      <c r="E53971" s="15">
        <v>45692</v>
      </c>
      <c r="F53971" s="14" t="s">
        <v>15</v>
      </c>
      <c r="G53971" s="16">
        <v>1.3699295313315096</v>
      </c>
    </row>
    <row r="53972" spans="1:7" x14ac:dyDescent="0.3">
      <c r="A53972" s="13" t="s">
        <v>298</v>
      </c>
      <c r="B53972" s="14" t="s">
        <v>1</v>
      </c>
      <c r="C53972" s="14" t="s">
        <v>157</v>
      </c>
      <c r="D53972" s="14" t="s">
        <v>14</v>
      </c>
      <c r="E53972" s="15">
        <v>45693</v>
      </c>
      <c r="F53972" s="14" t="s">
        <v>15</v>
      </c>
      <c r="G53972" s="16">
        <v>1.3545012543005761</v>
      </c>
    </row>
    <row r="53973" spans="1:7" x14ac:dyDescent="0.3">
      <c r="A53973" s="13" t="s">
        <v>298</v>
      </c>
      <c r="B53973" s="14" t="s">
        <v>1</v>
      </c>
      <c r="C53973" s="14" t="s">
        <v>157</v>
      </c>
      <c r="D53973" s="14" t="s">
        <v>14</v>
      </c>
      <c r="E53973" s="15">
        <v>45694</v>
      </c>
      <c r="F53973" s="14" t="s">
        <v>15</v>
      </c>
      <c r="G53973" s="16">
        <v>1.3506960398415513</v>
      </c>
    </row>
    <row r="53974" spans="1:7" x14ac:dyDescent="0.3">
      <c r="A53974" s="13" t="s">
        <v>298</v>
      </c>
      <c r="B53974" s="14" t="s">
        <v>1</v>
      </c>
      <c r="C53974" s="14" t="s">
        <v>157</v>
      </c>
      <c r="D53974" s="14" t="s">
        <v>14</v>
      </c>
      <c r="E53974" s="15">
        <v>45695</v>
      </c>
      <c r="F53974" s="14" t="s">
        <v>15</v>
      </c>
      <c r="G53974" s="16">
        <v>1.3468822918475163</v>
      </c>
    </row>
    <row r="53975" spans="1:7" x14ac:dyDescent="0.3">
      <c r="A53975" s="13" t="s">
        <v>298</v>
      </c>
      <c r="B53975" s="14" t="s">
        <v>1</v>
      </c>
      <c r="C53975" s="14" t="s">
        <v>157</v>
      </c>
      <c r="D53975" s="14" t="s">
        <v>14</v>
      </c>
      <c r="E53975" s="15">
        <v>45696</v>
      </c>
      <c r="F53975" s="14" t="s">
        <v>15</v>
      </c>
      <c r="G53975" s="16">
        <v>1.3468822918475163</v>
      </c>
    </row>
    <row r="53976" spans="1:7" x14ac:dyDescent="0.3">
      <c r="A53976" s="13" t="s">
        <v>298</v>
      </c>
      <c r="B53976" s="14" t="s">
        <v>1</v>
      </c>
      <c r="C53976" s="14" t="s">
        <v>157</v>
      </c>
      <c r="D53976" s="14" t="s">
        <v>14</v>
      </c>
      <c r="E53976" s="15">
        <v>45697</v>
      </c>
      <c r="F53976" s="14" t="s">
        <v>15</v>
      </c>
      <c r="G53976" s="16">
        <v>1.3468822918475163</v>
      </c>
    </row>
    <row r="53977" spans="1:7" x14ac:dyDescent="0.3">
      <c r="A53977" s="13" t="s">
        <v>298</v>
      </c>
      <c r="B53977" s="14" t="s">
        <v>1</v>
      </c>
      <c r="C53977" s="14" t="s">
        <v>157</v>
      </c>
      <c r="D53977" s="14" t="s">
        <v>14</v>
      </c>
      <c r="E53977" s="15">
        <v>45698</v>
      </c>
      <c r="F53977" s="14" t="s">
        <v>15</v>
      </c>
      <c r="G53977" s="16">
        <v>1.3480117879521434</v>
      </c>
    </row>
    <row r="53978" spans="1:7" x14ac:dyDescent="0.3">
      <c r="A53978" s="13" t="s">
        <v>298</v>
      </c>
      <c r="B53978" s="14" t="s">
        <v>1</v>
      </c>
      <c r="C53978" s="14" t="s">
        <v>157</v>
      </c>
      <c r="D53978" s="14" t="s">
        <v>14</v>
      </c>
      <c r="E53978" s="15">
        <v>45699</v>
      </c>
      <c r="F53978" s="14" t="s">
        <v>15</v>
      </c>
      <c r="G53978" s="16">
        <v>1.336463166247231</v>
      </c>
    </row>
    <row r="53979" spans="1:7" x14ac:dyDescent="0.3">
      <c r="A53979" s="13" t="s">
        <v>298</v>
      </c>
      <c r="B53979" s="14" t="s">
        <v>1</v>
      </c>
      <c r="C53979" s="14" t="s">
        <v>157</v>
      </c>
      <c r="D53979" s="14" t="s">
        <v>14</v>
      </c>
      <c r="E53979" s="15">
        <v>45700</v>
      </c>
      <c r="F53979" s="14" t="s">
        <v>15</v>
      </c>
      <c r="G53979" s="16">
        <v>1.3331765579840562</v>
      </c>
    </row>
    <row r="53980" spans="1:7" x14ac:dyDescent="0.3">
      <c r="A53980" s="13" t="s">
        <v>298</v>
      </c>
      <c r="B53980" s="14" t="s">
        <v>1</v>
      </c>
      <c r="C53980" s="14" t="s">
        <v>157</v>
      </c>
      <c r="D53980" s="14" t="s">
        <v>14</v>
      </c>
      <c r="E53980" s="15">
        <v>45701</v>
      </c>
      <c r="F53980" s="14" t="s">
        <v>15</v>
      </c>
      <c r="G53980" s="16">
        <v>1.352543769957397</v>
      </c>
    </row>
    <row r="53981" spans="1:7" x14ac:dyDescent="0.3">
      <c r="A53981" s="13" t="s">
        <v>298</v>
      </c>
      <c r="B53981" s="14" t="s">
        <v>1</v>
      </c>
      <c r="C53981" s="14" t="s">
        <v>157</v>
      </c>
      <c r="D53981" s="14" t="s">
        <v>14</v>
      </c>
      <c r="E53981" s="15">
        <v>45702</v>
      </c>
      <c r="F53981" s="14" t="s">
        <v>15</v>
      </c>
      <c r="G53981" s="16">
        <v>1.3487044213583312</v>
      </c>
    </row>
    <row r="53982" spans="1:7" x14ac:dyDescent="0.3">
      <c r="A53982" s="13" t="s">
        <v>298</v>
      </c>
      <c r="B53982" s="14" t="s">
        <v>1</v>
      </c>
      <c r="C53982" s="14" t="s">
        <v>157</v>
      </c>
      <c r="D53982" s="14" t="s">
        <v>14</v>
      </c>
      <c r="E53982" s="15">
        <v>45703</v>
      </c>
      <c r="F53982" s="14" t="s">
        <v>15</v>
      </c>
      <c r="G53982" s="16">
        <v>1.3487044213583312</v>
      </c>
    </row>
    <row r="53983" spans="1:7" x14ac:dyDescent="0.3">
      <c r="A53983" s="13" t="s">
        <v>298</v>
      </c>
      <c r="B53983" s="14" t="s">
        <v>1</v>
      </c>
      <c r="C53983" s="14" t="s">
        <v>157</v>
      </c>
      <c r="D53983" s="14" t="s">
        <v>14</v>
      </c>
      <c r="E53983" s="15">
        <v>45704</v>
      </c>
      <c r="F53983" s="14" t="s">
        <v>15</v>
      </c>
      <c r="G53983" s="16">
        <v>1.3487044213583312</v>
      </c>
    </row>
    <row r="53984" spans="1:7" x14ac:dyDescent="0.3">
      <c r="A53984" s="13" t="s">
        <v>298</v>
      </c>
      <c r="B53984" s="14" t="s">
        <v>1</v>
      </c>
      <c r="C53984" s="14" t="s">
        <v>157</v>
      </c>
      <c r="D53984" s="14" t="s">
        <v>14</v>
      </c>
      <c r="E53984" s="15">
        <v>45705</v>
      </c>
      <c r="F53984" s="14" t="s">
        <v>15</v>
      </c>
      <c r="G53984" s="16">
        <v>1.3448577028881203</v>
      </c>
    </row>
    <row r="53985" spans="1:7" x14ac:dyDescent="0.3">
      <c r="A53985" s="13" t="s">
        <v>298</v>
      </c>
      <c r="B53985" s="14" t="s">
        <v>1</v>
      </c>
      <c r="C53985" s="14" t="s">
        <v>157</v>
      </c>
      <c r="D53985" s="14" t="s">
        <v>14</v>
      </c>
      <c r="E53985" s="15">
        <v>45706</v>
      </c>
      <c r="F53985" s="14" t="s">
        <v>15</v>
      </c>
      <c r="G53985" s="16">
        <v>1.3331911632448847</v>
      </c>
    </row>
    <row r="53986" spans="1:7" x14ac:dyDescent="0.3">
      <c r="A53986" s="13" t="s">
        <v>298</v>
      </c>
      <c r="B53986" s="14" t="s">
        <v>1</v>
      </c>
      <c r="C53986" s="14" t="s">
        <v>157</v>
      </c>
      <c r="D53986" s="14" t="s">
        <v>14</v>
      </c>
      <c r="E53986" s="15">
        <v>45707</v>
      </c>
      <c r="F53986" s="14" t="s">
        <v>15</v>
      </c>
      <c r="G53986" s="16">
        <v>1.3345305067331727</v>
      </c>
    </row>
    <row r="53987" spans="1:7" x14ac:dyDescent="0.3">
      <c r="A53987" s="13" t="s">
        <v>298</v>
      </c>
      <c r="B53987" s="14" t="s">
        <v>1</v>
      </c>
      <c r="C53987" s="14" t="s">
        <v>157</v>
      </c>
      <c r="D53987" s="14" t="s">
        <v>14</v>
      </c>
      <c r="E53987" s="15">
        <v>45708</v>
      </c>
      <c r="F53987" s="14" t="s">
        <v>15</v>
      </c>
      <c r="G53987" s="16">
        <v>1.3306062106719596</v>
      </c>
    </row>
    <row r="53988" spans="1:7" x14ac:dyDescent="0.3">
      <c r="A53988" s="13" t="s">
        <v>298</v>
      </c>
      <c r="B53988" s="14" t="s">
        <v>1</v>
      </c>
      <c r="C53988" s="14" t="s">
        <v>157</v>
      </c>
      <c r="D53988" s="14" t="s">
        <v>14</v>
      </c>
      <c r="E53988" s="15">
        <v>45709</v>
      </c>
      <c r="F53988" s="14" t="s">
        <v>15</v>
      </c>
      <c r="G53988" s="16">
        <v>1.3266826903866564</v>
      </c>
    </row>
    <row r="53989" spans="1:7" x14ac:dyDescent="0.3">
      <c r="A53989" s="13" t="s">
        <v>298</v>
      </c>
      <c r="B53989" s="14" t="s">
        <v>1</v>
      </c>
      <c r="C53989" s="14" t="s">
        <v>157</v>
      </c>
      <c r="D53989" s="14" t="s">
        <v>14</v>
      </c>
      <c r="E53989" s="15">
        <v>45710</v>
      </c>
      <c r="F53989" s="14" t="s">
        <v>15</v>
      </c>
      <c r="G53989" s="16">
        <v>1.3266826903866564</v>
      </c>
    </row>
    <row r="53990" spans="1:7" x14ac:dyDescent="0.3">
      <c r="A53990" s="13" t="s">
        <v>298</v>
      </c>
      <c r="B53990" s="14" t="s">
        <v>1</v>
      </c>
      <c r="C53990" s="14" t="s">
        <v>157</v>
      </c>
      <c r="D53990" s="14" t="s">
        <v>14</v>
      </c>
      <c r="E53990" s="15">
        <v>45711</v>
      </c>
      <c r="F53990" s="14" t="s">
        <v>15</v>
      </c>
      <c r="G53990" s="16">
        <v>1.3266826903866564</v>
      </c>
    </row>
    <row r="53991" spans="1:7" x14ac:dyDescent="0.3">
      <c r="A53991" s="13" t="s">
        <v>298</v>
      </c>
      <c r="B53991" s="14" t="s">
        <v>1</v>
      </c>
      <c r="C53991" s="14" t="s">
        <v>157</v>
      </c>
      <c r="D53991" s="14" t="s">
        <v>14</v>
      </c>
      <c r="E53991" s="15">
        <v>45712</v>
      </c>
      <c r="F53991" s="14" t="s">
        <v>15</v>
      </c>
      <c r="G53991" s="16">
        <v>1.3227921405775291</v>
      </c>
    </row>
    <row r="53992" spans="1:7" x14ac:dyDescent="0.3">
      <c r="A53992" s="13" t="s">
        <v>298</v>
      </c>
      <c r="B53992" s="14" t="s">
        <v>1</v>
      </c>
      <c r="C53992" s="14" t="s">
        <v>157</v>
      </c>
      <c r="D53992" s="14" t="s">
        <v>14</v>
      </c>
      <c r="E53992" s="15">
        <v>45713</v>
      </c>
      <c r="F53992" s="14" t="s">
        <v>15</v>
      </c>
      <c r="G53992" s="16">
        <v>1.3109975979091397</v>
      </c>
    </row>
    <row r="53993" spans="1:7" x14ac:dyDescent="0.3">
      <c r="A53993" s="13" t="s">
        <v>298</v>
      </c>
      <c r="B53993" s="14" t="s">
        <v>1</v>
      </c>
      <c r="C53993" s="14" t="s">
        <v>157</v>
      </c>
      <c r="D53993" s="14" t="s">
        <v>14</v>
      </c>
      <c r="E53993" s="15">
        <v>45714</v>
      </c>
      <c r="F53993" s="14" t="s">
        <v>15</v>
      </c>
      <c r="G53993" s="16">
        <v>1.3070767928395217</v>
      </c>
    </row>
    <row r="53994" spans="1:7" x14ac:dyDescent="0.3">
      <c r="A53994" s="13" t="s">
        <v>298</v>
      </c>
      <c r="B53994" s="14" t="s">
        <v>1</v>
      </c>
      <c r="C53994" s="14" t="s">
        <v>157</v>
      </c>
      <c r="D53994" s="14" t="s">
        <v>14</v>
      </c>
      <c r="E53994" s="15">
        <v>45715</v>
      </c>
      <c r="F53994" s="14" t="s">
        <v>15</v>
      </c>
      <c r="G53994" s="16">
        <v>1.3031974917810898</v>
      </c>
    </row>
    <row r="53995" spans="1:7" x14ac:dyDescent="0.3">
      <c r="A53995" s="13" t="s">
        <v>298</v>
      </c>
      <c r="B53995" s="14" t="s">
        <v>1</v>
      </c>
      <c r="C53995" s="14" t="s">
        <v>157</v>
      </c>
      <c r="D53995" s="14" t="s">
        <v>14</v>
      </c>
      <c r="E53995" s="15">
        <v>45716</v>
      </c>
      <c r="F53995" s="14" t="s">
        <v>15</v>
      </c>
      <c r="G53995" s="16">
        <v>1.3273908056906791</v>
      </c>
    </row>
    <row r="53996" spans="1:7" x14ac:dyDescent="0.3">
      <c r="A53996" s="13" t="s">
        <v>298</v>
      </c>
      <c r="B53996" s="14" t="s">
        <v>1</v>
      </c>
      <c r="C53996" s="14" t="s">
        <v>157</v>
      </c>
      <c r="D53996" s="14" t="s">
        <v>14</v>
      </c>
      <c r="E53996" s="15">
        <v>45717</v>
      </c>
      <c r="F53996" s="14" t="s">
        <v>15</v>
      </c>
      <c r="G53996" s="16">
        <v>1.3273908056906791</v>
      </c>
    </row>
    <row r="53997" spans="1:7" x14ac:dyDescent="0.3">
      <c r="A53997" s="13" t="s">
        <v>298</v>
      </c>
      <c r="B53997" s="14" t="s">
        <v>1</v>
      </c>
      <c r="C53997" s="14" t="s">
        <v>157</v>
      </c>
      <c r="D53997" s="14" t="s">
        <v>14</v>
      </c>
      <c r="E53997" s="15">
        <v>45718</v>
      </c>
      <c r="F53997" s="14" t="s">
        <v>15</v>
      </c>
      <c r="G53997" s="16">
        <v>1.3273908056906791</v>
      </c>
    </row>
    <row r="53998" spans="1:7" x14ac:dyDescent="0.3">
      <c r="A53998" s="13" t="s">
        <v>298</v>
      </c>
      <c r="B53998" s="14" t="s">
        <v>1</v>
      </c>
      <c r="C53998" s="14" t="s">
        <v>157</v>
      </c>
      <c r="D53998" s="14" t="s">
        <v>14</v>
      </c>
      <c r="E53998" s="15">
        <v>45719</v>
      </c>
      <c r="F53998" s="14" t="s">
        <v>15</v>
      </c>
      <c r="G53998" s="16">
        <v>1.3234983164417768</v>
      </c>
    </row>
    <row r="53999" spans="1:7" x14ac:dyDescent="0.3">
      <c r="A53999" s="13" t="s">
        <v>298</v>
      </c>
      <c r="B53999" s="14" t="s">
        <v>1</v>
      </c>
      <c r="C53999" s="14" t="s">
        <v>157</v>
      </c>
      <c r="D53999" s="14" t="s">
        <v>14</v>
      </c>
      <c r="E53999" s="15">
        <v>45720</v>
      </c>
      <c r="F53999" s="14" t="s">
        <v>15</v>
      </c>
      <c r="G53999" s="16">
        <v>1.3120555881485827</v>
      </c>
    </row>
    <row r="54000" spans="1:7" x14ac:dyDescent="0.3">
      <c r="A54000" s="13" t="s">
        <v>298</v>
      </c>
      <c r="B54000" s="14" t="s">
        <v>1</v>
      </c>
      <c r="C54000" s="14" t="s">
        <v>157</v>
      </c>
      <c r="D54000" s="14" t="s">
        <v>14</v>
      </c>
      <c r="E54000" s="15">
        <v>45721</v>
      </c>
      <c r="F54000" s="14" t="s">
        <v>15</v>
      </c>
      <c r="G54000" s="16">
        <v>1.3082360218352225</v>
      </c>
    </row>
    <row r="54001" spans="1:7" x14ac:dyDescent="0.3">
      <c r="A54001" s="13" t="s">
        <v>298</v>
      </c>
      <c r="B54001" s="14" t="s">
        <v>1</v>
      </c>
      <c r="C54001" s="14" t="s">
        <v>157</v>
      </c>
      <c r="D54001" s="14" t="s">
        <v>14</v>
      </c>
      <c r="E54001" s="15">
        <v>45722</v>
      </c>
      <c r="F54001" s="14" t="s">
        <v>15</v>
      </c>
      <c r="G54001" s="16">
        <v>1.3485375467405147</v>
      </c>
    </row>
    <row r="54002" spans="1:7" x14ac:dyDescent="0.3">
      <c r="A54002" s="13" t="s">
        <v>298</v>
      </c>
      <c r="B54002" s="14" t="s">
        <v>1</v>
      </c>
      <c r="C54002" s="14" t="s">
        <v>157</v>
      </c>
      <c r="D54002" s="14" t="s">
        <v>14</v>
      </c>
      <c r="E54002" s="15">
        <v>45723</v>
      </c>
      <c r="F54002" s="14" t="s">
        <v>15</v>
      </c>
      <c r="G54002" s="16">
        <v>1.4377664825150021</v>
      </c>
    </row>
    <row r="54003" spans="1:7" x14ac:dyDescent="0.3">
      <c r="A54003" s="13" t="s">
        <v>298</v>
      </c>
      <c r="B54003" s="14" t="s">
        <v>1</v>
      </c>
      <c r="C54003" s="14" t="s">
        <v>157</v>
      </c>
      <c r="D54003" s="14" t="s">
        <v>14</v>
      </c>
      <c r="E54003" s="15">
        <v>45724</v>
      </c>
      <c r="F54003" s="14" t="s">
        <v>15</v>
      </c>
      <c r="G54003" s="16">
        <v>1.4377664825150021</v>
      </c>
    </row>
    <row r="54004" spans="1:7" x14ac:dyDescent="0.3">
      <c r="A54004" s="13" t="s">
        <v>298</v>
      </c>
      <c r="B54004" s="14" t="s">
        <v>1</v>
      </c>
      <c r="C54004" s="14" t="s">
        <v>157</v>
      </c>
      <c r="D54004" s="14" t="s">
        <v>14</v>
      </c>
      <c r="E54004" s="15">
        <v>45725</v>
      </c>
      <c r="F54004" s="14" t="s">
        <v>15</v>
      </c>
      <c r="G54004" s="16">
        <v>1.4377664825150021</v>
      </c>
    </row>
    <row r="54005" spans="1:7" x14ac:dyDescent="0.3">
      <c r="A54005" s="13" t="s">
        <v>298</v>
      </c>
      <c r="B54005" s="14" t="s">
        <v>1</v>
      </c>
      <c r="C54005" s="14" t="s">
        <v>157</v>
      </c>
      <c r="D54005" s="14" t="s">
        <v>14</v>
      </c>
      <c r="E54005" s="15">
        <v>45726</v>
      </c>
      <c r="F54005" s="14" t="s">
        <v>15</v>
      </c>
      <c r="G54005" s="16">
        <v>1.4368871069006264</v>
      </c>
    </row>
    <row r="54006" spans="1:7" x14ac:dyDescent="0.3">
      <c r="A54006" s="13" t="s">
        <v>298</v>
      </c>
      <c r="B54006" s="14" t="s">
        <v>1</v>
      </c>
      <c r="C54006" s="14" t="s">
        <v>157</v>
      </c>
      <c r="D54006" s="14" t="s">
        <v>14</v>
      </c>
      <c r="E54006" s="15">
        <v>45727</v>
      </c>
      <c r="F54006" s="14" t="s">
        <v>15</v>
      </c>
      <c r="G54006" s="16">
        <v>1.4251212679409078</v>
      </c>
    </row>
    <row r="54007" spans="1:7" x14ac:dyDescent="0.3">
      <c r="A54007" s="13" t="s">
        <v>298</v>
      </c>
      <c r="B54007" s="14" t="s">
        <v>1</v>
      </c>
      <c r="C54007" s="14" t="s">
        <v>157</v>
      </c>
      <c r="D54007" s="14" t="s">
        <v>14</v>
      </c>
      <c r="E54007" s="15">
        <v>45728</v>
      </c>
      <c r="F54007" s="14" t="s">
        <v>15</v>
      </c>
      <c r="G54007" s="16">
        <v>1.4212202451569953</v>
      </c>
    </row>
    <row r="54008" spans="1:7" x14ac:dyDescent="0.3">
      <c r="A54008" s="13" t="s">
        <v>298</v>
      </c>
      <c r="B54008" s="14" t="s">
        <v>1</v>
      </c>
      <c r="C54008" s="14" t="s">
        <v>157</v>
      </c>
      <c r="D54008" s="14" t="s">
        <v>14</v>
      </c>
      <c r="E54008" s="15">
        <v>45729</v>
      </c>
      <c r="F54008" s="14" t="s">
        <v>15</v>
      </c>
      <c r="G54008" s="16">
        <v>1.4173533565131238</v>
      </c>
    </row>
    <row r="54009" spans="1:7" x14ac:dyDescent="0.3">
      <c r="A54009" s="13" t="s">
        <v>298</v>
      </c>
      <c r="B54009" s="14" t="s">
        <v>1</v>
      </c>
      <c r="C54009" s="14" t="s">
        <v>157</v>
      </c>
      <c r="D54009" s="14" t="s">
        <v>14</v>
      </c>
      <c r="E54009" s="15">
        <v>45730</v>
      </c>
      <c r="F54009" s="14" t="s">
        <v>15</v>
      </c>
      <c r="G54009" s="16">
        <v>1.4701157819731487</v>
      </c>
    </row>
    <row r="54010" spans="1:7" x14ac:dyDescent="0.3">
      <c r="A54010" s="13" t="s">
        <v>298</v>
      </c>
      <c r="B54010" s="14" t="s">
        <v>1</v>
      </c>
      <c r="C54010" s="14" t="s">
        <v>157</v>
      </c>
      <c r="D54010" s="14" t="s">
        <v>14</v>
      </c>
      <c r="E54010" s="15">
        <v>45731</v>
      </c>
      <c r="F54010" s="14" t="s">
        <v>15</v>
      </c>
      <c r="G54010" s="16">
        <v>1.4701157819731487</v>
      </c>
    </row>
    <row r="54011" spans="1:7" x14ac:dyDescent="0.3">
      <c r="A54011" s="13" t="s">
        <v>298</v>
      </c>
      <c r="B54011" s="14" t="s">
        <v>1</v>
      </c>
      <c r="C54011" s="14" t="s">
        <v>157</v>
      </c>
      <c r="D54011" s="14" t="s">
        <v>14</v>
      </c>
      <c r="E54011" s="15">
        <v>45732</v>
      </c>
      <c r="F54011" s="14" t="s">
        <v>15</v>
      </c>
      <c r="G54011" s="16">
        <v>1.4701157819731487</v>
      </c>
    </row>
    <row r="54012" spans="1:7" x14ac:dyDescent="0.3">
      <c r="A54012" s="13" t="s">
        <v>298</v>
      </c>
      <c r="B54012" s="14" t="s">
        <v>1</v>
      </c>
      <c r="C54012" s="14" t="s">
        <v>157</v>
      </c>
      <c r="D54012" s="14" t="s">
        <v>14</v>
      </c>
      <c r="E54012" s="15">
        <v>45733</v>
      </c>
      <c r="F54012" s="14" t="s">
        <v>15</v>
      </c>
      <c r="G54012" s="16">
        <v>1.4701157819731487</v>
      </c>
    </row>
    <row r="54013" spans="1:7" x14ac:dyDescent="0.3">
      <c r="A54013" s="13" t="s">
        <v>298</v>
      </c>
      <c r="B54013" s="14" t="s">
        <v>1</v>
      </c>
      <c r="C54013" s="14" t="s">
        <v>157</v>
      </c>
      <c r="D54013" s="14" t="s">
        <v>14</v>
      </c>
      <c r="E54013" s="15">
        <v>45734</v>
      </c>
      <c r="F54013" s="14" t="s">
        <v>15</v>
      </c>
      <c r="G54013" s="16">
        <v>1.4666488058108937</v>
      </c>
    </row>
    <row r="54014" spans="1:7" x14ac:dyDescent="0.3">
      <c r="A54014" s="13" t="s">
        <v>298</v>
      </c>
      <c r="B54014" s="14" t="s">
        <v>1</v>
      </c>
      <c r="C54014" s="14" t="s">
        <v>157</v>
      </c>
      <c r="D54014" s="14" t="s">
        <v>14</v>
      </c>
      <c r="E54014" s="15">
        <v>45735</v>
      </c>
      <c r="F54014" s="14" t="s">
        <v>15</v>
      </c>
      <c r="G54014" s="16">
        <v>1.5988739577345012</v>
      </c>
    </row>
    <row r="54015" spans="1:7" x14ac:dyDescent="0.3">
      <c r="A54015" s="13" t="s">
        <v>298</v>
      </c>
      <c r="B54015" s="14" t="s">
        <v>1</v>
      </c>
      <c r="C54015" s="14" t="s">
        <v>157</v>
      </c>
      <c r="D54015" s="14" t="s">
        <v>14</v>
      </c>
      <c r="E54015" s="15">
        <v>45736</v>
      </c>
      <c r="F54015" s="14" t="s">
        <v>15</v>
      </c>
      <c r="G54015" s="16">
        <v>1.5949403523623675</v>
      </c>
    </row>
    <row r="54016" spans="1:7" x14ac:dyDescent="0.3">
      <c r="A54016" s="13" t="s">
        <v>298</v>
      </c>
      <c r="B54016" s="14" t="s">
        <v>1</v>
      </c>
      <c r="C54016" s="14" t="s">
        <v>157</v>
      </c>
      <c r="D54016" s="14" t="s">
        <v>14</v>
      </c>
      <c r="E54016" s="15">
        <v>45737</v>
      </c>
      <c r="F54016" s="14" t="s">
        <v>15</v>
      </c>
      <c r="G54016" s="16">
        <v>1.5910129531975143</v>
      </c>
    </row>
    <row r="54017" spans="1:7" x14ac:dyDescent="0.3">
      <c r="A54017" s="13" t="s">
        <v>298</v>
      </c>
      <c r="B54017" s="14" t="s">
        <v>1</v>
      </c>
      <c r="C54017" s="14" t="s">
        <v>157</v>
      </c>
      <c r="D54017" s="14" t="s">
        <v>14</v>
      </c>
      <c r="E54017" s="15">
        <v>45738</v>
      </c>
      <c r="F54017" s="14" t="s">
        <v>15</v>
      </c>
      <c r="G54017" s="16">
        <v>1.5910129531975143</v>
      </c>
    </row>
    <row r="54018" spans="1:7" x14ac:dyDescent="0.3">
      <c r="A54018" s="13" t="s">
        <v>298</v>
      </c>
      <c r="B54018" s="14" t="s">
        <v>1</v>
      </c>
      <c r="C54018" s="14" t="s">
        <v>157</v>
      </c>
      <c r="D54018" s="14" t="s">
        <v>14</v>
      </c>
      <c r="E54018" s="15">
        <v>45739</v>
      </c>
      <c r="F54018" s="14" t="s">
        <v>15</v>
      </c>
      <c r="G54018" s="16">
        <v>1.5910129531975143</v>
      </c>
    </row>
    <row r="54019" spans="1:7" x14ac:dyDescent="0.3">
      <c r="A54019" s="13" t="s">
        <v>298</v>
      </c>
      <c r="B54019" s="14" t="s">
        <v>1</v>
      </c>
      <c r="C54019" s="14" t="s">
        <v>157</v>
      </c>
      <c r="D54019" s="14" t="s">
        <v>14</v>
      </c>
      <c r="E54019" s="15">
        <v>45740</v>
      </c>
      <c r="F54019" s="14" t="s">
        <v>15</v>
      </c>
      <c r="G54019" s="16">
        <v>1.5870933117917612</v>
      </c>
    </row>
    <row r="54020" spans="1:7" x14ac:dyDescent="0.3">
      <c r="A54020" s="13" t="s">
        <v>298</v>
      </c>
      <c r="B54020" s="14" t="s">
        <v>1</v>
      </c>
      <c r="C54020" s="14" t="s">
        <v>157</v>
      </c>
      <c r="D54020" s="14" t="s">
        <v>14</v>
      </c>
      <c r="E54020" s="15">
        <v>45741</v>
      </c>
      <c r="F54020" s="14" t="s">
        <v>15</v>
      </c>
      <c r="G54020" s="16">
        <v>1.5754345299076258</v>
      </c>
    </row>
    <row r="54021" spans="1:7" x14ac:dyDescent="0.3">
      <c r="A54021" s="13" t="s">
        <v>298</v>
      </c>
      <c r="B54021" s="14" t="s">
        <v>1</v>
      </c>
      <c r="C54021" s="14" t="s">
        <v>157</v>
      </c>
      <c r="D54021" s="14" t="s">
        <v>14</v>
      </c>
      <c r="E54021" s="15">
        <v>45742</v>
      </c>
      <c r="F54021" s="14" t="s">
        <v>15</v>
      </c>
      <c r="G54021" s="16">
        <v>1.6684407185880119</v>
      </c>
    </row>
    <row r="54022" spans="1:7" x14ac:dyDescent="0.3">
      <c r="A54022" s="13" t="s">
        <v>298</v>
      </c>
      <c r="B54022" s="14" t="s">
        <v>1</v>
      </c>
      <c r="C54022" s="14" t="s">
        <v>157</v>
      </c>
      <c r="D54022" s="14" t="s">
        <v>14</v>
      </c>
      <c r="E54022" s="15">
        <v>45743</v>
      </c>
      <c r="F54022" s="14" t="s">
        <v>15</v>
      </c>
      <c r="G54022" s="16">
        <v>1.6645443504595596</v>
      </c>
    </row>
    <row r="54023" spans="1:7" x14ac:dyDescent="0.3">
      <c r="A54023" s="13" t="s">
        <v>298</v>
      </c>
      <c r="B54023" s="14" t="s">
        <v>1</v>
      </c>
      <c r="C54023" s="14" t="s">
        <v>157</v>
      </c>
      <c r="D54023" s="14" t="s">
        <v>14</v>
      </c>
      <c r="E54023" s="15">
        <v>45744</v>
      </c>
      <c r="F54023" s="14" t="s">
        <v>15</v>
      </c>
      <c r="G54023" s="16">
        <v>1.6606258727176717</v>
      </c>
    </row>
    <row r="54024" spans="1:7" x14ac:dyDescent="0.3">
      <c r="A54024" s="13" t="s">
        <v>298</v>
      </c>
      <c r="B54024" s="14" t="s">
        <v>1</v>
      </c>
      <c r="C54024" s="14" t="s">
        <v>157</v>
      </c>
      <c r="D54024" s="14" t="s">
        <v>14</v>
      </c>
      <c r="E54024" s="15">
        <v>45745</v>
      </c>
      <c r="F54024" s="14" t="s">
        <v>15</v>
      </c>
      <c r="G54024" s="16">
        <v>1.6606258727176717</v>
      </c>
    </row>
    <row r="54025" spans="1:7" x14ac:dyDescent="0.3">
      <c r="A54025" s="13" t="s">
        <v>298</v>
      </c>
      <c r="B54025" s="14" t="s">
        <v>1</v>
      </c>
      <c r="C54025" s="14" t="s">
        <v>157</v>
      </c>
      <c r="D54025" s="14" t="s">
        <v>14</v>
      </c>
      <c r="E54025" s="15">
        <v>45746</v>
      </c>
      <c r="F54025" s="14" t="s">
        <v>15</v>
      </c>
      <c r="G54025" s="16">
        <v>1.6606258727176717</v>
      </c>
    </row>
    <row r="54026" spans="1:7" x14ac:dyDescent="0.3">
      <c r="A54026" s="13" t="s">
        <v>298</v>
      </c>
      <c r="B54026" s="14" t="s">
        <v>1</v>
      </c>
      <c r="C54026" s="14" t="s">
        <v>157</v>
      </c>
      <c r="D54026" s="14" t="s">
        <v>14</v>
      </c>
      <c r="E54026" s="15">
        <v>45747</v>
      </c>
      <c r="F54026" s="14" t="s">
        <v>15</v>
      </c>
      <c r="G54026" s="16">
        <v>1.6606258727176717</v>
      </c>
    </row>
    <row r="54027" spans="1:7" x14ac:dyDescent="0.3">
      <c r="A54027" s="13" t="s">
        <v>299</v>
      </c>
      <c r="B54027" s="14" t="s">
        <v>1</v>
      </c>
      <c r="C54027" s="14" t="s">
        <v>35</v>
      </c>
      <c r="D54027" s="14" t="s">
        <v>107</v>
      </c>
      <c r="E54027" s="15">
        <v>45383</v>
      </c>
      <c r="F54027" s="14" t="s">
        <v>25</v>
      </c>
      <c r="G54027" s="16">
        <v>0</v>
      </c>
    </row>
    <row r="54028" spans="1:7" x14ac:dyDescent="0.3">
      <c r="A54028" s="13" t="s">
        <v>299</v>
      </c>
      <c r="B54028" s="14" t="s">
        <v>1</v>
      </c>
      <c r="C54028" s="14" t="s">
        <v>35</v>
      </c>
      <c r="D54028" s="14" t="s">
        <v>107</v>
      </c>
      <c r="E54028" s="15">
        <v>45384</v>
      </c>
      <c r="F54028" s="14" t="s">
        <v>25</v>
      </c>
      <c r="G54028" s="16">
        <v>0</v>
      </c>
    </row>
    <row r="54029" spans="1:7" x14ac:dyDescent="0.3">
      <c r="A54029" s="13" t="s">
        <v>299</v>
      </c>
      <c r="B54029" s="14" t="s">
        <v>1</v>
      </c>
      <c r="C54029" s="14" t="s">
        <v>35</v>
      </c>
      <c r="D54029" s="14" t="s">
        <v>107</v>
      </c>
      <c r="E54029" s="15">
        <v>45385</v>
      </c>
      <c r="F54029" s="14" t="s">
        <v>25</v>
      </c>
      <c r="G54029" s="16">
        <v>0</v>
      </c>
    </row>
    <row r="54030" spans="1:7" x14ac:dyDescent="0.3">
      <c r="A54030" s="13" t="s">
        <v>299</v>
      </c>
      <c r="B54030" s="14" t="s">
        <v>1</v>
      </c>
      <c r="C54030" s="14" t="s">
        <v>35</v>
      </c>
      <c r="D54030" s="14" t="s">
        <v>107</v>
      </c>
      <c r="E54030" s="15">
        <v>45386</v>
      </c>
      <c r="F54030" s="14" t="s">
        <v>25</v>
      </c>
      <c r="G54030" s="16">
        <v>0</v>
      </c>
    </row>
    <row r="54031" spans="1:7" x14ac:dyDescent="0.3">
      <c r="A54031" s="13" t="s">
        <v>299</v>
      </c>
      <c r="B54031" s="14" t="s">
        <v>1</v>
      </c>
      <c r="C54031" s="14" t="s">
        <v>35</v>
      </c>
      <c r="D54031" s="14" t="s">
        <v>107</v>
      </c>
      <c r="E54031" s="15">
        <v>45387</v>
      </c>
      <c r="F54031" s="14" t="s">
        <v>25</v>
      </c>
      <c r="G54031" s="16">
        <v>0</v>
      </c>
    </row>
    <row r="54032" spans="1:7" x14ac:dyDescent="0.3">
      <c r="A54032" s="13" t="s">
        <v>299</v>
      </c>
      <c r="B54032" s="14" t="s">
        <v>1</v>
      </c>
      <c r="C54032" s="14" t="s">
        <v>35</v>
      </c>
      <c r="D54032" s="14" t="s">
        <v>107</v>
      </c>
      <c r="E54032" s="15">
        <v>45388</v>
      </c>
      <c r="F54032" s="14" t="s">
        <v>25</v>
      </c>
      <c r="G54032" s="16">
        <v>0</v>
      </c>
    </row>
    <row r="54033" spans="1:7" x14ac:dyDescent="0.3">
      <c r="A54033" s="13" t="s">
        <v>299</v>
      </c>
      <c r="B54033" s="14" t="s">
        <v>1</v>
      </c>
      <c r="C54033" s="14" t="s">
        <v>35</v>
      </c>
      <c r="D54033" s="14" t="s">
        <v>107</v>
      </c>
      <c r="E54033" s="15">
        <v>45389</v>
      </c>
      <c r="F54033" s="14" t="s">
        <v>25</v>
      </c>
      <c r="G54033" s="16">
        <v>0</v>
      </c>
    </row>
    <row r="54034" spans="1:7" x14ac:dyDescent="0.3">
      <c r="A54034" s="13" t="s">
        <v>299</v>
      </c>
      <c r="B54034" s="14" t="s">
        <v>1</v>
      </c>
      <c r="C54034" s="14" t="s">
        <v>35</v>
      </c>
      <c r="D54034" s="14" t="s">
        <v>107</v>
      </c>
      <c r="E54034" s="15">
        <v>45390</v>
      </c>
      <c r="F54034" s="14" t="s">
        <v>25</v>
      </c>
      <c r="G54034" s="16">
        <v>0</v>
      </c>
    </row>
    <row r="54035" spans="1:7" x14ac:dyDescent="0.3">
      <c r="A54035" s="13" t="s">
        <v>299</v>
      </c>
      <c r="B54035" s="14" t="s">
        <v>1</v>
      </c>
      <c r="C54035" s="14" t="s">
        <v>35</v>
      </c>
      <c r="D54035" s="14" t="s">
        <v>107</v>
      </c>
      <c r="E54035" s="15">
        <v>45391</v>
      </c>
      <c r="F54035" s="14" t="s">
        <v>25</v>
      </c>
      <c r="G54035" s="16">
        <v>0</v>
      </c>
    </row>
    <row r="54036" spans="1:7" x14ac:dyDescent="0.3">
      <c r="A54036" s="13" t="s">
        <v>299</v>
      </c>
      <c r="B54036" s="14" t="s">
        <v>1</v>
      </c>
      <c r="C54036" s="14" t="s">
        <v>35</v>
      </c>
      <c r="D54036" s="14" t="s">
        <v>107</v>
      </c>
      <c r="E54036" s="15">
        <v>45392</v>
      </c>
      <c r="F54036" s="14" t="s">
        <v>25</v>
      </c>
      <c r="G54036" s="16">
        <v>0</v>
      </c>
    </row>
    <row r="54037" spans="1:7" x14ac:dyDescent="0.3">
      <c r="A54037" s="13" t="s">
        <v>299</v>
      </c>
      <c r="B54037" s="14" t="s">
        <v>1</v>
      </c>
      <c r="C54037" s="14" t="s">
        <v>35</v>
      </c>
      <c r="D54037" s="14" t="s">
        <v>107</v>
      </c>
      <c r="E54037" s="15">
        <v>45393</v>
      </c>
      <c r="F54037" s="14" t="s">
        <v>25</v>
      </c>
      <c r="G54037" s="16">
        <v>0</v>
      </c>
    </row>
    <row r="54038" spans="1:7" x14ac:dyDescent="0.3">
      <c r="A54038" s="13" t="s">
        <v>299</v>
      </c>
      <c r="B54038" s="14" t="s">
        <v>1</v>
      </c>
      <c r="C54038" s="14" t="s">
        <v>35</v>
      </c>
      <c r="D54038" s="14" t="s">
        <v>107</v>
      </c>
      <c r="E54038" s="15">
        <v>45394</v>
      </c>
      <c r="F54038" s="14" t="s">
        <v>25</v>
      </c>
      <c r="G54038" s="16">
        <v>0</v>
      </c>
    </row>
    <row r="54039" spans="1:7" x14ac:dyDescent="0.3">
      <c r="A54039" s="13" t="s">
        <v>299</v>
      </c>
      <c r="B54039" s="14" t="s">
        <v>1</v>
      </c>
      <c r="C54039" s="14" t="s">
        <v>35</v>
      </c>
      <c r="D54039" s="14" t="s">
        <v>107</v>
      </c>
      <c r="E54039" s="15">
        <v>45395</v>
      </c>
      <c r="F54039" s="14" t="s">
        <v>25</v>
      </c>
      <c r="G54039" s="16">
        <v>0</v>
      </c>
    </row>
    <row r="54040" spans="1:7" x14ac:dyDescent="0.3">
      <c r="A54040" s="13" t="s">
        <v>299</v>
      </c>
      <c r="B54040" s="14" t="s">
        <v>1</v>
      </c>
      <c r="C54040" s="14" t="s">
        <v>35</v>
      </c>
      <c r="D54040" s="14" t="s">
        <v>107</v>
      </c>
      <c r="E54040" s="15">
        <v>45396</v>
      </c>
      <c r="F54040" s="14" t="s">
        <v>25</v>
      </c>
      <c r="G54040" s="16">
        <v>0</v>
      </c>
    </row>
    <row r="54041" spans="1:7" x14ac:dyDescent="0.3">
      <c r="A54041" s="13" t="s">
        <v>299</v>
      </c>
      <c r="B54041" s="14" t="s">
        <v>1</v>
      </c>
      <c r="C54041" s="14" t="s">
        <v>35</v>
      </c>
      <c r="D54041" s="14" t="s">
        <v>107</v>
      </c>
      <c r="E54041" s="15">
        <v>45397</v>
      </c>
      <c r="F54041" s="14" t="s">
        <v>25</v>
      </c>
      <c r="G54041" s="16">
        <v>0</v>
      </c>
    </row>
    <row r="54042" spans="1:7" x14ac:dyDescent="0.3">
      <c r="A54042" s="13" t="s">
        <v>299</v>
      </c>
      <c r="B54042" s="14" t="s">
        <v>1</v>
      </c>
      <c r="C54042" s="14" t="s">
        <v>35</v>
      </c>
      <c r="D54042" s="14" t="s">
        <v>107</v>
      </c>
      <c r="E54042" s="15">
        <v>45398</v>
      </c>
      <c r="F54042" s="14" t="s">
        <v>25</v>
      </c>
      <c r="G54042" s="16">
        <v>0</v>
      </c>
    </row>
    <row r="54043" spans="1:7" x14ac:dyDescent="0.3">
      <c r="A54043" s="13" t="s">
        <v>299</v>
      </c>
      <c r="B54043" s="14" t="s">
        <v>1</v>
      </c>
      <c r="C54043" s="14" t="s">
        <v>35</v>
      </c>
      <c r="D54043" s="14" t="s">
        <v>107</v>
      </c>
      <c r="E54043" s="15">
        <v>45399</v>
      </c>
      <c r="F54043" s="14" t="s">
        <v>25</v>
      </c>
      <c r="G54043" s="16">
        <v>0</v>
      </c>
    </row>
    <row r="54044" spans="1:7" x14ac:dyDescent="0.3">
      <c r="A54044" s="13" t="s">
        <v>299</v>
      </c>
      <c r="B54044" s="14" t="s">
        <v>1</v>
      </c>
      <c r="C54044" s="14" t="s">
        <v>35</v>
      </c>
      <c r="D54044" s="14" t="s">
        <v>107</v>
      </c>
      <c r="E54044" s="15">
        <v>45400</v>
      </c>
      <c r="F54044" s="14" t="s">
        <v>25</v>
      </c>
      <c r="G54044" s="16">
        <v>0</v>
      </c>
    </row>
    <row r="54045" spans="1:7" x14ac:dyDescent="0.3">
      <c r="A54045" s="13" t="s">
        <v>299</v>
      </c>
      <c r="B54045" s="14" t="s">
        <v>1</v>
      </c>
      <c r="C54045" s="14" t="s">
        <v>35</v>
      </c>
      <c r="D54045" s="14" t="s">
        <v>107</v>
      </c>
      <c r="E54045" s="15">
        <v>45401</v>
      </c>
      <c r="F54045" s="14" t="s">
        <v>25</v>
      </c>
      <c r="G54045" s="16">
        <v>0</v>
      </c>
    </row>
    <row r="54046" spans="1:7" x14ac:dyDescent="0.3">
      <c r="A54046" s="13" t="s">
        <v>299</v>
      </c>
      <c r="B54046" s="14" t="s">
        <v>1</v>
      </c>
      <c r="C54046" s="14" t="s">
        <v>35</v>
      </c>
      <c r="D54046" s="14" t="s">
        <v>107</v>
      </c>
      <c r="E54046" s="15">
        <v>45402</v>
      </c>
      <c r="F54046" s="14" t="s">
        <v>25</v>
      </c>
      <c r="G54046" s="16">
        <v>0</v>
      </c>
    </row>
    <row r="54047" spans="1:7" x14ac:dyDescent="0.3">
      <c r="A54047" s="13" t="s">
        <v>299</v>
      </c>
      <c r="B54047" s="14" t="s">
        <v>1</v>
      </c>
      <c r="C54047" s="14" t="s">
        <v>35</v>
      </c>
      <c r="D54047" s="14" t="s">
        <v>107</v>
      </c>
      <c r="E54047" s="15">
        <v>45403</v>
      </c>
      <c r="F54047" s="14" t="s">
        <v>25</v>
      </c>
      <c r="G54047" s="16">
        <v>0</v>
      </c>
    </row>
    <row r="54048" spans="1:7" x14ac:dyDescent="0.3">
      <c r="A54048" s="13" t="s">
        <v>299</v>
      </c>
      <c r="B54048" s="14" t="s">
        <v>1</v>
      </c>
      <c r="C54048" s="14" t="s">
        <v>35</v>
      </c>
      <c r="D54048" s="14" t="s">
        <v>107</v>
      </c>
      <c r="E54048" s="15">
        <v>45404</v>
      </c>
      <c r="F54048" s="14" t="s">
        <v>25</v>
      </c>
      <c r="G54048" s="16">
        <v>0</v>
      </c>
    </row>
    <row r="54049" spans="1:7" x14ac:dyDescent="0.3">
      <c r="A54049" s="13" t="s">
        <v>299</v>
      </c>
      <c r="B54049" s="14" t="s">
        <v>1</v>
      </c>
      <c r="C54049" s="14" t="s">
        <v>35</v>
      </c>
      <c r="D54049" s="14" t="s">
        <v>107</v>
      </c>
      <c r="E54049" s="15">
        <v>45405</v>
      </c>
      <c r="F54049" s="14" t="s">
        <v>25</v>
      </c>
      <c r="G54049" s="16">
        <v>0</v>
      </c>
    </row>
    <row r="54050" spans="1:7" x14ac:dyDescent="0.3">
      <c r="A54050" s="13" t="s">
        <v>299</v>
      </c>
      <c r="B54050" s="14" t="s">
        <v>1</v>
      </c>
      <c r="C54050" s="14" t="s">
        <v>35</v>
      </c>
      <c r="D54050" s="14" t="s">
        <v>107</v>
      </c>
      <c r="E54050" s="15">
        <v>45406</v>
      </c>
      <c r="F54050" s="14" t="s">
        <v>25</v>
      </c>
      <c r="G54050" s="16">
        <v>0</v>
      </c>
    </row>
    <row r="54051" spans="1:7" x14ac:dyDescent="0.3">
      <c r="A54051" s="13" t="s">
        <v>299</v>
      </c>
      <c r="B54051" s="14" t="s">
        <v>1</v>
      </c>
      <c r="C54051" s="14" t="s">
        <v>35</v>
      </c>
      <c r="D54051" s="14" t="s">
        <v>107</v>
      </c>
      <c r="E54051" s="15">
        <v>45407</v>
      </c>
      <c r="F54051" s="14" t="s">
        <v>25</v>
      </c>
      <c r="G54051" s="16">
        <v>0</v>
      </c>
    </row>
    <row r="54052" spans="1:7" x14ac:dyDescent="0.3">
      <c r="A54052" s="13" t="s">
        <v>299</v>
      </c>
      <c r="B54052" s="14" t="s">
        <v>1</v>
      </c>
      <c r="C54052" s="14" t="s">
        <v>35</v>
      </c>
      <c r="D54052" s="14" t="s">
        <v>107</v>
      </c>
      <c r="E54052" s="15">
        <v>45408</v>
      </c>
      <c r="F54052" s="14" t="s">
        <v>25</v>
      </c>
      <c r="G54052" s="16">
        <v>0</v>
      </c>
    </row>
    <row r="54053" spans="1:7" x14ac:dyDescent="0.3">
      <c r="A54053" s="13" t="s">
        <v>299</v>
      </c>
      <c r="B54053" s="14" t="s">
        <v>1</v>
      </c>
      <c r="C54053" s="14" t="s">
        <v>35</v>
      </c>
      <c r="D54053" s="14" t="s">
        <v>107</v>
      </c>
      <c r="E54053" s="15">
        <v>45409</v>
      </c>
      <c r="F54053" s="14" t="s">
        <v>25</v>
      </c>
      <c r="G54053" s="16">
        <v>0</v>
      </c>
    </row>
    <row r="54054" spans="1:7" x14ac:dyDescent="0.3">
      <c r="A54054" s="13" t="s">
        <v>299</v>
      </c>
      <c r="B54054" s="14" t="s">
        <v>1</v>
      </c>
      <c r="C54054" s="14" t="s">
        <v>35</v>
      </c>
      <c r="D54054" s="14" t="s">
        <v>107</v>
      </c>
      <c r="E54054" s="15">
        <v>45410</v>
      </c>
      <c r="F54054" s="14" t="s">
        <v>25</v>
      </c>
      <c r="G54054" s="16">
        <v>0</v>
      </c>
    </row>
    <row r="54055" spans="1:7" x14ac:dyDescent="0.3">
      <c r="A54055" s="13" t="s">
        <v>299</v>
      </c>
      <c r="B54055" s="14" t="s">
        <v>1</v>
      </c>
      <c r="C54055" s="14" t="s">
        <v>35</v>
      </c>
      <c r="D54055" s="14" t="s">
        <v>107</v>
      </c>
      <c r="E54055" s="15">
        <v>45411</v>
      </c>
      <c r="F54055" s="14" t="s">
        <v>25</v>
      </c>
      <c r="G54055" s="16">
        <v>0</v>
      </c>
    </row>
    <row r="54056" spans="1:7" x14ac:dyDescent="0.3">
      <c r="A54056" s="13" t="s">
        <v>299</v>
      </c>
      <c r="B54056" s="14" t="s">
        <v>1</v>
      </c>
      <c r="C54056" s="14" t="s">
        <v>35</v>
      </c>
      <c r="D54056" s="14" t="s">
        <v>107</v>
      </c>
      <c r="E54056" s="15">
        <v>45412</v>
      </c>
      <c r="F54056" s="14" t="s">
        <v>25</v>
      </c>
      <c r="G54056" s="16">
        <v>0</v>
      </c>
    </row>
    <row r="54057" spans="1:7" x14ac:dyDescent="0.3">
      <c r="A54057" s="13" t="s">
        <v>299</v>
      </c>
      <c r="B54057" s="14" t="s">
        <v>1</v>
      </c>
      <c r="C54057" s="14" t="s">
        <v>35</v>
      </c>
      <c r="D54057" s="14" t="s">
        <v>107</v>
      </c>
      <c r="E54057" s="15">
        <v>45413</v>
      </c>
      <c r="F54057" s="14" t="s">
        <v>25</v>
      </c>
      <c r="G54057" s="16">
        <v>0</v>
      </c>
    </row>
    <row r="54058" spans="1:7" x14ac:dyDescent="0.3">
      <c r="A54058" s="13" t="s">
        <v>299</v>
      </c>
      <c r="B54058" s="14" t="s">
        <v>1</v>
      </c>
      <c r="C54058" s="14" t="s">
        <v>35</v>
      </c>
      <c r="D54058" s="14" t="s">
        <v>107</v>
      </c>
      <c r="E54058" s="15">
        <v>45414</v>
      </c>
      <c r="F54058" s="14" t="s">
        <v>25</v>
      </c>
      <c r="G54058" s="16">
        <v>0</v>
      </c>
    </row>
    <row r="54059" spans="1:7" x14ac:dyDescent="0.3">
      <c r="A54059" s="13" t="s">
        <v>299</v>
      </c>
      <c r="B54059" s="14" t="s">
        <v>1</v>
      </c>
      <c r="C54059" s="14" t="s">
        <v>35</v>
      </c>
      <c r="D54059" s="14" t="s">
        <v>107</v>
      </c>
      <c r="E54059" s="15">
        <v>45415</v>
      </c>
      <c r="F54059" s="14" t="s">
        <v>25</v>
      </c>
      <c r="G54059" s="16">
        <v>0</v>
      </c>
    </row>
    <row r="54060" spans="1:7" x14ac:dyDescent="0.3">
      <c r="A54060" s="13" t="s">
        <v>299</v>
      </c>
      <c r="B54060" s="14" t="s">
        <v>1</v>
      </c>
      <c r="C54060" s="14" t="s">
        <v>35</v>
      </c>
      <c r="D54060" s="14" t="s">
        <v>107</v>
      </c>
      <c r="E54060" s="15">
        <v>45416</v>
      </c>
      <c r="F54060" s="14" t="s">
        <v>25</v>
      </c>
      <c r="G54060" s="16">
        <v>0</v>
      </c>
    </row>
    <row r="54061" spans="1:7" x14ac:dyDescent="0.3">
      <c r="A54061" s="13" t="s">
        <v>299</v>
      </c>
      <c r="B54061" s="14" t="s">
        <v>1</v>
      </c>
      <c r="C54061" s="14" t="s">
        <v>35</v>
      </c>
      <c r="D54061" s="14" t="s">
        <v>107</v>
      </c>
      <c r="E54061" s="15">
        <v>45417</v>
      </c>
      <c r="F54061" s="14" t="s">
        <v>25</v>
      </c>
      <c r="G54061" s="16">
        <v>0</v>
      </c>
    </row>
    <row r="54062" spans="1:7" x14ac:dyDescent="0.3">
      <c r="A54062" s="13" t="s">
        <v>299</v>
      </c>
      <c r="B54062" s="14" t="s">
        <v>1</v>
      </c>
      <c r="C54062" s="14" t="s">
        <v>35</v>
      </c>
      <c r="D54062" s="14" t="s">
        <v>107</v>
      </c>
      <c r="E54062" s="15">
        <v>45418</v>
      </c>
      <c r="F54062" s="14" t="s">
        <v>25</v>
      </c>
      <c r="G54062" s="16">
        <v>0</v>
      </c>
    </row>
    <row r="54063" spans="1:7" x14ac:dyDescent="0.3">
      <c r="A54063" s="13" t="s">
        <v>299</v>
      </c>
      <c r="B54063" s="14" t="s">
        <v>1</v>
      </c>
      <c r="C54063" s="14" t="s">
        <v>35</v>
      </c>
      <c r="D54063" s="14" t="s">
        <v>107</v>
      </c>
      <c r="E54063" s="15">
        <v>45419</v>
      </c>
      <c r="F54063" s="14" t="s">
        <v>25</v>
      </c>
      <c r="G54063" s="16">
        <v>0</v>
      </c>
    </row>
    <row r="54064" spans="1:7" x14ac:dyDescent="0.3">
      <c r="A54064" s="13" t="s">
        <v>299</v>
      </c>
      <c r="B54064" s="14" t="s">
        <v>1</v>
      </c>
      <c r="C54064" s="14" t="s">
        <v>35</v>
      </c>
      <c r="D54064" s="14" t="s">
        <v>107</v>
      </c>
      <c r="E54064" s="15">
        <v>45420</v>
      </c>
      <c r="F54064" s="14" t="s">
        <v>25</v>
      </c>
      <c r="G54064" s="16">
        <v>0</v>
      </c>
    </row>
    <row r="54065" spans="1:7" x14ac:dyDescent="0.3">
      <c r="A54065" s="13" t="s">
        <v>299</v>
      </c>
      <c r="B54065" s="14" t="s">
        <v>1</v>
      </c>
      <c r="C54065" s="14" t="s">
        <v>35</v>
      </c>
      <c r="D54065" s="14" t="s">
        <v>107</v>
      </c>
      <c r="E54065" s="15">
        <v>45421</v>
      </c>
      <c r="F54065" s="14" t="s">
        <v>25</v>
      </c>
      <c r="G54065" s="16">
        <v>0</v>
      </c>
    </row>
    <row r="54066" spans="1:7" x14ac:dyDescent="0.3">
      <c r="A54066" s="13" t="s">
        <v>299</v>
      </c>
      <c r="B54066" s="14" t="s">
        <v>1</v>
      </c>
      <c r="C54066" s="14" t="s">
        <v>35</v>
      </c>
      <c r="D54066" s="14" t="s">
        <v>107</v>
      </c>
      <c r="E54066" s="15">
        <v>45422</v>
      </c>
      <c r="F54066" s="14" t="s">
        <v>25</v>
      </c>
      <c r="G54066" s="16">
        <v>0</v>
      </c>
    </row>
    <row r="54067" spans="1:7" x14ac:dyDescent="0.3">
      <c r="A54067" s="13" t="s">
        <v>299</v>
      </c>
      <c r="B54067" s="14" t="s">
        <v>1</v>
      </c>
      <c r="C54067" s="14" t="s">
        <v>35</v>
      </c>
      <c r="D54067" s="14" t="s">
        <v>107</v>
      </c>
      <c r="E54067" s="15">
        <v>45423</v>
      </c>
      <c r="F54067" s="14" t="s">
        <v>25</v>
      </c>
      <c r="G54067" s="16">
        <v>0</v>
      </c>
    </row>
    <row r="54068" spans="1:7" x14ac:dyDescent="0.3">
      <c r="A54068" s="13" t="s">
        <v>299</v>
      </c>
      <c r="B54068" s="14" t="s">
        <v>1</v>
      </c>
      <c r="C54068" s="14" t="s">
        <v>35</v>
      </c>
      <c r="D54068" s="14" t="s">
        <v>107</v>
      </c>
      <c r="E54068" s="15">
        <v>45424</v>
      </c>
      <c r="F54068" s="14" t="s">
        <v>25</v>
      </c>
      <c r="G54068" s="16">
        <v>0</v>
      </c>
    </row>
    <row r="54069" spans="1:7" x14ac:dyDescent="0.3">
      <c r="A54069" s="13" t="s">
        <v>299</v>
      </c>
      <c r="B54069" s="14" t="s">
        <v>1</v>
      </c>
      <c r="C54069" s="14" t="s">
        <v>35</v>
      </c>
      <c r="D54069" s="14" t="s">
        <v>107</v>
      </c>
      <c r="E54069" s="15">
        <v>45425</v>
      </c>
      <c r="F54069" s="14" t="s">
        <v>25</v>
      </c>
      <c r="G54069" s="16">
        <v>0</v>
      </c>
    </row>
    <row r="54070" spans="1:7" x14ac:dyDescent="0.3">
      <c r="A54070" s="13" t="s">
        <v>299</v>
      </c>
      <c r="B54070" s="14" t="s">
        <v>1</v>
      </c>
      <c r="C54070" s="14" t="s">
        <v>35</v>
      </c>
      <c r="D54070" s="14" t="s">
        <v>107</v>
      </c>
      <c r="E54070" s="15">
        <v>45426</v>
      </c>
      <c r="F54070" s="14" t="s">
        <v>25</v>
      </c>
      <c r="G54070" s="16">
        <v>0</v>
      </c>
    </row>
    <row r="54071" spans="1:7" x14ac:dyDescent="0.3">
      <c r="A54071" s="13" t="s">
        <v>299</v>
      </c>
      <c r="B54071" s="14" t="s">
        <v>1</v>
      </c>
      <c r="C54071" s="14" t="s">
        <v>35</v>
      </c>
      <c r="D54071" s="14" t="s">
        <v>107</v>
      </c>
      <c r="E54071" s="15">
        <v>45427</v>
      </c>
      <c r="F54071" s="14" t="s">
        <v>25</v>
      </c>
      <c r="G54071" s="16">
        <v>0</v>
      </c>
    </row>
    <row r="54072" spans="1:7" x14ac:dyDescent="0.3">
      <c r="A54072" s="13" t="s">
        <v>299</v>
      </c>
      <c r="B54072" s="14" t="s">
        <v>1</v>
      </c>
      <c r="C54072" s="14" t="s">
        <v>35</v>
      </c>
      <c r="D54072" s="14" t="s">
        <v>107</v>
      </c>
      <c r="E54072" s="15">
        <v>45428</v>
      </c>
      <c r="F54072" s="14" t="s">
        <v>25</v>
      </c>
      <c r="G54072" s="16">
        <v>0</v>
      </c>
    </row>
    <row r="54073" spans="1:7" x14ac:dyDescent="0.3">
      <c r="A54073" s="13" t="s">
        <v>299</v>
      </c>
      <c r="B54073" s="14" t="s">
        <v>1</v>
      </c>
      <c r="C54073" s="14" t="s">
        <v>35</v>
      </c>
      <c r="D54073" s="14" t="s">
        <v>107</v>
      </c>
      <c r="E54073" s="15">
        <v>45429</v>
      </c>
      <c r="F54073" s="14" t="s">
        <v>25</v>
      </c>
      <c r="G54073" s="16">
        <v>0</v>
      </c>
    </row>
    <row r="54074" spans="1:7" x14ac:dyDescent="0.3">
      <c r="A54074" s="13" t="s">
        <v>299</v>
      </c>
      <c r="B54074" s="14" t="s">
        <v>1</v>
      </c>
      <c r="C54074" s="14" t="s">
        <v>35</v>
      </c>
      <c r="D54074" s="14" t="s">
        <v>107</v>
      </c>
      <c r="E54074" s="15">
        <v>45430</v>
      </c>
      <c r="F54074" s="14" t="s">
        <v>25</v>
      </c>
      <c r="G54074" s="16">
        <v>0</v>
      </c>
    </row>
    <row r="54075" spans="1:7" x14ac:dyDescent="0.3">
      <c r="A54075" s="13" t="s">
        <v>299</v>
      </c>
      <c r="B54075" s="14" t="s">
        <v>1</v>
      </c>
      <c r="C54075" s="14" t="s">
        <v>35</v>
      </c>
      <c r="D54075" s="14" t="s">
        <v>107</v>
      </c>
      <c r="E54075" s="15">
        <v>45431</v>
      </c>
      <c r="F54075" s="14" t="s">
        <v>25</v>
      </c>
      <c r="G54075" s="16">
        <v>0</v>
      </c>
    </row>
    <row r="54076" spans="1:7" x14ac:dyDescent="0.3">
      <c r="A54076" s="13" t="s">
        <v>299</v>
      </c>
      <c r="B54076" s="14" t="s">
        <v>1</v>
      </c>
      <c r="C54076" s="14" t="s">
        <v>35</v>
      </c>
      <c r="D54076" s="14" t="s">
        <v>107</v>
      </c>
      <c r="E54076" s="15">
        <v>45432</v>
      </c>
      <c r="F54076" s="14" t="s">
        <v>25</v>
      </c>
      <c r="G54076" s="16">
        <v>0</v>
      </c>
    </row>
    <row r="54077" spans="1:7" x14ac:dyDescent="0.3">
      <c r="A54077" s="13" t="s">
        <v>299</v>
      </c>
      <c r="B54077" s="14" t="s">
        <v>1</v>
      </c>
      <c r="C54077" s="14" t="s">
        <v>35</v>
      </c>
      <c r="D54077" s="14" t="s">
        <v>107</v>
      </c>
      <c r="E54077" s="15">
        <v>45433</v>
      </c>
      <c r="F54077" s="14" t="s">
        <v>25</v>
      </c>
      <c r="G54077" s="16">
        <v>0</v>
      </c>
    </row>
    <row r="54078" spans="1:7" x14ac:dyDescent="0.3">
      <c r="A54078" s="13" t="s">
        <v>299</v>
      </c>
      <c r="B54078" s="14" t="s">
        <v>1</v>
      </c>
      <c r="C54078" s="14" t="s">
        <v>35</v>
      </c>
      <c r="D54078" s="14" t="s">
        <v>107</v>
      </c>
      <c r="E54078" s="15">
        <v>45434</v>
      </c>
      <c r="F54078" s="14" t="s">
        <v>25</v>
      </c>
      <c r="G54078" s="16">
        <v>0</v>
      </c>
    </row>
    <row r="54079" spans="1:7" x14ac:dyDescent="0.3">
      <c r="A54079" s="13" t="s">
        <v>299</v>
      </c>
      <c r="B54079" s="14" t="s">
        <v>1</v>
      </c>
      <c r="C54079" s="14" t="s">
        <v>35</v>
      </c>
      <c r="D54079" s="14" t="s">
        <v>107</v>
      </c>
      <c r="E54079" s="15">
        <v>45435</v>
      </c>
      <c r="F54079" s="14" t="s">
        <v>25</v>
      </c>
      <c r="G54079" s="16">
        <v>0</v>
      </c>
    </row>
    <row r="54080" spans="1:7" x14ac:dyDescent="0.3">
      <c r="A54080" s="13" t="s">
        <v>299</v>
      </c>
      <c r="B54080" s="14" t="s">
        <v>1</v>
      </c>
      <c r="C54080" s="14" t="s">
        <v>35</v>
      </c>
      <c r="D54080" s="14" t="s">
        <v>107</v>
      </c>
      <c r="E54080" s="15">
        <v>45436</v>
      </c>
      <c r="F54080" s="14" t="s">
        <v>25</v>
      </c>
      <c r="G54080" s="16">
        <v>0</v>
      </c>
    </row>
    <row r="54081" spans="1:7" x14ac:dyDescent="0.3">
      <c r="A54081" s="13" t="s">
        <v>299</v>
      </c>
      <c r="B54081" s="14" t="s">
        <v>1</v>
      </c>
      <c r="C54081" s="14" t="s">
        <v>35</v>
      </c>
      <c r="D54081" s="14" t="s">
        <v>107</v>
      </c>
      <c r="E54081" s="15">
        <v>45437</v>
      </c>
      <c r="F54081" s="14" t="s">
        <v>25</v>
      </c>
      <c r="G54081" s="16">
        <v>0</v>
      </c>
    </row>
    <row r="54082" spans="1:7" x14ac:dyDescent="0.3">
      <c r="A54082" s="13" t="s">
        <v>299</v>
      </c>
      <c r="B54082" s="14" t="s">
        <v>1</v>
      </c>
      <c r="C54082" s="14" t="s">
        <v>35</v>
      </c>
      <c r="D54082" s="14" t="s">
        <v>107</v>
      </c>
      <c r="E54082" s="15">
        <v>45438</v>
      </c>
      <c r="F54082" s="14" t="s">
        <v>25</v>
      </c>
      <c r="G54082" s="16">
        <v>0</v>
      </c>
    </row>
    <row r="54083" spans="1:7" x14ac:dyDescent="0.3">
      <c r="A54083" s="13" t="s">
        <v>299</v>
      </c>
      <c r="B54083" s="14" t="s">
        <v>1</v>
      </c>
      <c r="C54083" s="14" t="s">
        <v>35</v>
      </c>
      <c r="D54083" s="14" t="s">
        <v>107</v>
      </c>
      <c r="E54083" s="15">
        <v>45439</v>
      </c>
      <c r="F54083" s="14" t="s">
        <v>25</v>
      </c>
      <c r="G54083" s="16">
        <v>0</v>
      </c>
    </row>
    <row r="54084" spans="1:7" x14ac:dyDescent="0.3">
      <c r="A54084" s="13" t="s">
        <v>299</v>
      </c>
      <c r="B54084" s="14" t="s">
        <v>1</v>
      </c>
      <c r="C54084" s="14" t="s">
        <v>35</v>
      </c>
      <c r="D54084" s="14" t="s">
        <v>107</v>
      </c>
      <c r="E54084" s="15">
        <v>45440</v>
      </c>
      <c r="F54084" s="14" t="s">
        <v>25</v>
      </c>
      <c r="G54084" s="16">
        <v>0</v>
      </c>
    </row>
    <row r="54085" spans="1:7" x14ac:dyDescent="0.3">
      <c r="A54085" s="13" t="s">
        <v>299</v>
      </c>
      <c r="B54085" s="14" t="s">
        <v>1</v>
      </c>
      <c r="C54085" s="14" t="s">
        <v>35</v>
      </c>
      <c r="D54085" s="14" t="s">
        <v>107</v>
      </c>
      <c r="E54085" s="15">
        <v>45441</v>
      </c>
      <c r="F54085" s="14" t="s">
        <v>25</v>
      </c>
      <c r="G54085" s="16">
        <v>0</v>
      </c>
    </row>
    <row r="54086" spans="1:7" x14ac:dyDescent="0.3">
      <c r="A54086" s="13" t="s">
        <v>299</v>
      </c>
      <c r="B54086" s="14" t="s">
        <v>1</v>
      </c>
      <c r="C54086" s="14" t="s">
        <v>35</v>
      </c>
      <c r="D54086" s="14" t="s">
        <v>107</v>
      </c>
      <c r="E54086" s="15">
        <v>45442</v>
      </c>
      <c r="F54086" s="14" t="s">
        <v>25</v>
      </c>
      <c r="G54086" s="16">
        <v>0</v>
      </c>
    </row>
    <row r="54087" spans="1:7" x14ac:dyDescent="0.3">
      <c r="A54087" s="13" t="s">
        <v>299</v>
      </c>
      <c r="B54087" s="14" t="s">
        <v>1</v>
      </c>
      <c r="C54087" s="14" t="s">
        <v>35</v>
      </c>
      <c r="D54087" s="14" t="s">
        <v>107</v>
      </c>
      <c r="E54087" s="15">
        <v>45443</v>
      </c>
      <c r="F54087" s="14" t="s">
        <v>25</v>
      </c>
      <c r="G54087" s="16">
        <v>0</v>
      </c>
    </row>
    <row r="54088" spans="1:7" x14ac:dyDescent="0.3">
      <c r="A54088" s="13" t="s">
        <v>299</v>
      </c>
      <c r="B54088" s="14" t="s">
        <v>1</v>
      </c>
      <c r="C54088" s="14" t="s">
        <v>35</v>
      </c>
      <c r="D54088" s="14" t="s">
        <v>107</v>
      </c>
      <c r="E54088" s="15">
        <v>45444</v>
      </c>
      <c r="F54088" s="14" t="s">
        <v>25</v>
      </c>
      <c r="G54088" s="16">
        <v>0</v>
      </c>
    </row>
    <row r="54089" spans="1:7" x14ac:dyDescent="0.3">
      <c r="A54089" s="13" t="s">
        <v>299</v>
      </c>
      <c r="B54089" s="14" t="s">
        <v>1</v>
      </c>
      <c r="C54089" s="14" t="s">
        <v>35</v>
      </c>
      <c r="D54089" s="14" t="s">
        <v>107</v>
      </c>
      <c r="E54089" s="15">
        <v>45445</v>
      </c>
      <c r="F54089" s="14" t="s">
        <v>25</v>
      </c>
      <c r="G54089" s="16">
        <v>0</v>
      </c>
    </row>
    <row r="54090" spans="1:7" x14ac:dyDescent="0.3">
      <c r="A54090" s="13" t="s">
        <v>299</v>
      </c>
      <c r="B54090" s="14" t="s">
        <v>1</v>
      </c>
      <c r="C54090" s="14" t="s">
        <v>35</v>
      </c>
      <c r="D54090" s="14" t="s">
        <v>107</v>
      </c>
      <c r="E54090" s="15">
        <v>45446</v>
      </c>
      <c r="F54090" s="14" t="s">
        <v>25</v>
      </c>
      <c r="G54090" s="16">
        <v>0</v>
      </c>
    </row>
    <row r="54091" spans="1:7" x14ac:dyDescent="0.3">
      <c r="A54091" s="13" t="s">
        <v>299</v>
      </c>
      <c r="B54091" s="14" t="s">
        <v>1</v>
      </c>
      <c r="C54091" s="14" t="s">
        <v>35</v>
      </c>
      <c r="D54091" s="14" t="s">
        <v>107</v>
      </c>
      <c r="E54091" s="15">
        <v>45447</v>
      </c>
      <c r="F54091" s="14" t="s">
        <v>25</v>
      </c>
      <c r="G54091" s="16">
        <v>0</v>
      </c>
    </row>
    <row r="54092" spans="1:7" x14ac:dyDescent="0.3">
      <c r="A54092" s="13" t="s">
        <v>299</v>
      </c>
      <c r="B54092" s="14" t="s">
        <v>1</v>
      </c>
      <c r="C54092" s="14" t="s">
        <v>35</v>
      </c>
      <c r="D54092" s="14" t="s">
        <v>107</v>
      </c>
      <c r="E54092" s="15">
        <v>45448</v>
      </c>
      <c r="F54092" s="14" t="s">
        <v>25</v>
      </c>
      <c r="G54092" s="16">
        <v>0</v>
      </c>
    </row>
    <row r="54093" spans="1:7" x14ac:dyDescent="0.3">
      <c r="A54093" s="13" t="s">
        <v>299</v>
      </c>
      <c r="B54093" s="14" t="s">
        <v>1</v>
      </c>
      <c r="C54093" s="14" t="s">
        <v>35</v>
      </c>
      <c r="D54093" s="14" t="s">
        <v>107</v>
      </c>
      <c r="E54093" s="15">
        <v>45449</v>
      </c>
      <c r="F54093" s="14" t="s">
        <v>25</v>
      </c>
      <c r="G54093" s="16">
        <v>0</v>
      </c>
    </row>
    <row r="54094" spans="1:7" x14ac:dyDescent="0.3">
      <c r="A54094" s="13" t="s">
        <v>299</v>
      </c>
      <c r="B54094" s="14" t="s">
        <v>1</v>
      </c>
      <c r="C54094" s="14" t="s">
        <v>35</v>
      </c>
      <c r="D54094" s="14" t="s">
        <v>107</v>
      </c>
      <c r="E54094" s="15">
        <v>45450</v>
      </c>
      <c r="F54094" s="14" t="s">
        <v>25</v>
      </c>
      <c r="G54094" s="16">
        <v>0</v>
      </c>
    </row>
    <row r="54095" spans="1:7" x14ac:dyDescent="0.3">
      <c r="A54095" s="13" t="s">
        <v>299</v>
      </c>
      <c r="B54095" s="14" t="s">
        <v>1</v>
      </c>
      <c r="C54095" s="14" t="s">
        <v>35</v>
      </c>
      <c r="D54095" s="14" t="s">
        <v>107</v>
      </c>
      <c r="E54095" s="15">
        <v>45451</v>
      </c>
      <c r="F54095" s="14" t="s">
        <v>25</v>
      </c>
      <c r="G54095" s="16">
        <v>0</v>
      </c>
    </row>
    <row r="54096" spans="1:7" x14ac:dyDescent="0.3">
      <c r="A54096" s="13" t="s">
        <v>299</v>
      </c>
      <c r="B54096" s="14" t="s">
        <v>1</v>
      </c>
      <c r="C54096" s="14" t="s">
        <v>35</v>
      </c>
      <c r="D54096" s="14" t="s">
        <v>107</v>
      </c>
      <c r="E54096" s="15">
        <v>45452</v>
      </c>
      <c r="F54096" s="14" t="s">
        <v>25</v>
      </c>
      <c r="G54096" s="16">
        <v>0</v>
      </c>
    </row>
    <row r="54097" spans="1:7" x14ac:dyDescent="0.3">
      <c r="A54097" s="13" t="s">
        <v>299</v>
      </c>
      <c r="B54097" s="14" t="s">
        <v>1</v>
      </c>
      <c r="C54097" s="14" t="s">
        <v>35</v>
      </c>
      <c r="D54097" s="14" t="s">
        <v>107</v>
      </c>
      <c r="E54097" s="15">
        <v>45453</v>
      </c>
      <c r="F54097" s="14" t="s">
        <v>25</v>
      </c>
      <c r="G54097" s="16">
        <v>0</v>
      </c>
    </row>
    <row r="54098" spans="1:7" x14ac:dyDescent="0.3">
      <c r="A54098" s="13" t="s">
        <v>299</v>
      </c>
      <c r="B54098" s="14" t="s">
        <v>1</v>
      </c>
      <c r="C54098" s="14" t="s">
        <v>35</v>
      </c>
      <c r="D54098" s="14" t="s">
        <v>107</v>
      </c>
      <c r="E54098" s="15">
        <v>45454</v>
      </c>
      <c r="F54098" s="14" t="s">
        <v>25</v>
      </c>
      <c r="G54098" s="16">
        <v>0</v>
      </c>
    </row>
    <row r="54099" spans="1:7" x14ac:dyDescent="0.3">
      <c r="A54099" s="13" t="s">
        <v>299</v>
      </c>
      <c r="B54099" s="14" t="s">
        <v>1</v>
      </c>
      <c r="C54099" s="14" t="s">
        <v>35</v>
      </c>
      <c r="D54099" s="14" t="s">
        <v>107</v>
      </c>
      <c r="E54099" s="15">
        <v>45455</v>
      </c>
      <c r="F54099" s="14" t="s">
        <v>25</v>
      </c>
      <c r="G54099" s="16">
        <v>0</v>
      </c>
    </row>
    <row r="54100" spans="1:7" x14ac:dyDescent="0.3">
      <c r="A54100" s="13" t="s">
        <v>299</v>
      </c>
      <c r="B54100" s="14" t="s">
        <v>1</v>
      </c>
      <c r="C54100" s="14" t="s">
        <v>35</v>
      </c>
      <c r="D54100" s="14" t="s">
        <v>107</v>
      </c>
      <c r="E54100" s="15">
        <v>45456</v>
      </c>
      <c r="F54100" s="14" t="s">
        <v>25</v>
      </c>
      <c r="G54100" s="16">
        <v>0</v>
      </c>
    </row>
    <row r="54101" spans="1:7" x14ac:dyDescent="0.3">
      <c r="A54101" s="13" t="s">
        <v>299</v>
      </c>
      <c r="B54101" s="14" t="s">
        <v>1</v>
      </c>
      <c r="C54101" s="14" t="s">
        <v>35</v>
      </c>
      <c r="D54101" s="14" t="s">
        <v>107</v>
      </c>
      <c r="E54101" s="15">
        <v>45457</v>
      </c>
      <c r="F54101" s="14" t="s">
        <v>25</v>
      </c>
      <c r="G54101" s="16">
        <v>2.3673233215842016E-2</v>
      </c>
    </row>
    <row r="54102" spans="1:7" x14ac:dyDescent="0.3">
      <c r="A54102" s="13" t="s">
        <v>299</v>
      </c>
      <c r="B54102" s="14" t="s">
        <v>1</v>
      </c>
      <c r="C54102" s="14" t="s">
        <v>35</v>
      </c>
      <c r="D54102" s="14" t="s">
        <v>107</v>
      </c>
      <c r="E54102" s="15">
        <v>45458</v>
      </c>
      <c r="F54102" s="14" t="s">
        <v>25</v>
      </c>
      <c r="G54102" s="16">
        <v>2.3673233215842016E-2</v>
      </c>
    </row>
    <row r="54103" spans="1:7" x14ac:dyDescent="0.3">
      <c r="A54103" s="13" t="s">
        <v>299</v>
      </c>
      <c r="B54103" s="14" t="s">
        <v>1</v>
      </c>
      <c r="C54103" s="14" t="s">
        <v>35</v>
      </c>
      <c r="D54103" s="14" t="s">
        <v>107</v>
      </c>
      <c r="E54103" s="15">
        <v>45459</v>
      </c>
      <c r="F54103" s="14" t="s">
        <v>25</v>
      </c>
      <c r="G54103" s="16">
        <v>2.3673233215842016E-2</v>
      </c>
    </row>
    <row r="54104" spans="1:7" x14ac:dyDescent="0.3">
      <c r="A54104" s="13" t="s">
        <v>299</v>
      </c>
      <c r="B54104" s="14" t="s">
        <v>1</v>
      </c>
      <c r="C54104" s="14" t="s">
        <v>35</v>
      </c>
      <c r="D54104" s="14" t="s">
        <v>107</v>
      </c>
      <c r="E54104" s="15">
        <v>45460</v>
      </c>
      <c r="F54104" s="14" t="s">
        <v>25</v>
      </c>
      <c r="G54104" s="16">
        <v>2.1989717713306361E-2</v>
      </c>
    </row>
    <row r="54105" spans="1:7" x14ac:dyDescent="0.3">
      <c r="A54105" s="13" t="s">
        <v>299</v>
      </c>
      <c r="B54105" s="14" t="s">
        <v>1</v>
      </c>
      <c r="C54105" s="14" t="s">
        <v>35</v>
      </c>
      <c r="D54105" s="14" t="s">
        <v>107</v>
      </c>
      <c r="E54105" s="15">
        <v>45461</v>
      </c>
      <c r="F54105" s="14" t="s">
        <v>25</v>
      </c>
      <c r="G54105" s="16">
        <v>1.63009112054797E-2</v>
      </c>
    </row>
    <row r="54106" spans="1:7" x14ac:dyDescent="0.3">
      <c r="A54106" s="13" t="s">
        <v>299</v>
      </c>
      <c r="B54106" s="14" t="s">
        <v>1</v>
      </c>
      <c r="C54106" s="14" t="s">
        <v>35</v>
      </c>
      <c r="D54106" s="14" t="s">
        <v>107</v>
      </c>
      <c r="E54106" s="15">
        <v>45462</v>
      </c>
      <c r="F54106" s="14" t="s">
        <v>25</v>
      </c>
      <c r="G54106" s="16">
        <v>1.4637971834631291E-2</v>
      </c>
    </row>
    <row r="54107" spans="1:7" x14ac:dyDescent="0.3">
      <c r="A54107" s="13" t="s">
        <v>299</v>
      </c>
      <c r="B54107" s="14" t="s">
        <v>1</v>
      </c>
      <c r="C54107" s="14" t="s">
        <v>35</v>
      </c>
      <c r="D54107" s="14" t="s">
        <v>107</v>
      </c>
      <c r="E54107" s="15">
        <v>45463</v>
      </c>
      <c r="F54107" s="14" t="s">
        <v>25</v>
      </c>
      <c r="G54107" s="16">
        <v>1.2971136742812145E-2</v>
      </c>
    </row>
    <row r="54108" spans="1:7" x14ac:dyDescent="0.3">
      <c r="A54108" s="13" t="s">
        <v>299</v>
      </c>
      <c r="B54108" s="14" t="s">
        <v>1</v>
      </c>
      <c r="C54108" s="14" t="s">
        <v>35</v>
      </c>
      <c r="D54108" s="14" t="s">
        <v>107</v>
      </c>
      <c r="E54108" s="15">
        <v>45464</v>
      </c>
      <c r="F54108" s="14" t="s">
        <v>25</v>
      </c>
      <c r="G54108" s="16">
        <v>1.1303992818380277E-2</v>
      </c>
    </row>
    <row r="54109" spans="1:7" x14ac:dyDescent="0.3">
      <c r="A54109" s="13" t="s">
        <v>299</v>
      </c>
      <c r="B54109" s="14" t="s">
        <v>1</v>
      </c>
      <c r="C54109" s="14" t="s">
        <v>35</v>
      </c>
      <c r="D54109" s="14" t="s">
        <v>107</v>
      </c>
      <c r="E54109" s="15">
        <v>45465</v>
      </c>
      <c r="F54109" s="14" t="s">
        <v>25</v>
      </c>
      <c r="G54109" s="16">
        <v>1.1303992818380277E-2</v>
      </c>
    </row>
    <row r="54110" spans="1:7" x14ac:dyDescent="0.3">
      <c r="A54110" s="13" t="s">
        <v>299</v>
      </c>
      <c r="B54110" s="14" t="s">
        <v>1</v>
      </c>
      <c r="C54110" s="14" t="s">
        <v>35</v>
      </c>
      <c r="D54110" s="14" t="s">
        <v>107</v>
      </c>
      <c r="E54110" s="15">
        <v>45466</v>
      </c>
      <c r="F54110" s="14" t="s">
        <v>25</v>
      </c>
      <c r="G54110" s="16">
        <v>1.1303992818380277E-2</v>
      </c>
    </row>
    <row r="54111" spans="1:7" x14ac:dyDescent="0.3">
      <c r="A54111" s="13" t="s">
        <v>299</v>
      </c>
      <c r="B54111" s="14" t="s">
        <v>1</v>
      </c>
      <c r="C54111" s="14" t="s">
        <v>35</v>
      </c>
      <c r="D54111" s="14" t="s">
        <v>107</v>
      </c>
      <c r="E54111" s="15">
        <v>45467</v>
      </c>
      <c r="F54111" s="14" t="s">
        <v>25</v>
      </c>
      <c r="G54111" s="16">
        <v>9.6238779242140051E-3</v>
      </c>
    </row>
    <row r="54112" spans="1:7" x14ac:dyDescent="0.3">
      <c r="A54112" s="13" t="s">
        <v>299</v>
      </c>
      <c r="B54112" s="14" t="s">
        <v>1</v>
      </c>
      <c r="C54112" s="14" t="s">
        <v>35</v>
      </c>
      <c r="D54112" s="14" t="s">
        <v>107</v>
      </c>
      <c r="E54112" s="15">
        <v>45468</v>
      </c>
      <c r="F54112" s="14" t="s">
        <v>25</v>
      </c>
      <c r="G54112" s="16">
        <v>3.9632194846493376E-3</v>
      </c>
    </row>
    <row r="54113" spans="1:7" x14ac:dyDescent="0.3">
      <c r="A54113" s="13" t="s">
        <v>299</v>
      </c>
      <c r="B54113" s="14" t="s">
        <v>1</v>
      </c>
      <c r="C54113" s="14" t="s">
        <v>35</v>
      </c>
      <c r="D54113" s="14" t="s">
        <v>107</v>
      </c>
      <c r="E54113" s="15">
        <v>45469</v>
      </c>
      <c r="F54113" s="14" t="s">
        <v>25</v>
      </c>
      <c r="G54113" s="16">
        <v>2.283722255708514E-3</v>
      </c>
    </row>
    <row r="54114" spans="1:7" x14ac:dyDescent="0.3">
      <c r="A54114" s="13" t="s">
        <v>299</v>
      </c>
      <c r="B54114" s="14" t="s">
        <v>1</v>
      </c>
      <c r="C54114" s="14" t="s">
        <v>35</v>
      </c>
      <c r="D54114" s="14" t="s">
        <v>107</v>
      </c>
      <c r="E54114" s="15">
        <v>45470</v>
      </c>
      <c r="F54114" s="14" t="s">
        <v>25</v>
      </c>
      <c r="G54114" s="16">
        <v>6.1750482911481711E-4</v>
      </c>
    </row>
    <row r="54115" spans="1:7" x14ac:dyDescent="0.3">
      <c r="A54115" s="13" t="s">
        <v>299</v>
      </c>
      <c r="B54115" s="14" t="s">
        <v>1</v>
      </c>
      <c r="C54115" s="14" t="s">
        <v>35</v>
      </c>
      <c r="D54115" s="14" t="s">
        <v>107</v>
      </c>
      <c r="E54115" s="15">
        <v>45471</v>
      </c>
      <c r="F54115" s="14" t="s">
        <v>25</v>
      </c>
      <c r="G54115" s="16">
        <v>0</v>
      </c>
    </row>
    <row r="54116" spans="1:7" x14ac:dyDescent="0.3">
      <c r="A54116" s="13" t="s">
        <v>299</v>
      </c>
      <c r="B54116" s="14" t="s">
        <v>1</v>
      </c>
      <c r="C54116" s="14" t="s">
        <v>35</v>
      </c>
      <c r="D54116" s="14" t="s">
        <v>107</v>
      </c>
      <c r="E54116" s="15">
        <v>45472</v>
      </c>
      <c r="F54116" s="14" t="s">
        <v>25</v>
      </c>
      <c r="G54116" s="16">
        <v>0</v>
      </c>
    </row>
    <row r="54117" spans="1:7" x14ac:dyDescent="0.3">
      <c r="A54117" s="13" t="s">
        <v>299</v>
      </c>
      <c r="B54117" s="14" t="s">
        <v>1</v>
      </c>
      <c r="C54117" s="14" t="s">
        <v>35</v>
      </c>
      <c r="D54117" s="14" t="s">
        <v>107</v>
      </c>
      <c r="E54117" s="15">
        <v>45473</v>
      </c>
      <c r="F54117" s="14" t="s">
        <v>25</v>
      </c>
      <c r="G54117" s="16">
        <v>0</v>
      </c>
    </row>
    <row r="54118" spans="1:7" x14ac:dyDescent="0.3">
      <c r="A54118" s="13" t="s">
        <v>299</v>
      </c>
      <c r="B54118" s="14" t="s">
        <v>1</v>
      </c>
      <c r="C54118" s="14" t="s">
        <v>35</v>
      </c>
      <c r="D54118" s="14" t="s">
        <v>107</v>
      </c>
      <c r="E54118" s="15">
        <v>45474</v>
      </c>
      <c r="F54118" s="14" t="s">
        <v>25</v>
      </c>
      <c r="G54118" s="16">
        <v>0</v>
      </c>
    </row>
    <row r="54119" spans="1:7" x14ac:dyDescent="0.3">
      <c r="A54119" s="13" t="s">
        <v>299</v>
      </c>
      <c r="B54119" s="14" t="s">
        <v>1</v>
      </c>
      <c r="C54119" s="14" t="s">
        <v>35</v>
      </c>
      <c r="D54119" s="14" t="s">
        <v>107</v>
      </c>
      <c r="E54119" s="15">
        <v>45475</v>
      </c>
      <c r="F54119" s="14" t="s">
        <v>25</v>
      </c>
      <c r="G54119" s="16">
        <v>0</v>
      </c>
    </row>
    <row r="54120" spans="1:7" x14ac:dyDescent="0.3">
      <c r="A54120" s="13" t="s">
        <v>299</v>
      </c>
      <c r="B54120" s="14" t="s">
        <v>1</v>
      </c>
      <c r="C54120" s="14" t="s">
        <v>35</v>
      </c>
      <c r="D54120" s="14" t="s">
        <v>107</v>
      </c>
      <c r="E54120" s="15">
        <v>45476</v>
      </c>
      <c r="F54120" s="14" t="s">
        <v>25</v>
      </c>
      <c r="G54120" s="16">
        <v>0</v>
      </c>
    </row>
    <row r="54121" spans="1:7" x14ac:dyDescent="0.3">
      <c r="A54121" s="13" t="s">
        <v>299</v>
      </c>
      <c r="B54121" s="14" t="s">
        <v>1</v>
      </c>
      <c r="C54121" s="14" t="s">
        <v>35</v>
      </c>
      <c r="D54121" s="14" t="s">
        <v>107</v>
      </c>
      <c r="E54121" s="15">
        <v>45477</v>
      </c>
      <c r="F54121" s="14" t="s">
        <v>25</v>
      </c>
      <c r="G54121" s="16">
        <v>0</v>
      </c>
    </row>
    <row r="54122" spans="1:7" x14ac:dyDescent="0.3">
      <c r="A54122" s="13" t="s">
        <v>299</v>
      </c>
      <c r="B54122" s="14" t="s">
        <v>1</v>
      </c>
      <c r="C54122" s="14" t="s">
        <v>35</v>
      </c>
      <c r="D54122" s="14" t="s">
        <v>107</v>
      </c>
      <c r="E54122" s="15">
        <v>45478</v>
      </c>
      <c r="F54122" s="14" t="s">
        <v>25</v>
      </c>
      <c r="G54122" s="16">
        <v>0</v>
      </c>
    </row>
    <row r="54123" spans="1:7" x14ac:dyDescent="0.3">
      <c r="A54123" s="13" t="s">
        <v>299</v>
      </c>
      <c r="B54123" s="14" t="s">
        <v>1</v>
      </c>
      <c r="C54123" s="14" t="s">
        <v>35</v>
      </c>
      <c r="D54123" s="14" t="s">
        <v>107</v>
      </c>
      <c r="E54123" s="15">
        <v>45479</v>
      </c>
      <c r="F54123" s="14" t="s">
        <v>25</v>
      </c>
      <c r="G54123" s="16">
        <v>0</v>
      </c>
    </row>
    <row r="54124" spans="1:7" x14ac:dyDescent="0.3">
      <c r="A54124" s="13" t="s">
        <v>299</v>
      </c>
      <c r="B54124" s="14" t="s">
        <v>1</v>
      </c>
      <c r="C54124" s="14" t="s">
        <v>35</v>
      </c>
      <c r="D54124" s="14" t="s">
        <v>107</v>
      </c>
      <c r="E54124" s="15">
        <v>45480</v>
      </c>
      <c r="F54124" s="14" t="s">
        <v>25</v>
      </c>
      <c r="G54124" s="16">
        <v>0</v>
      </c>
    </row>
    <row r="54125" spans="1:7" x14ac:dyDescent="0.3">
      <c r="A54125" s="13" t="s">
        <v>299</v>
      </c>
      <c r="B54125" s="14" t="s">
        <v>1</v>
      </c>
      <c r="C54125" s="14" t="s">
        <v>35</v>
      </c>
      <c r="D54125" s="14" t="s">
        <v>107</v>
      </c>
      <c r="E54125" s="15">
        <v>45481</v>
      </c>
      <c r="F54125" s="14" t="s">
        <v>25</v>
      </c>
      <c r="G54125" s="16">
        <v>0</v>
      </c>
    </row>
    <row r="54126" spans="1:7" x14ac:dyDescent="0.3">
      <c r="A54126" s="13" t="s">
        <v>299</v>
      </c>
      <c r="B54126" s="14" t="s">
        <v>1</v>
      </c>
      <c r="C54126" s="14" t="s">
        <v>35</v>
      </c>
      <c r="D54126" s="14" t="s">
        <v>107</v>
      </c>
      <c r="E54126" s="15">
        <v>45482</v>
      </c>
      <c r="F54126" s="14" t="s">
        <v>25</v>
      </c>
      <c r="G54126" s="16">
        <v>0</v>
      </c>
    </row>
    <row r="54127" spans="1:7" x14ac:dyDescent="0.3">
      <c r="A54127" s="13" t="s">
        <v>299</v>
      </c>
      <c r="B54127" s="14" t="s">
        <v>1</v>
      </c>
      <c r="C54127" s="14" t="s">
        <v>35</v>
      </c>
      <c r="D54127" s="14" t="s">
        <v>107</v>
      </c>
      <c r="E54127" s="15">
        <v>45483</v>
      </c>
      <c r="F54127" s="14" t="s">
        <v>25</v>
      </c>
      <c r="G54127" s="16">
        <v>0</v>
      </c>
    </row>
    <row r="54128" spans="1:7" x14ac:dyDescent="0.3">
      <c r="A54128" s="13" t="s">
        <v>299</v>
      </c>
      <c r="B54128" s="14" t="s">
        <v>1</v>
      </c>
      <c r="C54128" s="14" t="s">
        <v>35</v>
      </c>
      <c r="D54128" s="14" t="s">
        <v>107</v>
      </c>
      <c r="E54128" s="15">
        <v>45484</v>
      </c>
      <c r="F54128" s="14" t="s">
        <v>25</v>
      </c>
      <c r="G54128" s="16">
        <v>0</v>
      </c>
    </row>
    <row r="54129" spans="1:7" x14ac:dyDescent="0.3">
      <c r="A54129" s="13" t="s">
        <v>299</v>
      </c>
      <c r="B54129" s="14" t="s">
        <v>1</v>
      </c>
      <c r="C54129" s="14" t="s">
        <v>35</v>
      </c>
      <c r="D54129" s="14" t="s">
        <v>107</v>
      </c>
      <c r="E54129" s="15">
        <v>45485</v>
      </c>
      <c r="F54129" s="14" t="s">
        <v>25</v>
      </c>
      <c r="G54129" s="16">
        <v>0</v>
      </c>
    </row>
    <row r="54130" spans="1:7" x14ac:dyDescent="0.3">
      <c r="A54130" s="13" t="s">
        <v>299</v>
      </c>
      <c r="B54130" s="14" t="s">
        <v>1</v>
      </c>
      <c r="C54130" s="14" t="s">
        <v>35</v>
      </c>
      <c r="D54130" s="14" t="s">
        <v>107</v>
      </c>
      <c r="E54130" s="15">
        <v>45486</v>
      </c>
      <c r="F54130" s="14" t="s">
        <v>25</v>
      </c>
      <c r="G54130" s="16">
        <v>0</v>
      </c>
    </row>
    <row r="54131" spans="1:7" x14ac:dyDescent="0.3">
      <c r="A54131" s="13" t="s">
        <v>299</v>
      </c>
      <c r="B54131" s="14" t="s">
        <v>1</v>
      </c>
      <c r="C54131" s="14" t="s">
        <v>35</v>
      </c>
      <c r="D54131" s="14" t="s">
        <v>107</v>
      </c>
      <c r="E54131" s="15">
        <v>45487</v>
      </c>
      <c r="F54131" s="14" t="s">
        <v>25</v>
      </c>
      <c r="G54131" s="16">
        <v>0</v>
      </c>
    </row>
    <row r="54132" spans="1:7" x14ac:dyDescent="0.3">
      <c r="A54132" s="13" t="s">
        <v>299</v>
      </c>
      <c r="B54132" s="14" t="s">
        <v>1</v>
      </c>
      <c r="C54132" s="14" t="s">
        <v>35</v>
      </c>
      <c r="D54132" s="14" t="s">
        <v>107</v>
      </c>
      <c r="E54132" s="15">
        <v>45488</v>
      </c>
      <c r="F54132" s="14" t="s">
        <v>25</v>
      </c>
      <c r="G54132" s="16">
        <v>0</v>
      </c>
    </row>
    <row r="54133" spans="1:7" x14ac:dyDescent="0.3">
      <c r="A54133" s="13" t="s">
        <v>299</v>
      </c>
      <c r="B54133" s="14" t="s">
        <v>1</v>
      </c>
      <c r="C54133" s="14" t="s">
        <v>35</v>
      </c>
      <c r="D54133" s="14" t="s">
        <v>107</v>
      </c>
      <c r="E54133" s="15">
        <v>45489</v>
      </c>
      <c r="F54133" s="14" t="s">
        <v>25</v>
      </c>
      <c r="G54133" s="16">
        <v>0</v>
      </c>
    </row>
    <row r="54134" spans="1:7" x14ac:dyDescent="0.3">
      <c r="A54134" s="13" t="s">
        <v>299</v>
      </c>
      <c r="B54134" s="14" t="s">
        <v>1</v>
      </c>
      <c r="C54134" s="14" t="s">
        <v>35</v>
      </c>
      <c r="D54134" s="14" t="s">
        <v>107</v>
      </c>
      <c r="E54134" s="15">
        <v>45490</v>
      </c>
      <c r="F54134" s="14" t="s">
        <v>25</v>
      </c>
      <c r="G54134" s="16">
        <v>0</v>
      </c>
    </row>
    <row r="54135" spans="1:7" x14ac:dyDescent="0.3">
      <c r="A54135" s="13" t="s">
        <v>299</v>
      </c>
      <c r="B54135" s="14" t="s">
        <v>1</v>
      </c>
      <c r="C54135" s="14" t="s">
        <v>35</v>
      </c>
      <c r="D54135" s="14" t="s">
        <v>107</v>
      </c>
      <c r="E54135" s="15">
        <v>45491</v>
      </c>
      <c r="F54135" s="14" t="s">
        <v>25</v>
      </c>
      <c r="G54135" s="16">
        <v>0</v>
      </c>
    </row>
    <row r="54136" spans="1:7" x14ac:dyDescent="0.3">
      <c r="A54136" s="13" t="s">
        <v>299</v>
      </c>
      <c r="B54136" s="14" t="s">
        <v>1</v>
      </c>
      <c r="C54136" s="14" t="s">
        <v>35</v>
      </c>
      <c r="D54136" s="14" t="s">
        <v>107</v>
      </c>
      <c r="E54136" s="15">
        <v>45492</v>
      </c>
      <c r="F54136" s="14" t="s">
        <v>25</v>
      </c>
      <c r="G54136" s="16">
        <v>0</v>
      </c>
    </row>
    <row r="54137" spans="1:7" x14ac:dyDescent="0.3">
      <c r="A54137" s="13" t="s">
        <v>299</v>
      </c>
      <c r="B54137" s="14" t="s">
        <v>1</v>
      </c>
      <c r="C54137" s="14" t="s">
        <v>35</v>
      </c>
      <c r="D54137" s="14" t="s">
        <v>107</v>
      </c>
      <c r="E54137" s="15">
        <v>45493</v>
      </c>
      <c r="F54137" s="14" t="s">
        <v>25</v>
      </c>
      <c r="G54137" s="16">
        <v>0</v>
      </c>
    </row>
    <row r="54138" spans="1:7" x14ac:dyDescent="0.3">
      <c r="A54138" s="13" t="s">
        <v>299</v>
      </c>
      <c r="B54138" s="14" t="s">
        <v>1</v>
      </c>
      <c r="C54138" s="14" t="s">
        <v>35</v>
      </c>
      <c r="D54138" s="14" t="s">
        <v>107</v>
      </c>
      <c r="E54138" s="15">
        <v>45494</v>
      </c>
      <c r="F54138" s="14" t="s">
        <v>25</v>
      </c>
      <c r="G54138" s="16">
        <v>0</v>
      </c>
    </row>
    <row r="54139" spans="1:7" x14ac:dyDescent="0.3">
      <c r="A54139" s="13" t="s">
        <v>299</v>
      </c>
      <c r="B54139" s="14" t="s">
        <v>1</v>
      </c>
      <c r="C54139" s="14" t="s">
        <v>35</v>
      </c>
      <c r="D54139" s="14" t="s">
        <v>107</v>
      </c>
      <c r="E54139" s="15">
        <v>45495</v>
      </c>
      <c r="F54139" s="14" t="s">
        <v>25</v>
      </c>
      <c r="G54139" s="16">
        <v>0</v>
      </c>
    </row>
    <row r="54140" spans="1:7" x14ac:dyDescent="0.3">
      <c r="A54140" s="13" t="s">
        <v>299</v>
      </c>
      <c r="B54140" s="14" t="s">
        <v>1</v>
      </c>
      <c r="C54140" s="14" t="s">
        <v>35</v>
      </c>
      <c r="D54140" s="14" t="s">
        <v>107</v>
      </c>
      <c r="E54140" s="15">
        <v>45496</v>
      </c>
      <c r="F54140" s="14" t="s">
        <v>25</v>
      </c>
      <c r="G54140" s="16">
        <v>0</v>
      </c>
    </row>
    <row r="54141" spans="1:7" x14ac:dyDescent="0.3">
      <c r="A54141" s="13" t="s">
        <v>299</v>
      </c>
      <c r="B54141" s="14" t="s">
        <v>1</v>
      </c>
      <c r="C54141" s="14" t="s">
        <v>35</v>
      </c>
      <c r="D54141" s="14" t="s">
        <v>107</v>
      </c>
      <c r="E54141" s="15">
        <v>45497</v>
      </c>
      <c r="F54141" s="14" t="s">
        <v>25</v>
      </c>
      <c r="G54141" s="16">
        <v>0</v>
      </c>
    </row>
    <row r="54142" spans="1:7" x14ac:dyDescent="0.3">
      <c r="A54142" s="13" t="s">
        <v>299</v>
      </c>
      <c r="B54142" s="14" t="s">
        <v>1</v>
      </c>
      <c r="C54142" s="14" t="s">
        <v>35</v>
      </c>
      <c r="D54142" s="14" t="s">
        <v>107</v>
      </c>
      <c r="E54142" s="15">
        <v>45498</v>
      </c>
      <c r="F54142" s="14" t="s">
        <v>25</v>
      </c>
      <c r="G54142" s="16">
        <v>0</v>
      </c>
    </row>
    <row r="54143" spans="1:7" x14ac:dyDescent="0.3">
      <c r="A54143" s="13" t="s">
        <v>299</v>
      </c>
      <c r="B54143" s="14" t="s">
        <v>1</v>
      </c>
      <c r="C54143" s="14" t="s">
        <v>35</v>
      </c>
      <c r="D54143" s="14" t="s">
        <v>107</v>
      </c>
      <c r="E54143" s="15">
        <v>45499</v>
      </c>
      <c r="F54143" s="14" t="s">
        <v>25</v>
      </c>
      <c r="G54143" s="16">
        <v>0</v>
      </c>
    </row>
    <row r="54144" spans="1:7" x14ac:dyDescent="0.3">
      <c r="A54144" s="13" t="s">
        <v>299</v>
      </c>
      <c r="B54144" s="14" t="s">
        <v>1</v>
      </c>
      <c r="C54144" s="14" t="s">
        <v>35</v>
      </c>
      <c r="D54144" s="14" t="s">
        <v>107</v>
      </c>
      <c r="E54144" s="15">
        <v>45500</v>
      </c>
      <c r="F54144" s="14" t="s">
        <v>25</v>
      </c>
      <c r="G54144" s="16">
        <v>0</v>
      </c>
    </row>
    <row r="54145" spans="1:7" x14ac:dyDescent="0.3">
      <c r="A54145" s="13" t="s">
        <v>299</v>
      </c>
      <c r="B54145" s="14" t="s">
        <v>1</v>
      </c>
      <c r="C54145" s="14" t="s">
        <v>35</v>
      </c>
      <c r="D54145" s="14" t="s">
        <v>107</v>
      </c>
      <c r="E54145" s="15">
        <v>45501</v>
      </c>
      <c r="F54145" s="14" t="s">
        <v>25</v>
      </c>
      <c r="G54145" s="16">
        <v>0</v>
      </c>
    </row>
    <row r="54146" spans="1:7" x14ac:dyDescent="0.3">
      <c r="A54146" s="13" t="s">
        <v>299</v>
      </c>
      <c r="B54146" s="14" t="s">
        <v>1</v>
      </c>
      <c r="C54146" s="14" t="s">
        <v>35</v>
      </c>
      <c r="D54146" s="14" t="s">
        <v>107</v>
      </c>
      <c r="E54146" s="15">
        <v>45502</v>
      </c>
      <c r="F54146" s="14" t="s">
        <v>25</v>
      </c>
      <c r="G54146" s="16">
        <v>0</v>
      </c>
    </row>
    <row r="54147" spans="1:7" x14ac:dyDescent="0.3">
      <c r="A54147" s="13" t="s">
        <v>299</v>
      </c>
      <c r="B54147" s="14" t="s">
        <v>1</v>
      </c>
      <c r="C54147" s="14" t="s">
        <v>35</v>
      </c>
      <c r="D54147" s="14" t="s">
        <v>107</v>
      </c>
      <c r="E54147" s="15">
        <v>45503</v>
      </c>
      <c r="F54147" s="14" t="s">
        <v>25</v>
      </c>
      <c r="G54147" s="16">
        <v>0</v>
      </c>
    </row>
    <row r="54148" spans="1:7" x14ac:dyDescent="0.3">
      <c r="A54148" s="13" t="s">
        <v>299</v>
      </c>
      <c r="B54148" s="14" t="s">
        <v>1</v>
      </c>
      <c r="C54148" s="14" t="s">
        <v>35</v>
      </c>
      <c r="D54148" s="14" t="s">
        <v>107</v>
      </c>
      <c r="E54148" s="15">
        <v>45504</v>
      </c>
      <c r="F54148" s="14" t="s">
        <v>25</v>
      </c>
      <c r="G54148" s="16">
        <v>0</v>
      </c>
    </row>
    <row r="54149" spans="1:7" x14ac:dyDescent="0.3">
      <c r="A54149" s="13" t="s">
        <v>299</v>
      </c>
      <c r="B54149" s="14" t="s">
        <v>1</v>
      </c>
      <c r="C54149" s="14" t="s">
        <v>35</v>
      </c>
      <c r="D54149" s="14" t="s">
        <v>107</v>
      </c>
      <c r="E54149" s="15">
        <v>45505</v>
      </c>
      <c r="F54149" s="14" t="s">
        <v>25</v>
      </c>
      <c r="G54149" s="16">
        <v>0</v>
      </c>
    </row>
    <row r="54150" spans="1:7" x14ac:dyDescent="0.3">
      <c r="A54150" s="13" t="s">
        <v>299</v>
      </c>
      <c r="B54150" s="14" t="s">
        <v>1</v>
      </c>
      <c r="C54150" s="14" t="s">
        <v>35</v>
      </c>
      <c r="D54150" s="14" t="s">
        <v>107</v>
      </c>
      <c r="E54150" s="15">
        <v>45506</v>
      </c>
      <c r="F54150" s="14" t="s">
        <v>25</v>
      </c>
      <c r="G54150" s="16">
        <v>0</v>
      </c>
    </row>
    <row r="54151" spans="1:7" x14ac:dyDescent="0.3">
      <c r="A54151" s="13" t="s">
        <v>299</v>
      </c>
      <c r="B54151" s="14" t="s">
        <v>1</v>
      </c>
      <c r="C54151" s="14" t="s">
        <v>35</v>
      </c>
      <c r="D54151" s="14" t="s">
        <v>107</v>
      </c>
      <c r="E54151" s="15">
        <v>45507</v>
      </c>
      <c r="F54151" s="14" t="s">
        <v>25</v>
      </c>
      <c r="G54151" s="16">
        <v>0</v>
      </c>
    </row>
    <row r="54152" spans="1:7" x14ac:dyDescent="0.3">
      <c r="A54152" s="13" t="s">
        <v>299</v>
      </c>
      <c r="B54152" s="14" t="s">
        <v>1</v>
      </c>
      <c r="C54152" s="14" t="s">
        <v>35</v>
      </c>
      <c r="D54152" s="14" t="s">
        <v>107</v>
      </c>
      <c r="E54152" s="15">
        <v>45508</v>
      </c>
      <c r="F54152" s="14" t="s">
        <v>25</v>
      </c>
      <c r="G54152" s="16">
        <v>0</v>
      </c>
    </row>
    <row r="54153" spans="1:7" x14ac:dyDescent="0.3">
      <c r="A54153" s="13" t="s">
        <v>299</v>
      </c>
      <c r="B54153" s="14" t="s">
        <v>1</v>
      </c>
      <c r="C54153" s="14" t="s">
        <v>35</v>
      </c>
      <c r="D54153" s="14" t="s">
        <v>107</v>
      </c>
      <c r="E54153" s="15">
        <v>45509</v>
      </c>
      <c r="F54153" s="14" t="s">
        <v>25</v>
      </c>
      <c r="G54153" s="16">
        <v>0</v>
      </c>
    </row>
    <row r="54154" spans="1:7" x14ac:dyDescent="0.3">
      <c r="A54154" s="13" t="s">
        <v>299</v>
      </c>
      <c r="B54154" s="14" t="s">
        <v>1</v>
      </c>
      <c r="C54154" s="14" t="s">
        <v>35</v>
      </c>
      <c r="D54154" s="14" t="s">
        <v>107</v>
      </c>
      <c r="E54154" s="15">
        <v>45510</v>
      </c>
      <c r="F54154" s="14" t="s">
        <v>25</v>
      </c>
      <c r="G54154" s="16">
        <v>0</v>
      </c>
    </row>
    <row r="54155" spans="1:7" x14ac:dyDescent="0.3">
      <c r="A54155" s="13" t="s">
        <v>299</v>
      </c>
      <c r="B54155" s="14" t="s">
        <v>1</v>
      </c>
      <c r="C54155" s="14" t="s">
        <v>35</v>
      </c>
      <c r="D54155" s="14" t="s">
        <v>107</v>
      </c>
      <c r="E54155" s="15">
        <v>45511</v>
      </c>
      <c r="F54155" s="14" t="s">
        <v>25</v>
      </c>
      <c r="G54155" s="16">
        <v>0</v>
      </c>
    </row>
    <row r="54156" spans="1:7" x14ac:dyDescent="0.3">
      <c r="A54156" s="13" t="s">
        <v>299</v>
      </c>
      <c r="B54156" s="14" t="s">
        <v>1</v>
      </c>
      <c r="C54156" s="14" t="s">
        <v>35</v>
      </c>
      <c r="D54156" s="14" t="s">
        <v>107</v>
      </c>
      <c r="E54156" s="15">
        <v>45512</v>
      </c>
      <c r="F54156" s="14" t="s">
        <v>25</v>
      </c>
      <c r="G54156" s="16">
        <v>0</v>
      </c>
    </row>
    <row r="54157" spans="1:7" x14ac:dyDescent="0.3">
      <c r="A54157" s="13" t="s">
        <v>299</v>
      </c>
      <c r="B54157" s="14" t="s">
        <v>1</v>
      </c>
      <c r="C54157" s="14" t="s">
        <v>35</v>
      </c>
      <c r="D54157" s="14" t="s">
        <v>107</v>
      </c>
      <c r="E54157" s="15">
        <v>45513</v>
      </c>
      <c r="F54157" s="14" t="s">
        <v>25</v>
      </c>
      <c r="G54157" s="16">
        <v>0</v>
      </c>
    </row>
    <row r="54158" spans="1:7" x14ac:dyDescent="0.3">
      <c r="A54158" s="13" t="s">
        <v>299</v>
      </c>
      <c r="B54158" s="14" t="s">
        <v>1</v>
      </c>
      <c r="C54158" s="14" t="s">
        <v>35</v>
      </c>
      <c r="D54158" s="14" t="s">
        <v>107</v>
      </c>
      <c r="E54158" s="15">
        <v>45514</v>
      </c>
      <c r="F54158" s="14" t="s">
        <v>25</v>
      </c>
      <c r="G54158" s="16">
        <v>0</v>
      </c>
    </row>
    <row r="54159" spans="1:7" x14ac:dyDescent="0.3">
      <c r="A54159" s="13" t="s">
        <v>299</v>
      </c>
      <c r="B54159" s="14" t="s">
        <v>1</v>
      </c>
      <c r="C54159" s="14" t="s">
        <v>35</v>
      </c>
      <c r="D54159" s="14" t="s">
        <v>107</v>
      </c>
      <c r="E54159" s="15">
        <v>45515</v>
      </c>
      <c r="F54159" s="14" t="s">
        <v>25</v>
      </c>
      <c r="G54159" s="16">
        <v>0</v>
      </c>
    </row>
    <row r="54160" spans="1:7" x14ac:dyDescent="0.3">
      <c r="A54160" s="13" t="s">
        <v>299</v>
      </c>
      <c r="B54160" s="14" t="s">
        <v>1</v>
      </c>
      <c r="C54160" s="14" t="s">
        <v>35</v>
      </c>
      <c r="D54160" s="14" t="s">
        <v>107</v>
      </c>
      <c r="E54160" s="15">
        <v>45516</v>
      </c>
      <c r="F54160" s="14" t="s">
        <v>25</v>
      </c>
      <c r="G54160" s="16">
        <v>0</v>
      </c>
    </row>
    <row r="54161" spans="1:7" x14ac:dyDescent="0.3">
      <c r="A54161" s="13" t="s">
        <v>299</v>
      </c>
      <c r="B54161" s="14" t="s">
        <v>1</v>
      </c>
      <c r="C54161" s="14" t="s">
        <v>35</v>
      </c>
      <c r="D54161" s="14" t="s">
        <v>107</v>
      </c>
      <c r="E54161" s="15">
        <v>45517</v>
      </c>
      <c r="F54161" s="14" t="s">
        <v>25</v>
      </c>
      <c r="G54161" s="16">
        <v>0</v>
      </c>
    </row>
    <row r="54162" spans="1:7" x14ac:dyDescent="0.3">
      <c r="A54162" s="13" t="s">
        <v>299</v>
      </c>
      <c r="B54162" s="14" t="s">
        <v>1</v>
      </c>
      <c r="C54162" s="14" t="s">
        <v>35</v>
      </c>
      <c r="D54162" s="14" t="s">
        <v>107</v>
      </c>
      <c r="E54162" s="15">
        <v>45518</v>
      </c>
      <c r="F54162" s="14" t="s">
        <v>25</v>
      </c>
      <c r="G54162" s="16">
        <v>0</v>
      </c>
    </row>
    <row r="54163" spans="1:7" x14ac:dyDescent="0.3">
      <c r="A54163" s="13" t="s">
        <v>299</v>
      </c>
      <c r="B54163" s="14" t="s">
        <v>1</v>
      </c>
      <c r="C54163" s="14" t="s">
        <v>35</v>
      </c>
      <c r="D54163" s="14" t="s">
        <v>107</v>
      </c>
      <c r="E54163" s="15">
        <v>45519</v>
      </c>
      <c r="F54163" s="14" t="s">
        <v>25</v>
      </c>
      <c r="G54163" s="16">
        <v>0</v>
      </c>
    </row>
    <row r="54164" spans="1:7" x14ac:dyDescent="0.3">
      <c r="A54164" s="13" t="s">
        <v>299</v>
      </c>
      <c r="B54164" s="14" t="s">
        <v>1</v>
      </c>
      <c r="C54164" s="14" t="s">
        <v>35</v>
      </c>
      <c r="D54164" s="14" t="s">
        <v>107</v>
      </c>
      <c r="E54164" s="15">
        <v>45520</v>
      </c>
      <c r="F54164" s="14" t="s">
        <v>25</v>
      </c>
      <c r="G54164" s="16">
        <v>0</v>
      </c>
    </row>
    <row r="54165" spans="1:7" x14ac:dyDescent="0.3">
      <c r="A54165" s="13" t="s">
        <v>299</v>
      </c>
      <c r="B54165" s="14" t="s">
        <v>1</v>
      </c>
      <c r="C54165" s="14" t="s">
        <v>35</v>
      </c>
      <c r="D54165" s="14" t="s">
        <v>107</v>
      </c>
      <c r="E54165" s="15">
        <v>45521</v>
      </c>
      <c r="F54165" s="14" t="s">
        <v>25</v>
      </c>
      <c r="G54165" s="16">
        <v>0</v>
      </c>
    </row>
    <row r="54166" spans="1:7" x14ac:dyDescent="0.3">
      <c r="A54166" s="13" t="s">
        <v>299</v>
      </c>
      <c r="B54166" s="14" t="s">
        <v>1</v>
      </c>
      <c r="C54166" s="14" t="s">
        <v>35</v>
      </c>
      <c r="D54166" s="14" t="s">
        <v>107</v>
      </c>
      <c r="E54166" s="15">
        <v>45522</v>
      </c>
      <c r="F54166" s="14" t="s">
        <v>25</v>
      </c>
      <c r="G54166" s="16">
        <v>0</v>
      </c>
    </row>
    <row r="54167" spans="1:7" x14ac:dyDescent="0.3">
      <c r="A54167" s="13" t="s">
        <v>299</v>
      </c>
      <c r="B54167" s="14" t="s">
        <v>1</v>
      </c>
      <c r="C54167" s="14" t="s">
        <v>35</v>
      </c>
      <c r="D54167" s="14" t="s">
        <v>107</v>
      </c>
      <c r="E54167" s="15">
        <v>45523</v>
      </c>
      <c r="F54167" s="14" t="s">
        <v>25</v>
      </c>
      <c r="G54167" s="16">
        <v>0</v>
      </c>
    </row>
    <row r="54168" spans="1:7" x14ac:dyDescent="0.3">
      <c r="A54168" s="13" t="s">
        <v>299</v>
      </c>
      <c r="B54168" s="14" t="s">
        <v>1</v>
      </c>
      <c r="C54168" s="14" t="s">
        <v>35</v>
      </c>
      <c r="D54168" s="14" t="s">
        <v>107</v>
      </c>
      <c r="E54168" s="15">
        <v>45524</v>
      </c>
      <c r="F54168" s="14" t="s">
        <v>25</v>
      </c>
      <c r="G54168" s="16">
        <v>0</v>
      </c>
    </row>
    <row r="54169" spans="1:7" x14ac:dyDescent="0.3">
      <c r="A54169" s="13" t="s">
        <v>299</v>
      </c>
      <c r="B54169" s="14" t="s">
        <v>1</v>
      </c>
      <c r="C54169" s="14" t="s">
        <v>35</v>
      </c>
      <c r="D54169" s="14" t="s">
        <v>107</v>
      </c>
      <c r="E54169" s="15">
        <v>45525</v>
      </c>
      <c r="F54169" s="14" t="s">
        <v>25</v>
      </c>
      <c r="G54169" s="16">
        <v>0</v>
      </c>
    </row>
    <row r="54170" spans="1:7" x14ac:dyDescent="0.3">
      <c r="A54170" s="13" t="s">
        <v>299</v>
      </c>
      <c r="B54170" s="14" t="s">
        <v>1</v>
      </c>
      <c r="C54170" s="14" t="s">
        <v>35</v>
      </c>
      <c r="D54170" s="14" t="s">
        <v>107</v>
      </c>
      <c r="E54170" s="15">
        <v>45526</v>
      </c>
      <c r="F54170" s="14" t="s">
        <v>25</v>
      </c>
      <c r="G54170" s="16">
        <v>0</v>
      </c>
    </row>
    <row r="54171" spans="1:7" x14ac:dyDescent="0.3">
      <c r="A54171" s="13" t="s">
        <v>299</v>
      </c>
      <c r="B54171" s="14" t="s">
        <v>1</v>
      </c>
      <c r="C54171" s="14" t="s">
        <v>35</v>
      </c>
      <c r="D54171" s="14" t="s">
        <v>107</v>
      </c>
      <c r="E54171" s="15">
        <v>45527</v>
      </c>
      <c r="F54171" s="14" t="s">
        <v>25</v>
      </c>
      <c r="G54171" s="16">
        <v>0</v>
      </c>
    </row>
    <row r="54172" spans="1:7" x14ac:dyDescent="0.3">
      <c r="A54172" s="13" t="s">
        <v>299</v>
      </c>
      <c r="B54172" s="14" t="s">
        <v>1</v>
      </c>
      <c r="C54172" s="14" t="s">
        <v>35</v>
      </c>
      <c r="D54172" s="14" t="s">
        <v>107</v>
      </c>
      <c r="E54172" s="15">
        <v>45528</v>
      </c>
      <c r="F54172" s="14" t="s">
        <v>25</v>
      </c>
      <c r="G54172" s="16">
        <v>0</v>
      </c>
    </row>
    <row r="54173" spans="1:7" x14ac:dyDescent="0.3">
      <c r="A54173" s="13" t="s">
        <v>299</v>
      </c>
      <c r="B54173" s="14" t="s">
        <v>1</v>
      </c>
      <c r="C54173" s="14" t="s">
        <v>35</v>
      </c>
      <c r="D54173" s="14" t="s">
        <v>107</v>
      </c>
      <c r="E54173" s="15">
        <v>45529</v>
      </c>
      <c r="F54173" s="14" t="s">
        <v>25</v>
      </c>
      <c r="G54173" s="16">
        <v>0</v>
      </c>
    </row>
    <row r="54174" spans="1:7" x14ac:dyDescent="0.3">
      <c r="A54174" s="13" t="s">
        <v>299</v>
      </c>
      <c r="B54174" s="14" t="s">
        <v>1</v>
      </c>
      <c r="C54174" s="14" t="s">
        <v>35</v>
      </c>
      <c r="D54174" s="14" t="s">
        <v>107</v>
      </c>
      <c r="E54174" s="15">
        <v>45530</v>
      </c>
      <c r="F54174" s="14" t="s">
        <v>25</v>
      </c>
      <c r="G54174" s="16">
        <v>0</v>
      </c>
    </row>
    <row r="54175" spans="1:7" x14ac:dyDescent="0.3">
      <c r="A54175" s="13" t="s">
        <v>299</v>
      </c>
      <c r="B54175" s="14" t="s">
        <v>1</v>
      </c>
      <c r="C54175" s="14" t="s">
        <v>35</v>
      </c>
      <c r="D54175" s="14" t="s">
        <v>107</v>
      </c>
      <c r="E54175" s="15">
        <v>45531</v>
      </c>
      <c r="F54175" s="14" t="s">
        <v>25</v>
      </c>
      <c r="G54175" s="16">
        <v>0</v>
      </c>
    </row>
    <row r="54176" spans="1:7" x14ac:dyDescent="0.3">
      <c r="A54176" s="13" t="s">
        <v>299</v>
      </c>
      <c r="B54176" s="14" t="s">
        <v>1</v>
      </c>
      <c r="C54176" s="14" t="s">
        <v>35</v>
      </c>
      <c r="D54176" s="14" t="s">
        <v>107</v>
      </c>
      <c r="E54176" s="15">
        <v>45532</v>
      </c>
      <c r="F54176" s="14" t="s">
        <v>25</v>
      </c>
      <c r="G54176" s="16">
        <v>0</v>
      </c>
    </row>
    <row r="54177" spans="1:7" x14ac:dyDescent="0.3">
      <c r="A54177" s="13" t="s">
        <v>299</v>
      </c>
      <c r="B54177" s="14" t="s">
        <v>1</v>
      </c>
      <c r="C54177" s="14" t="s">
        <v>35</v>
      </c>
      <c r="D54177" s="14" t="s">
        <v>107</v>
      </c>
      <c r="E54177" s="15">
        <v>45533</v>
      </c>
      <c r="F54177" s="14" t="s">
        <v>25</v>
      </c>
      <c r="G54177" s="16">
        <v>0</v>
      </c>
    </row>
    <row r="54178" spans="1:7" x14ac:dyDescent="0.3">
      <c r="A54178" s="13" t="s">
        <v>299</v>
      </c>
      <c r="B54178" s="14" t="s">
        <v>1</v>
      </c>
      <c r="C54178" s="14" t="s">
        <v>35</v>
      </c>
      <c r="D54178" s="14" t="s">
        <v>107</v>
      </c>
      <c r="E54178" s="15">
        <v>45534</v>
      </c>
      <c r="F54178" s="14" t="s">
        <v>25</v>
      </c>
      <c r="G54178" s="16">
        <v>0</v>
      </c>
    </row>
    <row r="54179" spans="1:7" x14ac:dyDescent="0.3">
      <c r="A54179" s="13" t="s">
        <v>299</v>
      </c>
      <c r="B54179" s="14" t="s">
        <v>1</v>
      </c>
      <c r="C54179" s="14" t="s">
        <v>35</v>
      </c>
      <c r="D54179" s="14" t="s">
        <v>107</v>
      </c>
      <c r="E54179" s="15">
        <v>45535</v>
      </c>
      <c r="F54179" s="14" t="s">
        <v>25</v>
      </c>
      <c r="G54179" s="16">
        <v>0</v>
      </c>
    </row>
    <row r="54180" spans="1:7" x14ac:dyDescent="0.3">
      <c r="A54180" s="13" t="s">
        <v>299</v>
      </c>
      <c r="B54180" s="14" t="s">
        <v>1</v>
      </c>
      <c r="C54180" s="14" t="s">
        <v>35</v>
      </c>
      <c r="D54180" s="14" t="s">
        <v>107</v>
      </c>
      <c r="E54180" s="15">
        <v>45536</v>
      </c>
      <c r="F54180" s="14" t="s">
        <v>25</v>
      </c>
      <c r="G54180" s="16">
        <v>0</v>
      </c>
    </row>
    <row r="54181" spans="1:7" x14ac:dyDescent="0.3">
      <c r="A54181" s="13" t="s">
        <v>299</v>
      </c>
      <c r="B54181" s="14" t="s">
        <v>1</v>
      </c>
      <c r="C54181" s="14" t="s">
        <v>35</v>
      </c>
      <c r="D54181" s="14" t="s">
        <v>107</v>
      </c>
      <c r="E54181" s="15">
        <v>45537</v>
      </c>
      <c r="F54181" s="14" t="s">
        <v>25</v>
      </c>
      <c r="G54181" s="16">
        <v>0</v>
      </c>
    </row>
    <row r="54182" spans="1:7" x14ac:dyDescent="0.3">
      <c r="A54182" s="13" t="s">
        <v>299</v>
      </c>
      <c r="B54182" s="14" t="s">
        <v>1</v>
      </c>
      <c r="C54182" s="14" t="s">
        <v>35</v>
      </c>
      <c r="D54182" s="14" t="s">
        <v>107</v>
      </c>
      <c r="E54182" s="15">
        <v>45538</v>
      </c>
      <c r="F54182" s="14" t="s">
        <v>25</v>
      </c>
      <c r="G54182" s="16">
        <v>0</v>
      </c>
    </row>
    <row r="54183" spans="1:7" x14ac:dyDescent="0.3">
      <c r="A54183" s="13" t="s">
        <v>299</v>
      </c>
      <c r="B54183" s="14" t="s">
        <v>1</v>
      </c>
      <c r="C54183" s="14" t="s">
        <v>35</v>
      </c>
      <c r="D54183" s="14" t="s">
        <v>107</v>
      </c>
      <c r="E54183" s="15">
        <v>45539</v>
      </c>
      <c r="F54183" s="14" t="s">
        <v>25</v>
      </c>
      <c r="G54183" s="16">
        <v>0</v>
      </c>
    </row>
    <row r="54184" spans="1:7" x14ac:dyDescent="0.3">
      <c r="A54184" s="13" t="s">
        <v>299</v>
      </c>
      <c r="B54184" s="14" t="s">
        <v>1</v>
      </c>
      <c r="C54184" s="14" t="s">
        <v>35</v>
      </c>
      <c r="D54184" s="14" t="s">
        <v>107</v>
      </c>
      <c r="E54184" s="15">
        <v>45540</v>
      </c>
      <c r="F54184" s="14" t="s">
        <v>25</v>
      </c>
      <c r="G54184" s="16">
        <v>0</v>
      </c>
    </row>
    <row r="54185" spans="1:7" x14ac:dyDescent="0.3">
      <c r="A54185" s="13" t="s">
        <v>299</v>
      </c>
      <c r="B54185" s="14" t="s">
        <v>1</v>
      </c>
      <c r="C54185" s="14" t="s">
        <v>35</v>
      </c>
      <c r="D54185" s="14" t="s">
        <v>107</v>
      </c>
      <c r="E54185" s="15">
        <v>45541</v>
      </c>
      <c r="F54185" s="14" t="s">
        <v>25</v>
      </c>
      <c r="G54185" s="16">
        <v>0</v>
      </c>
    </row>
    <row r="54186" spans="1:7" x14ac:dyDescent="0.3">
      <c r="A54186" s="13" t="s">
        <v>299</v>
      </c>
      <c r="B54186" s="14" t="s">
        <v>1</v>
      </c>
      <c r="C54186" s="14" t="s">
        <v>35</v>
      </c>
      <c r="D54186" s="14" t="s">
        <v>107</v>
      </c>
      <c r="E54186" s="15">
        <v>45542</v>
      </c>
      <c r="F54186" s="14" t="s">
        <v>25</v>
      </c>
      <c r="G54186" s="16">
        <v>0</v>
      </c>
    </row>
    <row r="54187" spans="1:7" x14ac:dyDescent="0.3">
      <c r="A54187" s="13" t="s">
        <v>299</v>
      </c>
      <c r="B54187" s="14" t="s">
        <v>1</v>
      </c>
      <c r="C54187" s="14" t="s">
        <v>35</v>
      </c>
      <c r="D54187" s="14" t="s">
        <v>107</v>
      </c>
      <c r="E54187" s="15">
        <v>45543</v>
      </c>
      <c r="F54187" s="14" t="s">
        <v>25</v>
      </c>
      <c r="G54187" s="16">
        <v>0</v>
      </c>
    </row>
    <row r="54188" spans="1:7" x14ac:dyDescent="0.3">
      <c r="A54188" s="13" t="s">
        <v>299</v>
      </c>
      <c r="B54188" s="14" t="s">
        <v>1</v>
      </c>
      <c r="C54188" s="14" t="s">
        <v>35</v>
      </c>
      <c r="D54188" s="14" t="s">
        <v>107</v>
      </c>
      <c r="E54188" s="15">
        <v>45544</v>
      </c>
      <c r="F54188" s="14" t="s">
        <v>25</v>
      </c>
      <c r="G54188" s="16">
        <v>0</v>
      </c>
    </row>
    <row r="54189" spans="1:7" x14ac:dyDescent="0.3">
      <c r="A54189" s="13" t="s">
        <v>299</v>
      </c>
      <c r="B54189" s="14" t="s">
        <v>1</v>
      </c>
      <c r="C54189" s="14" t="s">
        <v>35</v>
      </c>
      <c r="D54189" s="14" t="s">
        <v>107</v>
      </c>
      <c r="E54189" s="15">
        <v>45545</v>
      </c>
      <c r="F54189" s="14" t="s">
        <v>25</v>
      </c>
      <c r="G54189" s="16">
        <v>0</v>
      </c>
    </row>
    <row r="54190" spans="1:7" x14ac:dyDescent="0.3">
      <c r="A54190" s="13" t="s">
        <v>299</v>
      </c>
      <c r="B54190" s="14" t="s">
        <v>1</v>
      </c>
      <c r="C54190" s="14" t="s">
        <v>35</v>
      </c>
      <c r="D54190" s="14" t="s">
        <v>107</v>
      </c>
      <c r="E54190" s="15">
        <v>45546</v>
      </c>
      <c r="F54190" s="14" t="s">
        <v>25</v>
      </c>
      <c r="G54190" s="16">
        <v>0</v>
      </c>
    </row>
    <row r="54191" spans="1:7" x14ac:dyDescent="0.3">
      <c r="A54191" s="13" t="s">
        <v>299</v>
      </c>
      <c r="B54191" s="14" t="s">
        <v>1</v>
      </c>
      <c r="C54191" s="14" t="s">
        <v>35</v>
      </c>
      <c r="D54191" s="14" t="s">
        <v>107</v>
      </c>
      <c r="E54191" s="15">
        <v>45547</v>
      </c>
      <c r="F54191" s="14" t="s">
        <v>25</v>
      </c>
      <c r="G54191" s="16">
        <v>0</v>
      </c>
    </row>
    <row r="54192" spans="1:7" x14ac:dyDescent="0.3">
      <c r="A54192" s="13" t="s">
        <v>299</v>
      </c>
      <c r="B54192" s="14" t="s">
        <v>1</v>
      </c>
      <c r="C54192" s="14" t="s">
        <v>35</v>
      </c>
      <c r="D54192" s="14" t="s">
        <v>107</v>
      </c>
      <c r="E54192" s="15">
        <v>45548</v>
      </c>
      <c r="F54192" s="14" t="s">
        <v>25</v>
      </c>
      <c r="G54192" s="16">
        <v>0</v>
      </c>
    </row>
    <row r="54193" spans="1:7" x14ac:dyDescent="0.3">
      <c r="A54193" s="13" t="s">
        <v>299</v>
      </c>
      <c r="B54193" s="14" t="s">
        <v>1</v>
      </c>
      <c r="C54193" s="14" t="s">
        <v>35</v>
      </c>
      <c r="D54193" s="14" t="s">
        <v>107</v>
      </c>
      <c r="E54193" s="15">
        <v>45549</v>
      </c>
      <c r="F54193" s="14" t="s">
        <v>25</v>
      </c>
      <c r="G54193" s="16">
        <v>0</v>
      </c>
    </row>
    <row r="54194" spans="1:7" x14ac:dyDescent="0.3">
      <c r="A54194" s="13" t="s">
        <v>299</v>
      </c>
      <c r="B54194" s="14" t="s">
        <v>1</v>
      </c>
      <c r="C54194" s="14" t="s">
        <v>35</v>
      </c>
      <c r="D54194" s="14" t="s">
        <v>107</v>
      </c>
      <c r="E54194" s="15">
        <v>45550</v>
      </c>
      <c r="F54194" s="14" t="s">
        <v>25</v>
      </c>
      <c r="G54194" s="16">
        <v>0</v>
      </c>
    </row>
    <row r="54195" spans="1:7" x14ac:dyDescent="0.3">
      <c r="A54195" s="13" t="s">
        <v>299</v>
      </c>
      <c r="B54195" s="14" t="s">
        <v>1</v>
      </c>
      <c r="C54195" s="14" t="s">
        <v>35</v>
      </c>
      <c r="D54195" s="14" t="s">
        <v>107</v>
      </c>
      <c r="E54195" s="15">
        <v>45551</v>
      </c>
      <c r="F54195" s="14" t="s">
        <v>25</v>
      </c>
      <c r="G54195" s="16">
        <v>0</v>
      </c>
    </row>
    <row r="54196" spans="1:7" x14ac:dyDescent="0.3">
      <c r="A54196" s="13" t="s">
        <v>299</v>
      </c>
      <c r="B54196" s="14" t="s">
        <v>1</v>
      </c>
      <c r="C54196" s="14" t="s">
        <v>35</v>
      </c>
      <c r="D54196" s="14" t="s">
        <v>107</v>
      </c>
      <c r="E54196" s="15">
        <v>45552</v>
      </c>
      <c r="F54196" s="14" t="s">
        <v>25</v>
      </c>
      <c r="G54196" s="16">
        <v>0</v>
      </c>
    </row>
    <row r="54197" spans="1:7" x14ac:dyDescent="0.3">
      <c r="A54197" s="13" t="s">
        <v>299</v>
      </c>
      <c r="B54197" s="14" t="s">
        <v>1</v>
      </c>
      <c r="C54197" s="14" t="s">
        <v>35</v>
      </c>
      <c r="D54197" s="14" t="s">
        <v>107</v>
      </c>
      <c r="E54197" s="15">
        <v>45553</v>
      </c>
      <c r="F54197" s="14" t="s">
        <v>25</v>
      </c>
      <c r="G54197" s="16">
        <v>0</v>
      </c>
    </row>
    <row r="54198" spans="1:7" x14ac:dyDescent="0.3">
      <c r="A54198" s="13" t="s">
        <v>299</v>
      </c>
      <c r="B54198" s="14" t="s">
        <v>1</v>
      </c>
      <c r="C54198" s="14" t="s">
        <v>35</v>
      </c>
      <c r="D54198" s="14" t="s">
        <v>107</v>
      </c>
      <c r="E54198" s="15">
        <v>45554</v>
      </c>
      <c r="F54198" s="14" t="s">
        <v>25</v>
      </c>
      <c r="G54198" s="16">
        <v>0</v>
      </c>
    </row>
    <row r="54199" spans="1:7" x14ac:dyDescent="0.3">
      <c r="A54199" s="13" t="s">
        <v>299</v>
      </c>
      <c r="B54199" s="14" t="s">
        <v>1</v>
      </c>
      <c r="C54199" s="14" t="s">
        <v>35</v>
      </c>
      <c r="D54199" s="14" t="s">
        <v>107</v>
      </c>
      <c r="E54199" s="15">
        <v>45555</v>
      </c>
      <c r="F54199" s="14" t="s">
        <v>25</v>
      </c>
      <c r="G54199" s="16">
        <v>0</v>
      </c>
    </row>
    <row r="54200" spans="1:7" x14ac:dyDescent="0.3">
      <c r="A54200" s="13" t="s">
        <v>299</v>
      </c>
      <c r="B54200" s="14" t="s">
        <v>1</v>
      </c>
      <c r="C54200" s="14" t="s">
        <v>35</v>
      </c>
      <c r="D54200" s="14" t="s">
        <v>107</v>
      </c>
      <c r="E54200" s="15">
        <v>45556</v>
      </c>
      <c r="F54200" s="14" t="s">
        <v>25</v>
      </c>
      <c r="G54200" s="16">
        <v>0</v>
      </c>
    </row>
    <row r="54201" spans="1:7" x14ac:dyDescent="0.3">
      <c r="A54201" s="13" t="s">
        <v>299</v>
      </c>
      <c r="B54201" s="14" t="s">
        <v>1</v>
      </c>
      <c r="C54201" s="14" t="s">
        <v>35</v>
      </c>
      <c r="D54201" s="14" t="s">
        <v>107</v>
      </c>
      <c r="E54201" s="15">
        <v>45557</v>
      </c>
      <c r="F54201" s="14" t="s">
        <v>25</v>
      </c>
      <c r="G54201" s="16">
        <v>0</v>
      </c>
    </row>
    <row r="54202" spans="1:7" x14ac:dyDescent="0.3">
      <c r="A54202" s="13" t="s">
        <v>299</v>
      </c>
      <c r="B54202" s="14" t="s">
        <v>1</v>
      </c>
      <c r="C54202" s="14" t="s">
        <v>35</v>
      </c>
      <c r="D54202" s="14" t="s">
        <v>107</v>
      </c>
      <c r="E54202" s="15">
        <v>45558</v>
      </c>
      <c r="F54202" s="14" t="s">
        <v>25</v>
      </c>
      <c r="G54202" s="16">
        <v>0</v>
      </c>
    </row>
    <row r="54203" spans="1:7" x14ac:dyDescent="0.3">
      <c r="A54203" s="13" t="s">
        <v>299</v>
      </c>
      <c r="B54203" s="14" t="s">
        <v>1</v>
      </c>
      <c r="C54203" s="14" t="s">
        <v>35</v>
      </c>
      <c r="D54203" s="14" t="s">
        <v>107</v>
      </c>
      <c r="E54203" s="15">
        <v>45559</v>
      </c>
      <c r="F54203" s="14" t="s">
        <v>25</v>
      </c>
      <c r="G54203" s="16">
        <v>0</v>
      </c>
    </row>
    <row r="54204" spans="1:7" x14ac:dyDescent="0.3">
      <c r="A54204" s="13" t="s">
        <v>299</v>
      </c>
      <c r="B54204" s="14" t="s">
        <v>1</v>
      </c>
      <c r="C54204" s="14" t="s">
        <v>35</v>
      </c>
      <c r="D54204" s="14" t="s">
        <v>107</v>
      </c>
      <c r="E54204" s="15">
        <v>45560</v>
      </c>
      <c r="F54204" s="14" t="s">
        <v>25</v>
      </c>
      <c r="G54204" s="16">
        <v>0</v>
      </c>
    </row>
    <row r="54205" spans="1:7" x14ac:dyDescent="0.3">
      <c r="A54205" s="13" t="s">
        <v>299</v>
      </c>
      <c r="B54205" s="14" t="s">
        <v>1</v>
      </c>
      <c r="C54205" s="14" t="s">
        <v>35</v>
      </c>
      <c r="D54205" s="14" t="s">
        <v>107</v>
      </c>
      <c r="E54205" s="15">
        <v>45561</v>
      </c>
      <c r="F54205" s="14" t="s">
        <v>25</v>
      </c>
      <c r="G54205" s="16">
        <v>0</v>
      </c>
    </row>
    <row r="54206" spans="1:7" x14ac:dyDescent="0.3">
      <c r="A54206" s="13" t="s">
        <v>299</v>
      </c>
      <c r="B54206" s="14" t="s">
        <v>1</v>
      </c>
      <c r="C54206" s="14" t="s">
        <v>35</v>
      </c>
      <c r="D54206" s="14" t="s">
        <v>107</v>
      </c>
      <c r="E54206" s="15">
        <v>45562</v>
      </c>
      <c r="F54206" s="14" t="s">
        <v>25</v>
      </c>
      <c r="G54206" s="16">
        <v>0</v>
      </c>
    </row>
    <row r="54207" spans="1:7" x14ac:dyDescent="0.3">
      <c r="A54207" s="13" t="s">
        <v>299</v>
      </c>
      <c r="B54207" s="14" t="s">
        <v>1</v>
      </c>
      <c r="C54207" s="14" t="s">
        <v>35</v>
      </c>
      <c r="D54207" s="14" t="s">
        <v>107</v>
      </c>
      <c r="E54207" s="15">
        <v>45563</v>
      </c>
      <c r="F54207" s="14" t="s">
        <v>25</v>
      </c>
      <c r="G54207" s="16">
        <v>0</v>
      </c>
    </row>
    <row r="54208" spans="1:7" x14ac:dyDescent="0.3">
      <c r="A54208" s="13" t="s">
        <v>299</v>
      </c>
      <c r="B54208" s="14" t="s">
        <v>1</v>
      </c>
      <c r="C54208" s="14" t="s">
        <v>35</v>
      </c>
      <c r="D54208" s="14" t="s">
        <v>107</v>
      </c>
      <c r="E54208" s="15">
        <v>45564</v>
      </c>
      <c r="F54208" s="14" t="s">
        <v>25</v>
      </c>
      <c r="G54208" s="16">
        <v>0</v>
      </c>
    </row>
    <row r="54209" spans="1:7" x14ac:dyDescent="0.3">
      <c r="A54209" s="13" t="s">
        <v>299</v>
      </c>
      <c r="B54209" s="14" t="s">
        <v>1</v>
      </c>
      <c r="C54209" s="14" t="s">
        <v>35</v>
      </c>
      <c r="D54209" s="14" t="s">
        <v>107</v>
      </c>
      <c r="E54209" s="15">
        <v>45565</v>
      </c>
      <c r="F54209" s="14" t="s">
        <v>25</v>
      </c>
      <c r="G54209" s="16">
        <v>0</v>
      </c>
    </row>
    <row r="54210" spans="1:7" x14ac:dyDescent="0.3">
      <c r="A54210" s="13" t="s">
        <v>299</v>
      </c>
      <c r="B54210" s="14" t="s">
        <v>1</v>
      </c>
      <c r="C54210" s="14" t="s">
        <v>35</v>
      </c>
      <c r="D54210" s="14" t="s">
        <v>107</v>
      </c>
      <c r="E54210" s="15">
        <v>45566</v>
      </c>
      <c r="F54210" s="14" t="s">
        <v>25</v>
      </c>
      <c r="G54210" s="16">
        <v>0</v>
      </c>
    </row>
    <row r="54211" spans="1:7" x14ac:dyDescent="0.3">
      <c r="A54211" s="13" t="s">
        <v>299</v>
      </c>
      <c r="B54211" s="14" t="s">
        <v>1</v>
      </c>
      <c r="C54211" s="14" t="s">
        <v>35</v>
      </c>
      <c r="D54211" s="14" t="s">
        <v>107</v>
      </c>
      <c r="E54211" s="15">
        <v>45567</v>
      </c>
      <c r="F54211" s="14" t="s">
        <v>25</v>
      </c>
      <c r="G54211" s="16">
        <v>0</v>
      </c>
    </row>
    <row r="54212" spans="1:7" x14ac:dyDescent="0.3">
      <c r="A54212" s="13" t="s">
        <v>299</v>
      </c>
      <c r="B54212" s="14" t="s">
        <v>1</v>
      </c>
      <c r="C54212" s="14" t="s">
        <v>35</v>
      </c>
      <c r="D54212" s="14" t="s">
        <v>107</v>
      </c>
      <c r="E54212" s="15">
        <v>45568</v>
      </c>
      <c r="F54212" s="14" t="s">
        <v>25</v>
      </c>
      <c r="G54212" s="16">
        <v>0</v>
      </c>
    </row>
    <row r="54213" spans="1:7" x14ac:dyDescent="0.3">
      <c r="A54213" s="13" t="s">
        <v>299</v>
      </c>
      <c r="B54213" s="14" t="s">
        <v>1</v>
      </c>
      <c r="C54213" s="14" t="s">
        <v>35</v>
      </c>
      <c r="D54213" s="14" t="s">
        <v>107</v>
      </c>
      <c r="E54213" s="15">
        <v>45569</v>
      </c>
      <c r="F54213" s="14" t="s">
        <v>25</v>
      </c>
      <c r="G54213" s="16">
        <v>0</v>
      </c>
    </row>
    <row r="54214" spans="1:7" x14ac:dyDescent="0.3">
      <c r="A54214" s="13" t="s">
        <v>299</v>
      </c>
      <c r="B54214" s="14" t="s">
        <v>1</v>
      </c>
      <c r="C54214" s="14" t="s">
        <v>35</v>
      </c>
      <c r="D54214" s="14" t="s">
        <v>107</v>
      </c>
      <c r="E54214" s="15">
        <v>45570</v>
      </c>
      <c r="F54214" s="14" t="s">
        <v>25</v>
      </c>
      <c r="G54214" s="16">
        <v>0</v>
      </c>
    </row>
    <row r="54215" spans="1:7" x14ac:dyDescent="0.3">
      <c r="A54215" s="13" t="s">
        <v>299</v>
      </c>
      <c r="B54215" s="14" t="s">
        <v>1</v>
      </c>
      <c r="C54215" s="14" t="s">
        <v>35</v>
      </c>
      <c r="D54215" s="14" t="s">
        <v>107</v>
      </c>
      <c r="E54215" s="15">
        <v>45571</v>
      </c>
      <c r="F54215" s="14" t="s">
        <v>25</v>
      </c>
      <c r="G54215" s="16">
        <v>0</v>
      </c>
    </row>
    <row r="54216" spans="1:7" x14ac:dyDescent="0.3">
      <c r="A54216" s="13" t="s">
        <v>299</v>
      </c>
      <c r="B54216" s="14" t="s">
        <v>1</v>
      </c>
      <c r="C54216" s="14" t="s">
        <v>35</v>
      </c>
      <c r="D54216" s="14" t="s">
        <v>107</v>
      </c>
      <c r="E54216" s="15">
        <v>45572</v>
      </c>
      <c r="F54216" s="14" t="s">
        <v>25</v>
      </c>
      <c r="G54216" s="16">
        <v>0</v>
      </c>
    </row>
    <row r="54217" spans="1:7" x14ac:dyDescent="0.3">
      <c r="A54217" s="13" t="s">
        <v>299</v>
      </c>
      <c r="B54217" s="14" t="s">
        <v>1</v>
      </c>
      <c r="C54217" s="14" t="s">
        <v>35</v>
      </c>
      <c r="D54217" s="14" t="s">
        <v>107</v>
      </c>
      <c r="E54217" s="15">
        <v>45573</v>
      </c>
      <c r="F54217" s="14" t="s">
        <v>25</v>
      </c>
      <c r="G54217" s="16">
        <v>0</v>
      </c>
    </row>
    <row r="54218" spans="1:7" x14ac:dyDescent="0.3">
      <c r="A54218" s="13" t="s">
        <v>299</v>
      </c>
      <c r="B54218" s="14" t="s">
        <v>1</v>
      </c>
      <c r="C54218" s="14" t="s">
        <v>35</v>
      </c>
      <c r="D54218" s="14" t="s">
        <v>107</v>
      </c>
      <c r="E54218" s="15">
        <v>45574</v>
      </c>
      <c r="F54218" s="14" t="s">
        <v>25</v>
      </c>
      <c r="G54218" s="16">
        <v>0</v>
      </c>
    </row>
    <row r="54219" spans="1:7" x14ac:dyDescent="0.3">
      <c r="A54219" s="13" t="s">
        <v>299</v>
      </c>
      <c r="B54219" s="14" t="s">
        <v>1</v>
      </c>
      <c r="C54219" s="14" t="s">
        <v>35</v>
      </c>
      <c r="D54219" s="14" t="s">
        <v>107</v>
      </c>
      <c r="E54219" s="15">
        <v>45575</v>
      </c>
      <c r="F54219" s="14" t="s">
        <v>25</v>
      </c>
      <c r="G54219" s="16">
        <v>0</v>
      </c>
    </row>
    <row r="54220" spans="1:7" x14ac:dyDescent="0.3">
      <c r="A54220" s="13" t="s">
        <v>299</v>
      </c>
      <c r="B54220" s="14" t="s">
        <v>1</v>
      </c>
      <c r="C54220" s="14" t="s">
        <v>35</v>
      </c>
      <c r="D54220" s="14" t="s">
        <v>107</v>
      </c>
      <c r="E54220" s="15">
        <v>45576</v>
      </c>
      <c r="F54220" s="14" t="s">
        <v>25</v>
      </c>
      <c r="G54220" s="16">
        <v>0</v>
      </c>
    </row>
    <row r="54221" spans="1:7" x14ac:dyDescent="0.3">
      <c r="A54221" s="13" t="s">
        <v>299</v>
      </c>
      <c r="B54221" s="14" t="s">
        <v>1</v>
      </c>
      <c r="C54221" s="14" t="s">
        <v>35</v>
      </c>
      <c r="D54221" s="14" t="s">
        <v>107</v>
      </c>
      <c r="E54221" s="15">
        <v>45577</v>
      </c>
      <c r="F54221" s="14" t="s">
        <v>25</v>
      </c>
      <c r="G54221" s="16">
        <v>0</v>
      </c>
    </row>
    <row r="54222" spans="1:7" x14ac:dyDescent="0.3">
      <c r="A54222" s="13" t="s">
        <v>299</v>
      </c>
      <c r="B54222" s="14" t="s">
        <v>1</v>
      </c>
      <c r="C54222" s="14" t="s">
        <v>35</v>
      </c>
      <c r="D54222" s="14" t="s">
        <v>107</v>
      </c>
      <c r="E54222" s="15">
        <v>45578</v>
      </c>
      <c r="F54222" s="14" t="s">
        <v>25</v>
      </c>
      <c r="G54222" s="16">
        <v>0</v>
      </c>
    </row>
    <row r="54223" spans="1:7" x14ac:dyDescent="0.3">
      <c r="A54223" s="13" t="s">
        <v>299</v>
      </c>
      <c r="B54223" s="14" t="s">
        <v>1</v>
      </c>
      <c r="C54223" s="14" t="s">
        <v>35</v>
      </c>
      <c r="D54223" s="14" t="s">
        <v>107</v>
      </c>
      <c r="E54223" s="15">
        <v>45579</v>
      </c>
      <c r="F54223" s="14" t="s">
        <v>25</v>
      </c>
      <c r="G54223" s="16">
        <v>0</v>
      </c>
    </row>
    <row r="54224" spans="1:7" x14ac:dyDescent="0.3">
      <c r="A54224" s="13" t="s">
        <v>299</v>
      </c>
      <c r="B54224" s="14" t="s">
        <v>1</v>
      </c>
      <c r="C54224" s="14" t="s">
        <v>35</v>
      </c>
      <c r="D54224" s="14" t="s">
        <v>107</v>
      </c>
      <c r="E54224" s="15">
        <v>45580</v>
      </c>
      <c r="F54224" s="14" t="s">
        <v>25</v>
      </c>
      <c r="G54224" s="16">
        <v>0</v>
      </c>
    </row>
    <row r="54225" spans="1:7" x14ac:dyDescent="0.3">
      <c r="A54225" s="13" t="s">
        <v>299</v>
      </c>
      <c r="B54225" s="14" t="s">
        <v>1</v>
      </c>
      <c r="C54225" s="14" t="s">
        <v>35</v>
      </c>
      <c r="D54225" s="14" t="s">
        <v>107</v>
      </c>
      <c r="E54225" s="15">
        <v>45581</v>
      </c>
      <c r="F54225" s="14" t="s">
        <v>25</v>
      </c>
      <c r="G54225" s="16">
        <v>0</v>
      </c>
    </row>
    <row r="54226" spans="1:7" x14ac:dyDescent="0.3">
      <c r="A54226" s="13" t="s">
        <v>299</v>
      </c>
      <c r="B54226" s="14" t="s">
        <v>1</v>
      </c>
      <c r="C54226" s="14" t="s">
        <v>35</v>
      </c>
      <c r="D54226" s="14" t="s">
        <v>107</v>
      </c>
      <c r="E54226" s="15">
        <v>45582</v>
      </c>
      <c r="F54226" s="14" t="s">
        <v>25</v>
      </c>
      <c r="G54226" s="16">
        <v>0</v>
      </c>
    </row>
    <row r="54227" spans="1:7" x14ac:dyDescent="0.3">
      <c r="A54227" s="13" t="s">
        <v>299</v>
      </c>
      <c r="B54227" s="14" t="s">
        <v>1</v>
      </c>
      <c r="C54227" s="14" t="s">
        <v>35</v>
      </c>
      <c r="D54227" s="14" t="s">
        <v>107</v>
      </c>
      <c r="E54227" s="15">
        <v>45583</v>
      </c>
      <c r="F54227" s="14" t="s">
        <v>25</v>
      </c>
      <c r="G54227" s="16">
        <v>0</v>
      </c>
    </row>
    <row r="54228" spans="1:7" x14ac:dyDescent="0.3">
      <c r="A54228" s="13" t="s">
        <v>299</v>
      </c>
      <c r="B54228" s="14" t="s">
        <v>1</v>
      </c>
      <c r="C54228" s="14" t="s">
        <v>35</v>
      </c>
      <c r="D54228" s="14" t="s">
        <v>107</v>
      </c>
      <c r="E54228" s="15">
        <v>45584</v>
      </c>
      <c r="F54228" s="14" t="s">
        <v>25</v>
      </c>
      <c r="G54228" s="16">
        <v>0</v>
      </c>
    </row>
    <row r="54229" spans="1:7" x14ac:dyDescent="0.3">
      <c r="A54229" s="13" t="s">
        <v>299</v>
      </c>
      <c r="B54229" s="14" t="s">
        <v>1</v>
      </c>
      <c r="C54229" s="14" t="s">
        <v>35</v>
      </c>
      <c r="D54229" s="14" t="s">
        <v>107</v>
      </c>
      <c r="E54229" s="15">
        <v>45585</v>
      </c>
      <c r="F54229" s="14" t="s">
        <v>25</v>
      </c>
      <c r="G54229" s="16">
        <v>0</v>
      </c>
    </row>
    <row r="54230" spans="1:7" x14ac:dyDescent="0.3">
      <c r="A54230" s="13" t="s">
        <v>299</v>
      </c>
      <c r="B54230" s="14" t="s">
        <v>1</v>
      </c>
      <c r="C54230" s="14" t="s">
        <v>35</v>
      </c>
      <c r="D54230" s="14" t="s">
        <v>107</v>
      </c>
      <c r="E54230" s="15">
        <v>45586</v>
      </c>
      <c r="F54230" s="14" t="s">
        <v>25</v>
      </c>
      <c r="G54230" s="16">
        <v>0</v>
      </c>
    </row>
    <row r="54231" spans="1:7" x14ac:dyDescent="0.3">
      <c r="A54231" s="13" t="s">
        <v>299</v>
      </c>
      <c r="B54231" s="14" t="s">
        <v>1</v>
      </c>
      <c r="C54231" s="14" t="s">
        <v>35</v>
      </c>
      <c r="D54231" s="14" t="s">
        <v>107</v>
      </c>
      <c r="E54231" s="15">
        <v>45587</v>
      </c>
      <c r="F54231" s="14" t="s">
        <v>25</v>
      </c>
      <c r="G54231" s="16">
        <v>0</v>
      </c>
    </row>
    <row r="54232" spans="1:7" x14ac:dyDescent="0.3">
      <c r="A54232" s="13" t="s">
        <v>299</v>
      </c>
      <c r="B54232" s="14" t="s">
        <v>1</v>
      </c>
      <c r="C54232" s="14" t="s">
        <v>35</v>
      </c>
      <c r="D54232" s="14" t="s">
        <v>107</v>
      </c>
      <c r="E54232" s="15">
        <v>45588</v>
      </c>
      <c r="F54232" s="14" t="s">
        <v>25</v>
      </c>
      <c r="G54232" s="16">
        <v>0</v>
      </c>
    </row>
    <row r="54233" spans="1:7" x14ac:dyDescent="0.3">
      <c r="A54233" s="13" t="s">
        <v>299</v>
      </c>
      <c r="B54233" s="14" t="s">
        <v>1</v>
      </c>
      <c r="C54233" s="14" t="s">
        <v>35</v>
      </c>
      <c r="D54233" s="14" t="s">
        <v>107</v>
      </c>
      <c r="E54233" s="15">
        <v>45589</v>
      </c>
      <c r="F54233" s="14" t="s">
        <v>25</v>
      </c>
      <c r="G54233" s="16">
        <v>0</v>
      </c>
    </row>
    <row r="54234" spans="1:7" x14ac:dyDescent="0.3">
      <c r="A54234" s="13" t="s">
        <v>299</v>
      </c>
      <c r="B54234" s="14" t="s">
        <v>1</v>
      </c>
      <c r="C54234" s="14" t="s">
        <v>35</v>
      </c>
      <c r="D54234" s="14" t="s">
        <v>107</v>
      </c>
      <c r="E54234" s="15">
        <v>45590</v>
      </c>
      <c r="F54234" s="14" t="s">
        <v>25</v>
      </c>
      <c r="G54234" s="16">
        <v>0</v>
      </c>
    </row>
    <row r="54235" spans="1:7" x14ac:dyDescent="0.3">
      <c r="A54235" s="13" t="s">
        <v>299</v>
      </c>
      <c r="B54235" s="14" t="s">
        <v>1</v>
      </c>
      <c r="C54235" s="14" t="s">
        <v>35</v>
      </c>
      <c r="D54235" s="14" t="s">
        <v>107</v>
      </c>
      <c r="E54235" s="15">
        <v>45591</v>
      </c>
      <c r="F54235" s="14" t="s">
        <v>25</v>
      </c>
      <c r="G54235" s="16">
        <v>0</v>
      </c>
    </row>
    <row r="54236" spans="1:7" x14ac:dyDescent="0.3">
      <c r="A54236" s="13" t="s">
        <v>299</v>
      </c>
      <c r="B54236" s="14" t="s">
        <v>1</v>
      </c>
      <c r="C54236" s="14" t="s">
        <v>35</v>
      </c>
      <c r="D54236" s="14" t="s">
        <v>107</v>
      </c>
      <c r="E54236" s="15">
        <v>45592</v>
      </c>
      <c r="F54236" s="14" t="s">
        <v>25</v>
      </c>
      <c r="G54236" s="16">
        <v>0</v>
      </c>
    </row>
    <row r="54237" spans="1:7" x14ac:dyDescent="0.3">
      <c r="A54237" s="13" t="s">
        <v>299</v>
      </c>
      <c r="B54237" s="14" t="s">
        <v>1</v>
      </c>
      <c r="C54237" s="14" t="s">
        <v>35</v>
      </c>
      <c r="D54237" s="14" t="s">
        <v>107</v>
      </c>
      <c r="E54237" s="15">
        <v>45593</v>
      </c>
      <c r="F54237" s="14" t="s">
        <v>25</v>
      </c>
      <c r="G54237" s="16">
        <v>0</v>
      </c>
    </row>
    <row r="54238" spans="1:7" x14ac:dyDescent="0.3">
      <c r="A54238" s="13" t="s">
        <v>299</v>
      </c>
      <c r="B54238" s="14" t="s">
        <v>1</v>
      </c>
      <c r="C54238" s="14" t="s">
        <v>35</v>
      </c>
      <c r="D54238" s="14" t="s">
        <v>107</v>
      </c>
      <c r="E54238" s="15">
        <v>45594</v>
      </c>
      <c r="F54238" s="14" t="s">
        <v>25</v>
      </c>
      <c r="G54238" s="16">
        <v>0</v>
      </c>
    </row>
    <row r="54239" spans="1:7" x14ac:dyDescent="0.3">
      <c r="A54239" s="13" t="s">
        <v>299</v>
      </c>
      <c r="B54239" s="14" t="s">
        <v>1</v>
      </c>
      <c r="C54239" s="14" t="s">
        <v>35</v>
      </c>
      <c r="D54239" s="14" t="s">
        <v>107</v>
      </c>
      <c r="E54239" s="15">
        <v>45595</v>
      </c>
      <c r="F54239" s="14" t="s">
        <v>25</v>
      </c>
      <c r="G54239" s="16">
        <v>0</v>
      </c>
    </row>
    <row r="54240" spans="1:7" x14ac:dyDescent="0.3">
      <c r="A54240" s="13" t="s">
        <v>299</v>
      </c>
      <c r="B54240" s="14" t="s">
        <v>1</v>
      </c>
      <c r="C54240" s="14" t="s">
        <v>35</v>
      </c>
      <c r="D54240" s="14" t="s">
        <v>107</v>
      </c>
      <c r="E54240" s="15">
        <v>45596</v>
      </c>
      <c r="F54240" s="14" t="s">
        <v>25</v>
      </c>
      <c r="G54240" s="16">
        <v>0</v>
      </c>
    </row>
    <row r="54241" spans="1:7" x14ac:dyDescent="0.3">
      <c r="A54241" s="13" t="s">
        <v>299</v>
      </c>
      <c r="B54241" s="14" t="s">
        <v>1</v>
      </c>
      <c r="C54241" s="14" t="s">
        <v>35</v>
      </c>
      <c r="D54241" s="14" t="s">
        <v>107</v>
      </c>
      <c r="E54241" s="15">
        <v>45597</v>
      </c>
      <c r="F54241" s="14" t="s">
        <v>25</v>
      </c>
      <c r="G54241" s="16">
        <v>0</v>
      </c>
    </row>
    <row r="54242" spans="1:7" x14ac:dyDescent="0.3">
      <c r="A54242" s="13" t="s">
        <v>299</v>
      </c>
      <c r="B54242" s="14" t="s">
        <v>1</v>
      </c>
      <c r="C54242" s="14" t="s">
        <v>35</v>
      </c>
      <c r="D54242" s="14" t="s">
        <v>107</v>
      </c>
      <c r="E54242" s="15">
        <v>45598</v>
      </c>
      <c r="F54242" s="14" t="s">
        <v>25</v>
      </c>
      <c r="G54242" s="16">
        <v>0</v>
      </c>
    </row>
    <row r="54243" spans="1:7" x14ac:dyDescent="0.3">
      <c r="A54243" s="13" t="s">
        <v>299</v>
      </c>
      <c r="B54243" s="14" t="s">
        <v>1</v>
      </c>
      <c r="C54243" s="14" t="s">
        <v>35</v>
      </c>
      <c r="D54243" s="14" t="s">
        <v>107</v>
      </c>
      <c r="E54243" s="15">
        <v>45599</v>
      </c>
      <c r="F54243" s="14" t="s">
        <v>25</v>
      </c>
      <c r="G54243" s="16">
        <v>0</v>
      </c>
    </row>
    <row r="54244" spans="1:7" x14ac:dyDescent="0.3">
      <c r="A54244" s="13" t="s">
        <v>299</v>
      </c>
      <c r="B54244" s="14" t="s">
        <v>1</v>
      </c>
      <c r="C54244" s="14" t="s">
        <v>35</v>
      </c>
      <c r="D54244" s="14" t="s">
        <v>107</v>
      </c>
      <c r="E54244" s="15">
        <v>45600</v>
      </c>
      <c r="F54244" s="14" t="s">
        <v>25</v>
      </c>
      <c r="G54244" s="16">
        <v>0</v>
      </c>
    </row>
    <row r="54245" spans="1:7" x14ac:dyDescent="0.3">
      <c r="A54245" s="13" t="s">
        <v>299</v>
      </c>
      <c r="B54245" s="14" t="s">
        <v>1</v>
      </c>
      <c r="C54245" s="14" t="s">
        <v>35</v>
      </c>
      <c r="D54245" s="14" t="s">
        <v>107</v>
      </c>
      <c r="E54245" s="15">
        <v>45601</v>
      </c>
      <c r="F54245" s="14" t="s">
        <v>25</v>
      </c>
      <c r="G54245" s="16">
        <v>0</v>
      </c>
    </row>
    <row r="54246" spans="1:7" x14ac:dyDescent="0.3">
      <c r="A54246" s="13" t="s">
        <v>299</v>
      </c>
      <c r="B54246" s="14" t="s">
        <v>1</v>
      </c>
      <c r="C54246" s="14" t="s">
        <v>35</v>
      </c>
      <c r="D54246" s="14" t="s">
        <v>107</v>
      </c>
      <c r="E54246" s="15">
        <v>45602</v>
      </c>
      <c r="F54246" s="14" t="s">
        <v>25</v>
      </c>
      <c r="G54246" s="16">
        <v>0</v>
      </c>
    </row>
    <row r="54247" spans="1:7" x14ac:dyDescent="0.3">
      <c r="A54247" s="13" t="s">
        <v>299</v>
      </c>
      <c r="B54247" s="14" t="s">
        <v>1</v>
      </c>
      <c r="C54247" s="14" t="s">
        <v>35</v>
      </c>
      <c r="D54247" s="14" t="s">
        <v>107</v>
      </c>
      <c r="E54247" s="15">
        <v>45603</v>
      </c>
      <c r="F54247" s="14" t="s">
        <v>25</v>
      </c>
      <c r="G54247" s="16">
        <v>0</v>
      </c>
    </row>
    <row r="54248" spans="1:7" x14ac:dyDescent="0.3">
      <c r="A54248" s="13" t="s">
        <v>299</v>
      </c>
      <c r="B54248" s="14" t="s">
        <v>1</v>
      </c>
      <c r="C54248" s="14" t="s">
        <v>35</v>
      </c>
      <c r="D54248" s="14" t="s">
        <v>107</v>
      </c>
      <c r="E54248" s="15">
        <v>45604</v>
      </c>
      <c r="F54248" s="14" t="s">
        <v>25</v>
      </c>
      <c r="G54248" s="16">
        <v>0</v>
      </c>
    </row>
    <row r="54249" spans="1:7" x14ac:dyDescent="0.3">
      <c r="A54249" s="13" t="s">
        <v>299</v>
      </c>
      <c r="B54249" s="14" t="s">
        <v>1</v>
      </c>
      <c r="C54249" s="14" t="s">
        <v>35</v>
      </c>
      <c r="D54249" s="14" t="s">
        <v>107</v>
      </c>
      <c r="E54249" s="15">
        <v>45605</v>
      </c>
      <c r="F54249" s="14" t="s">
        <v>25</v>
      </c>
      <c r="G54249" s="16">
        <v>0</v>
      </c>
    </row>
    <row r="54250" spans="1:7" x14ac:dyDescent="0.3">
      <c r="A54250" s="13" t="s">
        <v>299</v>
      </c>
      <c r="B54250" s="14" t="s">
        <v>1</v>
      </c>
      <c r="C54250" s="14" t="s">
        <v>35</v>
      </c>
      <c r="D54250" s="14" t="s">
        <v>107</v>
      </c>
      <c r="E54250" s="15">
        <v>45606</v>
      </c>
      <c r="F54250" s="14" t="s">
        <v>25</v>
      </c>
      <c r="G54250" s="16">
        <v>0</v>
      </c>
    </row>
    <row r="54251" spans="1:7" x14ac:dyDescent="0.3">
      <c r="A54251" s="13" t="s">
        <v>299</v>
      </c>
      <c r="B54251" s="14" t="s">
        <v>1</v>
      </c>
      <c r="C54251" s="14" t="s">
        <v>35</v>
      </c>
      <c r="D54251" s="14" t="s">
        <v>107</v>
      </c>
      <c r="E54251" s="15">
        <v>45607</v>
      </c>
      <c r="F54251" s="14" t="s">
        <v>25</v>
      </c>
      <c r="G54251" s="16">
        <v>0</v>
      </c>
    </row>
    <row r="54252" spans="1:7" x14ac:dyDescent="0.3">
      <c r="A54252" s="13" t="s">
        <v>299</v>
      </c>
      <c r="B54252" s="14" t="s">
        <v>1</v>
      </c>
      <c r="C54252" s="14" t="s">
        <v>35</v>
      </c>
      <c r="D54252" s="14" t="s">
        <v>107</v>
      </c>
      <c r="E54252" s="15">
        <v>45608</v>
      </c>
      <c r="F54252" s="14" t="s">
        <v>25</v>
      </c>
      <c r="G54252" s="16">
        <v>0</v>
      </c>
    </row>
    <row r="54253" spans="1:7" x14ac:dyDescent="0.3">
      <c r="A54253" s="13" t="s">
        <v>299</v>
      </c>
      <c r="B54253" s="14" t="s">
        <v>1</v>
      </c>
      <c r="C54253" s="14" t="s">
        <v>35</v>
      </c>
      <c r="D54253" s="14" t="s">
        <v>107</v>
      </c>
      <c r="E54253" s="15">
        <v>45609</v>
      </c>
      <c r="F54253" s="14" t="s">
        <v>25</v>
      </c>
      <c r="G54253" s="16">
        <v>0</v>
      </c>
    </row>
    <row r="54254" spans="1:7" x14ac:dyDescent="0.3">
      <c r="A54254" s="13" t="s">
        <v>299</v>
      </c>
      <c r="B54254" s="14" t="s">
        <v>1</v>
      </c>
      <c r="C54254" s="14" t="s">
        <v>35</v>
      </c>
      <c r="D54254" s="14" t="s">
        <v>107</v>
      </c>
      <c r="E54254" s="15">
        <v>45610</v>
      </c>
      <c r="F54254" s="14" t="s">
        <v>25</v>
      </c>
      <c r="G54254" s="16">
        <v>0</v>
      </c>
    </row>
    <row r="54255" spans="1:7" x14ac:dyDescent="0.3">
      <c r="A54255" s="13" t="s">
        <v>299</v>
      </c>
      <c r="B54255" s="14" t="s">
        <v>1</v>
      </c>
      <c r="C54255" s="14" t="s">
        <v>35</v>
      </c>
      <c r="D54255" s="14" t="s">
        <v>107</v>
      </c>
      <c r="E54255" s="15">
        <v>45611</v>
      </c>
      <c r="F54255" s="14" t="s">
        <v>25</v>
      </c>
      <c r="G54255" s="16">
        <v>0</v>
      </c>
    </row>
    <row r="54256" spans="1:7" x14ac:dyDescent="0.3">
      <c r="A54256" s="13" t="s">
        <v>299</v>
      </c>
      <c r="B54256" s="14" t="s">
        <v>1</v>
      </c>
      <c r="C54256" s="14" t="s">
        <v>35</v>
      </c>
      <c r="D54256" s="14" t="s">
        <v>107</v>
      </c>
      <c r="E54256" s="15">
        <v>45612</v>
      </c>
      <c r="F54256" s="14" t="s">
        <v>25</v>
      </c>
      <c r="G54256" s="16">
        <v>0</v>
      </c>
    </row>
    <row r="54257" spans="1:7" x14ac:dyDescent="0.3">
      <c r="A54257" s="13" t="s">
        <v>299</v>
      </c>
      <c r="B54257" s="14" t="s">
        <v>1</v>
      </c>
      <c r="C54257" s="14" t="s">
        <v>35</v>
      </c>
      <c r="D54257" s="14" t="s">
        <v>107</v>
      </c>
      <c r="E54257" s="15">
        <v>45613</v>
      </c>
      <c r="F54257" s="14" t="s">
        <v>25</v>
      </c>
      <c r="G54257" s="16">
        <v>0</v>
      </c>
    </row>
    <row r="54258" spans="1:7" x14ac:dyDescent="0.3">
      <c r="A54258" s="13" t="s">
        <v>299</v>
      </c>
      <c r="B54258" s="14" t="s">
        <v>1</v>
      </c>
      <c r="C54258" s="14" t="s">
        <v>35</v>
      </c>
      <c r="D54258" s="14" t="s">
        <v>107</v>
      </c>
      <c r="E54258" s="15">
        <v>45614</v>
      </c>
      <c r="F54258" s="14" t="s">
        <v>25</v>
      </c>
      <c r="G54258" s="16">
        <v>0</v>
      </c>
    </row>
    <row r="54259" spans="1:7" x14ac:dyDescent="0.3">
      <c r="A54259" s="13" t="s">
        <v>299</v>
      </c>
      <c r="B54259" s="14" t="s">
        <v>1</v>
      </c>
      <c r="C54259" s="14" t="s">
        <v>35</v>
      </c>
      <c r="D54259" s="14" t="s">
        <v>107</v>
      </c>
      <c r="E54259" s="15">
        <v>45615</v>
      </c>
      <c r="F54259" s="14" t="s">
        <v>25</v>
      </c>
      <c r="G54259" s="16">
        <v>0</v>
      </c>
    </row>
    <row r="54260" spans="1:7" x14ac:dyDescent="0.3">
      <c r="A54260" s="13" t="s">
        <v>299</v>
      </c>
      <c r="B54260" s="14" t="s">
        <v>1</v>
      </c>
      <c r="C54260" s="14" t="s">
        <v>35</v>
      </c>
      <c r="D54260" s="14" t="s">
        <v>107</v>
      </c>
      <c r="E54260" s="15">
        <v>45616</v>
      </c>
      <c r="F54260" s="14" t="s">
        <v>25</v>
      </c>
      <c r="G54260" s="16">
        <v>0</v>
      </c>
    </row>
    <row r="54261" spans="1:7" x14ac:dyDescent="0.3">
      <c r="A54261" s="13" t="s">
        <v>299</v>
      </c>
      <c r="B54261" s="14" t="s">
        <v>1</v>
      </c>
      <c r="C54261" s="14" t="s">
        <v>35</v>
      </c>
      <c r="D54261" s="14" t="s">
        <v>107</v>
      </c>
      <c r="E54261" s="15">
        <v>45617</v>
      </c>
      <c r="F54261" s="14" t="s">
        <v>25</v>
      </c>
      <c r="G54261" s="16">
        <v>0</v>
      </c>
    </row>
    <row r="54262" spans="1:7" x14ac:dyDescent="0.3">
      <c r="A54262" s="13" t="s">
        <v>299</v>
      </c>
      <c r="B54262" s="14" t="s">
        <v>1</v>
      </c>
      <c r="C54262" s="14" t="s">
        <v>35</v>
      </c>
      <c r="D54262" s="14" t="s">
        <v>107</v>
      </c>
      <c r="E54262" s="15">
        <v>45618</v>
      </c>
      <c r="F54262" s="14" t="s">
        <v>25</v>
      </c>
      <c r="G54262" s="16">
        <v>0</v>
      </c>
    </row>
    <row r="54263" spans="1:7" x14ac:dyDescent="0.3">
      <c r="A54263" s="13" t="s">
        <v>299</v>
      </c>
      <c r="B54263" s="14" t="s">
        <v>1</v>
      </c>
      <c r="C54263" s="14" t="s">
        <v>35</v>
      </c>
      <c r="D54263" s="14" t="s">
        <v>107</v>
      </c>
      <c r="E54263" s="15">
        <v>45619</v>
      </c>
      <c r="F54263" s="14" t="s">
        <v>25</v>
      </c>
      <c r="G54263" s="16">
        <v>0</v>
      </c>
    </row>
    <row r="54264" spans="1:7" x14ac:dyDescent="0.3">
      <c r="A54264" s="13" t="s">
        <v>299</v>
      </c>
      <c r="B54264" s="14" t="s">
        <v>1</v>
      </c>
      <c r="C54264" s="14" t="s">
        <v>35</v>
      </c>
      <c r="D54264" s="14" t="s">
        <v>107</v>
      </c>
      <c r="E54264" s="15">
        <v>45620</v>
      </c>
      <c r="F54264" s="14" t="s">
        <v>25</v>
      </c>
      <c r="G54264" s="16">
        <v>0</v>
      </c>
    </row>
    <row r="54265" spans="1:7" x14ac:dyDescent="0.3">
      <c r="A54265" s="13" t="s">
        <v>299</v>
      </c>
      <c r="B54265" s="14" t="s">
        <v>1</v>
      </c>
      <c r="C54265" s="14" t="s">
        <v>35</v>
      </c>
      <c r="D54265" s="14" t="s">
        <v>107</v>
      </c>
      <c r="E54265" s="15">
        <v>45621</v>
      </c>
      <c r="F54265" s="14" t="s">
        <v>25</v>
      </c>
      <c r="G54265" s="16">
        <v>0</v>
      </c>
    </row>
    <row r="54266" spans="1:7" x14ac:dyDescent="0.3">
      <c r="A54266" s="13" t="s">
        <v>299</v>
      </c>
      <c r="B54266" s="14" t="s">
        <v>1</v>
      </c>
      <c r="C54266" s="14" t="s">
        <v>35</v>
      </c>
      <c r="D54266" s="14" t="s">
        <v>107</v>
      </c>
      <c r="E54266" s="15">
        <v>45622</v>
      </c>
      <c r="F54266" s="14" t="s">
        <v>25</v>
      </c>
      <c r="G54266" s="16">
        <v>0</v>
      </c>
    </row>
    <row r="54267" spans="1:7" x14ac:dyDescent="0.3">
      <c r="A54267" s="13" t="s">
        <v>299</v>
      </c>
      <c r="B54267" s="14" t="s">
        <v>1</v>
      </c>
      <c r="C54267" s="14" t="s">
        <v>35</v>
      </c>
      <c r="D54267" s="14" t="s">
        <v>107</v>
      </c>
      <c r="E54267" s="15">
        <v>45623</v>
      </c>
      <c r="F54267" s="14" t="s">
        <v>25</v>
      </c>
      <c r="G54267" s="16">
        <v>0</v>
      </c>
    </row>
    <row r="54268" spans="1:7" x14ac:dyDescent="0.3">
      <c r="A54268" s="13" t="s">
        <v>299</v>
      </c>
      <c r="B54268" s="14" t="s">
        <v>1</v>
      </c>
      <c r="C54268" s="14" t="s">
        <v>35</v>
      </c>
      <c r="D54268" s="14" t="s">
        <v>107</v>
      </c>
      <c r="E54268" s="15">
        <v>45624</v>
      </c>
      <c r="F54268" s="14" t="s">
        <v>25</v>
      </c>
      <c r="G54268" s="16">
        <v>0</v>
      </c>
    </row>
    <row r="54269" spans="1:7" x14ac:dyDescent="0.3">
      <c r="A54269" s="13" t="s">
        <v>299</v>
      </c>
      <c r="B54269" s="14" t="s">
        <v>1</v>
      </c>
      <c r="C54269" s="14" t="s">
        <v>35</v>
      </c>
      <c r="D54269" s="14" t="s">
        <v>107</v>
      </c>
      <c r="E54269" s="15">
        <v>45625</v>
      </c>
      <c r="F54269" s="14" t="s">
        <v>25</v>
      </c>
      <c r="G54269" s="16">
        <v>0</v>
      </c>
    </row>
    <row r="54270" spans="1:7" x14ac:dyDescent="0.3">
      <c r="A54270" s="13" t="s">
        <v>299</v>
      </c>
      <c r="B54270" s="14" t="s">
        <v>1</v>
      </c>
      <c r="C54270" s="14" t="s">
        <v>35</v>
      </c>
      <c r="D54270" s="14" t="s">
        <v>107</v>
      </c>
      <c r="E54270" s="15">
        <v>45626</v>
      </c>
      <c r="F54270" s="14" t="s">
        <v>25</v>
      </c>
      <c r="G54270" s="16">
        <v>0</v>
      </c>
    </row>
    <row r="54271" spans="1:7" x14ac:dyDescent="0.3">
      <c r="A54271" s="13" t="s">
        <v>299</v>
      </c>
      <c r="B54271" s="14" t="s">
        <v>1</v>
      </c>
      <c r="C54271" s="14" t="s">
        <v>35</v>
      </c>
      <c r="D54271" s="14" t="s">
        <v>107</v>
      </c>
      <c r="E54271" s="15">
        <v>45627</v>
      </c>
      <c r="F54271" s="14" t="s">
        <v>25</v>
      </c>
      <c r="G54271" s="16">
        <v>0</v>
      </c>
    </row>
    <row r="54272" spans="1:7" x14ac:dyDescent="0.3">
      <c r="A54272" s="13" t="s">
        <v>299</v>
      </c>
      <c r="B54272" s="14" t="s">
        <v>1</v>
      </c>
      <c r="C54272" s="14" t="s">
        <v>35</v>
      </c>
      <c r="D54272" s="14" t="s">
        <v>107</v>
      </c>
      <c r="E54272" s="15">
        <v>45628</v>
      </c>
      <c r="F54272" s="14" t="s">
        <v>25</v>
      </c>
      <c r="G54272" s="16">
        <v>0</v>
      </c>
    </row>
    <row r="54273" spans="1:7" x14ac:dyDescent="0.3">
      <c r="A54273" s="13" t="s">
        <v>299</v>
      </c>
      <c r="B54273" s="14" t="s">
        <v>1</v>
      </c>
      <c r="C54273" s="14" t="s">
        <v>35</v>
      </c>
      <c r="D54273" s="14" t="s">
        <v>107</v>
      </c>
      <c r="E54273" s="15">
        <v>45629</v>
      </c>
      <c r="F54273" s="14" t="s">
        <v>25</v>
      </c>
      <c r="G54273" s="16">
        <v>0</v>
      </c>
    </row>
    <row r="54274" spans="1:7" x14ac:dyDescent="0.3">
      <c r="A54274" s="13" t="s">
        <v>299</v>
      </c>
      <c r="B54274" s="14" t="s">
        <v>1</v>
      </c>
      <c r="C54274" s="14" t="s">
        <v>35</v>
      </c>
      <c r="D54274" s="14" t="s">
        <v>107</v>
      </c>
      <c r="E54274" s="15">
        <v>45630</v>
      </c>
      <c r="F54274" s="14" t="s">
        <v>25</v>
      </c>
      <c r="G54274" s="16">
        <v>0</v>
      </c>
    </row>
    <row r="54275" spans="1:7" x14ac:dyDescent="0.3">
      <c r="A54275" s="13" t="s">
        <v>299</v>
      </c>
      <c r="B54275" s="14" t="s">
        <v>1</v>
      </c>
      <c r="C54275" s="14" t="s">
        <v>35</v>
      </c>
      <c r="D54275" s="14" t="s">
        <v>107</v>
      </c>
      <c r="E54275" s="15">
        <v>45631</v>
      </c>
      <c r="F54275" s="14" t="s">
        <v>25</v>
      </c>
      <c r="G54275" s="16">
        <v>0</v>
      </c>
    </row>
    <row r="54276" spans="1:7" x14ac:dyDescent="0.3">
      <c r="A54276" s="13" t="s">
        <v>299</v>
      </c>
      <c r="B54276" s="14" t="s">
        <v>1</v>
      </c>
      <c r="C54276" s="14" t="s">
        <v>35</v>
      </c>
      <c r="D54276" s="14" t="s">
        <v>107</v>
      </c>
      <c r="E54276" s="15">
        <v>45632</v>
      </c>
      <c r="F54276" s="14" t="s">
        <v>25</v>
      </c>
      <c r="G54276" s="16">
        <v>0</v>
      </c>
    </row>
    <row r="54277" spans="1:7" x14ac:dyDescent="0.3">
      <c r="A54277" s="13" t="s">
        <v>299</v>
      </c>
      <c r="B54277" s="14" t="s">
        <v>1</v>
      </c>
      <c r="C54277" s="14" t="s">
        <v>35</v>
      </c>
      <c r="D54277" s="14" t="s">
        <v>107</v>
      </c>
      <c r="E54277" s="15">
        <v>45633</v>
      </c>
      <c r="F54277" s="14" t="s">
        <v>25</v>
      </c>
      <c r="G54277" s="16">
        <v>0</v>
      </c>
    </row>
    <row r="54278" spans="1:7" x14ac:dyDescent="0.3">
      <c r="A54278" s="13" t="s">
        <v>299</v>
      </c>
      <c r="B54278" s="14" t="s">
        <v>1</v>
      </c>
      <c r="C54278" s="14" t="s">
        <v>35</v>
      </c>
      <c r="D54278" s="14" t="s">
        <v>107</v>
      </c>
      <c r="E54278" s="15">
        <v>45634</v>
      </c>
      <c r="F54278" s="14" t="s">
        <v>25</v>
      </c>
      <c r="G54278" s="16">
        <v>0</v>
      </c>
    </row>
    <row r="54279" spans="1:7" x14ac:dyDescent="0.3">
      <c r="A54279" s="13" t="s">
        <v>299</v>
      </c>
      <c r="B54279" s="14" t="s">
        <v>1</v>
      </c>
      <c r="C54279" s="14" t="s">
        <v>35</v>
      </c>
      <c r="D54279" s="14" t="s">
        <v>107</v>
      </c>
      <c r="E54279" s="15">
        <v>45635</v>
      </c>
      <c r="F54279" s="14" t="s">
        <v>25</v>
      </c>
      <c r="G54279" s="16">
        <v>0</v>
      </c>
    </row>
    <row r="54280" spans="1:7" x14ac:dyDescent="0.3">
      <c r="A54280" s="13" t="s">
        <v>299</v>
      </c>
      <c r="B54280" s="14" t="s">
        <v>1</v>
      </c>
      <c r="C54280" s="14" t="s">
        <v>35</v>
      </c>
      <c r="D54280" s="14" t="s">
        <v>107</v>
      </c>
      <c r="E54280" s="15">
        <v>45636</v>
      </c>
      <c r="F54280" s="14" t="s">
        <v>25</v>
      </c>
      <c r="G54280" s="16">
        <v>0</v>
      </c>
    </row>
    <row r="54281" spans="1:7" x14ac:dyDescent="0.3">
      <c r="A54281" s="13" t="s">
        <v>299</v>
      </c>
      <c r="B54281" s="14" t="s">
        <v>1</v>
      </c>
      <c r="C54281" s="14" t="s">
        <v>35</v>
      </c>
      <c r="D54281" s="14" t="s">
        <v>107</v>
      </c>
      <c r="E54281" s="15">
        <v>45637</v>
      </c>
      <c r="F54281" s="14" t="s">
        <v>25</v>
      </c>
      <c r="G54281" s="16">
        <v>0</v>
      </c>
    </row>
    <row r="54282" spans="1:7" x14ac:dyDescent="0.3">
      <c r="A54282" s="13" t="s">
        <v>299</v>
      </c>
      <c r="B54282" s="14" t="s">
        <v>1</v>
      </c>
      <c r="C54282" s="14" t="s">
        <v>35</v>
      </c>
      <c r="D54282" s="14" t="s">
        <v>107</v>
      </c>
      <c r="E54282" s="15">
        <v>45638</v>
      </c>
      <c r="F54282" s="14" t="s">
        <v>25</v>
      </c>
      <c r="G54282" s="16">
        <v>0</v>
      </c>
    </row>
    <row r="54283" spans="1:7" x14ac:dyDescent="0.3">
      <c r="A54283" s="13" t="s">
        <v>299</v>
      </c>
      <c r="B54283" s="14" t="s">
        <v>1</v>
      </c>
      <c r="C54283" s="14" t="s">
        <v>35</v>
      </c>
      <c r="D54283" s="14" t="s">
        <v>107</v>
      </c>
      <c r="E54283" s="15">
        <v>45639</v>
      </c>
      <c r="F54283" s="14" t="s">
        <v>25</v>
      </c>
      <c r="G54283" s="16">
        <v>0</v>
      </c>
    </row>
    <row r="54284" spans="1:7" x14ac:dyDescent="0.3">
      <c r="A54284" s="13" t="s">
        <v>299</v>
      </c>
      <c r="B54284" s="14" t="s">
        <v>1</v>
      </c>
      <c r="C54284" s="14" t="s">
        <v>35</v>
      </c>
      <c r="D54284" s="14" t="s">
        <v>107</v>
      </c>
      <c r="E54284" s="15">
        <v>45640</v>
      </c>
      <c r="F54284" s="14" t="s">
        <v>25</v>
      </c>
      <c r="G54284" s="16">
        <v>0</v>
      </c>
    </row>
    <row r="54285" spans="1:7" x14ac:dyDescent="0.3">
      <c r="A54285" s="13" t="s">
        <v>299</v>
      </c>
      <c r="B54285" s="14" t="s">
        <v>1</v>
      </c>
      <c r="C54285" s="14" t="s">
        <v>35</v>
      </c>
      <c r="D54285" s="14" t="s">
        <v>107</v>
      </c>
      <c r="E54285" s="15">
        <v>45641</v>
      </c>
      <c r="F54285" s="14" t="s">
        <v>25</v>
      </c>
      <c r="G54285" s="16">
        <v>0</v>
      </c>
    </row>
    <row r="54286" spans="1:7" x14ac:dyDescent="0.3">
      <c r="A54286" s="13" t="s">
        <v>299</v>
      </c>
      <c r="B54286" s="14" t="s">
        <v>1</v>
      </c>
      <c r="C54286" s="14" t="s">
        <v>35</v>
      </c>
      <c r="D54286" s="14" t="s">
        <v>107</v>
      </c>
      <c r="E54286" s="15">
        <v>45642</v>
      </c>
      <c r="F54286" s="14" t="s">
        <v>25</v>
      </c>
      <c r="G54286" s="16">
        <v>0</v>
      </c>
    </row>
    <row r="54287" spans="1:7" x14ac:dyDescent="0.3">
      <c r="A54287" s="13" t="s">
        <v>299</v>
      </c>
      <c r="B54287" s="14" t="s">
        <v>1</v>
      </c>
      <c r="C54287" s="14" t="s">
        <v>35</v>
      </c>
      <c r="D54287" s="14" t="s">
        <v>107</v>
      </c>
      <c r="E54287" s="15">
        <v>45643</v>
      </c>
      <c r="F54287" s="14" t="s">
        <v>25</v>
      </c>
      <c r="G54287" s="16">
        <v>0</v>
      </c>
    </row>
    <row r="54288" spans="1:7" x14ac:dyDescent="0.3">
      <c r="A54288" s="13" t="s">
        <v>299</v>
      </c>
      <c r="B54288" s="14" t="s">
        <v>1</v>
      </c>
      <c r="C54288" s="14" t="s">
        <v>35</v>
      </c>
      <c r="D54288" s="14" t="s">
        <v>107</v>
      </c>
      <c r="E54288" s="15">
        <v>45644</v>
      </c>
      <c r="F54288" s="14" t="s">
        <v>25</v>
      </c>
      <c r="G54288" s="16">
        <v>0</v>
      </c>
    </row>
    <row r="54289" spans="1:7" x14ac:dyDescent="0.3">
      <c r="A54289" s="13" t="s">
        <v>299</v>
      </c>
      <c r="B54289" s="14" t="s">
        <v>1</v>
      </c>
      <c r="C54289" s="14" t="s">
        <v>35</v>
      </c>
      <c r="D54289" s="14" t="s">
        <v>107</v>
      </c>
      <c r="E54289" s="15">
        <v>45645</v>
      </c>
      <c r="F54289" s="14" t="s">
        <v>25</v>
      </c>
      <c r="G54289" s="16">
        <v>0</v>
      </c>
    </row>
    <row r="54290" spans="1:7" x14ac:dyDescent="0.3">
      <c r="A54290" s="13" t="s">
        <v>299</v>
      </c>
      <c r="B54290" s="14" t="s">
        <v>1</v>
      </c>
      <c r="C54290" s="14" t="s">
        <v>35</v>
      </c>
      <c r="D54290" s="14" t="s">
        <v>107</v>
      </c>
      <c r="E54290" s="15">
        <v>45646</v>
      </c>
      <c r="F54290" s="14" t="s">
        <v>25</v>
      </c>
      <c r="G54290" s="16">
        <v>0</v>
      </c>
    </row>
    <row r="54291" spans="1:7" x14ac:dyDescent="0.3">
      <c r="A54291" s="13" t="s">
        <v>299</v>
      </c>
      <c r="B54291" s="14" t="s">
        <v>1</v>
      </c>
      <c r="C54291" s="14" t="s">
        <v>35</v>
      </c>
      <c r="D54291" s="14" t="s">
        <v>107</v>
      </c>
      <c r="E54291" s="15">
        <v>45647</v>
      </c>
      <c r="F54291" s="14" t="s">
        <v>25</v>
      </c>
      <c r="G54291" s="16">
        <v>0</v>
      </c>
    </row>
    <row r="54292" spans="1:7" x14ac:dyDescent="0.3">
      <c r="A54292" s="13" t="s">
        <v>299</v>
      </c>
      <c r="B54292" s="14" t="s">
        <v>1</v>
      </c>
      <c r="C54292" s="14" t="s">
        <v>35</v>
      </c>
      <c r="D54292" s="14" t="s">
        <v>107</v>
      </c>
      <c r="E54292" s="15">
        <v>45648</v>
      </c>
      <c r="F54292" s="14" t="s">
        <v>25</v>
      </c>
      <c r="G54292" s="16">
        <v>0</v>
      </c>
    </row>
    <row r="54293" spans="1:7" x14ac:dyDescent="0.3">
      <c r="A54293" s="13" t="s">
        <v>299</v>
      </c>
      <c r="B54293" s="14" t="s">
        <v>1</v>
      </c>
      <c r="C54293" s="14" t="s">
        <v>35</v>
      </c>
      <c r="D54293" s="14" t="s">
        <v>107</v>
      </c>
      <c r="E54293" s="15">
        <v>45649</v>
      </c>
      <c r="F54293" s="14" t="s">
        <v>25</v>
      </c>
      <c r="G54293" s="16">
        <v>0</v>
      </c>
    </row>
    <row r="54294" spans="1:7" x14ac:dyDescent="0.3">
      <c r="A54294" s="13" t="s">
        <v>299</v>
      </c>
      <c r="B54294" s="14" t="s">
        <v>1</v>
      </c>
      <c r="C54294" s="14" t="s">
        <v>35</v>
      </c>
      <c r="D54294" s="14" t="s">
        <v>107</v>
      </c>
      <c r="E54294" s="15">
        <v>45650</v>
      </c>
      <c r="F54294" s="14" t="s">
        <v>25</v>
      </c>
      <c r="G54294" s="16">
        <v>0</v>
      </c>
    </row>
    <row r="54295" spans="1:7" x14ac:dyDescent="0.3">
      <c r="A54295" s="13" t="s">
        <v>299</v>
      </c>
      <c r="B54295" s="14" t="s">
        <v>1</v>
      </c>
      <c r="C54295" s="14" t="s">
        <v>35</v>
      </c>
      <c r="D54295" s="14" t="s">
        <v>107</v>
      </c>
      <c r="E54295" s="15">
        <v>45651</v>
      </c>
      <c r="F54295" s="14" t="s">
        <v>25</v>
      </c>
      <c r="G54295" s="16">
        <v>0</v>
      </c>
    </row>
    <row r="54296" spans="1:7" x14ac:dyDescent="0.3">
      <c r="A54296" s="13" t="s">
        <v>299</v>
      </c>
      <c r="B54296" s="14" t="s">
        <v>1</v>
      </c>
      <c r="C54296" s="14" t="s">
        <v>35</v>
      </c>
      <c r="D54296" s="14" t="s">
        <v>107</v>
      </c>
      <c r="E54296" s="15">
        <v>45652</v>
      </c>
      <c r="F54296" s="14" t="s">
        <v>25</v>
      </c>
      <c r="G54296" s="16">
        <v>0</v>
      </c>
    </row>
    <row r="54297" spans="1:7" x14ac:dyDescent="0.3">
      <c r="A54297" s="13" t="s">
        <v>299</v>
      </c>
      <c r="B54297" s="14" t="s">
        <v>1</v>
      </c>
      <c r="C54297" s="14" t="s">
        <v>35</v>
      </c>
      <c r="D54297" s="14" t="s">
        <v>107</v>
      </c>
      <c r="E54297" s="15">
        <v>45653</v>
      </c>
      <c r="F54297" s="14" t="s">
        <v>25</v>
      </c>
      <c r="G54297" s="16">
        <v>0</v>
      </c>
    </row>
    <row r="54298" spans="1:7" x14ac:dyDescent="0.3">
      <c r="A54298" s="13" t="s">
        <v>299</v>
      </c>
      <c r="B54298" s="14" t="s">
        <v>1</v>
      </c>
      <c r="C54298" s="14" t="s">
        <v>35</v>
      </c>
      <c r="D54298" s="14" t="s">
        <v>107</v>
      </c>
      <c r="E54298" s="15">
        <v>45654</v>
      </c>
      <c r="F54298" s="14" t="s">
        <v>25</v>
      </c>
      <c r="G54298" s="16">
        <v>0</v>
      </c>
    </row>
    <row r="54299" spans="1:7" x14ac:dyDescent="0.3">
      <c r="A54299" s="13" t="s">
        <v>299</v>
      </c>
      <c r="B54299" s="14" t="s">
        <v>1</v>
      </c>
      <c r="C54299" s="14" t="s">
        <v>35</v>
      </c>
      <c r="D54299" s="14" t="s">
        <v>107</v>
      </c>
      <c r="E54299" s="15">
        <v>45655</v>
      </c>
      <c r="F54299" s="14" t="s">
        <v>25</v>
      </c>
      <c r="G54299" s="16">
        <v>0</v>
      </c>
    </row>
    <row r="54300" spans="1:7" x14ac:dyDescent="0.3">
      <c r="A54300" s="13" t="s">
        <v>299</v>
      </c>
      <c r="B54300" s="14" t="s">
        <v>1</v>
      </c>
      <c r="C54300" s="14" t="s">
        <v>35</v>
      </c>
      <c r="D54300" s="14" t="s">
        <v>107</v>
      </c>
      <c r="E54300" s="15">
        <v>45656</v>
      </c>
      <c r="F54300" s="14" t="s">
        <v>25</v>
      </c>
      <c r="G54300" s="16">
        <v>0</v>
      </c>
    </row>
    <row r="54301" spans="1:7" x14ac:dyDescent="0.3">
      <c r="A54301" s="13" t="s">
        <v>299</v>
      </c>
      <c r="B54301" s="14" t="s">
        <v>1</v>
      </c>
      <c r="C54301" s="14" t="s">
        <v>35</v>
      </c>
      <c r="D54301" s="14" t="s">
        <v>107</v>
      </c>
      <c r="E54301" s="15">
        <v>45657</v>
      </c>
      <c r="F54301" s="14" t="s">
        <v>25</v>
      </c>
      <c r="G54301" s="16">
        <v>0</v>
      </c>
    </row>
    <row r="54302" spans="1:7" x14ac:dyDescent="0.3">
      <c r="A54302" s="13" t="s">
        <v>299</v>
      </c>
      <c r="B54302" s="14" t="s">
        <v>1</v>
      </c>
      <c r="C54302" s="14" t="s">
        <v>35</v>
      </c>
      <c r="D54302" s="14" t="s">
        <v>107</v>
      </c>
      <c r="E54302" s="15">
        <v>45658</v>
      </c>
      <c r="F54302" s="14" t="s">
        <v>25</v>
      </c>
      <c r="G54302" s="16">
        <v>0</v>
      </c>
    </row>
    <row r="54303" spans="1:7" x14ac:dyDescent="0.3">
      <c r="A54303" s="13" t="s">
        <v>299</v>
      </c>
      <c r="B54303" s="14" t="s">
        <v>1</v>
      </c>
      <c r="C54303" s="14" t="s">
        <v>35</v>
      </c>
      <c r="D54303" s="14" t="s">
        <v>107</v>
      </c>
      <c r="E54303" s="15">
        <v>45659</v>
      </c>
      <c r="F54303" s="14" t="s">
        <v>25</v>
      </c>
      <c r="G54303" s="16">
        <v>0</v>
      </c>
    </row>
    <row r="54304" spans="1:7" x14ac:dyDescent="0.3">
      <c r="A54304" s="13" t="s">
        <v>299</v>
      </c>
      <c r="B54304" s="14" t="s">
        <v>1</v>
      </c>
      <c r="C54304" s="14" t="s">
        <v>35</v>
      </c>
      <c r="D54304" s="14" t="s">
        <v>107</v>
      </c>
      <c r="E54304" s="15">
        <v>45660</v>
      </c>
      <c r="F54304" s="14" t="s">
        <v>25</v>
      </c>
      <c r="G54304" s="16">
        <v>0</v>
      </c>
    </row>
    <row r="54305" spans="1:7" x14ac:dyDescent="0.3">
      <c r="A54305" s="13" t="s">
        <v>299</v>
      </c>
      <c r="B54305" s="14" t="s">
        <v>1</v>
      </c>
      <c r="C54305" s="14" t="s">
        <v>35</v>
      </c>
      <c r="D54305" s="14" t="s">
        <v>107</v>
      </c>
      <c r="E54305" s="15">
        <v>45661</v>
      </c>
      <c r="F54305" s="14" t="s">
        <v>25</v>
      </c>
      <c r="G54305" s="16">
        <v>0</v>
      </c>
    </row>
    <row r="54306" spans="1:7" x14ac:dyDescent="0.3">
      <c r="A54306" s="13" t="s">
        <v>299</v>
      </c>
      <c r="B54306" s="14" t="s">
        <v>1</v>
      </c>
      <c r="C54306" s="14" t="s">
        <v>35</v>
      </c>
      <c r="D54306" s="14" t="s">
        <v>107</v>
      </c>
      <c r="E54306" s="15">
        <v>45662</v>
      </c>
      <c r="F54306" s="14" t="s">
        <v>25</v>
      </c>
      <c r="G54306" s="16">
        <v>0</v>
      </c>
    </row>
    <row r="54307" spans="1:7" x14ac:dyDescent="0.3">
      <c r="A54307" s="13" t="s">
        <v>299</v>
      </c>
      <c r="B54307" s="14" t="s">
        <v>1</v>
      </c>
      <c r="C54307" s="14" t="s">
        <v>35</v>
      </c>
      <c r="D54307" s="14" t="s">
        <v>107</v>
      </c>
      <c r="E54307" s="15">
        <v>45663</v>
      </c>
      <c r="F54307" s="14" t="s">
        <v>25</v>
      </c>
      <c r="G54307" s="16">
        <v>0</v>
      </c>
    </row>
    <row r="54308" spans="1:7" x14ac:dyDescent="0.3">
      <c r="A54308" s="13" t="s">
        <v>299</v>
      </c>
      <c r="B54308" s="14" t="s">
        <v>1</v>
      </c>
      <c r="C54308" s="14" t="s">
        <v>35</v>
      </c>
      <c r="D54308" s="14" t="s">
        <v>107</v>
      </c>
      <c r="E54308" s="15">
        <v>45664</v>
      </c>
      <c r="F54308" s="14" t="s">
        <v>25</v>
      </c>
      <c r="G54308" s="16">
        <v>0</v>
      </c>
    </row>
    <row r="54309" spans="1:7" x14ac:dyDescent="0.3">
      <c r="A54309" s="13" t="s">
        <v>299</v>
      </c>
      <c r="B54309" s="14" t="s">
        <v>1</v>
      </c>
      <c r="C54309" s="14" t="s">
        <v>35</v>
      </c>
      <c r="D54309" s="14" t="s">
        <v>107</v>
      </c>
      <c r="E54309" s="15">
        <v>45665</v>
      </c>
      <c r="F54309" s="14" t="s">
        <v>25</v>
      </c>
      <c r="G54309" s="16">
        <v>0</v>
      </c>
    </row>
    <row r="54310" spans="1:7" x14ac:dyDescent="0.3">
      <c r="A54310" s="13" t="s">
        <v>299</v>
      </c>
      <c r="B54310" s="14" t="s">
        <v>1</v>
      </c>
      <c r="C54310" s="14" t="s">
        <v>35</v>
      </c>
      <c r="D54310" s="14" t="s">
        <v>107</v>
      </c>
      <c r="E54310" s="15">
        <v>45666</v>
      </c>
      <c r="F54310" s="14" t="s">
        <v>25</v>
      </c>
      <c r="G54310" s="16">
        <v>0</v>
      </c>
    </row>
    <row r="54311" spans="1:7" x14ac:dyDescent="0.3">
      <c r="A54311" s="13" t="s">
        <v>299</v>
      </c>
      <c r="B54311" s="14" t="s">
        <v>1</v>
      </c>
      <c r="C54311" s="14" t="s">
        <v>35</v>
      </c>
      <c r="D54311" s="14" t="s">
        <v>107</v>
      </c>
      <c r="E54311" s="15">
        <v>45667</v>
      </c>
      <c r="F54311" s="14" t="s">
        <v>25</v>
      </c>
      <c r="G54311" s="16">
        <v>0</v>
      </c>
    </row>
    <row r="54312" spans="1:7" x14ac:dyDescent="0.3">
      <c r="A54312" s="13" t="s">
        <v>299</v>
      </c>
      <c r="B54312" s="14" t="s">
        <v>1</v>
      </c>
      <c r="C54312" s="14" t="s">
        <v>35</v>
      </c>
      <c r="D54312" s="14" t="s">
        <v>107</v>
      </c>
      <c r="E54312" s="15">
        <v>45668</v>
      </c>
      <c r="F54312" s="14" t="s">
        <v>25</v>
      </c>
      <c r="G54312" s="16">
        <v>0</v>
      </c>
    </row>
    <row r="54313" spans="1:7" x14ac:dyDescent="0.3">
      <c r="A54313" s="13" t="s">
        <v>299</v>
      </c>
      <c r="B54313" s="14" t="s">
        <v>1</v>
      </c>
      <c r="C54313" s="14" t="s">
        <v>35</v>
      </c>
      <c r="D54313" s="14" t="s">
        <v>107</v>
      </c>
      <c r="E54313" s="15">
        <v>45669</v>
      </c>
      <c r="F54313" s="14" t="s">
        <v>25</v>
      </c>
      <c r="G54313" s="16">
        <v>0</v>
      </c>
    </row>
    <row r="54314" spans="1:7" x14ac:dyDescent="0.3">
      <c r="A54314" s="13" t="s">
        <v>299</v>
      </c>
      <c r="B54314" s="14" t="s">
        <v>1</v>
      </c>
      <c r="C54314" s="14" t="s">
        <v>35</v>
      </c>
      <c r="D54314" s="14" t="s">
        <v>107</v>
      </c>
      <c r="E54314" s="15">
        <v>45670</v>
      </c>
      <c r="F54314" s="14" t="s">
        <v>25</v>
      </c>
      <c r="G54314" s="16">
        <v>0</v>
      </c>
    </row>
    <row r="54315" spans="1:7" x14ac:dyDescent="0.3">
      <c r="A54315" s="13" t="s">
        <v>299</v>
      </c>
      <c r="B54315" s="14" t="s">
        <v>1</v>
      </c>
      <c r="C54315" s="14" t="s">
        <v>35</v>
      </c>
      <c r="D54315" s="14" t="s">
        <v>107</v>
      </c>
      <c r="E54315" s="15">
        <v>45671</v>
      </c>
      <c r="F54315" s="14" t="s">
        <v>25</v>
      </c>
      <c r="G54315" s="16">
        <v>0</v>
      </c>
    </row>
    <row r="54316" spans="1:7" x14ac:dyDescent="0.3">
      <c r="A54316" s="13" t="s">
        <v>299</v>
      </c>
      <c r="B54316" s="14" t="s">
        <v>1</v>
      </c>
      <c r="C54316" s="14" t="s">
        <v>35</v>
      </c>
      <c r="D54316" s="14" t="s">
        <v>107</v>
      </c>
      <c r="E54316" s="15">
        <v>45672</v>
      </c>
      <c r="F54316" s="14" t="s">
        <v>25</v>
      </c>
      <c r="G54316" s="16">
        <v>0</v>
      </c>
    </row>
    <row r="54317" spans="1:7" x14ac:dyDescent="0.3">
      <c r="A54317" s="13" t="s">
        <v>299</v>
      </c>
      <c r="B54317" s="14" t="s">
        <v>1</v>
      </c>
      <c r="C54317" s="14" t="s">
        <v>35</v>
      </c>
      <c r="D54317" s="14" t="s">
        <v>107</v>
      </c>
      <c r="E54317" s="15">
        <v>45673</v>
      </c>
      <c r="F54317" s="14" t="s">
        <v>25</v>
      </c>
      <c r="G54317" s="16">
        <v>0</v>
      </c>
    </row>
    <row r="54318" spans="1:7" x14ac:dyDescent="0.3">
      <c r="A54318" s="13" t="s">
        <v>299</v>
      </c>
      <c r="B54318" s="14" t="s">
        <v>1</v>
      </c>
      <c r="C54318" s="14" t="s">
        <v>35</v>
      </c>
      <c r="D54318" s="14" t="s">
        <v>107</v>
      </c>
      <c r="E54318" s="15">
        <v>45674</v>
      </c>
      <c r="F54318" s="14" t="s">
        <v>25</v>
      </c>
      <c r="G54318" s="16">
        <v>0</v>
      </c>
    </row>
    <row r="54319" spans="1:7" x14ac:dyDescent="0.3">
      <c r="A54319" s="13" t="s">
        <v>299</v>
      </c>
      <c r="B54319" s="14" t="s">
        <v>1</v>
      </c>
      <c r="C54319" s="14" t="s">
        <v>35</v>
      </c>
      <c r="D54319" s="14" t="s">
        <v>107</v>
      </c>
      <c r="E54319" s="15">
        <v>45675</v>
      </c>
      <c r="F54319" s="14" t="s">
        <v>25</v>
      </c>
      <c r="G54319" s="16">
        <v>0</v>
      </c>
    </row>
    <row r="54320" spans="1:7" x14ac:dyDescent="0.3">
      <c r="A54320" s="13" t="s">
        <v>299</v>
      </c>
      <c r="B54320" s="14" t="s">
        <v>1</v>
      </c>
      <c r="C54320" s="14" t="s">
        <v>35</v>
      </c>
      <c r="D54320" s="14" t="s">
        <v>107</v>
      </c>
      <c r="E54320" s="15">
        <v>45676</v>
      </c>
      <c r="F54320" s="14" t="s">
        <v>25</v>
      </c>
      <c r="G54320" s="16">
        <v>0</v>
      </c>
    </row>
    <row r="54321" spans="1:7" x14ac:dyDescent="0.3">
      <c r="A54321" s="13" t="s">
        <v>299</v>
      </c>
      <c r="B54321" s="14" t="s">
        <v>1</v>
      </c>
      <c r="C54321" s="14" t="s">
        <v>35</v>
      </c>
      <c r="D54321" s="14" t="s">
        <v>107</v>
      </c>
      <c r="E54321" s="15">
        <v>45677</v>
      </c>
      <c r="F54321" s="14" t="s">
        <v>25</v>
      </c>
      <c r="G54321" s="16">
        <v>0</v>
      </c>
    </row>
    <row r="54322" spans="1:7" x14ac:dyDescent="0.3">
      <c r="A54322" s="13" t="s">
        <v>299</v>
      </c>
      <c r="B54322" s="14" t="s">
        <v>1</v>
      </c>
      <c r="C54322" s="14" t="s">
        <v>35</v>
      </c>
      <c r="D54322" s="14" t="s">
        <v>107</v>
      </c>
      <c r="E54322" s="15">
        <v>45678</v>
      </c>
      <c r="F54322" s="14" t="s">
        <v>25</v>
      </c>
      <c r="G54322" s="16">
        <v>0</v>
      </c>
    </row>
    <row r="54323" spans="1:7" x14ac:dyDescent="0.3">
      <c r="A54323" s="13" t="s">
        <v>299</v>
      </c>
      <c r="B54323" s="14" t="s">
        <v>1</v>
      </c>
      <c r="C54323" s="14" t="s">
        <v>35</v>
      </c>
      <c r="D54323" s="14" t="s">
        <v>107</v>
      </c>
      <c r="E54323" s="15">
        <v>45679</v>
      </c>
      <c r="F54323" s="14" t="s">
        <v>25</v>
      </c>
      <c r="G54323" s="16">
        <v>0</v>
      </c>
    </row>
    <row r="54324" spans="1:7" x14ac:dyDescent="0.3">
      <c r="A54324" s="13" t="s">
        <v>299</v>
      </c>
      <c r="B54324" s="14" t="s">
        <v>1</v>
      </c>
      <c r="C54324" s="14" t="s">
        <v>35</v>
      </c>
      <c r="D54324" s="14" t="s">
        <v>107</v>
      </c>
      <c r="E54324" s="15">
        <v>45680</v>
      </c>
      <c r="F54324" s="14" t="s">
        <v>25</v>
      </c>
      <c r="G54324" s="16">
        <v>0</v>
      </c>
    </row>
    <row r="54325" spans="1:7" x14ac:dyDescent="0.3">
      <c r="A54325" s="13" t="s">
        <v>299</v>
      </c>
      <c r="B54325" s="14" t="s">
        <v>1</v>
      </c>
      <c r="C54325" s="14" t="s">
        <v>35</v>
      </c>
      <c r="D54325" s="14" t="s">
        <v>107</v>
      </c>
      <c r="E54325" s="15">
        <v>45681</v>
      </c>
      <c r="F54325" s="14" t="s">
        <v>25</v>
      </c>
      <c r="G54325" s="16">
        <v>0</v>
      </c>
    </row>
    <row r="54326" spans="1:7" x14ac:dyDescent="0.3">
      <c r="A54326" s="13" t="s">
        <v>299</v>
      </c>
      <c r="B54326" s="14" t="s">
        <v>1</v>
      </c>
      <c r="C54326" s="14" t="s">
        <v>35</v>
      </c>
      <c r="D54326" s="14" t="s">
        <v>107</v>
      </c>
      <c r="E54326" s="15">
        <v>45682</v>
      </c>
      <c r="F54326" s="14" t="s">
        <v>25</v>
      </c>
      <c r="G54326" s="16">
        <v>0</v>
      </c>
    </row>
    <row r="54327" spans="1:7" x14ac:dyDescent="0.3">
      <c r="A54327" s="13" t="s">
        <v>299</v>
      </c>
      <c r="B54327" s="14" t="s">
        <v>1</v>
      </c>
      <c r="C54327" s="14" t="s">
        <v>35</v>
      </c>
      <c r="D54327" s="14" t="s">
        <v>107</v>
      </c>
      <c r="E54327" s="15">
        <v>45683</v>
      </c>
      <c r="F54327" s="14" t="s">
        <v>25</v>
      </c>
      <c r="G54327" s="16">
        <v>0</v>
      </c>
    </row>
    <row r="54328" spans="1:7" x14ac:dyDescent="0.3">
      <c r="A54328" s="13" t="s">
        <v>299</v>
      </c>
      <c r="B54328" s="14" t="s">
        <v>1</v>
      </c>
      <c r="C54328" s="14" t="s">
        <v>35</v>
      </c>
      <c r="D54328" s="14" t="s">
        <v>107</v>
      </c>
      <c r="E54328" s="15">
        <v>45684</v>
      </c>
      <c r="F54328" s="14" t="s">
        <v>25</v>
      </c>
      <c r="G54328" s="16">
        <v>0</v>
      </c>
    </row>
    <row r="54329" spans="1:7" x14ac:dyDescent="0.3">
      <c r="A54329" s="13" t="s">
        <v>299</v>
      </c>
      <c r="B54329" s="14" t="s">
        <v>1</v>
      </c>
      <c r="C54329" s="14" t="s">
        <v>35</v>
      </c>
      <c r="D54329" s="14" t="s">
        <v>107</v>
      </c>
      <c r="E54329" s="15">
        <v>45685</v>
      </c>
      <c r="F54329" s="14" t="s">
        <v>25</v>
      </c>
      <c r="G54329" s="16">
        <v>0</v>
      </c>
    </row>
    <row r="54330" spans="1:7" x14ac:dyDescent="0.3">
      <c r="A54330" s="13" t="s">
        <v>299</v>
      </c>
      <c r="B54330" s="14" t="s">
        <v>1</v>
      </c>
      <c r="C54330" s="14" t="s">
        <v>35</v>
      </c>
      <c r="D54330" s="14" t="s">
        <v>107</v>
      </c>
      <c r="E54330" s="15">
        <v>45686</v>
      </c>
      <c r="F54330" s="14" t="s">
        <v>25</v>
      </c>
      <c r="G54330" s="16">
        <v>0</v>
      </c>
    </row>
    <row r="54331" spans="1:7" x14ac:dyDescent="0.3">
      <c r="A54331" s="13" t="s">
        <v>299</v>
      </c>
      <c r="B54331" s="14" t="s">
        <v>1</v>
      </c>
      <c r="C54331" s="14" t="s">
        <v>35</v>
      </c>
      <c r="D54331" s="14" t="s">
        <v>107</v>
      </c>
      <c r="E54331" s="15">
        <v>45687</v>
      </c>
      <c r="F54331" s="14" t="s">
        <v>25</v>
      </c>
      <c r="G54331" s="16">
        <v>0</v>
      </c>
    </row>
    <row r="54332" spans="1:7" x14ac:dyDescent="0.3">
      <c r="A54332" s="13" t="s">
        <v>299</v>
      </c>
      <c r="B54332" s="14" t="s">
        <v>1</v>
      </c>
      <c r="C54332" s="14" t="s">
        <v>35</v>
      </c>
      <c r="D54332" s="14" t="s">
        <v>107</v>
      </c>
      <c r="E54332" s="15">
        <v>45688</v>
      </c>
      <c r="F54332" s="14" t="s">
        <v>25</v>
      </c>
      <c r="G54332" s="16">
        <v>0</v>
      </c>
    </row>
    <row r="54333" spans="1:7" x14ac:dyDescent="0.3">
      <c r="A54333" s="13" t="s">
        <v>299</v>
      </c>
      <c r="B54333" s="14" t="s">
        <v>1</v>
      </c>
      <c r="C54333" s="14" t="s">
        <v>35</v>
      </c>
      <c r="D54333" s="14" t="s">
        <v>107</v>
      </c>
      <c r="E54333" s="15">
        <v>45689</v>
      </c>
      <c r="F54333" s="14" t="s">
        <v>25</v>
      </c>
      <c r="G54333" s="16">
        <v>0</v>
      </c>
    </row>
    <row r="54334" spans="1:7" x14ac:dyDescent="0.3">
      <c r="A54334" s="13" t="s">
        <v>299</v>
      </c>
      <c r="B54334" s="14" t="s">
        <v>1</v>
      </c>
      <c r="C54334" s="14" t="s">
        <v>35</v>
      </c>
      <c r="D54334" s="14" t="s">
        <v>107</v>
      </c>
      <c r="E54334" s="15">
        <v>45690</v>
      </c>
      <c r="F54334" s="14" t="s">
        <v>25</v>
      </c>
      <c r="G54334" s="16">
        <v>0</v>
      </c>
    </row>
    <row r="54335" spans="1:7" x14ac:dyDescent="0.3">
      <c r="A54335" s="13" t="s">
        <v>299</v>
      </c>
      <c r="B54335" s="14" t="s">
        <v>1</v>
      </c>
      <c r="C54335" s="14" t="s">
        <v>35</v>
      </c>
      <c r="D54335" s="14" t="s">
        <v>107</v>
      </c>
      <c r="E54335" s="15">
        <v>45691</v>
      </c>
      <c r="F54335" s="14" t="s">
        <v>25</v>
      </c>
      <c r="G54335" s="16">
        <v>0</v>
      </c>
    </row>
    <row r="54336" spans="1:7" x14ac:dyDescent="0.3">
      <c r="A54336" s="13" t="s">
        <v>299</v>
      </c>
      <c r="B54336" s="14" t="s">
        <v>1</v>
      </c>
      <c r="C54336" s="14" t="s">
        <v>35</v>
      </c>
      <c r="D54336" s="14" t="s">
        <v>107</v>
      </c>
      <c r="E54336" s="15">
        <v>45692</v>
      </c>
      <c r="F54336" s="14" t="s">
        <v>25</v>
      </c>
      <c r="G54336" s="16">
        <v>0</v>
      </c>
    </row>
    <row r="54337" spans="1:7" x14ac:dyDescent="0.3">
      <c r="A54337" s="13" t="s">
        <v>299</v>
      </c>
      <c r="B54337" s="14" t="s">
        <v>1</v>
      </c>
      <c r="C54337" s="14" t="s">
        <v>35</v>
      </c>
      <c r="D54337" s="14" t="s">
        <v>107</v>
      </c>
      <c r="E54337" s="15">
        <v>45693</v>
      </c>
      <c r="F54337" s="14" t="s">
        <v>25</v>
      </c>
      <c r="G54337" s="16">
        <v>0</v>
      </c>
    </row>
    <row r="54338" spans="1:7" x14ac:dyDescent="0.3">
      <c r="A54338" s="13" t="s">
        <v>299</v>
      </c>
      <c r="B54338" s="14" t="s">
        <v>1</v>
      </c>
      <c r="C54338" s="14" t="s">
        <v>35</v>
      </c>
      <c r="D54338" s="14" t="s">
        <v>107</v>
      </c>
      <c r="E54338" s="15">
        <v>45694</v>
      </c>
      <c r="F54338" s="14" t="s">
        <v>25</v>
      </c>
      <c r="G54338" s="16">
        <v>0</v>
      </c>
    </row>
    <row r="54339" spans="1:7" x14ac:dyDescent="0.3">
      <c r="A54339" s="13" t="s">
        <v>299</v>
      </c>
      <c r="B54339" s="14" t="s">
        <v>1</v>
      </c>
      <c r="C54339" s="14" t="s">
        <v>35</v>
      </c>
      <c r="D54339" s="14" t="s">
        <v>107</v>
      </c>
      <c r="E54339" s="15">
        <v>45695</v>
      </c>
      <c r="F54339" s="14" t="s">
        <v>25</v>
      </c>
      <c r="G54339" s="16">
        <v>0</v>
      </c>
    </row>
    <row r="54340" spans="1:7" x14ac:dyDescent="0.3">
      <c r="A54340" s="13" t="s">
        <v>299</v>
      </c>
      <c r="B54340" s="14" t="s">
        <v>1</v>
      </c>
      <c r="C54340" s="14" t="s">
        <v>35</v>
      </c>
      <c r="D54340" s="14" t="s">
        <v>107</v>
      </c>
      <c r="E54340" s="15">
        <v>45696</v>
      </c>
      <c r="F54340" s="14" t="s">
        <v>25</v>
      </c>
      <c r="G54340" s="16">
        <v>0</v>
      </c>
    </row>
    <row r="54341" spans="1:7" x14ac:dyDescent="0.3">
      <c r="A54341" s="13" t="s">
        <v>299</v>
      </c>
      <c r="B54341" s="14" t="s">
        <v>1</v>
      </c>
      <c r="C54341" s="14" t="s">
        <v>35</v>
      </c>
      <c r="D54341" s="14" t="s">
        <v>107</v>
      </c>
      <c r="E54341" s="15">
        <v>45697</v>
      </c>
      <c r="F54341" s="14" t="s">
        <v>25</v>
      </c>
      <c r="G54341" s="16">
        <v>0</v>
      </c>
    </row>
    <row r="54342" spans="1:7" x14ac:dyDescent="0.3">
      <c r="A54342" s="13" t="s">
        <v>299</v>
      </c>
      <c r="B54342" s="14" t="s">
        <v>1</v>
      </c>
      <c r="C54342" s="14" t="s">
        <v>35</v>
      </c>
      <c r="D54342" s="14" t="s">
        <v>107</v>
      </c>
      <c r="E54342" s="15">
        <v>45698</v>
      </c>
      <c r="F54342" s="14" t="s">
        <v>25</v>
      </c>
      <c r="G54342" s="16">
        <v>0</v>
      </c>
    </row>
    <row r="54343" spans="1:7" x14ac:dyDescent="0.3">
      <c r="A54343" s="13" t="s">
        <v>299</v>
      </c>
      <c r="B54343" s="14" t="s">
        <v>1</v>
      </c>
      <c r="C54343" s="14" t="s">
        <v>35</v>
      </c>
      <c r="D54343" s="14" t="s">
        <v>107</v>
      </c>
      <c r="E54343" s="15">
        <v>45699</v>
      </c>
      <c r="F54343" s="14" t="s">
        <v>25</v>
      </c>
      <c r="G54343" s="16">
        <v>0</v>
      </c>
    </row>
    <row r="54344" spans="1:7" x14ac:dyDescent="0.3">
      <c r="A54344" s="13" t="s">
        <v>299</v>
      </c>
      <c r="B54344" s="14" t="s">
        <v>1</v>
      </c>
      <c r="C54344" s="14" t="s">
        <v>35</v>
      </c>
      <c r="D54344" s="14" t="s">
        <v>107</v>
      </c>
      <c r="E54344" s="15">
        <v>45700</v>
      </c>
      <c r="F54344" s="14" t="s">
        <v>25</v>
      </c>
      <c r="G54344" s="16">
        <v>0</v>
      </c>
    </row>
    <row r="54345" spans="1:7" x14ac:dyDescent="0.3">
      <c r="A54345" s="13" t="s">
        <v>299</v>
      </c>
      <c r="B54345" s="14" t="s">
        <v>1</v>
      </c>
      <c r="C54345" s="14" t="s">
        <v>35</v>
      </c>
      <c r="D54345" s="14" t="s">
        <v>107</v>
      </c>
      <c r="E54345" s="15">
        <v>45701</v>
      </c>
      <c r="F54345" s="14" t="s">
        <v>25</v>
      </c>
      <c r="G54345" s="16">
        <v>0</v>
      </c>
    </row>
    <row r="54346" spans="1:7" x14ac:dyDescent="0.3">
      <c r="A54346" s="13" t="s">
        <v>299</v>
      </c>
      <c r="B54346" s="14" t="s">
        <v>1</v>
      </c>
      <c r="C54346" s="14" t="s">
        <v>35</v>
      </c>
      <c r="D54346" s="14" t="s">
        <v>107</v>
      </c>
      <c r="E54346" s="15">
        <v>45702</v>
      </c>
      <c r="F54346" s="14" t="s">
        <v>25</v>
      </c>
      <c r="G54346" s="16">
        <v>0</v>
      </c>
    </row>
    <row r="54347" spans="1:7" x14ac:dyDescent="0.3">
      <c r="A54347" s="13" t="s">
        <v>299</v>
      </c>
      <c r="B54347" s="14" t="s">
        <v>1</v>
      </c>
      <c r="C54347" s="14" t="s">
        <v>35</v>
      </c>
      <c r="D54347" s="14" t="s">
        <v>107</v>
      </c>
      <c r="E54347" s="15">
        <v>45703</v>
      </c>
      <c r="F54347" s="14" t="s">
        <v>25</v>
      </c>
      <c r="G54347" s="16">
        <v>0</v>
      </c>
    </row>
    <row r="54348" spans="1:7" x14ac:dyDescent="0.3">
      <c r="A54348" s="13" t="s">
        <v>299</v>
      </c>
      <c r="B54348" s="14" t="s">
        <v>1</v>
      </c>
      <c r="C54348" s="14" t="s">
        <v>35</v>
      </c>
      <c r="D54348" s="14" t="s">
        <v>107</v>
      </c>
      <c r="E54348" s="15">
        <v>45704</v>
      </c>
      <c r="F54348" s="14" t="s">
        <v>25</v>
      </c>
      <c r="G54348" s="16">
        <v>0</v>
      </c>
    </row>
    <row r="54349" spans="1:7" x14ac:dyDescent="0.3">
      <c r="A54349" s="13" t="s">
        <v>299</v>
      </c>
      <c r="B54349" s="14" t="s">
        <v>1</v>
      </c>
      <c r="C54349" s="14" t="s">
        <v>35</v>
      </c>
      <c r="D54349" s="14" t="s">
        <v>107</v>
      </c>
      <c r="E54349" s="15">
        <v>45705</v>
      </c>
      <c r="F54349" s="14" t="s">
        <v>25</v>
      </c>
      <c r="G54349" s="16">
        <v>0</v>
      </c>
    </row>
    <row r="54350" spans="1:7" x14ac:dyDescent="0.3">
      <c r="A54350" s="13" t="s">
        <v>299</v>
      </c>
      <c r="B54350" s="14" t="s">
        <v>1</v>
      </c>
      <c r="C54350" s="14" t="s">
        <v>35</v>
      </c>
      <c r="D54350" s="14" t="s">
        <v>107</v>
      </c>
      <c r="E54350" s="15">
        <v>45706</v>
      </c>
      <c r="F54350" s="14" t="s">
        <v>25</v>
      </c>
      <c r="G54350" s="16">
        <v>0</v>
      </c>
    </row>
    <row r="54351" spans="1:7" x14ac:dyDescent="0.3">
      <c r="A54351" s="13" t="s">
        <v>299</v>
      </c>
      <c r="B54351" s="14" t="s">
        <v>1</v>
      </c>
      <c r="C54351" s="14" t="s">
        <v>35</v>
      </c>
      <c r="D54351" s="14" t="s">
        <v>107</v>
      </c>
      <c r="E54351" s="15">
        <v>45707</v>
      </c>
      <c r="F54351" s="14" t="s">
        <v>25</v>
      </c>
      <c r="G54351" s="16">
        <v>0</v>
      </c>
    </row>
    <row r="54352" spans="1:7" x14ac:dyDescent="0.3">
      <c r="A54352" s="13" t="s">
        <v>299</v>
      </c>
      <c r="B54352" s="14" t="s">
        <v>1</v>
      </c>
      <c r="C54352" s="14" t="s">
        <v>35</v>
      </c>
      <c r="D54352" s="14" t="s">
        <v>107</v>
      </c>
      <c r="E54352" s="15">
        <v>45708</v>
      </c>
      <c r="F54352" s="14" t="s">
        <v>25</v>
      </c>
      <c r="G54352" s="16">
        <v>0</v>
      </c>
    </row>
    <row r="54353" spans="1:7" x14ac:dyDescent="0.3">
      <c r="A54353" s="13" t="s">
        <v>299</v>
      </c>
      <c r="B54353" s="14" t="s">
        <v>1</v>
      </c>
      <c r="C54353" s="14" t="s">
        <v>35</v>
      </c>
      <c r="D54353" s="14" t="s">
        <v>107</v>
      </c>
      <c r="E54353" s="15">
        <v>45709</v>
      </c>
      <c r="F54353" s="14" t="s">
        <v>25</v>
      </c>
      <c r="G54353" s="16">
        <v>0</v>
      </c>
    </row>
    <row r="54354" spans="1:7" x14ac:dyDescent="0.3">
      <c r="A54354" s="13" t="s">
        <v>299</v>
      </c>
      <c r="B54354" s="14" t="s">
        <v>1</v>
      </c>
      <c r="C54354" s="14" t="s">
        <v>35</v>
      </c>
      <c r="D54354" s="14" t="s">
        <v>107</v>
      </c>
      <c r="E54354" s="15">
        <v>45710</v>
      </c>
      <c r="F54354" s="14" t="s">
        <v>25</v>
      </c>
      <c r="G54354" s="16">
        <v>0</v>
      </c>
    </row>
    <row r="54355" spans="1:7" x14ac:dyDescent="0.3">
      <c r="A54355" s="13" t="s">
        <v>299</v>
      </c>
      <c r="B54355" s="14" t="s">
        <v>1</v>
      </c>
      <c r="C54355" s="14" t="s">
        <v>35</v>
      </c>
      <c r="D54355" s="14" t="s">
        <v>107</v>
      </c>
      <c r="E54355" s="15">
        <v>45711</v>
      </c>
      <c r="F54355" s="14" t="s">
        <v>25</v>
      </c>
      <c r="G54355" s="16">
        <v>0</v>
      </c>
    </row>
    <row r="54356" spans="1:7" x14ac:dyDescent="0.3">
      <c r="A54356" s="13" t="s">
        <v>299</v>
      </c>
      <c r="B54356" s="14" t="s">
        <v>1</v>
      </c>
      <c r="C54356" s="14" t="s">
        <v>35</v>
      </c>
      <c r="D54356" s="14" t="s">
        <v>107</v>
      </c>
      <c r="E54356" s="15">
        <v>45712</v>
      </c>
      <c r="F54356" s="14" t="s">
        <v>25</v>
      </c>
      <c r="G54356" s="16">
        <v>0</v>
      </c>
    </row>
    <row r="54357" spans="1:7" x14ac:dyDescent="0.3">
      <c r="A54357" s="13" t="s">
        <v>299</v>
      </c>
      <c r="B54357" s="14" t="s">
        <v>1</v>
      </c>
      <c r="C54357" s="14" t="s">
        <v>35</v>
      </c>
      <c r="D54357" s="14" t="s">
        <v>107</v>
      </c>
      <c r="E54357" s="15">
        <v>45713</v>
      </c>
      <c r="F54357" s="14" t="s">
        <v>25</v>
      </c>
      <c r="G54357" s="16">
        <v>0</v>
      </c>
    </row>
    <row r="54358" spans="1:7" x14ac:dyDescent="0.3">
      <c r="A54358" s="13" t="s">
        <v>299</v>
      </c>
      <c r="B54358" s="14" t="s">
        <v>1</v>
      </c>
      <c r="C54358" s="14" t="s">
        <v>35</v>
      </c>
      <c r="D54358" s="14" t="s">
        <v>107</v>
      </c>
      <c r="E54358" s="15">
        <v>45714</v>
      </c>
      <c r="F54358" s="14" t="s">
        <v>25</v>
      </c>
      <c r="G54358" s="16">
        <v>0</v>
      </c>
    </row>
    <row r="54359" spans="1:7" x14ac:dyDescent="0.3">
      <c r="A54359" s="13" t="s">
        <v>299</v>
      </c>
      <c r="B54359" s="14" t="s">
        <v>1</v>
      </c>
      <c r="C54359" s="14" t="s">
        <v>35</v>
      </c>
      <c r="D54359" s="14" t="s">
        <v>107</v>
      </c>
      <c r="E54359" s="15">
        <v>45715</v>
      </c>
      <c r="F54359" s="14" t="s">
        <v>25</v>
      </c>
      <c r="G54359" s="16">
        <v>0</v>
      </c>
    </row>
    <row r="54360" spans="1:7" x14ac:dyDescent="0.3">
      <c r="A54360" s="13" t="s">
        <v>299</v>
      </c>
      <c r="B54360" s="14" t="s">
        <v>1</v>
      </c>
      <c r="C54360" s="14" t="s">
        <v>35</v>
      </c>
      <c r="D54360" s="14" t="s">
        <v>107</v>
      </c>
      <c r="E54360" s="15">
        <v>45716</v>
      </c>
      <c r="F54360" s="14" t="s">
        <v>25</v>
      </c>
      <c r="G54360" s="16">
        <v>0</v>
      </c>
    </row>
    <row r="54361" spans="1:7" x14ac:dyDescent="0.3">
      <c r="A54361" s="13" t="s">
        <v>299</v>
      </c>
      <c r="B54361" s="14" t="s">
        <v>1</v>
      </c>
      <c r="C54361" s="14" t="s">
        <v>35</v>
      </c>
      <c r="D54361" s="14" t="s">
        <v>107</v>
      </c>
      <c r="E54361" s="15">
        <v>45717</v>
      </c>
      <c r="F54361" s="14" t="s">
        <v>25</v>
      </c>
      <c r="G54361" s="16">
        <v>0</v>
      </c>
    </row>
    <row r="54362" spans="1:7" x14ac:dyDescent="0.3">
      <c r="A54362" s="13" t="s">
        <v>299</v>
      </c>
      <c r="B54362" s="14" t="s">
        <v>1</v>
      </c>
      <c r="C54362" s="14" t="s">
        <v>35</v>
      </c>
      <c r="D54362" s="14" t="s">
        <v>107</v>
      </c>
      <c r="E54362" s="15">
        <v>45718</v>
      </c>
      <c r="F54362" s="14" t="s">
        <v>25</v>
      </c>
      <c r="G54362" s="16">
        <v>0</v>
      </c>
    </row>
    <row r="54363" spans="1:7" x14ac:dyDescent="0.3">
      <c r="A54363" s="13" t="s">
        <v>299</v>
      </c>
      <c r="B54363" s="14" t="s">
        <v>1</v>
      </c>
      <c r="C54363" s="14" t="s">
        <v>35</v>
      </c>
      <c r="D54363" s="14" t="s">
        <v>107</v>
      </c>
      <c r="E54363" s="15">
        <v>45719</v>
      </c>
      <c r="F54363" s="14" t="s">
        <v>25</v>
      </c>
      <c r="G54363" s="16">
        <v>0</v>
      </c>
    </row>
    <row r="54364" spans="1:7" x14ac:dyDescent="0.3">
      <c r="A54364" s="13" t="s">
        <v>299</v>
      </c>
      <c r="B54364" s="14" t="s">
        <v>1</v>
      </c>
      <c r="C54364" s="14" t="s">
        <v>35</v>
      </c>
      <c r="D54364" s="14" t="s">
        <v>107</v>
      </c>
      <c r="E54364" s="15">
        <v>45720</v>
      </c>
      <c r="F54364" s="14" t="s">
        <v>25</v>
      </c>
      <c r="G54364" s="16">
        <v>0</v>
      </c>
    </row>
    <row r="54365" spans="1:7" x14ac:dyDescent="0.3">
      <c r="A54365" s="13" t="s">
        <v>299</v>
      </c>
      <c r="B54365" s="14" t="s">
        <v>1</v>
      </c>
      <c r="C54365" s="14" t="s">
        <v>35</v>
      </c>
      <c r="D54365" s="14" t="s">
        <v>107</v>
      </c>
      <c r="E54365" s="15">
        <v>45721</v>
      </c>
      <c r="F54365" s="14" t="s">
        <v>25</v>
      </c>
      <c r="G54365" s="16">
        <v>0</v>
      </c>
    </row>
    <row r="54366" spans="1:7" x14ac:dyDescent="0.3">
      <c r="A54366" s="13" t="s">
        <v>299</v>
      </c>
      <c r="B54366" s="14" t="s">
        <v>1</v>
      </c>
      <c r="C54366" s="14" t="s">
        <v>35</v>
      </c>
      <c r="D54366" s="14" t="s">
        <v>107</v>
      </c>
      <c r="E54366" s="15">
        <v>45722</v>
      </c>
      <c r="F54366" s="14" t="s">
        <v>25</v>
      </c>
      <c r="G54366" s="16">
        <v>0</v>
      </c>
    </row>
    <row r="54367" spans="1:7" x14ac:dyDescent="0.3">
      <c r="A54367" s="13" t="s">
        <v>299</v>
      </c>
      <c r="B54367" s="14" t="s">
        <v>1</v>
      </c>
      <c r="C54367" s="14" t="s">
        <v>35</v>
      </c>
      <c r="D54367" s="14" t="s">
        <v>107</v>
      </c>
      <c r="E54367" s="15">
        <v>45723</v>
      </c>
      <c r="F54367" s="14" t="s">
        <v>25</v>
      </c>
      <c r="G54367" s="16">
        <v>0</v>
      </c>
    </row>
    <row r="54368" spans="1:7" x14ac:dyDescent="0.3">
      <c r="A54368" s="13" t="s">
        <v>299</v>
      </c>
      <c r="B54368" s="14" t="s">
        <v>1</v>
      </c>
      <c r="C54368" s="14" t="s">
        <v>35</v>
      </c>
      <c r="D54368" s="14" t="s">
        <v>107</v>
      </c>
      <c r="E54368" s="15">
        <v>45724</v>
      </c>
      <c r="F54368" s="14" t="s">
        <v>25</v>
      </c>
      <c r="G54368" s="16">
        <v>0</v>
      </c>
    </row>
    <row r="54369" spans="1:7" x14ac:dyDescent="0.3">
      <c r="A54369" s="13" t="s">
        <v>299</v>
      </c>
      <c r="B54369" s="14" t="s">
        <v>1</v>
      </c>
      <c r="C54369" s="14" t="s">
        <v>35</v>
      </c>
      <c r="D54369" s="14" t="s">
        <v>107</v>
      </c>
      <c r="E54369" s="15">
        <v>45725</v>
      </c>
      <c r="F54369" s="14" t="s">
        <v>25</v>
      </c>
      <c r="G54369" s="16">
        <v>0</v>
      </c>
    </row>
    <row r="54370" spans="1:7" x14ac:dyDescent="0.3">
      <c r="A54370" s="13" t="s">
        <v>299</v>
      </c>
      <c r="B54370" s="14" t="s">
        <v>1</v>
      </c>
      <c r="C54370" s="14" t="s">
        <v>35</v>
      </c>
      <c r="D54370" s="14" t="s">
        <v>107</v>
      </c>
      <c r="E54370" s="15">
        <v>45726</v>
      </c>
      <c r="F54370" s="14" t="s">
        <v>25</v>
      </c>
      <c r="G54370" s="16">
        <v>0</v>
      </c>
    </row>
    <row r="54371" spans="1:7" x14ac:dyDescent="0.3">
      <c r="A54371" s="13" t="s">
        <v>299</v>
      </c>
      <c r="B54371" s="14" t="s">
        <v>1</v>
      </c>
      <c r="C54371" s="14" t="s">
        <v>35</v>
      </c>
      <c r="D54371" s="14" t="s">
        <v>107</v>
      </c>
      <c r="E54371" s="15">
        <v>45727</v>
      </c>
      <c r="F54371" s="14" t="s">
        <v>25</v>
      </c>
      <c r="G54371" s="16">
        <v>0</v>
      </c>
    </row>
    <row r="54372" spans="1:7" x14ac:dyDescent="0.3">
      <c r="A54372" s="13" t="s">
        <v>299</v>
      </c>
      <c r="B54372" s="14" t="s">
        <v>1</v>
      </c>
      <c r="C54372" s="14" t="s">
        <v>35</v>
      </c>
      <c r="D54372" s="14" t="s">
        <v>107</v>
      </c>
      <c r="E54372" s="15">
        <v>45728</v>
      </c>
      <c r="F54372" s="14" t="s">
        <v>25</v>
      </c>
      <c r="G54372" s="16">
        <v>1.3731134204868399E-2</v>
      </c>
    </row>
    <row r="54373" spans="1:7" x14ac:dyDescent="0.3">
      <c r="A54373" s="13" t="s">
        <v>299</v>
      </c>
      <c r="B54373" s="14" t="s">
        <v>1</v>
      </c>
      <c r="C54373" s="14" t="s">
        <v>35</v>
      </c>
      <c r="D54373" s="14" t="s">
        <v>107</v>
      </c>
      <c r="E54373" s="15">
        <v>45729</v>
      </c>
      <c r="F54373" s="14" t="s">
        <v>25</v>
      </c>
      <c r="G54373" s="16">
        <v>1.1846196762733571E-2</v>
      </c>
    </row>
    <row r="54374" spans="1:7" x14ac:dyDescent="0.3">
      <c r="A54374" s="13" t="s">
        <v>299</v>
      </c>
      <c r="B54374" s="14" t="s">
        <v>1</v>
      </c>
      <c r="C54374" s="14" t="s">
        <v>35</v>
      </c>
      <c r="D54374" s="14" t="s">
        <v>107</v>
      </c>
      <c r="E54374" s="15">
        <v>45730</v>
      </c>
      <c r="F54374" s="14" t="s">
        <v>25</v>
      </c>
      <c r="G54374" s="16">
        <v>9.9393723327660249E-3</v>
      </c>
    </row>
    <row r="54375" spans="1:7" x14ac:dyDescent="0.3">
      <c r="A54375" s="13" t="s">
        <v>299</v>
      </c>
      <c r="B54375" s="14" t="s">
        <v>1</v>
      </c>
      <c r="C54375" s="14" t="s">
        <v>35</v>
      </c>
      <c r="D54375" s="14" t="s">
        <v>107</v>
      </c>
      <c r="E54375" s="15">
        <v>45731</v>
      </c>
      <c r="F54375" s="14" t="s">
        <v>25</v>
      </c>
      <c r="G54375" s="16">
        <v>9.9393723327660249E-3</v>
      </c>
    </row>
    <row r="54376" spans="1:7" x14ac:dyDescent="0.3">
      <c r="A54376" s="13" t="s">
        <v>299</v>
      </c>
      <c r="B54376" s="14" t="s">
        <v>1</v>
      </c>
      <c r="C54376" s="14" t="s">
        <v>35</v>
      </c>
      <c r="D54376" s="14" t="s">
        <v>107</v>
      </c>
      <c r="E54376" s="15">
        <v>45732</v>
      </c>
      <c r="F54376" s="14" t="s">
        <v>25</v>
      </c>
      <c r="G54376" s="16">
        <v>9.9393723327660249E-3</v>
      </c>
    </row>
    <row r="54377" spans="1:7" x14ac:dyDescent="0.3">
      <c r="A54377" s="13" t="s">
        <v>299</v>
      </c>
      <c r="B54377" s="14" t="s">
        <v>1</v>
      </c>
      <c r="C54377" s="14" t="s">
        <v>35</v>
      </c>
      <c r="D54377" s="14" t="s">
        <v>107</v>
      </c>
      <c r="E54377" s="15">
        <v>45733</v>
      </c>
      <c r="F54377" s="14" t="s">
        <v>25</v>
      </c>
      <c r="G54377" s="16">
        <v>9.9393723327660249E-3</v>
      </c>
    </row>
    <row r="54378" spans="1:7" x14ac:dyDescent="0.3">
      <c r="A54378" s="13" t="s">
        <v>299</v>
      </c>
      <c r="B54378" s="14" t="s">
        <v>1</v>
      </c>
      <c r="C54378" s="14" t="s">
        <v>35</v>
      </c>
      <c r="D54378" s="14" t="s">
        <v>107</v>
      </c>
      <c r="E54378" s="15">
        <v>45734</v>
      </c>
      <c r="F54378" s="14" t="s">
        <v>25</v>
      </c>
      <c r="G54378" s="16">
        <v>8.0397307826492719E-3</v>
      </c>
    </row>
    <row r="54379" spans="1:7" x14ac:dyDescent="0.3">
      <c r="A54379" s="13" t="s">
        <v>299</v>
      </c>
      <c r="B54379" s="14" t="s">
        <v>1</v>
      </c>
      <c r="C54379" s="14" t="s">
        <v>35</v>
      </c>
      <c r="D54379" s="14" t="s">
        <v>107</v>
      </c>
      <c r="E54379" s="15">
        <v>45735</v>
      </c>
      <c r="F54379" s="14" t="s">
        <v>25</v>
      </c>
      <c r="G54379" s="16">
        <v>0</v>
      </c>
    </row>
    <row r="54380" spans="1:7" x14ac:dyDescent="0.3">
      <c r="A54380" s="13" t="s">
        <v>299</v>
      </c>
      <c r="B54380" s="14" t="s">
        <v>1</v>
      </c>
      <c r="C54380" s="14" t="s">
        <v>35</v>
      </c>
      <c r="D54380" s="14" t="s">
        <v>107</v>
      </c>
      <c r="E54380" s="15">
        <v>45736</v>
      </c>
      <c r="F54380" s="14" t="s">
        <v>25</v>
      </c>
      <c r="G54380" s="16">
        <v>0</v>
      </c>
    </row>
    <row r="54381" spans="1:7" x14ac:dyDescent="0.3">
      <c r="A54381" s="13" t="s">
        <v>299</v>
      </c>
      <c r="B54381" s="14" t="s">
        <v>1</v>
      </c>
      <c r="C54381" s="14" t="s">
        <v>35</v>
      </c>
      <c r="D54381" s="14" t="s">
        <v>107</v>
      </c>
      <c r="E54381" s="15">
        <v>45737</v>
      </c>
      <c r="F54381" s="14" t="s">
        <v>25</v>
      </c>
      <c r="G54381" s="16">
        <v>0</v>
      </c>
    </row>
    <row r="54382" spans="1:7" x14ac:dyDescent="0.3">
      <c r="A54382" s="13" t="s">
        <v>299</v>
      </c>
      <c r="B54382" s="14" t="s">
        <v>1</v>
      </c>
      <c r="C54382" s="14" t="s">
        <v>35</v>
      </c>
      <c r="D54382" s="14" t="s">
        <v>107</v>
      </c>
      <c r="E54382" s="15">
        <v>45738</v>
      </c>
      <c r="F54382" s="14" t="s">
        <v>25</v>
      </c>
      <c r="G54382" s="16">
        <v>0</v>
      </c>
    </row>
    <row r="54383" spans="1:7" x14ac:dyDescent="0.3">
      <c r="A54383" s="13" t="s">
        <v>299</v>
      </c>
      <c r="B54383" s="14" t="s">
        <v>1</v>
      </c>
      <c r="C54383" s="14" t="s">
        <v>35</v>
      </c>
      <c r="D54383" s="14" t="s">
        <v>107</v>
      </c>
      <c r="E54383" s="15">
        <v>45739</v>
      </c>
      <c r="F54383" s="14" t="s">
        <v>25</v>
      </c>
      <c r="G54383" s="16">
        <v>0</v>
      </c>
    </row>
    <row r="54384" spans="1:7" x14ac:dyDescent="0.3">
      <c r="A54384" s="13" t="s">
        <v>299</v>
      </c>
      <c r="B54384" s="14" t="s">
        <v>1</v>
      </c>
      <c r="C54384" s="14" t="s">
        <v>35</v>
      </c>
      <c r="D54384" s="14" t="s">
        <v>107</v>
      </c>
      <c r="E54384" s="15">
        <v>45740</v>
      </c>
      <c r="F54384" s="14" t="s">
        <v>25</v>
      </c>
      <c r="G54384" s="16">
        <v>0</v>
      </c>
    </row>
    <row r="54385" spans="1:7" x14ac:dyDescent="0.3">
      <c r="A54385" s="13" t="s">
        <v>299</v>
      </c>
      <c r="B54385" s="14" t="s">
        <v>1</v>
      </c>
      <c r="C54385" s="14" t="s">
        <v>35</v>
      </c>
      <c r="D54385" s="14" t="s">
        <v>107</v>
      </c>
      <c r="E54385" s="15">
        <v>45741</v>
      </c>
      <c r="F54385" s="14" t="s">
        <v>25</v>
      </c>
      <c r="G54385" s="16">
        <v>1.6733909556497759E-2</v>
      </c>
    </row>
    <row r="54386" spans="1:7" x14ac:dyDescent="0.3">
      <c r="A54386" s="13" t="s">
        <v>299</v>
      </c>
      <c r="B54386" s="14" t="s">
        <v>1</v>
      </c>
      <c r="C54386" s="14" t="s">
        <v>35</v>
      </c>
      <c r="D54386" s="14" t="s">
        <v>107</v>
      </c>
      <c r="E54386" s="15">
        <v>45742</v>
      </c>
      <c r="F54386" s="14" t="s">
        <v>25</v>
      </c>
      <c r="G54386" s="16">
        <v>1.4825634196372532E-2</v>
      </c>
    </row>
    <row r="54387" spans="1:7" x14ac:dyDescent="0.3">
      <c r="A54387" s="13" t="s">
        <v>299</v>
      </c>
      <c r="B54387" s="14" t="s">
        <v>1</v>
      </c>
      <c r="C54387" s="14" t="s">
        <v>35</v>
      </c>
      <c r="D54387" s="14" t="s">
        <v>107</v>
      </c>
      <c r="E54387" s="15">
        <v>45743</v>
      </c>
      <c r="F54387" s="14" t="s">
        <v>25</v>
      </c>
      <c r="G54387" s="16">
        <v>2.4076592268851844E-2</v>
      </c>
    </row>
    <row r="54388" spans="1:7" x14ac:dyDescent="0.3">
      <c r="A54388" s="13" t="s">
        <v>299</v>
      </c>
      <c r="B54388" s="14" t="s">
        <v>1</v>
      </c>
      <c r="C54388" s="14" t="s">
        <v>35</v>
      </c>
      <c r="D54388" s="14" t="s">
        <v>107</v>
      </c>
      <c r="E54388" s="15">
        <v>45744</v>
      </c>
      <c r="F54388" s="14" t="s">
        <v>25</v>
      </c>
      <c r="G54388" s="16">
        <v>0.29891365422478094</v>
      </c>
    </row>
    <row r="54389" spans="1:7" x14ac:dyDescent="0.3">
      <c r="A54389" s="13" t="s">
        <v>299</v>
      </c>
      <c r="B54389" s="14" t="s">
        <v>1</v>
      </c>
      <c r="C54389" s="14" t="s">
        <v>35</v>
      </c>
      <c r="D54389" s="14" t="s">
        <v>107</v>
      </c>
      <c r="E54389" s="15">
        <v>45745</v>
      </c>
      <c r="F54389" s="14" t="s">
        <v>25</v>
      </c>
      <c r="G54389" s="16">
        <v>0.29891365422478094</v>
      </c>
    </row>
    <row r="54390" spans="1:7" x14ac:dyDescent="0.3">
      <c r="A54390" s="13" t="s">
        <v>299</v>
      </c>
      <c r="B54390" s="14" t="s">
        <v>1</v>
      </c>
      <c r="C54390" s="14" t="s">
        <v>35</v>
      </c>
      <c r="D54390" s="14" t="s">
        <v>107</v>
      </c>
      <c r="E54390" s="15">
        <v>45746</v>
      </c>
      <c r="F54390" s="14" t="s">
        <v>25</v>
      </c>
      <c r="G54390" s="16">
        <v>0.29891365422478094</v>
      </c>
    </row>
    <row r="54391" spans="1:7" x14ac:dyDescent="0.3">
      <c r="A54391" s="13" t="s">
        <v>299</v>
      </c>
      <c r="B54391" s="14" t="s">
        <v>1</v>
      </c>
      <c r="C54391" s="14" t="s">
        <v>35</v>
      </c>
      <c r="D54391" s="14" t="s">
        <v>107</v>
      </c>
      <c r="E54391" s="15">
        <v>45747</v>
      </c>
      <c r="F54391" s="14" t="s">
        <v>25</v>
      </c>
      <c r="G54391" s="16">
        <v>0.29891365422478094</v>
      </c>
    </row>
    <row r="54392" spans="1:7" x14ac:dyDescent="0.3">
      <c r="A54392" s="13" t="s">
        <v>300</v>
      </c>
      <c r="B54392" s="14" t="s">
        <v>1</v>
      </c>
      <c r="C54392" s="14" t="s">
        <v>96</v>
      </c>
      <c r="D54392" s="14" t="s">
        <v>14</v>
      </c>
      <c r="E54392" s="15">
        <v>45383</v>
      </c>
      <c r="F54392" s="14" t="s">
        <v>15</v>
      </c>
      <c r="G54392" s="16">
        <v>0</v>
      </c>
    </row>
    <row r="54393" spans="1:7" x14ac:dyDescent="0.3">
      <c r="A54393" s="13" t="s">
        <v>300</v>
      </c>
      <c r="B54393" s="14" t="s">
        <v>1</v>
      </c>
      <c r="C54393" s="14" t="s">
        <v>96</v>
      </c>
      <c r="D54393" s="14" t="s">
        <v>14</v>
      </c>
      <c r="E54393" s="15">
        <v>45384</v>
      </c>
      <c r="F54393" s="14" t="s">
        <v>15</v>
      </c>
      <c r="G54393" s="16">
        <v>0</v>
      </c>
    </row>
    <row r="54394" spans="1:7" x14ac:dyDescent="0.3">
      <c r="A54394" s="13" t="s">
        <v>300</v>
      </c>
      <c r="B54394" s="14" t="s">
        <v>1</v>
      </c>
      <c r="C54394" s="14" t="s">
        <v>96</v>
      </c>
      <c r="D54394" s="14" t="s">
        <v>14</v>
      </c>
      <c r="E54394" s="15">
        <v>45385</v>
      </c>
      <c r="F54394" s="14" t="s">
        <v>15</v>
      </c>
      <c r="G54394" s="16">
        <v>0</v>
      </c>
    </row>
    <row r="54395" spans="1:7" x14ac:dyDescent="0.3">
      <c r="A54395" s="13" t="s">
        <v>300</v>
      </c>
      <c r="B54395" s="14" t="s">
        <v>1</v>
      </c>
      <c r="C54395" s="14" t="s">
        <v>96</v>
      </c>
      <c r="D54395" s="14" t="s">
        <v>14</v>
      </c>
      <c r="E54395" s="15">
        <v>45386</v>
      </c>
      <c r="F54395" s="14" t="s">
        <v>15</v>
      </c>
      <c r="G54395" s="16">
        <v>0</v>
      </c>
    </row>
    <row r="54396" spans="1:7" x14ac:dyDescent="0.3">
      <c r="A54396" s="13" t="s">
        <v>300</v>
      </c>
      <c r="B54396" s="14" t="s">
        <v>1</v>
      </c>
      <c r="C54396" s="14" t="s">
        <v>96</v>
      </c>
      <c r="D54396" s="14" t="s">
        <v>14</v>
      </c>
      <c r="E54396" s="15">
        <v>45387</v>
      </c>
      <c r="F54396" s="14" t="s">
        <v>15</v>
      </c>
      <c r="G54396" s="16">
        <v>0</v>
      </c>
    </row>
    <row r="54397" spans="1:7" x14ac:dyDescent="0.3">
      <c r="A54397" s="13" t="s">
        <v>300</v>
      </c>
      <c r="B54397" s="14" t="s">
        <v>1</v>
      </c>
      <c r="C54397" s="14" t="s">
        <v>96</v>
      </c>
      <c r="D54397" s="14" t="s">
        <v>14</v>
      </c>
      <c r="E54397" s="15">
        <v>45388</v>
      </c>
      <c r="F54397" s="14" t="s">
        <v>15</v>
      </c>
      <c r="G54397" s="16">
        <v>0</v>
      </c>
    </row>
    <row r="54398" spans="1:7" x14ac:dyDescent="0.3">
      <c r="A54398" s="13" t="s">
        <v>300</v>
      </c>
      <c r="B54398" s="14" t="s">
        <v>1</v>
      </c>
      <c r="C54398" s="14" t="s">
        <v>96</v>
      </c>
      <c r="D54398" s="14" t="s">
        <v>14</v>
      </c>
      <c r="E54398" s="15">
        <v>45389</v>
      </c>
      <c r="F54398" s="14" t="s">
        <v>15</v>
      </c>
      <c r="G54398" s="16">
        <v>0</v>
      </c>
    </row>
    <row r="54399" spans="1:7" x14ac:dyDescent="0.3">
      <c r="A54399" s="13" t="s">
        <v>300</v>
      </c>
      <c r="B54399" s="14" t="s">
        <v>1</v>
      </c>
      <c r="C54399" s="14" t="s">
        <v>96</v>
      </c>
      <c r="D54399" s="14" t="s">
        <v>14</v>
      </c>
      <c r="E54399" s="15">
        <v>45390</v>
      </c>
      <c r="F54399" s="14" t="s">
        <v>15</v>
      </c>
      <c r="G54399" s="16">
        <v>0</v>
      </c>
    </row>
    <row r="54400" spans="1:7" x14ac:dyDescent="0.3">
      <c r="A54400" s="13" t="s">
        <v>300</v>
      </c>
      <c r="B54400" s="14" t="s">
        <v>1</v>
      </c>
      <c r="C54400" s="14" t="s">
        <v>96</v>
      </c>
      <c r="D54400" s="14" t="s">
        <v>14</v>
      </c>
      <c r="E54400" s="15">
        <v>45391</v>
      </c>
      <c r="F54400" s="14" t="s">
        <v>15</v>
      </c>
      <c r="G54400" s="16">
        <v>0</v>
      </c>
    </row>
    <row r="54401" spans="1:7" x14ac:dyDescent="0.3">
      <c r="A54401" s="13" t="s">
        <v>300</v>
      </c>
      <c r="B54401" s="14" t="s">
        <v>1</v>
      </c>
      <c r="C54401" s="14" t="s">
        <v>96</v>
      </c>
      <c r="D54401" s="14" t="s">
        <v>14</v>
      </c>
      <c r="E54401" s="15">
        <v>45392</v>
      </c>
      <c r="F54401" s="14" t="s">
        <v>15</v>
      </c>
      <c r="G54401" s="16">
        <v>0</v>
      </c>
    </row>
    <row r="54402" spans="1:7" x14ac:dyDescent="0.3">
      <c r="A54402" s="13" t="s">
        <v>300</v>
      </c>
      <c r="B54402" s="14" t="s">
        <v>1</v>
      </c>
      <c r="C54402" s="14" t="s">
        <v>96</v>
      </c>
      <c r="D54402" s="14" t="s">
        <v>14</v>
      </c>
      <c r="E54402" s="15">
        <v>45393</v>
      </c>
      <c r="F54402" s="14" t="s">
        <v>15</v>
      </c>
      <c r="G54402" s="16">
        <v>0</v>
      </c>
    </row>
    <row r="54403" spans="1:7" x14ac:dyDescent="0.3">
      <c r="A54403" s="13" t="s">
        <v>300</v>
      </c>
      <c r="B54403" s="14" t="s">
        <v>1</v>
      </c>
      <c r="C54403" s="14" t="s">
        <v>96</v>
      </c>
      <c r="D54403" s="14" t="s">
        <v>14</v>
      </c>
      <c r="E54403" s="15">
        <v>45394</v>
      </c>
      <c r="F54403" s="14" t="s">
        <v>15</v>
      </c>
      <c r="G54403" s="16">
        <v>0</v>
      </c>
    </row>
    <row r="54404" spans="1:7" x14ac:dyDescent="0.3">
      <c r="A54404" s="13" t="s">
        <v>300</v>
      </c>
      <c r="B54404" s="14" t="s">
        <v>1</v>
      </c>
      <c r="C54404" s="14" t="s">
        <v>96</v>
      </c>
      <c r="D54404" s="14" t="s">
        <v>14</v>
      </c>
      <c r="E54404" s="15">
        <v>45395</v>
      </c>
      <c r="F54404" s="14" t="s">
        <v>15</v>
      </c>
      <c r="G54404" s="16">
        <v>0</v>
      </c>
    </row>
    <row r="54405" spans="1:7" x14ac:dyDescent="0.3">
      <c r="A54405" s="13" t="s">
        <v>300</v>
      </c>
      <c r="B54405" s="14" t="s">
        <v>1</v>
      </c>
      <c r="C54405" s="14" t="s">
        <v>96</v>
      </c>
      <c r="D54405" s="14" t="s">
        <v>14</v>
      </c>
      <c r="E54405" s="15">
        <v>45396</v>
      </c>
      <c r="F54405" s="14" t="s">
        <v>15</v>
      </c>
      <c r="G54405" s="16">
        <v>0</v>
      </c>
    </row>
    <row r="54406" spans="1:7" x14ac:dyDescent="0.3">
      <c r="A54406" s="13" t="s">
        <v>300</v>
      </c>
      <c r="B54406" s="14" t="s">
        <v>1</v>
      </c>
      <c r="C54406" s="14" t="s">
        <v>96</v>
      </c>
      <c r="D54406" s="14" t="s">
        <v>14</v>
      </c>
      <c r="E54406" s="15">
        <v>45397</v>
      </c>
      <c r="F54406" s="14" t="s">
        <v>15</v>
      </c>
      <c r="G54406" s="16">
        <v>0</v>
      </c>
    </row>
    <row r="54407" spans="1:7" x14ac:dyDescent="0.3">
      <c r="A54407" s="13" t="s">
        <v>300</v>
      </c>
      <c r="B54407" s="14" t="s">
        <v>1</v>
      </c>
      <c r="C54407" s="14" t="s">
        <v>96</v>
      </c>
      <c r="D54407" s="14" t="s">
        <v>14</v>
      </c>
      <c r="E54407" s="15">
        <v>45398</v>
      </c>
      <c r="F54407" s="14" t="s">
        <v>15</v>
      </c>
      <c r="G54407" s="16">
        <v>0</v>
      </c>
    </row>
    <row r="54408" spans="1:7" x14ac:dyDescent="0.3">
      <c r="A54408" s="13" t="s">
        <v>300</v>
      </c>
      <c r="B54408" s="14" t="s">
        <v>1</v>
      </c>
      <c r="C54408" s="14" t="s">
        <v>96</v>
      </c>
      <c r="D54408" s="14" t="s">
        <v>14</v>
      </c>
      <c r="E54408" s="15">
        <v>45399</v>
      </c>
      <c r="F54408" s="14" t="s">
        <v>15</v>
      </c>
      <c r="G54408" s="16">
        <v>0</v>
      </c>
    </row>
    <row r="54409" spans="1:7" x14ac:dyDescent="0.3">
      <c r="A54409" s="13" t="s">
        <v>300</v>
      </c>
      <c r="B54409" s="14" t="s">
        <v>1</v>
      </c>
      <c r="C54409" s="14" t="s">
        <v>96</v>
      </c>
      <c r="D54409" s="14" t="s">
        <v>14</v>
      </c>
      <c r="E54409" s="15">
        <v>45400</v>
      </c>
      <c r="F54409" s="14" t="s">
        <v>15</v>
      </c>
      <c r="G54409" s="16">
        <v>0</v>
      </c>
    </row>
    <row r="54410" spans="1:7" x14ac:dyDescent="0.3">
      <c r="A54410" s="13" t="s">
        <v>300</v>
      </c>
      <c r="B54410" s="14" t="s">
        <v>1</v>
      </c>
      <c r="C54410" s="14" t="s">
        <v>96</v>
      </c>
      <c r="D54410" s="14" t="s">
        <v>14</v>
      </c>
      <c r="E54410" s="15">
        <v>45401</v>
      </c>
      <c r="F54410" s="14" t="s">
        <v>15</v>
      </c>
      <c r="G54410" s="16">
        <v>0</v>
      </c>
    </row>
    <row r="54411" spans="1:7" x14ac:dyDescent="0.3">
      <c r="A54411" s="13" t="s">
        <v>300</v>
      </c>
      <c r="B54411" s="14" t="s">
        <v>1</v>
      </c>
      <c r="C54411" s="14" t="s">
        <v>96</v>
      </c>
      <c r="D54411" s="14" t="s">
        <v>14</v>
      </c>
      <c r="E54411" s="15">
        <v>45402</v>
      </c>
      <c r="F54411" s="14" t="s">
        <v>15</v>
      </c>
      <c r="G54411" s="16">
        <v>0</v>
      </c>
    </row>
    <row r="54412" spans="1:7" x14ac:dyDescent="0.3">
      <c r="A54412" s="13" t="s">
        <v>300</v>
      </c>
      <c r="B54412" s="14" t="s">
        <v>1</v>
      </c>
      <c r="C54412" s="14" t="s">
        <v>96</v>
      </c>
      <c r="D54412" s="14" t="s">
        <v>14</v>
      </c>
      <c r="E54412" s="15">
        <v>45403</v>
      </c>
      <c r="F54412" s="14" t="s">
        <v>15</v>
      </c>
      <c r="G54412" s="16">
        <v>0</v>
      </c>
    </row>
    <row r="54413" spans="1:7" x14ac:dyDescent="0.3">
      <c r="A54413" s="13" t="s">
        <v>300</v>
      </c>
      <c r="B54413" s="14" t="s">
        <v>1</v>
      </c>
      <c r="C54413" s="14" t="s">
        <v>96</v>
      </c>
      <c r="D54413" s="14" t="s">
        <v>14</v>
      </c>
      <c r="E54413" s="15">
        <v>45404</v>
      </c>
      <c r="F54413" s="14" t="s">
        <v>15</v>
      </c>
      <c r="G54413" s="16">
        <v>0</v>
      </c>
    </row>
    <row r="54414" spans="1:7" x14ac:dyDescent="0.3">
      <c r="A54414" s="13" t="s">
        <v>300</v>
      </c>
      <c r="B54414" s="14" t="s">
        <v>1</v>
      </c>
      <c r="C54414" s="14" t="s">
        <v>96</v>
      </c>
      <c r="D54414" s="14" t="s">
        <v>14</v>
      </c>
      <c r="E54414" s="15">
        <v>45405</v>
      </c>
      <c r="F54414" s="14" t="s">
        <v>15</v>
      </c>
      <c r="G54414" s="16">
        <v>0</v>
      </c>
    </row>
    <row r="54415" spans="1:7" x14ac:dyDescent="0.3">
      <c r="A54415" s="13" t="s">
        <v>300</v>
      </c>
      <c r="B54415" s="14" t="s">
        <v>1</v>
      </c>
      <c r="C54415" s="14" t="s">
        <v>96</v>
      </c>
      <c r="D54415" s="14" t="s">
        <v>14</v>
      </c>
      <c r="E54415" s="15">
        <v>45406</v>
      </c>
      <c r="F54415" s="14" t="s">
        <v>15</v>
      </c>
      <c r="G54415" s="16">
        <v>0</v>
      </c>
    </row>
    <row r="54416" spans="1:7" x14ac:dyDescent="0.3">
      <c r="A54416" s="13" t="s">
        <v>300</v>
      </c>
      <c r="B54416" s="14" t="s">
        <v>1</v>
      </c>
      <c r="C54416" s="14" t="s">
        <v>96</v>
      </c>
      <c r="D54416" s="14" t="s">
        <v>14</v>
      </c>
      <c r="E54416" s="15">
        <v>45407</v>
      </c>
      <c r="F54416" s="14" t="s">
        <v>15</v>
      </c>
      <c r="G54416" s="16">
        <v>0</v>
      </c>
    </row>
    <row r="54417" spans="1:7" x14ac:dyDescent="0.3">
      <c r="A54417" s="13" t="s">
        <v>300</v>
      </c>
      <c r="B54417" s="14" t="s">
        <v>1</v>
      </c>
      <c r="C54417" s="14" t="s">
        <v>96</v>
      </c>
      <c r="D54417" s="14" t="s">
        <v>14</v>
      </c>
      <c r="E54417" s="15">
        <v>45408</v>
      </c>
      <c r="F54417" s="14" t="s">
        <v>15</v>
      </c>
      <c r="G54417" s="16">
        <v>0</v>
      </c>
    </row>
    <row r="54418" spans="1:7" x14ac:dyDescent="0.3">
      <c r="A54418" s="13" t="s">
        <v>300</v>
      </c>
      <c r="B54418" s="14" t="s">
        <v>1</v>
      </c>
      <c r="C54418" s="14" t="s">
        <v>96</v>
      </c>
      <c r="D54418" s="14" t="s">
        <v>14</v>
      </c>
      <c r="E54418" s="15">
        <v>45409</v>
      </c>
      <c r="F54418" s="14" t="s">
        <v>15</v>
      </c>
      <c r="G54418" s="16">
        <v>0</v>
      </c>
    </row>
    <row r="54419" spans="1:7" x14ac:dyDescent="0.3">
      <c r="A54419" s="13" t="s">
        <v>300</v>
      </c>
      <c r="B54419" s="14" t="s">
        <v>1</v>
      </c>
      <c r="C54419" s="14" t="s">
        <v>96</v>
      </c>
      <c r="D54419" s="14" t="s">
        <v>14</v>
      </c>
      <c r="E54419" s="15">
        <v>45410</v>
      </c>
      <c r="F54419" s="14" t="s">
        <v>15</v>
      </c>
      <c r="G54419" s="16">
        <v>0</v>
      </c>
    </row>
    <row r="54420" spans="1:7" x14ac:dyDescent="0.3">
      <c r="A54420" s="13" t="s">
        <v>300</v>
      </c>
      <c r="B54420" s="14" t="s">
        <v>1</v>
      </c>
      <c r="C54420" s="14" t="s">
        <v>96</v>
      </c>
      <c r="D54420" s="14" t="s">
        <v>14</v>
      </c>
      <c r="E54420" s="15">
        <v>45411</v>
      </c>
      <c r="F54420" s="14" t="s">
        <v>15</v>
      </c>
      <c r="G54420" s="16">
        <v>0</v>
      </c>
    </row>
    <row r="54421" spans="1:7" x14ac:dyDescent="0.3">
      <c r="A54421" s="13" t="s">
        <v>300</v>
      </c>
      <c r="B54421" s="14" t="s">
        <v>1</v>
      </c>
      <c r="C54421" s="14" t="s">
        <v>96</v>
      </c>
      <c r="D54421" s="14" t="s">
        <v>14</v>
      </c>
      <c r="E54421" s="15">
        <v>45412</v>
      </c>
      <c r="F54421" s="14" t="s">
        <v>15</v>
      </c>
      <c r="G54421" s="16">
        <v>0</v>
      </c>
    </row>
    <row r="54422" spans="1:7" x14ac:dyDescent="0.3">
      <c r="A54422" s="13" t="s">
        <v>300</v>
      </c>
      <c r="B54422" s="14" t="s">
        <v>1</v>
      </c>
      <c r="C54422" s="14" t="s">
        <v>96</v>
      </c>
      <c r="D54422" s="14" t="s">
        <v>14</v>
      </c>
      <c r="E54422" s="15">
        <v>45413</v>
      </c>
      <c r="F54422" s="14" t="s">
        <v>15</v>
      </c>
      <c r="G54422" s="16">
        <v>0</v>
      </c>
    </row>
    <row r="54423" spans="1:7" x14ac:dyDescent="0.3">
      <c r="A54423" s="13" t="s">
        <v>300</v>
      </c>
      <c r="B54423" s="14" t="s">
        <v>1</v>
      </c>
      <c r="C54423" s="14" t="s">
        <v>96</v>
      </c>
      <c r="D54423" s="14" t="s">
        <v>14</v>
      </c>
      <c r="E54423" s="15">
        <v>45414</v>
      </c>
      <c r="F54423" s="14" t="s">
        <v>15</v>
      </c>
      <c r="G54423" s="16">
        <v>0</v>
      </c>
    </row>
    <row r="54424" spans="1:7" x14ac:dyDescent="0.3">
      <c r="A54424" s="13" t="s">
        <v>300</v>
      </c>
      <c r="B54424" s="14" t="s">
        <v>1</v>
      </c>
      <c r="C54424" s="14" t="s">
        <v>96</v>
      </c>
      <c r="D54424" s="14" t="s">
        <v>14</v>
      </c>
      <c r="E54424" s="15">
        <v>45415</v>
      </c>
      <c r="F54424" s="14" t="s">
        <v>15</v>
      </c>
      <c r="G54424" s="16">
        <v>0</v>
      </c>
    </row>
    <row r="54425" spans="1:7" x14ac:dyDescent="0.3">
      <c r="A54425" s="13" t="s">
        <v>300</v>
      </c>
      <c r="B54425" s="14" t="s">
        <v>1</v>
      </c>
      <c r="C54425" s="14" t="s">
        <v>96</v>
      </c>
      <c r="D54425" s="14" t="s">
        <v>14</v>
      </c>
      <c r="E54425" s="15">
        <v>45416</v>
      </c>
      <c r="F54425" s="14" t="s">
        <v>15</v>
      </c>
      <c r="G54425" s="16">
        <v>0</v>
      </c>
    </row>
    <row r="54426" spans="1:7" x14ac:dyDescent="0.3">
      <c r="A54426" s="13" t="s">
        <v>300</v>
      </c>
      <c r="B54426" s="14" t="s">
        <v>1</v>
      </c>
      <c r="C54426" s="14" t="s">
        <v>96</v>
      </c>
      <c r="D54426" s="14" t="s">
        <v>14</v>
      </c>
      <c r="E54426" s="15">
        <v>45417</v>
      </c>
      <c r="F54426" s="14" t="s">
        <v>15</v>
      </c>
      <c r="G54426" s="16">
        <v>0</v>
      </c>
    </row>
    <row r="54427" spans="1:7" x14ac:dyDescent="0.3">
      <c r="A54427" s="13" t="s">
        <v>300</v>
      </c>
      <c r="B54427" s="14" t="s">
        <v>1</v>
      </c>
      <c r="C54427" s="14" t="s">
        <v>96</v>
      </c>
      <c r="D54427" s="14" t="s">
        <v>14</v>
      </c>
      <c r="E54427" s="15">
        <v>45418</v>
      </c>
      <c r="F54427" s="14" t="s">
        <v>15</v>
      </c>
      <c r="G54427" s="16">
        <v>0</v>
      </c>
    </row>
    <row r="54428" spans="1:7" x14ac:dyDescent="0.3">
      <c r="A54428" s="13" t="s">
        <v>300</v>
      </c>
      <c r="B54428" s="14" t="s">
        <v>1</v>
      </c>
      <c r="C54428" s="14" t="s">
        <v>96</v>
      </c>
      <c r="D54428" s="14" t="s">
        <v>14</v>
      </c>
      <c r="E54428" s="15">
        <v>45419</v>
      </c>
      <c r="F54428" s="14" t="s">
        <v>15</v>
      </c>
      <c r="G54428" s="16">
        <v>0</v>
      </c>
    </row>
    <row r="54429" spans="1:7" x14ac:dyDescent="0.3">
      <c r="A54429" s="13" t="s">
        <v>300</v>
      </c>
      <c r="B54429" s="14" t="s">
        <v>1</v>
      </c>
      <c r="C54429" s="14" t="s">
        <v>96</v>
      </c>
      <c r="D54429" s="14" t="s">
        <v>14</v>
      </c>
      <c r="E54429" s="15">
        <v>45420</v>
      </c>
      <c r="F54429" s="14" t="s">
        <v>15</v>
      </c>
      <c r="G54429" s="16">
        <v>0</v>
      </c>
    </row>
    <row r="54430" spans="1:7" x14ac:dyDescent="0.3">
      <c r="A54430" s="13" t="s">
        <v>300</v>
      </c>
      <c r="B54430" s="14" t="s">
        <v>1</v>
      </c>
      <c r="C54430" s="14" t="s">
        <v>96</v>
      </c>
      <c r="D54430" s="14" t="s">
        <v>14</v>
      </c>
      <c r="E54430" s="15">
        <v>45421</v>
      </c>
      <c r="F54430" s="14" t="s">
        <v>15</v>
      </c>
      <c r="G54430" s="16">
        <v>0</v>
      </c>
    </row>
    <row r="54431" spans="1:7" x14ac:dyDescent="0.3">
      <c r="A54431" s="13" t="s">
        <v>300</v>
      </c>
      <c r="B54431" s="14" t="s">
        <v>1</v>
      </c>
      <c r="C54431" s="14" t="s">
        <v>96</v>
      </c>
      <c r="D54431" s="14" t="s">
        <v>14</v>
      </c>
      <c r="E54431" s="15">
        <v>45422</v>
      </c>
      <c r="F54431" s="14" t="s">
        <v>15</v>
      </c>
      <c r="G54431" s="16">
        <v>0</v>
      </c>
    </row>
    <row r="54432" spans="1:7" x14ac:dyDescent="0.3">
      <c r="A54432" s="13" t="s">
        <v>300</v>
      </c>
      <c r="B54432" s="14" t="s">
        <v>1</v>
      </c>
      <c r="C54432" s="14" t="s">
        <v>96</v>
      </c>
      <c r="D54432" s="14" t="s">
        <v>14</v>
      </c>
      <c r="E54432" s="15">
        <v>45423</v>
      </c>
      <c r="F54432" s="14" t="s">
        <v>15</v>
      </c>
      <c r="G54432" s="16">
        <v>0</v>
      </c>
    </row>
    <row r="54433" spans="1:7" x14ac:dyDescent="0.3">
      <c r="A54433" s="13" t="s">
        <v>300</v>
      </c>
      <c r="B54433" s="14" t="s">
        <v>1</v>
      </c>
      <c r="C54433" s="14" t="s">
        <v>96</v>
      </c>
      <c r="D54433" s="14" t="s">
        <v>14</v>
      </c>
      <c r="E54433" s="15">
        <v>45424</v>
      </c>
      <c r="F54433" s="14" t="s">
        <v>15</v>
      </c>
      <c r="G54433" s="16">
        <v>0</v>
      </c>
    </row>
    <row r="54434" spans="1:7" x14ac:dyDescent="0.3">
      <c r="A54434" s="13" t="s">
        <v>300</v>
      </c>
      <c r="B54434" s="14" t="s">
        <v>1</v>
      </c>
      <c r="C54434" s="14" t="s">
        <v>96</v>
      </c>
      <c r="D54434" s="14" t="s">
        <v>14</v>
      </c>
      <c r="E54434" s="15">
        <v>45425</v>
      </c>
      <c r="F54434" s="14" t="s">
        <v>15</v>
      </c>
      <c r="G54434" s="16">
        <v>0</v>
      </c>
    </row>
    <row r="54435" spans="1:7" x14ac:dyDescent="0.3">
      <c r="A54435" s="13" t="s">
        <v>300</v>
      </c>
      <c r="B54435" s="14" t="s">
        <v>1</v>
      </c>
      <c r="C54435" s="14" t="s">
        <v>96</v>
      </c>
      <c r="D54435" s="14" t="s">
        <v>14</v>
      </c>
      <c r="E54435" s="15">
        <v>45426</v>
      </c>
      <c r="F54435" s="14" t="s">
        <v>15</v>
      </c>
      <c r="G54435" s="16">
        <v>0</v>
      </c>
    </row>
    <row r="54436" spans="1:7" x14ac:dyDescent="0.3">
      <c r="A54436" s="13" t="s">
        <v>300</v>
      </c>
      <c r="B54436" s="14" t="s">
        <v>1</v>
      </c>
      <c r="C54436" s="14" t="s">
        <v>96</v>
      </c>
      <c r="D54436" s="14" t="s">
        <v>14</v>
      </c>
      <c r="E54436" s="15">
        <v>45427</v>
      </c>
      <c r="F54436" s="14" t="s">
        <v>15</v>
      </c>
      <c r="G54436" s="16">
        <v>0</v>
      </c>
    </row>
    <row r="54437" spans="1:7" x14ac:dyDescent="0.3">
      <c r="A54437" s="13" t="s">
        <v>300</v>
      </c>
      <c r="B54437" s="14" t="s">
        <v>1</v>
      </c>
      <c r="C54437" s="14" t="s">
        <v>96</v>
      </c>
      <c r="D54437" s="14" t="s">
        <v>14</v>
      </c>
      <c r="E54437" s="15">
        <v>45428</v>
      </c>
      <c r="F54437" s="14" t="s">
        <v>15</v>
      </c>
      <c r="G54437" s="16">
        <v>0</v>
      </c>
    </row>
    <row r="54438" spans="1:7" x14ac:dyDescent="0.3">
      <c r="A54438" s="13" t="s">
        <v>300</v>
      </c>
      <c r="B54438" s="14" t="s">
        <v>1</v>
      </c>
      <c r="C54438" s="14" t="s">
        <v>96</v>
      </c>
      <c r="D54438" s="14" t="s">
        <v>14</v>
      </c>
      <c r="E54438" s="15">
        <v>45429</v>
      </c>
      <c r="F54438" s="14" t="s">
        <v>15</v>
      </c>
      <c r="G54438" s="16">
        <v>0</v>
      </c>
    </row>
    <row r="54439" spans="1:7" x14ac:dyDescent="0.3">
      <c r="A54439" s="13" t="s">
        <v>300</v>
      </c>
      <c r="B54439" s="14" t="s">
        <v>1</v>
      </c>
      <c r="C54439" s="14" t="s">
        <v>96</v>
      </c>
      <c r="D54439" s="14" t="s">
        <v>14</v>
      </c>
      <c r="E54439" s="15">
        <v>45430</v>
      </c>
      <c r="F54439" s="14" t="s">
        <v>15</v>
      </c>
      <c r="G54439" s="16">
        <v>0</v>
      </c>
    </row>
    <row r="54440" spans="1:7" x14ac:dyDescent="0.3">
      <c r="A54440" s="13" t="s">
        <v>300</v>
      </c>
      <c r="B54440" s="14" t="s">
        <v>1</v>
      </c>
      <c r="C54440" s="14" t="s">
        <v>96</v>
      </c>
      <c r="D54440" s="14" t="s">
        <v>14</v>
      </c>
      <c r="E54440" s="15">
        <v>45431</v>
      </c>
      <c r="F54440" s="14" t="s">
        <v>15</v>
      </c>
      <c r="G54440" s="16">
        <v>0</v>
      </c>
    </row>
    <row r="54441" spans="1:7" x14ac:dyDescent="0.3">
      <c r="A54441" s="13" t="s">
        <v>300</v>
      </c>
      <c r="B54441" s="14" t="s">
        <v>1</v>
      </c>
      <c r="C54441" s="14" t="s">
        <v>96</v>
      </c>
      <c r="D54441" s="14" t="s">
        <v>14</v>
      </c>
      <c r="E54441" s="15">
        <v>45432</v>
      </c>
      <c r="F54441" s="14" t="s">
        <v>15</v>
      </c>
      <c r="G54441" s="16">
        <v>0</v>
      </c>
    </row>
    <row r="54442" spans="1:7" x14ac:dyDescent="0.3">
      <c r="A54442" s="13" t="s">
        <v>300</v>
      </c>
      <c r="B54442" s="14" t="s">
        <v>1</v>
      </c>
      <c r="C54442" s="14" t="s">
        <v>96</v>
      </c>
      <c r="D54442" s="14" t="s">
        <v>14</v>
      </c>
      <c r="E54442" s="15">
        <v>45433</v>
      </c>
      <c r="F54442" s="14" t="s">
        <v>15</v>
      </c>
      <c r="G54442" s="16">
        <v>0</v>
      </c>
    </row>
    <row r="54443" spans="1:7" x14ac:dyDescent="0.3">
      <c r="A54443" s="13" t="s">
        <v>300</v>
      </c>
      <c r="B54443" s="14" t="s">
        <v>1</v>
      </c>
      <c r="C54443" s="14" t="s">
        <v>96</v>
      </c>
      <c r="D54443" s="14" t="s">
        <v>14</v>
      </c>
      <c r="E54443" s="15">
        <v>45434</v>
      </c>
      <c r="F54443" s="14" t="s">
        <v>15</v>
      </c>
      <c r="G54443" s="16">
        <v>0</v>
      </c>
    </row>
    <row r="54444" spans="1:7" x14ac:dyDescent="0.3">
      <c r="A54444" s="13" t="s">
        <v>300</v>
      </c>
      <c r="B54444" s="14" t="s">
        <v>1</v>
      </c>
      <c r="C54444" s="14" t="s">
        <v>96</v>
      </c>
      <c r="D54444" s="14" t="s">
        <v>14</v>
      </c>
      <c r="E54444" s="15">
        <v>45435</v>
      </c>
      <c r="F54444" s="14" t="s">
        <v>15</v>
      </c>
      <c r="G54444" s="16">
        <v>0</v>
      </c>
    </row>
    <row r="54445" spans="1:7" x14ac:dyDescent="0.3">
      <c r="A54445" s="13" t="s">
        <v>300</v>
      </c>
      <c r="B54445" s="14" t="s">
        <v>1</v>
      </c>
      <c r="C54445" s="14" t="s">
        <v>96</v>
      </c>
      <c r="D54445" s="14" t="s">
        <v>14</v>
      </c>
      <c r="E54445" s="15">
        <v>45436</v>
      </c>
      <c r="F54445" s="14" t="s">
        <v>15</v>
      </c>
      <c r="G54445" s="16">
        <v>0</v>
      </c>
    </row>
    <row r="54446" spans="1:7" x14ac:dyDescent="0.3">
      <c r="A54446" s="13" t="s">
        <v>300</v>
      </c>
      <c r="B54446" s="14" t="s">
        <v>1</v>
      </c>
      <c r="C54446" s="14" t="s">
        <v>96</v>
      </c>
      <c r="D54446" s="14" t="s">
        <v>14</v>
      </c>
      <c r="E54446" s="15">
        <v>45437</v>
      </c>
      <c r="F54446" s="14" t="s">
        <v>15</v>
      </c>
      <c r="G54446" s="16">
        <v>0</v>
      </c>
    </row>
    <row r="54447" spans="1:7" x14ac:dyDescent="0.3">
      <c r="A54447" s="13" t="s">
        <v>300</v>
      </c>
      <c r="B54447" s="14" t="s">
        <v>1</v>
      </c>
      <c r="C54447" s="14" t="s">
        <v>96</v>
      </c>
      <c r="D54447" s="14" t="s">
        <v>14</v>
      </c>
      <c r="E54447" s="15">
        <v>45438</v>
      </c>
      <c r="F54447" s="14" t="s">
        <v>15</v>
      </c>
      <c r="G54447" s="16">
        <v>0</v>
      </c>
    </row>
    <row r="54448" spans="1:7" x14ac:dyDescent="0.3">
      <c r="A54448" s="13" t="s">
        <v>300</v>
      </c>
      <c r="B54448" s="14" t="s">
        <v>1</v>
      </c>
      <c r="C54448" s="14" t="s">
        <v>96</v>
      </c>
      <c r="D54448" s="14" t="s">
        <v>14</v>
      </c>
      <c r="E54448" s="15">
        <v>45439</v>
      </c>
      <c r="F54448" s="14" t="s">
        <v>15</v>
      </c>
      <c r="G54448" s="16">
        <v>0</v>
      </c>
    </row>
    <row r="54449" spans="1:7" x14ac:dyDescent="0.3">
      <c r="A54449" s="13" t="s">
        <v>300</v>
      </c>
      <c r="B54449" s="14" t="s">
        <v>1</v>
      </c>
      <c r="C54449" s="14" t="s">
        <v>96</v>
      </c>
      <c r="D54449" s="14" t="s">
        <v>14</v>
      </c>
      <c r="E54449" s="15">
        <v>45440</v>
      </c>
      <c r="F54449" s="14" t="s">
        <v>15</v>
      </c>
      <c r="G54449" s="16">
        <v>0</v>
      </c>
    </row>
    <row r="54450" spans="1:7" x14ac:dyDescent="0.3">
      <c r="A54450" s="13" t="s">
        <v>300</v>
      </c>
      <c r="B54450" s="14" t="s">
        <v>1</v>
      </c>
      <c r="C54450" s="14" t="s">
        <v>96</v>
      </c>
      <c r="D54450" s="14" t="s">
        <v>14</v>
      </c>
      <c r="E54450" s="15">
        <v>45441</v>
      </c>
      <c r="F54450" s="14" t="s">
        <v>15</v>
      </c>
      <c r="G54450" s="16">
        <v>0</v>
      </c>
    </row>
    <row r="54451" spans="1:7" x14ac:dyDescent="0.3">
      <c r="A54451" s="13" t="s">
        <v>300</v>
      </c>
      <c r="B54451" s="14" t="s">
        <v>1</v>
      </c>
      <c r="C54451" s="14" t="s">
        <v>96</v>
      </c>
      <c r="D54451" s="14" t="s">
        <v>14</v>
      </c>
      <c r="E54451" s="15">
        <v>45442</v>
      </c>
      <c r="F54451" s="14" t="s">
        <v>15</v>
      </c>
      <c r="G54451" s="16">
        <v>0</v>
      </c>
    </row>
    <row r="54452" spans="1:7" x14ac:dyDescent="0.3">
      <c r="A54452" s="13" t="s">
        <v>300</v>
      </c>
      <c r="B54452" s="14" t="s">
        <v>1</v>
      </c>
      <c r="C54452" s="14" t="s">
        <v>96</v>
      </c>
      <c r="D54452" s="14" t="s">
        <v>14</v>
      </c>
      <c r="E54452" s="15">
        <v>45443</v>
      </c>
      <c r="F54452" s="14" t="s">
        <v>15</v>
      </c>
      <c r="G54452" s="16">
        <v>0</v>
      </c>
    </row>
    <row r="54453" spans="1:7" x14ac:dyDescent="0.3">
      <c r="A54453" s="13" t="s">
        <v>300</v>
      </c>
      <c r="B54453" s="14" t="s">
        <v>1</v>
      </c>
      <c r="C54453" s="14" t="s">
        <v>96</v>
      </c>
      <c r="D54453" s="14" t="s">
        <v>14</v>
      </c>
      <c r="E54453" s="15">
        <v>45444</v>
      </c>
      <c r="F54453" s="14" t="s">
        <v>15</v>
      </c>
      <c r="G54453" s="16">
        <v>0</v>
      </c>
    </row>
    <row r="54454" spans="1:7" x14ac:dyDescent="0.3">
      <c r="A54454" s="13" t="s">
        <v>300</v>
      </c>
      <c r="B54454" s="14" t="s">
        <v>1</v>
      </c>
      <c r="C54454" s="14" t="s">
        <v>96</v>
      </c>
      <c r="D54454" s="14" t="s">
        <v>14</v>
      </c>
      <c r="E54454" s="15">
        <v>45445</v>
      </c>
      <c r="F54454" s="14" t="s">
        <v>15</v>
      </c>
      <c r="G54454" s="16">
        <v>0</v>
      </c>
    </row>
    <row r="54455" spans="1:7" x14ac:dyDescent="0.3">
      <c r="A54455" s="13" t="s">
        <v>300</v>
      </c>
      <c r="B54455" s="14" t="s">
        <v>1</v>
      </c>
      <c r="C54455" s="14" t="s">
        <v>96</v>
      </c>
      <c r="D54455" s="14" t="s">
        <v>14</v>
      </c>
      <c r="E54455" s="15">
        <v>45446</v>
      </c>
      <c r="F54455" s="14" t="s">
        <v>15</v>
      </c>
      <c r="G54455" s="16">
        <v>0</v>
      </c>
    </row>
    <row r="54456" spans="1:7" x14ac:dyDescent="0.3">
      <c r="A54456" s="13" t="s">
        <v>300</v>
      </c>
      <c r="B54456" s="14" t="s">
        <v>1</v>
      </c>
      <c r="C54456" s="14" t="s">
        <v>96</v>
      </c>
      <c r="D54456" s="14" t="s">
        <v>14</v>
      </c>
      <c r="E54456" s="15">
        <v>45447</v>
      </c>
      <c r="F54456" s="14" t="s">
        <v>15</v>
      </c>
      <c r="G54456" s="16">
        <v>0</v>
      </c>
    </row>
    <row r="54457" spans="1:7" x14ac:dyDescent="0.3">
      <c r="A54457" s="13" t="s">
        <v>300</v>
      </c>
      <c r="B54457" s="14" t="s">
        <v>1</v>
      </c>
      <c r="C54457" s="14" t="s">
        <v>96</v>
      </c>
      <c r="D54457" s="14" t="s">
        <v>14</v>
      </c>
      <c r="E54457" s="15">
        <v>45448</v>
      </c>
      <c r="F54457" s="14" t="s">
        <v>15</v>
      </c>
      <c r="G54457" s="16">
        <v>0</v>
      </c>
    </row>
    <row r="54458" spans="1:7" x14ac:dyDescent="0.3">
      <c r="A54458" s="13" t="s">
        <v>300</v>
      </c>
      <c r="B54458" s="14" t="s">
        <v>1</v>
      </c>
      <c r="C54458" s="14" t="s">
        <v>96</v>
      </c>
      <c r="D54458" s="14" t="s">
        <v>14</v>
      </c>
      <c r="E54458" s="15">
        <v>45449</v>
      </c>
      <c r="F54458" s="14" t="s">
        <v>15</v>
      </c>
      <c r="G54458" s="16">
        <v>0</v>
      </c>
    </row>
    <row r="54459" spans="1:7" x14ac:dyDescent="0.3">
      <c r="A54459" s="13" t="s">
        <v>300</v>
      </c>
      <c r="B54459" s="14" t="s">
        <v>1</v>
      </c>
      <c r="C54459" s="14" t="s">
        <v>96</v>
      </c>
      <c r="D54459" s="14" t="s">
        <v>14</v>
      </c>
      <c r="E54459" s="15">
        <v>45450</v>
      </c>
      <c r="F54459" s="14" t="s">
        <v>15</v>
      </c>
      <c r="G54459" s="16">
        <v>0</v>
      </c>
    </row>
    <row r="54460" spans="1:7" x14ac:dyDescent="0.3">
      <c r="A54460" s="13" t="s">
        <v>300</v>
      </c>
      <c r="B54460" s="14" t="s">
        <v>1</v>
      </c>
      <c r="C54460" s="14" t="s">
        <v>96</v>
      </c>
      <c r="D54460" s="14" t="s">
        <v>14</v>
      </c>
      <c r="E54460" s="15">
        <v>45451</v>
      </c>
      <c r="F54460" s="14" t="s">
        <v>15</v>
      </c>
      <c r="G54460" s="16">
        <v>0</v>
      </c>
    </row>
    <row r="54461" spans="1:7" x14ac:dyDescent="0.3">
      <c r="A54461" s="13" t="s">
        <v>300</v>
      </c>
      <c r="B54461" s="14" t="s">
        <v>1</v>
      </c>
      <c r="C54461" s="14" t="s">
        <v>96</v>
      </c>
      <c r="D54461" s="14" t="s">
        <v>14</v>
      </c>
      <c r="E54461" s="15">
        <v>45452</v>
      </c>
      <c r="F54461" s="14" t="s">
        <v>15</v>
      </c>
      <c r="G54461" s="16">
        <v>0</v>
      </c>
    </row>
    <row r="54462" spans="1:7" x14ac:dyDescent="0.3">
      <c r="A54462" s="13" t="s">
        <v>300</v>
      </c>
      <c r="B54462" s="14" t="s">
        <v>1</v>
      </c>
      <c r="C54462" s="14" t="s">
        <v>96</v>
      </c>
      <c r="D54462" s="14" t="s">
        <v>14</v>
      </c>
      <c r="E54462" s="15">
        <v>45453</v>
      </c>
      <c r="F54462" s="14" t="s">
        <v>15</v>
      </c>
      <c r="G54462" s="16">
        <v>0</v>
      </c>
    </row>
    <row r="54463" spans="1:7" x14ac:dyDescent="0.3">
      <c r="A54463" s="13" t="s">
        <v>300</v>
      </c>
      <c r="B54463" s="14" t="s">
        <v>1</v>
      </c>
      <c r="C54463" s="14" t="s">
        <v>96</v>
      </c>
      <c r="D54463" s="14" t="s">
        <v>14</v>
      </c>
      <c r="E54463" s="15">
        <v>45454</v>
      </c>
      <c r="F54463" s="14" t="s">
        <v>15</v>
      </c>
      <c r="G54463" s="16">
        <v>0</v>
      </c>
    </row>
    <row r="54464" spans="1:7" x14ac:dyDescent="0.3">
      <c r="A54464" s="13" t="s">
        <v>300</v>
      </c>
      <c r="B54464" s="14" t="s">
        <v>1</v>
      </c>
      <c r="C54464" s="14" t="s">
        <v>96</v>
      </c>
      <c r="D54464" s="14" t="s">
        <v>14</v>
      </c>
      <c r="E54464" s="15">
        <v>45455</v>
      </c>
      <c r="F54464" s="14" t="s">
        <v>15</v>
      </c>
      <c r="G54464" s="16">
        <v>0</v>
      </c>
    </row>
    <row r="54465" spans="1:7" x14ac:dyDescent="0.3">
      <c r="A54465" s="13" t="s">
        <v>300</v>
      </c>
      <c r="B54465" s="14" t="s">
        <v>1</v>
      </c>
      <c r="C54465" s="14" t="s">
        <v>96</v>
      </c>
      <c r="D54465" s="14" t="s">
        <v>14</v>
      </c>
      <c r="E54465" s="15">
        <v>45456</v>
      </c>
      <c r="F54465" s="14" t="s">
        <v>15</v>
      </c>
      <c r="G54465" s="16">
        <v>0</v>
      </c>
    </row>
    <row r="54466" spans="1:7" x14ac:dyDescent="0.3">
      <c r="A54466" s="13" t="s">
        <v>300</v>
      </c>
      <c r="B54466" s="14" t="s">
        <v>1</v>
      </c>
      <c r="C54466" s="14" t="s">
        <v>96</v>
      </c>
      <c r="D54466" s="14" t="s">
        <v>14</v>
      </c>
      <c r="E54466" s="15">
        <v>45457</v>
      </c>
      <c r="F54466" s="14" t="s">
        <v>15</v>
      </c>
      <c r="G54466" s="16">
        <v>0</v>
      </c>
    </row>
    <row r="54467" spans="1:7" x14ac:dyDescent="0.3">
      <c r="A54467" s="13" t="s">
        <v>300</v>
      </c>
      <c r="B54467" s="14" t="s">
        <v>1</v>
      </c>
      <c r="C54467" s="14" t="s">
        <v>96</v>
      </c>
      <c r="D54467" s="14" t="s">
        <v>14</v>
      </c>
      <c r="E54467" s="15">
        <v>45458</v>
      </c>
      <c r="F54467" s="14" t="s">
        <v>15</v>
      </c>
      <c r="G54467" s="16">
        <v>0</v>
      </c>
    </row>
    <row r="54468" spans="1:7" x14ac:dyDescent="0.3">
      <c r="A54468" s="13" t="s">
        <v>300</v>
      </c>
      <c r="B54468" s="14" t="s">
        <v>1</v>
      </c>
      <c r="C54468" s="14" t="s">
        <v>96</v>
      </c>
      <c r="D54468" s="14" t="s">
        <v>14</v>
      </c>
      <c r="E54468" s="15">
        <v>45459</v>
      </c>
      <c r="F54468" s="14" t="s">
        <v>15</v>
      </c>
      <c r="G54468" s="16">
        <v>0</v>
      </c>
    </row>
    <row r="54469" spans="1:7" x14ac:dyDescent="0.3">
      <c r="A54469" s="13" t="s">
        <v>300</v>
      </c>
      <c r="B54469" s="14" t="s">
        <v>1</v>
      </c>
      <c r="C54469" s="14" t="s">
        <v>96</v>
      </c>
      <c r="D54469" s="14" t="s">
        <v>14</v>
      </c>
      <c r="E54469" s="15">
        <v>45460</v>
      </c>
      <c r="F54469" s="14" t="s">
        <v>15</v>
      </c>
      <c r="G54469" s="16">
        <v>0</v>
      </c>
    </row>
    <row r="54470" spans="1:7" x14ac:dyDescent="0.3">
      <c r="A54470" s="13" t="s">
        <v>300</v>
      </c>
      <c r="B54470" s="14" t="s">
        <v>1</v>
      </c>
      <c r="C54470" s="14" t="s">
        <v>96</v>
      </c>
      <c r="D54470" s="14" t="s">
        <v>14</v>
      </c>
      <c r="E54470" s="15">
        <v>45461</v>
      </c>
      <c r="F54470" s="14" t="s">
        <v>15</v>
      </c>
      <c r="G54470" s="16">
        <v>0</v>
      </c>
    </row>
    <row r="54471" spans="1:7" x14ac:dyDescent="0.3">
      <c r="A54471" s="13" t="s">
        <v>300</v>
      </c>
      <c r="B54471" s="14" t="s">
        <v>1</v>
      </c>
      <c r="C54471" s="14" t="s">
        <v>96</v>
      </c>
      <c r="D54471" s="14" t="s">
        <v>14</v>
      </c>
      <c r="E54471" s="15">
        <v>45462</v>
      </c>
      <c r="F54471" s="14" t="s">
        <v>15</v>
      </c>
      <c r="G54471" s="16">
        <v>0</v>
      </c>
    </row>
    <row r="54472" spans="1:7" x14ac:dyDescent="0.3">
      <c r="A54472" s="13" t="s">
        <v>300</v>
      </c>
      <c r="B54472" s="14" t="s">
        <v>1</v>
      </c>
      <c r="C54472" s="14" t="s">
        <v>96</v>
      </c>
      <c r="D54472" s="14" t="s">
        <v>14</v>
      </c>
      <c r="E54472" s="15">
        <v>45463</v>
      </c>
      <c r="F54472" s="14" t="s">
        <v>15</v>
      </c>
      <c r="G54472" s="16">
        <v>0</v>
      </c>
    </row>
    <row r="54473" spans="1:7" x14ac:dyDescent="0.3">
      <c r="A54473" s="13" t="s">
        <v>300</v>
      </c>
      <c r="B54473" s="14" t="s">
        <v>1</v>
      </c>
      <c r="C54473" s="14" t="s">
        <v>96</v>
      </c>
      <c r="D54473" s="14" t="s">
        <v>14</v>
      </c>
      <c r="E54473" s="15">
        <v>45464</v>
      </c>
      <c r="F54473" s="14" t="s">
        <v>15</v>
      </c>
      <c r="G54473" s="16">
        <v>0</v>
      </c>
    </row>
    <row r="54474" spans="1:7" x14ac:dyDescent="0.3">
      <c r="A54474" s="13" t="s">
        <v>300</v>
      </c>
      <c r="B54474" s="14" t="s">
        <v>1</v>
      </c>
      <c r="C54474" s="14" t="s">
        <v>96</v>
      </c>
      <c r="D54474" s="14" t="s">
        <v>14</v>
      </c>
      <c r="E54474" s="15">
        <v>45465</v>
      </c>
      <c r="F54474" s="14" t="s">
        <v>15</v>
      </c>
      <c r="G54474" s="16">
        <v>0</v>
      </c>
    </row>
    <row r="54475" spans="1:7" x14ac:dyDescent="0.3">
      <c r="A54475" s="13" t="s">
        <v>300</v>
      </c>
      <c r="B54475" s="14" t="s">
        <v>1</v>
      </c>
      <c r="C54475" s="14" t="s">
        <v>96</v>
      </c>
      <c r="D54475" s="14" t="s">
        <v>14</v>
      </c>
      <c r="E54475" s="15">
        <v>45466</v>
      </c>
      <c r="F54475" s="14" t="s">
        <v>15</v>
      </c>
      <c r="G54475" s="16">
        <v>0</v>
      </c>
    </row>
    <row r="54476" spans="1:7" x14ac:dyDescent="0.3">
      <c r="A54476" s="13" t="s">
        <v>300</v>
      </c>
      <c r="B54476" s="14" t="s">
        <v>1</v>
      </c>
      <c r="C54476" s="14" t="s">
        <v>96</v>
      </c>
      <c r="D54476" s="14" t="s">
        <v>14</v>
      </c>
      <c r="E54476" s="15">
        <v>45467</v>
      </c>
      <c r="F54476" s="14" t="s">
        <v>15</v>
      </c>
      <c r="G54476" s="16">
        <v>0</v>
      </c>
    </row>
    <row r="54477" spans="1:7" x14ac:dyDescent="0.3">
      <c r="A54477" s="13" t="s">
        <v>300</v>
      </c>
      <c r="B54477" s="14" t="s">
        <v>1</v>
      </c>
      <c r="C54477" s="14" t="s">
        <v>96</v>
      </c>
      <c r="D54477" s="14" t="s">
        <v>14</v>
      </c>
      <c r="E54477" s="15">
        <v>45468</v>
      </c>
      <c r="F54477" s="14" t="s">
        <v>15</v>
      </c>
      <c r="G54477" s="16">
        <v>0</v>
      </c>
    </row>
    <row r="54478" spans="1:7" x14ac:dyDescent="0.3">
      <c r="A54478" s="13" t="s">
        <v>300</v>
      </c>
      <c r="B54478" s="14" t="s">
        <v>1</v>
      </c>
      <c r="C54478" s="14" t="s">
        <v>96</v>
      </c>
      <c r="D54478" s="14" t="s">
        <v>14</v>
      </c>
      <c r="E54478" s="15">
        <v>45469</v>
      </c>
      <c r="F54478" s="14" t="s">
        <v>15</v>
      </c>
      <c r="G54478" s="16">
        <v>0</v>
      </c>
    </row>
    <row r="54479" spans="1:7" x14ac:dyDescent="0.3">
      <c r="A54479" s="13" t="s">
        <v>300</v>
      </c>
      <c r="B54479" s="14" t="s">
        <v>1</v>
      </c>
      <c r="C54479" s="14" t="s">
        <v>96</v>
      </c>
      <c r="D54479" s="14" t="s">
        <v>14</v>
      </c>
      <c r="E54479" s="15">
        <v>45470</v>
      </c>
      <c r="F54479" s="14" t="s">
        <v>15</v>
      </c>
      <c r="G54479" s="16">
        <v>0</v>
      </c>
    </row>
    <row r="54480" spans="1:7" x14ac:dyDescent="0.3">
      <c r="A54480" s="13" t="s">
        <v>300</v>
      </c>
      <c r="B54480" s="14" t="s">
        <v>1</v>
      </c>
      <c r="C54480" s="14" t="s">
        <v>96</v>
      </c>
      <c r="D54480" s="14" t="s">
        <v>14</v>
      </c>
      <c r="E54480" s="15">
        <v>45471</v>
      </c>
      <c r="F54480" s="14" t="s">
        <v>15</v>
      </c>
      <c r="G54480" s="16">
        <v>0</v>
      </c>
    </row>
    <row r="54481" spans="1:7" x14ac:dyDescent="0.3">
      <c r="A54481" s="13" t="s">
        <v>300</v>
      </c>
      <c r="B54481" s="14" t="s">
        <v>1</v>
      </c>
      <c r="C54481" s="14" t="s">
        <v>96</v>
      </c>
      <c r="D54481" s="14" t="s">
        <v>14</v>
      </c>
      <c r="E54481" s="15">
        <v>45472</v>
      </c>
      <c r="F54481" s="14" t="s">
        <v>15</v>
      </c>
      <c r="G54481" s="16">
        <v>0</v>
      </c>
    </row>
    <row r="54482" spans="1:7" x14ac:dyDescent="0.3">
      <c r="A54482" s="13" t="s">
        <v>300</v>
      </c>
      <c r="B54482" s="14" t="s">
        <v>1</v>
      </c>
      <c r="C54482" s="14" t="s">
        <v>96</v>
      </c>
      <c r="D54482" s="14" t="s">
        <v>14</v>
      </c>
      <c r="E54482" s="15">
        <v>45473</v>
      </c>
      <c r="F54482" s="14" t="s">
        <v>15</v>
      </c>
      <c r="G54482" s="16">
        <v>0</v>
      </c>
    </row>
    <row r="54483" spans="1:7" x14ac:dyDescent="0.3">
      <c r="A54483" s="13" t="s">
        <v>300</v>
      </c>
      <c r="B54483" s="14" t="s">
        <v>1</v>
      </c>
      <c r="C54483" s="14" t="s">
        <v>96</v>
      </c>
      <c r="D54483" s="14" t="s">
        <v>14</v>
      </c>
      <c r="E54483" s="15">
        <v>45474</v>
      </c>
      <c r="F54483" s="14" t="s">
        <v>15</v>
      </c>
      <c r="G54483" s="16">
        <v>0</v>
      </c>
    </row>
    <row r="54484" spans="1:7" x14ac:dyDescent="0.3">
      <c r="A54484" s="13" t="s">
        <v>300</v>
      </c>
      <c r="B54484" s="14" t="s">
        <v>1</v>
      </c>
      <c r="C54484" s="14" t="s">
        <v>96</v>
      </c>
      <c r="D54484" s="14" t="s">
        <v>14</v>
      </c>
      <c r="E54484" s="15">
        <v>45475</v>
      </c>
      <c r="F54484" s="14" t="s">
        <v>15</v>
      </c>
      <c r="G54484" s="16">
        <v>0</v>
      </c>
    </row>
    <row r="54485" spans="1:7" x14ac:dyDescent="0.3">
      <c r="A54485" s="13" t="s">
        <v>300</v>
      </c>
      <c r="B54485" s="14" t="s">
        <v>1</v>
      </c>
      <c r="C54485" s="14" t="s">
        <v>96</v>
      </c>
      <c r="D54485" s="14" t="s">
        <v>14</v>
      </c>
      <c r="E54485" s="15">
        <v>45476</v>
      </c>
      <c r="F54485" s="14" t="s">
        <v>15</v>
      </c>
      <c r="G54485" s="16">
        <v>0</v>
      </c>
    </row>
    <row r="54486" spans="1:7" x14ac:dyDescent="0.3">
      <c r="A54486" s="13" t="s">
        <v>300</v>
      </c>
      <c r="B54486" s="14" t="s">
        <v>1</v>
      </c>
      <c r="C54486" s="14" t="s">
        <v>96</v>
      </c>
      <c r="D54486" s="14" t="s">
        <v>14</v>
      </c>
      <c r="E54486" s="15">
        <v>45477</v>
      </c>
      <c r="F54486" s="14" t="s">
        <v>15</v>
      </c>
      <c r="G54486" s="16">
        <v>0</v>
      </c>
    </row>
    <row r="54487" spans="1:7" x14ac:dyDescent="0.3">
      <c r="A54487" s="13" t="s">
        <v>300</v>
      </c>
      <c r="B54487" s="14" t="s">
        <v>1</v>
      </c>
      <c r="C54487" s="14" t="s">
        <v>96</v>
      </c>
      <c r="D54487" s="14" t="s">
        <v>14</v>
      </c>
      <c r="E54487" s="15">
        <v>45478</v>
      </c>
      <c r="F54487" s="14" t="s">
        <v>15</v>
      </c>
      <c r="G54487" s="16">
        <v>0</v>
      </c>
    </row>
    <row r="54488" spans="1:7" x14ac:dyDescent="0.3">
      <c r="A54488" s="13" t="s">
        <v>300</v>
      </c>
      <c r="B54488" s="14" t="s">
        <v>1</v>
      </c>
      <c r="C54488" s="14" t="s">
        <v>96</v>
      </c>
      <c r="D54488" s="14" t="s">
        <v>14</v>
      </c>
      <c r="E54488" s="15">
        <v>45479</v>
      </c>
      <c r="F54488" s="14" t="s">
        <v>15</v>
      </c>
      <c r="G54488" s="16">
        <v>0</v>
      </c>
    </row>
    <row r="54489" spans="1:7" x14ac:dyDescent="0.3">
      <c r="A54489" s="13" t="s">
        <v>300</v>
      </c>
      <c r="B54489" s="14" t="s">
        <v>1</v>
      </c>
      <c r="C54489" s="14" t="s">
        <v>96</v>
      </c>
      <c r="D54489" s="14" t="s">
        <v>14</v>
      </c>
      <c r="E54489" s="15">
        <v>45480</v>
      </c>
      <c r="F54489" s="14" t="s">
        <v>15</v>
      </c>
      <c r="G54489" s="16">
        <v>0</v>
      </c>
    </row>
    <row r="54490" spans="1:7" x14ac:dyDescent="0.3">
      <c r="A54490" s="13" t="s">
        <v>300</v>
      </c>
      <c r="B54490" s="14" t="s">
        <v>1</v>
      </c>
      <c r="C54490" s="14" t="s">
        <v>96</v>
      </c>
      <c r="D54490" s="14" t="s">
        <v>14</v>
      </c>
      <c r="E54490" s="15">
        <v>45481</v>
      </c>
      <c r="F54490" s="14" t="s">
        <v>15</v>
      </c>
      <c r="G54490" s="16">
        <v>0</v>
      </c>
    </row>
    <row r="54491" spans="1:7" x14ac:dyDescent="0.3">
      <c r="A54491" s="13" t="s">
        <v>300</v>
      </c>
      <c r="B54491" s="14" t="s">
        <v>1</v>
      </c>
      <c r="C54491" s="14" t="s">
        <v>96</v>
      </c>
      <c r="D54491" s="14" t="s">
        <v>14</v>
      </c>
      <c r="E54491" s="15">
        <v>45482</v>
      </c>
      <c r="F54491" s="14" t="s">
        <v>15</v>
      </c>
      <c r="G54491" s="16">
        <v>0</v>
      </c>
    </row>
    <row r="54492" spans="1:7" x14ac:dyDescent="0.3">
      <c r="A54492" s="13" t="s">
        <v>300</v>
      </c>
      <c r="B54492" s="14" t="s">
        <v>1</v>
      </c>
      <c r="C54492" s="14" t="s">
        <v>96</v>
      </c>
      <c r="D54492" s="14" t="s">
        <v>14</v>
      </c>
      <c r="E54492" s="15">
        <v>45483</v>
      </c>
      <c r="F54492" s="14" t="s">
        <v>15</v>
      </c>
      <c r="G54492" s="16">
        <v>0</v>
      </c>
    </row>
    <row r="54493" spans="1:7" x14ac:dyDescent="0.3">
      <c r="A54493" s="13" t="s">
        <v>300</v>
      </c>
      <c r="B54493" s="14" t="s">
        <v>1</v>
      </c>
      <c r="C54493" s="14" t="s">
        <v>96</v>
      </c>
      <c r="D54493" s="14" t="s">
        <v>14</v>
      </c>
      <c r="E54493" s="15">
        <v>45484</v>
      </c>
      <c r="F54493" s="14" t="s">
        <v>15</v>
      </c>
      <c r="G54493" s="16">
        <v>0</v>
      </c>
    </row>
    <row r="54494" spans="1:7" x14ac:dyDescent="0.3">
      <c r="A54494" s="13" t="s">
        <v>300</v>
      </c>
      <c r="B54494" s="14" t="s">
        <v>1</v>
      </c>
      <c r="C54494" s="14" t="s">
        <v>96</v>
      </c>
      <c r="D54494" s="14" t="s">
        <v>14</v>
      </c>
      <c r="E54494" s="15">
        <v>45485</v>
      </c>
      <c r="F54494" s="14" t="s">
        <v>15</v>
      </c>
      <c r="G54494" s="16">
        <v>0</v>
      </c>
    </row>
    <row r="54495" spans="1:7" x14ac:dyDescent="0.3">
      <c r="A54495" s="13" t="s">
        <v>300</v>
      </c>
      <c r="B54495" s="14" t="s">
        <v>1</v>
      </c>
      <c r="C54495" s="14" t="s">
        <v>96</v>
      </c>
      <c r="D54495" s="14" t="s">
        <v>14</v>
      </c>
      <c r="E54495" s="15">
        <v>45486</v>
      </c>
      <c r="F54495" s="14" t="s">
        <v>15</v>
      </c>
      <c r="G54495" s="16">
        <v>0</v>
      </c>
    </row>
    <row r="54496" spans="1:7" x14ac:dyDescent="0.3">
      <c r="A54496" s="13" t="s">
        <v>300</v>
      </c>
      <c r="B54496" s="14" t="s">
        <v>1</v>
      </c>
      <c r="C54496" s="14" t="s">
        <v>96</v>
      </c>
      <c r="D54496" s="14" t="s">
        <v>14</v>
      </c>
      <c r="E54496" s="15">
        <v>45487</v>
      </c>
      <c r="F54496" s="14" t="s">
        <v>15</v>
      </c>
      <c r="G54496" s="16">
        <v>0</v>
      </c>
    </row>
    <row r="54497" spans="1:7" x14ac:dyDescent="0.3">
      <c r="A54497" s="13" t="s">
        <v>300</v>
      </c>
      <c r="B54497" s="14" t="s">
        <v>1</v>
      </c>
      <c r="C54497" s="14" t="s">
        <v>96</v>
      </c>
      <c r="D54497" s="14" t="s">
        <v>14</v>
      </c>
      <c r="E54497" s="15">
        <v>45488</v>
      </c>
      <c r="F54497" s="14" t="s">
        <v>15</v>
      </c>
      <c r="G54497" s="16">
        <v>0</v>
      </c>
    </row>
    <row r="54498" spans="1:7" x14ac:dyDescent="0.3">
      <c r="A54498" s="13" t="s">
        <v>300</v>
      </c>
      <c r="B54498" s="14" t="s">
        <v>1</v>
      </c>
      <c r="C54498" s="14" t="s">
        <v>96</v>
      </c>
      <c r="D54498" s="14" t="s">
        <v>14</v>
      </c>
      <c r="E54498" s="15">
        <v>45489</v>
      </c>
      <c r="F54498" s="14" t="s">
        <v>15</v>
      </c>
      <c r="G54498" s="16">
        <v>0</v>
      </c>
    </row>
    <row r="54499" spans="1:7" x14ac:dyDescent="0.3">
      <c r="A54499" s="13" t="s">
        <v>300</v>
      </c>
      <c r="B54499" s="14" t="s">
        <v>1</v>
      </c>
      <c r="C54499" s="14" t="s">
        <v>96</v>
      </c>
      <c r="D54499" s="14" t="s">
        <v>14</v>
      </c>
      <c r="E54499" s="15">
        <v>45490</v>
      </c>
      <c r="F54499" s="14" t="s">
        <v>15</v>
      </c>
      <c r="G54499" s="16">
        <v>0</v>
      </c>
    </row>
    <row r="54500" spans="1:7" x14ac:dyDescent="0.3">
      <c r="A54500" s="13" t="s">
        <v>300</v>
      </c>
      <c r="B54500" s="14" t="s">
        <v>1</v>
      </c>
      <c r="C54500" s="14" t="s">
        <v>96</v>
      </c>
      <c r="D54500" s="14" t="s">
        <v>14</v>
      </c>
      <c r="E54500" s="15">
        <v>45491</v>
      </c>
      <c r="F54500" s="14" t="s">
        <v>15</v>
      </c>
      <c r="G54500" s="16">
        <v>0</v>
      </c>
    </row>
    <row r="54501" spans="1:7" x14ac:dyDescent="0.3">
      <c r="A54501" s="13" t="s">
        <v>300</v>
      </c>
      <c r="B54501" s="14" t="s">
        <v>1</v>
      </c>
      <c r="C54501" s="14" t="s">
        <v>96</v>
      </c>
      <c r="D54501" s="14" t="s">
        <v>14</v>
      </c>
      <c r="E54501" s="15">
        <v>45492</v>
      </c>
      <c r="F54501" s="14" t="s">
        <v>15</v>
      </c>
      <c r="G54501" s="16">
        <v>0</v>
      </c>
    </row>
    <row r="54502" spans="1:7" x14ac:dyDescent="0.3">
      <c r="A54502" s="13" t="s">
        <v>300</v>
      </c>
      <c r="B54502" s="14" t="s">
        <v>1</v>
      </c>
      <c r="C54502" s="14" t="s">
        <v>96</v>
      </c>
      <c r="D54502" s="14" t="s">
        <v>14</v>
      </c>
      <c r="E54502" s="15">
        <v>45493</v>
      </c>
      <c r="F54502" s="14" t="s">
        <v>15</v>
      </c>
      <c r="G54502" s="16">
        <v>0</v>
      </c>
    </row>
    <row r="54503" spans="1:7" x14ac:dyDescent="0.3">
      <c r="A54503" s="13" t="s">
        <v>300</v>
      </c>
      <c r="B54503" s="14" t="s">
        <v>1</v>
      </c>
      <c r="C54503" s="14" t="s">
        <v>96</v>
      </c>
      <c r="D54503" s="14" t="s">
        <v>14</v>
      </c>
      <c r="E54503" s="15">
        <v>45494</v>
      </c>
      <c r="F54503" s="14" t="s">
        <v>15</v>
      </c>
      <c r="G54503" s="16">
        <v>0</v>
      </c>
    </row>
    <row r="54504" spans="1:7" x14ac:dyDescent="0.3">
      <c r="A54504" s="13" t="s">
        <v>300</v>
      </c>
      <c r="B54504" s="14" t="s">
        <v>1</v>
      </c>
      <c r="C54504" s="14" t="s">
        <v>96</v>
      </c>
      <c r="D54504" s="14" t="s">
        <v>14</v>
      </c>
      <c r="E54504" s="15">
        <v>45495</v>
      </c>
      <c r="F54504" s="14" t="s">
        <v>15</v>
      </c>
      <c r="G54504" s="16">
        <v>0</v>
      </c>
    </row>
    <row r="54505" spans="1:7" x14ac:dyDescent="0.3">
      <c r="A54505" s="13" t="s">
        <v>300</v>
      </c>
      <c r="B54505" s="14" t="s">
        <v>1</v>
      </c>
      <c r="C54505" s="14" t="s">
        <v>96</v>
      </c>
      <c r="D54505" s="14" t="s">
        <v>14</v>
      </c>
      <c r="E54505" s="15">
        <v>45496</v>
      </c>
      <c r="F54505" s="14" t="s">
        <v>15</v>
      </c>
      <c r="G54505" s="16">
        <v>0</v>
      </c>
    </row>
    <row r="54506" spans="1:7" x14ac:dyDescent="0.3">
      <c r="A54506" s="13" t="s">
        <v>300</v>
      </c>
      <c r="B54506" s="14" t="s">
        <v>1</v>
      </c>
      <c r="C54506" s="14" t="s">
        <v>96</v>
      </c>
      <c r="D54506" s="14" t="s">
        <v>14</v>
      </c>
      <c r="E54506" s="15">
        <v>45497</v>
      </c>
      <c r="F54506" s="14" t="s">
        <v>15</v>
      </c>
      <c r="G54506" s="16">
        <v>0</v>
      </c>
    </row>
    <row r="54507" spans="1:7" x14ac:dyDescent="0.3">
      <c r="A54507" s="13" t="s">
        <v>300</v>
      </c>
      <c r="B54507" s="14" t="s">
        <v>1</v>
      </c>
      <c r="C54507" s="14" t="s">
        <v>96</v>
      </c>
      <c r="D54507" s="14" t="s">
        <v>14</v>
      </c>
      <c r="E54507" s="15">
        <v>45498</v>
      </c>
      <c r="F54507" s="14" t="s">
        <v>15</v>
      </c>
      <c r="G54507" s="16">
        <v>0</v>
      </c>
    </row>
    <row r="54508" spans="1:7" x14ac:dyDescent="0.3">
      <c r="A54508" s="13" t="s">
        <v>300</v>
      </c>
      <c r="B54508" s="14" t="s">
        <v>1</v>
      </c>
      <c r="C54508" s="14" t="s">
        <v>96</v>
      </c>
      <c r="D54508" s="14" t="s">
        <v>14</v>
      </c>
      <c r="E54508" s="15">
        <v>45499</v>
      </c>
      <c r="F54508" s="14" t="s">
        <v>15</v>
      </c>
      <c r="G54508" s="16">
        <v>0</v>
      </c>
    </row>
    <row r="54509" spans="1:7" x14ac:dyDescent="0.3">
      <c r="A54509" s="13" t="s">
        <v>300</v>
      </c>
      <c r="B54509" s="14" t="s">
        <v>1</v>
      </c>
      <c r="C54509" s="14" t="s">
        <v>96</v>
      </c>
      <c r="D54509" s="14" t="s">
        <v>14</v>
      </c>
      <c r="E54509" s="15">
        <v>45500</v>
      </c>
      <c r="F54509" s="14" t="s">
        <v>15</v>
      </c>
      <c r="G54509" s="16">
        <v>0</v>
      </c>
    </row>
    <row r="54510" spans="1:7" x14ac:dyDescent="0.3">
      <c r="A54510" s="13" t="s">
        <v>300</v>
      </c>
      <c r="B54510" s="14" t="s">
        <v>1</v>
      </c>
      <c r="C54510" s="14" t="s">
        <v>96</v>
      </c>
      <c r="D54510" s="14" t="s">
        <v>14</v>
      </c>
      <c r="E54510" s="15">
        <v>45501</v>
      </c>
      <c r="F54510" s="14" t="s">
        <v>15</v>
      </c>
      <c r="G54510" s="16">
        <v>0</v>
      </c>
    </row>
    <row r="54511" spans="1:7" x14ac:dyDescent="0.3">
      <c r="A54511" s="13" t="s">
        <v>300</v>
      </c>
      <c r="B54511" s="14" t="s">
        <v>1</v>
      </c>
      <c r="C54511" s="14" t="s">
        <v>96</v>
      </c>
      <c r="D54511" s="14" t="s">
        <v>14</v>
      </c>
      <c r="E54511" s="15">
        <v>45502</v>
      </c>
      <c r="F54511" s="14" t="s">
        <v>15</v>
      </c>
      <c r="G54511" s="16">
        <v>0</v>
      </c>
    </row>
    <row r="54512" spans="1:7" x14ac:dyDescent="0.3">
      <c r="A54512" s="13" t="s">
        <v>300</v>
      </c>
      <c r="B54512" s="14" t="s">
        <v>1</v>
      </c>
      <c r="C54512" s="14" t="s">
        <v>96</v>
      </c>
      <c r="D54512" s="14" t="s">
        <v>14</v>
      </c>
      <c r="E54512" s="15">
        <v>45503</v>
      </c>
      <c r="F54512" s="14" t="s">
        <v>15</v>
      </c>
      <c r="G54512" s="16">
        <v>0</v>
      </c>
    </row>
    <row r="54513" spans="1:7" x14ac:dyDescent="0.3">
      <c r="A54513" s="13" t="s">
        <v>300</v>
      </c>
      <c r="B54513" s="14" t="s">
        <v>1</v>
      </c>
      <c r="C54513" s="14" t="s">
        <v>96</v>
      </c>
      <c r="D54513" s="14" t="s">
        <v>14</v>
      </c>
      <c r="E54513" s="15">
        <v>45504</v>
      </c>
      <c r="F54513" s="14" t="s">
        <v>15</v>
      </c>
      <c r="G54513" s="16">
        <v>0</v>
      </c>
    </row>
    <row r="54514" spans="1:7" x14ac:dyDescent="0.3">
      <c r="A54514" s="13" t="s">
        <v>300</v>
      </c>
      <c r="B54514" s="14" t="s">
        <v>1</v>
      </c>
      <c r="C54514" s="14" t="s">
        <v>96</v>
      </c>
      <c r="D54514" s="14" t="s">
        <v>14</v>
      </c>
      <c r="E54514" s="15">
        <v>45505</v>
      </c>
      <c r="F54514" s="14" t="s">
        <v>15</v>
      </c>
      <c r="G54514" s="16">
        <v>0</v>
      </c>
    </row>
    <row r="54515" spans="1:7" x14ac:dyDescent="0.3">
      <c r="A54515" s="13" t="s">
        <v>300</v>
      </c>
      <c r="B54515" s="14" t="s">
        <v>1</v>
      </c>
      <c r="C54515" s="14" t="s">
        <v>96</v>
      </c>
      <c r="D54515" s="14" t="s">
        <v>14</v>
      </c>
      <c r="E54515" s="15">
        <v>45506</v>
      </c>
      <c r="F54515" s="14" t="s">
        <v>15</v>
      </c>
      <c r="G54515" s="16">
        <v>0</v>
      </c>
    </row>
    <row r="54516" spans="1:7" x14ac:dyDescent="0.3">
      <c r="A54516" s="13" t="s">
        <v>300</v>
      </c>
      <c r="B54516" s="14" t="s">
        <v>1</v>
      </c>
      <c r="C54516" s="14" t="s">
        <v>96</v>
      </c>
      <c r="D54516" s="14" t="s">
        <v>14</v>
      </c>
      <c r="E54516" s="15">
        <v>45507</v>
      </c>
      <c r="F54516" s="14" t="s">
        <v>15</v>
      </c>
      <c r="G54516" s="16">
        <v>0</v>
      </c>
    </row>
    <row r="54517" spans="1:7" x14ac:dyDescent="0.3">
      <c r="A54517" s="13" t="s">
        <v>300</v>
      </c>
      <c r="B54517" s="14" t="s">
        <v>1</v>
      </c>
      <c r="C54517" s="14" t="s">
        <v>96</v>
      </c>
      <c r="D54517" s="14" t="s">
        <v>14</v>
      </c>
      <c r="E54517" s="15">
        <v>45508</v>
      </c>
      <c r="F54517" s="14" t="s">
        <v>15</v>
      </c>
      <c r="G54517" s="16">
        <v>0</v>
      </c>
    </row>
    <row r="54518" spans="1:7" x14ac:dyDescent="0.3">
      <c r="A54518" s="13" t="s">
        <v>300</v>
      </c>
      <c r="B54518" s="14" t="s">
        <v>1</v>
      </c>
      <c r="C54518" s="14" t="s">
        <v>96</v>
      </c>
      <c r="D54518" s="14" t="s">
        <v>14</v>
      </c>
      <c r="E54518" s="15">
        <v>45509</v>
      </c>
      <c r="F54518" s="14" t="s">
        <v>15</v>
      </c>
      <c r="G54518" s="16">
        <v>0</v>
      </c>
    </row>
    <row r="54519" spans="1:7" x14ac:dyDescent="0.3">
      <c r="A54519" s="13" t="s">
        <v>300</v>
      </c>
      <c r="B54519" s="14" t="s">
        <v>1</v>
      </c>
      <c r="C54519" s="14" t="s">
        <v>96</v>
      </c>
      <c r="D54519" s="14" t="s">
        <v>14</v>
      </c>
      <c r="E54519" s="15">
        <v>45510</v>
      </c>
      <c r="F54519" s="14" t="s">
        <v>15</v>
      </c>
      <c r="G54519" s="16">
        <v>0</v>
      </c>
    </row>
    <row r="54520" spans="1:7" x14ac:dyDescent="0.3">
      <c r="A54520" s="13" t="s">
        <v>300</v>
      </c>
      <c r="B54520" s="14" t="s">
        <v>1</v>
      </c>
      <c r="C54520" s="14" t="s">
        <v>96</v>
      </c>
      <c r="D54520" s="14" t="s">
        <v>14</v>
      </c>
      <c r="E54520" s="15">
        <v>45511</v>
      </c>
      <c r="F54520" s="14" t="s">
        <v>15</v>
      </c>
      <c r="G54520" s="16">
        <v>0</v>
      </c>
    </row>
    <row r="54521" spans="1:7" x14ac:dyDescent="0.3">
      <c r="A54521" s="13" t="s">
        <v>300</v>
      </c>
      <c r="B54521" s="14" t="s">
        <v>1</v>
      </c>
      <c r="C54521" s="14" t="s">
        <v>96</v>
      </c>
      <c r="D54521" s="14" t="s">
        <v>14</v>
      </c>
      <c r="E54521" s="15">
        <v>45512</v>
      </c>
      <c r="F54521" s="14" t="s">
        <v>15</v>
      </c>
      <c r="G54521" s="16">
        <v>0</v>
      </c>
    </row>
    <row r="54522" spans="1:7" x14ac:dyDescent="0.3">
      <c r="A54522" s="13" t="s">
        <v>300</v>
      </c>
      <c r="B54522" s="14" t="s">
        <v>1</v>
      </c>
      <c r="C54522" s="14" t="s">
        <v>96</v>
      </c>
      <c r="D54522" s="14" t="s">
        <v>14</v>
      </c>
      <c r="E54522" s="15">
        <v>45513</v>
      </c>
      <c r="F54522" s="14" t="s">
        <v>15</v>
      </c>
      <c r="G54522" s="16">
        <v>0</v>
      </c>
    </row>
    <row r="54523" spans="1:7" x14ac:dyDescent="0.3">
      <c r="A54523" s="13" t="s">
        <v>300</v>
      </c>
      <c r="B54523" s="14" t="s">
        <v>1</v>
      </c>
      <c r="C54523" s="14" t="s">
        <v>96</v>
      </c>
      <c r="D54523" s="14" t="s">
        <v>14</v>
      </c>
      <c r="E54523" s="15">
        <v>45514</v>
      </c>
      <c r="F54523" s="14" t="s">
        <v>15</v>
      </c>
      <c r="G54523" s="16">
        <v>0</v>
      </c>
    </row>
    <row r="54524" spans="1:7" x14ac:dyDescent="0.3">
      <c r="A54524" s="13" t="s">
        <v>300</v>
      </c>
      <c r="B54524" s="14" t="s">
        <v>1</v>
      </c>
      <c r="C54524" s="14" t="s">
        <v>96</v>
      </c>
      <c r="D54524" s="14" t="s">
        <v>14</v>
      </c>
      <c r="E54524" s="15">
        <v>45515</v>
      </c>
      <c r="F54524" s="14" t="s">
        <v>15</v>
      </c>
      <c r="G54524" s="16">
        <v>0</v>
      </c>
    </row>
    <row r="54525" spans="1:7" x14ac:dyDescent="0.3">
      <c r="A54525" s="13" t="s">
        <v>300</v>
      </c>
      <c r="B54525" s="14" t="s">
        <v>1</v>
      </c>
      <c r="C54525" s="14" t="s">
        <v>96</v>
      </c>
      <c r="D54525" s="14" t="s">
        <v>14</v>
      </c>
      <c r="E54525" s="15">
        <v>45516</v>
      </c>
      <c r="F54525" s="14" t="s">
        <v>15</v>
      </c>
      <c r="G54525" s="16">
        <v>0</v>
      </c>
    </row>
    <row r="54526" spans="1:7" x14ac:dyDescent="0.3">
      <c r="A54526" s="13" t="s">
        <v>300</v>
      </c>
      <c r="B54526" s="14" t="s">
        <v>1</v>
      </c>
      <c r="C54526" s="14" t="s">
        <v>96</v>
      </c>
      <c r="D54526" s="14" t="s">
        <v>14</v>
      </c>
      <c r="E54526" s="15">
        <v>45517</v>
      </c>
      <c r="F54526" s="14" t="s">
        <v>15</v>
      </c>
      <c r="G54526" s="16">
        <v>0</v>
      </c>
    </row>
    <row r="54527" spans="1:7" x14ac:dyDescent="0.3">
      <c r="A54527" s="13" t="s">
        <v>300</v>
      </c>
      <c r="B54527" s="14" t="s">
        <v>1</v>
      </c>
      <c r="C54527" s="14" t="s">
        <v>96</v>
      </c>
      <c r="D54527" s="14" t="s">
        <v>14</v>
      </c>
      <c r="E54527" s="15">
        <v>45518</v>
      </c>
      <c r="F54527" s="14" t="s">
        <v>15</v>
      </c>
      <c r="G54527" s="16">
        <v>0</v>
      </c>
    </row>
    <row r="54528" spans="1:7" x14ac:dyDescent="0.3">
      <c r="A54528" s="13" t="s">
        <v>300</v>
      </c>
      <c r="B54528" s="14" t="s">
        <v>1</v>
      </c>
      <c r="C54528" s="14" t="s">
        <v>96</v>
      </c>
      <c r="D54528" s="14" t="s">
        <v>14</v>
      </c>
      <c r="E54528" s="15">
        <v>45519</v>
      </c>
      <c r="F54528" s="14" t="s">
        <v>15</v>
      </c>
      <c r="G54528" s="16">
        <v>0</v>
      </c>
    </row>
    <row r="54529" spans="1:7" x14ac:dyDescent="0.3">
      <c r="A54529" s="13" t="s">
        <v>300</v>
      </c>
      <c r="B54529" s="14" t="s">
        <v>1</v>
      </c>
      <c r="C54529" s="14" t="s">
        <v>96</v>
      </c>
      <c r="D54529" s="14" t="s">
        <v>14</v>
      </c>
      <c r="E54529" s="15">
        <v>45520</v>
      </c>
      <c r="F54529" s="14" t="s">
        <v>15</v>
      </c>
      <c r="G54529" s="16">
        <v>0</v>
      </c>
    </row>
    <row r="54530" spans="1:7" x14ac:dyDescent="0.3">
      <c r="A54530" s="13" t="s">
        <v>300</v>
      </c>
      <c r="B54530" s="14" t="s">
        <v>1</v>
      </c>
      <c r="C54530" s="14" t="s">
        <v>96</v>
      </c>
      <c r="D54530" s="14" t="s">
        <v>14</v>
      </c>
      <c r="E54530" s="15">
        <v>45521</v>
      </c>
      <c r="F54530" s="14" t="s">
        <v>15</v>
      </c>
      <c r="G54530" s="16">
        <v>0</v>
      </c>
    </row>
    <row r="54531" spans="1:7" x14ac:dyDescent="0.3">
      <c r="A54531" s="13" t="s">
        <v>300</v>
      </c>
      <c r="B54531" s="14" t="s">
        <v>1</v>
      </c>
      <c r="C54531" s="14" t="s">
        <v>96</v>
      </c>
      <c r="D54531" s="14" t="s">
        <v>14</v>
      </c>
      <c r="E54531" s="15">
        <v>45522</v>
      </c>
      <c r="F54531" s="14" t="s">
        <v>15</v>
      </c>
      <c r="G54531" s="16">
        <v>0</v>
      </c>
    </row>
    <row r="54532" spans="1:7" x14ac:dyDescent="0.3">
      <c r="A54532" s="13" t="s">
        <v>300</v>
      </c>
      <c r="B54532" s="14" t="s">
        <v>1</v>
      </c>
      <c r="C54532" s="14" t="s">
        <v>96</v>
      </c>
      <c r="D54532" s="14" t="s">
        <v>14</v>
      </c>
      <c r="E54532" s="15">
        <v>45523</v>
      </c>
      <c r="F54532" s="14" t="s">
        <v>15</v>
      </c>
      <c r="G54532" s="16">
        <v>0</v>
      </c>
    </row>
    <row r="54533" spans="1:7" x14ac:dyDescent="0.3">
      <c r="A54533" s="13" t="s">
        <v>300</v>
      </c>
      <c r="B54533" s="14" t="s">
        <v>1</v>
      </c>
      <c r="C54533" s="14" t="s">
        <v>96</v>
      </c>
      <c r="D54533" s="14" t="s">
        <v>14</v>
      </c>
      <c r="E54533" s="15">
        <v>45524</v>
      </c>
      <c r="F54533" s="14" t="s">
        <v>15</v>
      </c>
      <c r="G54533" s="16">
        <v>0</v>
      </c>
    </row>
    <row r="54534" spans="1:7" x14ac:dyDescent="0.3">
      <c r="A54534" s="13" t="s">
        <v>300</v>
      </c>
      <c r="B54534" s="14" t="s">
        <v>1</v>
      </c>
      <c r="C54534" s="14" t="s">
        <v>96</v>
      </c>
      <c r="D54534" s="14" t="s">
        <v>14</v>
      </c>
      <c r="E54534" s="15">
        <v>45525</v>
      </c>
      <c r="F54534" s="14" t="s">
        <v>15</v>
      </c>
      <c r="G54534" s="16">
        <v>0</v>
      </c>
    </row>
    <row r="54535" spans="1:7" x14ac:dyDescent="0.3">
      <c r="A54535" s="13" t="s">
        <v>300</v>
      </c>
      <c r="B54535" s="14" t="s">
        <v>1</v>
      </c>
      <c r="C54535" s="14" t="s">
        <v>96</v>
      </c>
      <c r="D54535" s="14" t="s">
        <v>14</v>
      </c>
      <c r="E54535" s="15">
        <v>45526</v>
      </c>
      <c r="F54535" s="14" t="s">
        <v>15</v>
      </c>
      <c r="G54535" s="16">
        <v>0</v>
      </c>
    </row>
    <row r="54536" spans="1:7" x14ac:dyDescent="0.3">
      <c r="A54536" s="13" t="s">
        <v>300</v>
      </c>
      <c r="B54536" s="14" t="s">
        <v>1</v>
      </c>
      <c r="C54536" s="14" t="s">
        <v>96</v>
      </c>
      <c r="D54536" s="14" t="s">
        <v>14</v>
      </c>
      <c r="E54536" s="15">
        <v>45527</v>
      </c>
      <c r="F54536" s="14" t="s">
        <v>15</v>
      </c>
      <c r="G54536" s="16">
        <v>0</v>
      </c>
    </row>
    <row r="54537" spans="1:7" x14ac:dyDescent="0.3">
      <c r="A54537" s="13" t="s">
        <v>300</v>
      </c>
      <c r="B54537" s="14" t="s">
        <v>1</v>
      </c>
      <c r="C54537" s="14" t="s">
        <v>96</v>
      </c>
      <c r="D54537" s="14" t="s">
        <v>14</v>
      </c>
      <c r="E54537" s="15">
        <v>45528</v>
      </c>
      <c r="F54537" s="14" t="s">
        <v>15</v>
      </c>
      <c r="G54537" s="16">
        <v>0</v>
      </c>
    </row>
    <row r="54538" spans="1:7" x14ac:dyDescent="0.3">
      <c r="A54538" s="13" t="s">
        <v>300</v>
      </c>
      <c r="B54538" s="14" t="s">
        <v>1</v>
      </c>
      <c r="C54538" s="14" t="s">
        <v>96</v>
      </c>
      <c r="D54538" s="14" t="s">
        <v>14</v>
      </c>
      <c r="E54538" s="15">
        <v>45529</v>
      </c>
      <c r="F54538" s="14" t="s">
        <v>15</v>
      </c>
      <c r="G54538" s="16">
        <v>0</v>
      </c>
    </row>
    <row r="54539" spans="1:7" x14ac:dyDescent="0.3">
      <c r="A54539" s="13" t="s">
        <v>300</v>
      </c>
      <c r="B54539" s="14" t="s">
        <v>1</v>
      </c>
      <c r="C54539" s="14" t="s">
        <v>96</v>
      </c>
      <c r="D54539" s="14" t="s">
        <v>14</v>
      </c>
      <c r="E54539" s="15">
        <v>45530</v>
      </c>
      <c r="F54539" s="14" t="s">
        <v>15</v>
      </c>
      <c r="G54539" s="16">
        <v>0</v>
      </c>
    </row>
    <row r="54540" spans="1:7" x14ac:dyDescent="0.3">
      <c r="A54540" s="13" t="s">
        <v>300</v>
      </c>
      <c r="B54540" s="14" t="s">
        <v>1</v>
      </c>
      <c r="C54540" s="14" t="s">
        <v>96</v>
      </c>
      <c r="D54540" s="14" t="s">
        <v>14</v>
      </c>
      <c r="E54540" s="15">
        <v>45531</v>
      </c>
      <c r="F54540" s="14" t="s">
        <v>15</v>
      </c>
      <c r="G54540" s="16">
        <v>0</v>
      </c>
    </row>
    <row r="54541" spans="1:7" x14ac:dyDescent="0.3">
      <c r="A54541" s="13" t="s">
        <v>300</v>
      </c>
      <c r="B54541" s="14" t="s">
        <v>1</v>
      </c>
      <c r="C54541" s="14" t="s">
        <v>96</v>
      </c>
      <c r="D54541" s="14" t="s">
        <v>14</v>
      </c>
      <c r="E54541" s="15">
        <v>45532</v>
      </c>
      <c r="F54541" s="14" t="s">
        <v>15</v>
      </c>
      <c r="G54541" s="16">
        <v>0</v>
      </c>
    </row>
    <row r="54542" spans="1:7" x14ac:dyDescent="0.3">
      <c r="A54542" s="13" t="s">
        <v>300</v>
      </c>
      <c r="B54542" s="14" t="s">
        <v>1</v>
      </c>
      <c r="C54542" s="14" t="s">
        <v>96</v>
      </c>
      <c r="D54542" s="14" t="s">
        <v>14</v>
      </c>
      <c r="E54542" s="15">
        <v>45533</v>
      </c>
      <c r="F54542" s="14" t="s">
        <v>15</v>
      </c>
      <c r="G54542" s="16">
        <v>0</v>
      </c>
    </row>
    <row r="54543" spans="1:7" x14ac:dyDescent="0.3">
      <c r="A54543" s="13" t="s">
        <v>300</v>
      </c>
      <c r="B54543" s="14" t="s">
        <v>1</v>
      </c>
      <c r="C54543" s="14" t="s">
        <v>96</v>
      </c>
      <c r="D54543" s="14" t="s">
        <v>14</v>
      </c>
      <c r="E54543" s="15">
        <v>45534</v>
      </c>
      <c r="F54543" s="14" t="s">
        <v>15</v>
      </c>
      <c r="G54543" s="16">
        <v>0</v>
      </c>
    </row>
    <row r="54544" spans="1:7" x14ac:dyDescent="0.3">
      <c r="A54544" s="13" t="s">
        <v>300</v>
      </c>
      <c r="B54544" s="14" t="s">
        <v>1</v>
      </c>
      <c r="C54544" s="14" t="s">
        <v>96</v>
      </c>
      <c r="D54544" s="14" t="s">
        <v>14</v>
      </c>
      <c r="E54544" s="15">
        <v>45535</v>
      </c>
      <c r="F54544" s="14" t="s">
        <v>15</v>
      </c>
      <c r="G54544" s="16">
        <v>0</v>
      </c>
    </row>
    <row r="54545" spans="1:7" x14ac:dyDescent="0.3">
      <c r="A54545" s="13" t="s">
        <v>300</v>
      </c>
      <c r="B54545" s="14" t="s">
        <v>1</v>
      </c>
      <c r="C54545" s="14" t="s">
        <v>96</v>
      </c>
      <c r="D54545" s="14" t="s">
        <v>14</v>
      </c>
      <c r="E54545" s="15">
        <v>45536</v>
      </c>
      <c r="F54545" s="14" t="s">
        <v>15</v>
      </c>
      <c r="G54545" s="16">
        <v>0</v>
      </c>
    </row>
    <row r="54546" spans="1:7" x14ac:dyDescent="0.3">
      <c r="A54546" s="13" t="s">
        <v>300</v>
      </c>
      <c r="B54546" s="14" t="s">
        <v>1</v>
      </c>
      <c r="C54546" s="14" t="s">
        <v>96</v>
      </c>
      <c r="D54546" s="14" t="s">
        <v>14</v>
      </c>
      <c r="E54546" s="15">
        <v>45537</v>
      </c>
      <c r="F54546" s="14" t="s">
        <v>15</v>
      </c>
      <c r="G54546" s="16">
        <v>0</v>
      </c>
    </row>
    <row r="54547" spans="1:7" x14ac:dyDescent="0.3">
      <c r="A54547" s="13" t="s">
        <v>300</v>
      </c>
      <c r="B54547" s="14" t="s">
        <v>1</v>
      </c>
      <c r="C54547" s="14" t="s">
        <v>96</v>
      </c>
      <c r="D54547" s="14" t="s">
        <v>14</v>
      </c>
      <c r="E54547" s="15">
        <v>45538</v>
      </c>
      <c r="F54547" s="14" t="s">
        <v>15</v>
      </c>
      <c r="G54547" s="16">
        <v>0</v>
      </c>
    </row>
    <row r="54548" spans="1:7" x14ac:dyDescent="0.3">
      <c r="A54548" s="13" t="s">
        <v>300</v>
      </c>
      <c r="B54548" s="14" t="s">
        <v>1</v>
      </c>
      <c r="C54548" s="14" t="s">
        <v>96</v>
      </c>
      <c r="D54548" s="14" t="s">
        <v>14</v>
      </c>
      <c r="E54548" s="15">
        <v>45539</v>
      </c>
      <c r="F54548" s="14" t="s">
        <v>15</v>
      </c>
      <c r="G54548" s="16">
        <v>0</v>
      </c>
    </row>
    <row r="54549" spans="1:7" x14ac:dyDescent="0.3">
      <c r="A54549" s="13" t="s">
        <v>300</v>
      </c>
      <c r="B54549" s="14" t="s">
        <v>1</v>
      </c>
      <c r="C54549" s="14" t="s">
        <v>96</v>
      </c>
      <c r="D54549" s="14" t="s">
        <v>14</v>
      </c>
      <c r="E54549" s="15">
        <v>45540</v>
      </c>
      <c r="F54549" s="14" t="s">
        <v>15</v>
      </c>
      <c r="G54549" s="16">
        <v>0</v>
      </c>
    </row>
    <row r="54550" spans="1:7" x14ac:dyDescent="0.3">
      <c r="A54550" s="13" t="s">
        <v>300</v>
      </c>
      <c r="B54550" s="14" t="s">
        <v>1</v>
      </c>
      <c r="C54550" s="14" t="s">
        <v>96</v>
      </c>
      <c r="D54550" s="14" t="s">
        <v>14</v>
      </c>
      <c r="E54550" s="15">
        <v>45541</v>
      </c>
      <c r="F54550" s="14" t="s">
        <v>15</v>
      </c>
      <c r="G54550" s="16">
        <v>0</v>
      </c>
    </row>
    <row r="54551" spans="1:7" x14ac:dyDescent="0.3">
      <c r="A54551" s="13" t="s">
        <v>300</v>
      </c>
      <c r="B54551" s="14" t="s">
        <v>1</v>
      </c>
      <c r="C54551" s="14" t="s">
        <v>96</v>
      </c>
      <c r="D54551" s="14" t="s">
        <v>14</v>
      </c>
      <c r="E54551" s="15">
        <v>45542</v>
      </c>
      <c r="F54551" s="14" t="s">
        <v>15</v>
      </c>
      <c r="G54551" s="16">
        <v>0</v>
      </c>
    </row>
    <row r="54552" spans="1:7" x14ac:dyDescent="0.3">
      <c r="A54552" s="13" t="s">
        <v>300</v>
      </c>
      <c r="B54552" s="14" t="s">
        <v>1</v>
      </c>
      <c r="C54552" s="14" t="s">
        <v>96</v>
      </c>
      <c r="D54552" s="14" t="s">
        <v>14</v>
      </c>
      <c r="E54552" s="15">
        <v>45543</v>
      </c>
      <c r="F54552" s="14" t="s">
        <v>15</v>
      </c>
      <c r="G54552" s="16">
        <v>0</v>
      </c>
    </row>
    <row r="54553" spans="1:7" x14ac:dyDescent="0.3">
      <c r="A54553" s="13" t="s">
        <v>300</v>
      </c>
      <c r="B54553" s="14" t="s">
        <v>1</v>
      </c>
      <c r="C54553" s="14" t="s">
        <v>96</v>
      </c>
      <c r="D54553" s="14" t="s">
        <v>14</v>
      </c>
      <c r="E54553" s="15">
        <v>45544</v>
      </c>
      <c r="F54553" s="14" t="s">
        <v>15</v>
      </c>
      <c r="G54553" s="16">
        <v>0</v>
      </c>
    </row>
    <row r="54554" spans="1:7" x14ac:dyDescent="0.3">
      <c r="A54554" s="13" t="s">
        <v>300</v>
      </c>
      <c r="B54554" s="14" t="s">
        <v>1</v>
      </c>
      <c r="C54554" s="14" t="s">
        <v>96</v>
      </c>
      <c r="D54554" s="14" t="s">
        <v>14</v>
      </c>
      <c r="E54554" s="15">
        <v>45545</v>
      </c>
      <c r="F54554" s="14" t="s">
        <v>15</v>
      </c>
      <c r="G54554" s="16">
        <v>0</v>
      </c>
    </row>
    <row r="54555" spans="1:7" x14ac:dyDescent="0.3">
      <c r="A54555" s="13" t="s">
        <v>300</v>
      </c>
      <c r="B54555" s="14" t="s">
        <v>1</v>
      </c>
      <c r="C54555" s="14" t="s">
        <v>96</v>
      </c>
      <c r="D54555" s="14" t="s">
        <v>14</v>
      </c>
      <c r="E54555" s="15">
        <v>45546</v>
      </c>
      <c r="F54555" s="14" t="s">
        <v>15</v>
      </c>
      <c r="G54555" s="16">
        <v>0</v>
      </c>
    </row>
    <row r="54556" spans="1:7" x14ac:dyDescent="0.3">
      <c r="A54556" s="13" t="s">
        <v>300</v>
      </c>
      <c r="B54556" s="14" t="s">
        <v>1</v>
      </c>
      <c r="C54556" s="14" t="s">
        <v>96</v>
      </c>
      <c r="D54556" s="14" t="s">
        <v>14</v>
      </c>
      <c r="E54556" s="15">
        <v>45547</v>
      </c>
      <c r="F54556" s="14" t="s">
        <v>15</v>
      </c>
      <c r="G54556" s="16">
        <v>0</v>
      </c>
    </row>
    <row r="54557" spans="1:7" x14ac:dyDescent="0.3">
      <c r="A54557" s="13" t="s">
        <v>300</v>
      </c>
      <c r="B54557" s="14" t="s">
        <v>1</v>
      </c>
      <c r="C54557" s="14" t="s">
        <v>96</v>
      </c>
      <c r="D54557" s="14" t="s">
        <v>14</v>
      </c>
      <c r="E54557" s="15">
        <v>45548</v>
      </c>
      <c r="F54557" s="14" t="s">
        <v>15</v>
      </c>
      <c r="G54557" s="16">
        <v>0</v>
      </c>
    </row>
    <row r="54558" spans="1:7" x14ac:dyDescent="0.3">
      <c r="A54558" s="13" t="s">
        <v>300</v>
      </c>
      <c r="B54558" s="14" t="s">
        <v>1</v>
      </c>
      <c r="C54558" s="14" t="s">
        <v>96</v>
      </c>
      <c r="D54558" s="14" t="s">
        <v>14</v>
      </c>
      <c r="E54558" s="15">
        <v>45549</v>
      </c>
      <c r="F54558" s="14" t="s">
        <v>15</v>
      </c>
      <c r="G54558" s="16">
        <v>0</v>
      </c>
    </row>
    <row r="54559" spans="1:7" x14ac:dyDescent="0.3">
      <c r="A54559" s="13" t="s">
        <v>300</v>
      </c>
      <c r="B54559" s="14" t="s">
        <v>1</v>
      </c>
      <c r="C54559" s="14" t="s">
        <v>96</v>
      </c>
      <c r="D54559" s="14" t="s">
        <v>14</v>
      </c>
      <c r="E54559" s="15">
        <v>45550</v>
      </c>
      <c r="F54559" s="14" t="s">
        <v>15</v>
      </c>
      <c r="G54559" s="16">
        <v>0</v>
      </c>
    </row>
    <row r="54560" spans="1:7" x14ac:dyDescent="0.3">
      <c r="A54560" s="13" t="s">
        <v>300</v>
      </c>
      <c r="B54560" s="14" t="s">
        <v>1</v>
      </c>
      <c r="C54560" s="14" t="s">
        <v>96</v>
      </c>
      <c r="D54560" s="14" t="s">
        <v>14</v>
      </c>
      <c r="E54560" s="15">
        <v>45551</v>
      </c>
      <c r="F54560" s="14" t="s">
        <v>15</v>
      </c>
      <c r="G54560" s="16">
        <v>0</v>
      </c>
    </row>
    <row r="54561" spans="1:7" x14ac:dyDescent="0.3">
      <c r="A54561" s="13" t="s">
        <v>300</v>
      </c>
      <c r="B54561" s="14" t="s">
        <v>1</v>
      </c>
      <c r="C54561" s="14" t="s">
        <v>96</v>
      </c>
      <c r="D54561" s="14" t="s">
        <v>14</v>
      </c>
      <c r="E54561" s="15">
        <v>45552</v>
      </c>
      <c r="F54561" s="14" t="s">
        <v>15</v>
      </c>
      <c r="G54561" s="16">
        <v>0</v>
      </c>
    </row>
    <row r="54562" spans="1:7" x14ac:dyDescent="0.3">
      <c r="A54562" s="13" t="s">
        <v>300</v>
      </c>
      <c r="B54562" s="14" t="s">
        <v>1</v>
      </c>
      <c r="C54562" s="14" t="s">
        <v>96</v>
      </c>
      <c r="D54562" s="14" t="s">
        <v>14</v>
      </c>
      <c r="E54562" s="15">
        <v>45553</v>
      </c>
      <c r="F54562" s="14" t="s">
        <v>15</v>
      </c>
      <c r="G54562" s="16">
        <v>0</v>
      </c>
    </row>
    <row r="54563" spans="1:7" x14ac:dyDescent="0.3">
      <c r="A54563" s="13" t="s">
        <v>300</v>
      </c>
      <c r="B54563" s="14" t="s">
        <v>1</v>
      </c>
      <c r="C54563" s="14" t="s">
        <v>96</v>
      </c>
      <c r="D54563" s="14" t="s">
        <v>14</v>
      </c>
      <c r="E54563" s="15">
        <v>45554</v>
      </c>
      <c r="F54563" s="14" t="s">
        <v>15</v>
      </c>
      <c r="G54563" s="16">
        <v>0</v>
      </c>
    </row>
    <row r="54564" spans="1:7" x14ac:dyDescent="0.3">
      <c r="A54564" s="13" t="s">
        <v>300</v>
      </c>
      <c r="B54564" s="14" t="s">
        <v>1</v>
      </c>
      <c r="C54564" s="14" t="s">
        <v>96</v>
      </c>
      <c r="D54564" s="14" t="s">
        <v>14</v>
      </c>
      <c r="E54564" s="15">
        <v>45555</v>
      </c>
      <c r="F54564" s="14" t="s">
        <v>15</v>
      </c>
      <c r="G54564" s="16">
        <v>0</v>
      </c>
    </row>
    <row r="54565" spans="1:7" x14ac:dyDescent="0.3">
      <c r="A54565" s="13" t="s">
        <v>300</v>
      </c>
      <c r="B54565" s="14" t="s">
        <v>1</v>
      </c>
      <c r="C54565" s="14" t="s">
        <v>96</v>
      </c>
      <c r="D54565" s="14" t="s">
        <v>14</v>
      </c>
      <c r="E54565" s="15">
        <v>45556</v>
      </c>
      <c r="F54565" s="14" t="s">
        <v>15</v>
      </c>
      <c r="G54565" s="16">
        <v>0</v>
      </c>
    </row>
    <row r="54566" spans="1:7" x14ac:dyDescent="0.3">
      <c r="A54566" s="13" t="s">
        <v>300</v>
      </c>
      <c r="B54566" s="14" t="s">
        <v>1</v>
      </c>
      <c r="C54566" s="14" t="s">
        <v>96</v>
      </c>
      <c r="D54566" s="14" t="s">
        <v>14</v>
      </c>
      <c r="E54566" s="15">
        <v>45557</v>
      </c>
      <c r="F54566" s="14" t="s">
        <v>15</v>
      </c>
      <c r="G54566" s="16">
        <v>0</v>
      </c>
    </row>
    <row r="54567" spans="1:7" x14ac:dyDescent="0.3">
      <c r="A54567" s="13" t="s">
        <v>300</v>
      </c>
      <c r="B54567" s="14" t="s">
        <v>1</v>
      </c>
      <c r="C54567" s="14" t="s">
        <v>96</v>
      </c>
      <c r="D54567" s="14" t="s">
        <v>14</v>
      </c>
      <c r="E54567" s="15">
        <v>45558</v>
      </c>
      <c r="F54567" s="14" t="s">
        <v>15</v>
      </c>
      <c r="G54567" s="16">
        <v>0</v>
      </c>
    </row>
    <row r="54568" spans="1:7" x14ac:dyDescent="0.3">
      <c r="A54568" s="13" t="s">
        <v>300</v>
      </c>
      <c r="B54568" s="14" t="s">
        <v>1</v>
      </c>
      <c r="C54568" s="14" t="s">
        <v>96</v>
      </c>
      <c r="D54568" s="14" t="s">
        <v>14</v>
      </c>
      <c r="E54568" s="15">
        <v>45559</v>
      </c>
      <c r="F54568" s="14" t="s">
        <v>15</v>
      </c>
      <c r="G54568" s="16">
        <v>0</v>
      </c>
    </row>
    <row r="54569" spans="1:7" x14ac:dyDescent="0.3">
      <c r="A54569" s="13" t="s">
        <v>300</v>
      </c>
      <c r="B54569" s="14" t="s">
        <v>1</v>
      </c>
      <c r="C54569" s="14" t="s">
        <v>96</v>
      </c>
      <c r="D54569" s="14" t="s">
        <v>14</v>
      </c>
      <c r="E54569" s="15">
        <v>45560</v>
      </c>
      <c r="F54569" s="14" t="s">
        <v>15</v>
      </c>
      <c r="G54569" s="16">
        <v>0</v>
      </c>
    </row>
    <row r="54570" spans="1:7" x14ac:dyDescent="0.3">
      <c r="A54570" s="13" t="s">
        <v>300</v>
      </c>
      <c r="B54570" s="14" t="s">
        <v>1</v>
      </c>
      <c r="C54570" s="14" t="s">
        <v>96</v>
      </c>
      <c r="D54570" s="14" t="s">
        <v>14</v>
      </c>
      <c r="E54570" s="15">
        <v>45561</v>
      </c>
      <c r="F54570" s="14" t="s">
        <v>15</v>
      </c>
      <c r="G54570" s="16">
        <v>0</v>
      </c>
    </row>
    <row r="54571" spans="1:7" x14ac:dyDescent="0.3">
      <c r="A54571" s="13" t="s">
        <v>300</v>
      </c>
      <c r="B54571" s="14" t="s">
        <v>1</v>
      </c>
      <c r="C54571" s="14" t="s">
        <v>96</v>
      </c>
      <c r="D54571" s="14" t="s">
        <v>14</v>
      </c>
      <c r="E54571" s="15">
        <v>45562</v>
      </c>
      <c r="F54571" s="14" t="s">
        <v>15</v>
      </c>
      <c r="G54571" s="16">
        <v>0</v>
      </c>
    </row>
    <row r="54572" spans="1:7" x14ac:dyDescent="0.3">
      <c r="A54572" s="13" t="s">
        <v>300</v>
      </c>
      <c r="B54572" s="14" t="s">
        <v>1</v>
      </c>
      <c r="C54572" s="14" t="s">
        <v>96</v>
      </c>
      <c r="D54572" s="14" t="s">
        <v>14</v>
      </c>
      <c r="E54572" s="15">
        <v>45563</v>
      </c>
      <c r="F54572" s="14" t="s">
        <v>15</v>
      </c>
      <c r="G54572" s="16">
        <v>0</v>
      </c>
    </row>
    <row r="54573" spans="1:7" x14ac:dyDescent="0.3">
      <c r="A54573" s="13" t="s">
        <v>300</v>
      </c>
      <c r="B54573" s="14" t="s">
        <v>1</v>
      </c>
      <c r="C54573" s="14" t="s">
        <v>96</v>
      </c>
      <c r="D54573" s="14" t="s">
        <v>14</v>
      </c>
      <c r="E54573" s="15">
        <v>45564</v>
      </c>
      <c r="F54573" s="14" t="s">
        <v>15</v>
      </c>
      <c r="G54573" s="16">
        <v>0</v>
      </c>
    </row>
    <row r="54574" spans="1:7" x14ac:dyDescent="0.3">
      <c r="A54574" s="13" t="s">
        <v>300</v>
      </c>
      <c r="B54574" s="14" t="s">
        <v>1</v>
      </c>
      <c r="C54574" s="14" t="s">
        <v>96</v>
      </c>
      <c r="D54574" s="14" t="s">
        <v>14</v>
      </c>
      <c r="E54574" s="15">
        <v>45565</v>
      </c>
      <c r="F54574" s="14" t="s">
        <v>15</v>
      </c>
      <c r="G54574" s="16">
        <v>0</v>
      </c>
    </row>
    <row r="54575" spans="1:7" x14ac:dyDescent="0.3">
      <c r="A54575" s="13" t="s">
        <v>300</v>
      </c>
      <c r="B54575" s="14" t="s">
        <v>1</v>
      </c>
      <c r="C54575" s="14" t="s">
        <v>96</v>
      </c>
      <c r="D54575" s="14" t="s">
        <v>14</v>
      </c>
      <c r="E54575" s="15">
        <v>45566</v>
      </c>
      <c r="F54575" s="14" t="s">
        <v>15</v>
      </c>
      <c r="G54575" s="16">
        <v>0</v>
      </c>
    </row>
    <row r="54576" spans="1:7" x14ac:dyDescent="0.3">
      <c r="A54576" s="13" t="s">
        <v>300</v>
      </c>
      <c r="B54576" s="14" t="s">
        <v>1</v>
      </c>
      <c r="C54576" s="14" t="s">
        <v>96</v>
      </c>
      <c r="D54576" s="14" t="s">
        <v>14</v>
      </c>
      <c r="E54576" s="15">
        <v>45567</v>
      </c>
      <c r="F54576" s="14" t="s">
        <v>15</v>
      </c>
      <c r="G54576" s="16">
        <v>0</v>
      </c>
    </row>
    <row r="54577" spans="1:7" x14ac:dyDescent="0.3">
      <c r="A54577" s="13" t="s">
        <v>300</v>
      </c>
      <c r="B54577" s="14" t="s">
        <v>1</v>
      </c>
      <c r="C54577" s="14" t="s">
        <v>96</v>
      </c>
      <c r="D54577" s="14" t="s">
        <v>14</v>
      </c>
      <c r="E54577" s="15">
        <v>45568</v>
      </c>
      <c r="F54577" s="14" t="s">
        <v>15</v>
      </c>
      <c r="G54577" s="16">
        <v>0</v>
      </c>
    </row>
    <row r="54578" spans="1:7" x14ac:dyDescent="0.3">
      <c r="A54578" s="13" t="s">
        <v>300</v>
      </c>
      <c r="B54578" s="14" t="s">
        <v>1</v>
      </c>
      <c r="C54578" s="14" t="s">
        <v>96</v>
      </c>
      <c r="D54578" s="14" t="s">
        <v>14</v>
      </c>
      <c r="E54578" s="15">
        <v>45569</v>
      </c>
      <c r="F54578" s="14" t="s">
        <v>15</v>
      </c>
      <c r="G54578" s="16">
        <v>0</v>
      </c>
    </row>
    <row r="54579" spans="1:7" x14ac:dyDescent="0.3">
      <c r="A54579" s="13" t="s">
        <v>300</v>
      </c>
      <c r="B54579" s="14" t="s">
        <v>1</v>
      </c>
      <c r="C54579" s="14" t="s">
        <v>96</v>
      </c>
      <c r="D54579" s="14" t="s">
        <v>14</v>
      </c>
      <c r="E54579" s="15">
        <v>45570</v>
      </c>
      <c r="F54579" s="14" t="s">
        <v>15</v>
      </c>
      <c r="G54579" s="16">
        <v>0</v>
      </c>
    </row>
    <row r="54580" spans="1:7" x14ac:dyDescent="0.3">
      <c r="A54580" s="13" t="s">
        <v>300</v>
      </c>
      <c r="B54580" s="14" t="s">
        <v>1</v>
      </c>
      <c r="C54580" s="14" t="s">
        <v>96</v>
      </c>
      <c r="D54580" s="14" t="s">
        <v>14</v>
      </c>
      <c r="E54580" s="15">
        <v>45571</v>
      </c>
      <c r="F54580" s="14" t="s">
        <v>15</v>
      </c>
      <c r="G54580" s="16">
        <v>0</v>
      </c>
    </row>
    <row r="54581" spans="1:7" x14ac:dyDescent="0.3">
      <c r="A54581" s="13" t="s">
        <v>300</v>
      </c>
      <c r="B54581" s="14" t="s">
        <v>1</v>
      </c>
      <c r="C54581" s="14" t="s">
        <v>96</v>
      </c>
      <c r="D54581" s="14" t="s">
        <v>14</v>
      </c>
      <c r="E54581" s="15">
        <v>45572</v>
      </c>
      <c r="F54581" s="14" t="s">
        <v>15</v>
      </c>
      <c r="G54581" s="16">
        <v>0</v>
      </c>
    </row>
    <row r="54582" spans="1:7" x14ac:dyDescent="0.3">
      <c r="A54582" s="13" t="s">
        <v>300</v>
      </c>
      <c r="B54582" s="14" t="s">
        <v>1</v>
      </c>
      <c r="C54582" s="14" t="s">
        <v>96</v>
      </c>
      <c r="D54582" s="14" t="s">
        <v>14</v>
      </c>
      <c r="E54582" s="15">
        <v>45573</v>
      </c>
      <c r="F54582" s="14" t="s">
        <v>15</v>
      </c>
      <c r="G54582" s="16">
        <v>0</v>
      </c>
    </row>
    <row r="54583" spans="1:7" x14ac:dyDescent="0.3">
      <c r="A54583" s="13" t="s">
        <v>300</v>
      </c>
      <c r="B54583" s="14" t="s">
        <v>1</v>
      </c>
      <c r="C54583" s="14" t="s">
        <v>96</v>
      </c>
      <c r="D54583" s="14" t="s">
        <v>14</v>
      </c>
      <c r="E54583" s="15">
        <v>45574</v>
      </c>
      <c r="F54583" s="14" t="s">
        <v>15</v>
      </c>
      <c r="G54583" s="16">
        <v>0</v>
      </c>
    </row>
    <row r="54584" spans="1:7" x14ac:dyDescent="0.3">
      <c r="A54584" s="13" t="s">
        <v>300</v>
      </c>
      <c r="B54584" s="14" t="s">
        <v>1</v>
      </c>
      <c r="C54584" s="14" t="s">
        <v>96</v>
      </c>
      <c r="D54584" s="14" t="s">
        <v>14</v>
      </c>
      <c r="E54584" s="15">
        <v>45575</v>
      </c>
      <c r="F54584" s="14" t="s">
        <v>15</v>
      </c>
      <c r="G54584" s="16">
        <v>0</v>
      </c>
    </row>
    <row r="54585" spans="1:7" x14ac:dyDescent="0.3">
      <c r="A54585" s="13" t="s">
        <v>300</v>
      </c>
      <c r="B54585" s="14" t="s">
        <v>1</v>
      </c>
      <c r="C54585" s="14" t="s">
        <v>96</v>
      </c>
      <c r="D54585" s="14" t="s">
        <v>14</v>
      </c>
      <c r="E54585" s="15">
        <v>45576</v>
      </c>
      <c r="F54585" s="14" t="s">
        <v>15</v>
      </c>
      <c r="G54585" s="16">
        <v>0</v>
      </c>
    </row>
    <row r="54586" spans="1:7" x14ac:dyDescent="0.3">
      <c r="A54586" s="13" t="s">
        <v>300</v>
      </c>
      <c r="B54586" s="14" t="s">
        <v>1</v>
      </c>
      <c r="C54586" s="14" t="s">
        <v>96</v>
      </c>
      <c r="D54586" s="14" t="s">
        <v>14</v>
      </c>
      <c r="E54586" s="15">
        <v>45577</v>
      </c>
      <c r="F54586" s="14" t="s">
        <v>15</v>
      </c>
      <c r="G54586" s="16">
        <v>0</v>
      </c>
    </row>
    <row r="54587" spans="1:7" x14ac:dyDescent="0.3">
      <c r="A54587" s="13" t="s">
        <v>300</v>
      </c>
      <c r="B54587" s="14" t="s">
        <v>1</v>
      </c>
      <c r="C54587" s="14" t="s">
        <v>96</v>
      </c>
      <c r="D54587" s="14" t="s">
        <v>14</v>
      </c>
      <c r="E54587" s="15">
        <v>45578</v>
      </c>
      <c r="F54587" s="14" t="s">
        <v>15</v>
      </c>
      <c r="G54587" s="16">
        <v>0</v>
      </c>
    </row>
    <row r="54588" spans="1:7" x14ac:dyDescent="0.3">
      <c r="A54588" s="13" t="s">
        <v>300</v>
      </c>
      <c r="B54588" s="14" t="s">
        <v>1</v>
      </c>
      <c r="C54588" s="14" t="s">
        <v>96</v>
      </c>
      <c r="D54588" s="14" t="s">
        <v>14</v>
      </c>
      <c r="E54588" s="15">
        <v>45579</v>
      </c>
      <c r="F54588" s="14" t="s">
        <v>15</v>
      </c>
      <c r="G54588" s="16">
        <v>0</v>
      </c>
    </row>
    <row r="54589" spans="1:7" x14ac:dyDescent="0.3">
      <c r="A54589" s="13" t="s">
        <v>300</v>
      </c>
      <c r="B54589" s="14" t="s">
        <v>1</v>
      </c>
      <c r="C54589" s="14" t="s">
        <v>96</v>
      </c>
      <c r="D54589" s="14" t="s">
        <v>14</v>
      </c>
      <c r="E54589" s="15">
        <v>45580</v>
      </c>
      <c r="F54589" s="14" t="s">
        <v>15</v>
      </c>
      <c r="G54589" s="16">
        <v>0</v>
      </c>
    </row>
    <row r="54590" spans="1:7" x14ac:dyDescent="0.3">
      <c r="A54590" s="13" t="s">
        <v>300</v>
      </c>
      <c r="B54590" s="14" t="s">
        <v>1</v>
      </c>
      <c r="C54590" s="14" t="s">
        <v>96</v>
      </c>
      <c r="D54590" s="14" t="s">
        <v>14</v>
      </c>
      <c r="E54590" s="15">
        <v>45581</v>
      </c>
      <c r="F54590" s="14" t="s">
        <v>15</v>
      </c>
      <c r="G54590" s="16">
        <v>0</v>
      </c>
    </row>
    <row r="54591" spans="1:7" x14ac:dyDescent="0.3">
      <c r="A54591" s="13" t="s">
        <v>300</v>
      </c>
      <c r="B54591" s="14" t="s">
        <v>1</v>
      </c>
      <c r="C54591" s="14" t="s">
        <v>96</v>
      </c>
      <c r="D54591" s="14" t="s">
        <v>14</v>
      </c>
      <c r="E54591" s="15">
        <v>45582</v>
      </c>
      <c r="F54591" s="14" t="s">
        <v>15</v>
      </c>
      <c r="G54591" s="16">
        <v>0</v>
      </c>
    </row>
    <row r="54592" spans="1:7" x14ac:dyDescent="0.3">
      <c r="A54592" s="13" t="s">
        <v>300</v>
      </c>
      <c r="B54592" s="14" t="s">
        <v>1</v>
      </c>
      <c r="C54592" s="14" t="s">
        <v>96</v>
      </c>
      <c r="D54592" s="14" t="s">
        <v>14</v>
      </c>
      <c r="E54592" s="15">
        <v>45583</v>
      </c>
      <c r="F54592" s="14" t="s">
        <v>15</v>
      </c>
      <c r="G54592" s="16">
        <v>0</v>
      </c>
    </row>
    <row r="54593" spans="1:7" x14ac:dyDescent="0.3">
      <c r="A54593" s="13" t="s">
        <v>300</v>
      </c>
      <c r="B54593" s="14" t="s">
        <v>1</v>
      </c>
      <c r="C54593" s="14" t="s">
        <v>96</v>
      </c>
      <c r="D54593" s="14" t="s">
        <v>14</v>
      </c>
      <c r="E54593" s="15">
        <v>45584</v>
      </c>
      <c r="F54593" s="14" t="s">
        <v>15</v>
      </c>
      <c r="G54593" s="16">
        <v>0</v>
      </c>
    </row>
    <row r="54594" spans="1:7" x14ac:dyDescent="0.3">
      <c r="A54594" s="13" t="s">
        <v>300</v>
      </c>
      <c r="B54594" s="14" t="s">
        <v>1</v>
      </c>
      <c r="C54594" s="14" t="s">
        <v>96</v>
      </c>
      <c r="D54594" s="14" t="s">
        <v>14</v>
      </c>
      <c r="E54594" s="15">
        <v>45585</v>
      </c>
      <c r="F54594" s="14" t="s">
        <v>15</v>
      </c>
      <c r="G54594" s="16">
        <v>0</v>
      </c>
    </row>
    <row r="54595" spans="1:7" x14ac:dyDescent="0.3">
      <c r="A54595" s="13" t="s">
        <v>300</v>
      </c>
      <c r="B54595" s="14" t="s">
        <v>1</v>
      </c>
      <c r="C54595" s="14" t="s">
        <v>96</v>
      </c>
      <c r="D54595" s="14" t="s">
        <v>14</v>
      </c>
      <c r="E54595" s="15">
        <v>45586</v>
      </c>
      <c r="F54595" s="14" t="s">
        <v>15</v>
      </c>
      <c r="G54595" s="16">
        <v>0</v>
      </c>
    </row>
    <row r="54596" spans="1:7" x14ac:dyDescent="0.3">
      <c r="A54596" s="13" t="s">
        <v>300</v>
      </c>
      <c r="B54596" s="14" t="s">
        <v>1</v>
      </c>
      <c r="C54596" s="14" t="s">
        <v>96</v>
      </c>
      <c r="D54596" s="14" t="s">
        <v>14</v>
      </c>
      <c r="E54596" s="15">
        <v>45587</v>
      </c>
      <c r="F54596" s="14" t="s">
        <v>15</v>
      </c>
      <c r="G54596" s="16">
        <v>0</v>
      </c>
    </row>
    <row r="54597" spans="1:7" x14ac:dyDescent="0.3">
      <c r="A54597" s="13" t="s">
        <v>300</v>
      </c>
      <c r="B54597" s="14" t="s">
        <v>1</v>
      </c>
      <c r="C54597" s="14" t="s">
        <v>96</v>
      </c>
      <c r="D54597" s="14" t="s">
        <v>14</v>
      </c>
      <c r="E54597" s="15">
        <v>45588</v>
      </c>
      <c r="F54597" s="14" t="s">
        <v>15</v>
      </c>
      <c r="G54597" s="16">
        <v>0</v>
      </c>
    </row>
    <row r="54598" spans="1:7" x14ac:dyDescent="0.3">
      <c r="A54598" s="13" t="s">
        <v>300</v>
      </c>
      <c r="B54598" s="14" t="s">
        <v>1</v>
      </c>
      <c r="C54598" s="14" t="s">
        <v>96</v>
      </c>
      <c r="D54598" s="14" t="s">
        <v>14</v>
      </c>
      <c r="E54598" s="15">
        <v>45589</v>
      </c>
      <c r="F54598" s="14" t="s">
        <v>15</v>
      </c>
      <c r="G54598" s="16">
        <v>0</v>
      </c>
    </row>
    <row r="54599" spans="1:7" x14ac:dyDescent="0.3">
      <c r="A54599" s="13" t="s">
        <v>300</v>
      </c>
      <c r="B54599" s="14" t="s">
        <v>1</v>
      </c>
      <c r="C54599" s="14" t="s">
        <v>96</v>
      </c>
      <c r="D54599" s="14" t="s">
        <v>14</v>
      </c>
      <c r="E54599" s="15">
        <v>45590</v>
      </c>
      <c r="F54599" s="14" t="s">
        <v>15</v>
      </c>
      <c r="G54599" s="16">
        <v>0</v>
      </c>
    </row>
    <row r="54600" spans="1:7" x14ac:dyDescent="0.3">
      <c r="A54600" s="13" t="s">
        <v>300</v>
      </c>
      <c r="B54600" s="14" t="s">
        <v>1</v>
      </c>
      <c r="C54600" s="14" t="s">
        <v>96</v>
      </c>
      <c r="D54600" s="14" t="s">
        <v>14</v>
      </c>
      <c r="E54600" s="15">
        <v>45591</v>
      </c>
      <c r="F54600" s="14" t="s">
        <v>15</v>
      </c>
      <c r="G54600" s="16">
        <v>0</v>
      </c>
    </row>
    <row r="54601" spans="1:7" x14ac:dyDescent="0.3">
      <c r="A54601" s="13" t="s">
        <v>300</v>
      </c>
      <c r="B54601" s="14" t="s">
        <v>1</v>
      </c>
      <c r="C54601" s="14" t="s">
        <v>96</v>
      </c>
      <c r="D54601" s="14" t="s">
        <v>14</v>
      </c>
      <c r="E54601" s="15">
        <v>45592</v>
      </c>
      <c r="F54601" s="14" t="s">
        <v>15</v>
      </c>
      <c r="G54601" s="16">
        <v>0</v>
      </c>
    </row>
    <row r="54602" spans="1:7" x14ac:dyDescent="0.3">
      <c r="A54602" s="13" t="s">
        <v>300</v>
      </c>
      <c r="B54602" s="14" t="s">
        <v>1</v>
      </c>
      <c r="C54602" s="14" t="s">
        <v>96</v>
      </c>
      <c r="D54602" s="14" t="s">
        <v>14</v>
      </c>
      <c r="E54602" s="15">
        <v>45593</v>
      </c>
      <c r="F54602" s="14" t="s">
        <v>15</v>
      </c>
      <c r="G54602" s="16">
        <v>0</v>
      </c>
    </row>
    <row r="54603" spans="1:7" x14ac:dyDescent="0.3">
      <c r="A54603" s="13" t="s">
        <v>300</v>
      </c>
      <c r="B54603" s="14" t="s">
        <v>1</v>
      </c>
      <c r="C54603" s="14" t="s">
        <v>96</v>
      </c>
      <c r="D54603" s="14" t="s">
        <v>14</v>
      </c>
      <c r="E54603" s="15">
        <v>45594</v>
      </c>
      <c r="F54603" s="14" t="s">
        <v>15</v>
      </c>
      <c r="G54603" s="16">
        <v>0</v>
      </c>
    </row>
    <row r="54604" spans="1:7" x14ac:dyDescent="0.3">
      <c r="A54604" s="13" t="s">
        <v>300</v>
      </c>
      <c r="B54604" s="14" t="s">
        <v>1</v>
      </c>
      <c r="C54604" s="14" t="s">
        <v>96</v>
      </c>
      <c r="D54604" s="14" t="s">
        <v>14</v>
      </c>
      <c r="E54604" s="15">
        <v>45595</v>
      </c>
      <c r="F54604" s="14" t="s">
        <v>15</v>
      </c>
      <c r="G54604" s="16">
        <v>0</v>
      </c>
    </row>
    <row r="54605" spans="1:7" x14ac:dyDescent="0.3">
      <c r="A54605" s="13" t="s">
        <v>300</v>
      </c>
      <c r="B54605" s="14" t="s">
        <v>1</v>
      </c>
      <c r="C54605" s="14" t="s">
        <v>96</v>
      </c>
      <c r="D54605" s="14" t="s">
        <v>14</v>
      </c>
      <c r="E54605" s="15">
        <v>45596</v>
      </c>
      <c r="F54605" s="14" t="s">
        <v>15</v>
      </c>
      <c r="G54605" s="16">
        <v>0</v>
      </c>
    </row>
    <row r="54606" spans="1:7" x14ac:dyDescent="0.3">
      <c r="A54606" s="13" t="s">
        <v>300</v>
      </c>
      <c r="B54606" s="14" t="s">
        <v>1</v>
      </c>
      <c r="C54606" s="14" t="s">
        <v>96</v>
      </c>
      <c r="D54606" s="14" t="s">
        <v>14</v>
      </c>
      <c r="E54606" s="15">
        <v>45597</v>
      </c>
      <c r="F54606" s="14" t="s">
        <v>15</v>
      </c>
      <c r="G54606" s="16">
        <v>0</v>
      </c>
    </row>
    <row r="54607" spans="1:7" x14ac:dyDescent="0.3">
      <c r="A54607" s="13" t="s">
        <v>300</v>
      </c>
      <c r="B54607" s="14" t="s">
        <v>1</v>
      </c>
      <c r="C54607" s="14" t="s">
        <v>96</v>
      </c>
      <c r="D54607" s="14" t="s">
        <v>14</v>
      </c>
      <c r="E54607" s="15">
        <v>45598</v>
      </c>
      <c r="F54607" s="14" t="s">
        <v>15</v>
      </c>
      <c r="G54607" s="16">
        <v>0</v>
      </c>
    </row>
    <row r="54608" spans="1:7" x14ac:dyDescent="0.3">
      <c r="A54608" s="13" t="s">
        <v>300</v>
      </c>
      <c r="B54608" s="14" t="s">
        <v>1</v>
      </c>
      <c r="C54608" s="14" t="s">
        <v>96</v>
      </c>
      <c r="D54608" s="14" t="s">
        <v>14</v>
      </c>
      <c r="E54608" s="15">
        <v>45599</v>
      </c>
      <c r="F54608" s="14" t="s">
        <v>15</v>
      </c>
      <c r="G54608" s="16">
        <v>0</v>
      </c>
    </row>
    <row r="54609" spans="1:7" x14ac:dyDescent="0.3">
      <c r="A54609" s="13" t="s">
        <v>300</v>
      </c>
      <c r="B54609" s="14" t="s">
        <v>1</v>
      </c>
      <c r="C54609" s="14" t="s">
        <v>96</v>
      </c>
      <c r="D54609" s="14" t="s">
        <v>14</v>
      </c>
      <c r="E54609" s="15">
        <v>45600</v>
      </c>
      <c r="F54609" s="14" t="s">
        <v>15</v>
      </c>
      <c r="G54609" s="16">
        <v>0</v>
      </c>
    </row>
    <row r="54610" spans="1:7" x14ac:dyDescent="0.3">
      <c r="A54610" s="13" t="s">
        <v>300</v>
      </c>
      <c r="B54610" s="14" t="s">
        <v>1</v>
      </c>
      <c r="C54610" s="14" t="s">
        <v>96</v>
      </c>
      <c r="D54610" s="14" t="s">
        <v>14</v>
      </c>
      <c r="E54610" s="15">
        <v>45601</v>
      </c>
      <c r="F54610" s="14" t="s">
        <v>15</v>
      </c>
      <c r="G54610" s="16">
        <v>0</v>
      </c>
    </row>
    <row r="54611" spans="1:7" x14ac:dyDescent="0.3">
      <c r="A54611" s="13" t="s">
        <v>300</v>
      </c>
      <c r="B54611" s="14" t="s">
        <v>1</v>
      </c>
      <c r="C54611" s="14" t="s">
        <v>96</v>
      </c>
      <c r="D54611" s="14" t="s">
        <v>14</v>
      </c>
      <c r="E54611" s="15">
        <v>45602</v>
      </c>
      <c r="F54611" s="14" t="s">
        <v>15</v>
      </c>
      <c r="G54611" s="16">
        <v>0</v>
      </c>
    </row>
    <row r="54612" spans="1:7" x14ac:dyDescent="0.3">
      <c r="A54612" s="13" t="s">
        <v>300</v>
      </c>
      <c r="B54612" s="14" t="s">
        <v>1</v>
      </c>
      <c r="C54612" s="14" t="s">
        <v>96</v>
      </c>
      <c r="D54612" s="14" t="s">
        <v>14</v>
      </c>
      <c r="E54612" s="15">
        <v>45603</v>
      </c>
      <c r="F54612" s="14" t="s">
        <v>15</v>
      </c>
      <c r="G54612" s="16">
        <v>0</v>
      </c>
    </row>
    <row r="54613" spans="1:7" x14ac:dyDescent="0.3">
      <c r="A54613" s="13" t="s">
        <v>300</v>
      </c>
      <c r="B54613" s="14" t="s">
        <v>1</v>
      </c>
      <c r="C54613" s="14" t="s">
        <v>96</v>
      </c>
      <c r="D54613" s="14" t="s">
        <v>14</v>
      </c>
      <c r="E54613" s="15">
        <v>45604</v>
      </c>
      <c r="F54613" s="14" t="s">
        <v>15</v>
      </c>
      <c r="G54613" s="16">
        <v>0</v>
      </c>
    </row>
    <row r="54614" spans="1:7" x14ac:dyDescent="0.3">
      <c r="A54614" s="13" t="s">
        <v>300</v>
      </c>
      <c r="B54614" s="14" t="s">
        <v>1</v>
      </c>
      <c r="C54614" s="14" t="s">
        <v>96</v>
      </c>
      <c r="D54614" s="14" t="s">
        <v>14</v>
      </c>
      <c r="E54614" s="15">
        <v>45605</v>
      </c>
      <c r="F54614" s="14" t="s">
        <v>15</v>
      </c>
      <c r="G54614" s="16">
        <v>0</v>
      </c>
    </row>
    <row r="54615" spans="1:7" x14ac:dyDescent="0.3">
      <c r="A54615" s="13" t="s">
        <v>300</v>
      </c>
      <c r="B54615" s="14" t="s">
        <v>1</v>
      </c>
      <c r="C54615" s="14" t="s">
        <v>96</v>
      </c>
      <c r="D54615" s="14" t="s">
        <v>14</v>
      </c>
      <c r="E54615" s="15">
        <v>45606</v>
      </c>
      <c r="F54615" s="14" t="s">
        <v>15</v>
      </c>
      <c r="G54615" s="16">
        <v>0</v>
      </c>
    </row>
    <row r="54616" spans="1:7" x14ac:dyDescent="0.3">
      <c r="A54616" s="13" t="s">
        <v>300</v>
      </c>
      <c r="B54616" s="14" t="s">
        <v>1</v>
      </c>
      <c r="C54616" s="14" t="s">
        <v>96</v>
      </c>
      <c r="D54616" s="14" t="s">
        <v>14</v>
      </c>
      <c r="E54616" s="15">
        <v>45607</v>
      </c>
      <c r="F54616" s="14" t="s">
        <v>15</v>
      </c>
      <c r="G54616" s="16">
        <v>0</v>
      </c>
    </row>
    <row r="54617" spans="1:7" x14ac:dyDescent="0.3">
      <c r="A54617" s="13" t="s">
        <v>300</v>
      </c>
      <c r="B54617" s="14" t="s">
        <v>1</v>
      </c>
      <c r="C54617" s="14" t="s">
        <v>96</v>
      </c>
      <c r="D54617" s="14" t="s">
        <v>14</v>
      </c>
      <c r="E54617" s="15">
        <v>45608</v>
      </c>
      <c r="F54617" s="14" t="s">
        <v>15</v>
      </c>
      <c r="G54617" s="16">
        <v>0</v>
      </c>
    </row>
    <row r="54618" spans="1:7" x14ac:dyDescent="0.3">
      <c r="A54618" s="13" t="s">
        <v>300</v>
      </c>
      <c r="B54618" s="14" t="s">
        <v>1</v>
      </c>
      <c r="C54618" s="14" t="s">
        <v>96</v>
      </c>
      <c r="D54618" s="14" t="s">
        <v>14</v>
      </c>
      <c r="E54618" s="15">
        <v>45609</v>
      </c>
      <c r="F54618" s="14" t="s">
        <v>15</v>
      </c>
      <c r="G54618" s="16">
        <v>0</v>
      </c>
    </row>
    <row r="54619" spans="1:7" x14ac:dyDescent="0.3">
      <c r="A54619" s="13" t="s">
        <v>300</v>
      </c>
      <c r="B54619" s="14" t="s">
        <v>1</v>
      </c>
      <c r="C54619" s="14" t="s">
        <v>96</v>
      </c>
      <c r="D54619" s="14" t="s">
        <v>14</v>
      </c>
      <c r="E54619" s="15">
        <v>45610</v>
      </c>
      <c r="F54619" s="14" t="s">
        <v>15</v>
      </c>
      <c r="G54619" s="16">
        <v>0</v>
      </c>
    </row>
    <row r="54620" spans="1:7" x14ac:dyDescent="0.3">
      <c r="A54620" s="13" t="s">
        <v>300</v>
      </c>
      <c r="B54620" s="14" t="s">
        <v>1</v>
      </c>
      <c r="C54620" s="14" t="s">
        <v>96</v>
      </c>
      <c r="D54620" s="14" t="s">
        <v>14</v>
      </c>
      <c r="E54620" s="15">
        <v>45611</v>
      </c>
      <c r="F54620" s="14" t="s">
        <v>15</v>
      </c>
      <c r="G54620" s="16">
        <v>0</v>
      </c>
    </row>
    <row r="54621" spans="1:7" x14ac:dyDescent="0.3">
      <c r="A54621" s="13" t="s">
        <v>300</v>
      </c>
      <c r="B54621" s="14" t="s">
        <v>1</v>
      </c>
      <c r="C54621" s="14" t="s">
        <v>96</v>
      </c>
      <c r="D54621" s="14" t="s">
        <v>14</v>
      </c>
      <c r="E54621" s="15">
        <v>45612</v>
      </c>
      <c r="F54621" s="14" t="s">
        <v>15</v>
      </c>
      <c r="G54621" s="16">
        <v>0</v>
      </c>
    </row>
    <row r="54622" spans="1:7" x14ac:dyDescent="0.3">
      <c r="A54622" s="13" t="s">
        <v>300</v>
      </c>
      <c r="B54622" s="14" t="s">
        <v>1</v>
      </c>
      <c r="C54622" s="14" t="s">
        <v>96</v>
      </c>
      <c r="D54622" s="14" t="s">
        <v>14</v>
      </c>
      <c r="E54622" s="15">
        <v>45613</v>
      </c>
      <c r="F54622" s="14" t="s">
        <v>15</v>
      </c>
      <c r="G54622" s="16">
        <v>0</v>
      </c>
    </row>
    <row r="54623" spans="1:7" x14ac:dyDescent="0.3">
      <c r="A54623" s="13" t="s">
        <v>300</v>
      </c>
      <c r="B54623" s="14" t="s">
        <v>1</v>
      </c>
      <c r="C54623" s="14" t="s">
        <v>96</v>
      </c>
      <c r="D54623" s="14" t="s">
        <v>14</v>
      </c>
      <c r="E54623" s="15">
        <v>45614</v>
      </c>
      <c r="F54623" s="14" t="s">
        <v>15</v>
      </c>
      <c r="G54623" s="16">
        <v>0</v>
      </c>
    </row>
    <row r="54624" spans="1:7" x14ac:dyDescent="0.3">
      <c r="A54624" s="13" t="s">
        <v>300</v>
      </c>
      <c r="B54624" s="14" t="s">
        <v>1</v>
      </c>
      <c r="C54624" s="14" t="s">
        <v>96</v>
      </c>
      <c r="D54624" s="14" t="s">
        <v>14</v>
      </c>
      <c r="E54624" s="15">
        <v>45615</v>
      </c>
      <c r="F54624" s="14" t="s">
        <v>15</v>
      </c>
      <c r="G54624" s="16">
        <v>0</v>
      </c>
    </row>
    <row r="54625" spans="1:7" x14ac:dyDescent="0.3">
      <c r="A54625" s="13" t="s">
        <v>300</v>
      </c>
      <c r="B54625" s="14" t="s">
        <v>1</v>
      </c>
      <c r="C54625" s="14" t="s">
        <v>96</v>
      </c>
      <c r="D54625" s="14" t="s">
        <v>14</v>
      </c>
      <c r="E54625" s="15">
        <v>45616</v>
      </c>
      <c r="F54625" s="14" t="s">
        <v>15</v>
      </c>
      <c r="G54625" s="16">
        <v>0</v>
      </c>
    </row>
    <row r="54626" spans="1:7" x14ac:dyDescent="0.3">
      <c r="A54626" s="13" t="s">
        <v>300</v>
      </c>
      <c r="B54626" s="14" t="s">
        <v>1</v>
      </c>
      <c r="C54626" s="14" t="s">
        <v>96</v>
      </c>
      <c r="D54626" s="14" t="s">
        <v>14</v>
      </c>
      <c r="E54626" s="15">
        <v>45617</v>
      </c>
      <c r="F54626" s="14" t="s">
        <v>15</v>
      </c>
      <c r="G54626" s="16">
        <v>0</v>
      </c>
    </row>
    <row r="54627" spans="1:7" x14ac:dyDescent="0.3">
      <c r="A54627" s="13" t="s">
        <v>300</v>
      </c>
      <c r="B54627" s="14" t="s">
        <v>1</v>
      </c>
      <c r="C54627" s="14" t="s">
        <v>96</v>
      </c>
      <c r="D54627" s="14" t="s">
        <v>14</v>
      </c>
      <c r="E54627" s="15">
        <v>45618</v>
      </c>
      <c r="F54627" s="14" t="s">
        <v>15</v>
      </c>
      <c r="G54627" s="16">
        <v>0</v>
      </c>
    </row>
    <row r="54628" spans="1:7" x14ac:dyDescent="0.3">
      <c r="A54628" s="13" t="s">
        <v>300</v>
      </c>
      <c r="B54628" s="14" t="s">
        <v>1</v>
      </c>
      <c r="C54628" s="14" t="s">
        <v>96</v>
      </c>
      <c r="D54628" s="14" t="s">
        <v>14</v>
      </c>
      <c r="E54628" s="15">
        <v>45619</v>
      </c>
      <c r="F54628" s="14" t="s">
        <v>15</v>
      </c>
      <c r="G54628" s="16">
        <v>0</v>
      </c>
    </row>
    <row r="54629" spans="1:7" x14ac:dyDescent="0.3">
      <c r="A54629" s="13" t="s">
        <v>300</v>
      </c>
      <c r="B54629" s="14" t="s">
        <v>1</v>
      </c>
      <c r="C54629" s="14" t="s">
        <v>96</v>
      </c>
      <c r="D54629" s="14" t="s">
        <v>14</v>
      </c>
      <c r="E54629" s="15">
        <v>45620</v>
      </c>
      <c r="F54629" s="14" t="s">
        <v>15</v>
      </c>
      <c r="G54629" s="16">
        <v>0</v>
      </c>
    </row>
    <row r="54630" spans="1:7" x14ac:dyDescent="0.3">
      <c r="A54630" s="13" t="s">
        <v>300</v>
      </c>
      <c r="B54630" s="14" t="s">
        <v>1</v>
      </c>
      <c r="C54630" s="14" t="s">
        <v>96</v>
      </c>
      <c r="D54630" s="14" t="s">
        <v>14</v>
      </c>
      <c r="E54630" s="15">
        <v>45621</v>
      </c>
      <c r="F54630" s="14" t="s">
        <v>15</v>
      </c>
      <c r="G54630" s="16">
        <v>0</v>
      </c>
    </row>
    <row r="54631" spans="1:7" x14ac:dyDescent="0.3">
      <c r="A54631" s="13" t="s">
        <v>300</v>
      </c>
      <c r="B54631" s="14" t="s">
        <v>1</v>
      </c>
      <c r="C54631" s="14" t="s">
        <v>96</v>
      </c>
      <c r="D54631" s="14" t="s">
        <v>14</v>
      </c>
      <c r="E54631" s="15">
        <v>45622</v>
      </c>
      <c r="F54631" s="14" t="s">
        <v>15</v>
      </c>
      <c r="G54631" s="16">
        <v>0</v>
      </c>
    </row>
    <row r="54632" spans="1:7" x14ac:dyDescent="0.3">
      <c r="A54632" s="13" t="s">
        <v>300</v>
      </c>
      <c r="B54632" s="14" t="s">
        <v>1</v>
      </c>
      <c r="C54632" s="14" t="s">
        <v>96</v>
      </c>
      <c r="D54632" s="14" t="s">
        <v>14</v>
      </c>
      <c r="E54632" s="15">
        <v>45623</v>
      </c>
      <c r="F54632" s="14" t="s">
        <v>15</v>
      </c>
      <c r="G54632" s="16">
        <v>0</v>
      </c>
    </row>
    <row r="54633" spans="1:7" x14ac:dyDescent="0.3">
      <c r="A54633" s="13" t="s">
        <v>300</v>
      </c>
      <c r="B54633" s="14" t="s">
        <v>1</v>
      </c>
      <c r="C54633" s="14" t="s">
        <v>96</v>
      </c>
      <c r="D54633" s="14" t="s">
        <v>14</v>
      </c>
      <c r="E54633" s="15">
        <v>45624</v>
      </c>
      <c r="F54633" s="14" t="s">
        <v>15</v>
      </c>
      <c r="G54633" s="16">
        <v>0</v>
      </c>
    </row>
    <row r="54634" spans="1:7" x14ac:dyDescent="0.3">
      <c r="A54634" s="13" t="s">
        <v>300</v>
      </c>
      <c r="B54634" s="14" t="s">
        <v>1</v>
      </c>
      <c r="C54634" s="14" t="s">
        <v>96</v>
      </c>
      <c r="D54634" s="14" t="s">
        <v>14</v>
      </c>
      <c r="E54634" s="15">
        <v>45625</v>
      </c>
      <c r="F54634" s="14" t="s">
        <v>15</v>
      </c>
      <c r="G54634" s="16">
        <v>0</v>
      </c>
    </row>
    <row r="54635" spans="1:7" x14ac:dyDescent="0.3">
      <c r="A54635" s="13" t="s">
        <v>300</v>
      </c>
      <c r="B54635" s="14" t="s">
        <v>1</v>
      </c>
      <c r="C54635" s="14" t="s">
        <v>96</v>
      </c>
      <c r="D54635" s="14" t="s">
        <v>14</v>
      </c>
      <c r="E54635" s="15">
        <v>45626</v>
      </c>
      <c r="F54635" s="14" t="s">
        <v>15</v>
      </c>
      <c r="G54635" s="16">
        <v>0</v>
      </c>
    </row>
    <row r="54636" spans="1:7" x14ac:dyDescent="0.3">
      <c r="A54636" s="13" t="s">
        <v>300</v>
      </c>
      <c r="B54636" s="14" t="s">
        <v>1</v>
      </c>
      <c r="C54636" s="14" t="s">
        <v>96</v>
      </c>
      <c r="D54636" s="14" t="s">
        <v>14</v>
      </c>
      <c r="E54636" s="15">
        <v>45627</v>
      </c>
      <c r="F54636" s="14" t="s">
        <v>15</v>
      </c>
      <c r="G54636" s="16">
        <v>0</v>
      </c>
    </row>
    <row r="54637" spans="1:7" x14ac:dyDescent="0.3">
      <c r="A54637" s="13" t="s">
        <v>300</v>
      </c>
      <c r="B54637" s="14" t="s">
        <v>1</v>
      </c>
      <c r="C54637" s="14" t="s">
        <v>96</v>
      </c>
      <c r="D54637" s="14" t="s">
        <v>14</v>
      </c>
      <c r="E54637" s="15">
        <v>45628</v>
      </c>
      <c r="F54637" s="14" t="s">
        <v>15</v>
      </c>
      <c r="G54637" s="16">
        <v>0</v>
      </c>
    </row>
    <row r="54638" spans="1:7" x14ac:dyDescent="0.3">
      <c r="A54638" s="13" t="s">
        <v>300</v>
      </c>
      <c r="B54638" s="14" t="s">
        <v>1</v>
      </c>
      <c r="C54638" s="14" t="s">
        <v>96</v>
      </c>
      <c r="D54638" s="14" t="s">
        <v>14</v>
      </c>
      <c r="E54638" s="15">
        <v>45629</v>
      </c>
      <c r="F54638" s="14" t="s">
        <v>15</v>
      </c>
      <c r="G54638" s="16">
        <v>0</v>
      </c>
    </row>
    <row r="54639" spans="1:7" x14ac:dyDescent="0.3">
      <c r="A54639" s="13" t="s">
        <v>300</v>
      </c>
      <c r="B54639" s="14" t="s">
        <v>1</v>
      </c>
      <c r="C54639" s="14" t="s">
        <v>96</v>
      </c>
      <c r="D54639" s="14" t="s">
        <v>14</v>
      </c>
      <c r="E54639" s="15">
        <v>45630</v>
      </c>
      <c r="F54639" s="14" t="s">
        <v>15</v>
      </c>
      <c r="G54639" s="16">
        <v>0</v>
      </c>
    </row>
    <row r="54640" spans="1:7" x14ac:dyDescent="0.3">
      <c r="A54640" s="13" t="s">
        <v>300</v>
      </c>
      <c r="B54640" s="14" t="s">
        <v>1</v>
      </c>
      <c r="C54640" s="14" t="s">
        <v>96</v>
      </c>
      <c r="D54640" s="14" t="s">
        <v>14</v>
      </c>
      <c r="E54640" s="15">
        <v>45631</v>
      </c>
      <c r="F54640" s="14" t="s">
        <v>15</v>
      </c>
      <c r="G54640" s="16">
        <v>0</v>
      </c>
    </row>
    <row r="54641" spans="1:7" x14ac:dyDescent="0.3">
      <c r="A54641" s="13" t="s">
        <v>300</v>
      </c>
      <c r="B54641" s="14" t="s">
        <v>1</v>
      </c>
      <c r="C54641" s="14" t="s">
        <v>96</v>
      </c>
      <c r="D54641" s="14" t="s">
        <v>14</v>
      </c>
      <c r="E54641" s="15">
        <v>45632</v>
      </c>
      <c r="F54641" s="14" t="s">
        <v>15</v>
      </c>
      <c r="G54641" s="16">
        <v>0</v>
      </c>
    </row>
    <row r="54642" spans="1:7" x14ac:dyDescent="0.3">
      <c r="A54642" s="13" t="s">
        <v>300</v>
      </c>
      <c r="B54642" s="14" t="s">
        <v>1</v>
      </c>
      <c r="C54642" s="14" t="s">
        <v>96</v>
      </c>
      <c r="D54642" s="14" t="s">
        <v>14</v>
      </c>
      <c r="E54642" s="15">
        <v>45633</v>
      </c>
      <c r="F54642" s="14" t="s">
        <v>15</v>
      </c>
      <c r="G54642" s="16">
        <v>0</v>
      </c>
    </row>
    <row r="54643" spans="1:7" x14ac:dyDescent="0.3">
      <c r="A54643" s="13" t="s">
        <v>300</v>
      </c>
      <c r="B54643" s="14" t="s">
        <v>1</v>
      </c>
      <c r="C54643" s="14" t="s">
        <v>96</v>
      </c>
      <c r="D54643" s="14" t="s">
        <v>14</v>
      </c>
      <c r="E54643" s="15">
        <v>45634</v>
      </c>
      <c r="F54643" s="14" t="s">
        <v>15</v>
      </c>
      <c r="G54643" s="16">
        <v>0</v>
      </c>
    </row>
    <row r="54644" spans="1:7" x14ac:dyDescent="0.3">
      <c r="A54644" s="13" t="s">
        <v>300</v>
      </c>
      <c r="B54644" s="14" t="s">
        <v>1</v>
      </c>
      <c r="C54644" s="14" t="s">
        <v>96</v>
      </c>
      <c r="D54644" s="14" t="s">
        <v>14</v>
      </c>
      <c r="E54644" s="15">
        <v>45635</v>
      </c>
      <c r="F54644" s="14" t="s">
        <v>15</v>
      </c>
      <c r="G54644" s="16">
        <v>0</v>
      </c>
    </row>
    <row r="54645" spans="1:7" x14ac:dyDescent="0.3">
      <c r="A54645" s="13" t="s">
        <v>300</v>
      </c>
      <c r="B54645" s="14" t="s">
        <v>1</v>
      </c>
      <c r="C54645" s="14" t="s">
        <v>96</v>
      </c>
      <c r="D54645" s="14" t="s">
        <v>14</v>
      </c>
      <c r="E54645" s="15">
        <v>45636</v>
      </c>
      <c r="F54645" s="14" t="s">
        <v>15</v>
      </c>
      <c r="G54645" s="16">
        <v>0</v>
      </c>
    </row>
    <row r="54646" spans="1:7" x14ac:dyDescent="0.3">
      <c r="A54646" s="13" t="s">
        <v>300</v>
      </c>
      <c r="B54646" s="14" t="s">
        <v>1</v>
      </c>
      <c r="C54646" s="14" t="s">
        <v>96</v>
      </c>
      <c r="D54646" s="14" t="s">
        <v>14</v>
      </c>
      <c r="E54646" s="15">
        <v>45637</v>
      </c>
      <c r="F54646" s="14" t="s">
        <v>15</v>
      </c>
      <c r="G54646" s="16">
        <v>0</v>
      </c>
    </row>
    <row r="54647" spans="1:7" x14ac:dyDescent="0.3">
      <c r="A54647" s="13" t="s">
        <v>300</v>
      </c>
      <c r="B54647" s="14" t="s">
        <v>1</v>
      </c>
      <c r="C54647" s="14" t="s">
        <v>96</v>
      </c>
      <c r="D54647" s="14" t="s">
        <v>14</v>
      </c>
      <c r="E54647" s="15">
        <v>45638</v>
      </c>
      <c r="F54647" s="14" t="s">
        <v>15</v>
      </c>
      <c r="G54647" s="16">
        <v>0</v>
      </c>
    </row>
    <row r="54648" spans="1:7" x14ac:dyDescent="0.3">
      <c r="A54648" s="13" t="s">
        <v>300</v>
      </c>
      <c r="B54648" s="14" t="s">
        <v>1</v>
      </c>
      <c r="C54648" s="14" t="s">
        <v>96</v>
      </c>
      <c r="D54648" s="14" t="s">
        <v>14</v>
      </c>
      <c r="E54648" s="15">
        <v>45639</v>
      </c>
      <c r="F54648" s="14" t="s">
        <v>15</v>
      </c>
      <c r="G54648" s="16">
        <v>0</v>
      </c>
    </row>
    <row r="54649" spans="1:7" x14ac:dyDescent="0.3">
      <c r="A54649" s="13" t="s">
        <v>300</v>
      </c>
      <c r="B54649" s="14" t="s">
        <v>1</v>
      </c>
      <c r="C54649" s="14" t="s">
        <v>96</v>
      </c>
      <c r="D54649" s="14" t="s">
        <v>14</v>
      </c>
      <c r="E54649" s="15">
        <v>45640</v>
      </c>
      <c r="F54649" s="14" t="s">
        <v>15</v>
      </c>
      <c r="G54649" s="16">
        <v>0</v>
      </c>
    </row>
    <row r="54650" spans="1:7" x14ac:dyDescent="0.3">
      <c r="A54650" s="13" t="s">
        <v>300</v>
      </c>
      <c r="B54650" s="14" t="s">
        <v>1</v>
      </c>
      <c r="C54650" s="14" t="s">
        <v>96</v>
      </c>
      <c r="D54650" s="14" t="s">
        <v>14</v>
      </c>
      <c r="E54650" s="15">
        <v>45641</v>
      </c>
      <c r="F54650" s="14" t="s">
        <v>15</v>
      </c>
      <c r="G54650" s="16">
        <v>0</v>
      </c>
    </row>
    <row r="54651" spans="1:7" x14ac:dyDescent="0.3">
      <c r="A54651" s="13" t="s">
        <v>300</v>
      </c>
      <c r="B54651" s="14" t="s">
        <v>1</v>
      </c>
      <c r="C54651" s="14" t="s">
        <v>96</v>
      </c>
      <c r="D54651" s="14" t="s">
        <v>14</v>
      </c>
      <c r="E54651" s="15">
        <v>45642</v>
      </c>
      <c r="F54651" s="14" t="s">
        <v>15</v>
      </c>
      <c r="G54651" s="16">
        <v>0</v>
      </c>
    </row>
    <row r="54652" spans="1:7" x14ac:dyDescent="0.3">
      <c r="A54652" s="13" t="s">
        <v>300</v>
      </c>
      <c r="B54652" s="14" t="s">
        <v>1</v>
      </c>
      <c r="C54652" s="14" t="s">
        <v>96</v>
      </c>
      <c r="D54652" s="14" t="s">
        <v>14</v>
      </c>
      <c r="E54652" s="15">
        <v>45643</v>
      </c>
      <c r="F54652" s="14" t="s">
        <v>15</v>
      </c>
      <c r="G54652" s="16">
        <v>0</v>
      </c>
    </row>
    <row r="54653" spans="1:7" x14ac:dyDescent="0.3">
      <c r="A54653" s="13" t="s">
        <v>300</v>
      </c>
      <c r="B54653" s="14" t="s">
        <v>1</v>
      </c>
      <c r="C54653" s="14" t="s">
        <v>96</v>
      </c>
      <c r="D54653" s="14" t="s">
        <v>14</v>
      </c>
      <c r="E54653" s="15">
        <v>45644</v>
      </c>
      <c r="F54653" s="14" t="s">
        <v>15</v>
      </c>
      <c r="G54653" s="16">
        <v>0</v>
      </c>
    </row>
    <row r="54654" spans="1:7" x14ac:dyDescent="0.3">
      <c r="A54654" s="13" t="s">
        <v>300</v>
      </c>
      <c r="B54654" s="14" t="s">
        <v>1</v>
      </c>
      <c r="C54654" s="14" t="s">
        <v>96</v>
      </c>
      <c r="D54654" s="14" t="s">
        <v>14</v>
      </c>
      <c r="E54654" s="15">
        <v>45645</v>
      </c>
      <c r="F54654" s="14" t="s">
        <v>15</v>
      </c>
      <c r="G54654" s="16">
        <v>0</v>
      </c>
    </row>
    <row r="54655" spans="1:7" x14ac:dyDescent="0.3">
      <c r="A54655" s="13" t="s">
        <v>300</v>
      </c>
      <c r="B54655" s="14" t="s">
        <v>1</v>
      </c>
      <c r="C54655" s="14" t="s">
        <v>96</v>
      </c>
      <c r="D54655" s="14" t="s">
        <v>14</v>
      </c>
      <c r="E54655" s="15">
        <v>45646</v>
      </c>
      <c r="F54655" s="14" t="s">
        <v>15</v>
      </c>
      <c r="G54655" s="16">
        <v>0</v>
      </c>
    </row>
    <row r="54656" spans="1:7" x14ac:dyDescent="0.3">
      <c r="A54656" s="13" t="s">
        <v>300</v>
      </c>
      <c r="B54656" s="14" t="s">
        <v>1</v>
      </c>
      <c r="C54656" s="14" t="s">
        <v>96</v>
      </c>
      <c r="D54656" s="14" t="s">
        <v>14</v>
      </c>
      <c r="E54656" s="15">
        <v>45647</v>
      </c>
      <c r="F54656" s="14" t="s">
        <v>15</v>
      </c>
      <c r="G54656" s="16">
        <v>0</v>
      </c>
    </row>
    <row r="54657" spans="1:7" x14ac:dyDescent="0.3">
      <c r="A54657" s="13" t="s">
        <v>300</v>
      </c>
      <c r="B54657" s="14" t="s">
        <v>1</v>
      </c>
      <c r="C54657" s="14" t="s">
        <v>96</v>
      </c>
      <c r="D54657" s="14" t="s">
        <v>14</v>
      </c>
      <c r="E54657" s="15">
        <v>45648</v>
      </c>
      <c r="F54657" s="14" t="s">
        <v>15</v>
      </c>
      <c r="G54657" s="16">
        <v>0</v>
      </c>
    </row>
    <row r="54658" spans="1:7" x14ac:dyDescent="0.3">
      <c r="A54658" s="13" t="s">
        <v>300</v>
      </c>
      <c r="B54658" s="14" t="s">
        <v>1</v>
      </c>
      <c r="C54658" s="14" t="s">
        <v>96</v>
      </c>
      <c r="D54658" s="14" t="s">
        <v>14</v>
      </c>
      <c r="E54658" s="15">
        <v>45649</v>
      </c>
      <c r="F54658" s="14" t="s">
        <v>15</v>
      </c>
      <c r="G54658" s="16">
        <v>0</v>
      </c>
    </row>
    <row r="54659" spans="1:7" x14ac:dyDescent="0.3">
      <c r="A54659" s="13" t="s">
        <v>300</v>
      </c>
      <c r="B54659" s="14" t="s">
        <v>1</v>
      </c>
      <c r="C54659" s="14" t="s">
        <v>96</v>
      </c>
      <c r="D54659" s="14" t="s">
        <v>14</v>
      </c>
      <c r="E54659" s="15">
        <v>45650</v>
      </c>
      <c r="F54659" s="14" t="s">
        <v>15</v>
      </c>
      <c r="G54659" s="16">
        <v>0</v>
      </c>
    </row>
    <row r="54660" spans="1:7" x14ac:dyDescent="0.3">
      <c r="A54660" s="13" t="s">
        <v>300</v>
      </c>
      <c r="B54660" s="14" t="s">
        <v>1</v>
      </c>
      <c r="C54660" s="14" t="s">
        <v>96</v>
      </c>
      <c r="D54660" s="14" t="s">
        <v>14</v>
      </c>
      <c r="E54660" s="15">
        <v>45651</v>
      </c>
      <c r="F54660" s="14" t="s">
        <v>15</v>
      </c>
      <c r="G54660" s="16">
        <v>0</v>
      </c>
    </row>
    <row r="54661" spans="1:7" x14ac:dyDescent="0.3">
      <c r="A54661" s="13" t="s">
        <v>300</v>
      </c>
      <c r="B54661" s="14" t="s">
        <v>1</v>
      </c>
      <c r="C54661" s="14" t="s">
        <v>96</v>
      </c>
      <c r="D54661" s="14" t="s">
        <v>14</v>
      </c>
      <c r="E54661" s="15">
        <v>45652</v>
      </c>
      <c r="F54661" s="14" t="s">
        <v>15</v>
      </c>
      <c r="G54661" s="16">
        <v>0</v>
      </c>
    </row>
    <row r="54662" spans="1:7" x14ac:dyDescent="0.3">
      <c r="A54662" s="13" t="s">
        <v>300</v>
      </c>
      <c r="B54662" s="14" t="s">
        <v>1</v>
      </c>
      <c r="C54662" s="14" t="s">
        <v>96</v>
      </c>
      <c r="D54662" s="14" t="s">
        <v>14</v>
      </c>
      <c r="E54662" s="15">
        <v>45653</v>
      </c>
      <c r="F54662" s="14" t="s">
        <v>15</v>
      </c>
      <c r="G54662" s="16">
        <v>0</v>
      </c>
    </row>
    <row r="54663" spans="1:7" x14ac:dyDescent="0.3">
      <c r="A54663" s="13" t="s">
        <v>300</v>
      </c>
      <c r="B54663" s="14" t="s">
        <v>1</v>
      </c>
      <c r="C54663" s="14" t="s">
        <v>96</v>
      </c>
      <c r="D54663" s="14" t="s">
        <v>14</v>
      </c>
      <c r="E54663" s="15">
        <v>45654</v>
      </c>
      <c r="F54663" s="14" t="s">
        <v>15</v>
      </c>
      <c r="G54663" s="16">
        <v>0</v>
      </c>
    </row>
    <row r="54664" spans="1:7" x14ac:dyDescent="0.3">
      <c r="A54664" s="13" t="s">
        <v>300</v>
      </c>
      <c r="B54664" s="14" t="s">
        <v>1</v>
      </c>
      <c r="C54664" s="14" t="s">
        <v>96</v>
      </c>
      <c r="D54664" s="14" t="s">
        <v>14</v>
      </c>
      <c r="E54664" s="15">
        <v>45655</v>
      </c>
      <c r="F54664" s="14" t="s">
        <v>15</v>
      </c>
      <c r="G54664" s="16">
        <v>0</v>
      </c>
    </row>
    <row r="54665" spans="1:7" x14ac:dyDescent="0.3">
      <c r="A54665" s="13" t="s">
        <v>300</v>
      </c>
      <c r="B54665" s="14" t="s">
        <v>1</v>
      </c>
      <c r="C54665" s="14" t="s">
        <v>96</v>
      </c>
      <c r="D54665" s="14" t="s">
        <v>14</v>
      </c>
      <c r="E54665" s="15">
        <v>45656</v>
      </c>
      <c r="F54665" s="14" t="s">
        <v>15</v>
      </c>
      <c r="G54665" s="16">
        <v>0</v>
      </c>
    </row>
    <row r="54666" spans="1:7" x14ac:dyDescent="0.3">
      <c r="A54666" s="13" t="s">
        <v>300</v>
      </c>
      <c r="B54666" s="14" t="s">
        <v>1</v>
      </c>
      <c r="C54666" s="14" t="s">
        <v>96</v>
      </c>
      <c r="D54666" s="14" t="s">
        <v>14</v>
      </c>
      <c r="E54666" s="15">
        <v>45657</v>
      </c>
      <c r="F54666" s="14" t="s">
        <v>15</v>
      </c>
      <c r="G54666" s="16">
        <v>0</v>
      </c>
    </row>
    <row r="54667" spans="1:7" x14ac:dyDescent="0.3">
      <c r="A54667" s="13" t="s">
        <v>300</v>
      </c>
      <c r="B54667" s="14" t="s">
        <v>1</v>
      </c>
      <c r="C54667" s="14" t="s">
        <v>96</v>
      </c>
      <c r="D54667" s="14" t="s">
        <v>14</v>
      </c>
      <c r="E54667" s="15">
        <v>45658</v>
      </c>
      <c r="F54667" s="14" t="s">
        <v>15</v>
      </c>
      <c r="G54667" s="16">
        <v>0</v>
      </c>
    </row>
    <row r="54668" spans="1:7" x14ac:dyDescent="0.3">
      <c r="A54668" s="13" t="s">
        <v>300</v>
      </c>
      <c r="B54668" s="14" t="s">
        <v>1</v>
      </c>
      <c r="C54668" s="14" t="s">
        <v>96</v>
      </c>
      <c r="D54668" s="14" t="s">
        <v>14</v>
      </c>
      <c r="E54668" s="15">
        <v>45659</v>
      </c>
      <c r="F54668" s="14" t="s">
        <v>15</v>
      </c>
      <c r="G54668" s="16">
        <v>0</v>
      </c>
    </row>
    <row r="54669" spans="1:7" x14ac:dyDescent="0.3">
      <c r="A54669" s="13" t="s">
        <v>300</v>
      </c>
      <c r="B54669" s="14" t="s">
        <v>1</v>
      </c>
      <c r="C54669" s="14" t="s">
        <v>96</v>
      </c>
      <c r="D54669" s="14" t="s">
        <v>14</v>
      </c>
      <c r="E54669" s="15">
        <v>45660</v>
      </c>
      <c r="F54669" s="14" t="s">
        <v>15</v>
      </c>
      <c r="G54669" s="16">
        <v>0</v>
      </c>
    </row>
    <row r="54670" spans="1:7" x14ac:dyDescent="0.3">
      <c r="A54670" s="13" t="s">
        <v>300</v>
      </c>
      <c r="B54670" s="14" t="s">
        <v>1</v>
      </c>
      <c r="C54670" s="14" t="s">
        <v>96</v>
      </c>
      <c r="D54670" s="14" t="s">
        <v>14</v>
      </c>
      <c r="E54670" s="15">
        <v>45661</v>
      </c>
      <c r="F54670" s="14" t="s">
        <v>15</v>
      </c>
      <c r="G54670" s="16">
        <v>0</v>
      </c>
    </row>
    <row r="54671" spans="1:7" x14ac:dyDescent="0.3">
      <c r="A54671" s="13" t="s">
        <v>300</v>
      </c>
      <c r="B54671" s="14" t="s">
        <v>1</v>
      </c>
      <c r="C54671" s="14" t="s">
        <v>96</v>
      </c>
      <c r="D54671" s="14" t="s">
        <v>14</v>
      </c>
      <c r="E54671" s="15">
        <v>45662</v>
      </c>
      <c r="F54671" s="14" t="s">
        <v>15</v>
      </c>
      <c r="G54671" s="16">
        <v>0</v>
      </c>
    </row>
    <row r="54672" spans="1:7" x14ac:dyDescent="0.3">
      <c r="A54672" s="13" t="s">
        <v>300</v>
      </c>
      <c r="B54672" s="14" t="s">
        <v>1</v>
      </c>
      <c r="C54672" s="14" t="s">
        <v>96</v>
      </c>
      <c r="D54672" s="14" t="s">
        <v>14</v>
      </c>
      <c r="E54672" s="15">
        <v>45663</v>
      </c>
      <c r="F54672" s="14" t="s">
        <v>15</v>
      </c>
      <c r="G54672" s="16">
        <v>0</v>
      </c>
    </row>
    <row r="54673" spans="1:7" x14ac:dyDescent="0.3">
      <c r="A54673" s="13" t="s">
        <v>300</v>
      </c>
      <c r="B54673" s="14" t="s">
        <v>1</v>
      </c>
      <c r="C54673" s="14" t="s">
        <v>96</v>
      </c>
      <c r="D54673" s="14" t="s">
        <v>14</v>
      </c>
      <c r="E54673" s="15">
        <v>45664</v>
      </c>
      <c r="F54673" s="14" t="s">
        <v>15</v>
      </c>
      <c r="G54673" s="16">
        <v>0</v>
      </c>
    </row>
    <row r="54674" spans="1:7" x14ac:dyDescent="0.3">
      <c r="A54674" s="13" t="s">
        <v>300</v>
      </c>
      <c r="B54674" s="14" t="s">
        <v>1</v>
      </c>
      <c r="C54674" s="14" t="s">
        <v>96</v>
      </c>
      <c r="D54674" s="14" t="s">
        <v>14</v>
      </c>
      <c r="E54674" s="15">
        <v>45665</v>
      </c>
      <c r="F54674" s="14" t="s">
        <v>15</v>
      </c>
      <c r="G54674" s="16">
        <v>0</v>
      </c>
    </row>
    <row r="54675" spans="1:7" x14ac:dyDescent="0.3">
      <c r="A54675" s="13" t="s">
        <v>300</v>
      </c>
      <c r="B54675" s="14" t="s">
        <v>1</v>
      </c>
      <c r="C54675" s="14" t="s">
        <v>96</v>
      </c>
      <c r="D54675" s="14" t="s">
        <v>14</v>
      </c>
      <c r="E54675" s="15">
        <v>45666</v>
      </c>
      <c r="F54675" s="14" t="s">
        <v>15</v>
      </c>
      <c r="G54675" s="16">
        <v>0</v>
      </c>
    </row>
    <row r="54676" spans="1:7" x14ac:dyDescent="0.3">
      <c r="A54676" s="13" t="s">
        <v>300</v>
      </c>
      <c r="B54676" s="14" t="s">
        <v>1</v>
      </c>
      <c r="C54676" s="14" t="s">
        <v>96</v>
      </c>
      <c r="D54676" s="14" t="s">
        <v>14</v>
      </c>
      <c r="E54676" s="15">
        <v>45667</v>
      </c>
      <c r="F54676" s="14" t="s">
        <v>15</v>
      </c>
      <c r="G54676" s="16">
        <v>0</v>
      </c>
    </row>
    <row r="54677" spans="1:7" x14ac:dyDescent="0.3">
      <c r="A54677" s="13" t="s">
        <v>300</v>
      </c>
      <c r="B54677" s="14" t="s">
        <v>1</v>
      </c>
      <c r="C54677" s="14" t="s">
        <v>96</v>
      </c>
      <c r="D54677" s="14" t="s">
        <v>14</v>
      </c>
      <c r="E54677" s="15">
        <v>45668</v>
      </c>
      <c r="F54677" s="14" t="s">
        <v>15</v>
      </c>
      <c r="G54677" s="16">
        <v>0</v>
      </c>
    </row>
    <row r="54678" spans="1:7" x14ac:dyDescent="0.3">
      <c r="A54678" s="13" t="s">
        <v>300</v>
      </c>
      <c r="B54678" s="14" t="s">
        <v>1</v>
      </c>
      <c r="C54678" s="14" t="s">
        <v>96</v>
      </c>
      <c r="D54678" s="14" t="s">
        <v>14</v>
      </c>
      <c r="E54678" s="15">
        <v>45669</v>
      </c>
      <c r="F54678" s="14" t="s">
        <v>15</v>
      </c>
      <c r="G54678" s="16">
        <v>0</v>
      </c>
    </row>
    <row r="54679" spans="1:7" x14ac:dyDescent="0.3">
      <c r="A54679" s="13" t="s">
        <v>300</v>
      </c>
      <c r="B54679" s="14" t="s">
        <v>1</v>
      </c>
      <c r="C54679" s="14" t="s">
        <v>96</v>
      </c>
      <c r="D54679" s="14" t="s">
        <v>14</v>
      </c>
      <c r="E54679" s="15">
        <v>45670</v>
      </c>
      <c r="F54679" s="14" t="s">
        <v>15</v>
      </c>
      <c r="G54679" s="16">
        <v>0</v>
      </c>
    </row>
    <row r="54680" spans="1:7" x14ac:dyDescent="0.3">
      <c r="A54680" s="13" t="s">
        <v>300</v>
      </c>
      <c r="B54680" s="14" t="s">
        <v>1</v>
      </c>
      <c r="C54680" s="14" t="s">
        <v>96</v>
      </c>
      <c r="D54680" s="14" t="s">
        <v>14</v>
      </c>
      <c r="E54680" s="15">
        <v>45671</v>
      </c>
      <c r="F54680" s="14" t="s">
        <v>15</v>
      </c>
      <c r="G54680" s="16">
        <v>0</v>
      </c>
    </row>
    <row r="54681" spans="1:7" x14ac:dyDescent="0.3">
      <c r="A54681" s="13" t="s">
        <v>300</v>
      </c>
      <c r="B54681" s="14" t="s">
        <v>1</v>
      </c>
      <c r="C54681" s="14" t="s">
        <v>96</v>
      </c>
      <c r="D54681" s="14" t="s">
        <v>14</v>
      </c>
      <c r="E54681" s="15">
        <v>45672</v>
      </c>
      <c r="F54681" s="14" t="s">
        <v>15</v>
      </c>
      <c r="G54681" s="16">
        <v>0</v>
      </c>
    </row>
    <row r="54682" spans="1:7" x14ac:dyDescent="0.3">
      <c r="A54682" s="13" t="s">
        <v>300</v>
      </c>
      <c r="B54682" s="14" t="s">
        <v>1</v>
      </c>
      <c r="C54682" s="14" t="s">
        <v>96</v>
      </c>
      <c r="D54682" s="14" t="s">
        <v>14</v>
      </c>
      <c r="E54682" s="15">
        <v>45673</v>
      </c>
      <c r="F54682" s="14" t="s">
        <v>15</v>
      </c>
      <c r="G54682" s="16">
        <v>0</v>
      </c>
    </row>
    <row r="54683" spans="1:7" x14ac:dyDescent="0.3">
      <c r="A54683" s="13" t="s">
        <v>300</v>
      </c>
      <c r="B54683" s="14" t="s">
        <v>1</v>
      </c>
      <c r="C54683" s="14" t="s">
        <v>96</v>
      </c>
      <c r="D54683" s="14" t="s">
        <v>14</v>
      </c>
      <c r="E54683" s="15">
        <v>45674</v>
      </c>
      <c r="F54683" s="14" t="s">
        <v>15</v>
      </c>
      <c r="G54683" s="16">
        <v>0</v>
      </c>
    </row>
    <row r="54684" spans="1:7" x14ac:dyDescent="0.3">
      <c r="A54684" s="13" t="s">
        <v>300</v>
      </c>
      <c r="B54684" s="14" t="s">
        <v>1</v>
      </c>
      <c r="C54684" s="14" t="s">
        <v>96</v>
      </c>
      <c r="D54684" s="14" t="s">
        <v>14</v>
      </c>
      <c r="E54684" s="15">
        <v>45675</v>
      </c>
      <c r="F54684" s="14" t="s">
        <v>15</v>
      </c>
      <c r="G54684" s="16">
        <v>0</v>
      </c>
    </row>
    <row r="54685" spans="1:7" x14ac:dyDescent="0.3">
      <c r="A54685" s="13" t="s">
        <v>300</v>
      </c>
      <c r="B54685" s="14" t="s">
        <v>1</v>
      </c>
      <c r="C54685" s="14" t="s">
        <v>96</v>
      </c>
      <c r="D54685" s="14" t="s">
        <v>14</v>
      </c>
      <c r="E54685" s="15">
        <v>45676</v>
      </c>
      <c r="F54685" s="14" t="s">
        <v>15</v>
      </c>
      <c r="G54685" s="16">
        <v>0</v>
      </c>
    </row>
    <row r="54686" spans="1:7" x14ac:dyDescent="0.3">
      <c r="A54686" s="13" t="s">
        <v>300</v>
      </c>
      <c r="B54686" s="14" t="s">
        <v>1</v>
      </c>
      <c r="C54686" s="14" t="s">
        <v>96</v>
      </c>
      <c r="D54686" s="14" t="s">
        <v>14</v>
      </c>
      <c r="E54686" s="15">
        <v>45677</v>
      </c>
      <c r="F54686" s="14" t="s">
        <v>15</v>
      </c>
      <c r="G54686" s="16">
        <v>0</v>
      </c>
    </row>
    <row r="54687" spans="1:7" x14ac:dyDescent="0.3">
      <c r="A54687" s="13" t="s">
        <v>300</v>
      </c>
      <c r="B54687" s="14" t="s">
        <v>1</v>
      </c>
      <c r="C54687" s="14" t="s">
        <v>96</v>
      </c>
      <c r="D54687" s="14" t="s">
        <v>14</v>
      </c>
      <c r="E54687" s="15">
        <v>45678</v>
      </c>
      <c r="F54687" s="14" t="s">
        <v>15</v>
      </c>
      <c r="G54687" s="16">
        <v>0</v>
      </c>
    </row>
    <row r="54688" spans="1:7" x14ac:dyDescent="0.3">
      <c r="A54688" s="13" t="s">
        <v>300</v>
      </c>
      <c r="B54688" s="14" t="s">
        <v>1</v>
      </c>
      <c r="C54688" s="14" t="s">
        <v>96</v>
      </c>
      <c r="D54688" s="14" t="s">
        <v>14</v>
      </c>
      <c r="E54688" s="15">
        <v>45679</v>
      </c>
      <c r="F54688" s="14" t="s">
        <v>15</v>
      </c>
      <c r="G54688" s="16">
        <v>0</v>
      </c>
    </row>
    <row r="54689" spans="1:7" x14ac:dyDescent="0.3">
      <c r="A54689" s="13" t="s">
        <v>300</v>
      </c>
      <c r="B54689" s="14" t="s">
        <v>1</v>
      </c>
      <c r="C54689" s="14" t="s">
        <v>96</v>
      </c>
      <c r="D54689" s="14" t="s">
        <v>14</v>
      </c>
      <c r="E54689" s="15">
        <v>45680</v>
      </c>
      <c r="F54689" s="14" t="s">
        <v>15</v>
      </c>
      <c r="G54689" s="16">
        <v>0</v>
      </c>
    </row>
    <row r="54690" spans="1:7" x14ac:dyDescent="0.3">
      <c r="A54690" s="13" t="s">
        <v>300</v>
      </c>
      <c r="B54690" s="14" t="s">
        <v>1</v>
      </c>
      <c r="C54690" s="14" t="s">
        <v>96</v>
      </c>
      <c r="D54690" s="14" t="s">
        <v>14</v>
      </c>
      <c r="E54690" s="15">
        <v>45681</v>
      </c>
      <c r="F54690" s="14" t="s">
        <v>15</v>
      </c>
      <c r="G54690" s="16">
        <v>0</v>
      </c>
    </row>
    <row r="54691" spans="1:7" x14ac:dyDescent="0.3">
      <c r="A54691" s="13" t="s">
        <v>300</v>
      </c>
      <c r="B54691" s="14" t="s">
        <v>1</v>
      </c>
      <c r="C54691" s="14" t="s">
        <v>96</v>
      </c>
      <c r="D54691" s="14" t="s">
        <v>14</v>
      </c>
      <c r="E54691" s="15">
        <v>45682</v>
      </c>
      <c r="F54691" s="14" t="s">
        <v>15</v>
      </c>
      <c r="G54691" s="16">
        <v>0</v>
      </c>
    </row>
    <row r="54692" spans="1:7" x14ac:dyDescent="0.3">
      <c r="A54692" s="13" t="s">
        <v>300</v>
      </c>
      <c r="B54692" s="14" t="s">
        <v>1</v>
      </c>
      <c r="C54692" s="14" t="s">
        <v>96</v>
      </c>
      <c r="D54692" s="14" t="s">
        <v>14</v>
      </c>
      <c r="E54692" s="15">
        <v>45683</v>
      </c>
      <c r="F54692" s="14" t="s">
        <v>15</v>
      </c>
      <c r="G54692" s="16">
        <v>0</v>
      </c>
    </row>
    <row r="54693" spans="1:7" x14ac:dyDescent="0.3">
      <c r="A54693" s="13" t="s">
        <v>300</v>
      </c>
      <c r="B54693" s="14" t="s">
        <v>1</v>
      </c>
      <c r="C54693" s="14" t="s">
        <v>96</v>
      </c>
      <c r="D54693" s="14" t="s">
        <v>14</v>
      </c>
      <c r="E54693" s="15">
        <v>45684</v>
      </c>
      <c r="F54693" s="14" t="s">
        <v>15</v>
      </c>
      <c r="G54693" s="16">
        <v>0</v>
      </c>
    </row>
    <row r="54694" spans="1:7" x14ac:dyDescent="0.3">
      <c r="A54694" s="13" t="s">
        <v>300</v>
      </c>
      <c r="B54694" s="14" t="s">
        <v>1</v>
      </c>
      <c r="C54694" s="14" t="s">
        <v>96</v>
      </c>
      <c r="D54694" s="14" t="s">
        <v>14</v>
      </c>
      <c r="E54694" s="15">
        <v>45685</v>
      </c>
      <c r="F54694" s="14" t="s">
        <v>15</v>
      </c>
      <c r="G54694" s="16">
        <v>0</v>
      </c>
    </row>
    <row r="54695" spans="1:7" x14ac:dyDescent="0.3">
      <c r="A54695" s="13" t="s">
        <v>300</v>
      </c>
      <c r="B54695" s="14" t="s">
        <v>1</v>
      </c>
      <c r="C54695" s="14" t="s">
        <v>96</v>
      </c>
      <c r="D54695" s="14" t="s">
        <v>14</v>
      </c>
      <c r="E54695" s="15">
        <v>45686</v>
      </c>
      <c r="F54695" s="14" t="s">
        <v>15</v>
      </c>
      <c r="G54695" s="16">
        <v>0</v>
      </c>
    </row>
    <row r="54696" spans="1:7" x14ac:dyDescent="0.3">
      <c r="A54696" s="13" t="s">
        <v>300</v>
      </c>
      <c r="B54696" s="14" t="s">
        <v>1</v>
      </c>
      <c r="C54696" s="14" t="s">
        <v>96</v>
      </c>
      <c r="D54696" s="14" t="s">
        <v>14</v>
      </c>
      <c r="E54696" s="15">
        <v>45687</v>
      </c>
      <c r="F54696" s="14" t="s">
        <v>15</v>
      </c>
      <c r="G54696" s="16">
        <v>0</v>
      </c>
    </row>
    <row r="54697" spans="1:7" x14ac:dyDescent="0.3">
      <c r="A54697" s="13" t="s">
        <v>300</v>
      </c>
      <c r="B54697" s="14" t="s">
        <v>1</v>
      </c>
      <c r="C54697" s="14" t="s">
        <v>96</v>
      </c>
      <c r="D54697" s="14" t="s">
        <v>14</v>
      </c>
      <c r="E54697" s="15">
        <v>45688</v>
      </c>
      <c r="F54697" s="14" t="s">
        <v>15</v>
      </c>
      <c r="G54697" s="16">
        <v>0</v>
      </c>
    </row>
    <row r="54698" spans="1:7" x14ac:dyDescent="0.3">
      <c r="A54698" s="13" t="s">
        <v>300</v>
      </c>
      <c r="B54698" s="14" t="s">
        <v>1</v>
      </c>
      <c r="C54698" s="14" t="s">
        <v>96</v>
      </c>
      <c r="D54698" s="14" t="s">
        <v>14</v>
      </c>
      <c r="E54698" s="15">
        <v>45689</v>
      </c>
      <c r="F54698" s="14" t="s">
        <v>15</v>
      </c>
      <c r="G54698" s="16">
        <v>0</v>
      </c>
    </row>
    <row r="54699" spans="1:7" x14ac:dyDescent="0.3">
      <c r="A54699" s="13" t="s">
        <v>300</v>
      </c>
      <c r="B54699" s="14" t="s">
        <v>1</v>
      </c>
      <c r="C54699" s="14" t="s">
        <v>96</v>
      </c>
      <c r="D54699" s="14" t="s">
        <v>14</v>
      </c>
      <c r="E54699" s="15">
        <v>45690</v>
      </c>
      <c r="F54699" s="14" t="s">
        <v>15</v>
      </c>
      <c r="G54699" s="16">
        <v>0</v>
      </c>
    </row>
    <row r="54700" spans="1:7" x14ac:dyDescent="0.3">
      <c r="A54700" s="13" t="s">
        <v>300</v>
      </c>
      <c r="B54700" s="14" t="s">
        <v>1</v>
      </c>
      <c r="C54700" s="14" t="s">
        <v>96</v>
      </c>
      <c r="D54700" s="14" t="s">
        <v>14</v>
      </c>
      <c r="E54700" s="15">
        <v>45691</v>
      </c>
      <c r="F54700" s="14" t="s">
        <v>15</v>
      </c>
      <c r="G54700" s="16">
        <v>0</v>
      </c>
    </row>
    <row r="54701" spans="1:7" x14ac:dyDescent="0.3">
      <c r="A54701" s="13" t="s">
        <v>300</v>
      </c>
      <c r="B54701" s="14" t="s">
        <v>1</v>
      </c>
      <c r="C54701" s="14" t="s">
        <v>96</v>
      </c>
      <c r="D54701" s="14" t="s">
        <v>14</v>
      </c>
      <c r="E54701" s="15">
        <v>45692</v>
      </c>
      <c r="F54701" s="14" t="s">
        <v>15</v>
      </c>
      <c r="G54701" s="16">
        <v>0</v>
      </c>
    </row>
    <row r="54702" spans="1:7" x14ac:dyDescent="0.3">
      <c r="A54702" s="13" t="s">
        <v>300</v>
      </c>
      <c r="B54702" s="14" t="s">
        <v>1</v>
      </c>
      <c r="C54702" s="14" t="s">
        <v>96</v>
      </c>
      <c r="D54702" s="14" t="s">
        <v>14</v>
      </c>
      <c r="E54702" s="15">
        <v>45693</v>
      </c>
      <c r="F54702" s="14" t="s">
        <v>15</v>
      </c>
      <c r="G54702" s="16">
        <v>0</v>
      </c>
    </row>
    <row r="54703" spans="1:7" x14ac:dyDescent="0.3">
      <c r="A54703" s="13" t="s">
        <v>300</v>
      </c>
      <c r="B54703" s="14" t="s">
        <v>1</v>
      </c>
      <c r="C54703" s="14" t="s">
        <v>96</v>
      </c>
      <c r="D54703" s="14" t="s">
        <v>14</v>
      </c>
      <c r="E54703" s="15">
        <v>45694</v>
      </c>
      <c r="F54703" s="14" t="s">
        <v>15</v>
      </c>
      <c r="G54703" s="16">
        <v>0</v>
      </c>
    </row>
    <row r="54704" spans="1:7" x14ac:dyDescent="0.3">
      <c r="A54704" s="13" t="s">
        <v>300</v>
      </c>
      <c r="B54704" s="14" t="s">
        <v>1</v>
      </c>
      <c r="C54704" s="14" t="s">
        <v>96</v>
      </c>
      <c r="D54704" s="14" t="s">
        <v>14</v>
      </c>
      <c r="E54704" s="15">
        <v>45695</v>
      </c>
      <c r="F54704" s="14" t="s">
        <v>15</v>
      </c>
      <c r="G54704" s="16">
        <v>0</v>
      </c>
    </row>
    <row r="54705" spans="1:7" x14ac:dyDescent="0.3">
      <c r="A54705" s="13" t="s">
        <v>300</v>
      </c>
      <c r="B54705" s="14" t="s">
        <v>1</v>
      </c>
      <c r="C54705" s="14" t="s">
        <v>96</v>
      </c>
      <c r="D54705" s="14" t="s">
        <v>14</v>
      </c>
      <c r="E54705" s="15">
        <v>45696</v>
      </c>
      <c r="F54705" s="14" t="s">
        <v>15</v>
      </c>
      <c r="G54705" s="16">
        <v>0</v>
      </c>
    </row>
    <row r="54706" spans="1:7" x14ac:dyDescent="0.3">
      <c r="A54706" s="13" t="s">
        <v>300</v>
      </c>
      <c r="B54706" s="14" t="s">
        <v>1</v>
      </c>
      <c r="C54706" s="14" t="s">
        <v>96</v>
      </c>
      <c r="D54706" s="14" t="s">
        <v>14</v>
      </c>
      <c r="E54706" s="15">
        <v>45697</v>
      </c>
      <c r="F54706" s="14" t="s">
        <v>15</v>
      </c>
      <c r="G54706" s="16">
        <v>0</v>
      </c>
    </row>
    <row r="54707" spans="1:7" x14ac:dyDescent="0.3">
      <c r="A54707" s="13" t="s">
        <v>300</v>
      </c>
      <c r="B54707" s="14" t="s">
        <v>1</v>
      </c>
      <c r="C54707" s="14" t="s">
        <v>96</v>
      </c>
      <c r="D54707" s="14" t="s">
        <v>14</v>
      </c>
      <c r="E54707" s="15">
        <v>45698</v>
      </c>
      <c r="F54707" s="14" t="s">
        <v>15</v>
      </c>
      <c r="G54707" s="16">
        <v>0</v>
      </c>
    </row>
    <row r="54708" spans="1:7" x14ac:dyDescent="0.3">
      <c r="A54708" s="13" t="s">
        <v>300</v>
      </c>
      <c r="B54708" s="14" t="s">
        <v>1</v>
      </c>
      <c r="C54708" s="14" t="s">
        <v>96</v>
      </c>
      <c r="D54708" s="14" t="s">
        <v>14</v>
      </c>
      <c r="E54708" s="15">
        <v>45699</v>
      </c>
      <c r="F54708" s="14" t="s">
        <v>15</v>
      </c>
      <c r="G54708" s="16">
        <v>0</v>
      </c>
    </row>
    <row r="54709" spans="1:7" x14ac:dyDescent="0.3">
      <c r="A54709" s="13" t="s">
        <v>300</v>
      </c>
      <c r="B54709" s="14" t="s">
        <v>1</v>
      </c>
      <c r="C54709" s="14" t="s">
        <v>96</v>
      </c>
      <c r="D54709" s="14" t="s">
        <v>14</v>
      </c>
      <c r="E54709" s="15">
        <v>45700</v>
      </c>
      <c r="F54709" s="14" t="s">
        <v>15</v>
      </c>
      <c r="G54709" s="16">
        <v>0</v>
      </c>
    </row>
    <row r="54710" spans="1:7" x14ac:dyDescent="0.3">
      <c r="A54710" s="13" t="s">
        <v>300</v>
      </c>
      <c r="B54710" s="14" t="s">
        <v>1</v>
      </c>
      <c r="C54710" s="14" t="s">
        <v>96</v>
      </c>
      <c r="D54710" s="14" t="s">
        <v>14</v>
      </c>
      <c r="E54710" s="15">
        <v>45701</v>
      </c>
      <c r="F54710" s="14" t="s">
        <v>15</v>
      </c>
      <c r="G54710" s="16">
        <v>0</v>
      </c>
    </row>
    <row r="54711" spans="1:7" x14ac:dyDescent="0.3">
      <c r="A54711" s="13" t="s">
        <v>300</v>
      </c>
      <c r="B54711" s="14" t="s">
        <v>1</v>
      </c>
      <c r="C54711" s="14" t="s">
        <v>96</v>
      </c>
      <c r="D54711" s="14" t="s">
        <v>14</v>
      </c>
      <c r="E54711" s="15">
        <v>45702</v>
      </c>
      <c r="F54711" s="14" t="s">
        <v>15</v>
      </c>
      <c r="G54711" s="16">
        <v>0</v>
      </c>
    </row>
    <row r="54712" spans="1:7" x14ac:dyDescent="0.3">
      <c r="A54712" s="13" t="s">
        <v>300</v>
      </c>
      <c r="B54712" s="14" t="s">
        <v>1</v>
      </c>
      <c r="C54712" s="14" t="s">
        <v>96</v>
      </c>
      <c r="D54712" s="14" t="s">
        <v>14</v>
      </c>
      <c r="E54712" s="15">
        <v>45703</v>
      </c>
      <c r="F54712" s="14" t="s">
        <v>15</v>
      </c>
      <c r="G54712" s="16">
        <v>0</v>
      </c>
    </row>
    <row r="54713" spans="1:7" x14ac:dyDescent="0.3">
      <c r="A54713" s="13" t="s">
        <v>300</v>
      </c>
      <c r="B54713" s="14" t="s">
        <v>1</v>
      </c>
      <c r="C54713" s="14" t="s">
        <v>96</v>
      </c>
      <c r="D54713" s="14" t="s">
        <v>14</v>
      </c>
      <c r="E54713" s="15">
        <v>45704</v>
      </c>
      <c r="F54713" s="14" t="s">
        <v>15</v>
      </c>
      <c r="G54713" s="16">
        <v>0</v>
      </c>
    </row>
    <row r="54714" spans="1:7" x14ac:dyDescent="0.3">
      <c r="A54714" s="13" t="s">
        <v>300</v>
      </c>
      <c r="B54714" s="14" t="s">
        <v>1</v>
      </c>
      <c r="C54714" s="14" t="s">
        <v>96</v>
      </c>
      <c r="D54714" s="14" t="s">
        <v>14</v>
      </c>
      <c r="E54714" s="15">
        <v>45705</v>
      </c>
      <c r="F54714" s="14" t="s">
        <v>15</v>
      </c>
      <c r="G54714" s="16">
        <v>0</v>
      </c>
    </row>
    <row r="54715" spans="1:7" x14ac:dyDescent="0.3">
      <c r="A54715" s="13" t="s">
        <v>300</v>
      </c>
      <c r="B54715" s="14" t="s">
        <v>1</v>
      </c>
      <c r="C54715" s="14" t="s">
        <v>96</v>
      </c>
      <c r="D54715" s="14" t="s">
        <v>14</v>
      </c>
      <c r="E54715" s="15">
        <v>45706</v>
      </c>
      <c r="F54715" s="14" t="s">
        <v>15</v>
      </c>
      <c r="G54715" s="16">
        <v>0</v>
      </c>
    </row>
    <row r="54716" spans="1:7" x14ac:dyDescent="0.3">
      <c r="A54716" s="13" t="s">
        <v>300</v>
      </c>
      <c r="B54716" s="14" t="s">
        <v>1</v>
      </c>
      <c r="C54716" s="14" t="s">
        <v>96</v>
      </c>
      <c r="D54716" s="14" t="s">
        <v>14</v>
      </c>
      <c r="E54716" s="15">
        <v>45707</v>
      </c>
      <c r="F54716" s="14" t="s">
        <v>15</v>
      </c>
      <c r="G54716" s="16">
        <v>0</v>
      </c>
    </row>
    <row r="54717" spans="1:7" x14ac:dyDescent="0.3">
      <c r="A54717" s="13" t="s">
        <v>300</v>
      </c>
      <c r="B54717" s="14" t="s">
        <v>1</v>
      </c>
      <c r="C54717" s="14" t="s">
        <v>96</v>
      </c>
      <c r="D54717" s="14" t="s">
        <v>14</v>
      </c>
      <c r="E54717" s="15">
        <v>45708</v>
      </c>
      <c r="F54717" s="14" t="s">
        <v>15</v>
      </c>
      <c r="G54717" s="16">
        <v>0</v>
      </c>
    </row>
    <row r="54718" spans="1:7" x14ac:dyDescent="0.3">
      <c r="A54718" s="13" t="s">
        <v>300</v>
      </c>
      <c r="B54718" s="14" t="s">
        <v>1</v>
      </c>
      <c r="C54718" s="14" t="s">
        <v>96</v>
      </c>
      <c r="D54718" s="14" t="s">
        <v>14</v>
      </c>
      <c r="E54718" s="15">
        <v>45709</v>
      </c>
      <c r="F54718" s="14" t="s">
        <v>15</v>
      </c>
      <c r="G54718" s="16">
        <v>0</v>
      </c>
    </row>
    <row r="54719" spans="1:7" x14ac:dyDescent="0.3">
      <c r="A54719" s="13" t="s">
        <v>300</v>
      </c>
      <c r="B54719" s="14" t="s">
        <v>1</v>
      </c>
      <c r="C54719" s="14" t="s">
        <v>96</v>
      </c>
      <c r="D54719" s="14" t="s">
        <v>14</v>
      </c>
      <c r="E54719" s="15">
        <v>45710</v>
      </c>
      <c r="F54719" s="14" t="s">
        <v>15</v>
      </c>
      <c r="G54719" s="16">
        <v>0</v>
      </c>
    </row>
    <row r="54720" spans="1:7" x14ac:dyDescent="0.3">
      <c r="A54720" s="13" t="s">
        <v>300</v>
      </c>
      <c r="B54720" s="14" t="s">
        <v>1</v>
      </c>
      <c r="C54720" s="14" t="s">
        <v>96</v>
      </c>
      <c r="D54720" s="14" t="s">
        <v>14</v>
      </c>
      <c r="E54720" s="15">
        <v>45711</v>
      </c>
      <c r="F54720" s="14" t="s">
        <v>15</v>
      </c>
      <c r="G54720" s="16">
        <v>0</v>
      </c>
    </row>
    <row r="54721" spans="1:7" x14ac:dyDescent="0.3">
      <c r="A54721" s="13" t="s">
        <v>300</v>
      </c>
      <c r="B54721" s="14" t="s">
        <v>1</v>
      </c>
      <c r="C54721" s="14" t="s">
        <v>96</v>
      </c>
      <c r="D54721" s="14" t="s">
        <v>14</v>
      </c>
      <c r="E54721" s="15">
        <v>45712</v>
      </c>
      <c r="F54721" s="14" t="s">
        <v>15</v>
      </c>
      <c r="G54721" s="16">
        <v>0</v>
      </c>
    </row>
    <row r="54722" spans="1:7" x14ac:dyDescent="0.3">
      <c r="A54722" s="13" t="s">
        <v>300</v>
      </c>
      <c r="B54722" s="14" t="s">
        <v>1</v>
      </c>
      <c r="C54722" s="14" t="s">
        <v>96</v>
      </c>
      <c r="D54722" s="14" t="s">
        <v>14</v>
      </c>
      <c r="E54722" s="15">
        <v>45713</v>
      </c>
      <c r="F54722" s="14" t="s">
        <v>15</v>
      </c>
      <c r="G54722" s="16">
        <v>0</v>
      </c>
    </row>
    <row r="54723" spans="1:7" x14ac:dyDescent="0.3">
      <c r="A54723" s="13" t="s">
        <v>300</v>
      </c>
      <c r="B54723" s="14" t="s">
        <v>1</v>
      </c>
      <c r="C54723" s="14" t="s">
        <v>96</v>
      </c>
      <c r="D54723" s="14" t="s">
        <v>14</v>
      </c>
      <c r="E54723" s="15">
        <v>45714</v>
      </c>
      <c r="F54723" s="14" t="s">
        <v>15</v>
      </c>
      <c r="G54723" s="16">
        <v>0</v>
      </c>
    </row>
    <row r="54724" spans="1:7" x14ac:dyDescent="0.3">
      <c r="A54724" s="13" t="s">
        <v>300</v>
      </c>
      <c r="B54724" s="14" t="s">
        <v>1</v>
      </c>
      <c r="C54724" s="14" t="s">
        <v>96</v>
      </c>
      <c r="D54724" s="14" t="s">
        <v>14</v>
      </c>
      <c r="E54724" s="15">
        <v>45715</v>
      </c>
      <c r="F54724" s="14" t="s">
        <v>15</v>
      </c>
      <c r="G54724" s="16">
        <v>0</v>
      </c>
    </row>
    <row r="54725" spans="1:7" x14ac:dyDescent="0.3">
      <c r="A54725" s="13" t="s">
        <v>300</v>
      </c>
      <c r="B54725" s="14" t="s">
        <v>1</v>
      </c>
      <c r="C54725" s="14" t="s">
        <v>96</v>
      </c>
      <c r="D54725" s="14" t="s">
        <v>14</v>
      </c>
      <c r="E54725" s="15">
        <v>45716</v>
      </c>
      <c r="F54725" s="14" t="s">
        <v>15</v>
      </c>
      <c r="G54725" s="16">
        <v>0</v>
      </c>
    </row>
    <row r="54726" spans="1:7" x14ac:dyDescent="0.3">
      <c r="A54726" s="13" t="s">
        <v>300</v>
      </c>
      <c r="B54726" s="14" t="s">
        <v>1</v>
      </c>
      <c r="C54726" s="14" t="s">
        <v>96</v>
      </c>
      <c r="D54726" s="14" t="s">
        <v>14</v>
      </c>
      <c r="E54726" s="15">
        <v>45717</v>
      </c>
      <c r="F54726" s="14" t="s">
        <v>15</v>
      </c>
      <c r="G54726" s="16">
        <v>0</v>
      </c>
    </row>
    <row r="54727" spans="1:7" x14ac:dyDescent="0.3">
      <c r="A54727" s="13" t="s">
        <v>300</v>
      </c>
      <c r="B54727" s="14" t="s">
        <v>1</v>
      </c>
      <c r="C54727" s="14" t="s">
        <v>96</v>
      </c>
      <c r="D54727" s="14" t="s">
        <v>14</v>
      </c>
      <c r="E54727" s="15">
        <v>45718</v>
      </c>
      <c r="F54727" s="14" t="s">
        <v>15</v>
      </c>
      <c r="G54727" s="16">
        <v>0</v>
      </c>
    </row>
    <row r="54728" spans="1:7" x14ac:dyDescent="0.3">
      <c r="A54728" s="13" t="s">
        <v>300</v>
      </c>
      <c r="B54728" s="14" t="s">
        <v>1</v>
      </c>
      <c r="C54728" s="14" t="s">
        <v>96</v>
      </c>
      <c r="D54728" s="14" t="s">
        <v>14</v>
      </c>
      <c r="E54728" s="15">
        <v>45719</v>
      </c>
      <c r="F54728" s="14" t="s">
        <v>15</v>
      </c>
      <c r="G54728" s="16">
        <v>0</v>
      </c>
    </row>
    <row r="54729" spans="1:7" x14ac:dyDescent="0.3">
      <c r="A54729" s="13" t="s">
        <v>300</v>
      </c>
      <c r="B54729" s="14" t="s">
        <v>1</v>
      </c>
      <c r="C54729" s="14" t="s">
        <v>96</v>
      </c>
      <c r="D54729" s="14" t="s">
        <v>14</v>
      </c>
      <c r="E54729" s="15">
        <v>45720</v>
      </c>
      <c r="F54729" s="14" t="s">
        <v>15</v>
      </c>
      <c r="G54729" s="16">
        <v>0</v>
      </c>
    </row>
    <row r="54730" spans="1:7" x14ac:dyDescent="0.3">
      <c r="A54730" s="13" t="s">
        <v>300</v>
      </c>
      <c r="B54730" s="14" t="s">
        <v>1</v>
      </c>
      <c r="C54730" s="14" t="s">
        <v>96</v>
      </c>
      <c r="D54730" s="14" t="s">
        <v>14</v>
      </c>
      <c r="E54730" s="15">
        <v>45721</v>
      </c>
      <c r="F54730" s="14" t="s">
        <v>15</v>
      </c>
      <c r="G54730" s="16">
        <v>0</v>
      </c>
    </row>
    <row r="54731" spans="1:7" x14ac:dyDescent="0.3">
      <c r="A54731" s="13" t="s">
        <v>300</v>
      </c>
      <c r="B54731" s="14" t="s">
        <v>1</v>
      </c>
      <c r="C54731" s="14" t="s">
        <v>96</v>
      </c>
      <c r="D54731" s="14" t="s">
        <v>14</v>
      </c>
      <c r="E54731" s="15">
        <v>45722</v>
      </c>
      <c r="F54731" s="14" t="s">
        <v>15</v>
      </c>
      <c r="G54731" s="16">
        <v>0</v>
      </c>
    </row>
    <row r="54732" spans="1:7" x14ac:dyDescent="0.3">
      <c r="A54732" s="13" t="s">
        <v>300</v>
      </c>
      <c r="B54732" s="14" t="s">
        <v>1</v>
      </c>
      <c r="C54732" s="14" t="s">
        <v>96</v>
      </c>
      <c r="D54732" s="14" t="s">
        <v>14</v>
      </c>
      <c r="E54732" s="15">
        <v>45723</v>
      </c>
      <c r="F54732" s="14" t="s">
        <v>15</v>
      </c>
      <c r="G54732" s="16">
        <v>0</v>
      </c>
    </row>
    <row r="54733" spans="1:7" x14ac:dyDescent="0.3">
      <c r="A54733" s="13" t="s">
        <v>300</v>
      </c>
      <c r="B54733" s="14" t="s">
        <v>1</v>
      </c>
      <c r="C54733" s="14" t="s">
        <v>96</v>
      </c>
      <c r="D54733" s="14" t="s">
        <v>14</v>
      </c>
      <c r="E54733" s="15">
        <v>45724</v>
      </c>
      <c r="F54733" s="14" t="s">
        <v>15</v>
      </c>
      <c r="G54733" s="16">
        <v>0</v>
      </c>
    </row>
    <row r="54734" spans="1:7" x14ac:dyDescent="0.3">
      <c r="A54734" s="13" t="s">
        <v>300</v>
      </c>
      <c r="B54734" s="14" t="s">
        <v>1</v>
      </c>
      <c r="C54734" s="14" t="s">
        <v>96</v>
      </c>
      <c r="D54734" s="14" t="s">
        <v>14</v>
      </c>
      <c r="E54734" s="15">
        <v>45725</v>
      </c>
      <c r="F54734" s="14" t="s">
        <v>15</v>
      </c>
      <c r="G54734" s="16">
        <v>0</v>
      </c>
    </row>
    <row r="54735" spans="1:7" x14ac:dyDescent="0.3">
      <c r="A54735" s="13" t="s">
        <v>300</v>
      </c>
      <c r="B54735" s="14" t="s">
        <v>1</v>
      </c>
      <c r="C54735" s="14" t="s">
        <v>96</v>
      </c>
      <c r="D54735" s="14" t="s">
        <v>14</v>
      </c>
      <c r="E54735" s="15">
        <v>45726</v>
      </c>
      <c r="F54735" s="14" t="s">
        <v>15</v>
      </c>
      <c r="G54735" s="16">
        <v>0</v>
      </c>
    </row>
    <row r="54736" spans="1:7" x14ac:dyDescent="0.3">
      <c r="A54736" s="13" t="s">
        <v>300</v>
      </c>
      <c r="B54736" s="14" t="s">
        <v>1</v>
      </c>
      <c r="C54736" s="14" t="s">
        <v>96</v>
      </c>
      <c r="D54736" s="14" t="s">
        <v>14</v>
      </c>
      <c r="E54736" s="15">
        <v>45727</v>
      </c>
      <c r="F54736" s="14" t="s">
        <v>15</v>
      </c>
      <c r="G54736" s="16">
        <v>0</v>
      </c>
    </row>
    <row r="54737" spans="1:7" x14ac:dyDescent="0.3">
      <c r="A54737" s="13" t="s">
        <v>300</v>
      </c>
      <c r="B54737" s="14" t="s">
        <v>1</v>
      </c>
      <c r="C54737" s="14" t="s">
        <v>96</v>
      </c>
      <c r="D54737" s="14" t="s">
        <v>14</v>
      </c>
      <c r="E54737" s="15">
        <v>45728</v>
      </c>
      <c r="F54737" s="14" t="s">
        <v>15</v>
      </c>
      <c r="G54737" s="16">
        <v>0</v>
      </c>
    </row>
    <row r="54738" spans="1:7" x14ac:dyDescent="0.3">
      <c r="A54738" s="13" t="s">
        <v>300</v>
      </c>
      <c r="B54738" s="14" t="s">
        <v>1</v>
      </c>
      <c r="C54738" s="14" t="s">
        <v>96</v>
      </c>
      <c r="D54738" s="14" t="s">
        <v>14</v>
      </c>
      <c r="E54738" s="15">
        <v>45729</v>
      </c>
      <c r="F54738" s="14" t="s">
        <v>15</v>
      </c>
      <c r="G54738" s="16">
        <v>0</v>
      </c>
    </row>
    <row r="54739" spans="1:7" x14ac:dyDescent="0.3">
      <c r="A54739" s="13" t="s">
        <v>300</v>
      </c>
      <c r="B54739" s="14" t="s">
        <v>1</v>
      </c>
      <c r="C54739" s="14" t="s">
        <v>96</v>
      </c>
      <c r="D54739" s="14" t="s">
        <v>14</v>
      </c>
      <c r="E54739" s="15">
        <v>45730</v>
      </c>
      <c r="F54739" s="14" t="s">
        <v>15</v>
      </c>
      <c r="G54739" s="16">
        <v>0</v>
      </c>
    </row>
    <row r="54740" spans="1:7" x14ac:dyDescent="0.3">
      <c r="A54740" s="13" t="s">
        <v>300</v>
      </c>
      <c r="B54740" s="14" t="s">
        <v>1</v>
      </c>
      <c r="C54740" s="14" t="s">
        <v>96</v>
      </c>
      <c r="D54740" s="14" t="s">
        <v>14</v>
      </c>
      <c r="E54740" s="15">
        <v>45731</v>
      </c>
      <c r="F54740" s="14" t="s">
        <v>15</v>
      </c>
      <c r="G54740" s="16">
        <v>0</v>
      </c>
    </row>
    <row r="54741" spans="1:7" x14ac:dyDescent="0.3">
      <c r="A54741" s="13" t="s">
        <v>300</v>
      </c>
      <c r="B54741" s="14" t="s">
        <v>1</v>
      </c>
      <c r="C54741" s="14" t="s">
        <v>96</v>
      </c>
      <c r="D54741" s="14" t="s">
        <v>14</v>
      </c>
      <c r="E54741" s="15">
        <v>45732</v>
      </c>
      <c r="F54741" s="14" t="s">
        <v>15</v>
      </c>
      <c r="G54741" s="16">
        <v>0</v>
      </c>
    </row>
    <row r="54742" spans="1:7" x14ac:dyDescent="0.3">
      <c r="A54742" s="13" t="s">
        <v>300</v>
      </c>
      <c r="B54742" s="14" t="s">
        <v>1</v>
      </c>
      <c r="C54742" s="14" t="s">
        <v>96</v>
      </c>
      <c r="D54742" s="14" t="s">
        <v>14</v>
      </c>
      <c r="E54742" s="15">
        <v>45733</v>
      </c>
      <c r="F54742" s="14" t="s">
        <v>15</v>
      </c>
      <c r="G54742" s="16">
        <v>0</v>
      </c>
    </row>
    <row r="54743" spans="1:7" x14ac:dyDescent="0.3">
      <c r="A54743" s="13" t="s">
        <v>300</v>
      </c>
      <c r="B54743" s="14" t="s">
        <v>1</v>
      </c>
      <c r="C54743" s="14" t="s">
        <v>96</v>
      </c>
      <c r="D54743" s="14" t="s">
        <v>14</v>
      </c>
      <c r="E54743" s="15">
        <v>45734</v>
      </c>
      <c r="F54743" s="14" t="s">
        <v>15</v>
      </c>
      <c r="G54743" s="16">
        <v>0</v>
      </c>
    </row>
    <row r="54744" spans="1:7" x14ac:dyDescent="0.3">
      <c r="A54744" s="13" t="s">
        <v>300</v>
      </c>
      <c r="B54744" s="14" t="s">
        <v>1</v>
      </c>
      <c r="C54744" s="14" t="s">
        <v>96</v>
      </c>
      <c r="D54744" s="14" t="s">
        <v>14</v>
      </c>
      <c r="E54744" s="15">
        <v>45735</v>
      </c>
      <c r="F54744" s="14" t="s">
        <v>15</v>
      </c>
      <c r="G54744" s="16">
        <v>0</v>
      </c>
    </row>
    <row r="54745" spans="1:7" x14ac:dyDescent="0.3">
      <c r="A54745" s="13" t="s">
        <v>300</v>
      </c>
      <c r="B54745" s="14" t="s">
        <v>1</v>
      </c>
      <c r="C54745" s="14" t="s">
        <v>96</v>
      </c>
      <c r="D54745" s="14" t="s">
        <v>14</v>
      </c>
      <c r="E54745" s="15">
        <v>45736</v>
      </c>
      <c r="F54745" s="14" t="s">
        <v>15</v>
      </c>
      <c r="G54745" s="16">
        <v>0</v>
      </c>
    </row>
    <row r="54746" spans="1:7" x14ac:dyDescent="0.3">
      <c r="A54746" s="13" t="s">
        <v>300</v>
      </c>
      <c r="B54746" s="14" t="s">
        <v>1</v>
      </c>
      <c r="C54746" s="14" t="s">
        <v>96</v>
      </c>
      <c r="D54746" s="14" t="s">
        <v>14</v>
      </c>
      <c r="E54746" s="15">
        <v>45737</v>
      </c>
      <c r="F54746" s="14" t="s">
        <v>15</v>
      </c>
      <c r="G54746" s="16">
        <v>0</v>
      </c>
    </row>
    <row r="54747" spans="1:7" x14ac:dyDescent="0.3">
      <c r="A54747" s="13" t="s">
        <v>300</v>
      </c>
      <c r="B54747" s="14" t="s">
        <v>1</v>
      </c>
      <c r="C54747" s="14" t="s">
        <v>96</v>
      </c>
      <c r="D54747" s="14" t="s">
        <v>14</v>
      </c>
      <c r="E54747" s="15">
        <v>45738</v>
      </c>
      <c r="F54747" s="14" t="s">
        <v>15</v>
      </c>
      <c r="G54747" s="16">
        <v>0</v>
      </c>
    </row>
    <row r="54748" spans="1:7" x14ac:dyDescent="0.3">
      <c r="A54748" s="13" t="s">
        <v>300</v>
      </c>
      <c r="B54748" s="14" t="s">
        <v>1</v>
      </c>
      <c r="C54748" s="14" t="s">
        <v>96</v>
      </c>
      <c r="D54748" s="14" t="s">
        <v>14</v>
      </c>
      <c r="E54748" s="15">
        <v>45739</v>
      </c>
      <c r="F54748" s="14" t="s">
        <v>15</v>
      </c>
      <c r="G54748" s="16">
        <v>0</v>
      </c>
    </row>
    <row r="54749" spans="1:7" x14ac:dyDescent="0.3">
      <c r="A54749" s="13" t="s">
        <v>300</v>
      </c>
      <c r="B54749" s="14" t="s">
        <v>1</v>
      </c>
      <c r="C54749" s="14" t="s">
        <v>96</v>
      </c>
      <c r="D54749" s="14" t="s">
        <v>14</v>
      </c>
      <c r="E54749" s="15">
        <v>45740</v>
      </c>
      <c r="F54749" s="14" t="s">
        <v>15</v>
      </c>
      <c r="G54749" s="16">
        <v>0</v>
      </c>
    </row>
    <row r="54750" spans="1:7" x14ac:dyDescent="0.3">
      <c r="A54750" s="13" t="s">
        <v>300</v>
      </c>
      <c r="B54750" s="14" t="s">
        <v>1</v>
      </c>
      <c r="C54750" s="14" t="s">
        <v>96</v>
      </c>
      <c r="D54750" s="14" t="s">
        <v>14</v>
      </c>
      <c r="E54750" s="15">
        <v>45741</v>
      </c>
      <c r="F54750" s="14" t="s">
        <v>15</v>
      </c>
      <c r="G54750" s="16">
        <v>0</v>
      </c>
    </row>
    <row r="54751" spans="1:7" x14ac:dyDescent="0.3">
      <c r="A54751" s="13" t="s">
        <v>300</v>
      </c>
      <c r="B54751" s="14" t="s">
        <v>1</v>
      </c>
      <c r="C54751" s="14" t="s">
        <v>96</v>
      </c>
      <c r="D54751" s="14" t="s">
        <v>14</v>
      </c>
      <c r="E54751" s="15">
        <v>45742</v>
      </c>
      <c r="F54751" s="14" t="s">
        <v>15</v>
      </c>
      <c r="G54751" s="16">
        <v>1.3442524880807787E-2</v>
      </c>
    </row>
    <row r="54752" spans="1:7" x14ac:dyDescent="0.3">
      <c r="A54752" s="13" t="s">
        <v>300</v>
      </c>
      <c r="B54752" s="14" t="s">
        <v>1</v>
      </c>
      <c r="C54752" s="14" t="s">
        <v>96</v>
      </c>
      <c r="D54752" s="14" t="s">
        <v>14</v>
      </c>
      <c r="E54752" s="15">
        <v>45743</v>
      </c>
      <c r="F54752" s="14" t="s">
        <v>15</v>
      </c>
      <c r="G54752" s="16">
        <v>2.362500590259509E-2</v>
      </c>
    </row>
    <row r="54753" spans="1:7" x14ac:dyDescent="0.3">
      <c r="A54753" s="13" t="s">
        <v>300</v>
      </c>
      <c r="B54753" s="14" t="s">
        <v>1</v>
      </c>
      <c r="C54753" s="14" t="s">
        <v>96</v>
      </c>
      <c r="D54753" s="14" t="s">
        <v>14</v>
      </c>
      <c r="E54753" s="15">
        <v>45744</v>
      </c>
      <c r="F54753" s="14" t="s">
        <v>15</v>
      </c>
      <c r="G54753" s="16">
        <v>1.4894101162674884E-2</v>
      </c>
    </row>
    <row r="54754" spans="1:7" x14ac:dyDescent="0.3">
      <c r="A54754" s="13" t="s">
        <v>300</v>
      </c>
      <c r="B54754" s="14" t="s">
        <v>1</v>
      </c>
      <c r="C54754" s="14" t="s">
        <v>96</v>
      </c>
      <c r="D54754" s="14" t="s">
        <v>14</v>
      </c>
      <c r="E54754" s="15">
        <v>45745</v>
      </c>
      <c r="F54754" s="14" t="s">
        <v>15</v>
      </c>
      <c r="G54754" s="16">
        <v>1.4894101162674884E-2</v>
      </c>
    </row>
    <row r="54755" spans="1:7" x14ac:dyDescent="0.3">
      <c r="A54755" s="13" t="s">
        <v>300</v>
      </c>
      <c r="B54755" s="14" t="s">
        <v>1</v>
      </c>
      <c r="C54755" s="14" t="s">
        <v>96</v>
      </c>
      <c r="D54755" s="14" t="s">
        <v>14</v>
      </c>
      <c r="E54755" s="15">
        <v>45746</v>
      </c>
      <c r="F54755" s="14" t="s">
        <v>15</v>
      </c>
      <c r="G54755" s="16">
        <v>1.4894101162674884E-2</v>
      </c>
    </row>
    <row r="54756" spans="1:7" x14ac:dyDescent="0.3">
      <c r="A54756" s="13" t="s">
        <v>300</v>
      </c>
      <c r="B54756" s="14" t="s">
        <v>1</v>
      </c>
      <c r="C54756" s="14" t="s">
        <v>96</v>
      </c>
      <c r="D54756" s="14" t="s">
        <v>14</v>
      </c>
      <c r="E54756" s="15">
        <v>45747</v>
      </c>
      <c r="F54756" s="14" t="s">
        <v>15</v>
      </c>
      <c r="G54756" s="16">
        <v>1.4894101162674884E-2</v>
      </c>
    </row>
    <row r="54757" spans="1:7" x14ac:dyDescent="0.3">
      <c r="A54757" s="13" t="s">
        <v>301</v>
      </c>
      <c r="B54757" s="14" t="s">
        <v>1</v>
      </c>
      <c r="C54757" s="14" t="s">
        <v>41</v>
      </c>
      <c r="D54757" s="14" t="s">
        <v>302</v>
      </c>
      <c r="E54757" s="15">
        <v>45383</v>
      </c>
      <c r="F54757" s="14" t="s">
        <v>43</v>
      </c>
      <c r="G54757" s="16">
        <v>0</v>
      </c>
    </row>
    <row r="54758" spans="1:7" x14ac:dyDescent="0.3">
      <c r="A54758" s="13" t="s">
        <v>301</v>
      </c>
      <c r="B54758" s="14" t="s">
        <v>1</v>
      </c>
      <c r="C54758" s="14" t="s">
        <v>41</v>
      </c>
      <c r="D54758" s="14" t="s">
        <v>302</v>
      </c>
      <c r="E54758" s="15">
        <v>45384</v>
      </c>
      <c r="F54758" s="14" t="s">
        <v>43</v>
      </c>
      <c r="G54758" s="16">
        <v>0</v>
      </c>
    </row>
    <row r="54759" spans="1:7" x14ac:dyDescent="0.3">
      <c r="A54759" s="13" t="s">
        <v>301</v>
      </c>
      <c r="B54759" s="14" t="s">
        <v>1</v>
      </c>
      <c r="C54759" s="14" t="s">
        <v>41</v>
      </c>
      <c r="D54759" s="14" t="s">
        <v>302</v>
      </c>
      <c r="E54759" s="15">
        <v>45385</v>
      </c>
      <c r="F54759" s="14" t="s">
        <v>43</v>
      </c>
      <c r="G54759" s="16">
        <v>0</v>
      </c>
    </row>
    <row r="54760" spans="1:7" x14ac:dyDescent="0.3">
      <c r="A54760" s="13" t="s">
        <v>301</v>
      </c>
      <c r="B54760" s="14" t="s">
        <v>1</v>
      </c>
      <c r="C54760" s="14" t="s">
        <v>41</v>
      </c>
      <c r="D54760" s="14" t="s">
        <v>302</v>
      </c>
      <c r="E54760" s="15">
        <v>45386</v>
      </c>
      <c r="F54760" s="14" t="s">
        <v>43</v>
      </c>
      <c r="G54760" s="16">
        <v>0</v>
      </c>
    </row>
    <row r="54761" spans="1:7" x14ac:dyDescent="0.3">
      <c r="A54761" s="13" t="s">
        <v>301</v>
      </c>
      <c r="B54761" s="14" t="s">
        <v>1</v>
      </c>
      <c r="C54761" s="14" t="s">
        <v>41</v>
      </c>
      <c r="D54761" s="14" t="s">
        <v>302</v>
      </c>
      <c r="E54761" s="15">
        <v>45387</v>
      </c>
      <c r="F54761" s="14" t="s">
        <v>43</v>
      </c>
      <c r="G54761" s="16">
        <v>0</v>
      </c>
    </row>
    <row r="54762" spans="1:7" x14ac:dyDescent="0.3">
      <c r="A54762" s="13" t="s">
        <v>301</v>
      </c>
      <c r="B54762" s="14" t="s">
        <v>1</v>
      </c>
      <c r="C54762" s="14" t="s">
        <v>41</v>
      </c>
      <c r="D54762" s="14" t="s">
        <v>302</v>
      </c>
      <c r="E54762" s="15">
        <v>45388</v>
      </c>
      <c r="F54762" s="14" t="s">
        <v>43</v>
      </c>
      <c r="G54762" s="16">
        <v>0</v>
      </c>
    </row>
    <row r="54763" spans="1:7" x14ac:dyDescent="0.3">
      <c r="A54763" s="13" t="s">
        <v>301</v>
      </c>
      <c r="B54763" s="14" t="s">
        <v>1</v>
      </c>
      <c r="C54763" s="14" t="s">
        <v>41</v>
      </c>
      <c r="D54763" s="14" t="s">
        <v>302</v>
      </c>
      <c r="E54763" s="15">
        <v>45389</v>
      </c>
      <c r="F54763" s="14" t="s">
        <v>43</v>
      </c>
      <c r="G54763" s="16">
        <v>0</v>
      </c>
    </row>
    <row r="54764" spans="1:7" x14ac:dyDescent="0.3">
      <c r="A54764" s="13" t="s">
        <v>301</v>
      </c>
      <c r="B54764" s="14" t="s">
        <v>1</v>
      </c>
      <c r="C54764" s="14" t="s">
        <v>41</v>
      </c>
      <c r="D54764" s="14" t="s">
        <v>302</v>
      </c>
      <c r="E54764" s="15">
        <v>45390</v>
      </c>
      <c r="F54764" s="14" t="s">
        <v>43</v>
      </c>
      <c r="G54764" s="16">
        <v>0</v>
      </c>
    </row>
    <row r="54765" spans="1:7" x14ac:dyDescent="0.3">
      <c r="A54765" s="13" t="s">
        <v>301</v>
      </c>
      <c r="B54765" s="14" t="s">
        <v>1</v>
      </c>
      <c r="C54765" s="14" t="s">
        <v>41</v>
      </c>
      <c r="D54765" s="14" t="s">
        <v>302</v>
      </c>
      <c r="E54765" s="15">
        <v>45391</v>
      </c>
      <c r="F54765" s="14" t="s">
        <v>43</v>
      </c>
      <c r="G54765" s="16">
        <v>0</v>
      </c>
    </row>
    <row r="54766" spans="1:7" x14ac:dyDescent="0.3">
      <c r="A54766" s="13" t="s">
        <v>301</v>
      </c>
      <c r="B54766" s="14" t="s">
        <v>1</v>
      </c>
      <c r="C54766" s="14" t="s">
        <v>41</v>
      </c>
      <c r="D54766" s="14" t="s">
        <v>302</v>
      </c>
      <c r="E54766" s="15">
        <v>45392</v>
      </c>
      <c r="F54766" s="14" t="s">
        <v>43</v>
      </c>
      <c r="G54766" s="16">
        <v>0</v>
      </c>
    </row>
    <row r="54767" spans="1:7" x14ac:dyDescent="0.3">
      <c r="A54767" s="13" t="s">
        <v>301</v>
      </c>
      <c r="B54767" s="14" t="s">
        <v>1</v>
      </c>
      <c r="C54767" s="14" t="s">
        <v>41</v>
      </c>
      <c r="D54767" s="14" t="s">
        <v>302</v>
      </c>
      <c r="E54767" s="15">
        <v>45393</v>
      </c>
      <c r="F54767" s="14" t="s">
        <v>43</v>
      </c>
      <c r="G54767" s="16">
        <v>0</v>
      </c>
    </row>
    <row r="54768" spans="1:7" x14ac:dyDescent="0.3">
      <c r="A54768" s="13" t="s">
        <v>301</v>
      </c>
      <c r="B54768" s="14" t="s">
        <v>1</v>
      </c>
      <c r="C54768" s="14" t="s">
        <v>41</v>
      </c>
      <c r="D54768" s="14" t="s">
        <v>302</v>
      </c>
      <c r="E54768" s="15">
        <v>45394</v>
      </c>
      <c r="F54768" s="14" t="s">
        <v>43</v>
      </c>
      <c r="G54768" s="16">
        <v>0</v>
      </c>
    </row>
    <row r="54769" spans="1:7" x14ac:dyDescent="0.3">
      <c r="A54769" s="13" t="s">
        <v>301</v>
      </c>
      <c r="B54769" s="14" t="s">
        <v>1</v>
      </c>
      <c r="C54769" s="14" t="s">
        <v>41</v>
      </c>
      <c r="D54769" s="14" t="s">
        <v>302</v>
      </c>
      <c r="E54769" s="15">
        <v>45395</v>
      </c>
      <c r="F54769" s="14" t="s">
        <v>43</v>
      </c>
      <c r="G54769" s="16">
        <v>0</v>
      </c>
    </row>
    <row r="54770" spans="1:7" x14ac:dyDescent="0.3">
      <c r="A54770" s="13" t="s">
        <v>301</v>
      </c>
      <c r="B54770" s="14" t="s">
        <v>1</v>
      </c>
      <c r="C54770" s="14" t="s">
        <v>41</v>
      </c>
      <c r="D54770" s="14" t="s">
        <v>302</v>
      </c>
      <c r="E54770" s="15">
        <v>45396</v>
      </c>
      <c r="F54770" s="14" t="s">
        <v>43</v>
      </c>
      <c r="G54770" s="16">
        <v>0</v>
      </c>
    </row>
    <row r="54771" spans="1:7" x14ac:dyDescent="0.3">
      <c r="A54771" s="13" t="s">
        <v>301</v>
      </c>
      <c r="B54771" s="14" t="s">
        <v>1</v>
      </c>
      <c r="C54771" s="14" t="s">
        <v>41</v>
      </c>
      <c r="D54771" s="14" t="s">
        <v>302</v>
      </c>
      <c r="E54771" s="15">
        <v>45397</v>
      </c>
      <c r="F54771" s="14" t="s">
        <v>43</v>
      </c>
      <c r="G54771" s="16">
        <v>0</v>
      </c>
    </row>
    <row r="54772" spans="1:7" x14ac:dyDescent="0.3">
      <c r="A54772" s="13" t="s">
        <v>301</v>
      </c>
      <c r="B54772" s="14" t="s">
        <v>1</v>
      </c>
      <c r="C54772" s="14" t="s">
        <v>41</v>
      </c>
      <c r="D54772" s="14" t="s">
        <v>302</v>
      </c>
      <c r="E54772" s="15">
        <v>45398</v>
      </c>
      <c r="F54772" s="14" t="s">
        <v>43</v>
      </c>
      <c r="G54772" s="16">
        <v>0</v>
      </c>
    </row>
    <row r="54773" spans="1:7" x14ac:dyDescent="0.3">
      <c r="A54773" s="13" t="s">
        <v>301</v>
      </c>
      <c r="B54773" s="14" t="s">
        <v>1</v>
      </c>
      <c r="C54773" s="14" t="s">
        <v>41</v>
      </c>
      <c r="D54773" s="14" t="s">
        <v>302</v>
      </c>
      <c r="E54773" s="15">
        <v>45399</v>
      </c>
      <c r="F54773" s="14" t="s">
        <v>43</v>
      </c>
      <c r="G54773" s="16">
        <v>0</v>
      </c>
    </row>
    <row r="54774" spans="1:7" x14ac:dyDescent="0.3">
      <c r="A54774" s="13" t="s">
        <v>301</v>
      </c>
      <c r="B54774" s="14" t="s">
        <v>1</v>
      </c>
      <c r="C54774" s="14" t="s">
        <v>41</v>
      </c>
      <c r="D54774" s="14" t="s">
        <v>302</v>
      </c>
      <c r="E54774" s="15">
        <v>45400</v>
      </c>
      <c r="F54774" s="14" t="s">
        <v>43</v>
      </c>
      <c r="G54774" s="16">
        <v>0</v>
      </c>
    </row>
    <row r="54775" spans="1:7" x14ac:dyDescent="0.3">
      <c r="A54775" s="13" t="s">
        <v>301</v>
      </c>
      <c r="B54775" s="14" t="s">
        <v>1</v>
      </c>
      <c r="C54775" s="14" t="s">
        <v>41</v>
      </c>
      <c r="D54775" s="14" t="s">
        <v>302</v>
      </c>
      <c r="E54775" s="15">
        <v>45401</v>
      </c>
      <c r="F54775" s="14" t="s">
        <v>43</v>
      </c>
      <c r="G54775" s="16">
        <v>0</v>
      </c>
    </row>
    <row r="54776" spans="1:7" x14ac:dyDescent="0.3">
      <c r="A54776" s="13" t="s">
        <v>301</v>
      </c>
      <c r="B54776" s="14" t="s">
        <v>1</v>
      </c>
      <c r="C54776" s="14" t="s">
        <v>41</v>
      </c>
      <c r="D54776" s="14" t="s">
        <v>302</v>
      </c>
      <c r="E54776" s="15">
        <v>45402</v>
      </c>
      <c r="F54776" s="14" t="s">
        <v>43</v>
      </c>
      <c r="G54776" s="16">
        <v>0</v>
      </c>
    </row>
    <row r="54777" spans="1:7" x14ac:dyDescent="0.3">
      <c r="A54777" s="13" t="s">
        <v>301</v>
      </c>
      <c r="B54777" s="14" t="s">
        <v>1</v>
      </c>
      <c r="C54777" s="14" t="s">
        <v>41</v>
      </c>
      <c r="D54777" s="14" t="s">
        <v>302</v>
      </c>
      <c r="E54777" s="15">
        <v>45403</v>
      </c>
      <c r="F54777" s="14" t="s">
        <v>43</v>
      </c>
      <c r="G54777" s="16">
        <v>0</v>
      </c>
    </row>
    <row r="54778" spans="1:7" x14ac:dyDescent="0.3">
      <c r="A54778" s="13" t="s">
        <v>301</v>
      </c>
      <c r="B54778" s="14" t="s">
        <v>1</v>
      </c>
      <c r="C54778" s="14" t="s">
        <v>41</v>
      </c>
      <c r="D54778" s="14" t="s">
        <v>302</v>
      </c>
      <c r="E54778" s="15">
        <v>45404</v>
      </c>
      <c r="F54778" s="14" t="s">
        <v>43</v>
      </c>
      <c r="G54778" s="16">
        <v>0</v>
      </c>
    </row>
    <row r="54779" spans="1:7" x14ac:dyDescent="0.3">
      <c r="A54779" s="13" t="s">
        <v>301</v>
      </c>
      <c r="B54779" s="14" t="s">
        <v>1</v>
      </c>
      <c r="C54779" s="14" t="s">
        <v>41</v>
      </c>
      <c r="D54779" s="14" t="s">
        <v>302</v>
      </c>
      <c r="E54779" s="15">
        <v>45405</v>
      </c>
      <c r="F54779" s="14" t="s">
        <v>43</v>
      </c>
      <c r="G54779" s="16">
        <v>0</v>
      </c>
    </row>
    <row r="54780" spans="1:7" x14ac:dyDescent="0.3">
      <c r="A54780" s="13" t="s">
        <v>301</v>
      </c>
      <c r="B54780" s="14" t="s">
        <v>1</v>
      </c>
      <c r="C54780" s="14" t="s">
        <v>41</v>
      </c>
      <c r="D54780" s="14" t="s">
        <v>302</v>
      </c>
      <c r="E54780" s="15">
        <v>45406</v>
      </c>
      <c r="F54780" s="14" t="s">
        <v>43</v>
      </c>
      <c r="G54780" s="16">
        <v>0</v>
      </c>
    </row>
    <row r="54781" spans="1:7" x14ac:dyDescent="0.3">
      <c r="A54781" s="13" t="s">
        <v>301</v>
      </c>
      <c r="B54781" s="14" t="s">
        <v>1</v>
      </c>
      <c r="C54781" s="14" t="s">
        <v>41</v>
      </c>
      <c r="D54781" s="14" t="s">
        <v>302</v>
      </c>
      <c r="E54781" s="15">
        <v>45407</v>
      </c>
      <c r="F54781" s="14" t="s">
        <v>43</v>
      </c>
      <c r="G54781" s="16">
        <v>0</v>
      </c>
    </row>
    <row r="54782" spans="1:7" x14ac:dyDescent="0.3">
      <c r="A54782" s="13" t="s">
        <v>301</v>
      </c>
      <c r="B54782" s="14" t="s">
        <v>1</v>
      </c>
      <c r="C54782" s="14" t="s">
        <v>41</v>
      </c>
      <c r="D54782" s="14" t="s">
        <v>302</v>
      </c>
      <c r="E54782" s="15">
        <v>45408</v>
      </c>
      <c r="F54782" s="14" t="s">
        <v>43</v>
      </c>
      <c r="G54782" s="16">
        <v>0</v>
      </c>
    </row>
    <row r="54783" spans="1:7" x14ac:dyDescent="0.3">
      <c r="A54783" s="13" t="s">
        <v>301</v>
      </c>
      <c r="B54783" s="14" t="s">
        <v>1</v>
      </c>
      <c r="C54783" s="14" t="s">
        <v>41</v>
      </c>
      <c r="D54783" s="14" t="s">
        <v>302</v>
      </c>
      <c r="E54783" s="15">
        <v>45409</v>
      </c>
      <c r="F54783" s="14" t="s">
        <v>43</v>
      </c>
      <c r="G54783" s="16">
        <v>0</v>
      </c>
    </row>
    <row r="54784" spans="1:7" x14ac:dyDescent="0.3">
      <c r="A54784" s="13" t="s">
        <v>301</v>
      </c>
      <c r="B54784" s="14" t="s">
        <v>1</v>
      </c>
      <c r="C54784" s="14" t="s">
        <v>41</v>
      </c>
      <c r="D54784" s="14" t="s">
        <v>302</v>
      </c>
      <c r="E54784" s="15">
        <v>45410</v>
      </c>
      <c r="F54784" s="14" t="s">
        <v>43</v>
      </c>
      <c r="G54784" s="16">
        <v>0</v>
      </c>
    </row>
    <row r="54785" spans="1:7" x14ac:dyDescent="0.3">
      <c r="A54785" s="13" t="s">
        <v>301</v>
      </c>
      <c r="B54785" s="14" t="s">
        <v>1</v>
      </c>
      <c r="C54785" s="14" t="s">
        <v>41</v>
      </c>
      <c r="D54785" s="14" t="s">
        <v>302</v>
      </c>
      <c r="E54785" s="15">
        <v>45411</v>
      </c>
      <c r="F54785" s="14" t="s">
        <v>43</v>
      </c>
      <c r="G54785" s="16">
        <v>0</v>
      </c>
    </row>
    <row r="54786" spans="1:7" x14ac:dyDescent="0.3">
      <c r="A54786" s="13" t="s">
        <v>301</v>
      </c>
      <c r="B54786" s="14" t="s">
        <v>1</v>
      </c>
      <c r="C54786" s="14" t="s">
        <v>41</v>
      </c>
      <c r="D54786" s="14" t="s">
        <v>302</v>
      </c>
      <c r="E54786" s="15">
        <v>45412</v>
      </c>
      <c r="F54786" s="14" t="s">
        <v>43</v>
      </c>
      <c r="G54786" s="16">
        <v>0</v>
      </c>
    </row>
    <row r="54787" spans="1:7" x14ac:dyDescent="0.3">
      <c r="A54787" s="13" t="s">
        <v>301</v>
      </c>
      <c r="B54787" s="14" t="s">
        <v>1</v>
      </c>
      <c r="C54787" s="14" t="s">
        <v>41</v>
      </c>
      <c r="D54787" s="14" t="s">
        <v>302</v>
      </c>
      <c r="E54787" s="15">
        <v>45413</v>
      </c>
      <c r="F54787" s="14" t="s">
        <v>43</v>
      </c>
      <c r="G54787" s="16">
        <v>0</v>
      </c>
    </row>
    <row r="54788" spans="1:7" x14ac:dyDescent="0.3">
      <c r="A54788" s="13" t="s">
        <v>301</v>
      </c>
      <c r="B54788" s="14" t="s">
        <v>1</v>
      </c>
      <c r="C54788" s="14" t="s">
        <v>41</v>
      </c>
      <c r="D54788" s="14" t="s">
        <v>302</v>
      </c>
      <c r="E54788" s="15">
        <v>45414</v>
      </c>
      <c r="F54788" s="14" t="s">
        <v>43</v>
      </c>
      <c r="G54788" s="16">
        <v>0</v>
      </c>
    </row>
    <row r="54789" spans="1:7" x14ac:dyDescent="0.3">
      <c r="A54789" s="13" t="s">
        <v>301</v>
      </c>
      <c r="B54789" s="14" t="s">
        <v>1</v>
      </c>
      <c r="C54789" s="14" t="s">
        <v>41</v>
      </c>
      <c r="D54789" s="14" t="s">
        <v>302</v>
      </c>
      <c r="E54789" s="15">
        <v>45415</v>
      </c>
      <c r="F54789" s="14" t="s">
        <v>43</v>
      </c>
      <c r="G54789" s="16">
        <v>0</v>
      </c>
    </row>
    <row r="54790" spans="1:7" x14ac:dyDescent="0.3">
      <c r="A54790" s="13" t="s">
        <v>301</v>
      </c>
      <c r="B54790" s="14" t="s">
        <v>1</v>
      </c>
      <c r="C54790" s="14" t="s">
        <v>41</v>
      </c>
      <c r="D54790" s="14" t="s">
        <v>302</v>
      </c>
      <c r="E54790" s="15">
        <v>45416</v>
      </c>
      <c r="F54790" s="14" t="s">
        <v>43</v>
      </c>
      <c r="G54790" s="16">
        <v>0</v>
      </c>
    </row>
    <row r="54791" spans="1:7" x14ac:dyDescent="0.3">
      <c r="A54791" s="13" t="s">
        <v>301</v>
      </c>
      <c r="B54791" s="14" t="s">
        <v>1</v>
      </c>
      <c r="C54791" s="14" t="s">
        <v>41</v>
      </c>
      <c r="D54791" s="14" t="s">
        <v>302</v>
      </c>
      <c r="E54791" s="15">
        <v>45417</v>
      </c>
      <c r="F54791" s="14" t="s">
        <v>43</v>
      </c>
      <c r="G54791" s="16">
        <v>0</v>
      </c>
    </row>
    <row r="54792" spans="1:7" x14ac:dyDescent="0.3">
      <c r="A54792" s="13" t="s">
        <v>301</v>
      </c>
      <c r="B54792" s="14" t="s">
        <v>1</v>
      </c>
      <c r="C54792" s="14" t="s">
        <v>41</v>
      </c>
      <c r="D54792" s="14" t="s">
        <v>302</v>
      </c>
      <c r="E54792" s="15">
        <v>45418</v>
      </c>
      <c r="F54792" s="14" t="s">
        <v>43</v>
      </c>
      <c r="G54792" s="16">
        <v>0</v>
      </c>
    </row>
    <row r="54793" spans="1:7" x14ac:dyDescent="0.3">
      <c r="A54793" s="13" t="s">
        <v>301</v>
      </c>
      <c r="B54793" s="14" t="s">
        <v>1</v>
      </c>
      <c r="C54793" s="14" t="s">
        <v>41</v>
      </c>
      <c r="D54793" s="14" t="s">
        <v>302</v>
      </c>
      <c r="E54793" s="15">
        <v>45419</v>
      </c>
      <c r="F54793" s="14" t="s">
        <v>43</v>
      </c>
      <c r="G54793" s="16">
        <v>0</v>
      </c>
    </row>
    <row r="54794" spans="1:7" x14ac:dyDescent="0.3">
      <c r="A54794" s="13" t="s">
        <v>301</v>
      </c>
      <c r="B54794" s="14" t="s">
        <v>1</v>
      </c>
      <c r="C54794" s="14" t="s">
        <v>41</v>
      </c>
      <c r="D54794" s="14" t="s">
        <v>302</v>
      </c>
      <c r="E54794" s="15">
        <v>45420</v>
      </c>
      <c r="F54794" s="14" t="s">
        <v>43</v>
      </c>
      <c r="G54794" s="16">
        <v>0</v>
      </c>
    </row>
    <row r="54795" spans="1:7" x14ac:dyDescent="0.3">
      <c r="A54795" s="13" t="s">
        <v>301</v>
      </c>
      <c r="B54795" s="14" t="s">
        <v>1</v>
      </c>
      <c r="C54795" s="14" t="s">
        <v>41</v>
      </c>
      <c r="D54795" s="14" t="s">
        <v>302</v>
      </c>
      <c r="E54795" s="15">
        <v>45421</v>
      </c>
      <c r="F54795" s="14" t="s">
        <v>43</v>
      </c>
      <c r="G54795" s="16">
        <v>0</v>
      </c>
    </row>
    <row r="54796" spans="1:7" x14ac:dyDescent="0.3">
      <c r="A54796" s="13" t="s">
        <v>301</v>
      </c>
      <c r="B54796" s="14" t="s">
        <v>1</v>
      </c>
      <c r="C54796" s="14" t="s">
        <v>41</v>
      </c>
      <c r="D54796" s="14" t="s">
        <v>302</v>
      </c>
      <c r="E54796" s="15">
        <v>45422</v>
      </c>
      <c r="F54796" s="14" t="s">
        <v>43</v>
      </c>
      <c r="G54796" s="16">
        <v>0</v>
      </c>
    </row>
    <row r="54797" spans="1:7" x14ac:dyDescent="0.3">
      <c r="A54797" s="13" t="s">
        <v>301</v>
      </c>
      <c r="B54797" s="14" t="s">
        <v>1</v>
      </c>
      <c r="C54797" s="14" t="s">
        <v>41</v>
      </c>
      <c r="D54797" s="14" t="s">
        <v>302</v>
      </c>
      <c r="E54797" s="15">
        <v>45423</v>
      </c>
      <c r="F54797" s="14" t="s">
        <v>43</v>
      </c>
      <c r="G54797" s="16">
        <v>0</v>
      </c>
    </row>
    <row r="54798" spans="1:7" x14ac:dyDescent="0.3">
      <c r="A54798" s="13" t="s">
        <v>301</v>
      </c>
      <c r="B54798" s="14" t="s">
        <v>1</v>
      </c>
      <c r="C54798" s="14" t="s">
        <v>41</v>
      </c>
      <c r="D54798" s="14" t="s">
        <v>302</v>
      </c>
      <c r="E54798" s="15">
        <v>45424</v>
      </c>
      <c r="F54798" s="14" t="s">
        <v>43</v>
      </c>
      <c r="G54798" s="16">
        <v>0</v>
      </c>
    </row>
    <row r="54799" spans="1:7" x14ac:dyDescent="0.3">
      <c r="A54799" s="13" t="s">
        <v>301</v>
      </c>
      <c r="B54799" s="14" t="s">
        <v>1</v>
      </c>
      <c r="C54799" s="14" t="s">
        <v>41</v>
      </c>
      <c r="D54799" s="14" t="s">
        <v>302</v>
      </c>
      <c r="E54799" s="15">
        <v>45425</v>
      </c>
      <c r="F54799" s="14" t="s">
        <v>43</v>
      </c>
      <c r="G54799" s="16">
        <v>0</v>
      </c>
    </row>
    <row r="54800" spans="1:7" x14ac:dyDescent="0.3">
      <c r="A54800" s="13" t="s">
        <v>301</v>
      </c>
      <c r="B54800" s="14" t="s">
        <v>1</v>
      </c>
      <c r="C54800" s="14" t="s">
        <v>41</v>
      </c>
      <c r="D54800" s="14" t="s">
        <v>302</v>
      </c>
      <c r="E54800" s="15">
        <v>45426</v>
      </c>
      <c r="F54800" s="14" t="s">
        <v>43</v>
      </c>
      <c r="G54800" s="16">
        <v>0</v>
      </c>
    </row>
    <row r="54801" spans="1:7" x14ac:dyDescent="0.3">
      <c r="A54801" s="13" t="s">
        <v>301</v>
      </c>
      <c r="B54801" s="14" t="s">
        <v>1</v>
      </c>
      <c r="C54801" s="14" t="s">
        <v>41</v>
      </c>
      <c r="D54801" s="14" t="s">
        <v>302</v>
      </c>
      <c r="E54801" s="15">
        <v>45427</v>
      </c>
      <c r="F54801" s="14" t="s">
        <v>43</v>
      </c>
      <c r="G54801" s="16">
        <v>0</v>
      </c>
    </row>
    <row r="54802" spans="1:7" x14ac:dyDescent="0.3">
      <c r="A54802" s="13" t="s">
        <v>301</v>
      </c>
      <c r="B54802" s="14" t="s">
        <v>1</v>
      </c>
      <c r="C54802" s="14" t="s">
        <v>41</v>
      </c>
      <c r="D54802" s="14" t="s">
        <v>302</v>
      </c>
      <c r="E54802" s="15">
        <v>45428</v>
      </c>
      <c r="F54802" s="14" t="s">
        <v>43</v>
      </c>
      <c r="G54802" s="16">
        <v>0</v>
      </c>
    </row>
    <row r="54803" spans="1:7" x14ac:dyDescent="0.3">
      <c r="A54803" s="13" t="s">
        <v>301</v>
      </c>
      <c r="B54803" s="14" t="s">
        <v>1</v>
      </c>
      <c r="C54803" s="14" t="s">
        <v>41</v>
      </c>
      <c r="D54803" s="14" t="s">
        <v>302</v>
      </c>
      <c r="E54803" s="15">
        <v>45429</v>
      </c>
      <c r="F54803" s="14" t="s">
        <v>43</v>
      </c>
      <c r="G54803" s="16">
        <v>0</v>
      </c>
    </row>
    <row r="54804" spans="1:7" x14ac:dyDescent="0.3">
      <c r="A54804" s="13" t="s">
        <v>301</v>
      </c>
      <c r="B54804" s="14" t="s">
        <v>1</v>
      </c>
      <c r="C54804" s="14" t="s">
        <v>41</v>
      </c>
      <c r="D54804" s="14" t="s">
        <v>302</v>
      </c>
      <c r="E54804" s="15">
        <v>45430</v>
      </c>
      <c r="F54804" s="14" t="s">
        <v>43</v>
      </c>
      <c r="G54804" s="16">
        <v>0</v>
      </c>
    </row>
    <row r="54805" spans="1:7" x14ac:dyDescent="0.3">
      <c r="A54805" s="13" t="s">
        <v>301</v>
      </c>
      <c r="B54805" s="14" t="s">
        <v>1</v>
      </c>
      <c r="C54805" s="14" t="s">
        <v>41</v>
      </c>
      <c r="D54805" s="14" t="s">
        <v>302</v>
      </c>
      <c r="E54805" s="15">
        <v>45431</v>
      </c>
      <c r="F54805" s="14" t="s">
        <v>43</v>
      </c>
      <c r="G54805" s="16">
        <v>0</v>
      </c>
    </row>
    <row r="54806" spans="1:7" x14ac:dyDescent="0.3">
      <c r="A54806" s="13" t="s">
        <v>301</v>
      </c>
      <c r="B54806" s="14" t="s">
        <v>1</v>
      </c>
      <c r="C54806" s="14" t="s">
        <v>41</v>
      </c>
      <c r="D54806" s="14" t="s">
        <v>302</v>
      </c>
      <c r="E54806" s="15">
        <v>45432</v>
      </c>
      <c r="F54806" s="14" t="s">
        <v>43</v>
      </c>
      <c r="G54806" s="16">
        <v>0</v>
      </c>
    </row>
    <row r="54807" spans="1:7" x14ac:dyDescent="0.3">
      <c r="A54807" s="13" t="s">
        <v>301</v>
      </c>
      <c r="B54807" s="14" t="s">
        <v>1</v>
      </c>
      <c r="C54807" s="14" t="s">
        <v>41</v>
      </c>
      <c r="D54807" s="14" t="s">
        <v>302</v>
      </c>
      <c r="E54807" s="15">
        <v>45433</v>
      </c>
      <c r="F54807" s="14" t="s">
        <v>43</v>
      </c>
      <c r="G54807" s="16">
        <v>0</v>
      </c>
    </row>
    <row r="54808" spans="1:7" x14ac:dyDescent="0.3">
      <c r="A54808" s="13" t="s">
        <v>301</v>
      </c>
      <c r="B54808" s="14" t="s">
        <v>1</v>
      </c>
      <c r="C54808" s="14" t="s">
        <v>41</v>
      </c>
      <c r="D54808" s="14" t="s">
        <v>302</v>
      </c>
      <c r="E54808" s="15">
        <v>45434</v>
      </c>
      <c r="F54808" s="14" t="s">
        <v>43</v>
      </c>
      <c r="G54808" s="16">
        <v>0</v>
      </c>
    </row>
    <row r="54809" spans="1:7" x14ac:dyDescent="0.3">
      <c r="A54809" s="13" t="s">
        <v>301</v>
      </c>
      <c r="B54809" s="14" t="s">
        <v>1</v>
      </c>
      <c r="C54809" s="14" t="s">
        <v>41</v>
      </c>
      <c r="D54809" s="14" t="s">
        <v>302</v>
      </c>
      <c r="E54809" s="15">
        <v>45435</v>
      </c>
      <c r="F54809" s="14" t="s">
        <v>43</v>
      </c>
      <c r="G54809" s="16">
        <v>0</v>
      </c>
    </row>
    <row r="54810" spans="1:7" x14ac:dyDescent="0.3">
      <c r="A54810" s="13" t="s">
        <v>301</v>
      </c>
      <c r="B54810" s="14" t="s">
        <v>1</v>
      </c>
      <c r="C54810" s="14" t="s">
        <v>41</v>
      </c>
      <c r="D54810" s="14" t="s">
        <v>302</v>
      </c>
      <c r="E54810" s="15">
        <v>45436</v>
      </c>
      <c r="F54810" s="14" t="s">
        <v>43</v>
      </c>
      <c r="G54810" s="16">
        <v>0</v>
      </c>
    </row>
    <row r="54811" spans="1:7" x14ac:dyDescent="0.3">
      <c r="A54811" s="13" t="s">
        <v>301</v>
      </c>
      <c r="B54811" s="14" t="s">
        <v>1</v>
      </c>
      <c r="C54811" s="14" t="s">
        <v>41</v>
      </c>
      <c r="D54811" s="14" t="s">
        <v>302</v>
      </c>
      <c r="E54811" s="15">
        <v>45437</v>
      </c>
      <c r="F54811" s="14" t="s">
        <v>43</v>
      </c>
      <c r="G54811" s="16">
        <v>0</v>
      </c>
    </row>
    <row r="54812" spans="1:7" x14ac:dyDescent="0.3">
      <c r="A54812" s="13" t="s">
        <v>301</v>
      </c>
      <c r="B54812" s="14" t="s">
        <v>1</v>
      </c>
      <c r="C54812" s="14" t="s">
        <v>41</v>
      </c>
      <c r="D54812" s="14" t="s">
        <v>302</v>
      </c>
      <c r="E54812" s="15">
        <v>45438</v>
      </c>
      <c r="F54812" s="14" t="s">
        <v>43</v>
      </c>
      <c r="G54812" s="16">
        <v>0</v>
      </c>
    </row>
    <row r="54813" spans="1:7" x14ac:dyDescent="0.3">
      <c r="A54813" s="13" t="s">
        <v>301</v>
      </c>
      <c r="B54813" s="14" t="s">
        <v>1</v>
      </c>
      <c r="C54813" s="14" t="s">
        <v>41</v>
      </c>
      <c r="D54813" s="14" t="s">
        <v>302</v>
      </c>
      <c r="E54813" s="15">
        <v>45439</v>
      </c>
      <c r="F54813" s="14" t="s">
        <v>43</v>
      </c>
      <c r="G54813" s="16">
        <v>0</v>
      </c>
    </row>
    <row r="54814" spans="1:7" x14ac:dyDescent="0.3">
      <c r="A54814" s="13" t="s">
        <v>301</v>
      </c>
      <c r="B54814" s="14" t="s">
        <v>1</v>
      </c>
      <c r="C54814" s="14" t="s">
        <v>41</v>
      </c>
      <c r="D54814" s="14" t="s">
        <v>302</v>
      </c>
      <c r="E54814" s="15">
        <v>45440</v>
      </c>
      <c r="F54814" s="14" t="s">
        <v>43</v>
      </c>
      <c r="G54814" s="16">
        <v>0</v>
      </c>
    </row>
    <row r="54815" spans="1:7" x14ac:dyDescent="0.3">
      <c r="A54815" s="13" t="s">
        <v>301</v>
      </c>
      <c r="B54815" s="14" t="s">
        <v>1</v>
      </c>
      <c r="C54815" s="14" t="s">
        <v>41</v>
      </c>
      <c r="D54815" s="14" t="s">
        <v>302</v>
      </c>
      <c r="E54815" s="15">
        <v>45441</v>
      </c>
      <c r="F54815" s="14" t="s">
        <v>43</v>
      </c>
      <c r="G54815" s="16">
        <v>0</v>
      </c>
    </row>
    <row r="54816" spans="1:7" x14ac:dyDescent="0.3">
      <c r="A54816" s="13" t="s">
        <v>301</v>
      </c>
      <c r="B54816" s="14" t="s">
        <v>1</v>
      </c>
      <c r="C54816" s="14" t="s">
        <v>41</v>
      </c>
      <c r="D54816" s="14" t="s">
        <v>302</v>
      </c>
      <c r="E54816" s="15">
        <v>45442</v>
      </c>
      <c r="F54816" s="14" t="s">
        <v>43</v>
      </c>
      <c r="G54816" s="16">
        <v>0</v>
      </c>
    </row>
    <row r="54817" spans="1:7" x14ac:dyDescent="0.3">
      <c r="A54817" s="13" t="s">
        <v>301</v>
      </c>
      <c r="B54817" s="14" t="s">
        <v>1</v>
      </c>
      <c r="C54817" s="14" t="s">
        <v>41</v>
      </c>
      <c r="D54817" s="14" t="s">
        <v>302</v>
      </c>
      <c r="E54817" s="15">
        <v>45443</v>
      </c>
      <c r="F54817" s="14" t="s">
        <v>43</v>
      </c>
      <c r="G54817" s="16">
        <v>0</v>
      </c>
    </row>
    <row r="54818" spans="1:7" x14ac:dyDescent="0.3">
      <c r="A54818" s="13" t="s">
        <v>301</v>
      </c>
      <c r="B54818" s="14" t="s">
        <v>1</v>
      </c>
      <c r="C54818" s="14" t="s">
        <v>41</v>
      </c>
      <c r="D54818" s="14" t="s">
        <v>302</v>
      </c>
      <c r="E54818" s="15">
        <v>45444</v>
      </c>
      <c r="F54818" s="14" t="s">
        <v>43</v>
      </c>
      <c r="G54818" s="16">
        <v>0</v>
      </c>
    </row>
    <row r="54819" spans="1:7" x14ac:dyDescent="0.3">
      <c r="A54819" s="13" t="s">
        <v>301</v>
      </c>
      <c r="B54819" s="14" t="s">
        <v>1</v>
      </c>
      <c r="C54819" s="14" t="s">
        <v>41</v>
      </c>
      <c r="D54819" s="14" t="s">
        <v>302</v>
      </c>
      <c r="E54819" s="15">
        <v>45445</v>
      </c>
      <c r="F54819" s="14" t="s">
        <v>43</v>
      </c>
      <c r="G54819" s="16">
        <v>0</v>
      </c>
    </row>
    <row r="54820" spans="1:7" x14ac:dyDescent="0.3">
      <c r="A54820" s="13" t="s">
        <v>301</v>
      </c>
      <c r="B54820" s="14" t="s">
        <v>1</v>
      </c>
      <c r="C54820" s="14" t="s">
        <v>41</v>
      </c>
      <c r="D54820" s="14" t="s">
        <v>302</v>
      </c>
      <c r="E54820" s="15">
        <v>45446</v>
      </c>
      <c r="F54820" s="14" t="s">
        <v>43</v>
      </c>
      <c r="G54820" s="16">
        <v>0</v>
      </c>
    </row>
    <row r="54821" spans="1:7" x14ac:dyDescent="0.3">
      <c r="A54821" s="13" t="s">
        <v>301</v>
      </c>
      <c r="B54821" s="14" t="s">
        <v>1</v>
      </c>
      <c r="C54821" s="14" t="s">
        <v>41</v>
      </c>
      <c r="D54821" s="14" t="s">
        <v>302</v>
      </c>
      <c r="E54821" s="15">
        <v>45447</v>
      </c>
      <c r="F54821" s="14" t="s">
        <v>43</v>
      </c>
      <c r="G54821" s="16">
        <v>0</v>
      </c>
    </row>
    <row r="54822" spans="1:7" x14ac:dyDescent="0.3">
      <c r="A54822" s="13" t="s">
        <v>301</v>
      </c>
      <c r="B54822" s="14" t="s">
        <v>1</v>
      </c>
      <c r="C54822" s="14" t="s">
        <v>41</v>
      </c>
      <c r="D54822" s="14" t="s">
        <v>302</v>
      </c>
      <c r="E54822" s="15">
        <v>45448</v>
      </c>
      <c r="F54822" s="14" t="s">
        <v>43</v>
      </c>
      <c r="G54822" s="16">
        <v>0</v>
      </c>
    </row>
    <row r="54823" spans="1:7" x14ac:dyDescent="0.3">
      <c r="A54823" s="13" t="s">
        <v>301</v>
      </c>
      <c r="B54823" s="14" t="s">
        <v>1</v>
      </c>
      <c r="C54823" s="14" t="s">
        <v>41</v>
      </c>
      <c r="D54823" s="14" t="s">
        <v>302</v>
      </c>
      <c r="E54823" s="15">
        <v>45449</v>
      </c>
      <c r="F54823" s="14" t="s">
        <v>43</v>
      </c>
      <c r="G54823" s="16">
        <v>0</v>
      </c>
    </row>
    <row r="54824" spans="1:7" x14ac:dyDescent="0.3">
      <c r="A54824" s="13" t="s">
        <v>301</v>
      </c>
      <c r="B54824" s="14" t="s">
        <v>1</v>
      </c>
      <c r="C54824" s="14" t="s">
        <v>41</v>
      </c>
      <c r="D54824" s="14" t="s">
        <v>302</v>
      </c>
      <c r="E54824" s="15">
        <v>45450</v>
      </c>
      <c r="F54824" s="14" t="s">
        <v>43</v>
      </c>
      <c r="G54824" s="16">
        <v>0</v>
      </c>
    </row>
    <row r="54825" spans="1:7" x14ac:dyDescent="0.3">
      <c r="A54825" s="13" t="s">
        <v>301</v>
      </c>
      <c r="B54825" s="14" t="s">
        <v>1</v>
      </c>
      <c r="C54825" s="14" t="s">
        <v>41</v>
      </c>
      <c r="D54825" s="14" t="s">
        <v>302</v>
      </c>
      <c r="E54825" s="15">
        <v>45451</v>
      </c>
      <c r="F54825" s="14" t="s">
        <v>43</v>
      </c>
      <c r="G54825" s="16">
        <v>0</v>
      </c>
    </row>
    <row r="54826" spans="1:7" x14ac:dyDescent="0.3">
      <c r="A54826" s="13" t="s">
        <v>301</v>
      </c>
      <c r="B54826" s="14" t="s">
        <v>1</v>
      </c>
      <c r="C54826" s="14" t="s">
        <v>41</v>
      </c>
      <c r="D54826" s="14" t="s">
        <v>302</v>
      </c>
      <c r="E54826" s="15">
        <v>45452</v>
      </c>
      <c r="F54826" s="14" t="s">
        <v>43</v>
      </c>
      <c r="G54826" s="16">
        <v>0</v>
      </c>
    </row>
    <row r="54827" spans="1:7" x14ac:dyDescent="0.3">
      <c r="A54827" s="13" t="s">
        <v>301</v>
      </c>
      <c r="B54827" s="14" t="s">
        <v>1</v>
      </c>
      <c r="C54827" s="14" t="s">
        <v>41</v>
      </c>
      <c r="D54827" s="14" t="s">
        <v>302</v>
      </c>
      <c r="E54827" s="15">
        <v>45453</v>
      </c>
      <c r="F54827" s="14" t="s">
        <v>43</v>
      </c>
      <c r="G54827" s="16">
        <v>0</v>
      </c>
    </row>
    <row r="54828" spans="1:7" x14ac:dyDescent="0.3">
      <c r="A54828" s="13" t="s">
        <v>301</v>
      </c>
      <c r="B54828" s="14" t="s">
        <v>1</v>
      </c>
      <c r="C54828" s="14" t="s">
        <v>41</v>
      </c>
      <c r="D54828" s="14" t="s">
        <v>302</v>
      </c>
      <c r="E54828" s="15">
        <v>45454</v>
      </c>
      <c r="F54828" s="14" t="s">
        <v>43</v>
      </c>
      <c r="G54828" s="16">
        <v>0</v>
      </c>
    </row>
    <row r="54829" spans="1:7" x14ac:dyDescent="0.3">
      <c r="A54829" s="13" t="s">
        <v>301</v>
      </c>
      <c r="B54829" s="14" t="s">
        <v>1</v>
      </c>
      <c r="C54829" s="14" t="s">
        <v>41</v>
      </c>
      <c r="D54829" s="14" t="s">
        <v>302</v>
      </c>
      <c r="E54829" s="15">
        <v>45455</v>
      </c>
      <c r="F54829" s="14" t="s">
        <v>43</v>
      </c>
      <c r="G54829" s="16">
        <v>0</v>
      </c>
    </row>
    <row r="54830" spans="1:7" x14ac:dyDescent="0.3">
      <c r="A54830" s="13" t="s">
        <v>301</v>
      </c>
      <c r="B54830" s="14" t="s">
        <v>1</v>
      </c>
      <c r="C54830" s="14" t="s">
        <v>41</v>
      </c>
      <c r="D54830" s="14" t="s">
        <v>302</v>
      </c>
      <c r="E54830" s="15">
        <v>45456</v>
      </c>
      <c r="F54830" s="14" t="s">
        <v>43</v>
      </c>
      <c r="G54830" s="16">
        <v>0</v>
      </c>
    </row>
    <row r="54831" spans="1:7" x14ac:dyDescent="0.3">
      <c r="A54831" s="13" t="s">
        <v>301</v>
      </c>
      <c r="B54831" s="14" t="s">
        <v>1</v>
      </c>
      <c r="C54831" s="14" t="s">
        <v>41</v>
      </c>
      <c r="D54831" s="14" t="s">
        <v>302</v>
      </c>
      <c r="E54831" s="15">
        <v>45457</v>
      </c>
      <c r="F54831" s="14" t="s">
        <v>43</v>
      </c>
      <c r="G54831" s="16">
        <v>0</v>
      </c>
    </row>
    <row r="54832" spans="1:7" x14ac:dyDescent="0.3">
      <c r="A54832" s="13" t="s">
        <v>301</v>
      </c>
      <c r="B54832" s="14" t="s">
        <v>1</v>
      </c>
      <c r="C54832" s="14" t="s">
        <v>41</v>
      </c>
      <c r="D54832" s="14" t="s">
        <v>302</v>
      </c>
      <c r="E54832" s="15">
        <v>45458</v>
      </c>
      <c r="F54832" s="14" t="s">
        <v>43</v>
      </c>
      <c r="G54832" s="16">
        <v>0</v>
      </c>
    </row>
    <row r="54833" spans="1:7" x14ac:dyDescent="0.3">
      <c r="A54833" s="13" t="s">
        <v>301</v>
      </c>
      <c r="B54833" s="14" t="s">
        <v>1</v>
      </c>
      <c r="C54833" s="14" t="s">
        <v>41</v>
      </c>
      <c r="D54833" s="14" t="s">
        <v>302</v>
      </c>
      <c r="E54833" s="15">
        <v>45459</v>
      </c>
      <c r="F54833" s="14" t="s">
        <v>43</v>
      </c>
      <c r="G54833" s="16">
        <v>0</v>
      </c>
    </row>
    <row r="54834" spans="1:7" x14ac:dyDescent="0.3">
      <c r="A54834" s="13" t="s">
        <v>301</v>
      </c>
      <c r="B54834" s="14" t="s">
        <v>1</v>
      </c>
      <c r="C54834" s="14" t="s">
        <v>41</v>
      </c>
      <c r="D54834" s="14" t="s">
        <v>302</v>
      </c>
      <c r="E54834" s="15">
        <v>45460</v>
      </c>
      <c r="F54834" s="14" t="s">
        <v>43</v>
      </c>
      <c r="G54834" s="16">
        <v>0</v>
      </c>
    </row>
    <row r="54835" spans="1:7" x14ac:dyDescent="0.3">
      <c r="A54835" s="13" t="s">
        <v>301</v>
      </c>
      <c r="B54835" s="14" t="s">
        <v>1</v>
      </c>
      <c r="C54835" s="14" t="s">
        <v>41</v>
      </c>
      <c r="D54835" s="14" t="s">
        <v>302</v>
      </c>
      <c r="E54835" s="15">
        <v>45461</v>
      </c>
      <c r="F54835" s="14" t="s">
        <v>43</v>
      </c>
      <c r="G54835" s="16">
        <v>0</v>
      </c>
    </row>
    <row r="54836" spans="1:7" x14ac:dyDescent="0.3">
      <c r="A54836" s="13" t="s">
        <v>301</v>
      </c>
      <c r="B54836" s="14" t="s">
        <v>1</v>
      </c>
      <c r="C54836" s="14" t="s">
        <v>41</v>
      </c>
      <c r="D54836" s="14" t="s">
        <v>302</v>
      </c>
      <c r="E54836" s="15">
        <v>45462</v>
      </c>
      <c r="F54836" s="14" t="s">
        <v>43</v>
      </c>
      <c r="G54836" s="16">
        <v>0</v>
      </c>
    </row>
    <row r="54837" spans="1:7" x14ac:dyDescent="0.3">
      <c r="A54837" s="13" t="s">
        <v>301</v>
      </c>
      <c r="B54837" s="14" t="s">
        <v>1</v>
      </c>
      <c r="C54837" s="14" t="s">
        <v>41</v>
      </c>
      <c r="D54837" s="14" t="s">
        <v>302</v>
      </c>
      <c r="E54837" s="15">
        <v>45463</v>
      </c>
      <c r="F54837" s="14" t="s">
        <v>43</v>
      </c>
      <c r="G54837" s="16">
        <v>0</v>
      </c>
    </row>
    <row r="54838" spans="1:7" x14ac:dyDescent="0.3">
      <c r="A54838" s="13" t="s">
        <v>301</v>
      </c>
      <c r="B54838" s="14" t="s">
        <v>1</v>
      </c>
      <c r="C54838" s="14" t="s">
        <v>41</v>
      </c>
      <c r="D54838" s="14" t="s">
        <v>302</v>
      </c>
      <c r="E54838" s="15">
        <v>45464</v>
      </c>
      <c r="F54838" s="14" t="s">
        <v>43</v>
      </c>
      <c r="G54838" s="16">
        <v>0</v>
      </c>
    </row>
    <row r="54839" spans="1:7" x14ac:dyDescent="0.3">
      <c r="A54839" s="13" t="s">
        <v>301</v>
      </c>
      <c r="B54839" s="14" t="s">
        <v>1</v>
      </c>
      <c r="C54839" s="14" t="s">
        <v>41</v>
      </c>
      <c r="D54839" s="14" t="s">
        <v>302</v>
      </c>
      <c r="E54839" s="15">
        <v>45465</v>
      </c>
      <c r="F54839" s="14" t="s">
        <v>43</v>
      </c>
      <c r="G54839" s="16">
        <v>0</v>
      </c>
    </row>
    <row r="54840" spans="1:7" x14ac:dyDescent="0.3">
      <c r="A54840" s="13" t="s">
        <v>301</v>
      </c>
      <c r="B54840" s="14" t="s">
        <v>1</v>
      </c>
      <c r="C54840" s="14" t="s">
        <v>41</v>
      </c>
      <c r="D54840" s="14" t="s">
        <v>302</v>
      </c>
      <c r="E54840" s="15">
        <v>45466</v>
      </c>
      <c r="F54840" s="14" t="s">
        <v>43</v>
      </c>
      <c r="G54840" s="16">
        <v>0</v>
      </c>
    </row>
    <row r="54841" spans="1:7" x14ac:dyDescent="0.3">
      <c r="A54841" s="13" t="s">
        <v>301</v>
      </c>
      <c r="B54841" s="14" t="s">
        <v>1</v>
      </c>
      <c r="C54841" s="14" t="s">
        <v>41</v>
      </c>
      <c r="D54841" s="14" t="s">
        <v>302</v>
      </c>
      <c r="E54841" s="15">
        <v>45467</v>
      </c>
      <c r="F54841" s="14" t="s">
        <v>43</v>
      </c>
      <c r="G54841" s="16">
        <v>0</v>
      </c>
    </row>
    <row r="54842" spans="1:7" x14ac:dyDescent="0.3">
      <c r="A54842" s="13" t="s">
        <v>301</v>
      </c>
      <c r="B54842" s="14" t="s">
        <v>1</v>
      </c>
      <c r="C54842" s="14" t="s">
        <v>41</v>
      </c>
      <c r="D54842" s="14" t="s">
        <v>302</v>
      </c>
      <c r="E54842" s="15">
        <v>45468</v>
      </c>
      <c r="F54842" s="14" t="s">
        <v>43</v>
      </c>
      <c r="G54842" s="16">
        <v>0</v>
      </c>
    </row>
    <row r="54843" spans="1:7" x14ac:dyDescent="0.3">
      <c r="A54843" s="13" t="s">
        <v>301</v>
      </c>
      <c r="B54843" s="14" t="s">
        <v>1</v>
      </c>
      <c r="C54843" s="14" t="s">
        <v>41</v>
      </c>
      <c r="D54843" s="14" t="s">
        <v>302</v>
      </c>
      <c r="E54843" s="15">
        <v>45469</v>
      </c>
      <c r="F54843" s="14" t="s">
        <v>43</v>
      </c>
      <c r="G54843" s="16">
        <v>0</v>
      </c>
    </row>
    <row r="54844" spans="1:7" x14ac:dyDescent="0.3">
      <c r="A54844" s="13" t="s">
        <v>301</v>
      </c>
      <c r="B54844" s="14" t="s">
        <v>1</v>
      </c>
      <c r="C54844" s="14" t="s">
        <v>41</v>
      </c>
      <c r="D54844" s="14" t="s">
        <v>302</v>
      </c>
      <c r="E54844" s="15">
        <v>45470</v>
      </c>
      <c r="F54844" s="14" t="s">
        <v>43</v>
      </c>
      <c r="G54844" s="16">
        <v>0</v>
      </c>
    </row>
    <row r="54845" spans="1:7" x14ac:dyDescent="0.3">
      <c r="A54845" s="13" t="s">
        <v>301</v>
      </c>
      <c r="B54845" s="14" t="s">
        <v>1</v>
      </c>
      <c r="C54845" s="14" t="s">
        <v>41</v>
      </c>
      <c r="D54845" s="14" t="s">
        <v>302</v>
      </c>
      <c r="E54845" s="15">
        <v>45471</v>
      </c>
      <c r="F54845" s="14" t="s">
        <v>43</v>
      </c>
      <c r="G54845" s="16">
        <v>0</v>
      </c>
    </row>
    <row r="54846" spans="1:7" x14ac:dyDescent="0.3">
      <c r="A54846" s="13" t="s">
        <v>301</v>
      </c>
      <c r="B54846" s="14" t="s">
        <v>1</v>
      </c>
      <c r="C54846" s="14" t="s">
        <v>41</v>
      </c>
      <c r="D54846" s="14" t="s">
        <v>302</v>
      </c>
      <c r="E54846" s="15">
        <v>45472</v>
      </c>
      <c r="F54846" s="14" t="s">
        <v>43</v>
      </c>
      <c r="G54846" s="16">
        <v>0</v>
      </c>
    </row>
    <row r="54847" spans="1:7" x14ac:dyDescent="0.3">
      <c r="A54847" s="13" t="s">
        <v>301</v>
      </c>
      <c r="B54847" s="14" t="s">
        <v>1</v>
      </c>
      <c r="C54847" s="14" t="s">
        <v>41</v>
      </c>
      <c r="D54847" s="14" t="s">
        <v>302</v>
      </c>
      <c r="E54847" s="15">
        <v>45473</v>
      </c>
      <c r="F54847" s="14" t="s">
        <v>43</v>
      </c>
      <c r="G54847" s="16">
        <v>0</v>
      </c>
    </row>
    <row r="54848" spans="1:7" x14ac:dyDescent="0.3">
      <c r="A54848" s="13" t="s">
        <v>301</v>
      </c>
      <c r="B54848" s="14" t="s">
        <v>1</v>
      </c>
      <c r="C54848" s="14" t="s">
        <v>41</v>
      </c>
      <c r="D54848" s="14" t="s">
        <v>302</v>
      </c>
      <c r="E54848" s="15">
        <v>45474</v>
      </c>
      <c r="F54848" s="14" t="s">
        <v>43</v>
      </c>
      <c r="G54848" s="16">
        <v>0</v>
      </c>
    </row>
    <row r="54849" spans="1:7" x14ac:dyDescent="0.3">
      <c r="A54849" s="13" t="s">
        <v>301</v>
      </c>
      <c r="B54849" s="14" t="s">
        <v>1</v>
      </c>
      <c r="C54849" s="14" t="s">
        <v>41</v>
      </c>
      <c r="D54849" s="14" t="s">
        <v>302</v>
      </c>
      <c r="E54849" s="15">
        <v>45475</v>
      </c>
      <c r="F54849" s="14" t="s">
        <v>43</v>
      </c>
      <c r="G54849" s="16">
        <v>0</v>
      </c>
    </row>
    <row r="54850" spans="1:7" x14ac:dyDescent="0.3">
      <c r="A54850" s="13" t="s">
        <v>301</v>
      </c>
      <c r="B54850" s="14" t="s">
        <v>1</v>
      </c>
      <c r="C54850" s="14" t="s">
        <v>41</v>
      </c>
      <c r="D54850" s="14" t="s">
        <v>302</v>
      </c>
      <c r="E54850" s="15">
        <v>45476</v>
      </c>
      <c r="F54850" s="14" t="s">
        <v>43</v>
      </c>
      <c r="G54850" s="16">
        <v>0</v>
      </c>
    </row>
    <row r="54851" spans="1:7" x14ac:dyDescent="0.3">
      <c r="A54851" s="13" t="s">
        <v>301</v>
      </c>
      <c r="B54851" s="14" t="s">
        <v>1</v>
      </c>
      <c r="C54851" s="14" t="s">
        <v>41</v>
      </c>
      <c r="D54851" s="14" t="s">
        <v>302</v>
      </c>
      <c r="E54851" s="15">
        <v>45477</v>
      </c>
      <c r="F54851" s="14" t="s">
        <v>43</v>
      </c>
      <c r="G54851" s="16">
        <v>0</v>
      </c>
    </row>
    <row r="54852" spans="1:7" x14ac:dyDescent="0.3">
      <c r="A54852" s="13" t="s">
        <v>301</v>
      </c>
      <c r="B54852" s="14" t="s">
        <v>1</v>
      </c>
      <c r="C54852" s="14" t="s">
        <v>41</v>
      </c>
      <c r="D54852" s="14" t="s">
        <v>302</v>
      </c>
      <c r="E54852" s="15">
        <v>45478</v>
      </c>
      <c r="F54852" s="14" t="s">
        <v>43</v>
      </c>
      <c r="G54852" s="16">
        <v>0</v>
      </c>
    </row>
    <row r="54853" spans="1:7" x14ac:dyDescent="0.3">
      <c r="A54853" s="13" t="s">
        <v>301</v>
      </c>
      <c r="B54853" s="14" t="s">
        <v>1</v>
      </c>
      <c r="C54853" s="14" t="s">
        <v>41</v>
      </c>
      <c r="D54853" s="14" t="s">
        <v>302</v>
      </c>
      <c r="E54853" s="15">
        <v>45479</v>
      </c>
      <c r="F54853" s="14" t="s">
        <v>43</v>
      </c>
      <c r="G54853" s="16">
        <v>0</v>
      </c>
    </row>
    <row r="54854" spans="1:7" x14ac:dyDescent="0.3">
      <c r="A54854" s="13" t="s">
        <v>301</v>
      </c>
      <c r="B54854" s="14" t="s">
        <v>1</v>
      </c>
      <c r="C54854" s="14" t="s">
        <v>41</v>
      </c>
      <c r="D54854" s="14" t="s">
        <v>302</v>
      </c>
      <c r="E54854" s="15">
        <v>45480</v>
      </c>
      <c r="F54854" s="14" t="s">
        <v>43</v>
      </c>
      <c r="G54854" s="16">
        <v>0</v>
      </c>
    </row>
    <row r="54855" spans="1:7" x14ac:dyDescent="0.3">
      <c r="A54855" s="13" t="s">
        <v>301</v>
      </c>
      <c r="B54855" s="14" t="s">
        <v>1</v>
      </c>
      <c r="C54855" s="14" t="s">
        <v>41</v>
      </c>
      <c r="D54855" s="14" t="s">
        <v>302</v>
      </c>
      <c r="E54855" s="15">
        <v>45481</v>
      </c>
      <c r="F54855" s="14" t="s">
        <v>43</v>
      </c>
      <c r="G54855" s="16">
        <v>0</v>
      </c>
    </row>
    <row r="54856" spans="1:7" x14ac:dyDescent="0.3">
      <c r="A54856" s="13" t="s">
        <v>301</v>
      </c>
      <c r="B54856" s="14" t="s">
        <v>1</v>
      </c>
      <c r="C54856" s="14" t="s">
        <v>41</v>
      </c>
      <c r="D54856" s="14" t="s">
        <v>302</v>
      </c>
      <c r="E54856" s="15">
        <v>45482</v>
      </c>
      <c r="F54856" s="14" t="s">
        <v>43</v>
      </c>
      <c r="G54856" s="16">
        <v>0</v>
      </c>
    </row>
    <row r="54857" spans="1:7" x14ac:dyDescent="0.3">
      <c r="A54857" s="13" t="s">
        <v>301</v>
      </c>
      <c r="B54857" s="14" t="s">
        <v>1</v>
      </c>
      <c r="C54857" s="14" t="s">
        <v>41</v>
      </c>
      <c r="D54857" s="14" t="s">
        <v>302</v>
      </c>
      <c r="E54857" s="15">
        <v>45483</v>
      </c>
      <c r="F54857" s="14" t="s">
        <v>43</v>
      </c>
      <c r="G54857" s="16">
        <v>0</v>
      </c>
    </row>
    <row r="54858" spans="1:7" x14ac:dyDescent="0.3">
      <c r="A54858" s="13" t="s">
        <v>301</v>
      </c>
      <c r="B54858" s="14" t="s">
        <v>1</v>
      </c>
      <c r="C54858" s="14" t="s">
        <v>41</v>
      </c>
      <c r="D54858" s="14" t="s">
        <v>302</v>
      </c>
      <c r="E54858" s="15">
        <v>45484</v>
      </c>
      <c r="F54858" s="14" t="s">
        <v>43</v>
      </c>
      <c r="G54858" s="16">
        <v>0</v>
      </c>
    </row>
    <row r="54859" spans="1:7" x14ac:dyDescent="0.3">
      <c r="A54859" s="13" t="s">
        <v>301</v>
      </c>
      <c r="B54859" s="14" t="s">
        <v>1</v>
      </c>
      <c r="C54859" s="14" t="s">
        <v>41</v>
      </c>
      <c r="D54859" s="14" t="s">
        <v>302</v>
      </c>
      <c r="E54859" s="15">
        <v>45485</v>
      </c>
      <c r="F54859" s="14" t="s">
        <v>43</v>
      </c>
      <c r="G54859" s="16">
        <v>0</v>
      </c>
    </row>
    <row r="54860" spans="1:7" x14ac:dyDescent="0.3">
      <c r="A54860" s="13" t="s">
        <v>301</v>
      </c>
      <c r="B54860" s="14" t="s">
        <v>1</v>
      </c>
      <c r="C54860" s="14" t="s">
        <v>41</v>
      </c>
      <c r="D54860" s="14" t="s">
        <v>302</v>
      </c>
      <c r="E54860" s="15">
        <v>45486</v>
      </c>
      <c r="F54860" s="14" t="s">
        <v>43</v>
      </c>
      <c r="G54860" s="16">
        <v>0</v>
      </c>
    </row>
    <row r="54861" spans="1:7" x14ac:dyDescent="0.3">
      <c r="A54861" s="13" t="s">
        <v>301</v>
      </c>
      <c r="B54861" s="14" t="s">
        <v>1</v>
      </c>
      <c r="C54861" s="14" t="s">
        <v>41</v>
      </c>
      <c r="D54861" s="14" t="s">
        <v>302</v>
      </c>
      <c r="E54861" s="15">
        <v>45487</v>
      </c>
      <c r="F54861" s="14" t="s">
        <v>43</v>
      </c>
      <c r="G54861" s="16">
        <v>0</v>
      </c>
    </row>
    <row r="54862" spans="1:7" x14ac:dyDescent="0.3">
      <c r="A54862" s="13" t="s">
        <v>301</v>
      </c>
      <c r="B54862" s="14" t="s">
        <v>1</v>
      </c>
      <c r="C54862" s="14" t="s">
        <v>41</v>
      </c>
      <c r="D54862" s="14" t="s">
        <v>302</v>
      </c>
      <c r="E54862" s="15">
        <v>45488</v>
      </c>
      <c r="F54862" s="14" t="s">
        <v>43</v>
      </c>
      <c r="G54862" s="16">
        <v>0</v>
      </c>
    </row>
    <row r="54863" spans="1:7" x14ac:dyDescent="0.3">
      <c r="A54863" s="13" t="s">
        <v>301</v>
      </c>
      <c r="B54863" s="14" t="s">
        <v>1</v>
      </c>
      <c r="C54863" s="14" t="s">
        <v>41</v>
      </c>
      <c r="D54863" s="14" t="s">
        <v>302</v>
      </c>
      <c r="E54863" s="15">
        <v>45489</v>
      </c>
      <c r="F54863" s="14" t="s">
        <v>43</v>
      </c>
      <c r="G54863" s="16">
        <v>0</v>
      </c>
    </row>
    <row r="54864" spans="1:7" x14ac:dyDescent="0.3">
      <c r="A54864" s="13" t="s">
        <v>301</v>
      </c>
      <c r="B54864" s="14" t="s">
        <v>1</v>
      </c>
      <c r="C54864" s="14" t="s">
        <v>41</v>
      </c>
      <c r="D54864" s="14" t="s">
        <v>302</v>
      </c>
      <c r="E54864" s="15">
        <v>45490</v>
      </c>
      <c r="F54864" s="14" t="s">
        <v>43</v>
      </c>
      <c r="G54864" s="16">
        <v>0</v>
      </c>
    </row>
    <row r="54865" spans="1:7" x14ac:dyDescent="0.3">
      <c r="A54865" s="13" t="s">
        <v>301</v>
      </c>
      <c r="B54865" s="14" t="s">
        <v>1</v>
      </c>
      <c r="C54865" s="14" t="s">
        <v>41</v>
      </c>
      <c r="D54865" s="14" t="s">
        <v>302</v>
      </c>
      <c r="E54865" s="15">
        <v>45491</v>
      </c>
      <c r="F54865" s="14" t="s">
        <v>43</v>
      </c>
      <c r="G54865" s="16">
        <v>0</v>
      </c>
    </row>
    <row r="54866" spans="1:7" x14ac:dyDescent="0.3">
      <c r="A54866" s="13" t="s">
        <v>301</v>
      </c>
      <c r="B54866" s="14" t="s">
        <v>1</v>
      </c>
      <c r="C54866" s="14" t="s">
        <v>41</v>
      </c>
      <c r="D54866" s="14" t="s">
        <v>302</v>
      </c>
      <c r="E54866" s="15">
        <v>45492</v>
      </c>
      <c r="F54866" s="14" t="s">
        <v>43</v>
      </c>
      <c r="G54866" s="16">
        <v>0</v>
      </c>
    </row>
    <row r="54867" spans="1:7" x14ac:dyDescent="0.3">
      <c r="A54867" s="13" t="s">
        <v>301</v>
      </c>
      <c r="B54867" s="14" t="s">
        <v>1</v>
      </c>
      <c r="C54867" s="14" t="s">
        <v>41</v>
      </c>
      <c r="D54867" s="14" t="s">
        <v>302</v>
      </c>
      <c r="E54867" s="15">
        <v>45493</v>
      </c>
      <c r="F54867" s="14" t="s">
        <v>43</v>
      </c>
      <c r="G54867" s="16">
        <v>0</v>
      </c>
    </row>
    <row r="54868" spans="1:7" x14ac:dyDescent="0.3">
      <c r="A54868" s="13" t="s">
        <v>301</v>
      </c>
      <c r="B54868" s="14" t="s">
        <v>1</v>
      </c>
      <c r="C54868" s="14" t="s">
        <v>41</v>
      </c>
      <c r="D54868" s="14" t="s">
        <v>302</v>
      </c>
      <c r="E54868" s="15">
        <v>45494</v>
      </c>
      <c r="F54868" s="14" t="s">
        <v>43</v>
      </c>
      <c r="G54868" s="16">
        <v>0</v>
      </c>
    </row>
    <row r="54869" spans="1:7" x14ac:dyDescent="0.3">
      <c r="A54869" s="13" t="s">
        <v>301</v>
      </c>
      <c r="B54869" s="14" t="s">
        <v>1</v>
      </c>
      <c r="C54869" s="14" t="s">
        <v>41</v>
      </c>
      <c r="D54869" s="14" t="s">
        <v>302</v>
      </c>
      <c r="E54869" s="15">
        <v>45495</v>
      </c>
      <c r="F54869" s="14" t="s">
        <v>43</v>
      </c>
      <c r="G54869" s="16">
        <v>0</v>
      </c>
    </row>
    <row r="54870" spans="1:7" x14ac:dyDescent="0.3">
      <c r="A54870" s="13" t="s">
        <v>301</v>
      </c>
      <c r="B54870" s="14" t="s">
        <v>1</v>
      </c>
      <c r="C54870" s="14" t="s">
        <v>41</v>
      </c>
      <c r="D54870" s="14" t="s">
        <v>302</v>
      </c>
      <c r="E54870" s="15">
        <v>45496</v>
      </c>
      <c r="F54870" s="14" t="s">
        <v>43</v>
      </c>
      <c r="G54870" s="16">
        <v>0</v>
      </c>
    </row>
    <row r="54871" spans="1:7" x14ac:dyDescent="0.3">
      <c r="A54871" s="13" t="s">
        <v>301</v>
      </c>
      <c r="B54871" s="14" t="s">
        <v>1</v>
      </c>
      <c r="C54871" s="14" t="s">
        <v>41</v>
      </c>
      <c r="D54871" s="14" t="s">
        <v>302</v>
      </c>
      <c r="E54871" s="15">
        <v>45497</v>
      </c>
      <c r="F54871" s="14" t="s">
        <v>43</v>
      </c>
      <c r="G54871" s="16">
        <v>0</v>
      </c>
    </row>
    <row r="54872" spans="1:7" x14ac:dyDescent="0.3">
      <c r="A54872" s="13" t="s">
        <v>301</v>
      </c>
      <c r="B54872" s="14" t="s">
        <v>1</v>
      </c>
      <c r="C54872" s="14" t="s">
        <v>41</v>
      </c>
      <c r="D54872" s="14" t="s">
        <v>302</v>
      </c>
      <c r="E54872" s="15">
        <v>45498</v>
      </c>
      <c r="F54872" s="14" t="s">
        <v>43</v>
      </c>
      <c r="G54872" s="16">
        <v>0</v>
      </c>
    </row>
    <row r="54873" spans="1:7" x14ac:dyDescent="0.3">
      <c r="A54873" s="13" t="s">
        <v>301</v>
      </c>
      <c r="B54873" s="14" t="s">
        <v>1</v>
      </c>
      <c r="C54873" s="14" t="s">
        <v>41</v>
      </c>
      <c r="D54873" s="14" t="s">
        <v>302</v>
      </c>
      <c r="E54873" s="15">
        <v>45499</v>
      </c>
      <c r="F54873" s="14" t="s">
        <v>43</v>
      </c>
      <c r="G54873" s="16">
        <v>0</v>
      </c>
    </row>
    <row r="54874" spans="1:7" x14ac:dyDescent="0.3">
      <c r="A54874" s="13" t="s">
        <v>301</v>
      </c>
      <c r="B54874" s="14" t="s">
        <v>1</v>
      </c>
      <c r="C54874" s="14" t="s">
        <v>41</v>
      </c>
      <c r="D54874" s="14" t="s">
        <v>302</v>
      </c>
      <c r="E54874" s="15">
        <v>45500</v>
      </c>
      <c r="F54874" s="14" t="s">
        <v>43</v>
      </c>
      <c r="G54874" s="16">
        <v>0</v>
      </c>
    </row>
    <row r="54875" spans="1:7" x14ac:dyDescent="0.3">
      <c r="A54875" s="13" t="s">
        <v>301</v>
      </c>
      <c r="B54875" s="14" t="s">
        <v>1</v>
      </c>
      <c r="C54875" s="14" t="s">
        <v>41</v>
      </c>
      <c r="D54875" s="14" t="s">
        <v>302</v>
      </c>
      <c r="E54875" s="15">
        <v>45501</v>
      </c>
      <c r="F54875" s="14" t="s">
        <v>43</v>
      </c>
      <c r="G54875" s="16">
        <v>0</v>
      </c>
    </row>
    <row r="54876" spans="1:7" x14ac:dyDescent="0.3">
      <c r="A54876" s="13" t="s">
        <v>301</v>
      </c>
      <c r="B54876" s="14" t="s">
        <v>1</v>
      </c>
      <c r="C54876" s="14" t="s">
        <v>41</v>
      </c>
      <c r="D54876" s="14" t="s">
        <v>302</v>
      </c>
      <c r="E54876" s="15">
        <v>45502</v>
      </c>
      <c r="F54876" s="14" t="s">
        <v>43</v>
      </c>
      <c r="G54876" s="16">
        <v>0</v>
      </c>
    </row>
    <row r="54877" spans="1:7" x14ac:dyDescent="0.3">
      <c r="A54877" s="13" t="s">
        <v>301</v>
      </c>
      <c r="B54877" s="14" t="s">
        <v>1</v>
      </c>
      <c r="C54877" s="14" t="s">
        <v>41</v>
      </c>
      <c r="D54877" s="14" t="s">
        <v>302</v>
      </c>
      <c r="E54877" s="15">
        <v>45503</v>
      </c>
      <c r="F54877" s="14" t="s">
        <v>43</v>
      </c>
      <c r="G54877" s="16">
        <v>0</v>
      </c>
    </row>
    <row r="54878" spans="1:7" x14ac:dyDescent="0.3">
      <c r="A54878" s="13" t="s">
        <v>301</v>
      </c>
      <c r="B54878" s="14" t="s">
        <v>1</v>
      </c>
      <c r="C54878" s="14" t="s">
        <v>41</v>
      </c>
      <c r="D54878" s="14" t="s">
        <v>302</v>
      </c>
      <c r="E54878" s="15">
        <v>45504</v>
      </c>
      <c r="F54878" s="14" t="s">
        <v>43</v>
      </c>
      <c r="G54878" s="16">
        <v>0</v>
      </c>
    </row>
    <row r="54879" spans="1:7" x14ac:dyDescent="0.3">
      <c r="A54879" s="13" t="s">
        <v>301</v>
      </c>
      <c r="B54879" s="14" t="s">
        <v>1</v>
      </c>
      <c r="C54879" s="14" t="s">
        <v>41</v>
      </c>
      <c r="D54879" s="14" t="s">
        <v>302</v>
      </c>
      <c r="E54879" s="15">
        <v>45505</v>
      </c>
      <c r="F54879" s="14" t="s">
        <v>43</v>
      </c>
      <c r="G54879" s="16">
        <v>0</v>
      </c>
    </row>
    <row r="54880" spans="1:7" x14ac:dyDescent="0.3">
      <c r="A54880" s="13" t="s">
        <v>301</v>
      </c>
      <c r="B54880" s="14" t="s">
        <v>1</v>
      </c>
      <c r="C54880" s="14" t="s">
        <v>41</v>
      </c>
      <c r="D54880" s="14" t="s">
        <v>302</v>
      </c>
      <c r="E54880" s="15">
        <v>45506</v>
      </c>
      <c r="F54880" s="14" t="s">
        <v>43</v>
      </c>
      <c r="G54880" s="16">
        <v>0</v>
      </c>
    </row>
    <row r="54881" spans="1:7" x14ac:dyDescent="0.3">
      <c r="A54881" s="13" t="s">
        <v>301</v>
      </c>
      <c r="B54881" s="14" t="s">
        <v>1</v>
      </c>
      <c r="C54881" s="14" t="s">
        <v>41</v>
      </c>
      <c r="D54881" s="14" t="s">
        <v>302</v>
      </c>
      <c r="E54881" s="15">
        <v>45507</v>
      </c>
      <c r="F54881" s="14" t="s">
        <v>43</v>
      </c>
      <c r="G54881" s="16">
        <v>0</v>
      </c>
    </row>
    <row r="54882" spans="1:7" x14ac:dyDescent="0.3">
      <c r="A54882" s="13" t="s">
        <v>301</v>
      </c>
      <c r="B54882" s="14" t="s">
        <v>1</v>
      </c>
      <c r="C54882" s="14" t="s">
        <v>41</v>
      </c>
      <c r="D54882" s="14" t="s">
        <v>302</v>
      </c>
      <c r="E54882" s="15">
        <v>45508</v>
      </c>
      <c r="F54882" s="14" t="s">
        <v>43</v>
      </c>
      <c r="G54882" s="16">
        <v>0</v>
      </c>
    </row>
    <row r="54883" spans="1:7" x14ac:dyDescent="0.3">
      <c r="A54883" s="13" t="s">
        <v>301</v>
      </c>
      <c r="B54883" s="14" t="s">
        <v>1</v>
      </c>
      <c r="C54883" s="14" t="s">
        <v>41</v>
      </c>
      <c r="D54883" s="14" t="s">
        <v>302</v>
      </c>
      <c r="E54883" s="15">
        <v>45509</v>
      </c>
      <c r="F54883" s="14" t="s">
        <v>43</v>
      </c>
      <c r="G54883" s="16">
        <v>0</v>
      </c>
    </row>
    <row r="54884" spans="1:7" x14ac:dyDescent="0.3">
      <c r="A54884" s="13" t="s">
        <v>301</v>
      </c>
      <c r="B54884" s="14" t="s">
        <v>1</v>
      </c>
      <c r="C54884" s="14" t="s">
        <v>41</v>
      </c>
      <c r="D54884" s="14" t="s">
        <v>302</v>
      </c>
      <c r="E54884" s="15">
        <v>45510</v>
      </c>
      <c r="F54884" s="14" t="s">
        <v>43</v>
      </c>
      <c r="G54884" s="16">
        <v>0</v>
      </c>
    </row>
    <row r="54885" spans="1:7" x14ac:dyDescent="0.3">
      <c r="A54885" s="13" t="s">
        <v>301</v>
      </c>
      <c r="B54885" s="14" t="s">
        <v>1</v>
      </c>
      <c r="C54885" s="14" t="s">
        <v>41</v>
      </c>
      <c r="D54885" s="14" t="s">
        <v>302</v>
      </c>
      <c r="E54885" s="15">
        <v>45511</v>
      </c>
      <c r="F54885" s="14" t="s">
        <v>43</v>
      </c>
      <c r="G54885" s="16">
        <v>0</v>
      </c>
    </row>
    <row r="54886" spans="1:7" x14ac:dyDescent="0.3">
      <c r="A54886" s="13" t="s">
        <v>301</v>
      </c>
      <c r="B54886" s="14" t="s">
        <v>1</v>
      </c>
      <c r="C54886" s="14" t="s">
        <v>41</v>
      </c>
      <c r="D54886" s="14" t="s">
        <v>302</v>
      </c>
      <c r="E54886" s="15">
        <v>45512</v>
      </c>
      <c r="F54886" s="14" t="s">
        <v>43</v>
      </c>
      <c r="G54886" s="16">
        <v>0</v>
      </c>
    </row>
    <row r="54887" spans="1:7" x14ac:dyDescent="0.3">
      <c r="A54887" s="13" t="s">
        <v>301</v>
      </c>
      <c r="B54887" s="14" t="s">
        <v>1</v>
      </c>
      <c r="C54887" s="14" t="s">
        <v>41</v>
      </c>
      <c r="D54887" s="14" t="s">
        <v>302</v>
      </c>
      <c r="E54887" s="15">
        <v>45513</v>
      </c>
      <c r="F54887" s="14" t="s">
        <v>43</v>
      </c>
      <c r="G54887" s="16">
        <v>0</v>
      </c>
    </row>
    <row r="54888" spans="1:7" x14ac:dyDescent="0.3">
      <c r="A54888" s="13" t="s">
        <v>301</v>
      </c>
      <c r="B54888" s="14" t="s">
        <v>1</v>
      </c>
      <c r="C54888" s="14" t="s">
        <v>41</v>
      </c>
      <c r="D54888" s="14" t="s">
        <v>302</v>
      </c>
      <c r="E54888" s="15">
        <v>45514</v>
      </c>
      <c r="F54888" s="14" t="s">
        <v>43</v>
      </c>
      <c r="G54888" s="16">
        <v>0</v>
      </c>
    </row>
    <row r="54889" spans="1:7" x14ac:dyDescent="0.3">
      <c r="A54889" s="13" t="s">
        <v>301</v>
      </c>
      <c r="B54889" s="14" t="s">
        <v>1</v>
      </c>
      <c r="C54889" s="14" t="s">
        <v>41</v>
      </c>
      <c r="D54889" s="14" t="s">
        <v>302</v>
      </c>
      <c r="E54889" s="15">
        <v>45515</v>
      </c>
      <c r="F54889" s="14" t="s">
        <v>43</v>
      </c>
      <c r="G54889" s="16">
        <v>0</v>
      </c>
    </row>
    <row r="54890" spans="1:7" x14ac:dyDescent="0.3">
      <c r="A54890" s="13" t="s">
        <v>301</v>
      </c>
      <c r="B54890" s="14" t="s">
        <v>1</v>
      </c>
      <c r="C54890" s="14" t="s">
        <v>41</v>
      </c>
      <c r="D54890" s="14" t="s">
        <v>302</v>
      </c>
      <c r="E54890" s="15">
        <v>45516</v>
      </c>
      <c r="F54890" s="14" t="s">
        <v>43</v>
      </c>
      <c r="G54890" s="16">
        <v>0</v>
      </c>
    </row>
    <row r="54891" spans="1:7" x14ac:dyDescent="0.3">
      <c r="A54891" s="13" t="s">
        <v>301</v>
      </c>
      <c r="B54891" s="14" t="s">
        <v>1</v>
      </c>
      <c r="C54891" s="14" t="s">
        <v>41</v>
      </c>
      <c r="D54891" s="14" t="s">
        <v>302</v>
      </c>
      <c r="E54891" s="15">
        <v>45517</v>
      </c>
      <c r="F54891" s="14" t="s">
        <v>43</v>
      </c>
      <c r="G54891" s="16">
        <v>0</v>
      </c>
    </row>
    <row r="54892" spans="1:7" x14ac:dyDescent="0.3">
      <c r="A54892" s="13" t="s">
        <v>301</v>
      </c>
      <c r="B54892" s="14" t="s">
        <v>1</v>
      </c>
      <c r="C54892" s="14" t="s">
        <v>41</v>
      </c>
      <c r="D54892" s="14" t="s">
        <v>302</v>
      </c>
      <c r="E54892" s="15">
        <v>45518</v>
      </c>
      <c r="F54892" s="14" t="s">
        <v>43</v>
      </c>
      <c r="G54892" s="16">
        <v>0</v>
      </c>
    </row>
    <row r="54893" spans="1:7" x14ac:dyDescent="0.3">
      <c r="A54893" s="13" t="s">
        <v>301</v>
      </c>
      <c r="B54893" s="14" t="s">
        <v>1</v>
      </c>
      <c r="C54893" s="14" t="s">
        <v>41</v>
      </c>
      <c r="D54893" s="14" t="s">
        <v>302</v>
      </c>
      <c r="E54893" s="15">
        <v>45519</v>
      </c>
      <c r="F54893" s="14" t="s">
        <v>43</v>
      </c>
      <c r="G54893" s="16">
        <v>0</v>
      </c>
    </row>
    <row r="54894" spans="1:7" x14ac:dyDescent="0.3">
      <c r="A54894" s="13" t="s">
        <v>301</v>
      </c>
      <c r="B54894" s="14" t="s">
        <v>1</v>
      </c>
      <c r="C54894" s="14" t="s">
        <v>41</v>
      </c>
      <c r="D54894" s="14" t="s">
        <v>302</v>
      </c>
      <c r="E54894" s="15">
        <v>45520</v>
      </c>
      <c r="F54894" s="14" t="s">
        <v>43</v>
      </c>
      <c r="G54894" s="16">
        <v>0</v>
      </c>
    </row>
    <row r="54895" spans="1:7" x14ac:dyDescent="0.3">
      <c r="A54895" s="13" t="s">
        <v>301</v>
      </c>
      <c r="B54895" s="14" t="s">
        <v>1</v>
      </c>
      <c r="C54895" s="14" t="s">
        <v>41</v>
      </c>
      <c r="D54895" s="14" t="s">
        <v>302</v>
      </c>
      <c r="E54895" s="15">
        <v>45521</v>
      </c>
      <c r="F54895" s="14" t="s">
        <v>43</v>
      </c>
      <c r="G54895" s="16">
        <v>0</v>
      </c>
    </row>
    <row r="54896" spans="1:7" x14ac:dyDescent="0.3">
      <c r="A54896" s="13" t="s">
        <v>301</v>
      </c>
      <c r="B54896" s="14" t="s">
        <v>1</v>
      </c>
      <c r="C54896" s="14" t="s">
        <v>41</v>
      </c>
      <c r="D54896" s="14" t="s">
        <v>302</v>
      </c>
      <c r="E54896" s="15">
        <v>45522</v>
      </c>
      <c r="F54896" s="14" t="s">
        <v>43</v>
      </c>
      <c r="G54896" s="16">
        <v>0</v>
      </c>
    </row>
    <row r="54897" spans="1:7" x14ac:dyDescent="0.3">
      <c r="A54897" s="13" t="s">
        <v>301</v>
      </c>
      <c r="B54897" s="14" t="s">
        <v>1</v>
      </c>
      <c r="C54897" s="14" t="s">
        <v>41</v>
      </c>
      <c r="D54897" s="14" t="s">
        <v>302</v>
      </c>
      <c r="E54897" s="15">
        <v>45523</v>
      </c>
      <c r="F54897" s="14" t="s">
        <v>43</v>
      </c>
      <c r="G54897" s="16">
        <v>0</v>
      </c>
    </row>
    <row r="54898" spans="1:7" x14ac:dyDescent="0.3">
      <c r="A54898" s="13" t="s">
        <v>301</v>
      </c>
      <c r="B54898" s="14" t="s">
        <v>1</v>
      </c>
      <c r="C54898" s="14" t="s">
        <v>41</v>
      </c>
      <c r="D54898" s="14" t="s">
        <v>302</v>
      </c>
      <c r="E54898" s="15">
        <v>45524</v>
      </c>
      <c r="F54898" s="14" t="s">
        <v>43</v>
      </c>
      <c r="G54898" s="16">
        <v>0</v>
      </c>
    </row>
    <row r="54899" spans="1:7" x14ac:dyDescent="0.3">
      <c r="A54899" s="13" t="s">
        <v>301</v>
      </c>
      <c r="B54899" s="14" t="s">
        <v>1</v>
      </c>
      <c r="C54899" s="14" t="s">
        <v>41</v>
      </c>
      <c r="D54899" s="14" t="s">
        <v>302</v>
      </c>
      <c r="E54899" s="15">
        <v>45525</v>
      </c>
      <c r="F54899" s="14" t="s">
        <v>43</v>
      </c>
      <c r="G54899" s="16">
        <v>0</v>
      </c>
    </row>
    <row r="54900" spans="1:7" x14ac:dyDescent="0.3">
      <c r="A54900" s="13" t="s">
        <v>301</v>
      </c>
      <c r="B54900" s="14" t="s">
        <v>1</v>
      </c>
      <c r="C54900" s="14" t="s">
        <v>41</v>
      </c>
      <c r="D54900" s="14" t="s">
        <v>302</v>
      </c>
      <c r="E54900" s="15">
        <v>45526</v>
      </c>
      <c r="F54900" s="14" t="s">
        <v>43</v>
      </c>
      <c r="G54900" s="16">
        <v>0</v>
      </c>
    </row>
    <row r="54901" spans="1:7" x14ac:dyDescent="0.3">
      <c r="A54901" s="13" t="s">
        <v>301</v>
      </c>
      <c r="B54901" s="14" t="s">
        <v>1</v>
      </c>
      <c r="C54901" s="14" t="s">
        <v>41</v>
      </c>
      <c r="D54901" s="14" t="s">
        <v>302</v>
      </c>
      <c r="E54901" s="15">
        <v>45527</v>
      </c>
      <c r="F54901" s="14" t="s">
        <v>43</v>
      </c>
      <c r="G54901" s="16">
        <v>0</v>
      </c>
    </row>
    <row r="54902" spans="1:7" x14ac:dyDescent="0.3">
      <c r="A54902" s="13" t="s">
        <v>301</v>
      </c>
      <c r="B54902" s="14" t="s">
        <v>1</v>
      </c>
      <c r="C54902" s="14" t="s">
        <v>41</v>
      </c>
      <c r="D54902" s="14" t="s">
        <v>302</v>
      </c>
      <c r="E54902" s="15">
        <v>45528</v>
      </c>
      <c r="F54902" s="14" t="s">
        <v>43</v>
      </c>
      <c r="G54902" s="16">
        <v>0</v>
      </c>
    </row>
    <row r="54903" spans="1:7" x14ac:dyDescent="0.3">
      <c r="A54903" s="13" t="s">
        <v>301</v>
      </c>
      <c r="B54903" s="14" t="s">
        <v>1</v>
      </c>
      <c r="C54903" s="14" t="s">
        <v>41</v>
      </c>
      <c r="D54903" s="14" t="s">
        <v>302</v>
      </c>
      <c r="E54903" s="15">
        <v>45529</v>
      </c>
      <c r="F54903" s="14" t="s">
        <v>43</v>
      </c>
      <c r="G54903" s="16">
        <v>0</v>
      </c>
    </row>
    <row r="54904" spans="1:7" x14ac:dyDescent="0.3">
      <c r="A54904" s="13" t="s">
        <v>301</v>
      </c>
      <c r="B54904" s="14" t="s">
        <v>1</v>
      </c>
      <c r="C54904" s="14" t="s">
        <v>41</v>
      </c>
      <c r="D54904" s="14" t="s">
        <v>302</v>
      </c>
      <c r="E54904" s="15">
        <v>45530</v>
      </c>
      <c r="F54904" s="14" t="s">
        <v>43</v>
      </c>
      <c r="G54904" s="16">
        <v>0</v>
      </c>
    </row>
    <row r="54905" spans="1:7" x14ac:dyDescent="0.3">
      <c r="A54905" s="13" t="s">
        <v>301</v>
      </c>
      <c r="B54905" s="14" t="s">
        <v>1</v>
      </c>
      <c r="C54905" s="14" t="s">
        <v>41</v>
      </c>
      <c r="D54905" s="14" t="s">
        <v>302</v>
      </c>
      <c r="E54905" s="15">
        <v>45531</v>
      </c>
      <c r="F54905" s="14" t="s">
        <v>43</v>
      </c>
      <c r="G54905" s="16">
        <v>0</v>
      </c>
    </row>
    <row r="54906" spans="1:7" x14ac:dyDescent="0.3">
      <c r="A54906" s="13" t="s">
        <v>301</v>
      </c>
      <c r="B54906" s="14" t="s">
        <v>1</v>
      </c>
      <c r="C54906" s="14" t="s">
        <v>41</v>
      </c>
      <c r="D54906" s="14" t="s">
        <v>302</v>
      </c>
      <c r="E54906" s="15">
        <v>45532</v>
      </c>
      <c r="F54906" s="14" t="s">
        <v>43</v>
      </c>
      <c r="G54906" s="16">
        <v>0</v>
      </c>
    </row>
    <row r="54907" spans="1:7" x14ac:dyDescent="0.3">
      <c r="A54907" s="13" t="s">
        <v>301</v>
      </c>
      <c r="B54907" s="14" t="s">
        <v>1</v>
      </c>
      <c r="C54907" s="14" t="s">
        <v>41</v>
      </c>
      <c r="D54907" s="14" t="s">
        <v>302</v>
      </c>
      <c r="E54907" s="15">
        <v>45533</v>
      </c>
      <c r="F54907" s="14" t="s">
        <v>43</v>
      </c>
      <c r="G54907" s="16">
        <v>0</v>
      </c>
    </row>
    <row r="54908" spans="1:7" x14ac:dyDescent="0.3">
      <c r="A54908" s="13" t="s">
        <v>301</v>
      </c>
      <c r="B54908" s="14" t="s">
        <v>1</v>
      </c>
      <c r="C54908" s="14" t="s">
        <v>41</v>
      </c>
      <c r="D54908" s="14" t="s">
        <v>302</v>
      </c>
      <c r="E54908" s="15">
        <v>45534</v>
      </c>
      <c r="F54908" s="14" t="s">
        <v>43</v>
      </c>
      <c r="G54908" s="16">
        <v>0</v>
      </c>
    </row>
    <row r="54909" spans="1:7" x14ac:dyDescent="0.3">
      <c r="A54909" s="13" t="s">
        <v>301</v>
      </c>
      <c r="B54909" s="14" t="s">
        <v>1</v>
      </c>
      <c r="C54909" s="14" t="s">
        <v>41</v>
      </c>
      <c r="D54909" s="14" t="s">
        <v>302</v>
      </c>
      <c r="E54909" s="15">
        <v>45535</v>
      </c>
      <c r="F54909" s="14" t="s">
        <v>43</v>
      </c>
      <c r="G54909" s="16">
        <v>0</v>
      </c>
    </row>
    <row r="54910" spans="1:7" x14ac:dyDescent="0.3">
      <c r="A54910" s="13" t="s">
        <v>301</v>
      </c>
      <c r="B54910" s="14" t="s">
        <v>1</v>
      </c>
      <c r="C54910" s="14" t="s">
        <v>41</v>
      </c>
      <c r="D54910" s="14" t="s">
        <v>302</v>
      </c>
      <c r="E54910" s="15">
        <v>45536</v>
      </c>
      <c r="F54910" s="14" t="s">
        <v>43</v>
      </c>
      <c r="G54910" s="16">
        <v>0</v>
      </c>
    </row>
    <row r="54911" spans="1:7" x14ac:dyDescent="0.3">
      <c r="A54911" s="13" t="s">
        <v>301</v>
      </c>
      <c r="B54911" s="14" t="s">
        <v>1</v>
      </c>
      <c r="C54911" s="14" t="s">
        <v>41</v>
      </c>
      <c r="D54911" s="14" t="s">
        <v>302</v>
      </c>
      <c r="E54911" s="15">
        <v>45537</v>
      </c>
      <c r="F54911" s="14" t="s">
        <v>43</v>
      </c>
      <c r="G54911" s="16">
        <v>0</v>
      </c>
    </row>
    <row r="54912" spans="1:7" x14ac:dyDescent="0.3">
      <c r="A54912" s="13" t="s">
        <v>301</v>
      </c>
      <c r="B54912" s="14" t="s">
        <v>1</v>
      </c>
      <c r="C54912" s="14" t="s">
        <v>41</v>
      </c>
      <c r="D54912" s="14" t="s">
        <v>302</v>
      </c>
      <c r="E54912" s="15">
        <v>45538</v>
      </c>
      <c r="F54912" s="14" t="s">
        <v>43</v>
      </c>
      <c r="G54912" s="16">
        <v>0</v>
      </c>
    </row>
    <row r="54913" spans="1:7" x14ac:dyDescent="0.3">
      <c r="A54913" s="13" t="s">
        <v>301</v>
      </c>
      <c r="B54913" s="14" t="s">
        <v>1</v>
      </c>
      <c r="C54913" s="14" t="s">
        <v>41</v>
      </c>
      <c r="D54913" s="14" t="s">
        <v>302</v>
      </c>
      <c r="E54913" s="15">
        <v>45539</v>
      </c>
      <c r="F54913" s="14" t="s">
        <v>43</v>
      </c>
      <c r="G54913" s="16">
        <v>0</v>
      </c>
    </row>
    <row r="54914" spans="1:7" x14ac:dyDescent="0.3">
      <c r="A54914" s="13" t="s">
        <v>301</v>
      </c>
      <c r="B54914" s="14" t="s">
        <v>1</v>
      </c>
      <c r="C54914" s="14" t="s">
        <v>41</v>
      </c>
      <c r="D54914" s="14" t="s">
        <v>302</v>
      </c>
      <c r="E54914" s="15">
        <v>45540</v>
      </c>
      <c r="F54914" s="14" t="s">
        <v>43</v>
      </c>
      <c r="G54914" s="16">
        <v>0</v>
      </c>
    </row>
    <row r="54915" spans="1:7" x14ac:dyDescent="0.3">
      <c r="A54915" s="13" t="s">
        <v>301</v>
      </c>
      <c r="B54915" s="14" t="s">
        <v>1</v>
      </c>
      <c r="C54915" s="14" t="s">
        <v>41</v>
      </c>
      <c r="D54915" s="14" t="s">
        <v>302</v>
      </c>
      <c r="E54915" s="15">
        <v>45541</v>
      </c>
      <c r="F54915" s="14" t="s">
        <v>43</v>
      </c>
      <c r="G54915" s="16">
        <v>0</v>
      </c>
    </row>
    <row r="54916" spans="1:7" x14ac:dyDescent="0.3">
      <c r="A54916" s="13" t="s">
        <v>301</v>
      </c>
      <c r="B54916" s="14" t="s">
        <v>1</v>
      </c>
      <c r="C54916" s="14" t="s">
        <v>41</v>
      </c>
      <c r="D54916" s="14" t="s">
        <v>302</v>
      </c>
      <c r="E54916" s="15">
        <v>45542</v>
      </c>
      <c r="F54916" s="14" t="s">
        <v>43</v>
      </c>
      <c r="G54916" s="16">
        <v>0</v>
      </c>
    </row>
    <row r="54917" spans="1:7" x14ac:dyDescent="0.3">
      <c r="A54917" s="13" t="s">
        <v>301</v>
      </c>
      <c r="B54917" s="14" t="s">
        <v>1</v>
      </c>
      <c r="C54917" s="14" t="s">
        <v>41</v>
      </c>
      <c r="D54917" s="14" t="s">
        <v>302</v>
      </c>
      <c r="E54917" s="15">
        <v>45543</v>
      </c>
      <c r="F54917" s="14" t="s">
        <v>43</v>
      </c>
      <c r="G54917" s="16">
        <v>0</v>
      </c>
    </row>
    <row r="54918" spans="1:7" x14ac:dyDescent="0.3">
      <c r="A54918" s="13" t="s">
        <v>301</v>
      </c>
      <c r="B54918" s="14" t="s">
        <v>1</v>
      </c>
      <c r="C54918" s="14" t="s">
        <v>41</v>
      </c>
      <c r="D54918" s="14" t="s">
        <v>302</v>
      </c>
      <c r="E54918" s="15">
        <v>45544</v>
      </c>
      <c r="F54918" s="14" t="s">
        <v>43</v>
      </c>
      <c r="G54918" s="16">
        <v>0</v>
      </c>
    </row>
    <row r="54919" spans="1:7" x14ac:dyDescent="0.3">
      <c r="A54919" s="13" t="s">
        <v>301</v>
      </c>
      <c r="B54919" s="14" t="s">
        <v>1</v>
      </c>
      <c r="C54919" s="14" t="s">
        <v>41</v>
      </c>
      <c r="D54919" s="14" t="s">
        <v>302</v>
      </c>
      <c r="E54919" s="15">
        <v>45545</v>
      </c>
      <c r="F54919" s="14" t="s">
        <v>43</v>
      </c>
      <c r="G54919" s="16">
        <v>0</v>
      </c>
    </row>
    <row r="54920" spans="1:7" x14ac:dyDescent="0.3">
      <c r="A54920" s="13" t="s">
        <v>301</v>
      </c>
      <c r="B54920" s="14" t="s">
        <v>1</v>
      </c>
      <c r="C54920" s="14" t="s">
        <v>41</v>
      </c>
      <c r="D54920" s="14" t="s">
        <v>302</v>
      </c>
      <c r="E54920" s="15">
        <v>45546</v>
      </c>
      <c r="F54920" s="14" t="s">
        <v>43</v>
      </c>
      <c r="G54920" s="16">
        <v>0</v>
      </c>
    </row>
    <row r="54921" spans="1:7" x14ac:dyDescent="0.3">
      <c r="A54921" s="13" t="s">
        <v>301</v>
      </c>
      <c r="B54921" s="14" t="s">
        <v>1</v>
      </c>
      <c r="C54921" s="14" t="s">
        <v>41</v>
      </c>
      <c r="D54921" s="14" t="s">
        <v>302</v>
      </c>
      <c r="E54921" s="15">
        <v>45547</v>
      </c>
      <c r="F54921" s="14" t="s">
        <v>43</v>
      </c>
      <c r="G54921" s="16">
        <v>0</v>
      </c>
    </row>
    <row r="54922" spans="1:7" x14ac:dyDescent="0.3">
      <c r="A54922" s="13" t="s">
        <v>301</v>
      </c>
      <c r="B54922" s="14" t="s">
        <v>1</v>
      </c>
      <c r="C54922" s="14" t="s">
        <v>41</v>
      </c>
      <c r="D54922" s="14" t="s">
        <v>302</v>
      </c>
      <c r="E54922" s="15">
        <v>45548</v>
      </c>
      <c r="F54922" s="14" t="s">
        <v>43</v>
      </c>
      <c r="G54922" s="16">
        <v>0</v>
      </c>
    </row>
    <row r="54923" spans="1:7" x14ac:dyDescent="0.3">
      <c r="A54923" s="13" t="s">
        <v>301</v>
      </c>
      <c r="B54923" s="14" t="s">
        <v>1</v>
      </c>
      <c r="C54923" s="14" t="s">
        <v>41</v>
      </c>
      <c r="D54923" s="14" t="s">
        <v>302</v>
      </c>
      <c r="E54923" s="15">
        <v>45549</v>
      </c>
      <c r="F54923" s="14" t="s">
        <v>43</v>
      </c>
      <c r="G54923" s="16">
        <v>0</v>
      </c>
    </row>
    <row r="54924" spans="1:7" x14ac:dyDescent="0.3">
      <c r="A54924" s="13" t="s">
        <v>301</v>
      </c>
      <c r="B54924" s="14" t="s">
        <v>1</v>
      </c>
      <c r="C54924" s="14" t="s">
        <v>41</v>
      </c>
      <c r="D54924" s="14" t="s">
        <v>302</v>
      </c>
      <c r="E54924" s="15">
        <v>45550</v>
      </c>
      <c r="F54924" s="14" t="s">
        <v>43</v>
      </c>
      <c r="G54924" s="16">
        <v>0</v>
      </c>
    </row>
    <row r="54925" spans="1:7" x14ac:dyDescent="0.3">
      <c r="A54925" s="13" t="s">
        <v>301</v>
      </c>
      <c r="B54925" s="14" t="s">
        <v>1</v>
      </c>
      <c r="C54925" s="14" t="s">
        <v>41</v>
      </c>
      <c r="D54925" s="14" t="s">
        <v>302</v>
      </c>
      <c r="E54925" s="15">
        <v>45551</v>
      </c>
      <c r="F54925" s="14" t="s">
        <v>43</v>
      </c>
      <c r="G54925" s="16">
        <v>0</v>
      </c>
    </row>
    <row r="54926" spans="1:7" x14ac:dyDescent="0.3">
      <c r="A54926" s="13" t="s">
        <v>301</v>
      </c>
      <c r="B54926" s="14" t="s">
        <v>1</v>
      </c>
      <c r="C54926" s="14" t="s">
        <v>41</v>
      </c>
      <c r="D54926" s="14" t="s">
        <v>302</v>
      </c>
      <c r="E54926" s="15">
        <v>45552</v>
      </c>
      <c r="F54926" s="14" t="s">
        <v>43</v>
      </c>
      <c r="G54926" s="16">
        <v>0</v>
      </c>
    </row>
    <row r="54927" spans="1:7" x14ac:dyDescent="0.3">
      <c r="A54927" s="13" t="s">
        <v>301</v>
      </c>
      <c r="B54927" s="14" t="s">
        <v>1</v>
      </c>
      <c r="C54927" s="14" t="s">
        <v>41</v>
      </c>
      <c r="D54927" s="14" t="s">
        <v>302</v>
      </c>
      <c r="E54927" s="15">
        <v>45553</v>
      </c>
      <c r="F54927" s="14" t="s">
        <v>43</v>
      </c>
      <c r="G54927" s="16">
        <v>0</v>
      </c>
    </row>
    <row r="54928" spans="1:7" x14ac:dyDescent="0.3">
      <c r="A54928" s="13" t="s">
        <v>301</v>
      </c>
      <c r="B54928" s="14" t="s">
        <v>1</v>
      </c>
      <c r="C54928" s="14" t="s">
        <v>41</v>
      </c>
      <c r="D54928" s="14" t="s">
        <v>302</v>
      </c>
      <c r="E54928" s="15">
        <v>45554</v>
      </c>
      <c r="F54928" s="14" t="s">
        <v>43</v>
      </c>
      <c r="G54928" s="16">
        <v>0</v>
      </c>
    </row>
    <row r="54929" spans="1:7" x14ac:dyDescent="0.3">
      <c r="A54929" s="13" t="s">
        <v>301</v>
      </c>
      <c r="B54929" s="14" t="s">
        <v>1</v>
      </c>
      <c r="C54929" s="14" t="s">
        <v>41</v>
      </c>
      <c r="D54929" s="14" t="s">
        <v>302</v>
      </c>
      <c r="E54929" s="15">
        <v>45555</v>
      </c>
      <c r="F54929" s="14" t="s">
        <v>43</v>
      </c>
      <c r="G54929" s="16">
        <v>0</v>
      </c>
    </row>
    <row r="54930" spans="1:7" x14ac:dyDescent="0.3">
      <c r="A54930" s="13" t="s">
        <v>301</v>
      </c>
      <c r="B54930" s="14" t="s">
        <v>1</v>
      </c>
      <c r="C54930" s="14" t="s">
        <v>41</v>
      </c>
      <c r="D54930" s="14" t="s">
        <v>302</v>
      </c>
      <c r="E54930" s="15">
        <v>45556</v>
      </c>
      <c r="F54930" s="14" t="s">
        <v>43</v>
      </c>
      <c r="G54930" s="16">
        <v>0</v>
      </c>
    </row>
    <row r="54931" spans="1:7" x14ac:dyDescent="0.3">
      <c r="A54931" s="13" t="s">
        <v>301</v>
      </c>
      <c r="B54931" s="14" t="s">
        <v>1</v>
      </c>
      <c r="C54931" s="14" t="s">
        <v>41</v>
      </c>
      <c r="D54931" s="14" t="s">
        <v>302</v>
      </c>
      <c r="E54931" s="15">
        <v>45557</v>
      </c>
      <c r="F54931" s="14" t="s">
        <v>43</v>
      </c>
      <c r="G54931" s="16">
        <v>0</v>
      </c>
    </row>
    <row r="54932" spans="1:7" x14ac:dyDescent="0.3">
      <c r="A54932" s="13" t="s">
        <v>301</v>
      </c>
      <c r="B54932" s="14" t="s">
        <v>1</v>
      </c>
      <c r="C54932" s="14" t="s">
        <v>41</v>
      </c>
      <c r="D54932" s="14" t="s">
        <v>302</v>
      </c>
      <c r="E54932" s="15">
        <v>45558</v>
      </c>
      <c r="F54932" s="14" t="s">
        <v>43</v>
      </c>
      <c r="G54932" s="16">
        <v>0</v>
      </c>
    </row>
    <row r="54933" spans="1:7" x14ac:dyDescent="0.3">
      <c r="A54933" s="13" t="s">
        <v>301</v>
      </c>
      <c r="B54933" s="14" t="s">
        <v>1</v>
      </c>
      <c r="C54933" s="14" t="s">
        <v>41</v>
      </c>
      <c r="D54933" s="14" t="s">
        <v>302</v>
      </c>
      <c r="E54933" s="15">
        <v>45559</v>
      </c>
      <c r="F54933" s="14" t="s">
        <v>43</v>
      </c>
      <c r="G54933" s="16">
        <v>0</v>
      </c>
    </row>
    <row r="54934" spans="1:7" x14ac:dyDescent="0.3">
      <c r="A54934" s="13" t="s">
        <v>301</v>
      </c>
      <c r="B54934" s="14" t="s">
        <v>1</v>
      </c>
      <c r="C54934" s="14" t="s">
        <v>41</v>
      </c>
      <c r="D54934" s="14" t="s">
        <v>302</v>
      </c>
      <c r="E54934" s="15">
        <v>45560</v>
      </c>
      <c r="F54934" s="14" t="s">
        <v>43</v>
      </c>
      <c r="G54934" s="16">
        <v>0</v>
      </c>
    </row>
    <row r="54935" spans="1:7" x14ac:dyDescent="0.3">
      <c r="A54935" s="13" t="s">
        <v>301</v>
      </c>
      <c r="B54935" s="14" t="s">
        <v>1</v>
      </c>
      <c r="C54935" s="14" t="s">
        <v>41</v>
      </c>
      <c r="D54935" s="14" t="s">
        <v>302</v>
      </c>
      <c r="E54935" s="15">
        <v>45561</v>
      </c>
      <c r="F54935" s="14" t="s">
        <v>43</v>
      </c>
      <c r="G54935" s="16">
        <v>0</v>
      </c>
    </row>
    <row r="54936" spans="1:7" x14ac:dyDescent="0.3">
      <c r="A54936" s="13" t="s">
        <v>301</v>
      </c>
      <c r="B54936" s="14" t="s">
        <v>1</v>
      </c>
      <c r="C54936" s="14" t="s">
        <v>41</v>
      </c>
      <c r="D54936" s="14" t="s">
        <v>302</v>
      </c>
      <c r="E54936" s="15">
        <v>45562</v>
      </c>
      <c r="F54936" s="14" t="s">
        <v>43</v>
      </c>
      <c r="G54936" s="16">
        <v>0</v>
      </c>
    </row>
    <row r="54937" spans="1:7" x14ac:dyDescent="0.3">
      <c r="A54937" s="13" t="s">
        <v>301</v>
      </c>
      <c r="B54937" s="14" t="s">
        <v>1</v>
      </c>
      <c r="C54937" s="14" t="s">
        <v>41</v>
      </c>
      <c r="D54937" s="14" t="s">
        <v>302</v>
      </c>
      <c r="E54937" s="15">
        <v>45563</v>
      </c>
      <c r="F54937" s="14" t="s">
        <v>43</v>
      </c>
      <c r="G54937" s="16">
        <v>0</v>
      </c>
    </row>
    <row r="54938" spans="1:7" x14ac:dyDescent="0.3">
      <c r="A54938" s="13" t="s">
        <v>301</v>
      </c>
      <c r="B54938" s="14" t="s">
        <v>1</v>
      </c>
      <c r="C54938" s="14" t="s">
        <v>41</v>
      </c>
      <c r="D54938" s="14" t="s">
        <v>302</v>
      </c>
      <c r="E54938" s="15">
        <v>45564</v>
      </c>
      <c r="F54938" s="14" t="s">
        <v>43</v>
      </c>
      <c r="G54938" s="16">
        <v>0</v>
      </c>
    </row>
    <row r="54939" spans="1:7" x14ac:dyDescent="0.3">
      <c r="A54939" s="13" t="s">
        <v>301</v>
      </c>
      <c r="B54939" s="14" t="s">
        <v>1</v>
      </c>
      <c r="C54939" s="14" t="s">
        <v>41</v>
      </c>
      <c r="D54939" s="14" t="s">
        <v>302</v>
      </c>
      <c r="E54939" s="15">
        <v>45565</v>
      </c>
      <c r="F54939" s="14" t="s">
        <v>43</v>
      </c>
      <c r="G54939" s="16">
        <v>42.925626060214412</v>
      </c>
    </row>
    <row r="54940" spans="1:7" x14ac:dyDescent="0.3">
      <c r="A54940" s="13" t="s">
        <v>301</v>
      </c>
      <c r="B54940" s="14" t="s">
        <v>1</v>
      </c>
      <c r="C54940" s="14" t="s">
        <v>41</v>
      </c>
      <c r="D54940" s="14" t="s">
        <v>302</v>
      </c>
      <c r="E54940" s="15">
        <v>45566</v>
      </c>
      <c r="F54940" s="14" t="s">
        <v>43</v>
      </c>
      <c r="G54940" s="16">
        <v>41.677641353663986</v>
      </c>
    </row>
    <row r="54941" spans="1:7" x14ac:dyDescent="0.3">
      <c r="A54941" s="13" t="s">
        <v>301</v>
      </c>
      <c r="B54941" s="14" t="s">
        <v>1</v>
      </c>
      <c r="C54941" s="14" t="s">
        <v>41</v>
      </c>
      <c r="D54941" s="14" t="s">
        <v>302</v>
      </c>
      <c r="E54941" s="15">
        <v>45567</v>
      </c>
      <c r="F54941" s="14" t="s">
        <v>43</v>
      </c>
      <c r="G54941" s="16">
        <v>41.271977833929249</v>
      </c>
    </row>
    <row r="54942" spans="1:7" x14ac:dyDescent="0.3">
      <c r="A54942" s="13" t="s">
        <v>301</v>
      </c>
      <c r="B54942" s="14" t="s">
        <v>1</v>
      </c>
      <c r="C54942" s="14" t="s">
        <v>41</v>
      </c>
      <c r="D54942" s="14" t="s">
        <v>302</v>
      </c>
      <c r="E54942" s="15">
        <v>45568</v>
      </c>
      <c r="F54942" s="14" t="s">
        <v>43</v>
      </c>
      <c r="G54942" s="16">
        <v>40.860221149513315</v>
      </c>
    </row>
    <row r="54943" spans="1:7" x14ac:dyDescent="0.3">
      <c r="A54943" s="13" t="s">
        <v>301</v>
      </c>
      <c r="B54943" s="14" t="s">
        <v>1</v>
      </c>
      <c r="C54943" s="14" t="s">
        <v>41</v>
      </c>
      <c r="D54943" s="14" t="s">
        <v>302</v>
      </c>
      <c r="E54943" s="15">
        <v>45569</v>
      </c>
      <c r="F54943" s="14" t="s">
        <v>43</v>
      </c>
      <c r="G54943" s="16">
        <v>40.454178964300837</v>
      </c>
    </row>
    <row r="54944" spans="1:7" x14ac:dyDescent="0.3">
      <c r="A54944" s="13" t="s">
        <v>301</v>
      </c>
      <c r="B54944" s="14" t="s">
        <v>1</v>
      </c>
      <c r="C54944" s="14" t="s">
        <v>41</v>
      </c>
      <c r="D54944" s="14" t="s">
        <v>302</v>
      </c>
      <c r="E54944" s="15">
        <v>45570</v>
      </c>
      <c r="F54944" s="14" t="s">
        <v>43</v>
      </c>
      <c r="G54944" s="16">
        <v>40.454178964300837</v>
      </c>
    </row>
    <row r="54945" spans="1:7" x14ac:dyDescent="0.3">
      <c r="A54945" s="13" t="s">
        <v>301</v>
      </c>
      <c r="B54945" s="14" t="s">
        <v>1</v>
      </c>
      <c r="C54945" s="14" t="s">
        <v>41</v>
      </c>
      <c r="D54945" s="14" t="s">
        <v>302</v>
      </c>
      <c r="E54945" s="15">
        <v>45571</v>
      </c>
      <c r="F54945" s="14" t="s">
        <v>43</v>
      </c>
      <c r="G54945" s="16">
        <v>40.454178964300837</v>
      </c>
    </row>
    <row r="54946" spans="1:7" x14ac:dyDescent="0.3">
      <c r="A54946" s="13" t="s">
        <v>301</v>
      </c>
      <c r="B54946" s="14" t="s">
        <v>1</v>
      </c>
      <c r="C54946" s="14" t="s">
        <v>41</v>
      </c>
      <c r="D54946" s="14" t="s">
        <v>302</v>
      </c>
      <c r="E54946" s="15">
        <v>45572</v>
      </c>
      <c r="F54946" s="14" t="s">
        <v>43</v>
      </c>
      <c r="G54946" s="16">
        <v>40.043847115857403</v>
      </c>
    </row>
    <row r="54947" spans="1:7" x14ac:dyDescent="0.3">
      <c r="A54947" s="13" t="s">
        <v>301</v>
      </c>
      <c r="B54947" s="14" t="s">
        <v>1</v>
      </c>
      <c r="C54947" s="14" t="s">
        <v>41</v>
      </c>
      <c r="D54947" s="14" t="s">
        <v>302</v>
      </c>
      <c r="E54947" s="15">
        <v>45573</v>
      </c>
      <c r="F54947" s="14" t="s">
        <v>43</v>
      </c>
      <c r="G54947" s="16">
        <v>38.814510881219583</v>
      </c>
    </row>
    <row r="54948" spans="1:7" x14ac:dyDescent="0.3">
      <c r="A54948" s="13" t="s">
        <v>301</v>
      </c>
      <c r="B54948" s="14" t="s">
        <v>1</v>
      </c>
      <c r="C54948" s="14" t="s">
        <v>41</v>
      </c>
      <c r="D54948" s="14" t="s">
        <v>302</v>
      </c>
      <c r="E54948" s="15">
        <v>45574</v>
      </c>
      <c r="F54948" s="14" t="s">
        <v>43</v>
      </c>
      <c r="G54948" s="16">
        <v>38.394615995401935</v>
      </c>
    </row>
    <row r="54949" spans="1:7" x14ac:dyDescent="0.3">
      <c r="A54949" s="13" t="s">
        <v>301</v>
      </c>
      <c r="B54949" s="14" t="s">
        <v>1</v>
      </c>
      <c r="C54949" s="14" t="s">
        <v>41</v>
      </c>
      <c r="D54949" s="14" t="s">
        <v>302</v>
      </c>
      <c r="E54949" s="15">
        <v>45575</v>
      </c>
      <c r="F54949" s="14" t="s">
        <v>43</v>
      </c>
      <c r="G54949" s="16">
        <v>37.981339903075636</v>
      </c>
    </row>
    <row r="54950" spans="1:7" x14ac:dyDescent="0.3">
      <c r="A54950" s="13" t="s">
        <v>301</v>
      </c>
      <c r="B54950" s="14" t="s">
        <v>1</v>
      </c>
      <c r="C54950" s="14" t="s">
        <v>41</v>
      </c>
      <c r="D54950" s="14" t="s">
        <v>302</v>
      </c>
      <c r="E54950" s="15">
        <v>45576</v>
      </c>
      <c r="F54950" s="14" t="s">
        <v>43</v>
      </c>
      <c r="G54950" s="16">
        <v>37.566605424289108</v>
      </c>
    </row>
    <row r="54951" spans="1:7" x14ac:dyDescent="0.3">
      <c r="A54951" s="13" t="s">
        <v>301</v>
      </c>
      <c r="B54951" s="14" t="s">
        <v>1</v>
      </c>
      <c r="C54951" s="14" t="s">
        <v>41</v>
      </c>
      <c r="D54951" s="14" t="s">
        <v>302</v>
      </c>
      <c r="E54951" s="15">
        <v>45577</v>
      </c>
      <c r="F54951" s="14" t="s">
        <v>43</v>
      </c>
      <c r="G54951" s="16">
        <v>37.566605424289108</v>
      </c>
    </row>
    <row r="54952" spans="1:7" x14ac:dyDescent="0.3">
      <c r="A54952" s="13" t="s">
        <v>301</v>
      </c>
      <c r="B54952" s="14" t="s">
        <v>1</v>
      </c>
      <c r="C54952" s="14" t="s">
        <v>41</v>
      </c>
      <c r="D54952" s="14" t="s">
        <v>302</v>
      </c>
      <c r="E54952" s="15">
        <v>45578</v>
      </c>
      <c r="F54952" s="14" t="s">
        <v>43</v>
      </c>
      <c r="G54952" s="16">
        <v>37.566605424289108</v>
      </c>
    </row>
    <row r="54953" spans="1:7" x14ac:dyDescent="0.3">
      <c r="A54953" s="13" t="s">
        <v>301</v>
      </c>
      <c r="B54953" s="14" t="s">
        <v>1</v>
      </c>
      <c r="C54953" s="14" t="s">
        <v>41</v>
      </c>
      <c r="D54953" s="14" t="s">
        <v>302</v>
      </c>
      <c r="E54953" s="15">
        <v>45579</v>
      </c>
      <c r="F54953" s="14" t="s">
        <v>43</v>
      </c>
      <c r="G54953" s="16">
        <v>37.566605424289108</v>
      </c>
    </row>
    <row r="54954" spans="1:7" x14ac:dyDescent="0.3">
      <c r="A54954" s="13" t="s">
        <v>301</v>
      </c>
      <c r="B54954" s="14" t="s">
        <v>1</v>
      </c>
      <c r="C54954" s="14" t="s">
        <v>41</v>
      </c>
      <c r="D54954" s="14" t="s">
        <v>302</v>
      </c>
      <c r="E54954" s="15">
        <v>45580</v>
      </c>
      <c r="F54954" s="14" t="s">
        <v>43</v>
      </c>
      <c r="G54954" s="16">
        <v>37.150681797692741</v>
      </c>
    </row>
    <row r="54955" spans="1:7" x14ac:dyDescent="0.3">
      <c r="A54955" s="13" t="s">
        <v>301</v>
      </c>
      <c r="B54955" s="14" t="s">
        <v>1</v>
      </c>
      <c r="C54955" s="14" t="s">
        <v>41</v>
      </c>
      <c r="D54955" s="14" t="s">
        <v>302</v>
      </c>
      <c r="E54955" s="15">
        <v>45581</v>
      </c>
      <c r="F54955" s="14" t="s">
        <v>43</v>
      </c>
      <c r="G54955" s="16">
        <v>35.502529778597591</v>
      </c>
    </row>
    <row r="54956" spans="1:7" x14ac:dyDescent="0.3">
      <c r="A54956" s="13" t="s">
        <v>301</v>
      </c>
      <c r="B54956" s="14" t="s">
        <v>1</v>
      </c>
      <c r="C54956" s="14" t="s">
        <v>41</v>
      </c>
      <c r="D54956" s="14" t="s">
        <v>302</v>
      </c>
      <c r="E54956" s="15">
        <v>45582</v>
      </c>
      <c r="F54956" s="14" t="s">
        <v>43</v>
      </c>
      <c r="G54956" s="16">
        <v>35.085182115602365</v>
      </c>
    </row>
    <row r="54957" spans="1:7" x14ac:dyDescent="0.3">
      <c r="A54957" s="13" t="s">
        <v>301</v>
      </c>
      <c r="B54957" s="14" t="s">
        <v>1</v>
      </c>
      <c r="C54957" s="14" t="s">
        <v>41</v>
      </c>
      <c r="D54957" s="14" t="s">
        <v>302</v>
      </c>
      <c r="E54957" s="15">
        <v>45583</v>
      </c>
      <c r="F54957" s="14" t="s">
        <v>43</v>
      </c>
      <c r="G54957" s="16">
        <v>34.672542863789751</v>
      </c>
    </row>
    <row r="54958" spans="1:7" x14ac:dyDescent="0.3">
      <c r="A54958" s="13" t="s">
        <v>301</v>
      </c>
      <c r="B54958" s="14" t="s">
        <v>1</v>
      </c>
      <c r="C54958" s="14" t="s">
        <v>41</v>
      </c>
      <c r="D54958" s="14" t="s">
        <v>302</v>
      </c>
      <c r="E54958" s="15">
        <v>45584</v>
      </c>
      <c r="F54958" s="14" t="s">
        <v>43</v>
      </c>
      <c r="G54958" s="16">
        <v>34.672542863789751</v>
      </c>
    </row>
    <row r="54959" spans="1:7" x14ac:dyDescent="0.3">
      <c r="A54959" s="13" t="s">
        <v>301</v>
      </c>
      <c r="B54959" s="14" t="s">
        <v>1</v>
      </c>
      <c r="C54959" s="14" t="s">
        <v>41</v>
      </c>
      <c r="D54959" s="14" t="s">
        <v>302</v>
      </c>
      <c r="E54959" s="15">
        <v>45585</v>
      </c>
      <c r="F54959" s="14" t="s">
        <v>43</v>
      </c>
      <c r="G54959" s="16">
        <v>34.672542863789751</v>
      </c>
    </row>
    <row r="54960" spans="1:7" x14ac:dyDescent="0.3">
      <c r="A54960" s="13" t="s">
        <v>301</v>
      </c>
      <c r="B54960" s="14" t="s">
        <v>1</v>
      </c>
      <c r="C54960" s="14" t="s">
        <v>41</v>
      </c>
      <c r="D54960" s="14" t="s">
        <v>302</v>
      </c>
      <c r="E54960" s="15">
        <v>45586</v>
      </c>
      <c r="F54960" s="14" t="s">
        <v>43</v>
      </c>
      <c r="G54960" s="16">
        <v>34.260873268056301</v>
      </c>
    </row>
    <row r="54961" spans="1:7" x14ac:dyDescent="0.3">
      <c r="A54961" s="13" t="s">
        <v>301</v>
      </c>
      <c r="B54961" s="14" t="s">
        <v>1</v>
      </c>
      <c r="C54961" s="14" t="s">
        <v>41</v>
      </c>
      <c r="D54961" s="14" t="s">
        <v>302</v>
      </c>
      <c r="E54961" s="15">
        <v>45587</v>
      </c>
      <c r="F54961" s="14" t="s">
        <v>43</v>
      </c>
      <c r="G54961" s="16">
        <v>33.033668112500003</v>
      </c>
    </row>
    <row r="54962" spans="1:7" x14ac:dyDescent="0.3">
      <c r="A54962" s="13" t="s">
        <v>301</v>
      </c>
      <c r="B54962" s="14" t="s">
        <v>1</v>
      </c>
      <c r="C54962" s="14" t="s">
        <v>41</v>
      </c>
      <c r="D54962" s="14" t="s">
        <v>302</v>
      </c>
      <c r="E54962" s="15">
        <v>45588</v>
      </c>
      <c r="F54962" s="14" t="s">
        <v>43</v>
      </c>
      <c r="G54962" s="16">
        <v>33.76778535677763</v>
      </c>
    </row>
    <row r="54963" spans="1:7" x14ac:dyDescent="0.3">
      <c r="A54963" s="13" t="s">
        <v>301</v>
      </c>
      <c r="B54963" s="14" t="s">
        <v>1</v>
      </c>
      <c r="C54963" s="14" t="s">
        <v>41</v>
      </c>
      <c r="D54963" s="14" t="s">
        <v>302</v>
      </c>
      <c r="E54963" s="15">
        <v>45589</v>
      </c>
      <c r="F54963" s="14" t="s">
        <v>43</v>
      </c>
      <c r="G54963" s="16">
        <v>33.362497931828209</v>
      </c>
    </row>
    <row r="54964" spans="1:7" x14ac:dyDescent="0.3">
      <c r="A54964" s="13" t="s">
        <v>301</v>
      </c>
      <c r="B54964" s="14" t="s">
        <v>1</v>
      </c>
      <c r="C54964" s="14" t="s">
        <v>41</v>
      </c>
      <c r="D54964" s="14" t="s">
        <v>302</v>
      </c>
      <c r="E54964" s="15">
        <v>45590</v>
      </c>
      <c r="F54964" s="14" t="s">
        <v>43</v>
      </c>
      <c r="G54964" s="16">
        <v>32.959760719666832</v>
      </c>
    </row>
    <row r="54965" spans="1:7" x14ac:dyDescent="0.3">
      <c r="A54965" s="13" t="s">
        <v>301</v>
      </c>
      <c r="B54965" s="14" t="s">
        <v>1</v>
      </c>
      <c r="C54965" s="14" t="s">
        <v>41</v>
      </c>
      <c r="D54965" s="14" t="s">
        <v>302</v>
      </c>
      <c r="E54965" s="15">
        <v>45591</v>
      </c>
      <c r="F54965" s="14" t="s">
        <v>43</v>
      </c>
      <c r="G54965" s="16">
        <v>32.959760719666832</v>
      </c>
    </row>
    <row r="54966" spans="1:7" x14ac:dyDescent="0.3">
      <c r="A54966" s="13" t="s">
        <v>301</v>
      </c>
      <c r="B54966" s="14" t="s">
        <v>1</v>
      </c>
      <c r="C54966" s="14" t="s">
        <v>41</v>
      </c>
      <c r="D54966" s="14" t="s">
        <v>302</v>
      </c>
      <c r="E54966" s="15">
        <v>45592</v>
      </c>
      <c r="F54966" s="14" t="s">
        <v>43</v>
      </c>
      <c r="G54966" s="16">
        <v>32.959760719666832</v>
      </c>
    </row>
    <row r="54967" spans="1:7" x14ac:dyDescent="0.3">
      <c r="A54967" s="13" t="s">
        <v>301</v>
      </c>
      <c r="B54967" s="14" t="s">
        <v>1</v>
      </c>
      <c r="C54967" s="14" t="s">
        <v>41</v>
      </c>
      <c r="D54967" s="14" t="s">
        <v>302</v>
      </c>
      <c r="E54967" s="15">
        <v>45593</v>
      </c>
      <c r="F54967" s="14" t="s">
        <v>43</v>
      </c>
      <c r="G54967" s="16">
        <v>32.959760719666832</v>
      </c>
    </row>
    <row r="54968" spans="1:7" x14ac:dyDescent="0.3">
      <c r="A54968" s="13" t="s">
        <v>301</v>
      </c>
      <c r="B54968" s="14" t="s">
        <v>1</v>
      </c>
      <c r="C54968" s="14" t="s">
        <v>41</v>
      </c>
      <c r="D54968" s="14" t="s">
        <v>302</v>
      </c>
      <c r="E54968" s="15">
        <v>45594</v>
      </c>
      <c r="F54968" s="14" t="s">
        <v>43</v>
      </c>
      <c r="G54968" s="16">
        <v>32.690773940001478</v>
      </c>
    </row>
    <row r="54969" spans="1:7" x14ac:dyDescent="0.3">
      <c r="A54969" s="13" t="s">
        <v>301</v>
      </c>
      <c r="B54969" s="14" t="s">
        <v>1</v>
      </c>
      <c r="C54969" s="14" t="s">
        <v>41</v>
      </c>
      <c r="D54969" s="14" t="s">
        <v>302</v>
      </c>
      <c r="E54969" s="15">
        <v>45595</v>
      </c>
      <c r="F54969" s="14" t="s">
        <v>43</v>
      </c>
      <c r="G54969" s="16">
        <v>31.157969820705642</v>
      </c>
    </row>
    <row r="54970" spans="1:7" x14ac:dyDescent="0.3">
      <c r="A54970" s="13" t="s">
        <v>301</v>
      </c>
      <c r="B54970" s="14" t="s">
        <v>1</v>
      </c>
      <c r="C54970" s="14" t="s">
        <v>41</v>
      </c>
      <c r="D54970" s="14" t="s">
        <v>302</v>
      </c>
      <c r="E54970" s="15">
        <v>45596</v>
      </c>
      <c r="F54970" s="14" t="s">
        <v>43</v>
      </c>
      <c r="G54970" s="16">
        <v>31.138327506821202</v>
      </c>
    </row>
    <row r="54971" spans="1:7" x14ac:dyDescent="0.3">
      <c r="A54971" s="13" t="s">
        <v>301</v>
      </c>
      <c r="B54971" s="14" t="s">
        <v>1</v>
      </c>
      <c r="C54971" s="14" t="s">
        <v>41</v>
      </c>
      <c r="D54971" s="14" t="s">
        <v>302</v>
      </c>
      <c r="E54971" s="15">
        <v>45597</v>
      </c>
      <c r="F54971" s="14" t="s">
        <v>43</v>
      </c>
      <c r="G54971" s="16">
        <v>30.811870043441193</v>
      </c>
    </row>
    <row r="54972" spans="1:7" x14ac:dyDescent="0.3">
      <c r="A54972" s="13" t="s">
        <v>301</v>
      </c>
      <c r="B54972" s="14" t="s">
        <v>1</v>
      </c>
      <c r="C54972" s="14" t="s">
        <v>41</v>
      </c>
      <c r="D54972" s="14" t="s">
        <v>302</v>
      </c>
      <c r="E54972" s="15">
        <v>45598</v>
      </c>
      <c r="F54972" s="14" t="s">
        <v>43</v>
      </c>
      <c r="G54972" s="16">
        <v>30.811870043441193</v>
      </c>
    </row>
    <row r="54973" spans="1:7" x14ac:dyDescent="0.3">
      <c r="A54973" s="13" t="s">
        <v>301</v>
      </c>
      <c r="B54973" s="14" t="s">
        <v>1</v>
      </c>
      <c r="C54973" s="14" t="s">
        <v>41</v>
      </c>
      <c r="D54973" s="14" t="s">
        <v>302</v>
      </c>
      <c r="E54973" s="15">
        <v>45599</v>
      </c>
      <c r="F54973" s="14" t="s">
        <v>43</v>
      </c>
      <c r="G54973" s="16">
        <v>30.811870043441193</v>
      </c>
    </row>
    <row r="54974" spans="1:7" x14ac:dyDescent="0.3">
      <c r="A54974" s="13" t="s">
        <v>301</v>
      </c>
      <c r="B54974" s="14" t="s">
        <v>1</v>
      </c>
      <c r="C54974" s="14" t="s">
        <v>41</v>
      </c>
      <c r="D54974" s="14" t="s">
        <v>302</v>
      </c>
      <c r="E54974" s="15">
        <v>45600</v>
      </c>
      <c r="F54974" s="14" t="s">
        <v>43</v>
      </c>
      <c r="G54974" s="16">
        <v>30.811870043441193</v>
      </c>
    </row>
    <row r="54975" spans="1:7" x14ac:dyDescent="0.3">
      <c r="A54975" s="13" t="s">
        <v>301</v>
      </c>
      <c r="B54975" s="14" t="s">
        <v>1</v>
      </c>
      <c r="C54975" s="14" t="s">
        <v>41</v>
      </c>
      <c r="D54975" s="14" t="s">
        <v>302</v>
      </c>
      <c r="E54975" s="15">
        <v>45601</v>
      </c>
      <c r="F54975" s="14" t="s">
        <v>43</v>
      </c>
      <c r="G54975" s="16">
        <v>30.402316381008401</v>
      </c>
    </row>
    <row r="54976" spans="1:7" x14ac:dyDescent="0.3">
      <c r="A54976" s="13" t="s">
        <v>301</v>
      </c>
      <c r="B54976" s="14" t="s">
        <v>1</v>
      </c>
      <c r="C54976" s="14" t="s">
        <v>41</v>
      </c>
      <c r="D54976" s="14" t="s">
        <v>302</v>
      </c>
      <c r="E54976" s="15">
        <v>45602</v>
      </c>
      <c r="F54976" s="14" t="s">
        <v>43</v>
      </c>
      <c r="G54976" s="16">
        <v>28.801388137734182</v>
      </c>
    </row>
    <row r="54977" spans="1:7" x14ac:dyDescent="0.3">
      <c r="A54977" s="13" t="s">
        <v>301</v>
      </c>
      <c r="B54977" s="14" t="s">
        <v>1</v>
      </c>
      <c r="C54977" s="14" t="s">
        <v>41</v>
      </c>
      <c r="D54977" s="14" t="s">
        <v>302</v>
      </c>
      <c r="E54977" s="15">
        <v>45603</v>
      </c>
      <c r="F54977" s="14" t="s">
        <v>43</v>
      </c>
      <c r="G54977" s="16">
        <v>28.394002821483156</v>
      </c>
    </row>
    <row r="54978" spans="1:7" x14ac:dyDescent="0.3">
      <c r="A54978" s="13" t="s">
        <v>301</v>
      </c>
      <c r="B54978" s="14" t="s">
        <v>1</v>
      </c>
      <c r="C54978" s="14" t="s">
        <v>41</v>
      </c>
      <c r="D54978" s="14" t="s">
        <v>302</v>
      </c>
      <c r="E54978" s="15">
        <v>45604</v>
      </c>
      <c r="F54978" s="14" t="s">
        <v>43</v>
      </c>
      <c r="G54978" s="16">
        <v>29.042774598950803</v>
      </c>
    </row>
    <row r="54979" spans="1:7" x14ac:dyDescent="0.3">
      <c r="A54979" s="13" t="s">
        <v>301</v>
      </c>
      <c r="B54979" s="14" t="s">
        <v>1</v>
      </c>
      <c r="C54979" s="14" t="s">
        <v>41</v>
      </c>
      <c r="D54979" s="14" t="s">
        <v>302</v>
      </c>
      <c r="E54979" s="15">
        <v>45605</v>
      </c>
      <c r="F54979" s="14" t="s">
        <v>43</v>
      </c>
      <c r="G54979" s="16">
        <v>29.042774598950803</v>
      </c>
    </row>
    <row r="54980" spans="1:7" x14ac:dyDescent="0.3">
      <c r="A54980" s="13" t="s">
        <v>301</v>
      </c>
      <c r="B54980" s="14" t="s">
        <v>1</v>
      </c>
      <c r="C54980" s="14" t="s">
        <v>41</v>
      </c>
      <c r="D54980" s="14" t="s">
        <v>302</v>
      </c>
      <c r="E54980" s="15">
        <v>45606</v>
      </c>
      <c r="F54980" s="14" t="s">
        <v>43</v>
      </c>
      <c r="G54980" s="16">
        <v>29.042774598950803</v>
      </c>
    </row>
    <row r="54981" spans="1:7" x14ac:dyDescent="0.3">
      <c r="A54981" s="13" t="s">
        <v>301</v>
      </c>
      <c r="B54981" s="14" t="s">
        <v>1</v>
      </c>
      <c r="C54981" s="14" t="s">
        <v>41</v>
      </c>
      <c r="D54981" s="14" t="s">
        <v>302</v>
      </c>
      <c r="E54981" s="15">
        <v>45607</v>
      </c>
      <c r="F54981" s="14" t="s">
        <v>43</v>
      </c>
      <c r="G54981" s="16">
        <v>29.350214815217921</v>
      </c>
    </row>
    <row r="54982" spans="1:7" x14ac:dyDescent="0.3">
      <c r="A54982" s="13" t="s">
        <v>301</v>
      </c>
      <c r="B54982" s="14" t="s">
        <v>1</v>
      </c>
      <c r="C54982" s="14" t="s">
        <v>41</v>
      </c>
      <c r="D54982" s="14" t="s">
        <v>302</v>
      </c>
      <c r="E54982" s="15">
        <v>45608</v>
      </c>
      <c r="F54982" s="14" t="s">
        <v>43</v>
      </c>
      <c r="G54982" s="16">
        <v>28.094312400644707</v>
      </c>
    </row>
    <row r="54983" spans="1:7" x14ac:dyDescent="0.3">
      <c r="A54983" s="13" t="s">
        <v>301</v>
      </c>
      <c r="B54983" s="14" t="s">
        <v>1</v>
      </c>
      <c r="C54983" s="14" t="s">
        <v>41</v>
      </c>
      <c r="D54983" s="14" t="s">
        <v>302</v>
      </c>
      <c r="E54983" s="15">
        <v>45609</v>
      </c>
      <c r="F54983" s="14" t="s">
        <v>43</v>
      </c>
      <c r="G54983" s="16">
        <v>27.833034561460543</v>
      </c>
    </row>
    <row r="54984" spans="1:7" x14ac:dyDescent="0.3">
      <c r="A54984" s="13" t="s">
        <v>301</v>
      </c>
      <c r="B54984" s="14" t="s">
        <v>1</v>
      </c>
      <c r="C54984" s="14" t="s">
        <v>41</v>
      </c>
      <c r="D54984" s="14" t="s">
        <v>302</v>
      </c>
      <c r="E54984" s="15">
        <v>45610</v>
      </c>
      <c r="F54984" s="14" t="s">
        <v>43</v>
      </c>
      <c r="G54984" s="16">
        <v>27.411607625619133</v>
      </c>
    </row>
    <row r="54985" spans="1:7" x14ac:dyDescent="0.3">
      <c r="A54985" s="13" t="s">
        <v>301</v>
      </c>
      <c r="B54985" s="14" t="s">
        <v>1</v>
      </c>
      <c r="C54985" s="14" t="s">
        <v>41</v>
      </c>
      <c r="D54985" s="14" t="s">
        <v>302</v>
      </c>
      <c r="E54985" s="15">
        <v>45611</v>
      </c>
      <c r="F54985" s="14" t="s">
        <v>43</v>
      </c>
      <c r="G54985" s="16">
        <v>26.995621778273986</v>
      </c>
    </row>
    <row r="54986" spans="1:7" x14ac:dyDescent="0.3">
      <c r="A54986" s="13" t="s">
        <v>301</v>
      </c>
      <c r="B54986" s="14" t="s">
        <v>1</v>
      </c>
      <c r="C54986" s="14" t="s">
        <v>41</v>
      </c>
      <c r="D54986" s="14" t="s">
        <v>302</v>
      </c>
      <c r="E54986" s="15">
        <v>45612</v>
      </c>
      <c r="F54986" s="14" t="s">
        <v>43</v>
      </c>
      <c r="G54986" s="16">
        <v>26.995621778273986</v>
      </c>
    </row>
    <row r="54987" spans="1:7" x14ac:dyDescent="0.3">
      <c r="A54987" s="13" t="s">
        <v>301</v>
      </c>
      <c r="B54987" s="14" t="s">
        <v>1</v>
      </c>
      <c r="C54987" s="14" t="s">
        <v>41</v>
      </c>
      <c r="D54987" s="14" t="s">
        <v>302</v>
      </c>
      <c r="E54987" s="15">
        <v>45613</v>
      </c>
      <c r="F54987" s="14" t="s">
        <v>43</v>
      </c>
      <c r="G54987" s="16">
        <v>26.995621778273986</v>
      </c>
    </row>
    <row r="54988" spans="1:7" x14ac:dyDescent="0.3">
      <c r="A54988" s="13" t="s">
        <v>301</v>
      </c>
      <c r="B54988" s="14" t="s">
        <v>1</v>
      </c>
      <c r="C54988" s="14" t="s">
        <v>41</v>
      </c>
      <c r="D54988" s="14" t="s">
        <v>302</v>
      </c>
      <c r="E54988" s="15">
        <v>45614</v>
      </c>
      <c r="F54988" s="14" t="s">
        <v>43</v>
      </c>
      <c r="G54988" s="16">
        <v>27.298068178940415</v>
      </c>
    </row>
    <row r="54989" spans="1:7" x14ac:dyDescent="0.3">
      <c r="A54989" s="13" t="s">
        <v>301</v>
      </c>
      <c r="B54989" s="14" t="s">
        <v>1</v>
      </c>
      <c r="C54989" s="14" t="s">
        <v>41</v>
      </c>
      <c r="D54989" s="14" t="s">
        <v>302</v>
      </c>
      <c r="E54989" s="15">
        <v>45615</v>
      </c>
      <c r="F54989" s="14" t="s">
        <v>43</v>
      </c>
      <c r="G54989" s="16">
        <v>26.053654578408224</v>
      </c>
    </row>
    <row r="54990" spans="1:7" x14ac:dyDescent="0.3">
      <c r="A54990" s="13" t="s">
        <v>301</v>
      </c>
      <c r="B54990" s="14" t="s">
        <v>1</v>
      </c>
      <c r="C54990" s="14" t="s">
        <v>41</v>
      </c>
      <c r="D54990" s="14" t="s">
        <v>302</v>
      </c>
      <c r="E54990" s="15">
        <v>45616</v>
      </c>
      <c r="F54990" s="14" t="s">
        <v>43</v>
      </c>
      <c r="G54990" s="16">
        <v>25.729890244577518</v>
      </c>
    </row>
    <row r="54991" spans="1:7" x14ac:dyDescent="0.3">
      <c r="A54991" s="13" t="s">
        <v>301</v>
      </c>
      <c r="B54991" s="14" t="s">
        <v>1</v>
      </c>
      <c r="C54991" s="14" t="s">
        <v>41</v>
      </c>
      <c r="D54991" s="14" t="s">
        <v>302</v>
      </c>
      <c r="E54991" s="15">
        <v>45617</v>
      </c>
      <c r="F54991" s="14" t="s">
        <v>43</v>
      </c>
      <c r="G54991" s="16">
        <v>25.312408091550058</v>
      </c>
    </row>
    <row r="54992" spans="1:7" x14ac:dyDescent="0.3">
      <c r="A54992" s="13" t="s">
        <v>301</v>
      </c>
      <c r="B54992" s="14" t="s">
        <v>1</v>
      </c>
      <c r="C54992" s="14" t="s">
        <v>41</v>
      </c>
      <c r="D54992" s="14" t="s">
        <v>302</v>
      </c>
      <c r="E54992" s="15">
        <v>45618</v>
      </c>
      <c r="F54992" s="14" t="s">
        <v>43</v>
      </c>
      <c r="G54992" s="16">
        <v>24.897554811563069</v>
      </c>
    </row>
    <row r="54993" spans="1:7" x14ac:dyDescent="0.3">
      <c r="A54993" s="13" t="s">
        <v>301</v>
      </c>
      <c r="B54993" s="14" t="s">
        <v>1</v>
      </c>
      <c r="C54993" s="14" t="s">
        <v>41</v>
      </c>
      <c r="D54993" s="14" t="s">
        <v>302</v>
      </c>
      <c r="E54993" s="15">
        <v>45619</v>
      </c>
      <c r="F54993" s="14" t="s">
        <v>43</v>
      </c>
      <c r="G54993" s="16">
        <v>24.897554811563069</v>
      </c>
    </row>
    <row r="54994" spans="1:7" x14ac:dyDescent="0.3">
      <c r="A54994" s="13" t="s">
        <v>301</v>
      </c>
      <c r="B54994" s="14" t="s">
        <v>1</v>
      </c>
      <c r="C54994" s="14" t="s">
        <v>41</v>
      </c>
      <c r="D54994" s="14" t="s">
        <v>302</v>
      </c>
      <c r="E54994" s="15">
        <v>45620</v>
      </c>
      <c r="F54994" s="14" t="s">
        <v>43</v>
      </c>
      <c r="G54994" s="16">
        <v>24.897554811563069</v>
      </c>
    </row>
    <row r="54995" spans="1:7" x14ac:dyDescent="0.3">
      <c r="A54995" s="13" t="s">
        <v>301</v>
      </c>
      <c r="B54995" s="14" t="s">
        <v>1</v>
      </c>
      <c r="C54995" s="14" t="s">
        <v>41</v>
      </c>
      <c r="D54995" s="14" t="s">
        <v>302</v>
      </c>
      <c r="E54995" s="15">
        <v>45621</v>
      </c>
      <c r="F54995" s="14" t="s">
        <v>43</v>
      </c>
      <c r="G54995" s="16">
        <v>24.485116450968892</v>
      </c>
    </row>
    <row r="54996" spans="1:7" x14ac:dyDescent="0.3">
      <c r="A54996" s="13" t="s">
        <v>301</v>
      </c>
      <c r="B54996" s="14" t="s">
        <v>1</v>
      </c>
      <c r="C54996" s="14" t="s">
        <v>41</v>
      </c>
      <c r="D54996" s="14" t="s">
        <v>302</v>
      </c>
      <c r="E54996" s="15">
        <v>45622</v>
      </c>
      <c r="F54996" s="14" t="s">
        <v>43</v>
      </c>
      <c r="G54996" s="16">
        <v>23.246900699770183</v>
      </c>
    </row>
    <row r="54997" spans="1:7" x14ac:dyDescent="0.3">
      <c r="A54997" s="13" t="s">
        <v>301</v>
      </c>
      <c r="B54997" s="14" t="s">
        <v>1</v>
      </c>
      <c r="C54997" s="14" t="s">
        <v>41</v>
      </c>
      <c r="D54997" s="14" t="s">
        <v>302</v>
      </c>
      <c r="E54997" s="15">
        <v>45623</v>
      </c>
      <c r="F54997" s="14" t="s">
        <v>43</v>
      </c>
      <c r="G54997" s="16">
        <v>22.829219447419945</v>
      </c>
    </row>
    <row r="54998" spans="1:7" x14ac:dyDescent="0.3">
      <c r="A54998" s="13" t="s">
        <v>301</v>
      </c>
      <c r="B54998" s="14" t="s">
        <v>1</v>
      </c>
      <c r="C54998" s="14" t="s">
        <v>41</v>
      </c>
      <c r="D54998" s="14" t="s">
        <v>302</v>
      </c>
      <c r="E54998" s="15">
        <v>45624</v>
      </c>
      <c r="F54998" s="14" t="s">
        <v>43</v>
      </c>
      <c r="G54998" s="16">
        <v>22.420119890484557</v>
      </c>
    </row>
    <row r="54999" spans="1:7" x14ac:dyDescent="0.3">
      <c r="A54999" s="13" t="s">
        <v>301</v>
      </c>
      <c r="B54999" s="14" t="s">
        <v>1</v>
      </c>
      <c r="C54999" s="14" t="s">
        <v>41</v>
      </c>
      <c r="D54999" s="14" t="s">
        <v>302</v>
      </c>
      <c r="E54999" s="15">
        <v>45625</v>
      </c>
      <c r="F54999" s="14" t="s">
        <v>43</v>
      </c>
      <c r="G54999" s="16">
        <v>22.486483951965862</v>
      </c>
    </row>
    <row r="55000" spans="1:7" x14ac:dyDescent="0.3">
      <c r="A55000" s="13" t="s">
        <v>301</v>
      </c>
      <c r="B55000" s="14" t="s">
        <v>1</v>
      </c>
      <c r="C55000" s="14" t="s">
        <v>41</v>
      </c>
      <c r="D55000" s="14" t="s">
        <v>302</v>
      </c>
      <c r="E55000" s="15">
        <v>45626</v>
      </c>
      <c r="F55000" s="14" t="s">
        <v>43</v>
      </c>
      <c r="G55000" s="16">
        <v>22.486483951965862</v>
      </c>
    </row>
    <row r="55001" spans="1:7" x14ac:dyDescent="0.3">
      <c r="A55001" s="13" t="s">
        <v>301</v>
      </c>
      <c r="B55001" s="14" t="s">
        <v>1</v>
      </c>
      <c r="C55001" s="14" t="s">
        <v>41</v>
      </c>
      <c r="D55001" s="14" t="s">
        <v>302</v>
      </c>
      <c r="E55001" s="15">
        <v>45627</v>
      </c>
      <c r="F55001" s="14" t="s">
        <v>43</v>
      </c>
      <c r="G55001" s="16">
        <v>22.486483951965862</v>
      </c>
    </row>
    <row r="55002" spans="1:7" x14ac:dyDescent="0.3">
      <c r="A55002" s="13" t="s">
        <v>301</v>
      </c>
      <c r="B55002" s="14" t="s">
        <v>1</v>
      </c>
      <c r="C55002" s="14" t="s">
        <v>41</v>
      </c>
      <c r="D55002" s="14" t="s">
        <v>302</v>
      </c>
      <c r="E55002" s="15">
        <v>45628</v>
      </c>
      <c r="F55002" s="14" t="s">
        <v>43</v>
      </c>
      <c r="G55002" s="16">
        <v>22.071837062581078</v>
      </c>
    </row>
    <row r="55003" spans="1:7" x14ac:dyDescent="0.3">
      <c r="A55003" s="13" t="s">
        <v>301</v>
      </c>
      <c r="B55003" s="14" t="s">
        <v>1</v>
      </c>
      <c r="C55003" s="14" t="s">
        <v>41</v>
      </c>
      <c r="D55003" s="14" t="s">
        <v>302</v>
      </c>
      <c r="E55003" s="15">
        <v>45629</v>
      </c>
      <c r="F55003" s="14" t="s">
        <v>43</v>
      </c>
      <c r="G55003" s="16">
        <v>21.532940901173635</v>
      </c>
    </row>
    <row r="55004" spans="1:7" x14ac:dyDescent="0.3">
      <c r="A55004" s="13" t="s">
        <v>301</v>
      </c>
      <c r="B55004" s="14" t="s">
        <v>1</v>
      </c>
      <c r="C55004" s="14" t="s">
        <v>41</v>
      </c>
      <c r="D55004" s="14" t="s">
        <v>302</v>
      </c>
      <c r="E55004" s="15">
        <v>45630</v>
      </c>
      <c r="F55004" s="14" t="s">
        <v>43</v>
      </c>
      <c r="G55004" s="16">
        <v>21.11457599316148</v>
      </c>
    </row>
    <row r="55005" spans="1:7" x14ac:dyDescent="0.3">
      <c r="A55005" s="13" t="s">
        <v>301</v>
      </c>
      <c r="B55005" s="14" t="s">
        <v>1</v>
      </c>
      <c r="C55005" s="14" t="s">
        <v>41</v>
      </c>
      <c r="D55005" s="14" t="s">
        <v>302</v>
      </c>
      <c r="E55005" s="15">
        <v>45631</v>
      </c>
      <c r="F55005" s="14" t="s">
        <v>43</v>
      </c>
      <c r="G55005" s="16">
        <v>20.68828591110147</v>
      </c>
    </row>
    <row r="55006" spans="1:7" x14ac:dyDescent="0.3">
      <c r="A55006" s="13" t="s">
        <v>301</v>
      </c>
      <c r="B55006" s="14" t="s">
        <v>1</v>
      </c>
      <c r="C55006" s="14" t="s">
        <v>41</v>
      </c>
      <c r="D55006" s="14" t="s">
        <v>302</v>
      </c>
      <c r="E55006" s="15">
        <v>45632</v>
      </c>
      <c r="F55006" s="14" t="s">
        <v>43</v>
      </c>
      <c r="G55006" s="16">
        <v>20.259098276994255</v>
      </c>
    </row>
    <row r="55007" spans="1:7" x14ac:dyDescent="0.3">
      <c r="A55007" s="13" t="s">
        <v>301</v>
      </c>
      <c r="B55007" s="14" t="s">
        <v>1</v>
      </c>
      <c r="C55007" s="14" t="s">
        <v>41</v>
      </c>
      <c r="D55007" s="14" t="s">
        <v>302</v>
      </c>
      <c r="E55007" s="15">
        <v>45633</v>
      </c>
      <c r="F55007" s="14" t="s">
        <v>43</v>
      </c>
      <c r="G55007" s="16">
        <v>20.259098276994255</v>
      </c>
    </row>
    <row r="55008" spans="1:7" x14ac:dyDescent="0.3">
      <c r="A55008" s="13" t="s">
        <v>301</v>
      </c>
      <c r="B55008" s="14" t="s">
        <v>1</v>
      </c>
      <c r="C55008" s="14" t="s">
        <v>41</v>
      </c>
      <c r="D55008" s="14" t="s">
        <v>302</v>
      </c>
      <c r="E55008" s="15">
        <v>45634</v>
      </c>
      <c r="F55008" s="14" t="s">
        <v>43</v>
      </c>
      <c r="G55008" s="16">
        <v>20.259098276994255</v>
      </c>
    </row>
    <row r="55009" spans="1:7" x14ac:dyDescent="0.3">
      <c r="A55009" s="13" t="s">
        <v>301</v>
      </c>
      <c r="B55009" s="14" t="s">
        <v>1</v>
      </c>
      <c r="C55009" s="14" t="s">
        <v>41</v>
      </c>
      <c r="D55009" s="14" t="s">
        <v>302</v>
      </c>
      <c r="E55009" s="15">
        <v>45635</v>
      </c>
      <c r="F55009" s="14" t="s">
        <v>43</v>
      </c>
      <c r="G55009" s="16">
        <v>19.834798692297408</v>
      </c>
    </row>
    <row r="55010" spans="1:7" x14ac:dyDescent="0.3">
      <c r="A55010" s="13" t="s">
        <v>301</v>
      </c>
      <c r="B55010" s="14" t="s">
        <v>1</v>
      </c>
      <c r="C55010" s="14" t="s">
        <v>41</v>
      </c>
      <c r="D55010" s="14" t="s">
        <v>302</v>
      </c>
      <c r="E55010" s="15">
        <v>45636</v>
      </c>
      <c r="F55010" s="14" t="s">
        <v>43</v>
      </c>
      <c r="G55010" s="16">
        <v>18.578289013242802</v>
      </c>
    </row>
    <row r="55011" spans="1:7" x14ac:dyDescent="0.3">
      <c r="A55011" s="13" t="s">
        <v>301</v>
      </c>
      <c r="B55011" s="14" t="s">
        <v>1</v>
      </c>
      <c r="C55011" s="14" t="s">
        <v>41</v>
      </c>
      <c r="D55011" s="14" t="s">
        <v>302</v>
      </c>
      <c r="E55011" s="15">
        <v>45637</v>
      </c>
      <c r="F55011" s="14" t="s">
        <v>43</v>
      </c>
      <c r="G55011" s="16">
        <v>18.156810842491513</v>
      </c>
    </row>
    <row r="55012" spans="1:7" x14ac:dyDescent="0.3">
      <c r="A55012" s="13" t="s">
        <v>301</v>
      </c>
      <c r="B55012" s="14" t="s">
        <v>1</v>
      </c>
      <c r="C55012" s="14" t="s">
        <v>41</v>
      </c>
      <c r="D55012" s="14" t="s">
        <v>302</v>
      </c>
      <c r="E55012" s="15">
        <v>45638</v>
      </c>
      <c r="F55012" s="14" t="s">
        <v>43</v>
      </c>
      <c r="G55012" s="16">
        <v>17.734332721886069</v>
      </c>
    </row>
    <row r="55013" spans="1:7" x14ac:dyDescent="0.3">
      <c r="A55013" s="13" t="s">
        <v>301</v>
      </c>
      <c r="B55013" s="14" t="s">
        <v>1</v>
      </c>
      <c r="C55013" s="14" t="s">
        <v>41</v>
      </c>
      <c r="D55013" s="14" t="s">
        <v>302</v>
      </c>
      <c r="E55013" s="15">
        <v>45639</v>
      </c>
      <c r="F55013" s="14" t="s">
        <v>43</v>
      </c>
      <c r="G55013" s="16">
        <v>17.310015711509539</v>
      </c>
    </row>
    <row r="55014" spans="1:7" x14ac:dyDescent="0.3">
      <c r="A55014" s="13" t="s">
        <v>301</v>
      </c>
      <c r="B55014" s="14" t="s">
        <v>1</v>
      </c>
      <c r="C55014" s="14" t="s">
        <v>41</v>
      </c>
      <c r="D55014" s="14" t="s">
        <v>302</v>
      </c>
      <c r="E55014" s="15">
        <v>45640</v>
      </c>
      <c r="F55014" s="14" t="s">
        <v>43</v>
      </c>
      <c r="G55014" s="16">
        <v>17.310015711509539</v>
      </c>
    </row>
    <row r="55015" spans="1:7" x14ac:dyDescent="0.3">
      <c r="A55015" s="13" t="s">
        <v>301</v>
      </c>
      <c r="B55015" s="14" t="s">
        <v>1</v>
      </c>
      <c r="C55015" s="14" t="s">
        <v>41</v>
      </c>
      <c r="D55015" s="14" t="s">
        <v>302</v>
      </c>
      <c r="E55015" s="15">
        <v>45641</v>
      </c>
      <c r="F55015" s="14" t="s">
        <v>43</v>
      </c>
      <c r="G55015" s="16">
        <v>17.310015711509539</v>
      </c>
    </row>
    <row r="55016" spans="1:7" x14ac:dyDescent="0.3">
      <c r="A55016" s="13" t="s">
        <v>301</v>
      </c>
      <c r="B55016" s="14" t="s">
        <v>1</v>
      </c>
      <c r="C55016" s="14" t="s">
        <v>41</v>
      </c>
      <c r="D55016" s="14" t="s">
        <v>302</v>
      </c>
      <c r="E55016" s="15">
        <v>45642</v>
      </c>
      <c r="F55016" s="14" t="s">
        <v>43</v>
      </c>
      <c r="G55016" s="16">
        <v>16.881781893082927</v>
      </c>
    </row>
    <row r="55017" spans="1:7" x14ac:dyDescent="0.3">
      <c r="A55017" s="13" t="s">
        <v>301</v>
      </c>
      <c r="B55017" s="14" t="s">
        <v>1</v>
      </c>
      <c r="C55017" s="14" t="s">
        <v>41</v>
      </c>
      <c r="D55017" s="14" t="s">
        <v>302</v>
      </c>
      <c r="E55017" s="15">
        <v>45643</v>
      </c>
      <c r="F55017" s="14" t="s">
        <v>43</v>
      </c>
      <c r="G55017" s="16">
        <v>15.618901310316694</v>
      </c>
    </row>
    <row r="55018" spans="1:7" x14ac:dyDescent="0.3">
      <c r="A55018" s="13" t="s">
        <v>301</v>
      </c>
      <c r="B55018" s="14" t="s">
        <v>1</v>
      </c>
      <c r="C55018" s="14" t="s">
        <v>41</v>
      </c>
      <c r="D55018" s="14" t="s">
        <v>302</v>
      </c>
      <c r="E55018" s="15">
        <v>45644</v>
      </c>
      <c r="F55018" s="14" t="s">
        <v>43</v>
      </c>
      <c r="G55018" s="16">
        <v>15.197893800069709</v>
      </c>
    </row>
    <row r="55019" spans="1:7" x14ac:dyDescent="0.3">
      <c r="A55019" s="13" t="s">
        <v>301</v>
      </c>
      <c r="B55019" s="14" t="s">
        <v>1</v>
      </c>
      <c r="C55019" s="14" t="s">
        <v>41</v>
      </c>
      <c r="D55019" s="14" t="s">
        <v>302</v>
      </c>
      <c r="E55019" s="15">
        <v>45645</v>
      </c>
      <c r="F55019" s="14" t="s">
        <v>43</v>
      </c>
      <c r="G55019" s="16">
        <v>14.77891080278124</v>
      </c>
    </row>
    <row r="55020" spans="1:7" x14ac:dyDescent="0.3">
      <c r="A55020" s="13" t="s">
        <v>301</v>
      </c>
      <c r="B55020" s="14" t="s">
        <v>1</v>
      </c>
      <c r="C55020" s="14" t="s">
        <v>41</v>
      </c>
      <c r="D55020" s="14" t="s">
        <v>302</v>
      </c>
      <c r="E55020" s="15">
        <v>45646</v>
      </c>
      <c r="F55020" s="14" t="s">
        <v>43</v>
      </c>
      <c r="G55020" s="16">
        <v>14.36069896494819</v>
      </c>
    </row>
    <row r="55021" spans="1:7" x14ac:dyDescent="0.3">
      <c r="A55021" s="13" t="s">
        <v>301</v>
      </c>
      <c r="B55021" s="14" t="s">
        <v>1</v>
      </c>
      <c r="C55021" s="14" t="s">
        <v>41</v>
      </c>
      <c r="D55021" s="14" t="s">
        <v>302</v>
      </c>
      <c r="E55021" s="15">
        <v>45647</v>
      </c>
      <c r="F55021" s="14" t="s">
        <v>43</v>
      </c>
      <c r="G55021" s="16">
        <v>14.36069896494819</v>
      </c>
    </row>
    <row r="55022" spans="1:7" x14ac:dyDescent="0.3">
      <c r="A55022" s="13" t="s">
        <v>301</v>
      </c>
      <c r="B55022" s="14" t="s">
        <v>1</v>
      </c>
      <c r="C55022" s="14" t="s">
        <v>41</v>
      </c>
      <c r="D55022" s="14" t="s">
        <v>302</v>
      </c>
      <c r="E55022" s="15">
        <v>45648</v>
      </c>
      <c r="F55022" s="14" t="s">
        <v>43</v>
      </c>
      <c r="G55022" s="16">
        <v>14.36069896494819</v>
      </c>
    </row>
    <row r="55023" spans="1:7" x14ac:dyDescent="0.3">
      <c r="A55023" s="13" t="s">
        <v>301</v>
      </c>
      <c r="B55023" s="14" t="s">
        <v>1</v>
      </c>
      <c r="C55023" s="14" t="s">
        <v>41</v>
      </c>
      <c r="D55023" s="14" t="s">
        <v>302</v>
      </c>
      <c r="E55023" s="15">
        <v>45649</v>
      </c>
      <c r="F55023" s="14" t="s">
        <v>43</v>
      </c>
      <c r="G55023" s="16">
        <v>13.943267489903445</v>
      </c>
    </row>
    <row r="55024" spans="1:7" x14ac:dyDescent="0.3">
      <c r="A55024" s="13" t="s">
        <v>301</v>
      </c>
      <c r="B55024" s="14" t="s">
        <v>1</v>
      </c>
      <c r="C55024" s="14" t="s">
        <v>41</v>
      </c>
      <c r="D55024" s="14" t="s">
        <v>302</v>
      </c>
      <c r="E55024" s="15">
        <v>45650</v>
      </c>
      <c r="F55024" s="14" t="s">
        <v>43</v>
      </c>
      <c r="G55024" s="16">
        <v>12.704664651480421</v>
      </c>
    </row>
    <row r="55025" spans="1:7" x14ac:dyDescent="0.3">
      <c r="A55025" s="13" t="s">
        <v>301</v>
      </c>
      <c r="B55025" s="14" t="s">
        <v>1</v>
      </c>
      <c r="C55025" s="14" t="s">
        <v>41</v>
      </c>
      <c r="D55025" s="14" t="s">
        <v>302</v>
      </c>
      <c r="E55025" s="15">
        <v>45651</v>
      </c>
      <c r="F55025" s="14" t="s">
        <v>43</v>
      </c>
      <c r="G55025" s="16">
        <v>12.704664651480421</v>
      </c>
    </row>
    <row r="55026" spans="1:7" x14ac:dyDescent="0.3">
      <c r="A55026" s="13" t="s">
        <v>301</v>
      </c>
      <c r="B55026" s="14" t="s">
        <v>1</v>
      </c>
      <c r="C55026" s="14" t="s">
        <v>41</v>
      </c>
      <c r="D55026" s="14" t="s">
        <v>302</v>
      </c>
      <c r="E55026" s="15">
        <v>45652</v>
      </c>
      <c r="F55026" s="14" t="s">
        <v>43</v>
      </c>
      <c r="G55026" s="16">
        <v>12.704664651480421</v>
      </c>
    </row>
    <row r="55027" spans="1:7" x14ac:dyDescent="0.3">
      <c r="A55027" s="13" t="s">
        <v>301</v>
      </c>
      <c r="B55027" s="14" t="s">
        <v>1</v>
      </c>
      <c r="C55027" s="14" t="s">
        <v>41</v>
      </c>
      <c r="D55027" s="14" t="s">
        <v>302</v>
      </c>
      <c r="E55027" s="15">
        <v>45653</v>
      </c>
      <c r="F55027" s="14" t="s">
        <v>43</v>
      </c>
      <c r="G55027" s="16">
        <v>12.704664651480421</v>
      </c>
    </row>
    <row r="55028" spans="1:7" x14ac:dyDescent="0.3">
      <c r="A55028" s="13" t="s">
        <v>301</v>
      </c>
      <c r="B55028" s="14" t="s">
        <v>1</v>
      </c>
      <c r="C55028" s="14" t="s">
        <v>41</v>
      </c>
      <c r="D55028" s="14" t="s">
        <v>302</v>
      </c>
      <c r="E55028" s="15">
        <v>45654</v>
      </c>
      <c r="F55028" s="14" t="s">
        <v>43</v>
      </c>
      <c r="G55028" s="16">
        <v>12.704664651480421</v>
      </c>
    </row>
    <row r="55029" spans="1:7" x14ac:dyDescent="0.3">
      <c r="A55029" s="13" t="s">
        <v>301</v>
      </c>
      <c r="B55029" s="14" t="s">
        <v>1</v>
      </c>
      <c r="C55029" s="14" t="s">
        <v>41</v>
      </c>
      <c r="D55029" s="14" t="s">
        <v>302</v>
      </c>
      <c r="E55029" s="15">
        <v>45655</v>
      </c>
      <c r="F55029" s="14" t="s">
        <v>43</v>
      </c>
      <c r="G55029" s="16">
        <v>12.704664651480421</v>
      </c>
    </row>
    <row r="55030" spans="1:7" x14ac:dyDescent="0.3">
      <c r="A55030" s="13" t="s">
        <v>301</v>
      </c>
      <c r="B55030" s="14" t="s">
        <v>1</v>
      </c>
      <c r="C55030" s="14" t="s">
        <v>41</v>
      </c>
      <c r="D55030" s="14" t="s">
        <v>302</v>
      </c>
      <c r="E55030" s="15">
        <v>45656</v>
      </c>
      <c r="F55030" s="14" t="s">
        <v>43</v>
      </c>
      <c r="G55030" s="16">
        <v>12.285271840762432</v>
      </c>
    </row>
    <row r="55031" spans="1:7" x14ac:dyDescent="0.3">
      <c r="A55031" s="13" t="s">
        <v>301</v>
      </c>
      <c r="B55031" s="14" t="s">
        <v>1</v>
      </c>
      <c r="C55031" s="14" t="s">
        <v>41</v>
      </c>
      <c r="D55031" s="14" t="s">
        <v>302</v>
      </c>
      <c r="E55031" s="15">
        <v>45657</v>
      </c>
      <c r="F55031" s="14" t="s">
        <v>43</v>
      </c>
      <c r="G55031" s="16">
        <v>12.285271840762432</v>
      </c>
    </row>
    <row r="55032" spans="1:7" x14ac:dyDescent="0.3">
      <c r="A55032" s="13" t="s">
        <v>301</v>
      </c>
      <c r="B55032" s="14" t="s">
        <v>1</v>
      </c>
      <c r="C55032" s="14" t="s">
        <v>41</v>
      </c>
      <c r="D55032" s="14" t="s">
        <v>302</v>
      </c>
      <c r="E55032" s="15">
        <v>45658</v>
      </c>
      <c r="F55032" s="14" t="s">
        <v>43</v>
      </c>
      <c r="G55032" s="16">
        <v>12.285271840762432</v>
      </c>
    </row>
    <row r="55033" spans="1:7" x14ac:dyDescent="0.3">
      <c r="A55033" s="13" t="s">
        <v>301</v>
      </c>
      <c r="B55033" s="14" t="s">
        <v>1</v>
      </c>
      <c r="C55033" s="14" t="s">
        <v>41</v>
      </c>
      <c r="D55033" s="14" t="s">
        <v>302</v>
      </c>
      <c r="E55033" s="15">
        <v>45659</v>
      </c>
      <c r="F55033" s="14" t="s">
        <v>43</v>
      </c>
      <c r="G55033" s="16">
        <v>12.285271840762432</v>
      </c>
    </row>
    <row r="55034" spans="1:7" x14ac:dyDescent="0.3">
      <c r="A55034" s="13" t="s">
        <v>301</v>
      </c>
      <c r="B55034" s="14" t="s">
        <v>1</v>
      </c>
      <c r="C55034" s="14" t="s">
        <v>41</v>
      </c>
      <c r="D55034" s="14" t="s">
        <v>302</v>
      </c>
      <c r="E55034" s="15">
        <v>45660</v>
      </c>
      <c r="F55034" s="14" t="s">
        <v>43</v>
      </c>
      <c r="G55034" s="16">
        <v>12.285271840762432</v>
      </c>
    </row>
    <row r="55035" spans="1:7" x14ac:dyDescent="0.3">
      <c r="A55035" s="13" t="s">
        <v>301</v>
      </c>
      <c r="B55035" s="14" t="s">
        <v>1</v>
      </c>
      <c r="C55035" s="14" t="s">
        <v>41</v>
      </c>
      <c r="D55035" s="14" t="s">
        <v>302</v>
      </c>
      <c r="E55035" s="15">
        <v>45661</v>
      </c>
      <c r="F55035" s="14" t="s">
        <v>43</v>
      </c>
      <c r="G55035" s="16">
        <v>12.285271840762432</v>
      </c>
    </row>
    <row r="55036" spans="1:7" x14ac:dyDescent="0.3">
      <c r="A55036" s="13" t="s">
        <v>301</v>
      </c>
      <c r="B55036" s="14" t="s">
        <v>1</v>
      </c>
      <c r="C55036" s="14" t="s">
        <v>41</v>
      </c>
      <c r="D55036" s="14" t="s">
        <v>302</v>
      </c>
      <c r="E55036" s="15">
        <v>45662</v>
      </c>
      <c r="F55036" s="14" t="s">
        <v>43</v>
      </c>
      <c r="G55036" s="16">
        <v>12.285271840762432</v>
      </c>
    </row>
    <row r="55037" spans="1:7" x14ac:dyDescent="0.3">
      <c r="A55037" s="13" t="s">
        <v>301</v>
      </c>
      <c r="B55037" s="14" t="s">
        <v>1</v>
      </c>
      <c r="C55037" s="14" t="s">
        <v>41</v>
      </c>
      <c r="D55037" s="14" t="s">
        <v>302</v>
      </c>
      <c r="E55037" s="15">
        <v>45663</v>
      </c>
      <c r="F55037" s="14" t="s">
        <v>43</v>
      </c>
      <c r="G55037" s="16">
        <v>20.635904671933769</v>
      </c>
    </row>
    <row r="55038" spans="1:7" x14ac:dyDescent="0.3">
      <c r="A55038" s="13" t="s">
        <v>301</v>
      </c>
      <c r="B55038" s="14" t="s">
        <v>1</v>
      </c>
      <c r="C55038" s="14" t="s">
        <v>41</v>
      </c>
      <c r="D55038" s="14" t="s">
        <v>302</v>
      </c>
      <c r="E55038" s="15">
        <v>45664</v>
      </c>
      <c r="F55038" s="14" t="s">
        <v>43</v>
      </c>
      <c r="G55038" s="16">
        <v>17.723904767380777</v>
      </c>
    </row>
    <row r="55039" spans="1:7" x14ac:dyDescent="0.3">
      <c r="A55039" s="13" t="s">
        <v>301</v>
      </c>
      <c r="B55039" s="14" t="s">
        <v>1</v>
      </c>
      <c r="C55039" s="14" t="s">
        <v>41</v>
      </c>
      <c r="D55039" s="14" t="s">
        <v>302</v>
      </c>
      <c r="E55039" s="15">
        <v>45665</v>
      </c>
      <c r="F55039" s="14" t="s">
        <v>43</v>
      </c>
      <c r="G55039" s="16">
        <v>17.298946066691336</v>
      </c>
    </row>
    <row r="55040" spans="1:7" x14ac:dyDescent="0.3">
      <c r="A55040" s="13" t="s">
        <v>301</v>
      </c>
      <c r="B55040" s="14" t="s">
        <v>1</v>
      </c>
      <c r="C55040" s="14" t="s">
        <v>41</v>
      </c>
      <c r="D55040" s="14" t="s">
        <v>302</v>
      </c>
      <c r="E55040" s="15">
        <v>45666</v>
      </c>
      <c r="F55040" s="14" t="s">
        <v>43</v>
      </c>
      <c r="G55040" s="16">
        <v>16.869134896928802</v>
      </c>
    </row>
    <row r="55041" spans="1:7" x14ac:dyDescent="0.3">
      <c r="A55041" s="13" t="s">
        <v>301</v>
      </c>
      <c r="B55041" s="14" t="s">
        <v>1</v>
      </c>
      <c r="C55041" s="14" t="s">
        <v>41</v>
      </c>
      <c r="D55041" s="14" t="s">
        <v>302</v>
      </c>
      <c r="E55041" s="15">
        <v>45667</v>
      </c>
      <c r="F55041" s="14" t="s">
        <v>43</v>
      </c>
      <c r="G55041" s="16">
        <v>16.441780426602456</v>
      </c>
    </row>
    <row r="55042" spans="1:7" x14ac:dyDescent="0.3">
      <c r="A55042" s="13" t="s">
        <v>301</v>
      </c>
      <c r="B55042" s="14" t="s">
        <v>1</v>
      </c>
      <c r="C55042" s="14" t="s">
        <v>41</v>
      </c>
      <c r="D55042" s="14" t="s">
        <v>302</v>
      </c>
      <c r="E55042" s="15">
        <v>45668</v>
      </c>
      <c r="F55042" s="14" t="s">
        <v>43</v>
      </c>
      <c r="G55042" s="16">
        <v>16.441780426602456</v>
      </c>
    </row>
    <row r="55043" spans="1:7" x14ac:dyDescent="0.3">
      <c r="A55043" s="13" t="s">
        <v>301</v>
      </c>
      <c r="B55043" s="14" t="s">
        <v>1</v>
      </c>
      <c r="C55043" s="14" t="s">
        <v>41</v>
      </c>
      <c r="D55043" s="14" t="s">
        <v>302</v>
      </c>
      <c r="E55043" s="15">
        <v>45669</v>
      </c>
      <c r="F55043" s="14" t="s">
        <v>43</v>
      </c>
      <c r="G55043" s="16">
        <v>16.441780426602456</v>
      </c>
    </row>
    <row r="55044" spans="1:7" x14ac:dyDescent="0.3">
      <c r="A55044" s="13" t="s">
        <v>301</v>
      </c>
      <c r="B55044" s="14" t="s">
        <v>1</v>
      </c>
      <c r="C55044" s="14" t="s">
        <v>41</v>
      </c>
      <c r="D55044" s="14" t="s">
        <v>302</v>
      </c>
      <c r="E55044" s="15">
        <v>45670</v>
      </c>
      <c r="F55044" s="14" t="s">
        <v>43</v>
      </c>
      <c r="G55044" s="16">
        <v>16.441780426602456</v>
      </c>
    </row>
    <row r="55045" spans="1:7" x14ac:dyDescent="0.3">
      <c r="A55045" s="13" t="s">
        <v>301</v>
      </c>
      <c r="B55045" s="14" t="s">
        <v>1</v>
      </c>
      <c r="C55045" s="14" t="s">
        <v>41</v>
      </c>
      <c r="D55045" s="14" t="s">
        <v>302</v>
      </c>
      <c r="E55045" s="15">
        <v>45671</v>
      </c>
      <c r="F55045" s="14" t="s">
        <v>43</v>
      </c>
      <c r="G55045" s="16">
        <v>16.020864447920303</v>
      </c>
    </row>
    <row r="55046" spans="1:7" x14ac:dyDescent="0.3">
      <c r="A55046" s="13" t="s">
        <v>301</v>
      </c>
      <c r="B55046" s="14" t="s">
        <v>1</v>
      </c>
      <c r="C55046" s="14" t="s">
        <v>41</v>
      </c>
      <c r="D55046" s="14" t="s">
        <v>302</v>
      </c>
      <c r="E55046" s="15">
        <v>45672</v>
      </c>
      <c r="F55046" s="14" t="s">
        <v>43</v>
      </c>
      <c r="G55046" s="16">
        <v>14.359892981612445</v>
      </c>
    </row>
    <row r="55047" spans="1:7" x14ac:dyDescent="0.3">
      <c r="A55047" s="13" t="s">
        <v>301</v>
      </c>
      <c r="B55047" s="14" t="s">
        <v>1</v>
      </c>
      <c r="C55047" s="14" t="s">
        <v>41</v>
      </c>
      <c r="D55047" s="14" t="s">
        <v>302</v>
      </c>
      <c r="E55047" s="15">
        <v>45673</v>
      </c>
      <c r="F55047" s="14" t="s">
        <v>43</v>
      </c>
      <c r="G55047" s="16">
        <v>13.946499858885304</v>
      </c>
    </row>
    <row r="55048" spans="1:7" x14ac:dyDescent="0.3">
      <c r="A55048" s="13" t="s">
        <v>301</v>
      </c>
      <c r="B55048" s="14" t="s">
        <v>1</v>
      </c>
      <c r="C55048" s="14" t="s">
        <v>41</v>
      </c>
      <c r="D55048" s="14" t="s">
        <v>302</v>
      </c>
      <c r="E55048" s="15">
        <v>45674</v>
      </c>
      <c r="F55048" s="14" t="s">
        <v>43</v>
      </c>
      <c r="G55048" s="16">
        <v>13.53235948509303</v>
      </c>
    </row>
    <row r="55049" spans="1:7" x14ac:dyDescent="0.3">
      <c r="A55049" s="13" t="s">
        <v>301</v>
      </c>
      <c r="B55049" s="14" t="s">
        <v>1</v>
      </c>
      <c r="C55049" s="14" t="s">
        <v>41</v>
      </c>
      <c r="D55049" s="14" t="s">
        <v>302</v>
      </c>
      <c r="E55049" s="15">
        <v>45675</v>
      </c>
      <c r="F55049" s="14" t="s">
        <v>43</v>
      </c>
      <c r="G55049" s="16">
        <v>13.53235948509303</v>
      </c>
    </row>
    <row r="55050" spans="1:7" x14ac:dyDescent="0.3">
      <c r="A55050" s="13" t="s">
        <v>301</v>
      </c>
      <c r="B55050" s="14" t="s">
        <v>1</v>
      </c>
      <c r="C55050" s="14" t="s">
        <v>41</v>
      </c>
      <c r="D55050" s="14" t="s">
        <v>302</v>
      </c>
      <c r="E55050" s="15">
        <v>45676</v>
      </c>
      <c r="F55050" s="14" t="s">
        <v>43</v>
      </c>
      <c r="G55050" s="16">
        <v>13.53235948509303</v>
      </c>
    </row>
    <row r="55051" spans="1:7" x14ac:dyDescent="0.3">
      <c r="A55051" s="13" t="s">
        <v>301</v>
      </c>
      <c r="B55051" s="14" t="s">
        <v>1</v>
      </c>
      <c r="C55051" s="14" t="s">
        <v>41</v>
      </c>
      <c r="D55051" s="14" t="s">
        <v>302</v>
      </c>
      <c r="E55051" s="15">
        <v>45677</v>
      </c>
      <c r="F55051" s="14" t="s">
        <v>43</v>
      </c>
      <c r="G55051" s="16">
        <v>13.118864398780241</v>
      </c>
    </row>
    <row r="55052" spans="1:7" x14ac:dyDescent="0.3">
      <c r="A55052" s="13" t="s">
        <v>301</v>
      </c>
      <c r="B55052" s="14" t="s">
        <v>1</v>
      </c>
      <c r="C55052" s="14" t="s">
        <v>41</v>
      </c>
      <c r="D55052" s="14" t="s">
        <v>302</v>
      </c>
      <c r="E55052" s="15">
        <v>45678</v>
      </c>
      <c r="F55052" s="14" t="s">
        <v>43</v>
      </c>
      <c r="G55052" s="16">
        <v>11.889875609718091</v>
      </c>
    </row>
    <row r="55053" spans="1:7" x14ac:dyDescent="0.3">
      <c r="A55053" s="13" t="s">
        <v>301</v>
      </c>
      <c r="B55053" s="14" t="s">
        <v>1</v>
      </c>
      <c r="C55053" s="14" t="s">
        <v>41</v>
      </c>
      <c r="D55053" s="14" t="s">
        <v>302</v>
      </c>
      <c r="E55053" s="15">
        <v>45679</v>
      </c>
      <c r="F55053" s="14" t="s">
        <v>43</v>
      </c>
      <c r="G55053" s="16">
        <v>11.473064410777635</v>
      </c>
    </row>
    <row r="55054" spans="1:7" x14ac:dyDescent="0.3">
      <c r="A55054" s="13" t="s">
        <v>301</v>
      </c>
      <c r="B55054" s="14" t="s">
        <v>1</v>
      </c>
      <c r="C55054" s="14" t="s">
        <v>41</v>
      </c>
      <c r="D55054" s="14" t="s">
        <v>302</v>
      </c>
      <c r="E55054" s="15">
        <v>45680</v>
      </c>
      <c r="F55054" s="14" t="s">
        <v>43</v>
      </c>
      <c r="G55054" s="16">
        <v>11.056196022086262</v>
      </c>
    </row>
    <row r="55055" spans="1:7" x14ac:dyDescent="0.3">
      <c r="A55055" s="13" t="s">
        <v>301</v>
      </c>
      <c r="B55055" s="14" t="s">
        <v>1</v>
      </c>
      <c r="C55055" s="14" t="s">
        <v>41</v>
      </c>
      <c r="D55055" s="14" t="s">
        <v>302</v>
      </c>
      <c r="E55055" s="15">
        <v>45681</v>
      </c>
      <c r="F55055" s="14" t="s">
        <v>43</v>
      </c>
      <c r="G55055" s="16">
        <v>10.635823326092458</v>
      </c>
    </row>
    <row r="55056" spans="1:7" x14ac:dyDescent="0.3">
      <c r="A55056" s="13" t="s">
        <v>301</v>
      </c>
      <c r="B55056" s="14" t="s">
        <v>1</v>
      </c>
      <c r="C55056" s="14" t="s">
        <v>41</v>
      </c>
      <c r="D55056" s="14" t="s">
        <v>302</v>
      </c>
      <c r="E55056" s="15">
        <v>45682</v>
      </c>
      <c r="F55056" s="14" t="s">
        <v>43</v>
      </c>
      <c r="G55056" s="16">
        <v>10.635823326092458</v>
      </c>
    </row>
    <row r="55057" spans="1:7" x14ac:dyDescent="0.3">
      <c r="A55057" s="13" t="s">
        <v>301</v>
      </c>
      <c r="B55057" s="14" t="s">
        <v>1</v>
      </c>
      <c r="C55057" s="14" t="s">
        <v>41</v>
      </c>
      <c r="D55057" s="14" t="s">
        <v>302</v>
      </c>
      <c r="E55057" s="15">
        <v>45683</v>
      </c>
      <c r="F55057" s="14" t="s">
        <v>43</v>
      </c>
      <c r="G55057" s="16">
        <v>10.635823326092458</v>
      </c>
    </row>
    <row r="55058" spans="1:7" x14ac:dyDescent="0.3">
      <c r="A55058" s="13" t="s">
        <v>301</v>
      </c>
      <c r="B55058" s="14" t="s">
        <v>1</v>
      </c>
      <c r="C55058" s="14" t="s">
        <v>41</v>
      </c>
      <c r="D55058" s="14" t="s">
        <v>302</v>
      </c>
      <c r="E55058" s="15">
        <v>45684</v>
      </c>
      <c r="F55058" s="14" t="s">
        <v>43</v>
      </c>
      <c r="G55058" s="16">
        <v>10.505749292411247</v>
      </c>
    </row>
    <row r="55059" spans="1:7" x14ac:dyDescent="0.3">
      <c r="A55059" s="13" t="s">
        <v>301</v>
      </c>
      <c r="B55059" s="14" t="s">
        <v>1</v>
      </c>
      <c r="C55059" s="14" t="s">
        <v>41</v>
      </c>
      <c r="D55059" s="14" t="s">
        <v>302</v>
      </c>
      <c r="E55059" s="15">
        <v>45685</v>
      </c>
      <c r="F55059" s="14" t="s">
        <v>43</v>
      </c>
      <c r="G55059" s="16">
        <v>9.2495690091020872</v>
      </c>
    </row>
    <row r="55060" spans="1:7" x14ac:dyDescent="0.3">
      <c r="A55060" s="13" t="s">
        <v>301</v>
      </c>
      <c r="B55060" s="14" t="s">
        <v>1</v>
      </c>
      <c r="C55060" s="14" t="s">
        <v>41</v>
      </c>
      <c r="D55060" s="14" t="s">
        <v>302</v>
      </c>
      <c r="E55060" s="15">
        <v>45686</v>
      </c>
      <c r="F55060" s="14" t="s">
        <v>43</v>
      </c>
      <c r="G55060" s="16">
        <v>8.8278525453029246</v>
      </c>
    </row>
    <row r="55061" spans="1:7" x14ac:dyDescent="0.3">
      <c r="A55061" s="13" t="s">
        <v>301</v>
      </c>
      <c r="B55061" s="14" t="s">
        <v>1</v>
      </c>
      <c r="C55061" s="14" t="s">
        <v>41</v>
      </c>
      <c r="D55061" s="14" t="s">
        <v>302</v>
      </c>
      <c r="E55061" s="15">
        <v>45687</v>
      </c>
      <c r="F55061" s="14" t="s">
        <v>43</v>
      </c>
      <c r="G55061" s="16">
        <v>8.4071900737310603</v>
      </c>
    </row>
    <row r="55062" spans="1:7" x14ac:dyDescent="0.3">
      <c r="A55062" s="13" t="s">
        <v>301</v>
      </c>
      <c r="B55062" s="14" t="s">
        <v>1</v>
      </c>
      <c r="C55062" s="14" t="s">
        <v>41</v>
      </c>
      <c r="D55062" s="14" t="s">
        <v>302</v>
      </c>
      <c r="E55062" s="15">
        <v>45688</v>
      </c>
      <c r="F55062" s="14" t="s">
        <v>43</v>
      </c>
      <c r="G55062" s="16">
        <v>9.3088089417174924</v>
      </c>
    </row>
    <row r="55063" spans="1:7" x14ac:dyDescent="0.3">
      <c r="A55063" s="13" t="s">
        <v>301</v>
      </c>
      <c r="B55063" s="14" t="s">
        <v>1</v>
      </c>
      <c r="C55063" s="14" t="s">
        <v>41</v>
      </c>
      <c r="D55063" s="14" t="s">
        <v>302</v>
      </c>
      <c r="E55063" s="15">
        <v>45689</v>
      </c>
      <c r="F55063" s="14" t="s">
        <v>43</v>
      </c>
      <c r="G55063" s="16">
        <v>9.3088089417174924</v>
      </c>
    </row>
    <row r="55064" spans="1:7" x14ac:dyDescent="0.3">
      <c r="A55064" s="13" t="s">
        <v>301</v>
      </c>
      <c r="B55064" s="14" t="s">
        <v>1</v>
      </c>
      <c r="C55064" s="14" t="s">
        <v>41</v>
      </c>
      <c r="D55064" s="14" t="s">
        <v>302</v>
      </c>
      <c r="E55064" s="15">
        <v>45690</v>
      </c>
      <c r="F55064" s="14" t="s">
        <v>43</v>
      </c>
      <c r="G55064" s="16">
        <v>9.3088089417174924</v>
      </c>
    </row>
    <row r="55065" spans="1:7" x14ac:dyDescent="0.3">
      <c r="A55065" s="13" t="s">
        <v>301</v>
      </c>
      <c r="B55065" s="14" t="s">
        <v>1</v>
      </c>
      <c r="C55065" s="14" t="s">
        <v>41</v>
      </c>
      <c r="D55065" s="14" t="s">
        <v>302</v>
      </c>
      <c r="E55065" s="15">
        <v>45691</v>
      </c>
      <c r="F55065" s="14" t="s">
        <v>43</v>
      </c>
      <c r="G55065" s="16">
        <v>9.3088089417174924</v>
      </c>
    </row>
    <row r="55066" spans="1:7" x14ac:dyDescent="0.3">
      <c r="A55066" s="13" t="s">
        <v>301</v>
      </c>
      <c r="B55066" s="14" t="s">
        <v>1</v>
      </c>
      <c r="C55066" s="14" t="s">
        <v>41</v>
      </c>
      <c r="D55066" s="14" t="s">
        <v>302</v>
      </c>
      <c r="E55066" s="15">
        <v>45692</v>
      </c>
      <c r="F55066" s="14" t="s">
        <v>43</v>
      </c>
      <c r="G55066" s="16">
        <v>8.8843261522641583</v>
      </c>
    </row>
    <row r="55067" spans="1:7" x14ac:dyDescent="0.3">
      <c r="A55067" s="13" t="s">
        <v>301</v>
      </c>
      <c r="B55067" s="14" t="s">
        <v>1</v>
      </c>
      <c r="C55067" s="14" t="s">
        <v>41</v>
      </c>
      <c r="D55067" s="14" t="s">
        <v>302</v>
      </c>
      <c r="E55067" s="15">
        <v>45693</v>
      </c>
      <c r="F55067" s="14" t="s">
        <v>43</v>
      </c>
      <c r="G55067" s="16">
        <v>7.3962670527855003</v>
      </c>
    </row>
    <row r="55068" spans="1:7" x14ac:dyDescent="0.3">
      <c r="A55068" s="13" t="s">
        <v>301</v>
      </c>
      <c r="B55068" s="14" t="s">
        <v>1</v>
      </c>
      <c r="C55068" s="14" t="s">
        <v>41</v>
      </c>
      <c r="D55068" s="14" t="s">
        <v>302</v>
      </c>
      <c r="E55068" s="15">
        <v>45694</v>
      </c>
      <c r="F55068" s="14" t="s">
        <v>43</v>
      </c>
      <c r="G55068" s="16">
        <v>6.979003787901763</v>
      </c>
    </row>
    <row r="55069" spans="1:7" x14ac:dyDescent="0.3">
      <c r="A55069" s="13" t="s">
        <v>301</v>
      </c>
      <c r="B55069" s="14" t="s">
        <v>1</v>
      </c>
      <c r="C55069" s="14" t="s">
        <v>41</v>
      </c>
      <c r="D55069" s="14" t="s">
        <v>302</v>
      </c>
      <c r="E55069" s="15">
        <v>45695</v>
      </c>
      <c r="F55069" s="14" t="s">
        <v>43</v>
      </c>
      <c r="G55069" s="16">
        <v>6.5612711017986323</v>
      </c>
    </row>
    <row r="55070" spans="1:7" x14ac:dyDescent="0.3">
      <c r="A55070" s="13" t="s">
        <v>301</v>
      </c>
      <c r="B55070" s="14" t="s">
        <v>1</v>
      </c>
      <c r="C55070" s="14" t="s">
        <v>41</v>
      </c>
      <c r="D55070" s="14" t="s">
        <v>302</v>
      </c>
      <c r="E55070" s="15">
        <v>45696</v>
      </c>
      <c r="F55070" s="14" t="s">
        <v>43</v>
      </c>
      <c r="G55070" s="16">
        <v>6.5612711017986323</v>
      </c>
    </row>
    <row r="55071" spans="1:7" x14ac:dyDescent="0.3">
      <c r="A55071" s="13" t="s">
        <v>301</v>
      </c>
      <c r="B55071" s="14" t="s">
        <v>1</v>
      </c>
      <c r="C55071" s="14" t="s">
        <v>41</v>
      </c>
      <c r="D55071" s="14" t="s">
        <v>302</v>
      </c>
      <c r="E55071" s="15">
        <v>45697</v>
      </c>
      <c r="F55071" s="14" t="s">
        <v>43</v>
      </c>
      <c r="G55071" s="16">
        <v>6.5612711017986323</v>
      </c>
    </row>
    <row r="55072" spans="1:7" x14ac:dyDescent="0.3">
      <c r="A55072" s="13" t="s">
        <v>301</v>
      </c>
      <c r="B55072" s="14" t="s">
        <v>1</v>
      </c>
      <c r="C55072" s="14" t="s">
        <v>41</v>
      </c>
      <c r="D55072" s="14" t="s">
        <v>302</v>
      </c>
      <c r="E55072" s="15">
        <v>45698</v>
      </c>
      <c r="F55072" s="14" t="s">
        <v>43</v>
      </c>
      <c r="G55072" s="16">
        <v>6.1422094493360024</v>
      </c>
    </row>
    <row r="55073" spans="1:7" x14ac:dyDescent="0.3">
      <c r="A55073" s="13" t="s">
        <v>301</v>
      </c>
      <c r="B55073" s="14" t="s">
        <v>1</v>
      </c>
      <c r="C55073" s="14" t="s">
        <v>41</v>
      </c>
      <c r="D55073" s="14" t="s">
        <v>302</v>
      </c>
      <c r="E55073" s="15">
        <v>45699</v>
      </c>
      <c r="F55073" s="14" t="s">
        <v>43</v>
      </c>
      <c r="G55073" s="16">
        <v>6.1422094493360024</v>
      </c>
    </row>
    <row r="55074" spans="1:7" x14ac:dyDescent="0.3">
      <c r="A55074" s="13" t="s">
        <v>301</v>
      </c>
      <c r="B55074" s="14" t="s">
        <v>1</v>
      </c>
      <c r="C55074" s="14" t="s">
        <v>41</v>
      </c>
      <c r="D55074" s="14" t="s">
        <v>302</v>
      </c>
      <c r="E55074" s="15">
        <v>45700</v>
      </c>
      <c r="F55074" s="14" t="s">
        <v>43</v>
      </c>
      <c r="G55074" s="16">
        <v>4.900626424607359</v>
      </c>
    </row>
    <row r="55075" spans="1:7" x14ac:dyDescent="0.3">
      <c r="A55075" s="13" t="s">
        <v>301</v>
      </c>
      <c r="B55075" s="14" t="s">
        <v>1</v>
      </c>
      <c r="C55075" s="14" t="s">
        <v>41</v>
      </c>
      <c r="D55075" s="14" t="s">
        <v>302</v>
      </c>
      <c r="E55075" s="15">
        <v>45701</v>
      </c>
      <c r="F55075" s="14" t="s">
        <v>43</v>
      </c>
      <c r="G55075" s="16">
        <v>4.1587958573690429</v>
      </c>
    </row>
    <row r="55076" spans="1:7" x14ac:dyDescent="0.3">
      <c r="A55076" s="13" t="s">
        <v>301</v>
      </c>
      <c r="B55076" s="14" t="s">
        <v>1</v>
      </c>
      <c r="C55076" s="14" t="s">
        <v>41</v>
      </c>
      <c r="D55076" s="14" t="s">
        <v>302</v>
      </c>
      <c r="E55076" s="15">
        <v>45702</v>
      </c>
      <c r="F55076" s="14" t="s">
        <v>43</v>
      </c>
      <c r="G55076" s="16">
        <v>3.8753386493129014</v>
      </c>
    </row>
    <row r="55077" spans="1:7" x14ac:dyDescent="0.3">
      <c r="A55077" s="13" t="s">
        <v>301</v>
      </c>
      <c r="B55077" s="14" t="s">
        <v>1</v>
      </c>
      <c r="C55077" s="14" t="s">
        <v>41</v>
      </c>
      <c r="D55077" s="14" t="s">
        <v>302</v>
      </c>
      <c r="E55077" s="15">
        <v>45703</v>
      </c>
      <c r="F55077" s="14" t="s">
        <v>43</v>
      </c>
      <c r="G55077" s="16">
        <v>3.8753386493129014</v>
      </c>
    </row>
    <row r="55078" spans="1:7" x14ac:dyDescent="0.3">
      <c r="A55078" s="13" t="s">
        <v>301</v>
      </c>
      <c r="B55078" s="14" t="s">
        <v>1</v>
      </c>
      <c r="C55078" s="14" t="s">
        <v>41</v>
      </c>
      <c r="D55078" s="14" t="s">
        <v>302</v>
      </c>
      <c r="E55078" s="15">
        <v>45704</v>
      </c>
      <c r="F55078" s="14" t="s">
        <v>43</v>
      </c>
      <c r="G55078" s="16">
        <v>3.8753386493129014</v>
      </c>
    </row>
    <row r="55079" spans="1:7" x14ac:dyDescent="0.3">
      <c r="A55079" s="13" t="s">
        <v>301</v>
      </c>
      <c r="B55079" s="14" t="s">
        <v>1</v>
      </c>
      <c r="C55079" s="14" t="s">
        <v>41</v>
      </c>
      <c r="D55079" s="14" t="s">
        <v>302</v>
      </c>
      <c r="E55079" s="15">
        <v>45705</v>
      </c>
      <c r="F55079" s="14" t="s">
        <v>43</v>
      </c>
      <c r="G55079" s="16">
        <v>3.4546364750079306</v>
      </c>
    </row>
    <row r="55080" spans="1:7" x14ac:dyDescent="0.3">
      <c r="A55080" s="13" t="s">
        <v>301</v>
      </c>
      <c r="B55080" s="14" t="s">
        <v>1</v>
      </c>
      <c r="C55080" s="14" t="s">
        <v>41</v>
      </c>
      <c r="D55080" s="14" t="s">
        <v>302</v>
      </c>
      <c r="E55080" s="15">
        <v>45706</v>
      </c>
      <c r="F55080" s="14" t="s">
        <v>43</v>
      </c>
      <c r="G55080" s="16">
        <v>2.2010068110047074</v>
      </c>
    </row>
    <row r="55081" spans="1:7" x14ac:dyDescent="0.3">
      <c r="A55081" s="13" t="s">
        <v>301</v>
      </c>
      <c r="B55081" s="14" t="s">
        <v>1</v>
      </c>
      <c r="C55081" s="14" t="s">
        <v>41</v>
      </c>
      <c r="D55081" s="14" t="s">
        <v>302</v>
      </c>
      <c r="E55081" s="15">
        <v>45707</v>
      </c>
      <c r="F55081" s="14" t="s">
        <v>43</v>
      </c>
      <c r="G55081" s="16">
        <v>1.7784160864922338</v>
      </c>
    </row>
    <row r="55082" spans="1:7" x14ac:dyDescent="0.3">
      <c r="A55082" s="13" t="s">
        <v>301</v>
      </c>
      <c r="B55082" s="14" t="s">
        <v>1</v>
      </c>
      <c r="C55082" s="14" t="s">
        <v>41</v>
      </c>
      <c r="D55082" s="14" t="s">
        <v>302</v>
      </c>
      <c r="E55082" s="15">
        <v>45708</v>
      </c>
      <c r="F55082" s="14" t="s">
        <v>43</v>
      </c>
      <c r="G55082" s="16">
        <v>2.5844251112697076</v>
      </c>
    </row>
    <row r="55083" spans="1:7" x14ac:dyDescent="0.3">
      <c r="A55083" s="13" t="s">
        <v>301</v>
      </c>
      <c r="B55083" s="14" t="s">
        <v>1</v>
      </c>
      <c r="C55083" s="14" t="s">
        <v>41</v>
      </c>
      <c r="D55083" s="14" t="s">
        <v>302</v>
      </c>
      <c r="E55083" s="15">
        <v>45709</v>
      </c>
      <c r="F55083" s="14" t="s">
        <v>43</v>
      </c>
      <c r="G55083" s="16">
        <v>2.1622315342729257</v>
      </c>
    </row>
    <row r="55084" spans="1:7" x14ac:dyDescent="0.3">
      <c r="A55084" s="13" t="s">
        <v>301</v>
      </c>
      <c r="B55084" s="14" t="s">
        <v>1</v>
      </c>
      <c r="C55084" s="14" t="s">
        <v>41</v>
      </c>
      <c r="D55084" s="14" t="s">
        <v>302</v>
      </c>
      <c r="E55084" s="15">
        <v>45710</v>
      </c>
      <c r="F55084" s="14" t="s">
        <v>43</v>
      </c>
      <c r="G55084" s="16">
        <v>2.1622315342729257</v>
      </c>
    </row>
    <row r="55085" spans="1:7" x14ac:dyDescent="0.3">
      <c r="A55085" s="13" t="s">
        <v>301</v>
      </c>
      <c r="B55085" s="14" t="s">
        <v>1</v>
      </c>
      <c r="C55085" s="14" t="s">
        <v>41</v>
      </c>
      <c r="D55085" s="14" t="s">
        <v>302</v>
      </c>
      <c r="E55085" s="15">
        <v>45711</v>
      </c>
      <c r="F55085" s="14" t="s">
        <v>43</v>
      </c>
      <c r="G55085" s="16">
        <v>2.1622315342729257</v>
      </c>
    </row>
    <row r="55086" spans="1:7" x14ac:dyDescent="0.3">
      <c r="A55086" s="13" t="s">
        <v>301</v>
      </c>
      <c r="B55086" s="14" t="s">
        <v>1</v>
      </c>
      <c r="C55086" s="14" t="s">
        <v>41</v>
      </c>
      <c r="D55086" s="14" t="s">
        <v>302</v>
      </c>
      <c r="E55086" s="15">
        <v>45712</v>
      </c>
      <c r="F55086" s="14" t="s">
        <v>43</v>
      </c>
      <c r="G55086" s="16">
        <v>2.1622315342729257</v>
      </c>
    </row>
    <row r="55087" spans="1:7" x14ac:dyDescent="0.3">
      <c r="A55087" s="13" t="s">
        <v>301</v>
      </c>
      <c r="B55087" s="14" t="s">
        <v>1</v>
      </c>
      <c r="C55087" s="14" t="s">
        <v>41</v>
      </c>
      <c r="D55087" s="14" t="s">
        <v>302</v>
      </c>
      <c r="E55087" s="15">
        <v>45713</v>
      </c>
      <c r="F55087" s="14" t="s">
        <v>43</v>
      </c>
      <c r="G55087" s="16">
        <v>1.7442325293158363</v>
      </c>
    </row>
    <row r="55088" spans="1:7" x14ac:dyDescent="0.3">
      <c r="A55088" s="13" t="s">
        <v>301</v>
      </c>
      <c r="B55088" s="14" t="s">
        <v>1</v>
      </c>
      <c r="C55088" s="14" t="s">
        <v>41</v>
      </c>
      <c r="D55088" s="14" t="s">
        <v>302</v>
      </c>
      <c r="E55088" s="15">
        <v>45714</v>
      </c>
      <c r="F55088" s="14" t="s">
        <v>43</v>
      </c>
      <c r="G55088" s="16">
        <v>7.9116120172064944E-2</v>
      </c>
    </row>
    <row r="55089" spans="1:7" x14ac:dyDescent="0.3">
      <c r="A55089" s="13" t="s">
        <v>301</v>
      </c>
      <c r="B55089" s="14" t="s">
        <v>1</v>
      </c>
      <c r="C55089" s="14" t="s">
        <v>41</v>
      </c>
      <c r="D55089" s="14" t="s">
        <v>302</v>
      </c>
      <c r="E55089" s="15">
        <v>45715</v>
      </c>
      <c r="F55089" s="14" t="s">
        <v>43</v>
      </c>
      <c r="G55089" s="16">
        <v>0</v>
      </c>
    </row>
    <row r="55090" spans="1:7" x14ac:dyDescent="0.3">
      <c r="A55090" s="13" t="s">
        <v>301</v>
      </c>
      <c r="B55090" s="14" t="s">
        <v>1</v>
      </c>
      <c r="C55090" s="14" t="s">
        <v>41</v>
      </c>
      <c r="D55090" s="14" t="s">
        <v>302</v>
      </c>
      <c r="E55090" s="15">
        <v>45716</v>
      </c>
      <c r="F55090" s="14" t="s">
        <v>43</v>
      </c>
      <c r="G55090" s="16">
        <v>7.5032196362775513E-2</v>
      </c>
    </row>
    <row r="55091" spans="1:7" x14ac:dyDescent="0.3">
      <c r="A55091" s="13" t="s">
        <v>301</v>
      </c>
      <c r="B55091" s="14" t="s">
        <v>1</v>
      </c>
      <c r="C55091" s="14" t="s">
        <v>41</v>
      </c>
      <c r="D55091" s="14" t="s">
        <v>302</v>
      </c>
      <c r="E55091" s="15">
        <v>45717</v>
      </c>
      <c r="F55091" s="14" t="s">
        <v>43</v>
      </c>
      <c r="G55091" s="16">
        <v>7.5032196362775513E-2</v>
      </c>
    </row>
    <row r="55092" spans="1:7" x14ac:dyDescent="0.3">
      <c r="A55092" s="13" t="s">
        <v>301</v>
      </c>
      <c r="B55092" s="14" t="s">
        <v>1</v>
      </c>
      <c r="C55092" s="14" t="s">
        <v>41</v>
      </c>
      <c r="D55092" s="14" t="s">
        <v>302</v>
      </c>
      <c r="E55092" s="15">
        <v>45718</v>
      </c>
      <c r="F55092" s="14" t="s">
        <v>43</v>
      </c>
      <c r="G55092" s="16">
        <v>7.5032196362775513E-2</v>
      </c>
    </row>
    <row r="55093" spans="1:7" x14ac:dyDescent="0.3">
      <c r="A55093" s="13" t="s">
        <v>301</v>
      </c>
      <c r="B55093" s="14" t="s">
        <v>1</v>
      </c>
      <c r="C55093" s="14" t="s">
        <v>41</v>
      </c>
      <c r="D55093" s="14" t="s">
        <v>302</v>
      </c>
      <c r="E55093" s="15">
        <v>45719</v>
      </c>
      <c r="F55093" s="14" t="s">
        <v>43</v>
      </c>
      <c r="G55093" s="16">
        <v>0</v>
      </c>
    </row>
    <row r="55094" spans="1:7" x14ac:dyDescent="0.3">
      <c r="A55094" s="13" t="s">
        <v>301</v>
      </c>
      <c r="B55094" s="14" t="s">
        <v>1</v>
      </c>
      <c r="C55094" s="14" t="s">
        <v>41</v>
      </c>
      <c r="D55094" s="14" t="s">
        <v>302</v>
      </c>
      <c r="E55094" s="15">
        <v>45720</v>
      </c>
      <c r="F55094" s="14" t="s">
        <v>43</v>
      </c>
      <c r="G55094" s="16">
        <v>0</v>
      </c>
    </row>
    <row r="55095" spans="1:7" x14ac:dyDescent="0.3">
      <c r="A55095" s="13" t="s">
        <v>301</v>
      </c>
      <c r="B55095" s="14" t="s">
        <v>1</v>
      </c>
      <c r="C55095" s="14" t="s">
        <v>41</v>
      </c>
      <c r="D55095" s="14" t="s">
        <v>302</v>
      </c>
      <c r="E55095" s="15">
        <v>45721</v>
      </c>
      <c r="F55095" s="14" t="s">
        <v>43</v>
      </c>
      <c r="G55095" s="16">
        <v>0</v>
      </c>
    </row>
    <row r="55096" spans="1:7" x14ac:dyDescent="0.3">
      <c r="A55096" s="13" t="s">
        <v>301</v>
      </c>
      <c r="B55096" s="14" t="s">
        <v>1</v>
      </c>
      <c r="C55096" s="14" t="s">
        <v>41</v>
      </c>
      <c r="D55096" s="14" t="s">
        <v>302</v>
      </c>
      <c r="E55096" s="15">
        <v>45722</v>
      </c>
      <c r="F55096" s="14" t="s">
        <v>43</v>
      </c>
      <c r="G55096" s="16">
        <v>0</v>
      </c>
    </row>
    <row r="55097" spans="1:7" x14ac:dyDescent="0.3">
      <c r="A55097" s="13" t="s">
        <v>301</v>
      </c>
      <c r="B55097" s="14" t="s">
        <v>1</v>
      </c>
      <c r="C55097" s="14" t="s">
        <v>41</v>
      </c>
      <c r="D55097" s="14" t="s">
        <v>302</v>
      </c>
      <c r="E55097" s="15">
        <v>45723</v>
      </c>
      <c r="F55097" s="14" t="s">
        <v>43</v>
      </c>
      <c r="G55097" s="16">
        <v>0</v>
      </c>
    </row>
    <row r="55098" spans="1:7" x14ac:dyDescent="0.3">
      <c r="A55098" s="13" t="s">
        <v>301</v>
      </c>
      <c r="B55098" s="14" t="s">
        <v>1</v>
      </c>
      <c r="C55098" s="14" t="s">
        <v>41</v>
      </c>
      <c r="D55098" s="14" t="s">
        <v>302</v>
      </c>
      <c r="E55098" s="15">
        <v>45724</v>
      </c>
      <c r="F55098" s="14" t="s">
        <v>43</v>
      </c>
      <c r="G55098" s="16">
        <v>0</v>
      </c>
    </row>
    <row r="55099" spans="1:7" x14ac:dyDescent="0.3">
      <c r="A55099" s="13" t="s">
        <v>301</v>
      </c>
      <c r="B55099" s="14" t="s">
        <v>1</v>
      </c>
      <c r="C55099" s="14" t="s">
        <v>41</v>
      </c>
      <c r="D55099" s="14" t="s">
        <v>302</v>
      </c>
      <c r="E55099" s="15">
        <v>45725</v>
      </c>
      <c r="F55099" s="14" t="s">
        <v>43</v>
      </c>
      <c r="G55099" s="16">
        <v>0</v>
      </c>
    </row>
    <row r="55100" spans="1:7" x14ac:dyDescent="0.3">
      <c r="A55100" s="13" t="s">
        <v>301</v>
      </c>
      <c r="B55100" s="14" t="s">
        <v>1</v>
      </c>
      <c r="C55100" s="14" t="s">
        <v>41</v>
      </c>
      <c r="D55100" s="14" t="s">
        <v>302</v>
      </c>
      <c r="E55100" s="15">
        <v>45726</v>
      </c>
      <c r="F55100" s="14" t="s">
        <v>43</v>
      </c>
      <c r="G55100" s="16">
        <v>0</v>
      </c>
    </row>
    <row r="55101" spans="1:7" x14ac:dyDescent="0.3">
      <c r="A55101" s="13" t="s">
        <v>301</v>
      </c>
      <c r="B55101" s="14" t="s">
        <v>1</v>
      </c>
      <c r="C55101" s="14" t="s">
        <v>41</v>
      </c>
      <c r="D55101" s="14" t="s">
        <v>302</v>
      </c>
      <c r="E55101" s="15">
        <v>45727</v>
      </c>
      <c r="F55101" s="14" t="s">
        <v>43</v>
      </c>
      <c r="G55101" s="16">
        <v>0</v>
      </c>
    </row>
    <row r="55102" spans="1:7" x14ac:dyDescent="0.3">
      <c r="A55102" s="13" t="s">
        <v>301</v>
      </c>
      <c r="B55102" s="14" t="s">
        <v>1</v>
      </c>
      <c r="C55102" s="14" t="s">
        <v>41</v>
      </c>
      <c r="D55102" s="14" t="s">
        <v>302</v>
      </c>
      <c r="E55102" s="15">
        <v>45728</v>
      </c>
      <c r="F55102" s="14" t="s">
        <v>43</v>
      </c>
      <c r="G55102" s="16">
        <v>0</v>
      </c>
    </row>
    <row r="55103" spans="1:7" x14ac:dyDescent="0.3">
      <c r="A55103" s="13" t="s">
        <v>301</v>
      </c>
      <c r="B55103" s="14" t="s">
        <v>1</v>
      </c>
      <c r="C55103" s="14" t="s">
        <v>41</v>
      </c>
      <c r="D55103" s="14" t="s">
        <v>302</v>
      </c>
      <c r="E55103" s="15">
        <v>45729</v>
      </c>
      <c r="F55103" s="14" t="s">
        <v>43</v>
      </c>
      <c r="G55103" s="16">
        <v>0</v>
      </c>
    </row>
    <row r="55104" spans="1:7" x14ac:dyDescent="0.3">
      <c r="A55104" s="13" t="s">
        <v>301</v>
      </c>
      <c r="B55104" s="14" t="s">
        <v>1</v>
      </c>
      <c r="C55104" s="14" t="s">
        <v>41</v>
      </c>
      <c r="D55104" s="14" t="s">
        <v>302</v>
      </c>
      <c r="E55104" s="15">
        <v>45730</v>
      </c>
      <c r="F55104" s="14" t="s">
        <v>43</v>
      </c>
      <c r="G55104" s="16">
        <v>0</v>
      </c>
    </row>
    <row r="55105" spans="1:7" x14ac:dyDescent="0.3">
      <c r="A55105" s="13" t="s">
        <v>301</v>
      </c>
      <c r="B55105" s="14" t="s">
        <v>1</v>
      </c>
      <c r="C55105" s="14" t="s">
        <v>41</v>
      </c>
      <c r="D55105" s="14" t="s">
        <v>302</v>
      </c>
      <c r="E55105" s="15">
        <v>45731</v>
      </c>
      <c r="F55105" s="14" t="s">
        <v>43</v>
      </c>
      <c r="G55105" s="16">
        <v>0</v>
      </c>
    </row>
    <row r="55106" spans="1:7" x14ac:dyDescent="0.3">
      <c r="A55106" s="13" t="s">
        <v>301</v>
      </c>
      <c r="B55106" s="14" t="s">
        <v>1</v>
      </c>
      <c r="C55106" s="14" t="s">
        <v>41</v>
      </c>
      <c r="D55106" s="14" t="s">
        <v>302</v>
      </c>
      <c r="E55106" s="15">
        <v>45732</v>
      </c>
      <c r="F55106" s="14" t="s">
        <v>43</v>
      </c>
      <c r="G55106" s="16">
        <v>0</v>
      </c>
    </row>
    <row r="55107" spans="1:7" x14ac:dyDescent="0.3">
      <c r="A55107" s="13" t="s">
        <v>301</v>
      </c>
      <c r="B55107" s="14" t="s">
        <v>1</v>
      </c>
      <c r="C55107" s="14" t="s">
        <v>41</v>
      </c>
      <c r="D55107" s="14" t="s">
        <v>302</v>
      </c>
      <c r="E55107" s="15">
        <v>45733</v>
      </c>
      <c r="F55107" s="14" t="s">
        <v>43</v>
      </c>
      <c r="G55107" s="16">
        <v>0</v>
      </c>
    </row>
    <row r="55108" spans="1:7" x14ac:dyDescent="0.3">
      <c r="A55108" s="13" t="s">
        <v>301</v>
      </c>
      <c r="B55108" s="14" t="s">
        <v>1</v>
      </c>
      <c r="C55108" s="14" t="s">
        <v>41</v>
      </c>
      <c r="D55108" s="14" t="s">
        <v>302</v>
      </c>
      <c r="E55108" s="15">
        <v>45734</v>
      </c>
      <c r="F55108" s="14" t="s">
        <v>43</v>
      </c>
      <c r="G55108" s="16">
        <v>0</v>
      </c>
    </row>
    <row r="55109" spans="1:7" x14ac:dyDescent="0.3">
      <c r="A55109" s="13" t="s">
        <v>301</v>
      </c>
      <c r="B55109" s="14" t="s">
        <v>1</v>
      </c>
      <c r="C55109" s="14" t="s">
        <v>41</v>
      </c>
      <c r="D55109" s="14" t="s">
        <v>302</v>
      </c>
      <c r="E55109" s="15">
        <v>45735</v>
      </c>
      <c r="F55109" s="14" t="s">
        <v>43</v>
      </c>
      <c r="G55109" s="16">
        <v>0</v>
      </c>
    </row>
    <row r="55110" spans="1:7" x14ac:dyDescent="0.3">
      <c r="A55110" s="13" t="s">
        <v>301</v>
      </c>
      <c r="B55110" s="14" t="s">
        <v>1</v>
      </c>
      <c r="C55110" s="14" t="s">
        <v>41</v>
      </c>
      <c r="D55110" s="14" t="s">
        <v>302</v>
      </c>
      <c r="E55110" s="15">
        <v>45736</v>
      </c>
      <c r="F55110" s="14" t="s">
        <v>43</v>
      </c>
      <c r="G55110" s="16">
        <v>0</v>
      </c>
    </row>
    <row r="55111" spans="1:7" x14ac:dyDescent="0.3">
      <c r="A55111" s="13" t="s">
        <v>301</v>
      </c>
      <c r="B55111" s="14" t="s">
        <v>1</v>
      </c>
      <c r="C55111" s="14" t="s">
        <v>41</v>
      </c>
      <c r="D55111" s="14" t="s">
        <v>302</v>
      </c>
      <c r="E55111" s="15">
        <v>45737</v>
      </c>
      <c r="F55111" s="14" t="s">
        <v>43</v>
      </c>
      <c r="G55111" s="16">
        <v>0</v>
      </c>
    </row>
    <row r="55112" spans="1:7" x14ac:dyDescent="0.3">
      <c r="A55112" s="13" t="s">
        <v>301</v>
      </c>
      <c r="B55112" s="14" t="s">
        <v>1</v>
      </c>
      <c r="C55112" s="14" t="s">
        <v>41</v>
      </c>
      <c r="D55112" s="14" t="s">
        <v>302</v>
      </c>
      <c r="E55112" s="15">
        <v>45738</v>
      </c>
      <c r="F55112" s="14" t="s">
        <v>43</v>
      </c>
      <c r="G55112" s="16">
        <v>0</v>
      </c>
    </row>
    <row r="55113" spans="1:7" x14ac:dyDescent="0.3">
      <c r="A55113" s="13" t="s">
        <v>301</v>
      </c>
      <c r="B55113" s="14" t="s">
        <v>1</v>
      </c>
      <c r="C55113" s="14" t="s">
        <v>41</v>
      </c>
      <c r="D55113" s="14" t="s">
        <v>302</v>
      </c>
      <c r="E55113" s="15">
        <v>45739</v>
      </c>
      <c r="F55113" s="14" t="s">
        <v>43</v>
      </c>
      <c r="G55113" s="16">
        <v>0</v>
      </c>
    </row>
    <row r="55114" spans="1:7" x14ac:dyDescent="0.3">
      <c r="A55114" s="13" t="s">
        <v>301</v>
      </c>
      <c r="B55114" s="14" t="s">
        <v>1</v>
      </c>
      <c r="C55114" s="14" t="s">
        <v>41</v>
      </c>
      <c r="D55114" s="14" t="s">
        <v>302</v>
      </c>
      <c r="E55114" s="15">
        <v>45740</v>
      </c>
      <c r="F55114" s="14" t="s">
        <v>43</v>
      </c>
      <c r="G55114" s="16">
        <v>0</v>
      </c>
    </row>
    <row r="55115" spans="1:7" x14ac:dyDescent="0.3">
      <c r="A55115" s="13" t="s">
        <v>301</v>
      </c>
      <c r="B55115" s="14" t="s">
        <v>1</v>
      </c>
      <c r="C55115" s="14" t="s">
        <v>41</v>
      </c>
      <c r="D55115" s="14" t="s">
        <v>302</v>
      </c>
      <c r="E55115" s="15">
        <v>45741</v>
      </c>
      <c r="F55115" s="14" t="s">
        <v>43</v>
      </c>
      <c r="G55115" s="16">
        <v>0</v>
      </c>
    </row>
    <row r="55116" spans="1:7" x14ac:dyDescent="0.3">
      <c r="A55116" s="13" t="s">
        <v>301</v>
      </c>
      <c r="B55116" s="14" t="s">
        <v>1</v>
      </c>
      <c r="C55116" s="14" t="s">
        <v>41</v>
      </c>
      <c r="D55116" s="14" t="s">
        <v>302</v>
      </c>
      <c r="E55116" s="15">
        <v>45742</v>
      </c>
      <c r="F55116" s="14" t="s">
        <v>43</v>
      </c>
      <c r="G55116" s="16">
        <v>0</v>
      </c>
    </row>
    <row r="55117" spans="1:7" x14ac:dyDescent="0.3">
      <c r="A55117" s="13" t="s">
        <v>301</v>
      </c>
      <c r="B55117" s="14" t="s">
        <v>1</v>
      </c>
      <c r="C55117" s="14" t="s">
        <v>41</v>
      </c>
      <c r="D55117" s="14" t="s">
        <v>302</v>
      </c>
      <c r="E55117" s="15">
        <v>45743</v>
      </c>
      <c r="F55117" s="14" t="s">
        <v>43</v>
      </c>
      <c r="G55117" s="16">
        <v>0</v>
      </c>
    </row>
    <row r="55118" spans="1:7" x14ac:dyDescent="0.3">
      <c r="A55118" s="13" t="s">
        <v>301</v>
      </c>
      <c r="B55118" s="14" t="s">
        <v>1</v>
      </c>
      <c r="C55118" s="14" t="s">
        <v>41</v>
      </c>
      <c r="D55118" s="14" t="s">
        <v>302</v>
      </c>
      <c r="E55118" s="15">
        <v>45744</v>
      </c>
      <c r="F55118" s="14" t="s">
        <v>43</v>
      </c>
      <c r="G55118" s="16">
        <v>0</v>
      </c>
    </row>
    <row r="55119" spans="1:7" x14ac:dyDescent="0.3">
      <c r="A55119" s="13" t="s">
        <v>301</v>
      </c>
      <c r="B55119" s="14" t="s">
        <v>1</v>
      </c>
      <c r="C55119" s="14" t="s">
        <v>41</v>
      </c>
      <c r="D55119" s="14" t="s">
        <v>302</v>
      </c>
      <c r="E55119" s="15">
        <v>45745</v>
      </c>
      <c r="F55119" s="14" t="s">
        <v>43</v>
      </c>
      <c r="G55119" s="16">
        <v>0</v>
      </c>
    </row>
    <row r="55120" spans="1:7" x14ac:dyDescent="0.3">
      <c r="A55120" s="13" t="s">
        <v>301</v>
      </c>
      <c r="B55120" s="14" t="s">
        <v>1</v>
      </c>
      <c r="C55120" s="14" t="s">
        <v>41</v>
      </c>
      <c r="D55120" s="14" t="s">
        <v>302</v>
      </c>
      <c r="E55120" s="15">
        <v>45746</v>
      </c>
      <c r="F55120" s="14" t="s">
        <v>43</v>
      </c>
      <c r="G55120" s="16">
        <v>0</v>
      </c>
    </row>
    <row r="55121" spans="1:7" x14ac:dyDescent="0.3">
      <c r="A55121" s="13" t="s">
        <v>301</v>
      </c>
      <c r="B55121" s="14" t="s">
        <v>1</v>
      </c>
      <c r="C55121" s="14" t="s">
        <v>41</v>
      </c>
      <c r="D55121" s="14" t="s">
        <v>302</v>
      </c>
      <c r="E55121" s="15">
        <v>45747</v>
      </c>
      <c r="F55121" s="14" t="s">
        <v>43</v>
      </c>
      <c r="G55121" s="16">
        <v>75.845993537111653</v>
      </c>
    </row>
    <row r="55122" spans="1:7" x14ac:dyDescent="0.3">
      <c r="A55122" s="13" t="s">
        <v>303</v>
      </c>
      <c r="B55122" s="14" t="s">
        <v>1</v>
      </c>
      <c r="C55122" s="14" t="s">
        <v>200</v>
      </c>
      <c r="D55122" s="14" t="s">
        <v>292</v>
      </c>
      <c r="E55122" s="15">
        <v>45383</v>
      </c>
      <c r="F55122" s="14" t="s">
        <v>61</v>
      </c>
      <c r="G55122" s="16">
        <v>0</v>
      </c>
    </row>
    <row r="55123" spans="1:7" x14ac:dyDescent="0.3">
      <c r="A55123" s="13" t="s">
        <v>303</v>
      </c>
      <c r="B55123" s="14" t="s">
        <v>1</v>
      </c>
      <c r="C55123" s="14" t="s">
        <v>200</v>
      </c>
      <c r="D55123" s="14" t="s">
        <v>292</v>
      </c>
      <c r="E55123" s="15">
        <v>45384</v>
      </c>
      <c r="F55123" s="14" t="s">
        <v>61</v>
      </c>
      <c r="G55123" s="16">
        <v>0</v>
      </c>
    </row>
    <row r="55124" spans="1:7" x14ac:dyDescent="0.3">
      <c r="A55124" s="13" t="s">
        <v>303</v>
      </c>
      <c r="B55124" s="14" t="s">
        <v>1</v>
      </c>
      <c r="C55124" s="14" t="s">
        <v>200</v>
      </c>
      <c r="D55124" s="14" t="s">
        <v>292</v>
      </c>
      <c r="E55124" s="15">
        <v>45385</v>
      </c>
      <c r="F55124" s="14" t="s">
        <v>61</v>
      </c>
      <c r="G55124" s="16">
        <v>3.8354335676123313E-2</v>
      </c>
    </row>
    <row r="55125" spans="1:7" x14ac:dyDescent="0.3">
      <c r="A55125" s="13" t="s">
        <v>303</v>
      </c>
      <c r="B55125" s="14" t="s">
        <v>1</v>
      </c>
      <c r="C55125" s="14" t="s">
        <v>200</v>
      </c>
      <c r="D55125" s="14" t="s">
        <v>292</v>
      </c>
      <c r="E55125" s="15">
        <v>45386</v>
      </c>
      <c r="F55125" s="14" t="s">
        <v>61</v>
      </c>
      <c r="G55125" s="16">
        <v>4.8668653955269106E-2</v>
      </c>
    </row>
    <row r="55126" spans="1:7" x14ac:dyDescent="0.3">
      <c r="A55126" s="13" t="s">
        <v>303</v>
      </c>
      <c r="B55126" s="14" t="s">
        <v>1</v>
      </c>
      <c r="C55126" s="14" t="s">
        <v>200</v>
      </c>
      <c r="D55126" s="14" t="s">
        <v>292</v>
      </c>
      <c r="E55126" s="15">
        <v>45387</v>
      </c>
      <c r="F55126" s="14" t="s">
        <v>61</v>
      </c>
      <c r="G55126" s="16">
        <v>5.6847689847397298E-2</v>
      </c>
    </row>
    <row r="55127" spans="1:7" x14ac:dyDescent="0.3">
      <c r="A55127" s="13" t="s">
        <v>303</v>
      </c>
      <c r="B55127" s="14" t="s">
        <v>1</v>
      </c>
      <c r="C55127" s="14" t="s">
        <v>200</v>
      </c>
      <c r="D55127" s="14" t="s">
        <v>292</v>
      </c>
      <c r="E55127" s="15">
        <v>45388</v>
      </c>
      <c r="F55127" s="14" t="s">
        <v>61</v>
      </c>
      <c r="G55127" s="16">
        <v>5.6847689847397298E-2</v>
      </c>
    </row>
    <row r="55128" spans="1:7" x14ac:dyDescent="0.3">
      <c r="A55128" s="13" t="s">
        <v>303</v>
      </c>
      <c r="B55128" s="14" t="s">
        <v>1</v>
      </c>
      <c r="C55128" s="14" t="s">
        <v>200</v>
      </c>
      <c r="D55128" s="14" t="s">
        <v>292</v>
      </c>
      <c r="E55128" s="15">
        <v>45389</v>
      </c>
      <c r="F55128" s="14" t="s">
        <v>61</v>
      </c>
      <c r="G55128" s="16">
        <v>5.6847689847397298E-2</v>
      </c>
    </row>
    <row r="55129" spans="1:7" x14ac:dyDescent="0.3">
      <c r="A55129" s="13" t="s">
        <v>303</v>
      </c>
      <c r="B55129" s="14" t="s">
        <v>1</v>
      </c>
      <c r="C55129" s="14" t="s">
        <v>200</v>
      </c>
      <c r="D55129" s="14" t="s">
        <v>292</v>
      </c>
      <c r="E55129" s="15">
        <v>45390</v>
      </c>
      <c r="F55129" s="14" t="s">
        <v>61</v>
      </c>
      <c r="G55129" s="16">
        <v>5.7147911995012145E-2</v>
      </c>
    </row>
    <row r="55130" spans="1:7" x14ac:dyDescent="0.3">
      <c r="A55130" s="13" t="s">
        <v>303</v>
      </c>
      <c r="B55130" s="14" t="s">
        <v>1</v>
      </c>
      <c r="C55130" s="14" t="s">
        <v>200</v>
      </c>
      <c r="D55130" s="14" t="s">
        <v>292</v>
      </c>
      <c r="E55130" s="15">
        <v>45391</v>
      </c>
      <c r="F55130" s="14" t="s">
        <v>61</v>
      </c>
      <c r="G55130" s="16">
        <v>7.9409388610526752E-2</v>
      </c>
    </row>
    <row r="55131" spans="1:7" x14ac:dyDescent="0.3">
      <c r="A55131" s="13" t="s">
        <v>303</v>
      </c>
      <c r="B55131" s="14" t="s">
        <v>1</v>
      </c>
      <c r="C55131" s="14" t="s">
        <v>200</v>
      </c>
      <c r="D55131" s="14" t="s">
        <v>292</v>
      </c>
      <c r="E55131" s="15">
        <v>45392</v>
      </c>
      <c r="F55131" s="14" t="s">
        <v>61</v>
      </c>
      <c r="G55131" s="16">
        <v>9.9685150733863609E-2</v>
      </c>
    </row>
    <row r="55132" spans="1:7" x14ac:dyDescent="0.3">
      <c r="A55132" s="13" t="s">
        <v>303</v>
      </c>
      <c r="B55132" s="14" t="s">
        <v>1</v>
      </c>
      <c r="C55132" s="14" t="s">
        <v>200</v>
      </c>
      <c r="D55132" s="14" t="s">
        <v>292</v>
      </c>
      <c r="E55132" s="15">
        <v>45393</v>
      </c>
      <c r="F55132" s="14" t="s">
        <v>61</v>
      </c>
      <c r="G55132" s="16">
        <v>0.12618133700362788</v>
      </c>
    </row>
    <row r="55133" spans="1:7" x14ac:dyDescent="0.3">
      <c r="A55133" s="13" t="s">
        <v>303</v>
      </c>
      <c r="B55133" s="14" t="s">
        <v>1</v>
      </c>
      <c r="C55133" s="14" t="s">
        <v>200</v>
      </c>
      <c r="D55133" s="14" t="s">
        <v>292</v>
      </c>
      <c r="E55133" s="15">
        <v>45394</v>
      </c>
      <c r="F55133" s="14" t="s">
        <v>61</v>
      </c>
      <c r="G55133" s="16">
        <v>0.13270451228179037</v>
      </c>
    </row>
    <row r="55134" spans="1:7" x14ac:dyDescent="0.3">
      <c r="A55134" s="13" t="s">
        <v>303</v>
      </c>
      <c r="B55134" s="14" t="s">
        <v>1</v>
      </c>
      <c r="C55134" s="14" t="s">
        <v>200</v>
      </c>
      <c r="D55134" s="14" t="s">
        <v>292</v>
      </c>
      <c r="E55134" s="15">
        <v>45395</v>
      </c>
      <c r="F55134" s="14" t="s">
        <v>61</v>
      </c>
      <c r="G55134" s="16">
        <v>0.13270451228179037</v>
      </c>
    </row>
    <row r="55135" spans="1:7" x14ac:dyDescent="0.3">
      <c r="A55135" s="13" t="s">
        <v>303</v>
      </c>
      <c r="B55135" s="14" t="s">
        <v>1</v>
      </c>
      <c r="C55135" s="14" t="s">
        <v>200</v>
      </c>
      <c r="D55135" s="14" t="s">
        <v>292</v>
      </c>
      <c r="E55135" s="15">
        <v>45396</v>
      </c>
      <c r="F55135" s="14" t="s">
        <v>61</v>
      </c>
      <c r="G55135" s="16">
        <v>0.13270451228179037</v>
      </c>
    </row>
    <row r="55136" spans="1:7" x14ac:dyDescent="0.3">
      <c r="A55136" s="13" t="s">
        <v>303</v>
      </c>
      <c r="B55136" s="14" t="s">
        <v>1</v>
      </c>
      <c r="C55136" s="14" t="s">
        <v>200</v>
      </c>
      <c r="D55136" s="14" t="s">
        <v>292</v>
      </c>
      <c r="E55136" s="15">
        <v>45397</v>
      </c>
      <c r="F55136" s="14" t="s">
        <v>61</v>
      </c>
      <c r="G55136" s="16">
        <v>0.14145937464839364</v>
      </c>
    </row>
    <row r="55137" spans="1:7" x14ac:dyDescent="0.3">
      <c r="A55137" s="13" t="s">
        <v>303</v>
      </c>
      <c r="B55137" s="14" t="s">
        <v>1</v>
      </c>
      <c r="C55137" s="14" t="s">
        <v>200</v>
      </c>
      <c r="D55137" s="14" t="s">
        <v>292</v>
      </c>
      <c r="E55137" s="15">
        <v>45398</v>
      </c>
      <c r="F55137" s="14" t="s">
        <v>61</v>
      </c>
      <c r="G55137" s="16">
        <v>0.16738442071541296</v>
      </c>
    </row>
    <row r="55138" spans="1:7" x14ac:dyDescent="0.3">
      <c r="A55138" s="13" t="s">
        <v>303</v>
      </c>
      <c r="B55138" s="14" t="s">
        <v>1</v>
      </c>
      <c r="C55138" s="14" t="s">
        <v>200</v>
      </c>
      <c r="D55138" s="14" t="s">
        <v>292</v>
      </c>
      <c r="E55138" s="15">
        <v>45399</v>
      </c>
      <c r="F55138" s="14" t="s">
        <v>61</v>
      </c>
      <c r="G55138" s="16">
        <v>0.17448259387183943</v>
      </c>
    </row>
    <row r="55139" spans="1:7" x14ac:dyDescent="0.3">
      <c r="A55139" s="13" t="s">
        <v>303</v>
      </c>
      <c r="B55139" s="14" t="s">
        <v>1</v>
      </c>
      <c r="C55139" s="14" t="s">
        <v>200</v>
      </c>
      <c r="D55139" s="14" t="s">
        <v>292</v>
      </c>
      <c r="E55139" s="15">
        <v>45400</v>
      </c>
      <c r="F55139" s="14" t="s">
        <v>61</v>
      </c>
      <c r="G55139" s="16">
        <v>0.18278173462210806</v>
      </c>
    </row>
    <row r="55140" spans="1:7" x14ac:dyDescent="0.3">
      <c r="A55140" s="13" t="s">
        <v>303</v>
      </c>
      <c r="B55140" s="14" t="s">
        <v>1</v>
      </c>
      <c r="C55140" s="14" t="s">
        <v>200</v>
      </c>
      <c r="D55140" s="14" t="s">
        <v>292</v>
      </c>
      <c r="E55140" s="15">
        <v>45401</v>
      </c>
      <c r="F55140" s="14" t="s">
        <v>61</v>
      </c>
      <c r="G55140" s="16">
        <v>0.17828614415423094</v>
      </c>
    </row>
    <row r="55141" spans="1:7" x14ac:dyDescent="0.3">
      <c r="A55141" s="13" t="s">
        <v>303</v>
      </c>
      <c r="B55141" s="14" t="s">
        <v>1</v>
      </c>
      <c r="C55141" s="14" t="s">
        <v>200</v>
      </c>
      <c r="D55141" s="14" t="s">
        <v>292</v>
      </c>
      <c r="E55141" s="15">
        <v>45402</v>
      </c>
      <c r="F55141" s="14" t="s">
        <v>61</v>
      </c>
      <c r="G55141" s="16">
        <v>0.17828614415423094</v>
      </c>
    </row>
    <row r="55142" spans="1:7" x14ac:dyDescent="0.3">
      <c r="A55142" s="13" t="s">
        <v>303</v>
      </c>
      <c r="B55142" s="14" t="s">
        <v>1</v>
      </c>
      <c r="C55142" s="14" t="s">
        <v>200</v>
      </c>
      <c r="D55142" s="14" t="s">
        <v>292</v>
      </c>
      <c r="E55142" s="15">
        <v>45403</v>
      </c>
      <c r="F55142" s="14" t="s">
        <v>61</v>
      </c>
      <c r="G55142" s="16">
        <v>0.17828614415423094</v>
      </c>
    </row>
    <row r="55143" spans="1:7" x14ac:dyDescent="0.3">
      <c r="A55143" s="13" t="s">
        <v>303</v>
      </c>
      <c r="B55143" s="14" t="s">
        <v>1</v>
      </c>
      <c r="C55143" s="14" t="s">
        <v>200</v>
      </c>
      <c r="D55143" s="14" t="s">
        <v>292</v>
      </c>
      <c r="E55143" s="15">
        <v>45404</v>
      </c>
      <c r="F55143" s="14" t="s">
        <v>61</v>
      </c>
      <c r="G55143" s="16">
        <v>0.17410880488615826</v>
      </c>
    </row>
    <row r="55144" spans="1:7" x14ac:dyDescent="0.3">
      <c r="A55144" s="13" t="s">
        <v>303</v>
      </c>
      <c r="B55144" s="14" t="s">
        <v>1</v>
      </c>
      <c r="C55144" s="14" t="s">
        <v>200</v>
      </c>
      <c r="D55144" s="14" t="s">
        <v>292</v>
      </c>
      <c r="E55144" s="15">
        <v>45405</v>
      </c>
      <c r="F55144" s="14" t="s">
        <v>61</v>
      </c>
      <c r="G55144" s="16">
        <v>0.19937934743275251</v>
      </c>
    </row>
    <row r="55145" spans="1:7" x14ac:dyDescent="0.3">
      <c r="A55145" s="13" t="s">
        <v>303</v>
      </c>
      <c r="B55145" s="14" t="s">
        <v>1</v>
      </c>
      <c r="C55145" s="14" t="s">
        <v>200</v>
      </c>
      <c r="D55145" s="14" t="s">
        <v>292</v>
      </c>
      <c r="E55145" s="15">
        <v>45406</v>
      </c>
      <c r="F55145" s="14" t="s">
        <v>61</v>
      </c>
      <c r="G55145" s="16">
        <v>0.20895104795820979</v>
      </c>
    </row>
    <row r="55146" spans="1:7" x14ac:dyDescent="0.3">
      <c r="A55146" s="13" t="s">
        <v>303</v>
      </c>
      <c r="B55146" s="14" t="s">
        <v>1</v>
      </c>
      <c r="C55146" s="14" t="s">
        <v>200</v>
      </c>
      <c r="D55146" s="14" t="s">
        <v>292</v>
      </c>
      <c r="E55146" s="15">
        <v>45407</v>
      </c>
      <c r="F55146" s="14" t="s">
        <v>61</v>
      </c>
      <c r="G55146" s="16">
        <v>0.21549502999793174</v>
      </c>
    </row>
    <row r="55147" spans="1:7" x14ac:dyDescent="0.3">
      <c r="A55147" s="13" t="s">
        <v>303</v>
      </c>
      <c r="B55147" s="14" t="s">
        <v>1</v>
      </c>
      <c r="C55147" s="14" t="s">
        <v>200</v>
      </c>
      <c r="D55147" s="14" t="s">
        <v>292</v>
      </c>
      <c r="E55147" s="15">
        <v>45408</v>
      </c>
      <c r="F55147" s="14" t="s">
        <v>61</v>
      </c>
      <c r="G55147" s="16">
        <v>0.22346072177818505</v>
      </c>
    </row>
    <row r="55148" spans="1:7" x14ac:dyDescent="0.3">
      <c r="A55148" s="13" t="s">
        <v>303</v>
      </c>
      <c r="B55148" s="14" t="s">
        <v>1</v>
      </c>
      <c r="C55148" s="14" t="s">
        <v>200</v>
      </c>
      <c r="D55148" s="14" t="s">
        <v>292</v>
      </c>
      <c r="E55148" s="15">
        <v>45409</v>
      </c>
      <c r="F55148" s="14" t="s">
        <v>61</v>
      </c>
      <c r="G55148" s="16">
        <v>0.22346072177818505</v>
      </c>
    </row>
    <row r="55149" spans="1:7" x14ac:dyDescent="0.3">
      <c r="A55149" s="13" t="s">
        <v>303</v>
      </c>
      <c r="B55149" s="14" t="s">
        <v>1</v>
      </c>
      <c r="C55149" s="14" t="s">
        <v>200</v>
      </c>
      <c r="D55149" s="14" t="s">
        <v>292</v>
      </c>
      <c r="E55149" s="15">
        <v>45410</v>
      </c>
      <c r="F55149" s="14" t="s">
        <v>61</v>
      </c>
      <c r="G55149" s="16">
        <v>0.22346072177818505</v>
      </c>
    </row>
    <row r="55150" spans="1:7" x14ac:dyDescent="0.3">
      <c r="A55150" s="13" t="s">
        <v>303</v>
      </c>
      <c r="B55150" s="14" t="s">
        <v>1</v>
      </c>
      <c r="C55150" s="14" t="s">
        <v>200</v>
      </c>
      <c r="D55150" s="14" t="s">
        <v>292</v>
      </c>
      <c r="E55150" s="15">
        <v>45411</v>
      </c>
      <c r="F55150" s="14" t="s">
        <v>61</v>
      </c>
      <c r="G55150" s="16">
        <v>0.23042609639407527</v>
      </c>
    </row>
    <row r="55151" spans="1:7" x14ac:dyDescent="0.3">
      <c r="A55151" s="13" t="s">
        <v>303</v>
      </c>
      <c r="B55151" s="14" t="s">
        <v>1</v>
      </c>
      <c r="C55151" s="14" t="s">
        <v>200</v>
      </c>
      <c r="D55151" s="14" t="s">
        <v>292</v>
      </c>
      <c r="E55151" s="15">
        <v>45412</v>
      </c>
      <c r="F55151" s="14" t="s">
        <v>61</v>
      </c>
      <c r="G55151" s="16">
        <v>0.25325018630978474</v>
      </c>
    </row>
    <row r="55152" spans="1:7" x14ac:dyDescent="0.3">
      <c r="A55152" s="13" t="s">
        <v>303</v>
      </c>
      <c r="B55152" s="14" t="s">
        <v>1</v>
      </c>
      <c r="C55152" s="14" t="s">
        <v>200</v>
      </c>
      <c r="D55152" s="14" t="s">
        <v>292</v>
      </c>
      <c r="E55152" s="15">
        <v>45413</v>
      </c>
      <c r="F55152" s="14" t="s">
        <v>61</v>
      </c>
      <c r="G55152" s="16">
        <v>0.25846996938754813</v>
      </c>
    </row>
    <row r="55153" spans="1:7" x14ac:dyDescent="0.3">
      <c r="A55153" s="13" t="s">
        <v>303</v>
      </c>
      <c r="B55153" s="14" t="s">
        <v>1</v>
      </c>
      <c r="C55153" s="14" t="s">
        <v>200</v>
      </c>
      <c r="D55153" s="14" t="s">
        <v>292</v>
      </c>
      <c r="E55153" s="15">
        <v>45414</v>
      </c>
      <c r="F55153" s="14" t="s">
        <v>61</v>
      </c>
      <c r="G55153" s="16">
        <v>0.26803884692173713</v>
      </c>
    </row>
    <row r="55154" spans="1:7" x14ac:dyDescent="0.3">
      <c r="A55154" s="13" t="s">
        <v>303</v>
      </c>
      <c r="B55154" s="14" t="s">
        <v>1</v>
      </c>
      <c r="C55154" s="14" t="s">
        <v>200</v>
      </c>
      <c r="D55154" s="14" t="s">
        <v>292</v>
      </c>
      <c r="E55154" s="15">
        <v>45415</v>
      </c>
      <c r="F55154" s="14" t="s">
        <v>61</v>
      </c>
      <c r="G55154" s="16">
        <v>0.27410397240609702</v>
      </c>
    </row>
    <row r="55155" spans="1:7" x14ac:dyDescent="0.3">
      <c r="A55155" s="13" t="s">
        <v>303</v>
      </c>
      <c r="B55155" s="14" t="s">
        <v>1</v>
      </c>
      <c r="C55155" s="14" t="s">
        <v>200</v>
      </c>
      <c r="D55155" s="14" t="s">
        <v>292</v>
      </c>
      <c r="E55155" s="15">
        <v>45416</v>
      </c>
      <c r="F55155" s="14" t="s">
        <v>61</v>
      </c>
      <c r="G55155" s="16">
        <v>0.27410397240609702</v>
      </c>
    </row>
    <row r="55156" spans="1:7" x14ac:dyDescent="0.3">
      <c r="A55156" s="13" t="s">
        <v>303</v>
      </c>
      <c r="B55156" s="14" t="s">
        <v>1</v>
      </c>
      <c r="C55156" s="14" t="s">
        <v>200</v>
      </c>
      <c r="D55156" s="14" t="s">
        <v>292</v>
      </c>
      <c r="E55156" s="15">
        <v>45417</v>
      </c>
      <c r="F55156" s="14" t="s">
        <v>61</v>
      </c>
      <c r="G55156" s="16">
        <v>0.27410397240609702</v>
      </c>
    </row>
    <row r="55157" spans="1:7" x14ac:dyDescent="0.3">
      <c r="A55157" s="13" t="s">
        <v>303</v>
      </c>
      <c r="B55157" s="14" t="s">
        <v>1</v>
      </c>
      <c r="C55157" s="14" t="s">
        <v>200</v>
      </c>
      <c r="D55157" s="14" t="s">
        <v>292</v>
      </c>
      <c r="E55157" s="15">
        <v>45418</v>
      </c>
      <c r="F55157" s="14" t="s">
        <v>61</v>
      </c>
      <c r="G55157" s="16">
        <v>0.27410397240609702</v>
      </c>
    </row>
    <row r="55158" spans="1:7" x14ac:dyDescent="0.3">
      <c r="A55158" s="13" t="s">
        <v>303</v>
      </c>
      <c r="B55158" s="14" t="s">
        <v>1</v>
      </c>
      <c r="C55158" s="14" t="s">
        <v>200</v>
      </c>
      <c r="D55158" s="14" t="s">
        <v>292</v>
      </c>
      <c r="E55158" s="15">
        <v>45419</v>
      </c>
      <c r="F55158" s="14" t="s">
        <v>61</v>
      </c>
      <c r="G55158" s="16">
        <v>0.2792884773391256</v>
      </c>
    </row>
    <row r="55159" spans="1:7" x14ac:dyDescent="0.3">
      <c r="A55159" s="13" t="s">
        <v>303</v>
      </c>
      <c r="B55159" s="14" t="s">
        <v>1</v>
      </c>
      <c r="C55159" s="14" t="s">
        <v>200</v>
      </c>
      <c r="D55159" s="14" t="s">
        <v>292</v>
      </c>
      <c r="E55159" s="15">
        <v>45420</v>
      </c>
      <c r="F55159" s="14" t="s">
        <v>61</v>
      </c>
      <c r="G55159" s="16">
        <v>0.30543652480526362</v>
      </c>
    </row>
    <row r="55160" spans="1:7" x14ac:dyDescent="0.3">
      <c r="A55160" s="13" t="s">
        <v>303</v>
      </c>
      <c r="B55160" s="14" t="s">
        <v>1</v>
      </c>
      <c r="C55160" s="14" t="s">
        <v>200</v>
      </c>
      <c r="D55160" s="14" t="s">
        <v>292</v>
      </c>
      <c r="E55160" s="15">
        <v>45421</v>
      </c>
      <c r="F55160" s="14" t="s">
        <v>61</v>
      </c>
      <c r="G55160" s="16">
        <v>0.31189549030236763</v>
      </c>
    </row>
    <row r="55161" spans="1:7" x14ac:dyDescent="0.3">
      <c r="A55161" s="13" t="s">
        <v>303</v>
      </c>
      <c r="B55161" s="14" t="s">
        <v>1</v>
      </c>
      <c r="C55161" s="14" t="s">
        <v>200</v>
      </c>
      <c r="D55161" s="14" t="s">
        <v>292</v>
      </c>
      <c r="E55161" s="15">
        <v>45422</v>
      </c>
      <c r="F55161" s="14" t="s">
        <v>61</v>
      </c>
      <c r="G55161" s="16">
        <v>0.31879462276776288</v>
      </c>
    </row>
    <row r="55162" spans="1:7" x14ac:dyDescent="0.3">
      <c r="A55162" s="13" t="s">
        <v>303</v>
      </c>
      <c r="B55162" s="14" t="s">
        <v>1</v>
      </c>
      <c r="C55162" s="14" t="s">
        <v>200</v>
      </c>
      <c r="D55162" s="14" t="s">
        <v>292</v>
      </c>
      <c r="E55162" s="15">
        <v>45423</v>
      </c>
      <c r="F55162" s="14" t="s">
        <v>61</v>
      </c>
      <c r="G55162" s="16">
        <v>0.31879462276776288</v>
      </c>
    </row>
    <row r="55163" spans="1:7" x14ac:dyDescent="0.3">
      <c r="A55163" s="13" t="s">
        <v>303</v>
      </c>
      <c r="B55163" s="14" t="s">
        <v>1</v>
      </c>
      <c r="C55163" s="14" t="s">
        <v>200</v>
      </c>
      <c r="D55163" s="14" t="s">
        <v>292</v>
      </c>
      <c r="E55163" s="15">
        <v>45424</v>
      </c>
      <c r="F55163" s="14" t="s">
        <v>61</v>
      </c>
      <c r="G55163" s="16">
        <v>0.31879462276776288</v>
      </c>
    </row>
    <row r="55164" spans="1:7" x14ac:dyDescent="0.3">
      <c r="A55164" s="13" t="s">
        <v>303</v>
      </c>
      <c r="B55164" s="14" t="s">
        <v>1</v>
      </c>
      <c r="C55164" s="14" t="s">
        <v>200</v>
      </c>
      <c r="D55164" s="14" t="s">
        <v>292</v>
      </c>
      <c r="E55164" s="15">
        <v>45425</v>
      </c>
      <c r="F55164" s="14" t="s">
        <v>61</v>
      </c>
      <c r="G55164" s="16">
        <v>0.32353732659618656</v>
      </c>
    </row>
    <row r="55165" spans="1:7" x14ac:dyDescent="0.3">
      <c r="A55165" s="13" t="s">
        <v>303</v>
      </c>
      <c r="B55165" s="14" t="s">
        <v>1</v>
      </c>
      <c r="C55165" s="14" t="s">
        <v>200</v>
      </c>
      <c r="D55165" s="14" t="s">
        <v>292</v>
      </c>
      <c r="E55165" s="15">
        <v>45426</v>
      </c>
      <c r="F55165" s="14" t="s">
        <v>61</v>
      </c>
      <c r="G55165" s="16">
        <v>0.34834903783534132</v>
      </c>
    </row>
    <row r="55166" spans="1:7" x14ac:dyDescent="0.3">
      <c r="A55166" s="13" t="s">
        <v>303</v>
      </c>
      <c r="B55166" s="14" t="s">
        <v>1</v>
      </c>
      <c r="C55166" s="14" t="s">
        <v>200</v>
      </c>
      <c r="D55166" s="14" t="s">
        <v>292</v>
      </c>
      <c r="E55166" s="15">
        <v>45427</v>
      </c>
      <c r="F55166" s="14" t="s">
        <v>61</v>
      </c>
      <c r="G55166" s="16">
        <v>0.35326208835585532</v>
      </c>
    </row>
    <row r="55167" spans="1:7" x14ac:dyDescent="0.3">
      <c r="A55167" s="13" t="s">
        <v>303</v>
      </c>
      <c r="B55167" s="14" t="s">
        <v>1</v>
      </c>
      <c r="C55167" s="14" t="s">
        <v>200</v>
      </c>
      <c r="D55167" s="14" t="s">
        <v>292</v>
      </c>
      <c r="E55167" s="15">
        <v>45428</v>
      </c>
      <c r="F55167" s="14" t="s">
        <v>61</v>
      </c>
      <c r="G55167" s="16">
        <v>0.36188245018097409</v>
      </c>
    </row>
    <row r="55168" spans="1:7" x14ac:dyDescent="0.3">
      <c r="A55168" s="13" t="s">
        <v>303</v>
      </c>
      <c r="B55168" s="14" t="s">
        <v>1</v>
      </c>
      <c r="C55168" s="14" t="s">
        <v>200</v>
      </c>
      <c r="D55168" s="14" t="s">
        <v>292</v>
      </c>
      <c r="E55168" s="15">
        <v>45429</v>
      </c>
      <c r="F55168" s="14" t="s">
        <v>61</v>
      </c>
      <c r="G55168" s="16">
        <v>0.36911093810066664</v>
      </c>
    </row>
    <row r="55169" spans="1:7" x14ac:dyDescent="0.3">
      <c r="A55169" s="13" t="s">
        <v>303</v>
      </c>
      <c r="B55169" s="14" t="s">
        <v>1</v>
      </c>
      <c r="C55169" s="14" t="s">
        <v>200</v>
      </c>
      <c r="D55169" s="14" t="s">
        <v>292</v>
      </c>
      <c r="E55169" s="15">
        <v>45430</v>
      </c>
      <c r="F55169" s="14" t="s">
        <v>61</v>
      </c>
      <c r="G55169" s="16">
        <v>0.36911093810066664</v>
      </c>
    </row>
    <row r="55170" spans="1:7" x14ac:dyDescent="0.3">
      <c r="A55170" s="13" t="s">
        <v>303</v>
      </c>
      <c r="B55170" s="14" t="s">
        <v>1</v>
      </c>
      <c r="C55170" s="14" t="s">
        <v>200</v>
      </c>
      <c r="D55170" s="14" t="s">
        <v>292</v>
      </c>
      <c r="E55170" s="15">
        <v>45431</v>
      </c>
      <c r="F55170" s="14" t="s">
        <v>61</v>
      </c>
      <c r="G55170" s="16">
        <v>0.36911093810066664</v>
      </c>
    </row>
    <row r="55171" spans="1:7" x14ac:dyDescent="0.3">
      <c r="A55171" s="13" t="s">
        <v>303</v>
      </c>
      <c r="B55171" s="14" t="s">
        <v>1</v>
      </c>
      <c r="C55171" s="14" t="s">
        <v>200</v>
      </c>
      <c r="D55171" s="14" t="s">
        <v>292</v>
      </c>
      <c r="E55171" s="15">
        <v>45432</v>
      </c>
      <c r="F55171" s="14" t="s">
        <v>61</v>
      </c>
      <c r="G55171" s="16">
        <v>0.37463395654162529</v>
      </c>
    </row>
    <row r="55172" spans="1:7" x14ac:dyDescent="0.3">
      <c r="A55172" s="13" t="s">
        <v>303</v>
      </c>
      <c r="B55172" s="14" t="s">
        <v>1</v>
      </c>
      <c r="C55172" s="14" t="s">
        <v>200</v>
      </c>
      <c r="D55172" s="14" t="s">
        <v>292</v>
      </c>
      <c r="E55172" s="15">
        <v>45433</v>
      </c>
      <c r="F55172" s="14" t="s">
        <v>61</v>
      </c>
      <c r="G55172" s="16">
        <v>0.39762718922686341</v>
      </c>
    </row>
    <row r="55173" spans="1:7" x14ac:dyDescent="0.3">
      <c r="A55173" s="13" t="s">
        <v>303</v>
      </c>
      <c r="B55173" s="14" t="s">
        <v>1</v>
      </c>
      <c r="C55173" s="14" t="s">
        <v>200</v>
      </c>
      <c r="D55173" s="14" t="s">
        <v>292</v>
      </c>
      <c r="E55173" s="15">
        <v>45434</v>
      </c>
      <c r="F55173" s="14" t="s">
        <v>61</v>
      </c>
      <c r="G55173" s="16">
        <v>0.40705789483354549</v>
      </c>
    </row>
    <row r="55174" spans="1:7" x14ac:dyDescent="0.3">
      <c r="A55174" s="13" t="s">
        <v>303</v>
      </c>
      <c r="B55174" s="14" t="s">
        <v>1</v>
      </c>
      <c r="C55174" s="14" t="s">
        <v>200</v>
      </c>
      <c r="D55174" s="14" t="s">
        <v>292</v>
      </c>
      <c r="E55174" s="15">
        <v>45435</v>
      </c>
      <c r="F55174" s="14" t="s">
        <v>61</v>
      </c>
      <c r="G55174" s="16">
        <v>0.41464387997038399</v>
      </c>
    </row>
    <row r="55175" spans="1:7" x14ac:dyDescent="0.3">
      <c r="A55175" s="13" t="s">
        <v>303</v>
      </c>
      <c r="B55175" s="14" t="s">
        <v>1</v>
      </c>
      <c r="C55175" s="14" t="s">
        <v>200</v>
      </c>
      <c r="D55175" s="14" t="s">
        <v>292</v>
      </c>
      <c r="E55175" s="15">
        <v>45436</v>
      </c>
      <c r="F55175" s="14" t="s">
        <v>61</v>
      </c>
      <c r="G55175" s="16">
        <v>0.42039503004390028</v>
      </c>
    </row>
    <row r="55176" spans="1:7" x14ac:dyDescent="0.3">
      <c r="A55176" s="13" t="s">
        <v>303</v>
      </c>
      <c r="B55176" s="14" t="s">
        <v>1</v>
      </c>
      <c r="C55176" s="14" t="s">
        <v>200</v>
      </c>
      <c r="D55176" s="14" t="s">
        <v>292</v>
      </c>
      <c r="E55176" s="15">
        <v>45437</v>
      </c>
      <c r="F55176" s="14" t="s">
        <v>61</v>
      </c>
      <c r="G55176" s="16">
        <v>0.42039503004390028</v>
      </c>
    </row>
    <row r="55177" spans="1:7" x14ac:dyDescent="0.3">
      <c r="A55177" s="13" t="s">
        <v>303</v>
      </c>
      <c r="B55177" s="14" t="s">
        <v>1</v>
      </c>
      <c r="C55177" s="14" t="s">
        <v>200</v>
      </c>
      <c r="D55177" s="14" t="s">
        <v>292</v>
      </c>
      <c r="E55177" s="15">
        <v>45438</v>
      </c>
      <c r="F55177" s="14" t="s">
        <v>61</v>
      </c>
      <c r="G55177" s="16">
        <v>0.42039503004390028</v>
      </c>
    </row>
    <row r="55178" spans="1:7" x14ac:dyDescent="0.3">
      <c r="A55178" s="13" t="s">
        <v>303</v>
      </c>
      <c r="B55178" s="14" t="s">
        <v>1</v>
      </c>
      <c r="C55178" s="14" t="s">
        <v>200</v>
      </c>
      <c r="D55178" s="14" t="s">
        <v>292</v>
      </c>
      <c r="E55178" s="15">
        <v>45439</v>
      </c>
      <c r="F55178" s="14" t="s">
        <v>61</v>
      </c>
      <c r="G55178" s="16">
        <v>0.42039503004390028</v>
      </c>
    </row>
    <row r="55179" spans="1:7" x14ac:dyDescent="0.3">
      <c r="A55179" s="13" t="s">
        <v>303</v>
      </c>
      <c r="B55179" s="14" t="s">
        <v>1</v>
      </c>
      <c r="C55179" s="14" t="s">
        <v>200</v>
      </c>
      <c r="D55179" s="14" t="s">
        <v>292</v>
      </c>
      <c r="E55179" s="15">
        <v>45440</v>
      </c>
      <c r="F55179" s="14" t="s">
        <v>61</v>
      </c>
      <c r="G55179" s="16">
        <v>0.42718664719379346</v>
      </c>
    </row>
    <row r="55180" spans="1:7" x14ac:dyDescent="0.3">
      <c r="A55180" s="13" t="s">
        <v>303</v>
      </c>
      <c r="B55180" s="14" t="s">
        <v>1</v>
      </c>
      <c r="C55180" s="14" t="s">
        <v>200</v>
      </c>
      <c r="D55180" s="14" t="s">
        <v>292</v>
      </c>
      <c r="E55180" s="15">
        <v>45441</v>
      </c>
      <c r="F55180" s="14" t="s">
        <v>61</v>
      </c>
      <c r="G55180" s="16">
        <v>0.44455745262966184</v>
      </c>
    </row>
    <row r="55181" spans="1:7" x14ac:dyDescent="0.3">
      <c r="A55181" s="13" t="s">
        <v>303</v>
      </c>
      <c r="B55181" s="14" t="s">
        <v>1</v>
      </c>
      <c r="C55181" s="14" t="s">
        <v>200</v>
      </c>
      <c r="D55181" s="14" t="s">
        <v>292</v>
      </c>
      <c r="E55181" s="15">
        <v>45442</v>
      </c>
      <c r="F55181" s="14" t="s">
        <v>61</v>
      </c>
      <c r="G55181" s="16">
        <v>0.44617008102854983</v>
      </c>
    </row>
    <row r="55182" spans="1:7" x14ac:dyDescent="0.3">
      <c r="A55182" s="13" t="s">
        <v>303</v>
      </c>
      <c r="B55182" s="14" t="s">
        <v>1</v>
      </c>
      <c r="C55182" s="14" t="s">
        <v>200</v>
      </c>
      <c r="D55182" s="14" t="s">
        <v>292</v>
      </c>
      <c r="E55182" s="15">
        <v>45443</v>
      </c>
      <c r="F55182" s="14" t="s">
        <v>61</v>
      </c>
      <c r="G55182" s="16">
        <v>0.45200839512264723</v>
      </c>
    </row>
    <row r="55183" spans="1:7" x14ac:dyDescent="0.3">
      <c r="A55183" s="13" t="s">
        <v>303</v>
      </c>
      <c r="B55183" s="14" t="s">
        <v>1</v>
      </c>
      <c r="C55183" s="14" t="s">
        <v>200</v>
      </c>
      <c r="D55183" s="14" t="s">
        <v>292</v>
      </c>
      <c r="E55183" s="15">
        <v>45444</v>
      </c>
      <c r="F55183" s="14" t="s">
        <v>61</v>
      </c>
      <c r="G55183" s="16">
        <v>0.45200839512264723</v>
      </c>
    </row>
    <row r="55184" spans="1:7" x14ac:dyDescent="0.3">
      <c r="A55184" s="13" t="s">
        <v>303</v>
      </c>
      <c r="B55184" s="14" t="s">
        <v>1</v>
      </c>
      <c r="C55184" s="14" t="s">
        <v>200</v>
      </c>
      <c r="D55184" s="14" t="s">
        <v>292</v>
      </c>
      <c r="E55184" s="15">
        <v>45445</v>
      </c>
      <c r="F55184" s="14" t="s">
        <v>61</v>
      </c>
      <c r="G55184" s="16">
        <v>0.45200839512264723</v>
      </c>
    </row>
    <row r="55185" spans="1:7" x14ac:dyDescent="0.3">
      <c r="A55185" s="13" t="s">
        <v>303</v>
      </c>
      <c r="B55185" s="14" t="s">
        <v>1</v>
      </c>
      <c r="C55185" s="14" t="s">
        <v>200</v>
      </c>
      <c r="D55185" s="14" t="s">
        <v>292</v>
      </c>
      <c r="E55185" s="15">
        <v>45446</v>
      </c>
      <c r="F55185" s="14" t="s">
        <v>61</v>
      </c>
      <c r="G55185" s="16">
        <v>0.45200839512264723</v>
      </c>
    </row>
    <row r="55186" spans="1:7" x14ac:dyDescent="0.3">
      <c r="A55186" s="13" t="s">
        <v>303</v>
      </c>
      <c r="B55186" s="14" t="s">
        <v>1</v>
      </c>
      <c r="C55186" s="14" t="s">
        <v>200</v>
      </c>
      <c r="D55186" s="14" t="s">
        <v>292</v>
      </c>
      <c r="E55186" s="15">
        <v>45447</v>
      </c>
      <c r="F55186" s="14" t="s">
        <v>61</v>
      </c>
      <c r="G55186" s="16">
        <v>0.45868333964719782</v>
      </c>
    </row>
    <row r="55187" spans="1:7" x14ac:dyDescent="0.3">
      <c r="A55187" s="13" t="s">
        <v>303</v>
      </c>
      <c r="B55187" s="14" t="s">
        <v>1</v>
      </c>
      <c r="C55187" s="14" t="s">
        <v>200</v>
      </c>
      <c r="D55187" s="14" t="s">
        <v>292</v>
      </c>
      <c r="E55187" s="15">
        <v>45448</v>
      </c>
      <c r="F55187" s="14" t="s">
        <v>61</v>
      </c>
      <c r="G55187" s="16">
        <v>0.48639982243133989</v>
      </c>
    </row>
    <row r="55188" spans="1:7" x14ac:dyDescent="0.3">
      <c r="A55188" s="13" t="s">
        <v>303</v>
      </c>
      <c r="B55188" s="14" t="s">
        <v>1</v>
      </c>
      <c r="C55188" s="14" t="s">
        <v>200</v>
      </c>
      <c r="D55188" s="14" t="s">
        <v>292</v>
      </c>
      <c r="E55188" s="15">
        <v>45449</v>
      </c>
      <c r="F55188" s="14" t="s">
        <v>61</v>
      </c>
      <c r="G55188" s="16">
        <v>0.49220347128726855</v>
      </c>
    </row>
    <row r="55189" spans="1:7" x14ac:dyDescent="0.3">
      <c r="A55189" s="13" t="s">
        <v>303</v>
      </c>
      <c r="B55189" s="14" t="s">
        <v>1</v>
      </c>
      <c r="C55189" s="14" t="s">
        <v>200</v>
      </c>
      <c r="D55189" s="14" t="s">
        <v>292</v>
      </c>
      <c r="E55189" s="15">
        <v>45450</v>
      </c>
      <c r="F55189" s="14" t="s">
        <v>61</v>
      </c>
      <c r="G55189" s="16">
        <v>0.50301393724221455</v>
      </c>
    </row>
    <row r="55190" spans="1:7" x14ac:dyDescent="0.3">
      <c r="A55190" s="13" t="s">
        <v>303</v>
      </c>
      <c r="B55190" s="14" t="s">
        <v>1</v>
      </c>
      <c r="C55190" s="14" t="s">
        <v>200</v>
      </c>
      <c r="D55190" s="14" t="s">
        <v>292</v>
      </c>
      <c r="E55190" s="15">
        <v>45451</v>
      </c>
      <c r="F55190" s="14" t="s">
        <v>61</v>
      </c>
      <c r="G55190" s="16">
        <v>0.50301393724221455</v>
      </c>
    </row>
    <row r="55191" spans="1:7" x14ac:dyDescent="0.3">
      <c r="A55191" s="13" t="s">
        <v>303</v>
      </c>
      <c r="B55191" s="14" t="s">
        <v>1</v>
      </c>
      <c r="C55191" s="14" t="s">
        <v>200</v>
      </c>
      <c r="D55191" s="14" t="s">
        <v>292</v>
      </c>
      <c r="E55191" s="15">
        <v>45452</v>
      </c>
      <c r="F55191" s="14" t="s">
        <v>61</v>
      </c>
      <c r="G55191" s="16">
        <v>0.50301393724221455</v>
      </c>
    </row>
    <row r="55192" spans="1:7" x14ac:dyDescent="0.3">
      <c r="A55192" s="13" t="s">
        <v>303</v>
      </c>
      <c r="B55192" s="14" t="s">
        <v>1</v>
      </c>
      <c r="C55192" s="14" t="s">
        <v>200</v>
      </c>
      <c r="D55192" s="14" t="s">
        <v>292</v>
      </c>
      <c r="E55192" s="15">
        <v>45453</v>
      </c>
      <c r="F55192" s="14" t="s">
        <v>61</v>
      </c>
      <c r="G55192" s="16">
        <v>0.5118878763078486</v>
      </c>
    </row>
    <row r="55193" spans="1:7" x14ac:dyDescent="0.3">
      <c r="A55193" s="13" t="s">
        <v>303</v>
      </c>
      <c r="B55193" s="14" t="s">
        <v>1</v>
      </c>
      <c r="C55193" s="14" t="s">
        <v>200</v>
      </c>
      <c r="D55193" s="14" t="s">
        <v>292</v>
      </c>
      <c r="E55193" s="15">
        <v>45454</v>
      </c>
      <c r="F55193" s="14" t="s">
        <v>61</v>
      </c>
      <c r="G55193" s="16">
        <v>0.53327600668558151</v>
      </c>
    </row>
    <row r="55194" spans="1:7" x14ac:dyDescent="0.3">
      <c r="A55194" s="13" t="s">
        <v>303</v>
      </c>
      <c r="B55194" s="14" t="s">
        <v>1</v>
      </c>
      <c r="C55194" s="14" t="s">
        <v>200</v>
      </c>
      <c r="D55194" s="14" t="s">
        <v>292</v>
      </c>
      <c r="E55194" s="15">
        <v>45455</v>
      </c>
      <c r="F55194" s="14" t="s">
        <v>61</v>
      </c>
      <c r="G55194" s="16">
        <v>0.53873360139505677</v>
      </c>
    </row>
    <row r="55195" spans="1:7" x14ac:dyDescent="0.3">
      <c r="A55195" s="13" t="s">
        <v>303</v>
      </c>
      <c r="B55195" s="14" t="s">
        <v>1</v>
      </c>
      <c r="C55195" s="14" t="s">
        <v>200</v>
      </c>
      <c r="D55195" s="14" t="s">
        <v>292</v>
      </c>
      <c r="E55195" s="15">
        <v>45456</v>
      </c>
      <c r="F55195" s="14" t="s">
        <v>61</v>
      </c>
      <c r="G55195" s="16">
        <v>0.54726130801893347</v>
      </c>
    </row>
    <row r="55196" spans="1:7" x14ac:dyDescent="0.3">
      <c r="A55196" s="13" t="s">
        <v>303</v>
      </c>
      <c r="B55196" s="14" t="s">
        <v>1</v>
      </c>
      <c r="C55196" s="14" t="s">
        <v>200</v>
      </c>
      <c r="D55196" s="14" t="s">
        <v>292</v>
      </c>
      <c r="E55196" s="15">
        <v>45457</v>
      </c>
      <c r="F55196" s="14" t="s">
        <v>61</v>
      </c>
      <c r="G55196" s="16">
        <v>0.55581403708250643</v>
      </c>
    </row>
    <row r="55197" spans="1:7" x14ac:dyDescent="0.3">
      <c r="A55197" s="13" t="s">
        <v>303</v>
      </c>
      <c r="B55197" s="14" t="s">
        <v>1</v>
      </c>
      <c r="C55197" s="14" t="s">
        <v>200</v>
      </c>
      <c r="D55197" s="14" t="s">
        <v>292</v>
      </c>
      <c r="E55197" s="15">
        <v>45458</v>
      </c>
      <c r="F55197" s="14" t="s">
        <v>61</v>
      </c>
      <c r="G55197" s="16">
        <v>0.55581403708250643</v>
      </c>
    </row>
    <row r="55198" spans="1:7" x14ac:dyDescent="0.3">
      <c r="A55198" s="13" t="s">
        <v>303</v>
      </c>
      <c r="B55198" s="14" t="s">
        <v>1</v>
      </c>
      <c r="C55198" s="14" t="s">
        <v>200</v>
      </c>
      <c r="D55198" s="14" t="s">
        <v>292</v>
      </c>
      <c r="E55198" s="15">
        <v>45459</v>
      </c>
      <c r="F55198" s="14" t="s">
        <v>61</v>
      </c>
      <c r="G55198" s="16">
        <v>0.55581403708250643</v>
      </c>
    </row>
    <row r="55199" spans="1:7" x14ac:dyDescent="0.3">
      <c r="A55199" s="13" t="s">
        <v>303</v>
      </c>
      <c r="B55199" s="14" t="s">
        <v>1</v>
      </c>
      <c r="C55199" s="14" t="s">
        <v>200</v>
      </c>
      <c r="D55199" s="14" t="s">
        <v>292</v>
      </c>
      <c r="E55199" s="15">
        <v>45460</v>
      </c>
      <c r="F55199" s="14" t="s">
        <v>61</v>
      </c>
      <c r="G55199" s="16">
        <v>0.57007837905655168</v>
      </c>
    </row>
    <row r="55200" spans="1:7" x14ac:dyDescent="0.3">
      <c r="A55200" s="13" t="s">
        <v>303</v>
      </c>
      <c r="B55200" s="14" t="s">
        <v>1</v>
      </c>
      <c r="C55200" s="14" t="s">
        <v>200</v>
      </c>
      <c r="D55200" s="14" t="s">
        <v>292</v>
      </c>
      <c r="E55200" s="15">
        <v>45461</v>
      </c>
      <c r="F55200" s="14" t="s">
        <v>61</v>
      </c>
      <c r="G55200" s="16">
        <v>0.58854774806416621</v>
      </c>
    </row>
    <row r="55201" spans="1:7" x14ac:dyDescent="0.3">
      <c r="A55201" s="13" t="s">
        <v>303</v>
      </c>
      <c r="B55201" s="14" t="s">
        <v>1</v>
      </c>
      <c r="C55201" s="14" t="s">
        <v>200</v>
      </c>
      <c r="D55201" s="14" t="s">
        <v>292</v>
      </c>
      <c r="E55201" s="15">
        <v>45462</v>
      </c>
      <c r="F55201" s="14" t="s">
        <v>61</v>
      </c>
      <c r="G55201" s="16">
        <v>0.58854774806416621</v>
      </c>
    </row>
    <row r="55202" spans="1:7" x14ac:dyDescent="0.3">
      <c r="A55202" s="13" t="s">
        <v>303</v>
      </c>
      <c r="B55202" s="14" t="s">
        <v>1</v>
      </c>
      <c r="C55202" s="14" t="s">
        <v>200</v>
      </c>
      <c r="D55202" s="14" t="s">
        <v>292</v>
      </c>
      <c r="E55202" s="15">
        <v>45463</v>
      </c>
      <c r="F55202" s="14" t="s">
        <v>61</v>
      </c>
      <c r="G55202" s="16">
        <v>0.5970162471876248</v>
      </c>
    </row>
    <row r="55203" spans="1:7" x14ac:dyDescent="0.3">
      <c r="A55203" s="13" t="s">
        <v>303</v>
      </c>
      <c r="B55203" s="14" t="s">
        <v>1</v>
      </c>
      <c r="C55203" s="14" t="s">
        <v>200</v>
      </c>
      <c r="D55203" s="14" t="s">
        <v>292</v>
      </c>
      <c r="E55203" s="15">
        <v>45464</v>
      </c>
      <c r="F55203" s="14" t="s">
        <v>61</v>
      </c>
      <c r="G55203" s="16">
        <v>0.61028085292220124</v>
      </c>
    </row>
    <row r="55204" spans="1:7" x14ac:dyDescent="0.3">
      <c r="A55204" s="13" t="s">
        <v>303</v>
      </c>
      <c r="B55204" s="14" t="s">
        <v>1</v>
      </c>
      <c r="C55204" s="14" t="s">
        <v>200</v>
      </c>
      <c r="D55204" s="14" t="s">
        <v>292</v>
      </c>
      <c r="E55204" s="15">
        <v>45465</v>
      </c>
      <c r="F55204" s="14" t="s">
        <v>61</v>
      </c>
      <c r="G55204" s="16">
        <v>0.61028085292220124</v>
      </c>
    </row>
    <row r="55205" spans="1:7" x14ac:dyDescent="0.3">
      <c r="A55205" s="13" t="s">
        <v>303</v>
      </c>
      <c r="B55205" s="14" t="s">
        <v>1</v>
      </c>
      <c r="C55205" s="14" t="s">
        <v>200</v>
      </c>
      <c r="D55205" s="14" t="s">
        <v>292</v>
      </c>
      <c r="E55205" s="15">
        <v>45466</v>
      </c>
      <c r="F55205" s="14" t="s">
        <v>61</v>
      </c>
      <c r="G55205" s="16">
        <v>0.61028085292220124</v>
      </c>
    </row>
    <row r="55206" spans="1:7" x14ac:dyDescent="0.3">
      <c r="A55206" s="13" t="s">
        <v>303</v>
      </c>
      <c r="B55206" s="14" t="s">
        <v>1</v>
      </c>
      <c r="C55206" s="14" t="s">
        <v>200</v>
      </c>
      <c r="D55206" s="14" t="s">
        <v>292</v>
      </c>
      <c r="E55206" s="15">
        <v>45467</v>
      </c>
      <c r="F55206" s="14" t="s">
        <v>61</v>
      </c>
      <c r="G55206" s="16">
        <v>0.61528774486091076</v>
      </c>
    </row>
    <row r="55207" spans="1:7" x14ac:dyDescent="0.3">
      <c r="A55207" s="13" t="s">
        <v>303</v>
      </c>
      <c r="B55207" s="14" t="s">
        <v>1</v>
      </c>
      <c r="C55207" s="14" t="s">
        <v>200</v>
      </c>
      <c r="D55207" s="14" t="s">
        <v>292</v>
      </c>
      <c r="E55207" s="15">
        <v>45468</v>
      </c>
      <c r="F55207" s="14" t="s">
        <v>61</v>
      </c>
      <c r="G55207" s="16">
        <v>0.63683872543532938</v>
      </c>
    </row>
    <row r="55208" spans="1:7" x14ac:dyDescent="0.3">
      <c r="A55208" s="13" t="s">
        <v>303</v>
      </c>
      <c r="B55208" s="14" t="s">
        <v>1</v>
      </c>
      <c r="C55208" s="14" t="s">
        <v>200</v>
      </c>
      <c r="D55208" s="14" t="s">
        <v>292</v>
      </c>
      <c r="E55208" s="15">
        <v>45469</v>
      </c>
      <c r="F55208" s="14" t="s">
        <v>61</v>
      </c>
      <c r="G55208" s="16">
        <v>0.64582316045044719</v>
      </c>
    </row>
    <row r="55209" spans="1:7" x14ac:dyDescent="0.3">
      <c r="A55209" s="13" t="s">
        <v>303</v>
      </c>
      <c r="B55209" s="14" t="s">
        <v>1</v>
      </c>
      <c r="C55209" s="14" t="s">
        <v>200</v>
      </c>
      <c r="D55209" s="14" t="s">
        <v>292</v>
      </c>
      <c r="E55209" s="15">
        <v>45470</v>
      </c>
      <c r="F55209" s="14" t="s">
        <v>61</v>
      </c>
      <c r="G55209" s="16">
        <v>0.6523788742580956</v>
      </c>
    </row>
    <row r="55210" spans="1:7" x14ac:dyDescent="0.3">
      <c r="A55210" s="13" t="s">
        <v>303</v>
      </c>
      <c r="B55210" s="14" t="s">
        <v>1</v>
      </c>
      <c r="C55210" s="14" t="s">
        <v>200</v>
      </c>
      <c r="D55210" s="14" t="s">
        <v>292</v>
      </c>
      <c r="E55210" s="15">
        <v>45471</v>
      </c>
      <c r="F55210" s="14" t="s">
        <v>61</v>
      </c>
      <c r="G55210" s="16">
        <v>0.65648519513563164</v>
      </c>
    </row>
    <row r="55211" spans="1:7" x14ac:dyDescent="0.3">
      <c r="A55211" s="13" t="s">
        <v>303</v>
      </c>
      <c r="B55211" s="14" t="s">
        <v>1</v>
      </c>
      <c r="C55211" s="14" t="s">
        <v>200</v>
      </c>
      <c r="D55211" s="14" t="s">
        <v>292</v>
      </c>
      <c r="E55211" s="15">
        <v>45472</v>
      </c>
      <c r="F55211" s="14" t="s">
        <v>61</v>
      </c>
      <c r="G55211" s="16">
        <v>0.65648519513563164</v>
      </c>
    </row>
    <row r="55212" spans="1:7" x14ac:dyDescent="0.3">
      <c r="A55212" s="13" t="s">
        <v>303</v>
      </c>
      <c r="B55212" s="14" t="s">
        <v>1</v>
      </c>
      <c r="C55212" s="14" t="s">
        <v>200</v>
      </c>
      <c r="D55212" s="14" t="s">
        <v>292</v>
      </c>
      <c r="E55212" s="15">
        <v>45473</v>
      </c>
      <c r="F55212" s="14" t="s">
        <v>61</v>
      </c>
      <c r="G55212" s="16">
        <v>0.65648519513563164</v>
      </c>
    </row>
    <row r="55213" spans="1:7" x14ac:dyDescent="0.3">
      <c r="A55213" s="13" t="s">
        <v>303</v>
      </c>
      <c r="B55213" s="14" t="s">
        <v>1</v>
      </c>
      <c r="C55213" s="14" t="s">
        <v>200</v>
      </c>
      <c r="D55213" s="14" t="s">
        <v>292</v>
      </c>
      <c r="E55213" s="15">
        <v>45474</v>
      </c>
      <c r="F55213" s="14" t="s">
        <v>61</v>
      </c>
      <c r="G55213" s="16">
        <v>0.66168798059127354</v>
      </c>
    </row>
    <row r="55214" spans="1:7" x14ac:dyDescent="0.3">
      <c r="A55214" s="13" t="s">
        <v>303</v>
      </c>
      <c r="B55214" s="14" t="s">
        <v>1</v>
      </c>
      <c r="C55214" s="14" t="s">
        <v>200</v>
      </c>
      <c r="D55214" s="14" t="s">
        <v>292</v>
      </c>
      <c r="E55214" s="15">
        <v>45475</v>
      </c>
      <c r="F55214" s="14" t="s">
        <v>61</v>
      </c>
      <c r="G55214" s="16">
        <v>0.68382907542268245</v>
      </c>
    </row>
    <row r="55215" spans="1:7" x14ac:dyDescent="0.3">
      <c r="A55215" s="13" t="s">
        <v>303</v>
      </c>
      <c r="B55215" s="14" t="s">
        <v>1</v>
      </c>
      <c r="C55215" s="14" t="s">
        <v>200</v>
      </c>
      <c r="D55215" s="14" t="s">
        <v>292</v>
      </c>
      <c r="E55215" s="15">
        <v>45476</v>
      </c>
      <c r="F55215" s="14" t="s">
        <v>61</v>
      </c>
      <c r="G55215" s="16">
        <v>0.6873922033430454</v>
      </c>
    </row>
    <row r="55216" spans="1:7" x14ac:dyDescent="0.3">
      <c r="A55216" s="13" t="s">
        <v>303</v>
      </c>
      <c r="B55216" s="14" t="s">
        <v>1</v>
      </c>
      <c r="C55216" s="14" t="s">
        <v>200</v>
      </c>
      <c r="D55216" s="14" t="s">
        <v>292</v>
      </c>
      <c r="E55216" s="15">
        <v>45477</v>
      </c>
      <c r="F55216" s="14" t="s">
        <v>61</v>
      </c>
      <c r="G55216" s="16">
        <v>0.6873922033430454</v>
      </c>
    </row>
    <row r="55217" spans="1:7" x14ac:dyDescent="0.3">
      <c r="A55217" s="13" t="s">
        <v>303</v>
      </c>
      <c r="B55217" s="14" t="s">
        <v>1</v>
      </c>
      <c r="C55217" s="14" t="s">
        <v>200</v>
      </c>
      <c r="D55217" s="14" t="s">
        <v>292</v>
      </c>
      <c r="E55217" s="15">
        <v>45478</v>
      </c>
      <c r="F55217" s="14" t="s">
        <v>61</v>
      </c>
      <c r="G55217" s="16">
        <v>0.69078713205970521</v>
      </c>
    </row>
    <row r="55218" spans="1:7" x14ac:dyDescent="0.3">
      <c r="A55218" s="13" t="s">
        <v>303</v>
      </c>
      <c r="B55218" s="14" t="s">
        <v>1</v>
      </c>
      <c r="C55218" s="14" t="s">
        <v>200</v>
      </c>
      <c r="D55218" s="14" t="s">
        <v>292</v>
      </c>
      <c r="E55218" s="15">
        <v>45479</v>
      </c>
      <c r="F55218" s="14" t="s">
        <v>61</v>
      </c>
      <c r="G55218" s="16">
        <v>0.69078713205970521</v>
      </c>
    </row>
    <row r="55219" spans="1:7" x14ac:dyDescent="0.3">
      <c r="A55219" s="13" t="s">
        <v>303</v>
      </c>
      <c r="B55219" s="14" t="s">
        <v>1</v>
      </c>
      <c r="C55219" s="14" t="s">
        <v>200</v>
      </c>
      <c r="D55219" s="14" t="s">
        <v>292</v>
      </c>
      <c r="E55219" s="15">
        <v>45480</v>
      </c>
      <c r="F55219" s="14" t="s">
        <v>61</v>
      </c>
      <c r="G55219" s="16">
        <v>0.69078713205970521</v>
      </c>
    </row>
    <row r="55220" spans="1:7" x14ac:dyDescent="0.3">
      <c r="A55220" s="13" t="s">
        <v>303</v>
      </c>
      <c r="B55220" s="14" t="s">
        <v>1</v>
      </c>
      <c r="C55220" s="14" t="s">
        <v>200</v>
      </c>
      <c r="D55220" s="14" t="s">
        <v>292</v>
      </c>
      <c r="E55220" s="15">
        <v>45481</v>
      </c>
      <c r="F55220" s="14" t="s">
        <v>61</v>
      </c>
      <c r="G55220" s="16">
        <v>0.70344294904064752</v>
      </c>
    </row>
    <row r="55221" spans="1:7" x14ac:dyDescent="0.3">
      <c r="A55221" s="13" t="s">
        <v>303</v>
      </c>
      <c r="B55221" s="14" t="s">
        <v>1</v>
      </c>
      <c r="C55221" s="14" t="s">
        <v>200</v>
      </c>
      <c r="D55221" s="14" t="s">
        <v>292</v>
      </c>
      <c r="E55221" s="15">
        <v>45482</v>
      </c>
      <c r="F55221" s="14" t="s">
        <v>61</v>
      </c>
      <c r="G55221" s="16">
        <v>0.72545878175088685</v>
      </c>
    </row>
    <row r="55222" spans="1:7" x14ac:dyDescent="0.3">
      <c r="A55222" s="13" t="s">
        <v>303</v>
      </c>
      <c r="B55222" s="14" t="s">
        <v>1</v>
      </c>
      <c r="C55222" s="14" t="s">
        <v>200</v>
      </c>
      <c r="D55222" s="14" t="s">
        <v>292</v>
      </c>
      <c r="E55222" s="15">
        <v>45483</v>
      </c>
      <c r="F55222" s="14" t="s">
        <v>61</v>
      </c>
      <c r="G55222" s="16">
        <v>0.73163640848415212</v>
      </c>
    </row>
    <row r="55223" spans="1:7" x14ac:dyDescent="0.3">
      <c r="A55223" s="13" t="s">
        <v>303</v>
      </c>
      <c r="B55223" s="14" t="s">
        <v>1</v>
      </c>
      <c r="C55223" s="14" t="s">
        <v>200</v>
      </c>
      <c r="D55223" s="14" t="s">
        <v>292</v>
      </c>
      <c r="E55223" s="15">
        <v>45484</v>
      </c>
      <c r="F55223" s="14" t="s">
        <v>61</v>
      </c>
      <c r="G55223" s="16">
        <v>0.73449994082043257</v>
      </c>
    </row>
    <row r="55224" spans="1:7" x14ac:dyDescent="0.3">
      <c r="A55224" s="13" t="s">
        <v>303</v>
      </c>
      <c r="B55224" s="14" t="s">
        <v>1</v>
      </c>
      <c r="C55224" s="14" t="s">
        <v>200</v>
      </c>
      <c r="D55224" s="14" t="s">
        <v>292</v>
      </c>
      <c r="E55224" s="15">
        <v>45485</v>
      </c>
      <c r="F55224" s="14" t="s">
        <v>61</v>
      </c>
      <c r="G55224" s="16">
        <v>0.73859078384942833</v>
      </c>
    </row>
    <row r="55225" spans="1:7" x14ac:dyDescent="0.3">
      <c r="A55225" s="13" t="s">
        <v>303</v>
      </c>
      <c r="B55225" s="14" t="s">
        <v>1</v>
      </c>
      <c r="C55225" s="14" t="s">
        <v>200</v>
      </c>
      <c r="D55225" s="14" t="s">
        <v>292</v>
      </c>
      <c r="E55225" s="15">
        <v>45486</v>
      </c>
      <c r="F55225" s="14" t="s">
        <v>61</v>
      </c>
      <c r="G55225" s="16">
        <v>0.73859078384942833</v>
      </c>
    </row>
    <row r="55226" spans="1:7" x14ac:dyDescent="0.3">
      <c r="A55226" s="13" t="s">
        <v>303</v>
      </c>
      <c r="B55226" s="14" t="s">
        <v>1</v>
      </c>
      <c r="C55226" s="14" t="s">
        <v>200</v>
      </c>
      <c r="D55226" s="14" t="s">
        <v>292</v>
      </c>
      <c r="E55226" s="15">
        <v>45487</v>
      </c>
      <c r="F55226" s="14" t="s">
        <v>61</v>
      </c>
      <c r="G55226" s="16">
        <v>0.73859078384942833</v>
      </c>
    </row>
    <row r="55227" spans="1:7" x14ac:dyDescent="0.3">
      <c r="A55227" s="13" t="s">
        <v>303</v>
      </c>
      <c r="B55227" s="14" t="s">
        <v>1</v>
      </c>
      <c r="C55227" s="14" t="s">
        <v>200</v>
      </c>
      <c r="D55227" s="14" t="s">
        <v>292</v>
      </c>
      <c r="E55227" s="15">
        <v>45488</v>
      </c>
      <c r="F55227" s="14" t="s">
        <v>61</v>
      </c>
      <c r="G55227" s="16">
        <v>0.74118310675170884</v>
      </c>
    </row>
    <row r="55228" spans="1:7" x14ac:dyDescent="0.3">
      <c r="A55228" s="13" t="s">
        <v>303</v>
      </c>
      <c r="B55228" s="14" t="s">
        <v>1</v>
      </c>
      <c r="C55228" s="14" t="s">
        <v>200</v>
      </c>
      <c r="D55228" s="14" t="s">
        <v>292</v>
      </c>
      <c r="E55228" s="15">
        <v>45489</v>
      </c>
      <c r="F55228" s="14" t="s">
        <v>61</v>
      </c>
      <c r="G55228" s="16">
        <v>0.76222811768106691</v>
      </c>
    </row>
    <row r="55229" spans="1:7" x14ac:dyDescent="0.3">
      <c r="A55229" s="13" t="s">
        <v>303</v>
      </c>
      <c r="B55229" s="14" t="s">
        <v>1</v>
      </c>
      <c r="C55229" s="14" t="s">
        <v>200</v>
      </c>
      <c r="D55229" s="14" t="s">
        <v>292</v>
      </c>
      <c r="E55229" s="15">
        <v>45490</v>
      </c>
      <c r="F55229" s="14" t="s">
        <v>61</v>
      </c>
      <c r="G55229" s="16">
        <v>0.75592004180826433</v>
      </c>
    </row>
    <row r="55230" spans="1:7" x14ac:dyDescent="0.3">
      <c r="A55230" s="13" t="s">
        <v>303</v>
      </c>
      <c r="B55230" s="14" t="s">
        <v>1</v>
      </c>
      <c r="C55230" s="14" t="s">
        <v>200</v>
      </c>
      <c r="D55230" s="14" t="s">
        <v>292</v>
      </c>
      <c r="E55230" s="15">
        <v>45491</v>
      </c>
      <c r="F55230" s="14" t="s">
        <v>61</v>
      </c>
      <c r="G55230" s="16">
        <v>0.76618564611923823</v>
      </c>
    </row>
    <row r="55231" spans="1:7" x14ac:dyDescent="0.3">
      <c r="A55231" s="13" t="s">
        <v>303</v>
      </c>
      <c r="B55231" s="14" t="s">
        <v>1</v>
      </c>
      <c r="C55231" s="14" t="s">
        <v>200</v>
      </c>
      <c r="D55231" s="14" t="s">
        <v>292</v>
      </c>
      <c r="E55231" s="15">
        <v>45492</v>
      </c>
      <c r="F55231" s="14" t="s">
        <v>61</v>
      </c>
      <c r="G55231" s="16">
        <v>0.77468495670829018</v>
      </c>
    </row>
    <row r="55232" spans="1:7" x14ac:dyDescent="0.3">
      <c r="A55232" s="13" t="s">
        <v>303</v>
      </c>
      <c r="B55232" s="14" t="s">
        <v>1</v>
      </c>
      <c r="C55232" s="14" t="s">
        <v>200</v>
      </c>
      <c r="D55232" s="14" t="s">
        <v>292</v>
      </c>
      <c r="E55232" s="15">
        <v>45493</v>
      </c>
      <c r="F55232" s="14" t="s">
        <v>61</v>
      </c>
      <c r="G55232" s="16">
        <v>0.77468495670829018</v>
      </c>
    </row>
    <row r="55233" spans="1:7" x14ac:dyDescent="0.3">
      <c r="A55233" s="13" t="s">
        <v>303</v>
      </c>
      <c r="B55233" s="14" t="s">
        <v>1</v>
      </c>
      <c r="C55233" s="14" t="s">
        <v>200</v>
      </c>
      <c r="D55233" s="14" t="s">
        <v>292</v>
      </c>
      <c r="E55233" s="15">
        <v>45494</v>
      </c>
      <c r="F55233" s="14" t="s">
        <v>61</v>
      </c>
      <c r="G55233" s="16">
        <v>0.77468495670829018</v>
      </c>
    </row>
    <row r="55234" spans="1:7" x14ac:dyDescent="0.3">
      <c r="A55234" s="13" t="s">
        <v>303</v>
      </c>
      <c r="B55234" s="14" t="s">
        <v>1</v>
      </c>
      <c r="C55234" s="14" t="s">
        <v>200</v>
      </c>
      <c r="D55234" s="14" t="s">
        <v>292</v>
      </c>
      <c r="E55234" s="15">
        <v>45495</v>
      </c>
      <c r="F55234" s="14" t="s">
        <v>61</v>
      </c>
      <c r="G55234" s="16">
        <v>0.78070894763874699</v>
      </c>
    </row>
    <row r="55235" spans="1:7" x14ac:dyDescent="0.3">
      <c r="A55235" s="13" t="s">
        <v>303</v>
      </c>
      <c r="B55235" s="14" t="s">
        <v>1</v>
      </c>
      <c r="C55235" s="14" t="s">
        <v>200</v>
      </c>
      <c r="D55235" s="14" t="s">
        <v>292</v>
      </c>
      <c r="E55235" s="15">
        <v>45496</v>
      </c>
      <c r="F55235" s="14" t="s">
        <v>61</v>
      </c>
      <c r="G55235" s="16">
        <v>0.80506267363631345</v>
      </c>
    </row>
    <row r="55236" spans="1:7" x14ac:dyDescent="0.3">
      <c r="A55236" s="13" t="s">
        <v>303</v>
      </c>
      <c r="B55236" s="14" t="s">
        <v>1</v>
      </c>
      <c r="C55236" s="14" t="s">
        <v>200</v>
      </c>
      <c r="D55236" s="14" t="s">
        <v>292</v>
      </c>
      <c r="E55236" s="15">
        <v>45497</v>
      </c>
      <c r="F55236" s="14" t="s">
        <v>61</v>
      </c>
      <c r="G55236" s="16">
        <v>0.81294474741041034</v>
      </c>
    </row>
    <row r="55237" spans="1:7" x14ac:dyDescent="0.3">
      <c r="A55237" s="13" t="s">
        <v>303</v>
      </c>
      <c r="B55237" s="14" t="s">
        <v>1</v>
      </c>
      <c r="C55237" s="14" t="s">
        <v>200</v>
      </c>
      <c r="D55237" s="14" t="s">
        <v>292</v>
      </c>
      <c r="E55237" s="15">
        <v>45498</v>
      </c>
      <c r="F55237" s="14" t="s">
        <v>61</v>
      </c>
      <c r="G55237" s="16">
        <v>0.81943965097872484</v>
      </c>
    </row>
    <row r="55238" spans="1:7" x14ac:dyDescent="0.3">
      <c r="A55238" s="13" t="s">
        <v>303</v>
      </c>
      <c r="B55238" s="14" t="s">
        <v>1</v>
      </c>
      <c r="C55238" s="14" t="s">
        <v>200</v>
      </c>
      <c r="D55238" s="14" t="s">
        <v>292</v>
      </c>
      <c r="E55238" s="15">
        <v>45499</v>
      </c>
      <c r="F55238" s="14" t="s">
        <v>61</v>
      </c>
      <c r="G55238" s="16">
        <v>0.8255442298591793</v>
      </c>
    </row>
    <row r="55239" spans="1:7" x14ac:dyDescent="0.3">
      <c r="A55239" s="13" t="s">
        <v>303</v>
      </c>
      <c r="B55239" s="14" t="s">
        <v>1</v>
      </c>
      <c r="C55239" s="14" t="s">
        <v>200</v>
      </c>
      <c r="D55239" s="14" t="s">
        <v>292</v>
      </c>
      <c r="E55239" s="15">
        <v>45500</v>
      </c>
      <c r="F55239" s="14" t="s">
        <v>61</v>
      </c>
      <c r="G55239" s="16">
        <v>0.8255442298591793</v>
      </c>
    </row>
    <row r="55240" spans="1:7" x14ac:dyDescent="0.3">
      <c r="A55240" s="13" t="s">
        <v>303</v>
      </c>
      <c r="B55240" s="14" t="s">
        <v>1</v>
      </c>
      <c r="C55240" s="14" t="s">
        <v>200</v>
      </c>
      <c r="D55240" s="14" t="s">
        <v>292</v>
      </c>
      <c r="E55240" s="15">
        <v>45501</v>
      </c>
      <c r="F55240" s="14" t="s">
        <v>61</v>
      </c>
      <c r="G55240" s="16">
        <v>0.8255442298591793</v>
      </c>
    </row>
    <row r="55241" spans="1:7" x14ac:dyDescent="0.3">
      <c r="A55241" s="13" t="s">
        <v>303</v>
      </c>
      <c r="B55241" s="14" t="s">
        <v>1</v>
      </c>
      <c r="C55241" s="14" t="s">
        <v>200</v>
      </c>
      <c r="D55241" s="14" t="s">
        <v>292</v>
      </c>
      <c r="E55241" s="15">
        <v>45502</v>
      </c>
      <c r="F55241" s="14" t="s">
        <v>61</v>
      </c>
      <c r="G55241" s="16">
        <v>0.83987908924964627</v>
      </c>
    </row>
    <row r="55242" spans="1:7" x14ac:dyDescent="0.3">
      <c r="A55242" s="13" t="s">
        <v>303</v>
      </c>
      <c r="B55242" s="14" t="s">
        <v>1</v>
      </c>
      <c r="C55242" s="14" t="s">
        <v>200</v>
      </c>
      <c r="D55242" s="14" t="s">
        <v>292</v>
      </c>
      <c r="E55242" s="15">
        <v>45503</v>
      </c>
      <c r="F55242" s="14" t="s">
        <v>61</v>
      </c>
      <c r="G55242" s="16">
        <v>0.86027644293850836</v>
      </c>
    </row>
    <row r="55243" spans="1:7" x14ac:dyDescent="0.3">
      <c r="A55243" s="13" t="s">
        <v>303</v>
      </c>
      <c r="B55243" s="14" t="s">
        <v>1</v>
      </c>
      <c r="C55243" s="14" t="s">
        <v>200</v>
      </c>
      <c r="D55243" s="14" t="s">
        <v>292</v>
      </c>
      <c r="E55243" s="15">
        <v>45504</v>
      </c>
      <c r="F55243" s="14" t="s">
        <v>61</v>
      </c>
      <c r="G55243" s="16">
        <v>0.86628151909603412</v>
      </c>
    </row>
    <row r="55244" spans="1:7" x14ac:dyDescent="0.3">
      <c r="A55244" s="13" t="s">
        <v>303</v>
      </c>
      <c r="B55244" s="14" t="s">
        <v>1</v>
      </c>
      <c r="C55244" s="14" t="s">
        <v>200</v>
      </c>
      <c r="D55244" s="14" t="s">
        <v>292</v>
      </c>
      <c r="E55244" s="15">
        <v>45505</v>
      </c>
      <c r="F55244" s="14" t="s">
        <v>61</v>
      </c>
      <c r="G55244" s="16">
        <v>0.87659580241383206</v>
      </c>
    </row>
    <row r="55245" spans="1:7" x14ac:dyDescent="0.3">
      <c r="A55245" s="13" t="s">
        <v>303</v>
      </c>
      <c r="B55245" s="14" t="s">
        <v>1</v>
      </c>
      <c r="C55245" s="14" t="s">
        <v>200</v>
      </c>
      <c r="D55245" s="14" t="s">
        <v>292</v>
      </c>
      <c r="E55245" s="15">
        <v>45506</v>
      </c>
      <c r="F55245" s="14" t="s">
        <v>61</v>
      </c>
      <c r="G55245" s="16">
        <v>0.88138667020692085</v>
      </c>
    </row>
    <row r="55246" spans="1:7" x14ac:dyDescent="0.3">
      <c r="A55246" s="13" t="s">
        <v>303</v>
      </c>
      <c r="B55246" s="14" t="s">
        <v>1</v>
      </c>
      <c r="C55246" s="14" t="s">
        <v>200</v>
      </c>
      <c r="D55246" s="14" t="s">
        <v>292</v>
      </c>
      <c r="E55246" s="15">
        <v>45507</v>
      </c>
      <c r="F55246" s="14" t="s">
        <v>61</v>
      </c>
      <c r="G55246" s="16">
        <v>0.88138667020692085</v>
      </c>
    </row>
    <row r="55247" spans="1:7" x14ac:dyDescent="0.3">
      <c r="A55247" s="13" t="s">
        <v>303</v>
      </c>
      <c r="B55247" s="14" t="s">
        <v>1</v>
      </c>
      <c r="C55247" s="14" t="s">
        <v>200</v>
      </c>
      <c r="D55247" s="14" t="s">
        <v>292</v>
      </c>
      <c r="E55247" s="15">
        <v>45508</v>
      </c>
      <c r="F55247" s="14" t="s">
        <v>61</v>
      </c>
      <c r="G55247" s="16">
        <v>0.88138667020692085</v>
      </c>
    </row>
    <row r="55248" spans="1:7" x14ac:dyDescent="0.3">
      <c r="A55248" s="13" t="s">
        <v>303</v>
      </c>
      <c r="B55248" s="14" t="s">
        <v>1</v>
      </c>
      <c r="C55248" s="14" t="s">
        <v>200</v>
      </c>
      <c r="D55248" s="14" t="s">
        <v>292</v>
      </c>
      <c r="E55248" s="15">
        <v>45509</v>
      </c>
      <c r="F55248" s="14" t="s">
        <v>61</v>
      </c>
      <c r="G55248" s="16">
        <v>0.88138667020692085</v>
      </c>
    </row>
    <row r="55249" spans="1:7" x14ac:dyDescent="0.3">
      <c r="A55249" s="13" t="s">
        <v>303</v>
      </c>
      <c r="B55249" s="14" t="s">
        <v>1</v>
      </c>
      <c r="C55249" s="14" t="s">
        <v>200</v>
      </c>
      <c r="D55249" s="14" t="s">
        <v>292</v>
      </c>
      <c r="E55249" s="15">
        <v>45510</v>
      </c>
      <c r="F55249" s="14" t="s">
        <v>61</v>
      </c>
      <c r="G55249" s="16">
        <v>0.89360928634051506</v>
      </c>
    </row>
    <row r="55250" spans="1:7" x14ac:dyDescent="0.3">
      <c r="A55250" s="13" t="s">
        <v>303</v>
      </c>
      <c r="B55250" s="14" t="s">
        <v>1</v>
      </c>
      <c r="C55250" s="14" t="s">
        <v>200</v>
      </c>
      <c r="D55250" s="14" t="s">
        <v>292</v>
      </c>
      <c r="E55250" s="15">
        <v>45511</v>
      </c>
      <c r="F55250" s="14" t="s">
        <v>61</v>
      </c>
      <c r="G55250" s="16">
        <v>0.92208301290489891</v>
      </c>
    </row>
    <row r="55251" spans="1:7" x14ac:dyDescent="0.3">
      <c r="A55251" s="13" t="s">
        <v>303</v>
      </c>
      <c r="B55251" s="14" t="s">
        <v>1</v>
      </c>
      <c r="C55251" s="14" t="s">
        <v>200</v>
      </c>
      <c r="D55251" s="14" t="s">
        <v>292</v>
      </c>
      <c r="E55251" s="15">
        <v>45512</v>
      </c>
      <c r="F55251" s="14" t="s">
        <v>61</v>
      </c>
      <c r="G55251" s="16">
        <v>0.92875531645904219</v>
      </c>
    </row>
    <row r="55252" spans="1:7" x14ac:dyDescent="0.3">
      <c r="A55252" s="13" t="s">
        <v>303</v>
      </c>
      <c r="B55252" s="14" t="s">
        <v>1</v>
      </c>
      <c r="C55252" s="14" t="s">
        <v>200</v>
      </c>
      <c r="D55252" s="14" t="s">
        <v>292</v>
      </c>
      <c r="E55252" s="15">
        <v>45513</v>
      </c>
      <c r="F55252" s="14" t="s">
        <v>61</v>
      </c>
      <c r="G55252" s="16">
        <v>0.93503537095728606</v>
      </c>
    </row>
    <row r="55253" spans="1:7" x14ac:dyDescent="0.3">
      <c r="A55253" s="13" t="s">
        <v>303</v>
      </c>
      <c r="B55253" s="14" t="s">
        <v>1</v>
      </c>
      <c r="C55253" s="14" t="s">
        <v>200</v>
      </c>
      <c r="D55253" s="14" t="s">
        <v>292</v>
      </c>
      <c r="E55253" s="15">
        <v>45514</v>
      </c>
      <c r="F55253" s="14" t="s">
        <v>61</v>
      </c>
      <c r="G55253" s="16">
        <v>0.93503537095728606</v>
      </c>
    </row>
    <row r="55254" spans="1:7" x14ac:dyDescent="0.3">
      <c r="A55254" s="13" t="s">
        <v>303</v>
      </c>
      <c r="B55254" s="14" t="s">
        <v>1</v>
      </c>
      <c r="C55254" s="14" t="s">
        <v>200</v>
      </c>
      <c r="D55254" s="14" t="s">
        <v>292</v>
      </c>
      <c r="E55254" s="15">
        <v>45515</v>
      </c>
      <c r="F55254" s="14" t="s">
        <v>61</v>
      </c>
      <c r="G55254" s="16">
        <v>0.93503537095728606</v>
      </c>
    </row>
    <row r="55255" spans="1:7" x14ac:dyDescent="0.3">
      <c r="A55255" s="13" t="s">
        <v>303</v>
      </c>
      <c r="B55255" s="14" t="s">
        <v>1</v>
      </c>
      <c r="C55255" s="14" t="s">
        <v>200</v>
      </c>
      <c r="D55255" s="14" t="s">
        <v>292</v>
      </c>
      <c r="E55255" s="15">
        <v>45516</v>
      </c>
      <c r="F55255" s="14" t="s">
        <v>61</v>
      </c>
      <c r="G55255" s="16">
        <v>0.93871428229508447</v>
      </c>
    </row>
    <row r="55256" spans="1:7" x14ac:dyDescent="0.3">
      <c r="A55256" s="13" t="s">
        <v>303</v>
      </c>
      <c r="B55256" s="14" t="s">
        <v>1</v>
      </c>
      <c r="C55256" s="14" t="s">
        <v>200</v>
      </c>
      <c r="D55256" s="14" t="s">
        <v>292</v>
      </c>
      <c r="E55256" s="15">
        <v>45517</v>
      </c>
      <c r="F55256" s="14" t="s">
        <v>61</v>
      </c>
      <c r="G55256" s="16">
        <v>0.95185216604689526</v>
      </c>
    </row>
    <row r="55257" spans="1:7" x14ac:dyDescent="0.3">
      <c r="A55257" s="13" t="s">
        <v>303</v>
      </c>
      <c r="B55257" s="14" t="s">
        <v>1</v>
      </c>
      <c r="C55257" s="14" t="s">
        <v>200</v>
      </c>
      <c r="D55257" s="14" t="s">
        <v>292</v>
      </c>
      <c r="E55257" s="15">
        <v>45518</v>
      </c>
      <c r="F55257" s="14" t="s">
        <v>61</v>
      </c>
      <c r="G55257" s="16">
        <v>0.95742941459297481</v>
      </c>
    </row>
    <row r="55258" spans="1:7" x14ac:dyDescent="0.3">
      <c r="A55258" s="13" t="s">
        <v>303</v>
      </c>
      <c r="B55258" s="14" t="s">
        <v>1</v>
      </c>
      <c r="C55258" s="14" t="s">
        <v>200</v>
      </c>
      <c r="D55258" s="14" t="s">
        <v>292</v>
      </c>
      <c r="E55258" s="15">
        <v>45519</v>
      </c>
      <c r="F55258" s="14" t="s">
        <v>61</v>
      </c>
      <c r="G55258" s="16">
        <v>0.96733755132914834</v>
      </c>
    </row>
    <row r="55259" spans="1:7" x14ac:dyDescent="0.3">
      <c r="A55259" s="13" t="s">
        <v>303</v>
      </c>
      <c r="B55259" s="14" t="s">
        <v>1</v>
      </c>
      <c r="C55259" s="14" t="s">
        <v>200</v>
      </c>
      <c r="D55259" s="14" t="s">
        <v>292</v>
      </c>
      <c r="E55259" s="15">
        <v>45520</v>
      </c>
      <c r="F55259" s="14" t="s">
        <v>61</v>
      </c>
      <c r="G55259" s="16">
        <v>0.96885276660468733</v>
      </c>
    </row>
    <row r="55260" spans="1:7" x14ac:dyDescent="0.3">
      <c r="A55260" s="13" t="s">
        <v>303</v>
      </c>
      <c r="B55260" s="14" t="s">
        <v>1</v>
      </c>
      <c r="C55260" s="14" t="s">
        <v>200</v>
      </c>
      <c r="D55260" s="14" t="s">
        <v>292</v>
      </c>
      <c r="E55260" s="15">
        <v>45521</v>
      </c>
      <c r="F55260" s="14" t="s">
        <v>61</v>
      </c>
      <c r="G55260" s="16">
        <v>0.96885276660468733</v>
      </c>
    </row>
    <row r="55261" spans="1:7" x14ac:dyDescent="0.3">
      <c r="A55261" s="13" t="s">
        <v>303</v>
      </c>
      <c r="B55261" s="14" t="s">
        <v>1</v>
      </c>
      <c r="C55261" s="14" t="s">
        <v>200</v>
      </c>
      <c r="D55261" s="14" t="s">
        <v>292</v>
      </c>
      <c r="E55261" s="15">
        <v>45522</v>
      </c>
      <c r="F55261" s="14" t="s">
        <v>61</v>
      </c>
      <c r="G55261" s="16">
        <v>0.96885276660468733</v>
      </c>
    </row>
    <row r="55262" spans="1:7" x14ac:dyDescent="0.3">
      <c r="A55262" s="13" t="s">
        <v>303</v>
      </c>
      <c r="B55262" s="14" t="s">
        <v>1</v>
      </c>
      <c r="C55262" s="14" t="s">
        <v>200</v>
      </c>
      <c r="D55262" s="14" t="s">
        <v>292</v>
      </c>
      <c r="E55262" s="15">
        <v>45523</v>
      </c>
      <c r="F55262" s="14" t="s">
        <v>61</v>
      </c>
      <c r="G55262" s="16">
        <v>0.97007539289678502</v>
      </c>
    </row>
    <row r="55263" spans="1:7" x14ac:dyDescent="0.3">
      <c r="A55263" s="13" t="s">
        <v>303</v>
      </c>
      <c r="B55263" s="14" t="s">
        <v>1</v>
      </c>
      <c r="C55263" s="14" t="s">
        <v>200</v>
      </c>
      <c r="D55263" s="14" t="s">
        <v>292</v>
      </c>
      <c r="E55263" s="15">
        <v>45524</v>
      </c>
      <c r="F55263" s="14" t="s">
        <v>61</v>
      </c>
      <c r="G55263" s="16">
        <v>0.9844050416828114</v>
      </c>
    </row>
    <row r="55264" spans="1:7" x14ac:dyDescent="0.3">
      <c r="A55264" s="13" t="s">
        <v>303</v>
      </c>
      <c r="B55264" s="14" t="s">
        <v>1</v>
      </c>
      <c r="C55264" s="14" t="s">
        <v>200</v>
      </c>
      <c r="D55264" s="14" t="s">
        <v>292</v>
      </c>
      <c r="E55264" s="15">
        <v>45525</v>
      </c>
      <c r="F55264" s="14" t="s">
        <v>61</v>
      </c>
      <c r="G55264" s="16">
        <v>0.98783690966147597</v>
      </c>
    </row>
    <row r="55265" spans="1:7" x14ac:dyDescent="0.3">
      <c r="A55265" s="13" t="s">
        <v>303</v>
      </c>
      <c r="B55265" s="14" t="s">
        <v>1</v>
      </c>
      <c r="C55265" s="14" t="s">
        <v>200</v>
      </c>
      <c r="D55265" s="14" t="s">
        <v>292</v>
      </c>
      <c r="E55265" s="15">
        <v>45526</v>
      </c>
      <c r="F55265" s="14" t="s">
        <v>61</v>
      </c>
      <c r="G55265" s="16">
        <v>1.0010503229153038</v>
      </c>
    </row>
    <row r="55266" spans="1:7" x14ac:dyDescent="0.3">
      <c r="A55266" s="13" t="s">
        <v>303</v>
      </c>
      <c r="B55266" s="14" t="s">
        <v>1</v>
      </c>
      <c r="C55266" s="14" t="s">
        <v>200</v>
      </c>
      <c r="D55266" s="14" t="s">
        <v>292</v>
      </c>
      <c r="E55266" s="15">
        <v>45527</v>
      </c>
      <c r="F55266" s="14" t="s">
        <v>61</v>
      </c>
      <c r="G55266" s="16">
        <v>0.99777323538257889</v>
      </c>
    </row>
    <row r="55267" spans="1:7" x14ac:dyDescent="0.3">
      <c r="A55267" s="13" t="s">
        <v>303</v>
      </c>
      <c r="B55267" s="14" t="s">
        <v>1</v>
      </c>
      <c r="C55267" s="14" t="s">
        <v>200</v>
      </c>
      <c r="D55267" s="14" t="s">
        <v>292</v>
      </c>
      <c r="E55267" s="15">
        <v>45528</v>
      </c>
      <c r="F55267" s="14" t="s">
        <v>61</v>
      </c>
      <c r="G55267" s="16">
        <v>0.99777323538257889</v>
      </c>
    </row>
    <row r="55268" spans="1:7" x14ac:dyDescent="0.3">
      <c r="A55268" s="13" t="s">
        <v>303</v>
      </c>
      <c r="B55268" s="14" t="s">
        <v>1</v>
      </c>
      <c r="C55268" s="14" t="s">
        <v>200</v>
      </c>
      <c r="D55268" s="14" t="s">
        <v>292</v>
      </c>
      <c r="E55268" s="15">
        <v>45529</v>
      </c>
      <c r="F55268" s="14" t="s">
        <v>61</v>
      </c>
      <c r="G55268" s="16">
        <v>0.99777323538257889</v>
      </c>
    </row>
    <row r="55269" spans="1:7" x14ac:dyDescent="0.3">
      <c r="A55269" s="13" t="s">
        <v>303</v>
      </c>
      <c r="B55269" s="14" t="s">
        <v>1</v>
      </c>
      <c r="C55269" s="14" t="s">
        <v>200</v>
      </c>
      <c r="D55269" s="14" t="s">
        <v>292</v>
      </c>
      <c r="E55269" s="15">
        <v>45530</v>
      </c>
      <c r="F55269" s="14" t="s">
        <v>61</v>
      </c>
      <c r="G55269" s="16">
        <v>1.0150144435736346</v>
      </c>
    </row>
    <row r="55270" spans="1:7" x14ac:dyDescent="0.3">
      <c r="A55270" s="13" t="s">
        <v>303</v>
      </c>
      <c r="B55270" s="14" t="s">
        <v>1</v>
      </c>
      <c r="C55270" s="14" t="s">
        <v>200</v>
      </c>
      <c r="D55270" s="14" t="s">
        <v>292</v>
      </c>
      <c r="E55270" s="15">
        <v>45531</v>
      </c>
      <c r="F55270" s="14" t="s">
        <v>61</v>
      </c>
      <c r="G55270" s="16">
        <v>1.0312893436280408</v>
      </c>
    </row>
    <row r="55271" spans="1:7" x14ac:dyDescent="0.3">
      <c r="A55271" s="13" t="s">
        <v>303</v>
      </c>
      <c r="B55271" s="14" t="s">
        <v>1</v>
      </c>
      <c r="C55271" s="14" t="s">
        <v>200</v>
      </c>
      <c r="D55271" s="14" t="s">
        <v>292</v>
      </c>
      <c r="E55271" s="15">
        <v>45532</v>
      </c>
      <c r="F55271" s="14" t="s">
        <v>61</v>
      </c>
      <c r="G55271" s="16">
        <v>1.042759937327556</v>
      </c>
    </row>
    <row r="55272" spans="1:7" x14ac:dyDescent="0.3">
      <c r="A55272" s="13" t="s">
        <v>303</v>
      </c>
      <c r="B55272" s="14" t="s">
        <v>1</v>
      </c>
      <c r="C55272" s="14" t="s">
        <v>200</v>
      </c>
      <c r="D55272" s="14" t="s">
        <v>292</v>
      </c>
      <c r="E55272" s="15">
        <v>45533</v>
      </c>
      <c r="F55272" s="14" t="s">
        <v>61</v>
      </c>
      <c r="G55272" s="16">
        <v>1.0521904894668632</v>
      </c>
    </row>
    <row r="55273" spans="1:7" x14ac:dyDescent="0.3">
      <c r="A55273" s="13" t="s">
        <v>303</v>
      </c>
      <c r="B55273" s="14" t="s">
        <v>1</v>
      </c>
      <c r="C55273" s="14" t="s">
        <v>200</v>
      </c>
      <c r="D55273" s="14" t="s">
        <v>292</v>
      </c>
      <c r="E55273" s="15">
        <v>45534</v>
      </c>
      <c r="F55273" s="14" t="s">
        <v>61</v>
      </c>
      <c r="G55273" s="16">
        <v>1.0648079106704711</v>
      </c>
    </row>
    <row r="55274" spans="1:7" x14ac:dyDescent="0.3">
      <c r="A55274" s="13" t="s">
        <v>303</v>
      </c>
      <c r="B55274" s="14" t="s">
        <v>1</v>
      </c>
      <c r="C55274" s="14" t="s">
        <v>200</v>
      </c>
      <c r="D55274" s="14" t="s">
        <v>292</v>
      </c>
      <c r="E55274" s="15">
        <v>45535</v>
      </c>
      <c r="F55274" s="14" t="s">
        <v>61</v>
      </c>
      <c r="G55274" s="16">
        <v>1.0648079106704711</v>
      </c>
    </row>
    <row r="55275" spans="1:7" x14ac:dyDescent="0.3">
      <c r="A55275" s="13" t="s">
        <v>303</v>
      </c>
      <c r="B55275" s="14" t="s">
        <v>1</v>
      </c>
      <c r="C55275" s="14" t="s">
        <v>200</v>
      </c>
      <c r="D55275" s="14" t="s">
        <v>292</v>
      </c>
      <c r="E55275" s="15">
        <v>45536</v>
      </c>
      <c r="F55275" s="14" t="s">
        <v>61</v>
      </c>
      <c r="G55275" s="16">
        <v>1.0648079106704711</v>
      </c>
    </row>
    <row r="55276" spans="1:7" x14ac:dyDescent="0.3">
      <c r="A55276" s="13" t="s">
        <v>303</v>
      </c>
      <c r="B55276" s="14" t="s">
        <v>1</v>
      </c>
      <c r="C55276" s="14" t="s">
        <v>200</v>
      </c>
      <c r="D55276" s="14" t="s">
        <v>292</v>
      </c>
      <c r="E55276" s="15">
        <v>45537</v>
      </c>
      <c r="F55276" s="14" t="s">
        <v>61</v>
      </c>
      <c r="G55276" s="16">
        <v>1.0648079106704711</v>
      </c>
    </row>
    <row r="55277" spans="1:7" x14ac:dyDescent="0.3">
      <c r="A55277" s="13" t="s">
        <v>303</v>
      </c>
      <c r="B55277" s="14" t="s">
        <v>1</v>
      </c>
      <c r="C55277" s="14" t="s">
        <v>200</v>
      </c>
      <c r="D55277" s="14" t="s">
        <v>292</v>
      </c>
      <c r="E55277" s="15">
        <v>45538</v>
      </c>
      <c r="F55277" s="14" t="s">
        <v>61</v>
      </c>
      <c r="G55277" s="16">
        <v>1.0712742003851274</v>
      </c>
    </row>
    <row r="55278" spans="1:7" x14ac:dyDescent="0.3">
      <c r="A55278" s="13" t="s">
        <v>303</v>
      </c>
      <c r="B55278" s="14" t="s">
        <v>1</v>
      </c>
      <c r="C55278" s="14" t="s">
        <v>200</v>
      </c>
      <c r="D55278" s="14" t="s">
        <v>292</v>
      </c>
      <c r="E55278" s="15">
        <v>45539</v>
      </c>
      <c r="F55278" s="14" t="s">
        <v>61</v>
      </c>
      <c r="G55278" s="16">
        <v>1.0884788269166199</v>
      </c>
    </row>
    <row r="55279" spans="1:7" x14ac:dyDescent="0.3">
      <c r="A55279" s="13" t="s">
        <v>303</v>
      </c>
      <c r="B55279" s="14" t="s">
        <v>1</v>
      </c>
      <c r="C55279" s="14" t="s">
        <v>200</v>
      </c>
      <c r="D55279" s="14" t="s">
        <v>292</v>
      </c>
      <c r="E55279" s="15">
        <v>45540</v>
      </c>
      <c r="F55279" s="14" t="s">
        <v>61</v>
      </c>
      <c r="G55279" s="16">
        <v>1.0917318772713993</v>
      </c>
    </row>
    <row r="55280" spans="1:7" x14ac:dyDescent="0.3">
      <c r="A55280" s="13" t="s">
        <v>303</v>
      </c>
      <c r="B55280" s="14" t="s">
        <v>1</v>
      </c>
      <c r="C55280" s="14" t="s">
        <v>200</v>
      </c>
      <c r="D55280" s="14" t="s">
        <v>292</v>
      </c>
      <c r="E55280" s="15">
        <v>45541</v>
      </c>
      <c r="F55280" s="14" t="s">
        <v>61</v>
      </c>
      <c r="G55280" s="16">
        <v>1.1007418239081077</v>
      </c>
    </row>
    <row r="55281" spans="1:7" x14ac:dyDescent="0.3">
      <c r="A55281" s="13" t="s">
        <v>303</v>
      </c>
      <c r="B55281" s="14" t="s">
        <v>1</v>
      </c>
      <c r="C55281" s="14" t="s">
        <v>200</v>
      </c>
      <c r="D55281" s="14" t="s">
        <v>292</v>
      </c>
      <c r="E55281" s="15">
        <v>45542</v>
      </c>
      <c r="F55281" s="14" t="s">
        <v>61</v>
      </c>
      <c r="G55281" s="16">
        <v>1.1007418239081077</v>
      </c>
    </row>
    <row r="55282" spans="1:7" x14ac:dyDescent="0.3">
      <c r="A55282" s="13" t="s">
        <v>303</v>
      </c>
      <c r="B55282" s="14" t="s">
        <v>1</v>
      </c>
      <c r="C55282" s="14" t="s">
        <v>200</v>
      </c>
      <c r="D55282" s="14" t="s">
        <v>292</v>
      </c>
      <c r="E55282" s="15">
        <v>45543</v>
      </c>
      <c r="F55282" s="14" t="s">
        <v>61</v>
      </c>
      <c r="G55282" s="16">
        <v>1.1007418239081077</v>
      </c>
    </row>
    <row r="55283" spans="1:7" x14ac:dyDescent="0.3">
      <c r="A55283" s="13" t="s">
        <v>303</v>
      </c>
      <c r="B55283" s="14" t="s">
        <v>1</v>
      </c>
      <c r="C55283" s="14" t="s">
        <v>200</v>
      </c>
      <c r="D55283" s="14" t="s">
        <v>292</v>
      </c>
      <c r="E55283" s="15">
        <v>45544</v>
      </c>
      <c r="F55283" s="14" t="s">
        <v>61</v>
      </c>
      <c r="G55283" s="16">
        <v>1.1144551660242841</v>
      </c>
    </row>
    <row r="55284" spans="1:7" x14ac:dyDescent="0.3">
      <c r="A55284" s="13" t="s">
        <v>303</v>
      </c>
      <c r="B55284" s="14" t="s">
        <v>1</v>
      </c>
      <c r="C55284" s="14" t="s">
        <v>200</v>
      </c>
      <c r="D55284" s="14" t="s">
        <v>292</v>
      </c>
      <c r="E55284" s="15">
        <v>45545</v>
      </c>
      <c r="F55284" s="14" t="s">
        <v>61</v>
      </c>
      <c r="G55284" s="16">
        <v>1.1329794036625438</v>
      </c>
    </row>
    <row r="55285" spans="1:7" x14ac:dyDescent="0.3">
      <c r="A55285" s="13" t="s">
        <v>303</v>
      </c>
      <c r="B55285" s="14" t="s">
        <v>1</v>
      </c>
      <c r="C55285" s="14" t="s">
        <v>200</v>
      </c>
      <c r="D55285" s="14" t="s">
        <v>292</v>
      </c>
      <c r="E55285" s="15">
        <v>45546</v>
      </c>
      <c r="F55285" s="14" t="s">
        <v>61</v>
      </c>
      <c r="G55285" s="16">
        <v>1.1412976435837137</v>
      </c>
    </row>
    <row r="55286" spans="1:7" x14ac:dyDescent="0.3">
      <c r="A55286" s="13" t="s">
        <v>303</v>
      </c>
      <c r="B55286" s="14" t="s">
        <v>1</v>
      </c>
      <c r="C55286" s="14" t="s">
        <v>200</v>
      </c>
      <c r="D55286" s="14" t="s">
        <v>292</v>
      </c>
      <c r="E55286" s="15">
        <v>45547</v>
      </c>
      <c r="F55286" s="14" t="s">
        <v>61</v>
      </c>
      <c r="G55286" s="16">
        <v>1.140933014885066</v>
      </c>
    </row>
    <row r="55287" spans="1:7" x14ac:dyDescent="0.3">
      <c r="A55287" s="13" t="s">
        <v>303</v>
      </c>
      <c r="B55287" s="14" t="s">
        <v>1</v>
      </c>
      <c r="C55287" s="14" t="s">
        <v>200</v>
      </c>
      <c r="D55287" s="14" t="s">
        <v>292</v>
      </c>
      <c r="E55287" s="15">
        <v>45548</v>
      </c>
      <c r="F55287" s="14" t="s">
        <v>61</v>
      </c>
      <c r="G55287" s="16">
        <v>1.146342115295971</v>
      </c>
    </row>
    <row r="55288" spans="1:7" x14ac:dyDescent="0.3">
      <c r="A55288" s="13" t="s">
        <v>303</v>
      </c>
      <c r="B55288" s="14" t="s">
        <v>1</v>
      </c>
      <c r="C55288" s="14" t="s">
        <v>200</v>
      </c>
      <c r="D55288" s="14" t="s">
        <v>292</v>
      </c>
      <c r="E55288" s="15">
        <v>45549</v>
      </c>
      <c r="F55288" s="14" t="s">
        <v>61</v>
      </c>
      <c r="G55288" s="16">
        <v>1.146342115295971</v>
      </c>
    </row>
    <row r="55289" spans="1:7" x14ac:dyDescent="0.3">
      <c r="A55289" s="13" t="s">
        <v>303</v>
      </c>
      <c r="B55289" s="14" t="s">
        <v>1</v>
      </c>
      <c r="C55289" s="14" t="s">
        <v>200</v>
      </c>
      <c r="D55289" s="14" t="s">
        <v>292</v>
      </c>
      <c r="E55289" s="15">
        <v>45550</v>
      </c>
      <c r="F55289" s="14" t="s">
        <v>61</v>
      </c>
      <c r="G55289" s="16">
        <v>1.146342115295971</v>
      </c>
    </row>
    <row r="55290" spans="1:7" x14ac:dyDescent="0.3">
      <c r="A55290" s="13" t="s">
        <v>303</v>
      </c>
      <c r="B55290" s="14" t="s">
        <v>1</v>
      </c>
      <c r="C55290" s="14" t="s">
        <v>200</v>
      </c>
      <c r="D55290" s="14" t="s">
        <v>292</v>
      </c>
      <c r="E55290" s="15">
        <v>45551</v>
      </c>
      <c r="F55290" s="14" t="s">
        <v>61</v>
      </c>
      <c r="G55290" s="16">
        <v>1.1463739929801069</v>
      </c>
    </row>
    <row r="55291" spans="1:7" x14ac:dyDescent="0.3">
      <c r="A55291" s="13" t="s">
        <v>303</v>
      </c>
      <c r="B55291" s="14" t="s">
        <v>1</v>
      </c>
      <c r="C55291" s="14" t="s">
        <v>200</v>
      </c>
      <c r="D55291" s="14" t="s">
        <v>292</v>
      </c>
      <c r="E55291" s="15">
        <v>45552</v>
      </c>
      <c r="F55291" s="14" t="s">
        <v>61</v>
      </c>
      <c r="G55291" s="16">
        <v>1.1642541720290527</v>
      </c>
    </row>
    <row r="55292" spans="1:7" x14ac:dyDescent="0.3">
      <c r="A55292" s="13" t="s">
        <v>303</v>
      </c>
      <c r="B55292" s="14" t="s">
        <v>1</v>
      </c>
      <c r="C55292" s="14" t="s">
        <v>200</v>
      </c>
      <c r="D55292" s="14" t="s">
        <v>292</v>
      </c>
      <c r="E55292" s="15">
        <v>45553</v>
      </c>
      <c r="F55292" s="14" t="s">
        <v>61</v>
      </c>
      <c r="G55292" s="16">
        <v>1.1699556760983667</v>
      </c>
    </row>
    <row r="55293" spans="1:7" x14ac:dyDescent="0.3">
      <c r="A55293" s="13" t="s">
        <v>303</v>
      </c>
      <c r="B55293" s="14" t="s">
        <v>1</v>
      </c>
      <c r="C55293" s="14" t="s">
        <v>200</v>
      </c>
      <c r="D55293" s="14" t="s">
        <v>292</v>
      </c>
      <c r="E55293" s="15">
        <v>45554</v>
      </c>
      <c r="F55293" s="14" t="s">
        <v>61</v>
      </c>
      <c r="G55293" s="16">
        <v>1.1715286458381959</v>
      </c>
    </row>
    <row r="55294" spans="1:7" x14ac:dyDescent="0.3">
      <c r="A55294" s="13" t="s">
        <v>303</v>
      </c>
      <c r="B55294" s="14" t="s">
        <v>1</v>
      </c>
      <c r="C55294" s="14" t="s">
        <v>200</v>
      </c>
      <c r="D55294" s="14" t="s">
        <v>292</v>
      </c>
      <c r="E55294" s="15">
        <v>45555</v>
      </c>
      <c r="F55294" s="14" t="s">
        <v>61</v>
      </c>
      <c r="G55294" s="16">
        <v>1.1790241265647301</v>
      </c>
    </row>
    <row r="55295" spans="1:7" x14ac:dyDescent="0.3">
      <c r="A55295" s="13" t="s">
        <v>303</v>
      </c>
      <c r="B55295" s="14" t="s">
        <v>1</v>
      </c>
      <c r="C55295" s="14" t="s">
        <v>200</v>
      </c>
      <c r="D55295" s="14" t="s">
        <v>292</v>
      </c>
      <c r="E55295" s="15">
        <v>45556</v>
      </c>
      <c r="F55295" s="14" t="s">
        <v>61</v>
      </c>
      <c r="G55295" s="16">
        <v>1.1790241265647301</v>
      </c>
    </row>
    <row r="55296" spans="1:7" x14ac:dyDescent="0.3">
      <c r="A55296" s="13" t="s">
        <v>303</v>
      </c>
      <c r="B55296" s="14" t="s">
        <v>1</v>
      </c>
      <c r="C55296" s="14" t="s">
        <v>200</v>
      </c>
      <c r="D55296" s="14" t="s">
        <v>292</v>
      </c>
      <c r="E55296" s="15">
        <v>45557</v>
      </c>
      <c r="F55296" s="14" t="s">
        <v>61</v>
      </c>
      <c r="G55296" s="16">
        <v>1.1790241265647301</v>
      </c>
    </row>
    <row r="55297" spans="1:7" x14ac:dyDescent="0.3">
      <c r="A55297" s="13" t="s">
        <v>303</v>
      </c>
      <c r="B55297" s="14" t="s">
        <v>1</v>
      </c>
      <c r="C55297" s="14" t="s">
        <v>200</v>
      </c>
      <c r="D55297" s="14" t="s">
        <v>292</v>
      </c>
      <c r="E55297" s="15">
        <v>45558</v>
      </c>
      <c r="F55297" s="14" t="s">
        <v>61</v>
      </c>
      <c r="G55297" s="16">
        <v>1.1908774867238774</v>
      </c>
    </row>
    <row r="55298" spans="1:7" x14ac:dyDescent="0.3">
      <c r="A55298" s="13" t="s">
        <v>303</v>
      </c>
      <c r="B55298" s="14" t="s">
        <v>1</v>
      </c>
      <c r="C55298" s="14" t="s">
        <v>200</v>
      </c>
      <c r="D55298" s="14" t="s">
        <v>292</v>
      </c>
      <c r="E55298" s="15">
        <v>45559</v>
      </c>
      <c r="F55298" s="14" t="s">
        <v>61</v>
      </c>
      <c r="G55298" s="16">
        <v>1.2025247103225061</v>
      </c>
    </row>
    <row r="55299" spans="1:7" x14ac:dyDescent="0.3">
      <c r="A55299" s="13" t="s">
        <v>303</v>
      </c>
      <c r="B55299" s="14" t="s">
        <v>1</v>
      </c>
      <c r="C55299" s="14" t="s">
        <v>200</v>
      </c>
      <c r="D55299" s="14" t="s">
        <v>292</v>
      </c>
      <c r="E55299" s="15">
        <v>45560</v>
      </c>
      <c r="F55299" s="14" t="s">
        <v>61</v>
      </c>
      <c r="G55299" s="16">
        <v>1.21352771645525</v>
      </c>
    </row>
    <row r="55300" spans="1:7" x14ac:dyDescent="0.3">
      <c r="A55300" s="13" t="s">
        <v>303</v>
      </c>
      <c r="B55300" s="14" t="s">
        <v>1</v>
      </c>
      <c r="C55300" s="14" t="s">
        <v>200</v>
      </c>
      <c r="D55300" s="14" t="s">
        <v>292</v>
      </c>
      <c r="E55300" s="15">
        <v>45561</v>
      </c>
      <c r="F55300" s="14" t="s">
        <v>61</v>
      </c>
      <c r="G55300" s="16">
        <v>1.2151746948126088</v>
      </c>
    </row>
    <row r="55301" spans="1:7" x14ac:dyDescent="0.3">
      <c r="A55301" s="13" t="s">
        <v>303</v>
      </c>
      <c r="B55301" s="14" t="s">
        <v>1</v>
      </c>
      <c r="C55301" s="14" t="s">
        <v>200</v>
      </c>
      <c r="D55301" s="14" t="s">
        <v>292</v>
      </c>
      <c r="E55301" s="15">
        <v>45562</v>
      </c>
      <c r="F55301" s="14" t="s">
        <v>61</v>
      </c>
      <c r="G55301" s="16">
        <v>1.2227602061462113</v>
      </c>
    </row>
    <row r="55302" spans="1:7" x14ac:dyDescent="0.3">
      <c r="A55302" s="13" t="s">
        <v>303</v>
      </c>
      <c r="B55302" s="14" t="s">
        <v>1</v>
      </c>
      <c r="C55302" s="14" t="s">
        <v>200</v>
      </c>
      <c r="D55302" s="14" t="s">
        <v>292</v>
      </c>
      <c r="E55302" s="15">
        <v>45563</v>
      </c>
      <c r="F55302" s="14" t="s">
        <v>61</v>
      </c>
      <c r="G55302" s="16">
        <v>1.2227602061462113</v>
      </c>
    </row>
    <row r="55303" spans="1:7" x14ac:dyDescent="0.3">
      <c r="A55303" s="13" t="s">
        <v>303</v>
      </c>
      <c r="B55303" s="14" t="s">
        <v>1</v>
      </c>
      <c r="C55303" s="14" t="s">
        <v>200</v>
      </c>
      <c r="D55303" s="14" t="s">
        <v>292</v>
      </c>
      <c r="E55303" s="15">
        <v>45564</v>
      </c>
      <c r="F55303" s="14" t="s">
        <v>61</v>
      </c>
      <c r="G55303" s="16">
        <v>1.2227602061462113</v>
      </c>
    </row>
    <row r="55304" spans="1:7" x14ac:dyDescent="0.3">
      <c r="A55304" s="13" t="s">
        <v>303</v>
      </c>
      <c r="B55304" s="14" t="s">
        <v>1</v>
      </c>
      <c r="C55304" s="14" t="s">
        <v>200</v>
      </c>
      <c r="D55304" s="14" t="s">
        <v>292</v>
      </c>
      <c r="E55304" s="15">
        <v>45565</v>
      </c>
      <c r="F55304" s="14" t="s">
        <v>61</v>
      </c>
      <c r="G55304" s="16">
        <v>1.2330790563167306</v>
      </c>
    </row>
    <row r="55305" spans="1:7" x14ac:dyDescent="0.3">
      <c r="A55305" s="13" t="s">
        <v>303</v>
      </c>
      <c r="B55305" s="14" t="s">
        <v>1</v>
      </c>
      <c r="C55305" s="14" t="s">
        <v>200</v>
      </c>
      <c r="D55305" s="14" t="s">
        <v>292</v>
      </c>
      <c r="E55305" s="15">
        <v>45566</v>
      </c>
      <c r="F55305" s="14" t="s">
        <v>61</v>
      </c>
      <c r="G55305" s="16">
        <v>1.2500624595297609</v>
      </c>
    </row>
    <row r="55306" spans="1:7" x14ac:dyDescent="0.3">
      <c r="A55306" s="13" t="s">
        <v>303</v>
      </c>
      <c r="B55306" s="14" t="s">
        <v>1</v>
      </c>
      <c r="C55306" s="14" t="s">
        <v>200</v>
      </c>
      <c r="D55306" s="14" t="s">
        <v>292</v>
      </c>
      <c r="E55306" s="15">
        <v>45567</v>
      </c>
      <c r="F55306" s="14" t="s">
        <v>61</v>
      </c>
      <c r="G55306" s="16">
        <v>1.2618852120058208</v>
      </c>
    </row>
    <row r="55307" spans="1:7" x14ac:dyDescent="0.3">
      <c r="A55307" s="13" t="s">
        <v>303</v>
      </c>
      <c r="B55307" s="14" t="s">
        <v>1</v>
      </c>
      <c r="C55307" s="14" t="s">
        <v>200</v>
      </c>
      <c r="D55307" s="14" t="s">
        <v>292</v>
      </c>
      <c r="E55307" s="15">
        <v>45568</v>
      </c>
      <c r="F55307" s="14" t="s">
        <v>61</v>
      </c>
      <c r="G55307" s="16">
        <v>1.2695534239354702</v>
      </c>
    </row>
    <row r="55308" spans="1:7" x14ac:dyDescent="0.3">
      <c r="A55308" s="13" t="s">
        <v>303</v>
      </c>
      <c r="B55308" s="14" t="s">
        <v>1</v>
      </c>
      <c r="C55308" s="14" t="s">
        <v>200</v>
      </c>
      <c r="D55308" s="14" t="s">
        <v>292</v>
      </c>
      <c r="E55308" s="15">
        <v>45569</v>
      </c>
      <c r="F55308" s="14" t="s">
        <v>61</v>
      </c>
      <c r="G55308" s="16">
        <v>1.2817859303484087</v>
      </c>
    </row>
    <row r="55309" spans="1:7" x14ac:dyDescent="0.3">
      <c r="A55309" s="13" t="s">
        <v>303</v>
      </c>
      <c r="B55309" s="14" t="s">
        <v>1</v>
      </c>
      <c r="C55309" s="14" t="s">
        <v>200</v>
      </c>
      <c r="D55309" s="14" t="s">
        <v>292</v>
      </c>
      <c r="E55309" s="15">
        <v>45570</v>
      </c>
      <c r="F55309" s="14" t="s">
        <v>61</v>
      </c>
      <c r="G55309" s="16">
        <v>1.2817859303484087</v>
      </c>
    </row>
    <row r="55310" spans="1:7" x14ac:dyDescent="0.3">
      <c r="A55310" s="13" t="s">
        <v>303</v>
      </c>
      <c r="B55310" s="14" t="s">
        <v>1</v>
      </c>
      <c r="C55310" s="14" t="s">
        <v>200</v>
      </c>
      <c r="D55310" s="14" t="s">
        <v>292</v>
      </c>
      <c r="E55310" s="15">
        <v>45571</v>
      </c>
      <c r="F55310" s="14" t="s">
        <v>61</v>
      </c>
      <c r="G55310" s="16">
        <v>1.2817859303484087</v>
      </c>
    </row>
    <row r="55311" spans="1:7" x14ac:dyDescent="0.3">
      <c r="A55311" s="13" t="s">
        <v>303</v>
      </c>
      <c r="B55311" s="14" t="s">
        <v>1</v>
      </c>
      <c r="C55311" s="14" t="s">
        <v>200</v>
      </c>
      <c r="D55311" s="14" t="s">
        <v>292</v>
      </c>
      <c r="E55311" s="15">
        <v>45572</v>
      </c>
      <c r="F55311" s="14" t="s">
        <v>61</v>
      </c>
      <c r="G55311" s="16">
        <v>1.2941274033032895</v>
      </c>
    </row>
    <row r="55312" spans="1:7" x14ac:dyDescent="0.3">
      <c r="A55312" s="13" t="s">
        <v>303</v>
      </c>
      <c r="B55312" s="14" t="s">
        <v>1</v>
      </c>
      <c r="C55312" s="14" t="s">
        <v>200</v>
      </c>
      <c r="D55312" s="14" t="s">
        <v>292</v>
      </c>
      <c r="E55312" s="15">
        <v>45573</v>
      </c>
      <c r="F55312" s="14" t="s">
        <v>61</v>
      </c>
      <c r="G55312" s="16">
        <v>1.3111623912746766</v>
      </c>
    </row>
    <row r="55313" spans="1:7" x14ac:dyDescent="0.3">
      <c r="A55313" s="13" t="s">
        <v>303</v>
      </c>
      <c r="B55313" s="14" t="s">
        <v>1</v>
      </c>
      <c r="C55313" s="14" t="s">
        <v>200</v>
      </c>
      <c r="D55313" s="14" t="s">
        <v>292</v>
      </c>
      <c r="E55313" s="15">
        <v>45574</v>
      </c>
      <c r="F55313" s="14" t="s">
        <v>61</v>
      </c>
      <c r="G55313" s="16">
        <v>1.3222839874719645</v>
      </c>
    </row>
    <row r="55314" spans="1:7" x14ac:dyDescent="0.3">
      <c r="A55314" s="13" t="s">
        <v>303</v>
      </c>
      <c r="B55314" s="14" t="s">
        <v>1</v>
      </c>
      <c r="C55314" s="14" t="s">
        <v>200</v>
      </c>
      <c r="D55314" s="14" t="s">
        <v>292</v>
      </c>
      <c r="E55314" s="15">
        <v>45575</v>
      </c>
      <c r="F55314" s="14" t="s">
        <v>61</v>
      </c>
      <c r="G55314" s="16">
        <v>1.3276343347744402</v>
      </c>
    </row>
    <row r="55315" spans="1:7" x14ac:dyDescent="0.3">
      <c r="A55315" s="13" t="s">
        <v>303</v>
      </c>
      <c r="B55315" s="14" t="s">
        <v>1</v>
      </c>
      <c r="C55315" s="14" t="s">
        <v>200</v>
      </c>
      <c r="D55315" s="14" t="s">
        <v>292</v>
      </c>
      <c r="E55315" s="15">
        <v>45576</v>
      </c>
      <c r="F55315" s="14" t="s">
        <v>61</v>
      </c>
      <c r="G55315" s="16">
        <v>1.3329082791968478</v>
      </c>
    </row>
    <row r="55316" spans="1:7" x14ac:dyDescent="0.3">
      <c r="A55316" s="13" t="s">
        <v>303</v>
      </c>
      <c r="B55316" s="14" t="s">
        <v>1</v>
      </c>
      <c r="C55316" s="14" t="s">
        <v>200</v>
      </c>
      <c r="D55316" s="14" t="s">
        <v>292</v>
      </c>
      <c r="E55316" s="15">
        <v>45577</v>
      </c>
      <c r="F55316" s="14" t="s">
        <v>61</v>
      </c>
      <c r="G55316" s="16">
        <v>1.3329082791968478</v>
      </c>
    </row>
    <row r="55317" spans="1:7" x14ac:dyDescent="0.3">
      <c r="A55317" s="13" t="s">
        <v>303</v>
      </c>
      <c r="B55317" s="14" t="s">
        <v>1</v>
      </c>
      <c r="C55317" s="14" t="s">
        <v>200</v>
      </c>
      <c r="D55317" s="14" t="s">
        <v>292</v>
      </c>
      <c r="E55317" s="15">
        <v>45578</v>
      </c>
      <c r="F55317" s="14" t="s">
        <v>61</v>
      </c>
      <c r="G55317" s="16">
        <v>1.3329082791968478</v>
      </c>
    </row>
    <row r="55318" spans="1:7" x14ac:dyDescent="0.3">
      <c r="A55318" s="13" t="s">
        <v>303</v>
      </c>
      <c r="B55318" s="14" t="s">
        <v>1</v>
      </c>
      <c r="C55318" s="14" t="s">
        <v>200</v>
      </c>
      <c r="D55318" s="14" t="s">
        <v>292</v>
      </c>
      <c r="E55318" s="15">
        <v>45579</v>
      </c>
      <c r="F55318" s="14" t="s">
        <v>61</v>
      </c>
      <c r="G55318" s="16">
        <v>1.3329082791968478</v>
      </c>
    </row>
    <row r="55319" spans="1:7" x14ac:dyDescent="0.3">
      <c r="A55319" s="13" t="s">
        <v>303</v>
      </c>
      <c r="B55319" s="14" t="s">
        <v>1</v>
      </c>
      <c r="C55319" s="14" t="s">
        <v>200</v>
      </c>
      <c r="D55319" s="14" t="s">
        <v>292</v>
      </c>
      <c r="E55319" s="15">
        <v>45580</v>
      </c>
      <c r="F55319" s="14" t="s">
        <v>61</v>
      </c>
      <c r="G55319" s="16">
        <v>1.3444074967806352</v>
      </c>
    </row>
    <row r="55320" spans="1:7" x14ac:dyDescent="0.3">
      <c r="A55320" s="13" t="s">
        <v>303</v>
      </c>
      <c r="B55320" s="14" t="s">
        <v>1</v>
      </c>
      <c r="C55320" s="14" t="s">
        <v>200</v>
      </c>
      <c r="D55320" s="14" t="s">
        <v>292</v>
      </c>
      <c r="E55320" s="15">
        <v>45581</v>
      </c>
      <c r="F55320" s="14" t="s">
        <v>61</v>
      </c>
      <c r="G55320" s="16">
        <v>1.3719341758418739</v>
      </c>
    </row>
    <row r="55321" spans="1:7" x14ac:dyDescent="0.3">
      <c r="A55321" s="13" t="s">
        <v>303</v>
      </c>
      <c r="B55321" s="14" t="s">
        <v>1</v>
      </c>
      <c r="C55321" s="14" t="s">
        <v>200</v>
      </c>
      <c r="D55321" s="14" t="s">
        <v>292</v>
      </c>
      <c r="E55321" s="15">
        <v>45582</v>
      </c>
      <c r="F55321" s="14" t="s">
        <v>61</v>
      </c>
      <c r="G55321" s="16">
        <v>1.3841455913560325</v>
      </c>
    </row>
    <row r="55322" spans="1:7" x14ac:dyDescent="0.3">
      <c r="A55322" s="13" t="s">
        <v>303</v>
      </c>
      <c r="B55322" s="14" t="s">
        <v>1</v>
      </c>
      <c r="C55322" s="14" t="s">
        <v>200</v>
      </c>
      <c r="D55322" s="14" t="s">
        <v>292</v>
      </c>
      <c r="E55322" s="15">
        <v>45583</v>
      </c>
      <c r="F55322" s="14" t="s">
        <v>61</v>
      </c>
      <c r="G55322" s="16">
        <v>1.3931897863839691</v>
      </c>
    </row>
    <row r="55323" spans="1:7" x14ac:dyDescent="0.3">
      <c r="A55323" s="13" t="s">
        <v>303</v>
      </c>
      <c r="B55323" s="14" t="s">
        <v>1</v>
      </c>
      <c r="C55323" s="14" t="s">
        <v>200</v>
      </c>
      <c r="D55323" s="14" t="s">
        <v>292</v>
      </c>
      <c r="E55323" s="15">
        <v>45584</v>
      </c>
      <c r="F55323" s="14" t="s">
        <v>61</v>
      </c>
      <c r="G55323" s="16">
        <v>1.3931897863839691</v>
      </c>
    </row>
    <row r="55324" spans="1:7" x14ac:dyDescent="0.3">
      <c r="A55324" s="13" t="s">
        <v>303</v>
      </c>
      <c r="B55324" s="14" t="s">
        <v>1</v>
      </c>
      <c r="C55324" s="14" t="s">
        <v>200</v>
      </c>
      <c r="D55324" s="14" t="s">
        <v>292</v>
      </c>
      <c r="E55324" s="15">
        <v>45585</v>
      </c>
      <c r="F55324" s="14" t="s">
        <v>61</v>
      </c>
      <c r="G55324" s="16">
        <v>1.3931897863839691</v>
      </c>
    </row>
    <row r="55325" spans="1:7" x14ac:dyDescent="0.3">
      <c r="A55325" s="13" t="s">
        <v>303</v>
      </c>
      <c r="B55325" s="14" t="s">
        <v>1</v>
      </c>
      <c r="C55325" s="14" t="s">
        <v>200</v>
      </c>
      <c r="D55325" s="14" t="s">
        <v>292</v>
      </c>
      <c r="E55325" s="15">
        <v>45586</v>
      </c>
      <c r="F55325" s="14" t="s">
        <v>61</v>
      </c>
      <c r="G55325" s="16">
        <v>1.4112182427805615</v>
      </c>
    </row>
    <row r="55326" spans="1:7" x14ac:dyDescent="0.3">
      <c r="A55326" s="13" t="s">
        <v>303</v>
      </c>
      <c r="B55326" s="14" t="s">
        <v>1</v>
      </c>
      <c r="C55326" s="14" t="s">
        <v>200</v>
      </c>
      <c r="D55326" s="14" t="s">
        <v>292</v>
      </c>
      <c r="E55326" s="15">
        <v>45587</v>
      </c>
      <c r="F55326" s="14" t="s">
        <v>61</v>
      </c>
      <c r="G55326" s="16">
        <v>1.4320957642286585</v>
      </c>
    </row>
    <row r="55327" spans="1:7" x14ac:dyDescent="0.3">
      <c r="A55327" s="13" t="s">
        <v>303</v>
      </c>
      <c r="B55327" s="14" t="s">
        <v>1</v>
      </c>
      <c r="C55327" s="14" t="s">
        <v>200</v>
      </c>
      <c r="D55327" s="14" t="s">
        <v>292</v>
      </c>
      <c r="E55327" s="15">
        <v>45588</v>
      </c>
      <c r="F55327" s="14" t="s">
        <v>61</v>
      </c>
      <c r="G55327" s="16">
        <v>1.4409980158136073</v>
      </c>
    </row>
    <row r="55328" spans="1:7" x14ac:dyDescent="0.3">
      <c r="A55328" s="13" t="s">
        <v>303</v>
      </c>
      <c r="B55328" s="14" t="s">
        <v>1</v>
      </c>
      <c r="C55328" s="14" t="s">
        <v>200</v>
      </c>
      <c r="D55328" s="14" t="s">
        <v>292</v>
      </c>
      <c r="E55328" s="15">
        <v>45589</v>
      </c>
      <c r="F55328" s="14" t="s">
        <v>61</v>
      </c>
      <c r="G55328" s="16">
        <v>1.44145237986454</v>
      </c>
    </row>
    <row r="55329" spans="1:7" x14ac:dyDescent="0.3">
      <c r="A55329" s="13" t="s">
        <v>303</v>
      </c>
      <c r="B55329" s="14" t="s">
        <v>1</v>
      </c>
      <c r="C55329" s="14" t="s">
        <v>200</v>
      </c>
      <c r="D55329" s="14" t="s">
        <v>292</v>
      </c>
      <c r="E55329" s="15">
        <v>45590</v>
      </c>
      <c r="F55329" s="14" t="s">
        <v>61</v>
      </c>
      <c r="G55329" s="16">
        <v>1.4519622940867867</v>
      </c>
    </row>
    <row r="55330" spans="1:7" x14ac:dyDescent="0.3">
      <c r="A55330" s="13" t="s">
        <v>303</v>
      </c>
      <c r="B55330" s="14" t="s">
        <v>1</v>
      </c>
      <c r="C55330" s="14" t="s">
        <v>200</v>
      </c>
      <c r="D55330" s="14" t="s">
        <v>292</v>
      </c>
      <c r="E55330" s="15">
        <v>45591</v>
      </c>
      <c r="F55330" s="14" t="s">
        <v>61</v>
      </c>
      <c r="G55330" s="16">
        <v>1.4519622940867867</v>
      </c>
    </row>
    <row r="55331" spans="1:7" x14ac:dyDescent="0.3">
      <c r="A55331" s="13" t="s">
        <v>303</v>
      </c>
      <c r="B55331" s="14" t="s">
        <v>1</v>
      </c>
      <c r="C55331" s="14" t="s">
        <v>200</v>
      </c>
      <c r="D55331" s="14" t="s">
        <v>292</v>
      </c>
      <c r="E55331" s="15">
        <v>45592</v>
      </c>
      <c r="F55331" s="14" t="s">
        <v>61</v>
      </c>
      <c r="G55331" s="16">
        <v>1.4519622940867867</v>
      </c>
    </row>
    <row r="55332" spans="1:7" x14ac:dyDescent="0.3">
      <c r="A55332" s="13" t="s">
        <v>303</v>
      </c>
      <c r="B55332" s="14" t="s">
        <v>1</v>
      </c>
      <c r="C55332" s="14" t="s">
        <v>200</v>
      </c>
      <c r="D55332" s="14" t="s">
        <v>292</v>
      </c>
      <c r="E55332" s="15">
        <v>45593</v>
      </c>
      <c r="F55332" s="14" t="s">
        <v>61</v>
      </c>
      <c r="G55332" s="16">
        <v>1.4519622940867867</v>
      </c>
    </row>
    <row r="55333" spans="1:7" x14ac:dyDescent="0.3">
      <c r="A55333" s="13" t="s">
        <v>303</v>
      </c>
      <c r="B55333" s="14" t="s">
        <v>1</v>
      </c>
      <c r="C55333" s="14" t="s">
        <v>200</v>
      </c>
      <c r="D55333" s="14" t="s">
        <v>292</v>
      </c>
      <c r="E55333" s="15">
        <v>45594</v>
      </c>
      <c r="F55333" s="14" t="s">
        <v>61</v>
      </c>
      <c r="G55333" s="16">
        <v>1.4556885640869872</v>
      </c>
    </row>
    <row r="55334" spans="1:7" x14ac:dyDescent="0.3">
      <c r="A55334" s="13" t="s">
        <v>303</v>
      </c>
      <c r="B55334" s="14" t="s">
        <v>1</v>
      </c>
      <c r="C55334" s="14" t="s">
        <v>200</v>
      </c>
      <c r="D55334" s="14" t="s">
        <v>292</v>
      </c>
      <c r="E55334" s="15">
        <v>45595</v>
      </c>
      <c r="F55334" s="14" t="s">
        <v>61</v>
      </c>
      <c r="G55334" s="16">
        <v>1.4765462533532314</v>
      </c>
    </row>
    <row r="55335" spans="1:7" x14ac:dyDescent="0.3">
      <c r="A55335" s="13" t="s">
        <v>303</v>
      </c>
      <c r="B55335" s="14" t="s">
        <v>1</v>
      </c>
      <c r="C55335" s="14" t="s">
        <v>200</v>
      </c>
      <c r="D55335" s="14" t="s">
        <v>292</v>
      </c>
      <c r="E55335" s="15">
        <v>45596</v>
      </c>
      <c r="F55335" s="14" t="s">
        <v>61</v>
      </c>
      <c r="G55335" s="16">
        <v>1.4791159351726351</v>
      </c>
    </row>
    <row r="55336" spans="1:7" x14ac:dyDescent="0.3">
      <c r="A55336" s="13" t="s">
        <v>303</v>
      </c>
      <c r="B55336" s="14" t="s">
        <v>1</v>
      </c>
      <c r="C55336" s="14" t="s">
        <v>200</v>
      </c>
      <c r="D55336" s="14" t="s">
        <v>292</v>
      </c>
      <c r="E55336" s="15">
        <v>45597</v>
      </c>
      <c r="F55336" s="14" t="s">
        <v>61</v>
      </c>
      <c r="G55336" s="16">
        <v>1.4915873090377394</v>
      </c>
    </row>
    <row r="55337" spans="1:7" x14ac:dyDescent="0.3">
      <c r="A55337" s="13" t="s">
        <v>303</v>
      </c>
      <c r="B55337" s="14" t="s">
        <v>1</v>
      </c>
      <c r="C55337" s="14" t="s">
        <v>200</v>
      </c>
      <c r="D55337" s="14" t="s">
        <v>292</v>
      </c>
      <c r="E55337" s="15">
        <v>45598</v>
      </c>
      <c r="F55337" s="14" t="s">
        <v>61</v>
      </c>
      <c r="G55337" s="16">
        <v>1.4915873090377394</v>
      </c>
    </row>
    <row r="55338" spans="1:7" x14ac:dyDescent="0.3">
      <c r="A55338" s="13" t="s">
        <v>303</v>
      </c>
      <c r="B55338" s="14" t="s">
        <v>1</v>
      </c>
      <c r="C55338" s="14" t="s">
        <v>200</v>
      </c>
      <c r="D55338" s="14" t="s">
        <v>292</v>
      </c>
      <c r="E55338" s="15">
        <v>45599</v>
      </c>
      <c r="F55338" s="14" t="s">
        <v>61</v>
      </c>
      <c r="G55338" s="16">
        <v>1.4915873090377394</v>
      </c>
    </row>
    <row r="55339" spans="1:7" x14ac:dyDescent="0.3">
      <c r="A55339" s="13" t="s">
        <v>303</v>
      </c>
      <c r="B55339" s="14" t="s">
        <v>1</v>
      </c>
      <c r="C55339" s="14" t="s">
        <v>200</v>
      </c>
      <c r="D55339" s="14" t="s">
        <v>292</v>
      </c>
      <c r="E55339" s="15">
        <v>45600</v>
      </c>
      <c r="F55339" s="14" t="s">
        <v>61</v>
      </c>
      <c r="G55339" s="16">
        <v>1.4938975158411429</v>
      </c>
    </row>
    <row r="55340" spans="1:7" x14ac:dyDescent="0.3">
      <c r="A55340" s="13" t="s">
        <v>303</v>
      </c>
      <c r="B55340" s="14" t="s">
        <v>1</v>
      </c>
      <c r="C55340" s="14" t="s">
        <v>200</v>
      </c>
      <c r="D55340" s="14" t="s">
        <v>292</v>
      </c>
      <c r="E55340" s="15">
        <v>45601</v>
      </c>
      <c r="F55340" s="14" t="s">
        <v>61</v>
      </c>
      <c r="G55340" s="16">
        <v>1.5138210538401944</v>
      </c>
    </row>
    <row r="55341" spans="1:7" x14ac:dyDescent="0.3">
      <c r="A55341" s="13" t="s">
        <v>303</v>
      </c>
      <c r="B55341" s="14" t="s">
        <v>1</v>
      </c>
      <c r="C55341" s="14" t="s">
        <v>200</v>
      </c>
      <c r="D55341" s="14" t="s">
        <v>292</v>
      </c>
      <c r="E55341" s="15">
        <v>45602</v>
      </c>
      <c r="F55341" s="14" t="s">
        <v>61</v>
      </c>
      <c r="G55341" s="16">
        <v>1.5484423139069607</v>
      </c>
    </row>
    <row r="55342" spans="1:7" x14ac:dyDescent="0.3">
      <c r="A55342" s="13" t="s">
        <v>303</v>
      </c>
      <c r="B55342" s="14" t="s">
        <v>1</v>
      </c>
      <c r="C55342" s="14" t="s">
        <v>200</v>
      </c>
      <c r="D55342" s="14" t="s">
        <v>292</v>
      </c>
      <c r="E55342" s="15">
        <v>45603</v>
      </c>
      <c r="F55342" s="14" t="s">
        <v>61</v>
      </c>
      <c r="G55342" s="16">
        <v>1.5368481567594887</v>
      </c>
    </row>
    <row r="55343" spans="1:7" x14ac:dyDescent="0.3">
      <c r="A55343" s="13" t="s">
        <v>303</v>
      </c>
      <c r="B55343" s="14" t="s">
        <v>1</v>
      </c>
      <c r="C55343" s="14" t="s">
        <v>200</v>
      </c>
      <c r="D55343" s="14" t="s">
        <v>292</v>
      </c>
      <c r="E55343" s="15">
        <v>45604</v>
      </c>
      <c r="F55343" s="14" t="s">
        <v>61</v>
      </c>
      <c r="G55343" s="16">
        <v>1.5573773442623073</v>
      </c>
    </row>
    <row r="55344" spans="1:7" x14ac:dyDescent="0.3">
      <c r="A55344" s="13" t="s">
        <v>303</v>
      </c>
      <c r="B55344" s="14" t="s">
        <v>1</v>
      </c>
      <c r="C55344" s="14" t="s">
        <v>200</v>
      </c>
      <c r="D55344" s="14" t="s">
        <v>292</v>
      </c>
      <c r="E55344" s="15">
        <v>45605</v>
      </c>
      <c r="F55344" s="14" t="s">
        <v>61</v>
      </c>
      <c r="G55344" s="16">
        <v>1.5573773442623073</v>
      </c>
    </row>
    <row r="55345" spans="1:7" x14ac:dyDescent="0.3">
      <c r="A55345" s="13" t="s">
        <v>303</v>
      </c>
      <c r="B55345" s="14" t="s">
        <v>1</v>
      </c>
      <c r="C55345" s="14" t="s">
        <v>200</v>
      </c>
      <c r="D55345" s="14" t="s">
        <v>292</v>
      </c>
      <c r="E55345" s="15">
        <v>45606</v>
      </c>
      <c r="F55345" s="14" t="s">
        <v>61</v>
      </c>
      <c r="G55345" s="16">
        <v>1.5573773442623073</v>
      </c>
    </row>
    <row r="55346" spans="1:7" x14ac:dyDescent="0.3">
      <c r="A55346" s="13" t="s">
        <v>303</v>
      </c>
      <c r="B55346" s="14" t="s">
        <v>1</v>
      </c>
      <c r="C55346" s="14" t="s">
        <v>200</v>
      </c>
      <c r="D55346" s="14" t="s">
        <v>292</v>
      </c>
      <c r="E55346" s="15">
        <v>45607</v>
      </c>
      <c r="F55346" s="14" t="s">
        <v>61</v>
      </c>
      <c r="G55346" s="16">
        <v>1.5573773442623073</v>
      </c>
    </row>
    <row r="55347" spans="1:7" x14ac:dyDescent="0.3">
      <c r="A55347" s="13" t="s">
        <v>303</v>
      </c>
      <c r="B55347" s="14" t="s">
        <v>1</v>
      </c>
      <c r="C55347" s="14" t="s">
        <v>200</v>
      </c>
      <c r="D55347" s="14" t="s">
        <v>292</v>
      </c>
      <c r="E55347" s="15">
        <v>45608</v>
      </c>
      <c r="F55347" s="14" t="s">
        <v>61</v>
      </c>
      <c r="G55347" s="16">
        <v>1.5790871189233493</v>
      </c>
    </row>
    <row r="55348" spans="1:7" x14ac:dyDescent="0.3">
      <c r="A55348" s="13" t="s">
        <v>303</v>
      </c>
      <c r="B55348" s="14" t="s">
        <v>1</v>
      </c>
      <c r="C55348" s="14" t="s">
        <v>200</v>
      </c>
      <c r="D55348" s="14" t="s">
        <v>292</v>
      </c>
      <c r="E55348" s="15">
        <v>45609</v>
      </c>
      <c r="F55348" s="14" t="s">
        <v>61</v>
      </c>
      <c r="G55348" s="16">
        <v>1.6066389664726695</v>
      </c>
    </row>
    <row r="55349" spans="1:7" x14ac:dyDescent="0.3">
      <c r="A55349" s="13" t="s">
        <v>303</v>
      </c>
      <c r="B55349" s="14" t="s">
        <v>1</v>
      </c>
      <c r="C55349" s="14" t="s">
        <v>200</v>
      </c>
      <c r="D55349" s="14" t="s">
        <v>292</v>
      </c>
      <c r="E55349" s="15">
        <v>45610</v>
      </c>
      <c r="F55349" s="14" t="s">
        <v>61</v>
      </c>
      <c r="G55349" s="16">
        <v>1.6181017619053688</v>
      </c>
    </row>
    <row r="55350" spans="1:7" x14ac:dyDescent="0.3">
      <c r="A55350" s="13" t="s">
        <v>303</v>
      </c>
      <c r="B55350" s="14" t="s">
        <v>1</v>
      </c>
      <c r="C55350" s="14" t="s">
        <v>200</v>
      </c>
      <c r="D55350" s="14" t="s">
        <v>292</v>
      </c>
      <c r="E55350" s="15">
        <v>45611</v>
      </c>
      <c r="F55350" s="14" t="s">
        <v>61</v>
      </c>
      <c r="G55350" s="16">
        <v>1.6237940576196859</v>
      </c>
    </row>
    <row r="55351" spans="1:7" x14ac:dyDescent="0.3">
      <c r="A55351" s="13" t="s">
        <v>303</v>
      </c>
      <c r="B55351" s="14" t="s">
        <v>1</v>
      </c>
      <c r="C55351" s="14" t="s">
        <v>200</v>
      </c>
      <c r="D55351" s="14" t="s">
        <v>292</v>
      </c>
      <c r="E55351" s="15">
        <v>45612</v>
      </c>
      <c r="F55351" s="14" t="s">
        <v>61</v>
      </c>
      <c r="G55351" s="16">
        <v>1.6237940576196859</v>
      </c>
    </row>
    <row r="55352" spans="1:7" x14ac:dyDescent="0.3">
      <c r="A55352" s="13" t="s">
        <v>303</v>
      </c>
      <c r="B55352" s="14" t="s">
        <v>1</v>
      </c>
      <c r="C55352" s="14" t="s">
        <v>200</v>
      </c>
      <c r="D55352" s="14" t="s">
        <v>292</v>
      </c>
      <c r="E55352" s="15">
        <v>45613</v>
      </c>
      <c r="F55352" s="14" t="s">
        <v>61</v>
      </c>
      <c r="G55352" s="16">
        <v>1.6237940576196859</v>
      </c>
    </row>
    <row r="55353" spans="1:7" x14ac:dyDescent="0.3">
      <c r="A55353" s="13" t="s">
        <v>303</v>
      </c>
      <c r="B55353" s="14" t="s">
        <v>1</v>
      </c>
      <c r="C55353" s="14" t="s">
        <v>200</v>
      </c>
      <c r="D55353" s="14" t="s">
        <v>292</v>
      </c>
      <c r="E55353" s="15">
        <v>45614</v>
      </c>
      <c r="F55353" s="14" t="s">
        <v>61</v>
      </c>
      <c r="G55353" s="16">
        <v>1.6206341971893108</v>
      </c>
    </row>
    <row r="55354" spans="1:7" x14ac:dyDescent="0.3">
      <c r="A55354" s="13" t="s">
        <v>303</v>
      </c>
      <c r="B55354" s="14" t="s">
        <v>1</v>
      </c>
      <c r="C55354" s="14" t="s">
        <v>200</v>
      </c>
      <c r="D55354" s="14" t="s">
        <v>292</v>
      </c>
      <c r="E55354" s="15">
        <v>45615</v>
      </c>
      <c r="F55354" s="14" t="s">
        <v>61</v>
      </c>
      <c r="G55354" s="16">
        <v>1.6398386928160056</v>
      </c>
    </row>
    <row r="55355" spans="1:7" x14ac:dyDescent="0.3">
      <c r="A55355" s="13" t="s">
        <v>303</v>
      </c>
      <c r="B55355" s="14" t="s">
        <v>1</v>
      </c>
      <c r="C55355" s="14" t="s">
        <v>200</v>
      </c>
      <c r="D55355" s="14" t="s">
        <v>292</v>
      </c>
      <c r="E55355" s="15">
        <v>45616</v>
      </c>
      <c r="F55355" s="14" t="s">
        <v>61</v>
      </c>
      <c r="G55355" s="16">
        <v>1.6566709738781003</v>
      </c>
    </row>
    <row r="55356" spans="1:7" x14ac:dyDescent="0.3">
      <c r="A55356" s="13" t="s">
        <v>303</v>
      </c>
      <c r="B55356" s="14" t="s">
        <v>1</v>
      </c>
      <c r="C55356" s="14" t="s">
        <v>200</v>
      </c>
      <c r="D55356" s="14" t="s">
        <v>292</v>
      </c>
      <c r="E55356" s="15">
        <v>45617</v>
      </c>
      <c r="F55356" s="14" t="s">
        <v>61</v>
      </c>
      <c r="G55356" s="16">
        <v>1.673995334614385</v>
      </c>
    </row>
    <row r="55357" spans="1:7" x14ac:dyDescent="0.3">
      <c r="A55357" s="13" t="s">
        <v>303</v>
      </c>
      <c r="B55357" s="14" t="s">
        <v>1</v>
      </c>
      <c r="C55357" s="14" t="s">
        <v>200</v>
      </c>
      <c r="D55357" s="14" t="s">
        <v>292</v>
      </c>
      <c r="E55357" s="15">
        <v>45618</v>
      </c>
      <c r="F55357" s="14" t="s">
        <v>61</v>
      </c>
      <c r="G55357" s="16">
        <v>1.6921156926106689</v>
      </c>
    </row>
    <row r="55358" spans="1:7" x14ac:dyDescent="0.3">
      <c r="A55358" s="13" t="s">
        <v>303</v>
      </c>
      <c r="B55358" s="14" t="s">
        <v>1</v>
      </c>
      <c r="C55358" s="14" t="s">
        <v>200</v>
      </c>
      <c r="D55358" s="14" t="s">
        <v>292</v>
      </c>
      <c r="E55358" s="15">
        <v>45619</v>
      </c>
      <c r="F55358" s="14" t="s">
        <v>61</v>
      </c>
      <c r="G55358" s="16">
        <v>1.6921156926106689</v>
      </c>
    </row>
    <row r="55359" spans="1:7" x14ac:dyDescent="0.3">
      <c r="A55359" s="13" t="s">
        <v>303</v>
      </c>
      <c r="B55359" s="14" t="s">
        <v>1</v>
      </c>
      <c r="C55359" s="14" t="s">
        <v>200</v>
      </c>
      <c r="D55359" s="14" t="s">
        <v>292</v>
      </c>
      <c r="E55359" s="15">
        <v>45620</v>
      </c>
      <c r="F55359" s="14" t="s">
        <v>61</v>
      </c>
      <c r="G55359" s="16">
        <v>1.6921156926106689</v>
      </c>
    </row>
    <row r="55360" spans="1:7" x14ac:dyDescent="0.3">
      <c r="A55360" s="13" t="s">
        <v>303</v>
      </c>
      <c r="B55360" s="14" t="s">
        <v>1</v>
      </c>
      <c r="C55360" s="14" t="s">
        <v>200</v>
      </c>
      <c r="D55360" s="14" t="s">
        <v>292</v>
      </c>
      <c r="E55360" s="15">
        <v>45621</v>
      </c>
      <c r="F55360" s="14" t="s">
        <v>61</v>
      </c>
      <c r="G55360" s="16">
        <v>1.6851266708305048</v>
      </c>
    </row>
    <row r="55361" spans="1:7" x14ac:dyDescent="0.3">
      <c r="A55361" s="13" t="s">
        <v>303</v>
      </c>
      <c r="B55361" s="14" t="s">
        <v>1</v>
      </c>
      <c r="C55361" s="14" t="s">
        <v>200</v>
      </c>
      <c r="D55361" s="14" t="s">
        <v>292</v>
      </c>
      <c r="E55361" s="15">
        <v>45622</v>
      </c>
      <c r="F55361" s="14" t="s">
        <v>61</v>
      </c>
      <c r="G55361" s="16">
        <v>1.7075463905374799</v>
      </c>
    </row>
    <row r="55362" spans="1:7" x14ac:dyDescent="0.3">
      <c r="A55362" s="13" t="s">
        <v>303</v>
      </c>
      <c r="B55362" s="14" t="s">
        <v>1</v>
      </c>
      <c r="C55362" s="14" t="s">
        <v>200</v>
      </c>
      <c r="D55362" s="14" t="s">
        <v>292</v>
      </c>
      <c r="E55362" s="15">
        <v>45623</v>
      </c>
      <c r="F55362" s="14" t="s">
        <v>61</v>
      </c>
      <c r="G55362" s="16">
        <v>1.7013156537227356</v>
      </c>
    </row>
    <row r="55363" spans="1:7" x14ac:dyDescent="0.3">
      <c r="A55363" s="13" t="s">
        <v>303</v>
      </c>
      <c r="B55363" s="14" t="s">
        <v>1</v>
      </c>
      <c r="C55363" s="14" t="s">
        <v>200</v>
      </c>
      <c r="D55363" s="14" t="s">
        <v>292</v>
      </c>
      <c r="E55363" s="15">
        <v>45624</v>
      </c>
      <c r="F55363" s="14" t="s">
        <v>61</v>
      </c>
      <c r="G55363" s="16">
        <v>1.7013156537227356</v>
      </c>
    </row>
    <row r="55364" spans="1:7" x14ac:dyDescent="0.3">
      <c r="A55364" s="13" t="s">
        <v>303</v>
      </c>
      <c r="B55364" s="14" t="s">
        <v>1</v>
      </c>
      <c r="C55364" s="14" t="s">
        <v>200</v>
      </c>
      <c r="D55364" s="14" t="s">
        <v>292</v>
      </c>
      <c r="E55364" s="15">
        <v>45625</v>
      </c>
      <c r="F55364" s="14" t="s">
        <v>61</v>
      </c>
      <c r="G55364" s="16">
        <v>1.7079299685716312</v>
      </c>
    </row>
    <row r="55365" spans="1:7" x14ac:dyDescent="0.3">
      <c r="A55365" s="13" t="s">
        <v>303</v>
      </c>
      <c r="B55365" s="14" t="s">
        <v>1</v>
      </c>
      <c r="C55365" s="14" t="s">
        <v>200</v>
      </c>
      <c r="D55365" s="14" t="s">
        <v>292</v>
      </c>
      <c r="E55365" s="15">
        <v>45626</v>
      </c>
      <c r="F55365" s="14" t="s">
        <v>61</v>
      </c>
      <c r="G55365" s="16">
        <v>1.7079299685716312</v>
      </c>
    </row>
    <row r="55366" spans="1:7" x14ac:dyDescent="0.3">
      <c r="A55366" s="13" t="s">
        <v>303</v>
      </c>
      <c r="B55366" s="14" t="s">
        <v>1</v>
      </c>
      <c r="C55366" s="14" t="s">
        <v>200</v>
      </c>
      <c r="D55366" s="14" t="s">
        <v>292</v>
      </c>
      <c r="E55366" s="15">
        <v>45627</v>
      </c>
      <c r="F55366" s="14" t="s">
        <v>61</v>
      </c>
      <c r="G55366" s="16">
        <v>1.7079299685716312</v>
      </c>
    </row>
    <row r="55367" spans="1:7" x14ac:dyDescent="0.3">
      <c r="A55367" s="13" t="s">
        <v>303</v>
      </c>
      <c r="B55367" s="14" t="s">
        <v>1</v>
      </c>
      <c r="C55367" s="14" t="s">
        <v>200</v>
      </c>
      <c r="D55367" s="14" t="s">
        <v>292</v>
      </c>
      <c r="E55367" s="15">
        <v>45628</v>
      </c>
      <c r="F55367" s="14" t="s">
        <v>61</v>
      </c>
      <c r="G55367" s="16">
        <v>1.7346646805769468</v>
      </c>
    </row>
    <row r="55368" spans="1:7" x14ac:dyDescent="0.3">
      <c r="A55368" s="13" t="s">
        <v>303</v>
      </c>
      <c r="B55368" s="14" t="s">
        <v>1</v>
      </c>
      <c r="C55368" s="14" t="s">
        <v>200</v>
      </c>
      <c r="D55368" s="14" t="s">
        <v>292</v>
      </c>
      <c r="E55368" s="15">
        <v>45629</v>
      </c>
      <c r="F55368" s="14" t="s">
        <v>61</v>
      </c>
      <c r="G55368" s="16">
        <v>1.7521248780949623</v>
      </c>
    </row>
    <row r="55369" spans="1:7" x14ac:dyDescent="0.3">
      <c r="A55369" s="13" t="s">
        <v>303</v>
      </c>
      <c r="B55369" s="14" t="s">
        <v>1</v>
      </c>
      <c r="C55369" s="14" t="s">
        <v>200</v>
      </c>
      <c r="D55369" s="14" t="s">
        <v>292</v>
      </c>
      <c r="E55369" s="15">
        <v>45630</v>
      </c>
      <c r="F55369" s="14" t="s">
        <v>61</v>
      </c>
      <c r="G55369" s="16">
        <v>1.756989151646118</v>
      </c>
    </row>
    <row r="55370" spans="1:7" x14ac:dyDescent="0.3">
      <c r="A55370" s="13" t="s">
        <v>303</v>
      </c>
      <c r="B55370" s="14" t="s">
        <v>1</v>
      </c>
      <c r="C55370" s="14" t="s">
        <v>200</v>
      </c>
      <c r="D55370" s="14" t="s">
        <v>292</v>
      </c>
      <c r="E55370" s="15">
        <v>45631</v>
      </c>
      <c r="F55370" s="14" t="s">
        <v>61</v>
      </c>
      <c r="G55370" s="16">
        <v>1.7482950444300722</v>
      </c>
    </row>
    <row r="55371" spans="1:7" x14ac:dyDescent="0.3">
      <c r="A55371" s="13" t="s">
        <v>303</v>
      </c>
      <c r="B55371" s="14" t="s">
        <v>1</v>
      </c>
      <c r="C55371" s="14" t="s">
        <v>200</v>
      </c>
      <c r="D55371" s="14" t="s">
        <v>292</v>
      </c>
      <c r="E55371" s="15">
        <v>45632</v>
      </c>
      <c r="F55371" s="14" t="s">
        <v>61</v>
      </c>
      <c r="G55371" s="16">
        <v>1.7577975807717063</v>
      </c>
    </row>
    <row r="55372" spans="1:7" x14ac:dyDescent="0.3">
      <c r="A55372" s="13" t="s">
        <v>303</v>
      </c>
      <c r="B55372" s="14" t="s">
        <v>1</v>
      </c>
      <c r="C55372" s="14" t="s">
        <v>200</v>
      </c>
      <c r="D55372" s="14" t="s">
        <v>292</v>
      </c>
      <c r="E55372" s="15">
        <v>45633</v>
      </c>
      <c r="F55372" s="14" t="s">
        <v>61</v>
      </c>
      <c r="G55372" s="16">
        <v>1.7577975807717063</v>
      </c>
    </row>
    <row r="55373" spans="1:7" x14ac:dyDescent="0.3">
      <c r="A55373" s="13" t="s">
        <v>303</v>
      </c>
      <c r="B55373" s="14" t="s">
        <v>1</v>
      </c>
      <c r="C55373" s="14" t="s">
        <v>200</v>
      </c>
      <c r="D55373" s="14" t="s">
        <v>292</v>
      </c>
      <c r="E55373" s="15">
        <v>45634</v>
      </c>
      <c r="F55373" s="14" t="s">
        <v>61</v>
      </c>
      <c r="G55373" s="16">
        <v>1.7577975807717063</v>
      </c>
    </row>
    <row r="55374" spans="1:7" x14ac:dyDescent="0.3">
      <c r="A55374" s="13" t="s">
        <v>303</v>
      </c>
      <c r="B55374" s="14" t="s">
        <v>1</v>
      </c>
      <c r="C55374" s="14" t="s">
        <v>200</v>
      </c>
      <c r="D55374" s="14" t="s">
        <v>292</v>
      </c>
      <c r="E55374" s="15">
        <v>45635</v>
      </c>
      <c r="F55374" s="14" t="s">
        <v>61</v>
      </c>
      <c r="G55374" s="16">
        <v>1.7668234336830684</v>
      </c>
    </row>
    <row r="55375" spans="1:7" x14ac:dyDescent="0.3">
      <c r="A55375" s="13" t="s">
        <v>303</v>
      </c>
      <c r="B55375" s="14" t="s">
        <v>1</v>
      </c>
      <c r="C55375" s="14" t="s">
        <v>200</v>
      </c>
      <c r="D55375" s="14" t="s">
        <v>292</v>
      </c>
      <c r="E55375" s="15">
        <v>45636</v>
      </c>
      <c r="F55375" s="14" t="s">
        <v>61</v>
      </c>
      <c r="G55375" s="16">
        <v>1.7936419733893629</v>
      </c>
    </row>
    <row r="55376" spans="1:7" x14ac:dyDescent="0.3">
      <c r="A55376" s="13" t="s">
        <v>303</v>
      </c>
      <c r="B55376" s="14" t="s">
        <v>1</v>
      </c>
      <c r="C55376" s="14" t="s">
        <v>200</v>
      </c>
      <c r="D55376" s="14" t="s">
        <v>292</v>
      </c>
      <c r="E55376" s="15">
        <v>45637</v>
      </c>
      <c r="F55376" s="14" t="s">
        <v>61</v>
      </c>
      <c r="G55376" s="16">
        <v>1.8056536890622672</v>
      </c>
    </row>
    <row r="55377" spans="1:7" x14ac:dyDescent="0.3">
      <c r="A55377" s="13" t="s">
        <v>303</v>
      </c>
      <c r="B55377" s="14" t="s">
        <v>1</v>
      </c>
      <c r="C55377" s="14" t="s">
        <v>200</v>
      </c>
      <c r="D55377" s="14" t="s">
        <v>292</v>
      </c>
      <c r="E55377" s="15">
        <v>45638</v>
      </c>
      <c r="F55377" s="14" t="s">
        <v>61</v>
      </c>
      <c r="G55377" s="16">
        <v>1.8173085583888831</v>
      </c>
    </row>
    <row r="55378" spans="1:7" x14ac:dyDescent="0.3">
      <c r="A55378" s="13" t="s">
        <v>303</v>
      </c>
      <c r="B55378" s="14" t="s">
        <v>1</v>
      </c>
      <c r="C55378" s="14" t="s">
        <v>200</v>
      </c>
      <c r="D55378" s="14" t="s">
        <v>292</v>
      </c>
      <c r="E55378" s="15">
        <v>45639</v>
      </c>
      <c r="F55378" s="14" t="s">
        <v>61</v>
      </c>
      <c r="G55378" s="16">
        <v>1.8190203394723081</v>
      </c>
    </row>
    <row r="55379" spans="1:7" x14ac:dyDescent="0.3">
      <c r="A55379" s="13" t="s">
        <v>303</v>
      </c>
      <c r="B55379" s="14" t="s">
        <v>1</v>
      </c>
      <c r="C55379" s="14" t="s">
        <v>200</v>
      </c>
      <c r="D55379" s="14" t="s">
        <v>292</v>
      </c>
      <c r="E55379" s="15">
        <v>45640</v>
      </c>
      <c r="F55379" s="14" t="s">
        <v>61</v>
      </c>
      <c r="G55379" s="16">
        <v>1.8190203394723081</v>
      </c>
    </row>
    <row r="55380" spans="1:7" x14ac:dyDescent="0.3">
      <c r="A55380" s="13" t="s">
        <v>303</v>
      </c>
      <c r="B55380" s="14" t="s">
        <v>1</v>
      </c>
      <c r="C55380" s="14" t="s">
        <v>200</v>
      </c>
      <c r="D55380" s="14" t="s">
        <v>292</v>
      </c>
      <c r="E55380" s="15">
        <v>45641</v>
      </c>
      <c r="F55380" s="14" t="s">
        <v>61</v>
      </c>
      <c r="G55380" s="16">
        <v>1.8190203394723081</v>
      </c>
    </row>
    <row r="55381" spans="1:7" x14ac:dyDescent="0.3">
      <c r="A55381" s="13" t="s">
        <v>303</v>
      </c>
      <c r="B55381" s="14" t="s">
        <v>1</v>
      </c>
      <c r="C55381" s="14" t="s">
        <v>200</v>
      </c>
      <c r="D55381" s="14" t="s">
        <v>292</v>
      </c>
      <c r="E55381" s="15">
        <v>45642</v>
      </c>
      <c r="F55381" s="14" t="s">
        <v>61</v>
      </c>
      <c r="G55381" s="16">
        <v>1.8239193758034</v>
      </c>
    </row>
    <row r="55382" spans="1:7" x14ac:dyDescent="0.3">
      <c r="A55382" s="13" t="s">
        <v>303</v>
      </c>
      <c r="B55382" s="14" t="s">
        <v>1</v>
      </c>
      <c r="C55382" s="14" t="s">
        <v>200</v>
      </c>
      <c r="D55382" s="14" t="s">
        <v>292</v>
      </c>
      <c r="E55382" s="15">
        <v>45643</v>
      </c>
      <c r="F55382" s="14" t="s">
        <v>61</v>
      </c>
      <c r="G55382" s="16">
        <v>1.8469621344054525</v>
      </c>
    </row>
    <row r="55383" spans="1:7" x14ac:dyDescent="0.3">
      <c r="A55383" s="13" t="s">
        <v>303</v>
      </c>
      <c r="B55383" s="14" t="s">
        <v>1</v>
      </c>
      <c r="C55383" s="14" t="s">
        <v>200</v>
      </c>
      <c r="D55383" s="14" t="s">
        <v>292</v>
      </c>
      <c r="E55383" s="15">
        <v>45644</v>
      </c>
      <c r="F55383" s="14" t="s">
        <v>61</v>
      </c>
      <c r="G55383" s="16">
        <v>1.8787235285208159</v>
      </c>
    </row>
    <row r="55384" spans="1:7" x14ac:dyDescent="0.3">
      <c r="A55384" s="13" t="s">
        <v>303</v>
      </c>
      <c r="B55384" s="14" t="s">
        <v>1</v>
      </c>
      <c r="C55384" s="14" t="s">
        <v>200</v>
      </c>
      <c r="D55384" s="14" t="s">
        <v>292</v>
      </c>
      <c r="E55384" s="15">
        <v>45645</v>
      </c>
      <c r="F55384" s="14" t="s">
        <v>61</v>
      </c>
      <c r="G55384" s="16">
        <v>1.8856209846228744</v>
      </c>
    </row>
    <row r="55385" spans="1:7" x14ac:dyDescent="0.3">
      <c r="A55385" s="13" t="s">
        <v>303</v>
      </c>
      <c r="B55385" s="14" t="s">
        <v>1</v>
      </c>
      <c r="C55385" s="14" t="s">
        <v>200</v>
      </c>
      <c r="D55385" s="14" t="s">
        <v>292</v>
      </c>
      <c r="E55385" s="15">
        <v>45646</v>
      </c>
      <c r="F55385" s="14" t="s">
        <v>61</v>
      </c>
      <c r="G55385" s="16">
        <v>1.8834939866094194</v>
      </c>
    </row>
    <row r="55386" spans="1:7" x14ac:dyDescent="0.3">
      <c r="A55386" s="13" t="s">
        <v>303</v>
      </c>
      <c r="B55386" s="14" t="s">
        <v>1</v>
      </c>
      <c r="C55386" s="14" t="s">
        <v>200</v>
      </c>
      <c r="D55386" s="14" t="s">
        <v>292</v>
      </c>
      <c r="E55386" s="15">
        <v>45647</v>
      </c>
      <c r="F55386" s="14" t="s">
        <v>61</v>
      </c>
      <c r="G55386" s="16">
        <v>1.8834939866094194</v>
      </c>
    </row>
    <row r="55387" spans="1:7" x14ac:dyDescent="0.3">
      <c r="A55387" s="13" t="s">
        <v>303</v>
      </c>
      <c r="B55387" s="14" t="s">
        <v>1</v>
      </c>
      <c r="C55387" s="14" t="s">
        <v>200</v>
      </c>
      <c r="D55387" s="14" t="s">
        <v>292</v>
      </c>
      <c r="E55387" s="15">
        <v>45648</v>
      </c>
      <c r="F55387" s="14" t="s">
        <v>61</v>
      </c>
      <c r="G55387" s="16">
        <v>1.8834939866094194</v>
      </c>
    </row>
    <row r="55388" spans="1:7" x14ac:dyDescent="0.3">
      <c r="A55388" s="13" t="s">
        <v>303</v>
      </c>
      <c r="B55388" s="14" t="s">
        <v>1</v>
      </c>
      <c r="C55388" s="14" t="s">
        <v>200</v>
      </c>
      <c r="D55388" s="14" t="s">
        <v>292</v>
      </c>
      <c r="E55388" s="15">
        <v>45649</v>
      </c>
      <c r="F55388" s="14" t="s">
        <v>61</v>
      </c>
      <c r="G55388" s="16">
        <v>1.895429205554146</v>
      </c>
    </row>
    <row r="55389" spans="1:7" x14ac:dyDescent="0.3">
      <c r="A55389" s="13" t="s">
        <v>303</v>
      </c>
      <c r="B55389" s="14" t="s">
        <v>1</v>
      </c>
      <c r="C55389" s="14" t="s">
        <v>200</v>
      </c>
      <c r="D55389" s="14" t="s">
        <v>292</v>
      </c>
      <c r="E55389" s="15">
        <v>45650</v>
      </c>
      <c r="F55389" s="14" t="s">
        <v>61</v>
      </c>
      <c r="G55389" s="16">
        <v>1.9165639470550346</v>
      </c>
    </row>
    <row r="55390" spans="1:7" x14ac:dyDescent="0.3">
      <c r="A55390" s="13" t="s">
        <v>303</v>
      </c>
      <c r="B55390" s="14" t="s">
        <v>1</v>
      </c>
      <c r="C55390" s="14" t="s">
        <v>200</v>
      </c>
      <c r="D55390" s="14" t="s">
        <v>292</v>
      </c>
      <c r="E55390" s="15">
        <v>45651</v>
      </c>
      <c r="F55390" s="14" t="s">
        <v>61</v>
      </c>
      <c r="G55390" s="16">
        <v>1.9165639470550346</v>
      </c>
    </row>
    <row r="55391" spans="1:7" x14ac:dyDescent="0.3">
      <c r="A55391" s="13" t="s">
        <v>303</v>
      </c>
      <c r="B55391" s="14" t="s">
        <v>1</v>
      </c>
      <c r="C55391" s="14" t="s">
        <v>200</v>
      </c>
      <c r="D55391" s="14" t="s">
        <v>292</v>
      </c>
      <c r="E55391" s="15">
        <v>45652</v>
      </c>
      <c r="F55391" s="14" t="s">
        <v>61</v>
      </c>
      <c r="G55391" s="16">
        <v>1.9165639470550346</v>
      </c>
    </row>
    <row r="55392" spans="1:7" x14ac:dyDescent="0.3">
      <c r="A55392" s="13" t="s">
        <v>303</v>
      </c>
      <c r="B55392" s="14" t="s">
        <v>1</v>
      </c>
      <c r="C55392" s="14" t="s">
        <v>200</v>
      </c>
      <c r="D55392" s="14" t="s">
        <v>292</v>
      </c>
      <c r="E55392" s="15">
        <v>45653</v>
      </c>
      <c r="F55392" s="14" t="s">
        <v>61</v>
      </c>
      <c r="G55392" s="16">
        <v>1.9165639470550346</v>
      </c>
    </row>
    <row r="55393" spans="1:7" x14ac:dyDescent="0.3">
      <c r="A55393" s="13" t="s">
        <v>303</v>
      </c>
      <c r="B55393" s="14" t="s">
        <v>1</v>
      </c>
      <c r="C55393" s="14" t="s">
        <v>200</v>
      </c>
      <c r="D55393" s="14" t="s">
        <v>292</v>
      </c>
      <c r="E55393" s="15">
        <v>45654</v>
      </c>
      <c r="F55393" s="14" t="s">
        <v>61</v>
      </c>
      <c r="G55393" s="16">
        <v>1.9165639470550346</v>
      </c>
    </row>
    <row r="55394" spans="1:7" x14ac:dyDescent="0.3">
      <c r="A55394" s="13" t="s">
        <v>303</v>
      </c>
      <c r="B55394" s="14" t="s">
        <v>1</v>
      </c>
      <c r="C55394" s="14" t="s">
        <v>200</v>
      </c>
      <c r="D55394" s="14" t="s">
        <v>292</v>
      </c>
      <c r="E55394" s="15">
        <v>45655</v>
      </c>
      <c r="F55394" s="14" t="s">
        <v>61</v>
      </c>
      <c r="G55394" s="16">
        <v>1.9165639470550346</v>
      </c>
    </row>
    <row r="55395" spans="1:7" x14ac:dyDescent="0.3">
      <c r="A55395" s="13" t="s">
        <v>303</v>
      </c>
      <c r="B55395" s="14" t="s">
        <v>1</v>
      </c>
      <c r="C55395" s="14" t="s">
        <v>200</v>
      </c>
      <c r="D55395" s="14" t="s">
        <v>292</v>
      </c>
      <c r="E55395" s="15">
        <v>45656</v>
      </c>
      <c r="F55395" s="14" t="s">
        <v>61</v>
      </c>
      <c r="G55395" s="16">
        <v>1.9215429445543362</v>
      </c>
    </row>
    <row r="55396" spans="1:7" x14ac:dyDescent="0.3">
      <c r="A55396" s="13" t="s">
        <v>303</v>
      </c>
      <c r="B55396" s="14" t="s">
        <v>1</v>
      </c>
      <c r="C55396" s="14" t="s">
        <v>200</v>
      </c>
      <c r="D55396" s="14" t="s">
        <v>292</v>
      </c>
      <c r="E55396" s="15">
        <v>45657</v>
      </c>
      <c r="F55396" s="14" t="s">
        <v>61</v>
      </c>
      <c r="G55396" s="16">
        <v>1.975297254001565</v>
      </c>
    </row>
    <row r="55397" spans="1:7" x14ac:dyDescent="0.3">
      <c r="A55397" s="13" t="s">
        <v>303</v>
      </c>
      <c r="B55397" s="14" t="s">
        <v>1</v>
      </c>
      <c r="C55397" s="14" t="s">
        <v>200</v>
      </c>
      <c r="D55397" s="14" t="s">
        <v>292</v>
      </c>
      <c r="E55397" s="15">
        <v>45658</v>
      </c>
      <c r="F55397" s="14" t="s">
        <v>61</v>
      </c>
      <c r="G55397" s="16">
        <v>1.975297254001565</v>
      </c>
    </row>
    <row r="55398" spans="1:7" x14ac:dyDescent="0.3">
      <c r="A55398" s="13" t="s">
        <v>303</v>
      </c>
      <c r="B55398" s="14" t="s">
        <v>1</v>
      </c>
      <c r="C55398" s="14" t="s">
        <v>200</v>
      </c>
      <c r="D55398" s="14" t="s">
        <v>292</v>
      </c>
      <c r="E55398" s="15">
        <v>45659</v>
      </c>
      <c r="F55398" s="14" t="s">
        <v>61</v>
      </c>
      <c r="G55398" s="16">
        <v>2.0000245156101193</v>
      </c>
    </row>
    <row r="55399" spans="1:7" x14ac:dyDescent="0.3">
      <c r="A55399" s="13" t="s">
        <v>303</v>
      </c>
      <c r="B55399" s="14" t="s">
        <v>1</v>
      </c>
      <c r="C55399" s="14" t="s">
        <v>200</v>
      </c>
      <c r="D55399" s="14" t="s">
        <v>292</v>
      </c>
      <c r="E55399" s="15">
        <v>45660</v>
      </c>
      <c r="F55399" s="14" t="s">
        <v>61</v>
      </c>
      <c r="G55399" s="16">
        <v>2.0007751864077061</v>
      </c>
    </row>
    <row r="55400" spans="1:7" x14ac:dyDescent="0.3">
      <c r="A55400" s="13" t="s">
        <v>303</v>
      </c>
      <c r="B55400" s="14" t="s">
        <v>1</v>
      </c>
      <c r="C55400" s="14" t="s">
        <v>200</v>
      </c>
      <c r="D55400" s="14" t="s">
        <v>292</v>
      </c>
      <c r="E55400" s="15">
        <v>45661</v>
      </c>
      <c r="F55400" s="14" t="s">
        <v>61</v>
      </c>
      <c r="G55400" s="16">
        <v>2.0007751864077061</v>
      </c>
    </row>
    <row r="55401" spans="1:7" x14ac:dyDescent="0.3">
      <c r="A55401" s="13" t="s">
        <v>303</v>
      </c>
      <c r="B55401" s="14" t="s">
        <v>1</v>
      </c>
      <c r="C55401" s="14" t="s">
        <v>200</v>
      </c>
      <c r="D55401" s="14" t="s">
        <v>292</v>
      </c>
      <c r="E55401" s="15">
        <v>45662</v>
      </c>
      <c r="F55401" s="14" t="s">
        <v>61</v>
      </c>
      <c r="G55401" s="16">
        <v>2.0007751864077061</v>
      </c>
    </row>
    <row r="55402" spans="1:7" x14ac:dyDescent="0.3">
      <c r="A55402" s="13" t="s">
        <v>303</v>
      </c>
      <c r="B55402" s="14" t="s">
        <v>1</v>
      </c>
      <c r="C55402" s="14" t="s">
        <v>200</v>
      </c>
      <c r="D55402" s="14" t="s">
        <v>292</v>
      </c>
      <c r="E55402" s="15">
        <v>45663</v>
      </c>
      <c r="F55402" s="14" t="s">
        <v>61</v>
      </c>
      <c r="G55402" s="16">
        <v>1.9917521548396111</v>
      </c>
    </row>
    <row r="55403" spans="1:7" x14ac:dyDescent="0.3">
      <c r="A55403" s="13" t="s">
        <v>303</v>
      </c>
      <c r="B55403" s="14" t="s">
        <v>1</v>
      </c>
      <c r="C55403" s="14" t="s">
        <v>200</v>
      </c>
      <c r="D55403" s="14" t="s">
        <v>292</v>
      </c>
      <c r="E55403" s="15">
        <v>45664</v>
      </c>
      <c r="F55403" s="14" t="s">
        <v>61</v>
      </c>
      <c r="G55403" s="16">
        <v>2.0228846240748393</v>
      </c>
    </row>
    <row r="55404" spans="1:7" x14ac:dyDescent="0.3">
      <c r="A55404" s="13" t="s">
        <v>303</v>
      </c>
      <c r="B55404" s="14" t="s">
        <v>1</v>
      </c>
      <c r="C55404" s="14" t="s">
        <v>200</v>
      </c>
      <c r="D55404" s="14" t="s">
        <v>292</v>
      </c>
      <c r="E55404" s="15">
        <v>45665</v>
      </c>
      <c r="F55404" s="14" t="s">
        <v>61</v>
      </c>
      <c r="G55404" s="16">
        <v>2.0333621289670982</v>
      </c>
    </row>
    <row r="55405" spans="1:7" x14ac:dyDescent="0.3">
      <c r="A55405" s="13" t="s">
        <v>303</v>
      </c>
      <c r="B55405" s="14" t="s">
        <v>1</v>
      </c>
      <c r="C55405" s="14" t="s">
        <v>200</v>
      </c>
      <c r="D55405" s="14" t="s">
        <v>292</v>
      </c>
      <c r="E55405" s="15">
        <v>45666</v>
      </c>
      <c r="F55405" s="14" t="s">
        <v>61</v>
      </c>
      <c r="G55405" s="16">
        <v>2.0333621289670982</v>
      </c>
    </row>
    <row r="55406" spans="1:7" x14ac:dyDescent="0.3">
      <c r="A55406" s="13" t="s">
        <v>303</v>
      </c>
      <c r="B55406" s="14" t="s">
        <v>1</v>
      </c>
      <c r="C55406" s="14" t="s">
        <v>200</v>
      </c>
      <c r="D55406" s="14" t="s">
        <v>292</v>
      </c>
      <c r="E55406" s="15">
        <v>45667</v>
      </c>
      <c r="F55406" s="14" t="s">
        <v>61</v>
      </c>
      <c r="G55406" s="16">
        <v>2.0607144895139768</v>
      </c>
    </row>
    <row r="55407" spans="1:7" x14ac:dyDescent="0.3">
      <c r="A55407" s="13" t="s">
        <v>303</v>
      </c>
      <c r="B55407" s="14" t="s">
        <v>1</v>
      </c>
      <c r="C55407" s="14" t="s">
        <v>200</v>
      </c>
      <c r="D55407" s="14" t="s">
        <v>292</v>
      </c>
      <c r="E55407" s="15">
        <v>45668</v>
      </c>
      <c r="F55407" s="14" t="s">
        <v>61</v>
      </c>
      <c r="G55407" s="16">
        <v>2.0607144895139768</v>
      </c>
    </row>
    <row r="55408" spans="1:7" x14ac:dyDescent="0.3">
      <c r="A55408" s="13" t="s">
        <v>303</v>
      </c>
      <c r="B55408" s="14" t="s">
        <v>1</v>
      </c>
      <c r="C55408" s="14" t="s">
        <v>200</v>
      </c>
      <c r="D55408" s="14" t="s">
        <v>292</v>
      </c>
      <c r="E55408" s="15">
        <v>45669</v>
      </c>
      <c r="F55408" s="14" t="s">
        <v>61</v>
      </c>
      <c r="G55408" s="16">
        <v>2.0607144895139768</v>
      </c>
    </row>
    <row r="55409" spans="1:7" x14ac:dyDescent="0.3">
      <c r="A55409" s="13" t="s">
        <v>303</v>
      </c>
      <c r="B55409" s="14" t="s">
        <v>1</v>
      </c>
      <c r="C55409" s="14" t="s">
        <v>200</v>
      </c>
      <c r="D55409" s="14" t="s">
        <v>292</v>
      </c>
      <c r="E55409" s="15">
        <v>45670</v>
      </c>
      <c r="F55409" s="14" t="s">
        <v>61</v>
      </c>
      <c r="G55409" s="16">
        <v>2.0726792356504036</v>
      </c>
    </row>
    <row r="55410" spans="1:7" x14ac:dyDescent="0.3">
      <c r="A55410" s="13" t="s">
        <v>303</v>
      </c>
      <c r="B55410" s="14" t="s">
        <v>1</v>
      </c>
      <c r="C55410" s="14" t="s">
        <v>200</v>
      </c>
      <c r="D55410" s="14" t="s">
        <v>292</v>
      </c>
      <c r="E55410" s="15">
        <v>45671</v>
      </c>
      <c r="F55410" s="14" t="s">
        <v>61</v>
      </c>
      <c r="G55410" s="16">
        <v>2.0773544668001023</v>
      </c>
    </row>
    <row r="55411" spans="1:7" x14ac:dyDescent="0.3">
      <c r="A55411" s="13" t="s">
        <v>303</v>
      </c>
      <c r="B55411" s="14" t="s">
        <v>1</v>
      </c>
      <c r="C55411" s="14" t="s">
        <v>200</v>
      </c>
      <c r="D55411" s="14" t="s">
        <v>292</v>
      </c>
      <c r="E55411" s="15">
        <v>45672</v>
      </c>
      <c r="F55411" s="14" t="s">
        <v>61</v>
      </c>
      <c r="G55411" s="16">
        <v>2.0878453893195075</v>
      </c>
    </row>
    <row r="55412" spans="1:7" x14ac:dyDescent="0.3">
      <c r="A55412" s="13" t="s">
        <v>303</v>
      </c>
      <c r="B55412" s="14" t="s">
        <v>1</v>
      </c>
      <c r="C55412" s="14" t="s">
        <v>200</v>
      </c>
      <c r="D55412" s="14" t="s">
        <v>292</v>
      </c>
      <c r="E55412" s="15">
        <v>45673</v>
      </c>
      <c r="F55412" s="14" t="s">
        <v>61</v>
      </c>
      <c r="G55412" s="16">
        <v>2.0908992640452517</v>
      </c>
    </row>
    <row r="55413" spans="1:7" x14ac:dyDescent="0.3">
      <c r="A55413" s="13" t="s">
        <v>303</v>
      </c>
      <c r="B55413" s="14" t="s">
        <v>1</v>
      </c>
      <c r="C55413" s="14" t="s">
        <v>200</v>
      </c>
      <c r="D55413" s="14" t="s">
        <v>292</v>
      </c>
      <c r="E55413" s="15">
        <v>45674</v>
      </c>
      <c r="F55413" s="14" t="s">
        <v>61</v>
      </c>
      <c r="G55413" s="16">
        <v>2.1022204557408148</v>
      </c>
    </row>
    <row r="55414" spans="1:7" x14ac:dyDescent="0.3">
      <c r="A55414" s="13" t="s">
        <v>303</v>
      </c>
      <c r="B55414" s="14" t="s">
        <v>1</v>
      </c>
      <c r="C55414" s="14" t="s">
        <v>200</v>
      </c>
      <c r="D55414" s="14" t="s">
        <v>292</v>
      </c>
      <c r="E55414" s="15">
        <v>45675</v>
      </c>
      <c r="F55414" s="14" t="s">
        <v>61</v>
      </c>
      <c r="G55414" s="16">
        <v>2.1022204557408148</v>
      </c>
    </row>
    <row r="55415" spans="1:7" x14ac:dyDescent="0.3">
      <c r="A55415" s="13" t="s">
        <v>303</v>
      </c>
      <c r="B55415" s="14" t="s">
        <v>1</v>
      </c>
      <c r="C55415" s="14" t="s">
        <v>200</v>
      </c>
      <c r="D55415" s="14" t="s">
        <v>292</v>
      </c>
      <c r="E55415" s="15">
        <v>45676</v>
      </c>
      <c r="F55415" s="14" t="s">
        <v>61</v>
      </c>
      <c r="G55415" s="16">
        <v>2.1022204557408148</v>
      </c>
    </row>
    <row r="55416" spans="1:7" x14ac:dyDescent="0.3">
      <c r="A55416" s="13" t="s">
        <v>303</v>
      </c>
      <c r="B55416" s="14" t="s">
        <v>1</v>
      </c>
      <c r="C55416" s="14" t="s">
        <v>200</v>
      </c>
      <c r="D55416" s="14" t="s">
        <v>292</v>
      </c>
      <c r="E55416" s="15">
        <v>45677</v>
      </c>
      <c r="F55416" s="14" t="s">
        <v>61</v>
      </c>
      <c r="G55416" s="16">
        <v>2.1022204557408148</v>
      </c>
    </row>
    <row r="55417" spans="1:7" x14ac:dyDescent="0.3">
      <c r="A55417" s="13" t="s">
        <v>303</v>
      </c>
      <c r="B55417" s="14" t="s">
        <v>1</v>
      </c>
      <c r="C55417" s="14" t="s">
        <v>200</v>
      </c>
      <c r="D55417" s="14" t="s">
        <v>292</v>
      </c>
      <c r="E55417" s="15">
        <v>45678</v>
      </c>
      <c r="F55417" s="14" t="s">
        <v>61</v>
      </c>
      <c r="G55417" s="16">
        <v>2.077538628071125</v>
      </c>
    </row>
    <row r="55418" spans="1:7" x14ac:dyDescent="0.3">
      <c r="A55418" s="13" t="s">
        <v>303</v>
      </c>
      <c r="B55418" s="14" t="s">
        <v>1</v>
      </c>
      <c r="C55418" s="14" t="s">
        <v>200</v>
      </c>
      <c r="D55418" s="14" t="s">
        <v>292</v>
      </c>
      <c r="E55418" s="15">
        <v>45679</v>
      </c>
      <c r="F55418" s="14" t="s">
        <v>61</v>
      </c>
      <c r="G55418" s="16">
        <v>2.1041257032282616</v>
      </c>
    </row>
    <row r="55419" spans="1:7" x14ac:dyDescent="0.3">
      <c r="A55419" s="13" t="s">
        <v>303</v>
      </c>
      <c r="B55419" s="14" t="s">
        <v>1</v>
      </c>
      <c r="C55419" s="14" t="s">
        <v>200</v>
      </c>
      <c r="D55419" s="14" t="s">
        <v>292</v>
      </c>
      <c r="E55419" s="15">
        <v>45680</v>
      </c>
      <c r="F55419" s="14" t="s">
        <v>61</v>
      </c>
      <c r="G55419" s="16">
        <v>2.1088895431940284</v>
      </c>
    </row>
    <row r="55420" spans="1:7" x14ac:dyDescent="0.3">
      <c r="A55420" s="13" t="s">
        <v>303</v>
      </c>
      <c r="B55420" s="14" t="s">
        <v>1</v>
      </c>
      <c r="C55420" s="14" t="s">
        <v>200</v>
      </c>
      <c r="D55420" s="14" t="s">
        <v>292</v>
      </c>
      <c r="E55420" s="15">
        <v>45681</v>
      </c>
      <c r="F55420" s="14" t="s">
        <v>61</v>
      </c>
      <c r="G55420" s="16">
        <v>2.0985179879720208</v>
      </c>
    </row>
    <row r="55421" spans="1:7" x14ac:dyDescent="0.3">
      <c r="A55421" s="13" t="s">
        <v>303</v>
      </c>
      <c r="B55421" s="14" t="s">
        <v>1</v>
      </c>
      <c r="C55421" s="14" t="s">
        <v>200</v>
      </c>
      <c r="D55421" s="14" t="s">
        <v>292</v>
      </c>
      <c r="E55421" s="15">
        <v>45682</v>
      </c>
      <c r="F55421" s="14" t="s">
        <v>61</v>
      </c>
      <c r="G55421" s="16">
        <v>2.0985179879720208</v>
      </c>
    </row>
    <row r="55422" spans="1:7" x14ac:dyDescent="0.3">
      <c r="A55422" s="13" t="s">
        <v>303</v>
      </c>
      <c r="B55422" s="14" t="s">
        <v>1</v>
      </c>
      <c r="C55422" s="14" t="s">
        <v>200</v>
      </c>
      <c r="D55422" s="14" t="s">
        <v>292</v>
      </c>
      <c r="E55422" s="15">
        <v>45683</v>
      </c>
      <c r="F55422" s="14" t="s">
        <v>61</v>
      </c>
      <c r="G55422" s="16">
        <v>2.0985179879720208</v>
      </c>
    </row>
    <row r="55423" spans="1:7" x14ac:dyDescent="0.3">
      <c r="A55423" s="13" t="s">
        <v>303</v>
      </c>
      <c r="B55423" s="14" t="s">
        <v>1</v>
      </c>
      <c r="C55423" s="14" t="s">
        <v>200</v>
      </c>
      <c r="D55423" s="14" t="s">
        <v>292</v>
      </c>
      <c r="E55423" s="15">
        <v>45684</v>
      </c>
      <c r="F55423" s="14" t="s">
        <v>61</v>
      </c>
      <c r="G55423" s="16">
        <v>2.1035537700270748</v>
      </c>
    </row>
    <row r="55424" spans="1:7" x14ac:dyDescent="0.3">
      <c r="A55424" s="13" t="s">
        <v>303</v>
      </c>
      <c r="B55424" s="14" t="s">
        <v>1</v>
      </c>
      <c r="C55424" s="14" t="s">
        <v>200</v>
      </c>
      <c r="D55424" s="14" t="s">
        <v>292</v>
      </c>
      <c r="E55424" s="15">
        <v>45685</v>
      </c>
      <c r="F55424" s="14" t="s">
        <v>61</v>
      </c>
      <c r="G55424" s="16">
        <v>2.1346434002453782</v>
      </c>
    </row>
    <row r="55425" spans="1:7" x14ac:dyDescent="0.3">
      <c r="A55425" s="13" t="s">
        <v>303</v>
      </c>
      <c r="B55425" s="14" t="s">
        <v>1</v>
      </c>
      <c r="C55425" s="14" t="s">
        <v>200</v>
      </c>
      <c r="D55425" s="14" t="s">
        <v>292</v>
      </c>
      <c r="E55425" s="15">
        <v>45686</v>
      </c>
      <c r="F55425" s="14" t="s">
        <v>61</v>
      </c>
      <c r="G55425" s="16">
        <v>2.1430161874641267</v>
      </c>
    </row>
    <row r="55426" spans="1:7" x14ac:dyDescent="0.3">
      <c r="A55426" s="13" t="s">
        <v>303</v>
      </c>
      <c r="B55426" s="14" t="s">
        <v>1</v>
      </c>
      <c r="C55426" s="14" t="s">
        <v>200</v>
      </c>
      <c r="D55426" s="14" t="s">
        <v>292</v>
      </c>
      <c r="E55426" s="15">
        <v>45687</v>
      </c>
      <c r="F55426" s="14" t="s">
        <v>61</v>
      </c>
      <c r="G55426" s="16">
        <v>2.1539914811004177</v>
      </c>
    </row>
    <row r="55427" spans="1:7" x14ac:dyDescent="0.3">
      <c r="A55427" s="13" t="s">
        <v>303</v>
      </c>
      <c r="B55427" s="14" t="s">
        <v>1</v>
      </c>
      <c r="C55427" s="14" t="s">
        <v>200</v>
      </c>
      <c r="D55427" s="14" t="s">
        <v>292</v>
      </c>
      <c r="E55427" s="15">
        <v>45688</v>
      </c>
      <c r="F55427" s="14" t="s">
        <v>61</v>
      </c>
      <c r="G55427" s="16">
        <v>2.1654236569268059</v>
      </c>
    </row>
    <row r="55428" spans="1:7" x14ac:dyDescent="0.3">
      <c r="A55428" s="13" t="s">
        <v>303</v>
      </c>
      <c r="B55428" s="14" t="s">
        <v>1</v>
      </c>
      <c r="C55428" s="14" t="s">
        <v>200</v>
      </c>
      <c r="D55428" s="14" t="s">
        <v>292</v>
      </c>
      <c r="E55428" s="15">
        <v>45689</v>
      </c>
      <c r="F55428" s="14" t="s">
        <v>61</v>
      </c>
      <c r="G55428" s="16">
        <v>2.1654236569268059</v>
      </c>
    </row>
    <row r="55429" spans="1:7" x14ac:dyDescent="0.3">
      <c r="A55429" s="13" t="s">
        <v>303</v>
      </c>
      <c r="B55429" s="14" t="s">
        <v>1</v>
      </c>
      <c r="C55429" s="14" t="s">
        <v>200</v>
      </c>
      <c r="D55429" s="14" t="s">
        <v>292</v>
      </c>
      <c r="E55429" s="15">
        <v>45690</v>
      </c>
      <c r="F55429" s="14" t="s">
        <v>61</v>
      </c>
      <c r="G55429" s="16">
        <v>2.1654236569268059</v>
      </c>
    </row>
    <row r="55430" spans="1:7" x14ac:dyDescent="0.3">
      <c r="A55430" s="13" t="s">
        <v>303</v>
      </c>
      <c r="B55430" s="14" t="s">
        <v>1</v>
      </c>
      <c r="C55430" s="14" t="s">
        <v>200</v>
      </c>
      <c r="D55430" s="14" t="s">
        <v>292</v>
      </c>
      <c r="E55430" s="15">
        <v>45691</v>
      </c>
      <c r="F55430" s="14" t="s">
        <v>61</v>
      </c>
      <c r="G55430" s="16">
        <v>2.1654236569268059</v>
      </c>
    </row>
    <row r="55431" spans="1:7" x14ac:dyDescent="0.3">
      <c r="A55431" s="13" t="s">
        <v>303</v>
      </c>
      <c r="B55431" s="14" t="s">
        <v>1</v>
      </c>
      <c r="C55431" s="14" t="s">
        <v>200</v>
      </c>
      <c r="D55431" s="14" t="s">
        <v>292</v>
      </c>
      <c r="E55431" s="15">
        <v>45692</v>
      </c>
      <c r="F55431" s="14" t="s">
        <v>61</v>
      </c>
      <c r="G55431" s="16">
        <v>2.1683075365846367</v>
      </c>
    </row>
    <row r="55432" spans="1:7" x14ac:dyDescent="0.3">
      <c r="A55432" s="13" t="s">
        <v>303</v>
      </c>
      <c r="B55432" s="14" t="s">
        <v>1</v>
      </c>
      <c r="C55432" s="14" t="s">
        <v>200</v>
      </c>
      <c r="D55432" s="14" t="s">
        <v>292</v>
      </c>
      <c r="E55432" s="15">
        <v>45693</v>
      </c>
      <c r="F55432" s="14" t="s">
        <v>61</v>
      </c>
      <c r="G55432" s="16">
        <v>2.1896522051686786</v>
      </c>
    </row>
    <row r="55433" spans="1:7" x14ac:dyDescent="0.3">
      <c r="A55433" s="13" t="s">
        <v>303</v>
      </c>
      <c r="B55433" s="14" t="s">
        <v>1</v>
      </c>
      <c r="C55433" s="14" t="s">
        <v>200</v>
      </c>
      <c r="D55433" s="14" t="s">
        <v>292</v>
      </c>
      <c r="E55433" s="15">
        <v>45694</v>
      </c>
      <c r="F55433" s="14" t="s">
        <v>61</v>
      </c>
      <c r="G55433" s="16">
        <v>2.2000698576813358</v>
      </c>
    </row>
    <row r="55434" spans="1:7" x14ac:dyDescent="0.3">
      <c r="A55434" s="13" t="s">
        <v>303</v>
      </c>
      <c r="B55434" s="14" t="s">
        <v>1</v>
      </c>
      <c r="C55434" s="14" t="s">
        <v>200</v>
      </c>
      <c r="D55434" s="14" t="s">
        <v>292</v>
      </c>
      <c r="E55434" s="15">
        <v>45695</v>
      </c>
      <c r="F55434" s="14" t="s">
        <v>61</v>
      </c>
      <c r="G55434" s="16">
        <v>2.2187131709354091</v>
      </c>
    </row>
    <row r="55435" spans="1:7" x14ac:dyDescent="0.3">
      <c r="A55435" s="13" t="s">
        <v>303</v>
      </c>
      <c r="B55435" s="14" t="s">
        <v>1</v>
      </c>
      <c r="C55435" s="14" t="s">
        <v>200</v>
      </c>
      <c r="D55435" s="14" t="s">
        <v>292</v>
      </c>
      <c r="E55435" s="15">
        <v>45696</v>
      </c>
      <c r="F55435" s="14" t="s">
        <v>61</v>
      </c>
      <c r="G55435" s="16">
        <v>2.2187131709354091</v>
      </c>
    </row>
    <row r="55436" spans="1:7" x14ac:dyDescent="0.3">
      <c r="A55436" s="13" t="s">
        <v>303</v>
      </c>
      <c r="B55436" s="14" t="s">
        <v>1</v>
      </c>
      <c r="C55436" s="14" t="s">
        <v>200</v>
      </c>
      <c r="D55436" s="14" t="s">
        <v>292</v>
      </c>
      <c r="E55436" s="15">
        <v>45697</v>
      </c>
      <c r="F55436" s="14" t="s">
        <v>61</v>
      </c>
      <c r="G55436" s="16">
        <v>2.2187131709354091</v>
      </c>
    </row>
    <row r="55437" spans="1:7" x14ac:dyDescent="0.3">
      <c r="A55437" s="13" t="s">
        <v>303</v>
      </c>
      <c r="B55437" s="14" t="s">
        <v>1</v>
      </c>
      <c r="C55437" s="14" t="s">
        <v>200</v>
      </c>
      <c r="D55437" s="14" t="s">
        <v>292</v>
      </c>
      <c r="E55437" s="15">
        <v>45698</v>
      </c>
      <c r="F55437" s="14" t="s">
        <v>61</v>
      </c>
      <c r="G55437" s="16">
        <v>2.2295224910490337</v>
      </c>
    </row>
    <row r="55438" spans="1:7" x14ac:dyDescent="0.3">
      <c r="A55438" s="13" t="s">
        <v>303</v>
      </c>
      <c r="B55438" s="14" t="s">
        <v>1</v>
      </c>
      <c r="C55438" s="14" t="s">
        <v>200</v>
      </c>
      <c r="D55438" s="14" t="s">
        <v>292</v>
      </c>
      <c r="E55438" s="15">
        <v>45699</v>
      </c>
      <c r="F55438" s="14" t="s">
        <v>61</v>
      </c>
      <c r="G55438" s="16">
        <v>2.2383320732921481</v>
      </c>
    </row>
    <row r="55439" spans="1:7" x14ac:dyDescent="0.3">
      <c r="A55439" s="13" t="s">
        <v>303</v>
      </c>
      <c r="B55439" s="14" t="s">
        <v>1</v>
      </c>
      <c r="C55439" s="14" t="s">
        <v>200</v>
      </c>
      <c r="D55439" s="14" t="s">
        <v>292</v>
      </c>
      <c r="E55439" s="15">
        <v>45700</v>
      </c>
      <c r="F55439" s="14" t="s">
        <v>61</v>
      </c>
      <c r="G55439" s="16">
        <v>2.2407085236948214</v>
      </c>
    </row>
    <row r="55440" spans="1:7" x14ac:dyDescent="0.3">
      <c r="A55440" s="13" t="s">
        <v>303</v>
      </c>
      <c r="B55440" s="14" t="s">
        <v>1</v>
      </c>
      <c r="C55440" s="14" t="s">
        <v>200</v>
      </c>
      <c r="D55440" s="14" t="s">
        <v>292</v>
      </c>
      <c r="E55440" s="15">
        <v>45701</v>
      </c>
      <c r="F55440" s="14" t="s">
        <v>61</v>
      </c>
      <c r="G55440" s="16">
        <v>2.232168432678785</v>
      </c>
    </row>
    <row r="55441" spans="1:7" x14ac:dyDescent="0.3">
      <c r="A55441" s="13" t="s">
        <v>303</v>
      </c>
      <c r="B55441" s="14" t="s">
        <v>1</v>
      </c>
      <c r="C55441" s="14" t="s">
        <v>200</v>
      </c>
      <c r="D55441" s="14" t="s">
        <v>292</v>
      </c>
      <c r="E55441" s="15">
        <v>45702</v>
      </c>
      <c r="F55441" s="14" t="s">
        <v>61</v>
      </c>
      <c r="G55441" s="16">
        <v>2.232283104261104</v>
      </c>
    </row>
    <row r="55442" spans="1:7" x14ac:dyDescent="0.3">
      <c r="A55442" s="13" t="s">
        <v>303</v>
      </c>
      <c r="B55442" s="14" t="s">
        <v>1</v>
      </c>
      <c r="C55442" s="14" t="s">
        <v>200</v>
      </c>
      <c r="D55442" s="14" t="s">
        <v>292</v>
      </c>
      <c r="E55442" s="15">
        <v>45703</v>
      </c>
      <c r="F55442" s="14" t="s">
        <v>61</v>
      </c>
      <c r="G55442" s="16">
        <v>2.232283104261104</v>
      </c>
    </row>
    <row r="55443" spans="1:7" x14ac:dyDescent="0.3">
      <c r="A55443" s="13" t="s">
        <v>303</v>
      </c>
      <c r="B55443" s="14" t="s">
        <v>1</v>
      </c>
      <c r="C55443" s="14" t="s">
        <v>200</v>
      </c>
      <c r="D55443" s="14" t="s">
        <v>292</v>
      </c>
      <c r="E55443" s="15">
        <v>45704</v>
      </c>
      <c r="F55443" s="14" t="s">
        <v>61</v>
      </c>
      <c r="G55443" s="16">
        <v>2.232283104261104</v>
      </c>
    </row>
    <row r="55444" spans="1:7" x14ac:dyDescent="0.3">
      <c r="A55444" s="13" t="s">
        <v>303</v>
      </c>
      <c r="B55444" s="14" t="s">
        <v>1</v>
      </c>
      <c r="C55444" s="14" t="s">
        <v>200</v>
      </c>
      <c r="D55444" s="14" t="s">
        <v>292</v>
      </c>
      <c r="E55444" s="15">
        <v>45705</v>
      </c>
      <c r="F55444" s="14" t="s">
        <v>61</v>
      </c>
      <c r="G55444" s="16">
        <v>2.232283104261104</v>
      </c>
    </row>
    <row r="55445" spans="1:7" x14ac:dyDescent="0.3">
      <c r="A55445" s="13" t="s">
        <v>303</v>
      </c>
      <c r="B55445" s="14" t="s">
        <v>1</v>
      </c>
      <c r="C55445" s="14" t="s">
        <v>200</v>
      </c>
      <c r="D55445" s="14" t="s">
        <v>292</v>
      </c>
      <c r="E55445" s="15">
        <v>45706</v>
      </c>
      <c r="F55445" s="14" t="s">
        <v>61</v>
      </c>
      <c r="G55445" s="16">
        <v>2.2494259119546709</v>
      </c>
    </row>
    <row r="55446" spans="1:7" x14ac:dyDescent="0.3">
      <c r="A55446" s="13" t="s">
        <v>303</v>
      </c>
      <c r="B55446" s="14" t="s">
        <v>1</v>
      </c>
      <c r="C55446" s="14" t="s">
        <v>200</v>
      </c>
      <c r="D55446" s="14" t="s">
        <v>292</v>
      </c>
      <c r="E55446" s="15">
        <v>45707</v>
      </c>
      <c r="F55446" s="14" t="s">
        <v>61</v>
      </c>
      <c r="G55446" s="16">
        <v>2.2807230735729509</v>
      </c>
    </row>
    <row r="55447" spans="1:7" x14ac:dyDescent="0.3">
      <c r="A55447" s="13" t="s">
        <v>303</v>
      </c>
      <c r="B55447" s="14" t="s">
        <v>1</v>
      </c>
      <c r="C55447" s="14" t="s">
        <v>200</v>
      </c>
      <c r="D55447" s="14" t="s">
        <v>292</v>
      </c>
      <c r="E55447" s="15">
        <v>45708</v>
      </c>
      <c r="F55447" s="14" t="s">
        <v>61</v>
      </c>
      <c r="G55447" s="16">
        <v>2.2704937858898728</v>
      </c>
    </row>
    <row r="55448" spans="1:7" x14ac:dyDescent="0.3">
      <c r="A55448" s="13" t="s">
        <v>303</v>
      </c>
      <c r="B55448" s="14" t="s">
        <v>1</v>
      </c>
      <c r="C55448" s="14" t="s">
        <v>200</v>
      </c>
      <c r="D55448" s="14" t="s">
        <v>292</v>
      </c>
      <c r="E55448" s="15">
        <v>45709</v>
      </c>
      <c r="F55448" s="14" t="s">
        <v>61</v>
      </c>
      <c r="G55448" s="16">
        <v>2.2867985305994649</v>
      </c>
    </row>
    <row r="55449" spans="1:7" x14ac:dyDescent="0.3">
      <c r="A55449" s="13" t="s">
        <v>303</v>
      </c>
      <c r="B55449" s="14" t="s">
        <v>1</v>
      </c>
      <c r="C55449" s="14" t="s">
        <v>200</v>
      </c>
      <c r="D55449" s="14" t="s">
        <v>292</v>
      </c>
      <c r="E55449" s="15">
        <v>45710</v>
      </c>
      <c r="F55449" s="14" t="s">
        <v>61</v>
      </c>
      <c r="G55449" s="16">
        <v>2.2867985305994649</v>
      </c>
    </row>
    <row r="55450" spans="1:7" x14ac:dyDescent="0.3">
      <c r="A55450" s="13" t="s">
        <v>303</v>
      </c>
      <c r="B55450" s="14" t="s">
        <v>1</v>
      </c>
      <c r="C55450" s="14" t="s">
        <v>200</v>
      </c>
      <c r="D55450" s="14" t="s">
        <v>292</v>
      </c>
      <c r="E55450" s="15">
        <v>45711</v>
      </c>
      <c r="F55450" s="14" t="s">
        <v>61</v>
      </c>
      <c r="G55450" s="16">
        <v>2.2867985305994649</v>
      </c>
    </row>
    <row r="55451" spans="1:7" x14ac:dyDescent="0.3">
      <c r="A55451" s="13" t="s">
        <v>303</v>
      </c>
      <c r="B55451" s="14" t="s">
        <v>1</v>
      </c>
      <c r="C55451" s="14" t="s">
        <v>200</v>
      </c>
      <c r="D55451" s="14" t="s">
        <v>292</v>
      </c>
      <c r="E55451" s="15">
        <v>45712</v>
      </c>
      <c r="F55451" s="14" t="s">
        <v>61</v>
      </c>
      <c r="G55451" s="16">
        <v>2.2925049974275047</v>
      </c>
    </row>
    <row r="55452" spans="1:7" x14ac:dyDescent="0.3">
      <c r="A55452" s="13" t="s">
        <v>303</v>
      </c>
      <c r="B55452" s="14" t="s">
        <v>1</v>
      </c>
      <c r="C55452" s="14" t="s">
        <v>200</v>
      </c>
      <c r="D55452" s="14" t="s">
        <v>292</v>
      </c>
      <c r="E55452" s="15">
        <v>45713</v>
      </c>
      <c r="F55452" s="14" t="s">
        <v>61</v>
      </c>
      <c r="G55452" s="16">
        <v>2.302658394749951</v>
      </c>
    </row>
    <row r="55453" spans="1:7" x14ac:dyDescent="0.3">
      <c r="A55453" s="13" t="s">
        <v>303</v>
      </c>
      <c r="B55453" s="14" t="s">
        <v>1</v>
      </c>
      <c r="C55453" s="14" t="s">
        <v>200</v>
      </c>
      <c r="D55453" s="14" t="s">
        <v>292</v>
      </c>
      <c r="E55453" s="15">
        <v>45714</v>
      </c>
      <c r="F55453" s="14" t="s">
        <v>61</v>
      </c>
      <c r="G55453" s="16">
        <v>2.3158800438047309</v>
      </c>
    </row>
    <row r="55454" spans="1:7" x14ac:dyDescent="0.3">
      <c r="A55454" s="13" t="s">
        <v>303</v>
      </c>
      <c r="B55454" s="14" t="s">
        <v>1</v>
      </c>
      <c r="C55454" s="14" t="s">
        <v>200</v>
      </c>
      <c r="D55454" s="14" t="s">
        <v>292</v>
      </c>
      <c r="E55454" s="15">
        <v>45715</v>
      </c>
      <c r="F55454" s="14" t="s">
        <v>61</v>
      </c>
      <c r="G55454" s="16">
        <v>2.3420862048500513</v>
      </c>
    </row>
    <row r="55455" spans="1:7" x14ac:dyDescent="0.3">
      <c r="A55455" s="13" t="s">
        <v>303</v>
      </c>
      <c r="B55455" s="14" t="s">
        <v>1</v>
      </c>
      <c r="C55455" s="14" t="s">
        <v>200</v>
      </c>
      <c r="D55455" s="14" t="s">
        <v>292</v>
      </c>
      <c r="E55455" s="15">
        <v>45716</v>
      </c>
      <c r="F55455" s="14" t="s">
        <v>61</v>
      </c>
      <c r="G55455" s="16">
        <v>2.3545105638131862</v>
      </c>
    </row>
    <row r="55456" spans="1:7" x14ac:dyDescent="0.3">
      <c r="A55456" s="13" t="s">
        <v>303</v>
      </c>
      <c r="B55456" s="14" t="s">
        <v>1</v>
      </c>
      <c r="C55456" s="14" t="s">
        <v>200</v>
      </c>
      <c r="D55456" s="14" t="s">
        <v>292</v>
      </c>
      <c r="E55456" s="15">
        <v>45717</v>
      </c>
      <c r="F55456" s="14" t="s">
        <v>61</v>
      </c>
      <c r="G55456" s="16">
        <v>2.3545105638131862</v>
      </c>
    </row>
    <row r="55457" spans="1:7" x14ac:dyDescent="0.3">
      <c r="A55457" s="13" t="s">
        <v>303</v>
      </c>
      <c r="B55457" s="14" t="s">
        <v>1</v>
      </c>
      <c r="C55457" s="14" t="s">
        <v>200</v>
      </c>
      <c r="D55457" s="14" t="s">
        <v>292</v>
      </c>
      <c r="E55457" s="15">
        <v>45718</v>
      </c>
      <c r="F55457" s="14" t="s">
        <v>61</v>
      </c>
      <c r="G55457" s="16">
        <v>2.3545105638131862</v>
      </c>
    </row>
    <row r="55458" spans="1:7" x14ac:dyDescent="0.3">
      <c r="A55458" s="13" t="s">
        <v>303</v>
      </c>
      <c r="B55458" s="14" t="s">
        <v>1</v>
      </c>
      <c r="C55458" s="14" t="s">
        <v>200</v>
      </c>
      <c r="D55458" s="14" t="s">
        <v>292</v>
      </c>
      <c r="E55458" s="15">
        <v>45719</v>
      </c>
      <c r="F55458" s="14" t="s">
        <v>61</v>
      </c>
      <c r="G55458" s="16">
        <v>2.3390132553852956</v>
      </c>
    </row>
    <row r="55459" spans="1:7" x14ac:dyDescent="0.3">
      <c r="A55459" s="13" t="s">
        <v>303</v>
      </c>
      <c r="B55459" s="14" t="s">
        <v>1</v>
      </c>
      <c r="C55459" s="14" t="s">
        <v>200</v>
      </c>
      <c r="D55459" s="14" t="s">
        <v>292</v>
      </c>
      <c r="E55459" s="15">
        <v>45720</v>
      </c>
      <c r="F55459" s="14" t="s">
        <v>61</v>
      </c>
      <c r="G55459" s="16">
        <v>2.3284458694465875</v>
      </c>
    </row>
    <row r="55460" spans="1:7" x14ac:dyDescent="0.3">
      <c r="A55460" s="13" t="s">
        <v>303</v>
      </c>
      <c r="B55460" s="14" t="s">
        <v>1</v>
      </c>
      <c r="C55460" s="14" t="s">
        <v>200</v>
      </c>
      <c r="D55460" s="14" t="s">
        <v>292</v>
      </c>
      <c r="E55460" s="15">
        <v>45721</v>
      </c>
      <c r="F55460" s="14" t="s">
        <v>61</v>
      </c>
      <c r="G55460" s="16">
        <v>2.2998175584536344</v>
      </c>
    </row>
    <row r="55461" spans="1:7" x14ac:dyDescent="0.3">
      <c r="A55461" s="13" t="s">
        <v>303</v>
      </c>
      <c r="B55461" s="14" t="s">
        <v>1</v>
      </c>
      <c r="C55461" s="14" t="s">
        <v>200</v>
      </c>
      <c r="D55461" s="14" t="s">
        <v>292</v>
      </c>
      <c r="E55461" s="15">
        <v>45722</v>
      </c>
      <c r="F55461" s="14" t="s">
        <v>61</v>
      </c>
      <c r="G55461" s="16">
        <v>2.3074500183554991</v>
      </c>
    </row>
    <row r="55462" spans="1:7" x14ac:dyDescent="0.3">
      <c r="A55462" s="13" t="s">
        <v>303</v>
      </c>
      <c r="B55462" s="14" t="s">
        <v>1</v>
      </c>
      <c r="C55462" s="14" t="s">
        <v>200</v>
      </c>
      <c r="D55462" s="14" t="s">
        <v>292</v>
      </c>
      <c r="E55462" s="15">
        <v>45723</v>
      </c>
      <c r="F55462" s="14" t="s">
        <v>61</v>
      </c>
      <c r="G55462" s="16">
        <v>2.3036401745235842</v>
      </c>
    </row>
    <row r="55463" spans="1:7" x14ac:dyDescent="0.3">
      <c r="A55463" s="13" t="s">
        <v>303</v>
      </c>
      <c r="B55463" s="14" t="s">
        <v>1</v>
      </c>
      <c r="C55463" s="14" t="s">
        <v>200</v>
      </c>
      <c r="D55463" s="14" t="s">
        <v>292</v>
      </c>
      <c r="E55463" s="15">
        <v>45724</v>
      </c>
      <c r="F55463" s="14" t="s">
        <v>61</v>
      </c>
      <c r="G55463" s="16">
        <v>2.3036401745235842</v>
      </c>
    </row>
    <row r="55464" spans="1:7" x14ac:dyDescent="0.3">
      <c r="A55464" s="13" t="s">
        <v>303</v>
      </c>
      <c r="B55464" s="14" t="s">
        <v>1</v>
      </c>
      <c r="C55464" s="14" t="s">
        <v>200</v>
      </c>
      <c r="D55464" s="14" t="s">
        <v>292</v>
      </c>
      <c r="E55464" s="15">
        <v>45725</v>
      </c>
      <c r="F55464" s="14" t="s">
        <v>61</v>
      </c>
      <c r="G55464" s="16">
        <v>2.3036401745235842</v>
      </c>
    </row>
    <row r="55465" spans="1:7" x14ac:dyDescent="0.3">
      <c r="A55465" s="13" t="s">
        <v>303</v>
      </c>
      <c r="B55465" s="14" t="s">
        <v>1</v>
      </c>
      <c r="C55465" s="14" t="s">
        <v>200</v>
      </c>
      <c r="D55465" s="14" t="s">
        <v>292</v>
      </c>
      <c r="E55465" s="15">
        <v>45726</v>
      </c>
      <c r="F55465" s="14" t="s">
        <v>61</v>
      </c>
      <c r="G55465" s="16">
        <v>2.3101392539843952</v>
      </c>
    </row>
    <row r="55466" spans="1:7" x14ac:dyDescent="0.3">
      <c r="A55466" s="13" t="s">
        <v>303</v>
      </c>
      <c r="B55466" s="14" t="s">
        <v>1</v>
      </c>
      <c r="C55466" s="14" t="s">
        <v>200</v>
      </c>
      <c r="D55466" s="14" t="s">
        <v>292</v>
      </c>
      <c r="E55466" s="15">
        <v>45727</v>
      </c>
      <c r="F55466" s="14" t="s">
        <v>61</v>
      </c>
      <c r="G55466" s="16">
        <v>2.3133496119435817</v>
      </c>
    </row>
    <row r="55467" spans="1:7" x14ac:dyDescent="0.3">
      <c r="A55467" s="13" t="s">
        <v>303</v>
      </c>
      <c r="B55467" s="14" t="s">
        <v>1</v>
      </c>
      <c r="C55467" s="14" t="s">
        <v>200</v>
      </c>
      <c r="D55467" s="14" t="s">
        <v>292</v>
      </c>
      <c r="E55467" s="15">
        <v>45728</v>
      </c>
      <c r="F55467" s="14" t="s">
        <v>61</v>
      </c>
      <c r="G55467" s="16">
        <v>2.327988444018589</v>
      </c>
    </row>
    <row r="55468" spans="1:7" x14ac:dyDescent="0.3">
      <c r="A55468" s="13" t="s">
        <v>303</v>
      </c>
      <c r="B55468" s="14" t="s">
        <v>1</v>
      </c>
      <c r="C55468" s="14" t="s">
        <v>200</v>
      </c>
      <c r="D55468" s="14" t="s">
        <v>292</v>
      </c>
      <c r="E55468" s="15">
        <v>45729</v>
      </c>
      <c r="F55468" s="14" t="s">
        <v>61</v>
      </c>
      <c r="G55468" s="16">
        <v>2.3429512774456294</v>
      </c>
    </row>
    <row r="55469" spans="1:7" x14ac:dyDescent="0.3">
      <c r="A55469" s="13" t="s">
        <v>303</v>
      </c>
      <c r="B55469" s="14" t="s">
        <v>1</v>
      </c>
      <c r="C55469" s="14" t="s">
        <v>200</v>
      </c>
      <c r="D55469" s="14" t="s">
        <v>292</v>
      </c>
      <c r="E55469" s="15">
        <v>45730</v>
      </c>
      <c r="F55469" s="14" t="s">
        <v>61</v>
      </c>
      <c r="G55469" s="16">
        <v>2.3431539594764352</v>
      </c>
    </row>
    <row r="55470" spans="1:7" x14ac:dyDescent="0.3">
      <c r="A55470" s="13" t="s">
        <v>303</v>
      </c>
      <c r="B55470" s="14" t="s">
        <v>1</v>
      </c>
      <c r="C55470" s="14" t="s">
        <v>200</v>
      </c>
      <c r="D55470" s="14" t="s">
        <v>292</v>
      </c>
      <c r="E55470" s="15">
        <v>45731</v>
      </c>
      <c r="F55470" s="14" t="s">
        <v>61</v>
      </c>
      <c r="G55470" s="16">
        <v>2.3431539594764352</v>
      </c>
    </row>
    <row r="55471" spans="1:7" x14ac:dyDescent="0.3">
      <c r="A55471" s="13" t="s">
        <v>303</v>
      </c>
      <c r="B55471" s="14" t="s">
        <v>1</v>
      </c>
      <c r="C55471" s="14" t="s">
        <v>200</v>
      </c>
      <c r="D55471" s="14" t="s">
        <v>292</v>
      </c>
      <c r="E55471" s="15">
        <v>45732</v>
      </c>
      <c r="F55471" s="14" t="s">
        <v>61</v>
      </c>
      <c r="G55471" s="16">
        <v>2.3431539594764352</v>
      </c>
    </row>
    <row r="55472" spans="1:7" x14ac:dyDescent="0.3">
      <c r="A55472" s="13" t="s">
        <v>303</v>
      </c>
      <c r="B55472" s="14" t="s">
        <v>1</v>
      </c>
      <c r="C55472" s="14" t="s">
        <v>200</v>
      </c>
      <c r="D55472" s="14" t="s">
        <v>292</v>
      </c>
      <c r="E55472" s="15">
        <v>45733</v>
      </c>
      <c r="F55472" s="14" t="s">
        <v>61</v>
      </c>
      <c r="G55472" s="16">
        <v>2.3431539594764352</v>
      </c>
    </row>
    <row r="55473" spans="1:7" x14ac:dyDescent="0.3">
      <c r="A55473" s="13" t="s">
        <v>303</v>
      </c>
      <c r="B55473" s="14" t="s">
        <v>1</v>
      </c>
      <c r="C55473" s="14" t="s">
        <v>200</v>
      </c>
      <c r="D55473" s="14" t="s">
        <v>292</v>
      </c>
      <c r="E55473" s="15">
        <v>45734</v>
      </c>
      <c r="F55473" s="14" t="s">
        <v>61</v>
      </c>
      <c r="G55473" s="16">
        <v>2.3365403572213643</v>
      </c>
    </row>
    <row r="55474" spans="1:7" x14ac:dyDescent="0.3">
      <c r="A55474" s="13" t="s">
        <v>303</v>
      </c>
      <c r="B55474" s="14" t="s">
        <v>1</v>
      </c>
      <c r="C55474" s="14" t="s">
        <v>200</v>
      </c>
      <c r="D55474" s="14" t="s">
        <v>292</v>
      </c>
      <c r="E55474" s="15">
        <v>45735</v>
      </c>
      <c r="F55474" s="14" t="s">
        <v>61</v>
      </c>
      <c r="G55474" s="16">
        <v>2.3703816331119909</v>
      </c>
    </row>
    <row r="55475" spans="1:7" x14ac:dyDescent="0.3">
      <c r="A55475" s="13" t="s">
        <v>303</v>
      </c>
      <c r="B55475" s="14" t="s">
        <v>1</v>
      </c>
      <c r="C55475" s="14" t="s">
        <v>200</v>
      </c>
      <c r="D55475" s="14" t="s">
        <v>292</v>
      </c>
      <c r="E55475" s="15">
        <v>45736</v>
      </c>
      <c r="F55475" s="14" t="s">
        <v>61</v>
      </c>
      <c r="G55475" s="16">
        <v>2.3885598298661228</v>
      </c>
    </row>
    <row r="55476" spans="1:7" x14ac:dyDescent="0.3">
      <c r="A55476" s="13" t="s">
        <v>303</v>
      </c>
      <c r="B55476" s="14" t="s">
        <v>1</v>
      </c>
      <c r="C55476" s="14" t="s">
        <v>200</v>
      </c>
      <c r="D55476" s="14" t="s">
        <v>292</v>
      </c>
      <c r="E55476" s="15">
        <v>45737</v>
      </c>
      <c r="F55476" s="14" t="s">
        <v>61</v>
      </c>
      <c r="G55476" s="16">
        <v>2.3993524705270382</v>
      </c>
    </row>
    <row r="55477" spans="1:7" x14ac:dyDescent="0.3">
      <c r="A55477" s="13" t="s">
        <v>303</v>
      </c>
      <c r="B55477" s="14" t="s">
        <v>1</v>
      </c>
      <c r="C55477" s="14" t="s">
        <v>200</v>
      </c>
      <c r="D55477" s="14" t="s">
        <v>292</v>
      </c>
      <c r="E55477" s="15">
        <v>45738</v>
      </c>
      <c r="F55477" s="14" t="s">
        <v>61</v>
      </c>
      <c r="G55477" s="16">
        <v>2.3993524705270382</v>
      </c>
    </row>
    <row r="55478" spans="1:7" x14ac:dyDescent="0.3">
      <c r="A55478" s="13" t="s">
        <v>303</v>
      </c>
      <c r="B55478" s="14" t="s">
        <v>1</v>
      </c>
      <c r="C55478" s="14" t="s">
        <v>200</v>
      </c>
      <c r="D55478" s="14" t="s">
        <v>292</v>
      </c>
      <c r="E55478" s="15">
        <v>45739</v>
      </c>
      <c r="F55478" s="14" t="s">
        <v>61</v>
      </c>
      <c r="G55478" s="16">
        <v>2.3993524705270382</v>
      </c>
    </row>
    <row r="55479" spans="1:7" x14ac:dyDescent="0.3">
      <c r="A55479" s="13" t="s">
        <v>303</v>
      </c>
      <c r="B55479" s="14" t="s">
        <v>1</v>
      </c>
      <c r="C55479" s="14" t="s">
        <v>200</v>
      </c>
      <c r="D55479" s="14" t="s">
        <v>292</v>
      </c>
      <c r="E55479" s="15">
        <v>45740</v>
      </c>
      <c r="F55479" s="14" t="s">
        <v>61</v>
      </c>
      <c r="G55479" s="16">
        <v>2.4088324344969156</v>
      </c>
    </row>
    <row r="55480" spans="1:7" x14ac:dyDescent="0.3">
      <c r="A55480" s="13" t="s">
        <v>303</v>
      </c>
      <c r="B55480" s="14" t="s">
        <v>1</v>
      </c>
      <c r="C55480" s="14" t="s">
        <v>200</v>
      </c>
      <c r="D55480" s="14" t="s">
        <v>292</v>
      </c>
      <c r="E55480" s="15">
        <v>45741</v>
      </c>
      <c r="F55480" s="14" t="s">
        <v>61</v>
      </c>
      <c r="G55480" s="16">
        <v>2.4308393228031666</v>
      </c>
    </row>
    <row r="55481" spans="1:7" x14ac:dyDescent="0.3">
      <c r="A55481" s="13" t="s">
        <v>303</v>
      </c>
      <c r="B55481" s="14" t="s">
        <v>1</v>
      </c>
      <c r="C55481" s="14" t="s">
        <v>200</v>
      </c>
      <c r="D55481" s="14" t="s">
        <v>292</v>
      </c>
      <c r="E55481" s="15">
        <v>45742</v>
      </c>
      <c r="F55481" s="14" t="s">
        <v>61</v>
      </c>
      <c r="G55481" s="16">
        <v>2.4454482652117568</v>
      </c>
    </row>
    <row r="55482" spans="1:7" x14ac:dyDescent="0.3">
      <c r="A55482" s="13" t="s">
        <v>303</v>
      </c>
      <c r="B55482" s="14" t="s">
        <v>1</v>
      </c>
      <c r="C55482" s="14" t="s">
        <v>200</v>
      </c>
      <c r="D55482" s="14" t="s">
        <v>292</v>
      </c>
      <c r="E55482" s="15">
        <v>45743</v>
      </c>
      <c r="F55482" s="14" t="s">
        <v>61</v>
      </c>
      <c r="G55482" s="16">
        <v>2.4411152859511018</v>
      </c>
    </row>
    <row r="55483" spans="1:7" x14ac:dyDescent="0.3">
      <c r="A55483" s="13" t="s">
        <v>303</v>
      </c>
      <c r="B55483" s="14" t="s">
        <v>1</v>
      </c>
      <c r="C55483" s="14" t="s">
        <v>200</v>
      </c>
      <c r="D55483" s="14" t="s">
        <v>292</v>
      </c>
      <c r="E55483" s="15">
        <v>45744</v>
      </c>
      <c r="F55483" s="14" t="s">
        <v>61</v>
      </c>
      <c r="G55483" s="16">
        <v>2.4410260033031252</v>
      </c>
    </row>
    <row r="55484" spans="1:7" x14ac:dyDescent="0.3">
      <c r="A55484" s="13" t="s">
        <v>303</v>
      </c>
      <c r="B55484" s="14" t="s">
        <v>1</v>
      </c>
      <c r="C55484" s="14" t="s">
        <v>200</v>
      </c>
      <c r="D55484" s="14" t="s">
        <v>292</v>
      </c>
      <c r="E55484" s="15">
        <v>45745</v>
      </c>
      <c r="F55484" s="14" t="s">
        <v>61</v>
      </c>
      <c r="G55484" s="16">
        <v>2.4410260033031252</v>
      </c>
    </row>
    <row r="55485" spans="1:7" x14ac:dyDescent="0.3">
      <c r="A55485" s="13" t="s">
        <v>303</v>
      </c>
      <c r="B55485" s="14" t="s">
        <v>1</v>
      </c>
      <c r="C55485" s="14" t="s">
        <v>200</v>
      </c>
      <c r="D55485" s="14" t="s">
        <v>292</v>
      </c>
      <c r="E55485" s="15">
        <v>45746</v>
      </c>
      <c r="F55485" s="14" t="s">
        <v>61</v>
      </c>
      <c r="G55485" s="16">
        <v>2.4410260033031252</v>
      </c>
    </row>
    <row r="55486" spans="1:7" x14ac:dyDescent="0.3">
      <c r="A55486" s="13" t="s">
        <v>303</v>
      </c>
      <c r="B55486" s="14" t="s">
        <v>1</v>
      </c>
      <c r="C55486" s="14" t="s">
        <v>200</v>
      </c>
      <c r="D55486" s="14" t="s">
        <v>292</v>
      </c>
      <c r="E55486" s="15">
        <v>45747</v>
      </c>
      <c r="F55486" s="14" t="s">
        <v>61</v>
      </c>
      <c r="G55486" s="16">
        <v>2.4500427705860441</v>
      </c>
    </row>
    <row r="55487" spans="1:7" x14ac:dyDescent="0.3">
      <c r="A55487" s="13" t="s">
        <v>304</v>
      </c>
      <c r="B55487" s="14" t="s">
        <v>1</v>
      </c>
      <c r="C55487" s="14" t="s">
        <v>137</v>
      </c>
      <c r="D55487" s="14" t="s">
        <v>18</v>
      </c>
      <c r="E55487" s="15">
        <v>45383</v>
      </c>
      <c r="F55487" s="14" t="s">
        <v>15</v>
      </c>
      <c r="G55487" s="16">
        <v>0</v>
      </c>
    </row>
    <row r="55488" spans="1:7" x14ac:dyDescent="0.3">
      <c r="A55488" s="13" t="s">
        <v>304</v>
      </c>
      <c r="B55488" s="14" t="s">
        <v>1</v>
      </c>
      <c r="C55488" s="14" t="s">
        <v>137</v>
      </c>
      <c r="D55488" s="14" t="s">
        <v>18</v>
      </c>
      <c r="E55488" s="15">
        <v>45384</v>
      </c>
      <c r="F55488" s="14" t="s">
        <v>15</v>
      </c>
      <c r="G55488" s="16">
        <v>0</v>
      </c>
    </row>
    <row r="55489" spans="1:7" x14ac:dyDescent="0.3">
      <c r="A55489" s="13" t="s">
        <v>304</v>
      </c>
      <c r="B55489" s="14" t="s">
        <v>1</v>
      </c>
      <c r="C55489" s="14" t="s">
        <v>137</v>
      </c>
      <c r="D55489" s="14" t="s">
        <v>18</v>
      </c>
      <c r="E55489" s="15">
        <v>45385</v>
      </c>
      <c r="F55489" s="14" t="s">
        <v>15</v>
      </c>
      <c r="G55489" s="16">
        <v>8.2813982710389311E-2</v>
      </c>
    </row>
    <row r="55490" spans="1:7" x14ac:dyDescent="0.3">
      <c r="A55490" s="13" t="s">
        <v>304</v>
      </c>
      <c r="B55490" s="14" t="s">
        <v>1</v>
      </c>
      <c r="C55490" s="14" t="s">
        <v>137</v>
      </c>
      <c r="D55490" s="14" t="s">
        <v>18</v>
      </c>
      <c r="E55490" s="15">
        <v>45386</v>
      </c>
      <c r="F55490" s="14" t="s">
        <v>15</v>
      </c>
      <c r="G55490" s="16">
        <v>0.10329809816414147</v>
      </c>
    </row>
    <row r="55491" spans="1:7" x14ac:dyDescent="0.3">
      <c r="A55491" s="13" t="s">
        <v>304</v>
      </c>
      <c r="B55491" s="14" t="s">
        <v>1</v>
      </c>
      <c r="C55491" s="14" t="s">
        <v>137</v>
      </c>
      <c r="D55491" s="14" t="s">
        <v>18</v>
      </c>
      <c r="E55491" s="15">
        <v>45387</v>
      </c>
      <c r="F55491" s="14" t="s">
        <v>15</v>
      </c>
      <c r="G55491" s="16">
        <v>0.12548486848515025</v>
      </c>
    </row>
    <row r="55492" spans="1:7" x14ac:dyDescent="0.3">
      <c r="A55492" s="13" t="s">
        <v>304</v>
      </c>
      <c r="B55492" s="14" t="s">
        <v>1</v>
      </c>
      <c r="C55492" s="14" t="s">
        <v>137</v>
      </c>
      <c r="D55492" s="14" t="s">
        <v>18</v>
      </c>
      <c r="E55492" s="15">
        <v>45388</v>
      </c>
      <c r="F55492" s="14" t="s">
        <v>15</v>
      </c>
      <c r="G55492" s="16">
        <v>0.12548486848515025</v>
      </c>
    </row>
    <row r="55493" spans="1:7" x14ac:dyDescent="0.3">
      <c r="A55493" s="13" t="s">
        <v>304</v>
      </c>
      <c r="B55493" s="14" t="s">
        <v>1</v>
      </c>
      <c r="C55493" s="14" t="s">
        <v>137</v>
      </c>
      <c r="D55493" s="14" t="s">
        <v>18</v>
      </c>
      <c r="E55493" s="15">
        <v>45389</v>
      </c>
      <c r="F55493" s="14" t="s">
        <v>15</v>
      </c>
      <c r="G55493" s="16">
        <v>0.12548486848515025</v>
      </c>
    </row>
    <row r="55494" spans="1:7" x14ac:dyDescent="0.3">
      <c r="A55494" s="13" t="s">
        <v>304</v>
      </c>
      <c r="B55494" s="14" t="s">
        <v>1</v>
      </c>
      <c r="C55494" s="14" t="s">
        <v>137</v>
      </c>
      <c r="D55494" s="14" t="s">
        <v>18</v>
      </c>
      <c r="E55494" s="15">
        <v>45390</v>
      </c>
      <c r="F55494" s="14" t="s">
        <v>15</v>
      </c>
      <c r="G55494" s="16">
        <v>0.14515836446987584</v>
      </c>
    </row>
    <row r="55495" spans="1:7" x14ac:dyDescent="0.3">
      <c r="A55495" s="13" t="s">
        <v>304</v>
      </c>
      <c r="B55495" s="14" t="s">
        <v>1</v>
      </c>
      <c r="C55495" s="14" t="s">
        <v>137</v>
      </c>
      <c r="D55495" s="14" t="s">
        <v>18</v>
      </c>
      <c r="E55495" s="15">
        <v>45391</v>
      </c>
      <c r="F55495" s="14" t="s">
        <v>15</v>
      </c>
      <c r="G55495" s="16">
        <v>0.19108871886168108</v>
      </c>
    </row>
    <row r="55496" spans="1:7" x14ac:dyDescent="0.3">
      <c r="A55496" s="13" t="s">
        <v>304</v>
      </c>
      <c r="B55496" s="14" t="s">
        <v>1</v>
      </c>
      <c r="C55496" s="14" t="s">
        <v>137</v>
      </c>
      <c r="D55496" s="14" t="s">
        <v>18</v>
      </c>
      <c r="E55496" s="15">
        <v>45392</v>
      </c>
      <c r="F55496" s="14" t="s">
        <v>15</v>
      </c>
      <c r="G55496" s="16">
        <v>0.20824163962516776</v>
      </c>
    </row>
    <row r="55497" spans="1:7" x14ac:dyDescent="0.3">
      <c r="A55497" s="13" t="s">
        <v>304</v>
      </c>
      <c r="B55497" s="14" t="s">
        <v>1</v>
      </c>
      <c r="C55497" s="14" t="s">
        <v>137</v>
      </c>
      <c r="D55497" s="14" t="s">
        <v>18</v>
      </c>
      <c r="E55497" s="15">
        <v>45393</v>
      </c>
      <c r="F55497" s="14" t="s">
        <v>15</v>
      </c>
      <c r="G55497" s="16">
        <v>0.22298128605237125</v>
      </c>
    </row>
    <row r="55498" spans="1:7" x14ac:dyDescent="0.3">
      <c r="A55498" s="13" t="s">
        <v>304</v>
      </c>
      <c r="B55498" s="14" t="s">
        <v>1</v>
      </c>
      <c r="C55498" s="14" t="s">
        <v>137</v>
      </c>
      <c r="D55498" s="14" t="s">
        <v>18</v>
      </c>
      <c r="E55498" s="15">
        <v>45394</v>
      </c>
      <c r="F55498" s="14" t="s">
        <v>15</v>
      </c>
      <c r="G55498" s="16">
        <v>0.24039526876276054</v>
      </c>
    </row>
    <row r="55499" spans="1:7" x14ac:dyDescent="0.3">
      <c r="A55499" s="13" t="s">
        <v>304</v>
      </c>
      <c r="B55499" s="14" t="s">
        <v>1</v>
      </c>
      <c r="C55499" s="14" t="s">
        <v>137</v>
      </c>
      <c r="D55499" s="14" t="s">
        <v>18</v>
      </c>
      <c r="E55499" s="15">
        <v>45395</v>
      </c>
      <c r="F55499" s="14" t="s">
        <v>15</v>
      </c>
      <c r="G55499" s="16">
        <v>0.24039526876276054</v>
      </c>
    </row>
    <row r="55500" spans="1:7" x14ac:dyDescent="0.3">
      <c r="A55500" s="13" t="s">
        <v>304</v>
      </c>
      <c r="B55500" s="14" t="s">
        <v>1</v>
      </c>
      <c r="C55500" s="14" t="s">
        <v>137</v>
      </c>
      <c r="D55500" s="14" t="s">
        <v>18</v>
      </c>
      <c r="E55500" s="15">
        <v>45396</v>
      </c>
      <c r="F55500" s="14" t="s">
        <v>15</v>
      </c>
      <c r="G55500" s="16">
        <v>0.24039526876276054</v>
      </c>
    </row>
    <row r="55501" spans="1:7" x14ac:dyDescent="0.3">
      <c r="A55501" s="13" t="s">
        <v>304</v>
      </c>
      <c r="B55501" s="14" t="s">
        <v>1</v>
      </c>
      <c r="C55501" s="14" t="s">
        <v>137</v>
      </c>
      <c r="D55501" s="14" t="s">
        <v>18</v>
      </c>
      <c r="E55501" s="15">
        <v>45397</v>
      </c>
      <c r="F55501" s="14" t="s">
        <v>15</v>
      </c>
      <c r="G55501" s="16">
        <v>0.25792252580943309</v>
      </c>
    </row>
    <row r="55502" spans="1:7" x14ac:dyDescent="0.3">
      <c r="A55502" s="13" t="s">
        <v>304</v>
      </c>
      <c r="B55502" s="14" t="s">
        <v>1</v>
      </c>
      <c r="C55502" s="14" t="s">
        <v>137</v>
      </c>
      <c r="D55502" s="14" t="s">
        <v>18</v>
      </c>
      <c r="E55502" s="15">
        <v>45398</v>
      </c>
      <c r="F55502" s="14" t="s">
        <v>15</v>
      </c>
      <c r="G55502" s="16">
        <v>0.31343341117468965</v>
      </c>
    </row>
    <row r="55503" spans="1:7" x14ac:dyDescent="0.3">
      <c r="A55503" s="13" t="s">
        <v>304</v>
      </c>
      <c r="B55503" s="14" t="s">
        <v>1</v>
      </c>
      <c r="C55503" s="14" t="s">
        <v>137</v>
      </c>
      <c r="D55503" s="14" t="s">
        <v>18</v>
      </c>
      <c r="E55503" s="15">
        <v>45399</v>
      </c>
      <c r="F55503" s="14" t="s">
        <v>15</v>
      </c>
      <c r="G55503" s="16">
        <v>0.33198611069923828</v>
      </c>
    </row>
    <row r="55504" spans="1:7" x14ac:dyDescent="0.3">
      <c r="A55504" s="13" t="s">
        <v>304</v>
      </c>
      <c r="B55504" s="14" t="s">
        <v>1</v>
      </c>
      <c r="C55504" s="14" t="s">
        <v>137</v>
      </c>
      <c r="D55504" s="14" t="s">
        <v>18</v>
      </c>
      <c r="E55504" s="15">
        <v>45400</v>
      </c>
      <c r="F55504" s="14" t="s">
        <v>15</v>
      </c>
      <c r="G55504" s="16">
        <v>0.31577796951582227</v>
      </c>
    </row>
    <row r="55505" spans="1:7" x14ac:dyDescent="0.3">
      <c r="A55505" s="13" t="s">
        <v>304</v>
      </c>
      <c r="B55505" s="14" t="s">
        <v>1</v>
      </c>
      <c r="C55505" s="14" t="s">
        <v>137</v>
      </c>
      <c r="D55505" s="14" t="s">
        <v>18</v>
      </c>
      <c r="E55505" s="15">
        <v>45401</v>
      </c>
      <c r="F55505" s="14" t="s">
        <v>15</v>
      </c>
      <c r="G55505" s="16">
        <v>0.3342625274474505</v>
      </c>
    </row>
    <row r="55506" spans="1:7" x14ac:dyDescent="0.3">
      <c r="A55506" s="13" t="s">
        <v>304</v>
      </c>
      <c r="B55506" s="14" t="s">
        <v>1</v>
      </c>
      <c r="C55506" s="14" t="s">
        <v>137</v>
      </c>
      <c r="D55506" s="14" t="s">
        <v>18</v>
      </c>
      <c r="E55506" s="15">
        <v>45402</v>
      </c>
      <c r="F55506" s="14" t="s">
        <v>15</v>
      </c>
      <c r="G55506" s="16">
        <v>0.3342625274474505</v>
      </c>
    </row>
    <row r="55507" spans="1:7" x14ac:dyDescent="0.3">
      <c r="A55507" s="13" t="s">
        <v>304</v>
      </c>
      <c r="B55507" s="14" t="s">
        <v>1</v>
      </c>
      <c r="C55507" s="14" t="s">
        <v>137</v>
      </c>
      <c r="D55507" s="14" t="s">
        <v>18</v>
      </c>
      <c r="E55507" s="15">
        <v>45403</v>
      </c>
      <c r="F55507" s="14" t="s">
        <v>15</v>
      </c>
      <c r="G55507" s="16">
        <v>0.3342625274474505</v>
      </c>
    </row>
    <row r="55508" spans="1:7" x14ac:dyDescent="0.3">
      <c r="A55508" s="13" t="s">
        <v>304</v>
      </c>
      <c r="B55508" s="14" t="s">
        <v>1</v>
      </c>
      <c r="C55508" s="14" t="s">
        <v>137</v>
      </c>
      <c r="D55508" s="14" t="s">
        <v>18</v>
      </c>
      <c r="E55508" s="15">
        <v>45404</v>
      </c>
      <c r="F55508" s="14" t="s">
        <v>15</v>
      </c>
      <c r="G55508" s="16">
        <v>0.35205726237022916</v>
      </c>
    </row>
    <row r="55509" spans="1:7" x14ac:dyDescent="0.3">
      <c r="A55509" s="13" t="s">
        <v>304</v>
      </c>
      <c r="B55509" s="14" t="s">
        <v>1</v>
      </c>
      <c r="C55509" s="14" t="s">
        <v>137</v>
      </c>
      <c r="D55509" s="14" t="s">
        <v>18</v>
      </c>
      <c r="E55509" s="15">
        <v>45405</v>
      </c>
      <c r="F55509" s="14" t="s">
        <v>15</v>
      </c>
      <c r="G55509" s="16">
        <v>0.40922810348769817</v>
      </c>
    </row>
    <row r="55510" spans="1:7" x14ac:dyDescent="0.3">
      <c r="A55510" s="13" t="s">
        <v>304</v>
      </c>
      <c r="B55510" s="14" t="s">
        <v>1</v>
      </c>
      <c r="C55510" s="14" t="s">
        <v>137</v>
      </c>
      <c r="D55510" s="14" t="s">
        <v>18</v>
      </c>
      <c r="E55510" s="15">
        <v>45406</v>
      </c>
      <c r="F55510" s="14" t="s">
        <v>15</v>
      </c>
      <c r="G55510" s="16">
        <v>0.43034009504764509</v>
      </c>
    </row>
    <row r="55511" spans="1:7" x14ac:dyDescent="0.3">
      <c r="A55511" s="13" t="s">
        <v>304</v>
      </c>
      <c r="B55511" s="14" t="s">
        <v>1</v>
      </c>
      <c r="C55511" s="14" t="s">
        <v>137</v>
      </c>
      <c r="D55511" s="14" t="s">
        <v>18</v>
      </c>
      <c r="E55511" s="15">
        <v>45407</v>
      </c>
      <c r="F55511" s="14" t="s">
        <v>15</v>
      </c>
      <c r="G55511" s="16">
        <v>0.45336646713856538</v>
      </c>
    </row>
    <row r="55512" spans="1:7" x14ac:dyDescent="0.3">
      <c r="A55512" s="13" t="s">
        <v>304</v>
      </c>
      <c r="B55512" s="14" t="s">
        <v>1</v>
      </c>
      <c r="C55512" s="14" t="s">
        <v>137</v>
      </c>
      <c r="D55512" s="14" t="s">
        <v>18</v>
      </c>
      <c r="E55512" s="15">
        <v>45408</v>
      </c>
      <c r="F55512" s="14" t="s">
        <v>15</v>
      </c>
      <c r="G55512" s="16">
        <v>0.4755886356896627</v>
      </c>
    </row>
    <row r="55513" spans="1:7" x14ac:dyDescent="0.3">
      <c r="A55513" s="13" t="s">
        <v>304</v>
      </c>
      <c r="B55513" s="14" t="s">
        <v>1</v>
      </c>
      <c r="C55513" s="14" t="s">
        <v>137</v>
      </c>
      <c r="D55513" s="14" t="s">
        <v>18</v>
      </c>
      <c r="E55513" s="15">
        <v>45409</v>
      </c>
      <c r="F55513" s="14" t="s">
        <v>15</v>
      </c>
      <c r="G55513" s="16">
        <v>0.4755886356896627</v>
      </c>
    </row>
    <row r="55514" spans="1:7" x14ac:dyDescent="0.3">
      <c r="A55514" s="13" t="s">
        <v>304</v>
      </c>
      <c r="B55514" s="14" t="s">
        <v>1</v>
      </c>
      <c r="C55514" s="14" t="s">
        <v>137</v>
      </c>
      <c r="D55514" s="14" t="s">
        <v>18</v>
      </c>
      <c r="E55514" s="15">
        <v>45410</v>
      </c>
      <c r="F55514" s="14" t="s">
        <v>15</v>
      </c>
      <c r="G55514" s="16">
        <v>0.4755886356896627</v>
      </c>
    </row>
    <row r="55515" spans="1:7" x14ac:dyDescent="0.3">
      <c r="A55515" s="13" t="s">
        <v>304</v>
      </c>
      <c r="B55515" s="14" t="s">
        <v>1</v>
      </c>
      <c r="C55515" s="14" t="s">
        <v>137</v>
      </c>
      <c r="D55515" s="14" t="s">
        <v>18</v>
      </c>
      <c r="E55515" s="15">
        <v>45411</v>
      </c>
      <c r="F55515" s="14" t="s">
        <v>15</v>
      </c>
      <c r="G55515" s="16">
        <v>0.50320549450624663</v>
      </c>
    </row>
    <row r="55516" spans="1:7" x14ac:dyDescent="0.3">
      <c r="A55516" s="13" t="s">
        <v>304</v>
      </c>
      <c r="B55516" s="14" t="s">
        <v>1</v>
      </c>
      <c r="C55516" s="14" t="s">
        <v>137</v>
      </c>
      <c r="D55516" s="14" t="s">
        <v>18</v>
      </c>
      <c r="E55516" s="15">
        <v>45412</v>
      </c>
      <c r="F55516" s="14" t="s">
        <v>15</v>
      </c>
      <c r="G55516" s="16">
        <v>0.5567631891911935</v>
      </c>
    </row>
    <row r="55517" spans="1:7" x14ac:dyDescent="0.3">
      <c r="A55517" s="13" t="s">
        <v>304</v>
      </c>
      <c r="B55517" s="14" t="s">
        <v>1</v>
      </c>
      <c r="C55517" s="14" t="s">
        <v>137</v>
      </c>
      <c r="D55517" s="14" t="s">
        <v>18</v>
      </c>
      <c r="E55517" s="15">
        <v>45413</v>
      </c>
      <c r="F55517" s="14" t="s">
        <v>15</v>
      </c>
      <c r="G55517" s="16">
        <v>0.5773533057511403</v>
      </c>
    </row>
    <row r="55518" spans="1:7" x14ac:dyDescent="0.3">
      <c r="A55518" s="13" t="s">
        <v>304</v>
      </c>
      <c r="B55518" s="14" t="s">
        <v>1</v>
      </c>
      <c r="C55518" s="14" t="s">
        <v>137</v>
      </c>
      <c r="D55518" s="14" t="s">
        <v>18</v>
      </c>
      <c r="E55518" s="15">
        <v>45414</v>
      </c>
      <c r="F55518" s="14" t="s">
        <v>15</v>
      </c>
      <c r="G55518" s="16">
        <v>0.60284635199858716</v>
      </c>
    </row>
    <row r="55519" spans="1:7" x14ac:dyDescent="0.3">
      <c r="A55519" s="13" t="s">
        <v>304</v>
      </c>
      <c r="B55519" s="14" t="s">
        <v>1</v>
      </c>
      <c r="C55519" s="14" t="s">
        <v>137</v>
      </c>
      <c r="D55519" s="14" t="s">
        <v>18</v>
      </c>
      <c r="E55519" s="15">
        <v>45415</v>
      </c>
      <c r="F55519" s="14" t="s">
        <v>15</v>
      </c>
      <c r="G55519" s="16">
        <v>0.62239310918353397</v>
      </c>
    </row>
    <row r="55520" spans="1:7" x14ac:dyDescent="0.3">
      <c r="A55520" s="13" t="s">
        <v>304</v>
      </c>
      <c r="B55520" s="14" t="s">
        <v>1</v>
      </c>
      <c r="C55520" s="14" t="s">
        <v>137</v>
      </c>
      <c r="D55520" s="14" t="s">
        <v>18</v>
      </c>
      <c r="E55520" s="15">
        <v>45416</v>
      </c>
      <c r="F55520" s="14" t="s">
        <v>15</v>
      </c>
      <c r="G55520" s="16">
        <v>0.62239310918353397</v>
      </c>
    </row>
    <row r="55521" spans="1:7" x14ac:dyDescent="0.3">
      <c r="A55521" s="13" t="s">
        <v>304</v>
      </c>
      <c r="B55521" s="14" t="s">
        <v>1</v>
      </c>
      <c r="C55521" s="14" t="s">
        <v>137</v>
      </c>
      <c r="D55521" s="14" t="s">
        <v>18</v>
      </c>
      <c r="E55521" s="15">
        <v>45417</v>
      </c>
      <c r="F55521" s="14" t="s">
        <v>15</v>
      </c>
      <c r="G55521" s="16">
        <v>0.62239310918353397</v>
      </c>
    </row>
    <row r="55522" spans="1:7" x14ac:dyDescent="0.3">
      <c r="A55522" s="13" t="s">
        <v>304</v>
      </c>
      <c r="B55522" s="14" t="s">
        <v>1</v>
      </c>
      <c r="C55522" s="14" t="s">
        <v>137</v>
      </c>
      <c r="D55522" s="14" t="s">
        <v>18</v>
      </c>
      <c r="E55522" s="15">
        <v>45418</v>
      </c>
      <c r="F55522" s="14" t="s">
        <v>15</v>
      </c>
      <c r="G55522" s="16">
        <v>0.62239310918353397</v>
      </c>
    </row>
    <row r="55523" spans="1:7" x14ac:dyDescent="0.3">
      <c r="A55523" s="13" t="s">
        <v>304</v>
      </c>
      <c r="B55523" s="14" t="s">
        <v>1</v>
      </c>
      <c r="C55523" s="14" t="s">
        <v>137</v>
      </c>
      <c r="D55523" s="14" t="s">
        <v>18</v>
      </c>
      <c r="E55523" s="15">
        <v>45419</v>
      </c>
      <c r="F55523" s="14" t="s">
        <v>15</v>
      </c>
      <c r="G55523" s="16">
        <v>0.64184123355598088</v>
      </c>
    </row>
    <row r="55524" spans="1:7" x14ac:dyDescent="0.3">
      <c r="A55524" s="13" t="s">
        <v>304</v>
      </c>
      <c r="B55524" s="14" t="s">
        <v>1</v>
      </c>
      <c r="C55524" s="14" t="s">
        <v>137</v>
      </c>
      <c r="D55524" s="14" t="s">
        <v>18</v>
      </c>
      <c r="E55524" s="15">
        <v>45420</v>
      </c>
      <c r="F55524" s="14" t="s">
        <v>15</v>
      </c>
      <c r="G55524" s="16">
        <v>0.71495517824092769</v>
      </c>
    </row>
    <row r="55525" spans="1:7" x14ac:dyDescent="0.3">
      <c r="A55525" s="13" t="s">
        <v>304</v>
      </c>
      <c r="B55525" s="14" t="s">
        <v>1</v>
      </c>
      <c r="C55525" s="14" t="s">
        <v>137</v>
      </c>
      <c r="D55525" s="14" t="s">
        <v>18</v>
      </c>
      <c r="E55525" s="15">
        <v>45421</v>
      </c>
      <c r="F55525" s="14" t="s">
        <v>15</v>
      </c>
      <c r="G55525" s="16">
        <v>0.7346173651133745</v>
      </c>
    </row>
    <row r="55526" spans="1:7" x14ac:dyDescent="0.3">
      <c r="A55526" s="13" t="s">
        <v>304</v>
      </c>
      <c r="B55526" s="14" t="s">
        <v>1</v>
      </c>
      <c r="C55526" s="14" t="s">
        <v>137</v>
      </c>
      <c r="D55526" s="14" t="s">
        <v>18</v>
      </c>
      <c r="E55526" s="15">
        <v>45422</v>
      </c>
      <c r="F55526" s="14" t="s">
        <v>15</v>
      </c>
      <c r="G55526" s="16">
        <v>0.75380865354832138</v>
      </c>
    </row>
    <row r="55527" spans="1:7" x14ac:dyDescent="0.3">
      <c r="A55527" s="13" t="s">
        <v>304</v>
      </c>
      <c r="B55527" s="14" t="s">
        <v>1</v>
      </c>
      <c r="C55527" s="14" t="s">
        <v>137</v>
      </c>
      <c r="D55527" s="14" t="s">
        <v>18</v>
      </c>
      <c r="E55527" s="15">
        <v>45423</v>
      </c>
      <c r="F55527" s="14" t="s">
        <v>15</v>
      </c>
      <c r="G55527" s="16">
        <v>0.75380865354832138</v>
      </c>
    </row>
    <row r="55528" spans="1:7" x14ac:dyDescent="0.3">
      <c r="A55528" s="13" t="s">
        <v>304</v>
      </c>
      <c r="B55528" s="14" t="s">
        <v>1</v>
      </c>
      <c r="C55528" s="14" t="s">
        <v>137</v>
      </c>
      <c r="D55528" s="14" t="s">
        <v>18</v>
      </c>
      <c r="E55528" s="15">
        <v>45424</v>
      </c>
      <c r="F55528" s="14" t="s">
        <v>15</v>
      </c>
      <c r="G55528" s="16">
        <v>0.75380865354832138</v>
      </c>
    </row>
    <row r="55529" spans="1:7" x14ac:dyDescent="0.3">
      <c r="A55529" s="13" t="s">
        <v>304</v>
      </c>
      <c r="B55529" s="14" t="s">
        <v>1</v>
      </c>
      <c r="C55529" s="14" t="s">
        <v>137</v>
      </c>
      <c r="D55529" s="14" t="s">
        <v>18</v>
      </c>
      <c r="E55529" s="15">
        <v>45425</v>
      </c>
      <c r="F55529" s="14" t="s">
        <v>15</v>
      </c>
      <c r="G55529" s="16">
        <v>0.77843041073326813</v>
      </c>
    </row>
    <row r="55530" spans="1:7" x14ac:dyDescent="0.3">
      <c r="A55530" s="13" t="s">
        <v>304</v>
      </c>
      <c r="B55530" s="14" t="s">
        <v>1</v>
      </c>
      <c r="C55530" s="14" t="s">
        <v>137</v>
      </c>
      <c r="D55530" s="14" t="s">
        <v>18</v>
      </c>
      <c r="E55530" s="15">
        <v>45426</v>
      </c>
      <c r="F55530" s="14" t="s">
        <v>15</v>
      </c>
      <c r="G55530" s="16">
        <v>0.83746076166821493</v>
      </c>
    </row>
    <row r="55531" spans="1:7" x14ac:dyDescent="0.3">
      <c r="A55531" s="13" t="s">
        <v>304</v>
      </c>
      <c r="B55531" s="14" t="s">
        <v>1</v>
      </c>
      <c r="C55531" s="14" t="s">
        <v>137</v>
      </c>
      <c r="D55531" s="14" t="s">
        <v>18</v>
      </c>
      <c r="E55531" s="15">
        <v>45427</v>
      </c>
      <c r="F55531" s="14" t="s">
        <v>15</v>
      </c>
      <c r="G55531" s="16">
        <v>0.8565999016656618</v>
      </c>
    </row>
    <row r="55532" spans="1:7" x14ac:dyDescent="0.3">
      <c r="A55532" s="13" t="s">
        <v>304</v>
      </c>
      <c r="B55532" s="14" t="s">
        <v>1</v>
      </c>
      <c r="C55532" s="14" t="s">
        <v>137</v>
      </c>
      <c r="D55532" s="14" t="s">
        <v>18</v>
      </c>
      <c r="E55532" s="15">
        <v>45428</v>
      </c>
      <c r="F55532" s="14" t="s">
        <v>15</v>
      </c>
      <c r="G55532" s="16">
        <v>0.87580056510060855</v>
      </c>
    </row>
    <row r="55533" spans="1:7" x14ac:dyDescent="0.3">
      <c r="A55533" s="13" t="s">
        <v>304</v>
      </c>
      <c r="B55533" s="14" t="s">
        <v>1</v>
      </c>
      <c r="C55533" s="14" t="s">
        <v>137</v>
      </c>
      <c r="D55533" s="14" t="s">
        <v>18</v>
      </c>
      <c r="E55533" s="15">
        <v>45429</v>
      </c>
      <c r="F55533" s="14" t="s">
        <v>15</v>
      </c>
      <c r="G55533" s="16">
        <v>0.89367388478555543</v>
      </c>
    </row>
    <row r="55534" spans="1:7" x14ac:dyDescent="0.3">
      <c r="A55534" s="13" t="s">
        <v>304</v>
      </c>
      <c r="B55534" s="14" t="s">
        <v>1</v>
      </c>
      <c r="C55534" s="14" t="s">
        <v>137</v>
      </c>
      <c r="D55534" s="14" t="s">
        <v>18</v>
      </c>
      <c r="E55534" s="15">
        <v>45430</v>
      </c>
      <c r="F55534" s="14" t="s">
        <v>15</v>
      </c>
      <c r="G55534" s="16">
        <v>0.89367388478555543</v>
      </c>
    </row>
    <row r="55535" spans="1:7" x14ac:dyDescent="0.3">
      <c r="A55535" s="13" t="s">
        <v>304</v>
      </c>
      <c r="B55535" s="14" t="s">
        <v>1</v>
      </c>
      <c r="C55535" s="14" t="s">
        <v>137</v>
      </c>
      <c r="D55535" s="14" t="s">
        <v>18</v>
      </c>
      <c r="E55535" s="15">
        <v>45431</v>
      </c>
      <c r="F55535" s="14" t="s">
        <v>15</v>
      </c>
      <c r="G55535" s="16">
        <v>0.89367388478555543</v>
      </c>
    </row>
    <row r="55536" spans="1:7" x14ac:dyDescent="0.3">
      <c r="A55536" s="13" t="s">
        <v>304</v>
      </c>
      <c r="B55536" s="14" t="s">
        <v>1</v>
      </c>
      <c r="C55536" s="14" t="s">
        <v>137</v>
      </c>
      <c r="D55536" s="14" t="s">
        <v>18</v>
      </c>
      <c r="E55536" s="15">
        <v>45432</v>
      </c>
      <c r="F55536" s="14" t="s">
        <v>15</v>
      </c>
      <c r="G55536" s="16">
        <v>0.91276771228300224</v>
      </c>
    </row>
    <row r="55537" spans="1:7" x14ac:dyDescent="0.3">
      <c r="A55537" s="13" t="s">
        <v>304</v>
      </c>
      <c r="B55537" s="14" t="s">
        <v>1</v>
      </c>
      <c r="C55537" s="14" t="s">
        <v>137</v>
      </c>
      <c r="D55537" s="14" t="s">
        <v>18</v>
      </c>
      <c r="E55537" s="15">
        <v>45433</v>
      </c>
      <c r="F55537" s="14" t="s">
        <v>15</v>
      </c>
      <c r="G55537" s="16">
        <v>0.96961661790544906</v>
      </c>
    </row>
    <row r="55538" spans="1:7" x14ac:dyDescent="0.3">
      <c r="A55538" s="13" t="s">
        <v>304</v>
      </c>
      <c r="B55538" s="14" t="s">
        <v>1</v>
      </c>
      <c r="C55538" s="14" t="s">
        <v>137</v>
      </c>
      <c r="D55538" s="14" t="s">
        <v>18</v>
      </c>
      <c r="E55538" s="15">
        <v>45434</v>
      </c>
      <c r="F55538" s="14" t="s">
        <v>15</v>
      </c>
      <c r="G55538" s="16">
        <v>0.9886745079028959</v>
      </c>
    </row>
    <row r="55539" spans="1:7" x14ac:dyDescent="0.3">
      <c r="A55539" s="13" t="s">
        <v>304</v>
      </c>
      <c r="B55539" s="14" t="s">
        <v>1</v>
      </c>
      <c r="C55539" s="14" t="s">
        <v>137</v>
      </c>
      <c r="D55539" s="14" t="s">
        <v>18</v>
      </c>
      <c r="E55539" s="15">
        <v>45435</v>
      </c>
      <c r="F55539" s="14" t="s">
        <v>15</v>
      </c>
      <c r="G55539" s="16">
        <v>1.0103327885253428</v>
      </c>
    </row>
    <row r="55540" spans="1:7" x14ac:dyDescent="0.3">
      <c r="A55540" s="13" t="s">
        <v>304</v>
      </c>
      <c r="B55540" s="14" t="s">
        <v>1</v>
      </c>
      <c r="C55540" s="14" t="s">
        <v>137</v>
      </c>
      <c r="D55540" s="14" t="s">
        <v>18</v>
      </c>
      <c r="E55540" s="15">
        <v>45436</v>
      </c>
      <c r="F55540" s="14" t="s">
        <v>15</v>
      </c>
      <c r="G55540" s="16">
        <v>1.0309215378977896</v>
      </c>
    </row>
    <row r="55541" spans="1:7" x14ac:dyDescent="0.3">
      <c r="A55541" s="13" t="s">
        <v>304</v>
      </c>
      <c r="B55541" s="14" t="s">
        <v>1</v>
      </c>
      <c r="C55541" s="14" t="s">
        <v>137</v>
      </c>
      <c r="D55541" s="14" t="s">
        <v>18</v>
      </c>
      <c r="E55541" s="15">
        <v>45437</v>
      </c>
      <c r="F55541" s="14" t="s">
        <v>15</v>
      </c>
      <c r="G55541" s="16">
        <v>1.0309215378977896</v>
      </c>
    </row>
    <row r="55542" spans="1:7" x14ac:dyDescent="0.3">
      <c r="A55542" s="13" t="s">
        <v>304</v>
      </c>
      <c r="B55542" s="14" t="s">
        <v>1</v>
      </c>
      <c r="C55542" s="14" t="s">
        <v>137</v>
      </c>
      <c r="D55542" s="14" t="s">
        <v>18</v>
      </c>
      <c r="E55542" s="15">
        <v>45438</v>
      </c>
      <c r="F55542" s="14" t="s">
        <v>15</v>
      </c>
      <c r="G55542" s="16">
        <v>1.0309215378977896</v>
      </c>
    </row>
    <row r="55543" spans="1:7" x14ac:dyDescent="0.3">
      <c r="A55543" s="13" t="s">
        <v>304</v>
      </c>
      <c r="B55543" s="14" t="s">
        <v>1</v>
      </c>
      <c r="C55543" s="14" t="s">
        <v>137</v>
      </c>
      <c r="D55543" s="14" t="s">
        <v>18</v>
      </c>
      <c r="E55543" s="15">
        <v>45439</v>
      </c>
      <c r="F55543" s="14" t="s">
        <v>15</v>
      </c>
      <c r="G55543" s="16">
        <v>1.0524001310202364</v>
      </c>
    </row>
    <row r="55544" spans="1:7" x14ac:dyDescent="0.3">
      <c r="A55544" s="13" t="s">
        <v>304</v>
      </c>
      <c r="B55544" s="14" t="s">
        <v>1</v>
      </c>
      <c r="C55544" s="14" t="s">
        <v>137</v>
      </c>
      <c r="D55544" s="14" t="s">
        <v>18</v>
      </c>
      <c r="E55544" s="15">
        <v>45440</v>
      </c>
      <c r="F55544" s="14" t="s">
        <v>15</v>
      </c>
      <c r="G55544" s="16">
        <v>1.1110953257051832</v>
      </c>
    </row>
    <row r="55545" spans="1:7" x14ac:dyDescent="0.3">
      <c r="A55545" s="13" t="s">
        <v>304</v>
      </c>
      <c r="B55545" s="14" t="s">
        <v>1</v>
      </c>
      <c r="C55545" s="14" t="s">
        <v>137</v>
      </c>
      <c r="D55545" s="14" t="s">
        <v>18</v>
      </c>
      <c r="E55545" s="15">
        <v>45441</v>
      </c>
      <c r="F55545" s="14" t="s">
        <v>15</v>
      </c>
      <c r="G55545" s="16">
        <v>1.1307204032026301</v>
      </c>
    </row>
    <row r="55546" spans="1:7" x14ac:dyDescent="0.3">
      <c r="A55546" s="13" t="s">
        <v>304</v>
      </c>
      <c r="B55546" s="14" t="s">
        <v>1</v>
      </c>
      <c r="C55546" s="14" t="s">
        <v>137</v>
      </c>
      <c r="D55546" s="14" t="s">
        <v>18</v>
      </c>
      <c r="E55546" s="15">
        <v>45442</v>
      </c>
      <c r="F55546" s="14" t="s">
        <v>15</v>
      </c>
      <c r="G55546" s="16">
        <v>1.150714426012577</v>
      </c>
    </row>
    <row r="55547" spans="1:7" x14ac:dyDescent="0.3">
      <c r="A55547" s="13" t="s">
        <v>304</v>
      </c>
      <c r="B55547" s="14" t="s">
        <v>1</v>
      </c>
      <c r="C55547" s="14" t="s">
        <v>137</v>
      </c>
      <c r="D55547" s="14" t="s">
        <v>18</v>
      </c>
      <c r="E55547" s="15">
        <v>45443</v>
      </c>
      <c r="F55547" s="14" t="s">
        <v>15</v>
      </c>
      <c r="G55547" s="16">
        <v>1.1704609878850238</v>
      </c>
    </row>
    <row r="55548" spans="1:7" x14ac:dyDescent="0.3">
      <c r="A55548" s="13" t="s">
        <v>304</v>
      </c>
      <c r="B55548" s="14" t="s">
        <v>1</v>
      </c>
      <c r="C55548" s="14" t="s">
        <v>137</v>
      </c>
      <c r="D55548" s="14" t="s">
        <v>18</v>
      </c>
      <c r="E55548" s="15">
        <v>45444</v>
      </c>
      <c r="F55548" s="14" t="s">
        <v>15</v>
      </c>
      <c r="G55548" s="16">
        <v>1.1704609878850238</v>
      </c>
    </row>
    <row r="55549" spans="1:7" x14ac:dyDescent="0.3">
      <c r="A55549" s="13" t="s">
        <v>304</v>
      </c>
      <c r="B55549" s="14" t="s">
        <v>1</v>
      </c>
      <c r="C55549" s="14" t="s">
        <v>137</v>
      </c>
      <c r="D55549" s="14" t="s">
        <v>18</v>
      </c>
      <c r="E55549" s="15">
        <v>45445</v>
      </c>
      <c r="F55549" s="14" t="s">
        <v>15</v>
      </c>
      <c r="G55549" s="16">
        <v>1.1704609878850238</v>
      </c>
    </row>
    <row r="55550" spans="1:7" x14ac:dyDescent="0.3">
      <c r="A55550" s="13" t="s">
        <v>304</v>
      </c>
      <c r="B55550" s="14" t="s">
        <v>1</v>
      </c>
      <c r="C55550" s="14" t="s">
        <v>137</v>
      </c>
      <c r="D55550" s="14" t="s">
        <v>18</v>
      </c>
      <c r="E55550" s="15">
        <v>45446</v>
      </c>
      <c r="F55550" s="14" t="s">
        <v>15</v>
      </c>
      <c r="G55550" s="16">
        <v>1.1704609878850238</v>
      </c>
    </row>
    <row r="55551" spans="1:7" x14ac:dyDescent="0.3">
      <c r="A55551" s="13" t="s">
        <v>304</v>
      </c>
      <c r="B55551" s="14" t="s">
        <v>1</v>
      </c>
      <c r="C55551" s="14" t="s">
        <v>137</v>
      </c>
      <c r="D55551" s="14" t="s">
        <v>18</v>
      </c>
      <c r="E55551" s="15">
        <v>45447</v>
      </c>
      <c r="F55551" s="14" t="s">
        <v>15</v>
      </c>
      <c r="G55551" s="16">
        <v>1.1890819638199708</v>
      </c>
    </row>
    <row r="55552" spans="1:7" x14ac:dyDescent="0.3">
      <c r="A55552" s="13" t="s">
        <v>304</v>
      </c>
      <c r="B55552" s="14" t="s">
        <v>1</v>
      </c>
      <c r="C55552" s="14" t="s">
        <v>137</v>
      </c>
      <c r="D55552" s="14" t="s">
        <v>18</v>
      </c>
      <c r="E55552" s="15">
        <v>45448</v>
      </c>
      <c r="F55552" s="14" t="s">
        <v>15</v>
      </c>
      <c r="G55552" s="16">
        <v>1.2559582131924174</v>
      </c>
    </row>
    <row r="55553" spans="1:7" x14ac:dyDescent="0.3">
      <c r="A55553" s="13" t="s">
        <v>304</v>
      </c>
      <c r="B55553" s="14" t="s">
        <v>1</v>
      </c>
      <c r="C55553" s="14" t="s">
        <v>137</v>
      </c>
      <c r="D55553" s="14" t="s">
        <v>18</v>
      </c>
      <c r="E55553" s="15">
        <v>45449</v>
      </c>
      <c r="F55553" s="14" t="s">
        <v>15</v>
      </c>
      <c r="G55553" s="16">
        <v>1.2762592672523645</v>
      </c>
    </row>
    <row r="55554" spans="1:7" x14ac:dyDescent="0.3">
      <c r="A55554" s="13" t="s">
        <v>304</v>
      </c>
      <c r="B55554" s="14" t="s">
        <v>1</v>
      </c>
      <c r="C55554" s="14" t="s">
        <v>137</v>
      </c>
      <c r="D55554" s="14" t="s">
        <v>18</v>
      </c>
      <c r="E55554" s="15">
        <v>45450</v>
      </c>
      <c r="F55554" s="14" t="s">
        <v>15</v>
      </c>
      <c r="G55554" s="16">
        <v>1.2965771181873111</v>
      </c>
    </row>
    <row r="55555" spans="1:7" x14ac:dyDescent="0.3">
      <c r="A55555" s="13" t="s">
        <v>304</v>
      </c>
      <c r="B55555" s="14" t="s">
        <v>1</v>
      </c>
      <c r="C55555" s="14" t="s">
        <v>137</v>
      </c>
      <c r="D55555" s="14" t="s">
        <v>18</v>
      </c>
      <c r="E55555" s="15">
        <v>45451</v>
      </c>
      <c r="F55555" s="14" t="s">
        <v>15</v>
      </c>
      <c r="G55555" s="16">
        <v>1.2965771181873111</v>
      </c>
    </row>
    <row r="55556" spans="1:7" x14ac:dyDescent="0.3">
      <c r="A55556" s="13" t="s">
        <v>304</v>
      </c>
      <c r="B55556" s="14" t="s">
        <v>1</v>
      </c>
      <c r="C55556" s="14" t="s">
        <v>137</v>
      </c>
      <c r="D55556" s="14" t="s">
        <v>18</v>
      </c>
      <c r="E55556" s="15">
        <v>45452</v>
      </c>
      <c r="F55556" s="14" t="s">
        <v>15</v>
      </c>
      <c r="G55556" s="16">
        <v>1.2965771181873111</v>
      </c>
    </row>
    <row r="55557" spans="1:7" x14ac:dyDescent="0.3">
      <c r="A55557" s="13" t="s">
        <v>304</v>
      </c>
      <c r="B55557" s="14" t="s">
        <v>1</v>
      </c>
      <c r="C55557" s="14" t="s">
        <v>137</v>
      </c>
      <c r="D55557" s="14" t="s">
        <v>18</v>
      </c>
      <c r="E55557" s="15">
        <v>45453</v>
      </c>
      <c r="F55557" s="14" t="s">
        <v>15</v>
      </c>
      <c r="G55557" s="16">
        <v>1.3237545394347581</v>
      </c>
    </row>
    <row r="55558" spans="1:7" x14ac:dyDescent="0.3">
      <c r="A55558" s="13" t="s">
        <v>304</v>
      </c>
      <c r="B55558" s="14" t="s">
        <v>1</v>
      </c>
      <c r="C55558" s="14" t="s">
        <v>137</v>
      </c>
      <c r="D55558" s="14" t="s">
        <v>18</v>
      </c>
      <c r="E55558" s="15">
        <v>45454</v>
      </c>
      <c r="F55558" s="14" t="s">
        <v>15</v>
      </c>
      <c r="G55558" s="16">
        <v>1.3844848903697049</v>
      </c>
    </row>
    <row r="55559" spans="1:7" x14ac:dyDescent="0.3">
      <c r="A55559" s="13" t="s">
        <v>304</v>
      </c>
      <c r="B55559" s="14" t="s">
        <v>1</v>
      </c>
      <c r="C55559" s="14" t="s">
        <v>137</v>
      </c>
      <c r="D55559" s="14" t="s">
        <v>18</v>
      </c>
      <c r="E55559" s="15">
        <v>45455</v>
      </c>
      <c r="F55559" s="14" t="s">
        <v>15</v>
      </c>
      <c r="G55559" s="16">
        <v>1.4048341866171519</v>
      </c>
    </row>
    <row r="55560" spans="1:7" x14ac:dyDescent="0.3">
      <c r="A55560" s="13" t="s">
        <v>304</v>
      </c>
      <c r="B55560" s="14" t="s">
        <v>1</v>
      </c>
      <c r="C55560" s="14" t="s">
        <v>137</v>
      </c>
      <c r="D55560" s="14" t="s">
        <v>18</v>
      </c>
      <c r="E55560" s="15">
        <v>45456</v>
      </c>
      <c r="F55560" s="14" t="s">
        <v>15</v>
      </c>
      <c r="G55560" s="16">
        <v>1.4251924672395986</v>
      </c>
    </row>
    <row r="55561" spans="1:7" x14ac:dyDescent="0.3">
      <c r="A55561" s="13" t="s">
        <v>304</v>
      </c>
      <c r="B55561" s="14" t="s">
        <v>1</v>
      </c>
      <c r="C55561" s="14" t="s">
        <v>137</v>
      </c>
      <c r="D55561" s="14" t="s">
        <v>18</v>
      </c>
      <c r="E55561" s="15">
        <v>45457</v>
      </c>
      <c r="F55561" s="14" t="s">
        <v>15</v>
      </c>
      <c r="G55561" s="16">
        <v>1.4453509431745453</v>
      </c>
    </row>
    <row r="55562" spans="1:7" x14ac:dyDescent="0.3">
      <c r="A55562" s="13" t="s">
        <v>304</v>
      </c>
      <c r="B55562" s="14" t="s">
        <v>1</v>
      </c>
      <c r="C55562" s="14" t="s">
        <v>137</v>
      </c>
      <c r="D55562" s="14" t="s">
        <v>18</v>
      </c>
      <c r="E55562" s="15">
        <v>45458</v>
      </c>
      <c r="F55562" s="14" t="s">
        <v>15</v>
      </c>
      <c r="G55562" s="16">
        <v>1.4453509431745453</v>
      </c>
    </row>
    <row r="55563" spans="1:7" x14ac:dyDescent="0.3">
      <c r="A55563" s="13" t="s">
        <v>304</v>
      </c>
      <c r="B55563" s="14" t="s">
        <v>1</v>
      </c>
      <c r="C55563" s="14" t="s">
        <v>137</v>
      </c>
      <c r="D55563" s="14" t="s">
        <v>18</v>
      </c>
      <c r="E55563" s="15">
        <v>45459</v>
      </c>
      <c r="F55563" s="14" t="s">
        <v>15</v>
      </c>
      <c r="G55563" s="16">
        <v>1.4453509431745453</v>
      </c>
    </row>
    <row r="55564" spans="1:7" x14ac:dyDescent="0.3">
      <c r="A55564" s="13" t="s">
        <v>304</v>
      </c>
      <c r="B55564" s="14" t="s">
        <v>1</v>
      </c>
      <c r="C55564" s="14" t="s">
        <v>137</v>
      </c>
      <c r="D55564" s="14" t="s">
        <v>18</v>
      </c>
      <c r="E55564" s="15">
        <v>45460</v>
      </c>
      <c r="F55564" s="14" t="s">
        <v>15</v>
      </c>
      <c r="G55564" s="16">
        <v>1.4656133253594923</v>
      </c>
    </row>
    <row r="55565" spans="1:7" x14ac:dyDescent="0.3">
      <c r="A55565" s="13" t="s">
        <v>304</v>
      </c>
      <c r="B55565" s="14" t="s">
        <v>1</v>
      </c>
      <c r="C55565" s="14" t="s">
        <v>137</v>
      </c>
      <c r="D55565" s="14" t="s">
        <v>18</v>
      </c>
      <c r="E55565" s="15">
        <v>45461</v>
      </c>
      <c r="F55565" s="14" t="s">
        <v>15</v>
      </c>
      <c r="G55565" s="16">
        <v>1.526410473169439</v>
      </c>
    </row>
    <row r="55566" spans="1:7" x14ac:dyDescent="0.3">
      <c r="A55566" s="13" t="s">
        <v>304</v>
      </c>
      <c r="B55566" s="14" t="s">
        <v>1</v>
      </c>
      <c r="C55566" s="14" t="s">
        <v>137</v>
      </c>
      <c r="D55566" s="14" t="s">
        <v>18</v>
      </c>
      <c r="E55566" s="15">
        <v>45462</v>
      </c>
      <c r="F55566" s="14" t="s">
        <v>15</v>
      </c>
      <c r="G55566" s="16">
        <v>1.546766605354386</v>
      </c>
    </row>
    <row r="55567" spans="1:7" x14ac:dyDescent="0.3">
      <c r="A55567" s="13" t="s">
        <v>304</v>
      </c>
      <c r="B55567" s="14" t="s">
        <v>1</v>
      </c>
      <c r="C55567" s="14" t="s">
        <v>137</v>
      </c>
      <c r="D55567" s="14" t="s">
        <v>18</v>
      </c>
      <c r="E55567" s="15">
        <v>45463</v>
      </c>
      <c r="F55567" s="14" t="s">
        <v>15</v>
      </c>
      <c r="G55567" s="16">
        <v>1.567102620351833</v>
      </c>
    </row>
    <row r="55568" spans="1:7" x14ac:dyDescent="0.3">
      <c r="A55568" s="13" t="s">
        <v>304</v>
      </c>
      <c r="B55568" s="14" t="s">
        <v>1</v>
      </c>
      <c r="C55568" s="14" t="s">
        <v>137</v>
      </c>
      <c r="D55568" s="14" t="s">
        <v>18</v>
      </c>
      <c r="E55568" s="15">
        <v>45464</v>
      </c>
      <c r="F55568" s="14" t="s">
        <v>15</v>
      </c>
      <c r="G55568" s="16">
        <v>1.5879644165992799</v>
      </c>
    </row>
    <row r="55569" spans="1:7" x14ac:dyDescent="0.3">
      <c r="A55569" s="13" t="s">
        <v>304</v>
      </c>
      <c r="B55569" s="14" t="s">
        <v>1</v>
      </c>
      <c r="C55569" s="14" t="s">
        <v>137</v>
      </c>
      <c r="D55569" s="14" t="s">
        <v>18</v>
      </c>
      <c r="E55569" s="15">
        <v>45465</v>
      </c>
      <c r="F55569" s="14" t="s">
        <v>15</v>
      </c>
      <c r="G55569" s="16">
        <v>1.5879644165992799</v>
      </c>
    </row>
    <row r="55570" spans="1:7" x14ac:dyDescent="0.3">
      <c r="A55570" s="13" t="s">
        <v>304</v>
      </c>
      <c r="B55570" s="14" t="s">
        <v>1</v>
      </c>
      <c r="C55570" s="14" t="s">
        <v>137</v>
      </c>
      <c r="D55570" s="14" t="s">
        <v>18</v>
      </c>
      <c r="E55570" s="15">
        <v>45466</v>
      </c>
      <c r="F55570" s="14" t="s">
        <v>15</v>
      </c>
      <c r="G55570" s="16">
        <v>1.5879644165992799</v>
      </c>
    </row>
    <row r="55571" spans="1:7" x14ac:dyDescent="0.3">
      <c r="A55571" s="13" t="s">
        <v>304</v>
      </c>
      <c r="B55571" s="14" t="s">
        <v>1</v>
      </c>
      <c r="C55571" s="14" t="s">
        <v>137</v>
      </c>
      <c r="D55571" s="14" t="s">
        <v>18</v>
      </c>
      <c r="E55571" s="15">
        <v>45467</v>
      </c>
      <c r="F55571" s="14" t="s">
        <v>15</v>
      </c>
      <c r="G55571" s="16">
        <v>1.6092635175342267</v>
      </c>
    </row>
    <row r="55572" spans="1:7" x14ac:dyDescent="0.3">
      <c r="A55572" s="13" t="s">
        <v>304</v>
      </c>
      <c r="B55572" s="14" t="s">
        <v>1</v>
      </c>
      <c r="C55572" s="14" t="s">
        <v>137</v>
      </c>
      <c r="D55572" s="14" t="s">
        <v>18</v>
      </c>
      <c r="E55572" s="15">
        <v>45468</v>
      </c>
      <c r="F55572" s="14" t="s">
        <v>15</v>
      </c>
      <c r="G55572" s="16">
        <v>1.6715278528441735</v>
      </c>
    </row>
    <row r="55573" spans="1:7" x14ac:dyDescent="0.3">
      <c r="A55573" s="13" t="s">
        <v>304</v>
      </c>
      <c r="B55573" s="14" t="s">
        <v>1</v>
      </c>
      <c r="C55573" s="14" t="s">
        <v>137</v>
      </c>
      <c r="D55573" s="14" t="s">
        <v>18</v>
      </c>
      <c r="E55573" s="15">
        <v>45469</v>
      </c>
      <c r="F55573" s="14" t="s">
        <v>15</v>
      </c>
      <c r="G55573" s="16">
        <v>1.6919669928416203</v>
      </c>
    </row>
    <row r="55574" spans="1:7" x14ac:dyDescent="0.3">
      <c r="A55574" s="13" t="s">
        <v>304</v>
      </c>
      <c r="B55574" s="14" t="s">
        <v>1</v>
      </c>
      <c r="C55574" s="14" t="s">
        <v>137</v>
      </c>
      <c r="D55574" s="14" t="s">
        <v>18</v>
      </c>
      <c r="E55574" s="15">
        <v>45470</v>
      </c>
      <c r="F55574" s="14" t="s">
        <v>15</v>
      </c>
      <c r="G55574" s="16">
        <v>1.7124209765890672</v>
      </c>
    </row>
    <row r="55575" spans="1:7" x14ac:dyDescent="0.3">
      <c r="A55575" s="13" t="s">
        <v>304</v>
      </c>
      <c r="B55575" s="14" t="s">
        <v>1</v>
      </c>
      <c r="C55575" s="14" t="s">
        <v>137</v>
      </c>
      <c r="D55575" s="14" t="s">
        <v>18</v>
      </c>
      <c r="E55575" s="15">
        <v>45471</v>
      </c>
      <c r="F55575" s="14" t="s">
        <v>15</v>
      </c>
      <c r="G55575" s="16">
        <v>1.7329441009615141</v>
      </c>
    </row>
    <row r="55576" spans="1:7" x14ac:dyDescent="0.3">
      <c r="A55576" s="13" t="s">
        <v>304</v>
      </c>
      <c r="B55576" s="14" t="s">
        <v>1</v>
      </c>
      <c r="C55576" s="14" t="s">
        <v>137</v>
      </c>
      <c r="D55576" s="14" t="s">
        <v>18</v>
      </c>
      <c r="E55576" s="15">
        <v>45472</v>
      </c>
      <c r="F55576" s="14" t="s">
        <v>15</v>
      </c>
      <c r="G55576" s="16">
        <v>1.7329441009615141</v>
      </c>
    </row>
    <row r="55577" spans="1:7" x14ac:dyDescent="0.3">
      <c r="A55577" s="13" t="s">
        <v>304</v>
      </c>
      <c r="B55577" s="14" t="s">
        <v>1</v>
      </c>
      <c r="C55577" s="14" t="s">
        <v>137</v>
      </c>
      <c r="D55577" s="14" t="s">
        <v>18</v>
      </c>
      <c r="E55577" s="15">
        <v>45473</v>
      </c>
      <c r="F55577" s="14" t="s">
        <v>15</v>
      </c>
      <c r="G55577" s="16">
        <v>1.7329441009615141</v>
      </c>
    </row>
    <row r="55578" spans="1:7" x14ac:dyDescent="0.3">
      <c r="A55578" s="13" t="s">
        <v>304</v>
      </c>
      <c r="B55578" s="14" t="s">
        <v>1</v>
      </c>
      <c r="C55578" s="14" t="s">
        <v>137</v>
      </c>
      <c r="D55578" s="14" t="s">
        <v>18</v>
      </c>
      <c r="E55578" s="15">
        <v>45474</v>
      </c>
      <c r="F55578" s="14" t="s">
        <v>15</v>
      </c>
      <c r="G55578" s="16">
        <v>1.7538750378339609</v>
      </c>
    </row>
    <row r="55579" spans="1:7" x14ac:dyDescent="0.3">
      <c r="A55579" s="13" t="s">
        <v>304</v>
      </c>
      <c r="B55579" s="14" t="s">
        <v>1</v>
      </c>
      <c r="C55579" s="14" t="s">
        <v>137</v>
      </c>
      <c r="D55579" s="14" t="s">
        <v>18</v>
      </c>
      <c r="E55579" s="15">
        <v>45475</v>
      </c>
      <c r="F55579" s="14" t="s">
        <v>15</v>
      </c>
      <c r="G55579" s="16">
        <v>1.8172952325189078</v>
      </c>
    </row>
    <row r="55580" spans="1:7" x14ac:dyDescent="0.3">
      <c r="A55580" s="13" t="s">
        <v>304</v>
      </c>
      <c r="B55580" s="14" t="s">
        <v>1</v>
      </c>
      <c r="C55580" s="14" t="s">
        <v>137</v>
      </c>
      <c r="D55580" s="14" t="s">
        <v>18</v>
      </c>
      <c r="E55580" s="15">
        <v>45476</v>
      </c>
      <c r="F55580" s="14" t="s">
        <v>15</v>
      </c>
      <c r="G55580" s="16">
        <v>1.8380556615788546</v>
      </c>
    </row>
    <row r="55581" spans="1:7" x14ac:dyDescent="0.3">
      <c r="A55581" s="13" t="s">
        <v>304</v>
      </c>
      <c r="B55581" s="14" t="s">
        <v>1</v>
      </c>
      <c r="C55581" s="14" t="s">
        <v>137</v>
      </c>
      <c r="D55581" s="14" t="s">
        <v>18</v>
      </c>
      <c r="E55581" s="15">
        <v>45477</v>
      </c>
      <c r="F55581" s="14" t="s">
        <v>15</v>
      </c>
      <c r="G55581" s="16">
        <v>1.8587414812638015</v>
      </c>
    </row>
    <row r="55582" spans="1:7" x14ac:dyDescent="0.3">
      <c r="A55582" s="13" t="s">
        <v>304</v>
      </c>
      <c r="B55582" s="14" t="s">
        <v>1</v>
      </c>
      <c r="C55582" s="14" t="s">
        <v>137</v>
      </c>
      <c r="D55582" s="14" t="s">
        <v>18</v>
      </c>
      <c r="E55582" s="15">
        <v>45478</v>
      </c>
      <c r="F55582" s="14" t="s">
        <v>15</v>
      </c>
      <c r="G55582" s="16">
        <v>1.8793591368862481</v>
      </c>
    </row>
    <row r="55583" spans="1:7" x14ac:dyDescent="0.3">
      <c r="A55583" s="13" t="s">
        <v>304</v>
      </c>
      <c r="B55583" s="14" t="s">
        <v>1</v>
      </c>
      <c r="C55583" s="14" t="s">
        <v>137</v>
      </c>
      <c r="D55583" s="14" t="s">
        <v>18</v>
      </c>
      <c r="E55583" s="15">
        <v>45479</v>
      </c>
      <c r="F55583" s="14" t="s">
        <v>15</v>
      </c>
      <c r="G55583" s="16">
        <v>1.8793591368862481</v>
      </c>
    </row>
    <row r="55584" spans="1:7" x14ac:dyDescent="0.3">
      <c r="A55584" s="13" t="s">
        <v>304</v>
      </c>
      <c r="B55584" s="14" t="s">
        <v>1</v>
      </c>
      <c r="C55584" s="14" t="s">
        <v>137</v>
      </c>
      <c r="D55584" s="14" t="s">
        <v>18</v>
      </c>
      <c r="E55584" s="15">
        <v>45480</v>
      </c>
      <c r="F55584" s="14" t="s">
        <v>15</v>
      </c>
      <c r="G55584" s="16">
        <v>1.8793591368862481</v>
      </c>
    </row>
    <row r="55585" spans="1:7" x14ac:dyDescent="0.3">
      <c r="A55585" s="13" t="s">
        <v>304</v>
      </c>
      <c r="B55585" s="14" t="s">
        <v>1</v>
      </c>
      <c r="C55585" s="14" t="s">
        <v>137</v>
      </c>
      <c r="D55585" s="14" t="s">
        <v>18</v>
      </c>
      <c r="E55585" s="15">
        <v>45481</v>
      </c>
      <c r="F55585" s="14" t="s">
        <v>15</v>
      </c>
      <c r="G55585" s="16">
        <v>1.899949448758695</v>
      </c>
    </row>
    <row r="55586" spans="1:7" x14ac:dyDescent="0.3">
      <c r="A55586" s="13" t="s">
        <v>304</v>
      </c>
      <c r="B55586" s="14" t="s">
        <v>1</v>
      </c>
      <c r="C55586" s="14" t="s">
        <v>137</v>
      </c>
      <c r="D55586" s="14" t="s">
        <v>18</v>
      </c>
      <c r="E55586" s="15">
        <v>45482</v>
      </c>
      <c r="F55586" s="14" t="s">
        <v>15</v>
      </c>
      <c r="G55586" s="16">
        <v>1.9617141746936417</v>
      </c>
    </row>
    <row r="55587" spans="1:7" x14ac:dyDescent="0.3">
      <c r="A55587" s="13" t="s">
        <v>304</v>
      </c>
      <c r="B55587" s="14" t="s">
        <v>1</v>
      </c>
      <c r="C55587" s="14" t="s">
        <v>137</v>
      </c>
      <c r="D55587" s="14" t="s">
        <v>18</v>
      </c>
      <c r="E55587" s="15">
        <v>45483</v>
      </c>
      <c r="F55587" s="14" t="s">
        <v>15</v>
      </c>
      <c r="G55587" s="16">
        <v>1.9890001896910885</v>
      </c>
    </row>
    <row r="55588" spans="1:7" x14ac:dyDescent="0.3">
      <c r="A55588" s="13" t="s">
        <v>304</v>
      </c>
      <c r="B55588" s="14" t="s">
        <v>1</v>
      </c>
      <c r="C55588" s="14" t="s">
        <v>137</v>
      </c>
      <c r="D55588" s="14" t="s">
        <v>18</v>
      </c>
      <c r="E55588" s="15">
        <v>45484</v>
      </c>
      <c r="F55588" s="14" t="s">
        <v>15</v>
      </c>
      <c r="G55588" s="16">
        <v>2.0095412828135353</v>
      </c>
    </row>
    <row r="55589" spans="1:7" x14ac:dyDescent="0.3">
      <c r="A55589" s="13" t="s">
        <v>304</v>
      </c>
      <c r="B55589" s="14" t="s">
        <v>1</v>
      </c>
      <c r="C55589" s="14" t="s">
        <v>137</v>
      </c>
      <c r="D55589" s="14" t="s">
        <v>18</v>
      </c>
      <c r="E55589" s="15">
        <v>45485</v>
      </c>
      <c r="F55589" s="14" t="s">
        <v>15</v>
      </c>
      <c r="G55589" s="16">
        <v>2.0336310087484826</v>
      </c>
    </row>
    <row r="55590" spans="1:7" x14ac:dyDescent="0.3">
      <c r="A55590" s="13" t="s">
        <v>304</v>
      </c>
      <c r="B55590" s="14" t="s">
        <v>1</v>
      </c>
      <c r="C55590" s="14" t="s">
        <v>137</v>
      </c>
      <c r="D55590" s="14" t="s">
        <v>18</v>
      </c>
      <c r="E55590" s="15">
        <v>45486</v>
      </c>
      <c r="F55590" s="14" t="s">
        <v>15</v>
      </c>
      <c r="G55590" s="16">
        <v>2.0336310087484826</v>
      </c>
    </row>
    <row r="55591" spans="1:7" x14ac:dyDescent="0.3">
      <c r="A55591" s="13" t="s">
        <v>304</v>
      </c>
      <c r="B55591" s="14" t="s">
        <v>1</v>
      </c>
      <c r="C55591" s="14" t="s">
        <v>137</v>
      </c>
      <c r="D55591" s="14" t="s">
        <v>18</v>
      </c>
      <c r="E55591" s="15">
        <v>45487</v>
      </c>
      <c r="F55591" s="14" t="s">
        <v>15</v>
      </c>
      <c r="G55591" s="16">
        <v>2.0336310087484826</v>
      </c>
    </row>
    <row r="55592" spans="1:7" x14ac:dyDescent="0.3">
      <c r="A55592" s="13" t="s">
        <v>304</v>
      </c>
      <c r="B55592" s="14" t="s">
        <v>1</v>
      </c>
      <c r="C55592" s="14" t="s">
        <v>137</v>
      </c>
      <c r="D55592" s="14" t="s">
        <v>18</v>
      </c>
      <c r="E55592" s="15">
        <v>45488</v>
      </c>
      <c r="F55592" s="14" t="s">
        <v>15</v>
      </c>
      <c r="G55592" s="16">
        <v>2.0537535471834292</v>
      </c>
    </row>
    <row r="55593" spans="1:7" x14ac:dyDescent="0.3">
      <c r="A55593" s="13" t="s">
        <v>304</v>
      </c>
      <c r="B55593" s="14" t="s">
        <v>1</v>
      </c>
      <c r="C55593" s="14" t="s">
        <v>137</v>
      </c>
      <c r="D55593" s="14" t="s">
        <v>18</v>
      </c>
      <c r="E55593" s="15">
        <v>45489</v>
      </c>
      <c r="F55593" s="14" t="s">
        <v>15</v>
      </c>
      <c r="G55593" s="16">
        <v>2.1135188590558762</v>
      </c>
    </row>
    <row r="55594" spans="1:7" x14ac:dyDescent="0.3">
      <c r="A55594" s="13" t="s">
        <v>304</v>
      </c>
      <c r="B55594" s="14" t="s">
        <v>1</v>
      </c>
      <c r="C55594" s="14" t="s">
        <v>137</v>
      </c>
      <c r="D55594" s="14" t="s">
        <v>18</v>
      </c>
      <c r="E55594" s="15">
        <v>45490</v>
      </c>
      <c r="F55594" s="14" t="s">
        <v>15</v>
      </c>
      <c r="G55594" s="16">
        <v>2.1335218662408231</v>
      </c>
    </row>
    <row r="55595" spans="1:7" x14ac:dyDescent="0.3">
      <c r="A55595" s="13" t="s">
        <v>304</v>
      </c>
      <c r="B55595" s="14" t="s">
        <v>1</v>
      </c>
      <c r="C55595" s="14" t="s">
        <v>137</v>
      </c>
      <c r="D55595" s="14" t="s">
        <v>18</v>
      </c>
      <c r="E55595" s="15">
        <v>45491</v>
      </c>
      <c r="F55595" s="14" t="s">
        <v>15</v>
      </c>
      <c r="G55595" s="16">
        <v>2.1535721390507696</v>
      </c>
    </row>
    <row r="55596" spans="1:7" x14ac:dyDescent="0.3">
      <c r="A55596" s="13" t="s">
        <v>304</v>
      </c>
      <c r="B55596" s="14" t="s">
        <v>1</v>
      </c>
      <c r="C55596" s="14" t="s">
        <v>137</v>
      </c>
      <c r="D55596" s="14" t="s">
        <v>18</v>
      </c>
      <c r="E55596" s="15">
        <v>45492</v>
      </c>
      <c r="F55596" s="14" t="s">
        <v>15</v>
      </c>
      <c r="G55596" s="16">
        <v>2.1735116696732164</v>
      </c>
    </row>
    <row r="55597" spans="1:7" x14ac:dyDescent="0.3">
      <c r="A55597" s="13" t="s">
        <v>304</v>
      </c>
      <c r="B55597" s="14" t="s">
        <v>1</v>
      </c>
      <c r="C55597" s="14" t="s">
        <v>137</v>
      </c>
      <c r="D55597" s="14" t="s">
        <v>18</v>
      </c>
      <c r="E55597" s="15">
        <v>45493</v>
      </c>
      <c r="F55597" s="14" t="s">
        <v>15</v>
      </c>
      <c r="G55597" s="16">
        <v>2.1735116696732164</v>
      </c>
    </row>
    <row r="55598" spans="1:7" x14ac:dyDescent="0.3">
      <c r="A55598" s="13" t="s">
        <v>304</v>
      </c>
      <c r="B55598" s="14" t="s">
        <v>1</v>
      </c>
      <c r="C55598" s="14" t="s">
        <v>137</v>
      </c>
      <c r="D55598" s="14" t="s">
        <v>18</v>
      </c>
      <c r="E55598" s="15">
        <v>45494</v>
      </c>
      <c r="F55598" s="14" t="s">
        <v>15</v>
      </c>
      <c r="G55598" s="16">
        <v>2.1735116696732164</v>
      </c>
    </row>
    <row r="55599" spans="1:7" x14ac:dyDescent="0.3">
      <c r="A55599" s="13" t="s">
        <v>304</v>
      </c>
      <c r="B55599" s="14" t="s">
        <v>1</v>
      </c>
      <c r="C55599" s="14" t="s">
        <v>137</v>
      </c>
      <c r="D55599" s="14" t="s">
        <v>18</v>
      </c>
      <c r="E55599" s="15">
        <v>45495</v>
      </c>
      <c r="F55599" s="14" t="s">
        <v>15</v>
      </c>
      <c r="G55599" s="16">
        <v>2.1935859659206631</v>
      </c>
    </row>
    <row r="55600" spans="1:7" x14ac:dyDescent="0.3">
      <c r="A55600" s="13" t="s">
        <v>304</v>
      </c>
      <c r="B55600" s="14" t="s">
        <v>1</v>
      </c>
      <c r="C55600" s="14" t="s">
        <v>137</v>
      </c>
      <c r="D55600" s="14" t="s">
        <v>18</v>
      </c>
      <c r="E55600" s="15">
        <v>45496</v>
      </c>
      <c r="F55600" s="14" t="s">
        <v>15</v>
      </c>
      <c r="G55600" s="16">
        <v>2.2536784262306102</v>
      </c>
    </row>
    <row r="55601" spans="1:7" x14ac:dyDescent="0.3">
      <c r="A55601" s="13" t="s">
        <v>304</v>
      </c>
      <c r="B55601" s="14" t="s">
        <v>1</v>
      </c>
      <c r="C55601" s="14" t="s">
        <v>137</v>
      </c>
      <c r="D55601" s="14" t="s">
        <v>18</v>
      </c>
      <c r="E55601" s="15">
        <v>45497</v>
      </c>
      <c r="F55601" s="14" t="s">
        <v>15</v>
      </c>
      <c r="G55601" s="16">
        <v>2.2738199099780569</v>
      </c>
    </row>
    <row r="55602" spans="1:7" x14ac:dyDescent="0.3">
      <c r="A55602" s="13" t="s">
        <v>304</v>
      </c>
      <c r="B55602" s="14" t="s">
        <v>1</v>
      </c>
      <c r="C55602" s="14" t="s">
        <v>137</v>
      </c>
      <c r="D55602" s="14" t="s">
        <v>18</v>
      </c>
      <c r="E55602" s="15">
        <v>45498</v>
      </c>
      <c r="F55602" s="14" t="s">
        <v>15</v>
      </c>
      <c r="G55602" s="16">
        <v>2.2940043624755035</v>
      </c>
    </row>
    <row r="55603" spans="1:7" x14ac:dyDescent="0.3">
      <c r="A55603" s="13" t="s">
        <v>304</v>
      </c>
      <c r="B55603" s="14" t="s">
        <v>1</v>
      </c>
      <c r="C55603" s="14" t="s">
        <v>137</v>
      </c>
      <c r="D55603" s="14" t="s">
        <v>18</v>
      </c>
      <c r="E55603" s="15">
        <v>45499</v>
      </c>
      <c r="F55603" s="14" t="s">
        <v>15</v>
      </c>
      <c r="G55603" s="16">
        <v>2.3145405727854507</v>
      </c>
    </row>
    <row r="55604" spans="1:7" x14ac:dyDescent="0.3">
      <c r="A55604" s="13" t="s">
        <v>304</v>
      </c>
      <c r="B55604" s="14" t="s">
        <v>1</v>
      </c>
      <c r="C55604" s="14" t="s">
        <v>137</v>
      </c>
      <c r="D55604" s="14" t="s">
        <v>18</v>
      </c>
      <c r="E55604" s="15">
        <v>45500</v>
      </c>
      <c r="F55604" s="14" t="s">
        <v>15</v>
      </c>
      <c r="G55604" s="16">
        <v>2.3145405727854507</v>
      </c>
    </row>
    <row r="55605" spans="1:7" x14ac:dyDescent="0.3">
      <c r="A55605" s="13" t="s">
        <v>304</v>
      </c>
      <c r="B55605" s="14" t="s">
        <v>1</v>
      </c>
      <c r="C55605" s="14" t="s">
        <v>137</v>
      </c>
      <c r="D55605" s="14" t="s">
        <v>18</v>
      </c>
      <c r="E55605" s="15">
        <v>45501</v>
      </c>
      <c r="F55605" s="14" t="s">
        <v>15</v>
      </c>
      <c r="G55605" s="16">
        <v>2.3145405727854507</v>
      </c>
    </row>
    <row r="55606" spans="1:7" x14ac:dyDescent="0.3">
      <c r="A55606" s="13" t="s">
        <v>304</v>
      </c>
      <c r="B55606" s="14" t="s">
        <v>1</v>
      </c>
      <c r="C55606" s="14" t="s">
        <v>137</v>
      </c>
      <c r="D55606" s="14" t="s">
        <v>18</v>
      </c>
      <c r="E55606" s="15">
        <v>45502</v>
      </c>
      <c r="F55606" s="14" t="s">
        <v>15</v>
      </c>
      <c r="G55606" s="16">
        <v>2.3300117440328973</v>
      </c>
    </row>
    <row r="55607" spans="1:7" x14ac:dyDescent="0.3">
      <c r="A55607" s="13" t="s">
        <v>304</v>
      </c>
      <c r="B55607" s="14" t="s">
        <v>1</v>
      </c>
      <c r="C55607" s="14" t="s">
        <v>137</v>
      </c>
      <c r="D55607" s="14" t="s">
        <v>18</v>
      </c>
      <c r="E55607" s="15">
        <v>45503</v>
      </c>
      <c r="F55607" s="14" t="s">
        <v>15</v>
      </c>
      <c r="G55607" s="16">
        <v>2.3912719777803444</v>
      </c>
    </row>
    <row r="55608" spans="1:7" x14ac:dyDescent="0.3">
      <c r="A55608" s="13" t="s">
        <v>304</v>
      </c>
      <c r="B55608" s="14" t="s">
        <v>1</v>
      </c>
      <c r="C55608" s="14" t="s">
        <v>137</v>
      </c>
      <c r="D55608" s="14" t="s">
        <v>18</v>
      </c>
      <c r="E55608" s="15">
        <v>45504</v>
      </c>
      <c r="F55608" s="14" t="s">
        <v>15</v>
      </c>
      <c r="G55608" s="16">
        <v>2.4118158052777914</v>
      </c>
    </row>
    <row r="55609" spans="1:7" x14ac:dyDescent="0.3">
      <c r="A55609" s="13" t="s">
        <v>304</v>
      </c>
      <c r="B55609" s="14" t="s">
        <v>1</v>
      </c>
      <c r="C55609" s="14" t="s">
        <v>137</v>
      </c>
      <c r="D55609" s="14" t="s">
        <v>18</v>
      </c>
      <c r="E55609" s="15">
        <v>45505</v>
      </c>
      <c r="F55609" s="14" t="s">
        <v>15</v>
      </c>
      <c r="G55609" s="16">
        <v>2.437679164025238</v>
      </c>
    </row>
    <row r="55610" spans="1:7" x14ac:dyDescent="0.3">
      <c r="A55610" s="13" t="s">
        <v>304</v>
      </c>
      <c r="B55610" s="14" t="s">
        <v>1</v>
      </c>
      <c r="C55610" s="14" t="s">
        <v>137</v>
      </c>
      <c r="D55610" s="14" t="s">
        <v>18</v>
      </c>
      <c r="E55610" s="15">
        <v>45506</v>
      </c>
      <c r="F55610" s="14" t="s">
        <v>15</v>
      </c>
      <c r="G55610" s="16">
        <v>2.4443946712101847</v>
      </c>
    </row>
    <row r="55611" spans="1:7" x14ac:dyDescent="0.3">
      <c r="A55611" s="13" t="s">
        <v>304</v>
      </c>
      <c r="B55611" s="14" t="s">
        <v>1</v>
      </c>
      <c r="C55611" s="14" t="s">
        <v>137</v>
      </c>
      <c r="D55611" s="14" t="s">
        <v>18</v>
      </c>
      <c r="E55611" s="15">
        <v>45507</v>
      </c>
      <c r="F55611" s="14" t="s">
        <v>15</v>
      </c>
      <c r="G55611" s="16">
        <v>2.4443946712101847</v>
      </c>
    </row>
    <row r="55612" spans="1:7" x14ac:dyDescent="0.3">
      <c r="A55612" s="13" t="s">
        <v>304</v>
      </c>
      <c r="B55612" s="14" t="s">
        <v>1</v>
      </c>
      <c r="C55612" s="14" t="s">
        <v>137</v>
      </c>
      <c r="D55612" s="14" t="s">
        <v>18</v>
      </c>
      <c r="E55612" s="15">
        <v>45508</v>
      </c>
      <c r="F55612" s="14" t="s">
        <v>15</v>
      </c>
      <c r="G55612" s="16">
        <v>2.4443946712101847</v>
      </c>
    </row>
    <row r="55613" spans="1:7" x14ac:dyDescent="0.3">
      <c r="A55613" s="13" t="s">
        <v>304</v>
      </c>
      <c r="B55613" s="14" t="s">
        <v>1</v>
      </c>
      <c r="C55613" s="14" t="s">
        <v>137</v>
      </c>
      <c r="D55613" s="14" t="s">
        <v>18</v>
      </c>
      <c r="E55613" s="15">
        <v>45509</v>
      </c>
      <c r="F55613" s="14" t="s">
        <v>15</v>
      </c>
      <c r="G55613" s="16">
        <v>2.4443946712101847</v>
      </c>
    </row>
    <row r="55614" spans="1:7" x14ac:dyDescent="0.3">
      <c r="A55614" s="13" t="s">
        <v>304</v>
      </c>
      <c r="B55614" s="14" t="s">
        <v>1</v>
      </c>
      <c r="C55614" s="14" t="s">
        <v>137</v>
      </c>
      <c r="D55614" s="14" t="s">
        <v>18</v>
      </c>
      <c r="E55614" s="15">
        <v>45510</v>
      </c>
      <c r="F55614" s="14" t="s">
        <v>15</v>
      </c>
      <c r="G55614" s="16">
        <v>2.4671289283951316</v>
      </c>
    </row>
    <row r="55615" spans="1:7" x14ac:dyDescent="0.3">
      <c r="A55615" s="13" t="s">
        <v>304</v>
      </c>
      <c r="B55615" s="14" t="s">
        <v>1</v>
      </c>
      <c r="C55615" s="14" t="s">
        <v>137</v>
      </c>
      <c r="D55615" s="14" t="s">
        <v>18</v>
      </c>
      <c r="E55615" s="15">
        <v>45511</v>
      </c>
      <c r="F55615" s="14" t="s">
        <v>15</v>
      </c>
      <c r="G55615" s="16">
        <v>2.5502723652675785</v>
      </c>
    </row>
    <row r="55616" spans="1:7" x14ac:dyDescent="0.3">
      <c r="A55616" s="13" t="s">
        <v>304</v>
      </c>
      <c r="B55616" s="14" t="s">
        <v>1</v>
      </c>
      <c r="C55616" s="14" t="s">
        <v>137</v>
      </c>
      <c r="D55616" s="14" t="s">
        <v>18</v>
      </c>
      <c r="E55616" s="15">
        <v>45512</v>
      </c>
      <c r="F55616" s="14" t="s">
        <v>15</v>
      </c>
      <c r="G55616" s="16">
        <v>2.5704859193275253</v>
      </c>
    </row>
    <row r="55617" spans="1:7" x14ac:dyDescent="0.3">
      <c r="A55617" s="13" t="s">
        <v>304</v>
      </c>
      <c r="B55617" s="14" t="s">
        <v>1</v>
      </c>
      <c r="C55617" s="14" t="s">
        <v>137</v>
      </c>
      <c r="D55617" s="14" t="s">
        <v>18</v>
      </c>
      <c r="E55617" s="15">
        <v>45513</v>
      </c>
      <c r="F55617" s="14" t="s">
        <v>15</v>
      </c>
      <c r="G55617" s="16">
        <v>2.598238731199972</v>
      </c>
    </row>
    <row r="55618" spans="1:7" x14ac:dyDescent="0.3">
      <c r="A55618" s="13" t="s">
        <v>304</v>
      </c>
      <c r="B55618" s="14" t="s">
        <v>1</v>
      </c>
      <c r="C55618" s="14" t="s">
        <v>137</v>
      </c>
      <c r="D55618" s="14" t="s">
        <v>18</v>
      </c>
      <c r="E55618" s="15">
        <v>45514</v>
      </c>
      <c r="F55618" s="14" t="s">
        <v>15</v>
      </c>
      <c r="G55618" s="16">
        <v>2.598238731199972</v>
      </c>
    </row>
    <row r="55619" spans="1:7" x14ac:dyDescent="0.3">
      <c r="A55619" s="13" t="s">
        <v>304</v>
      </c>
      <c r="B55619" s="14" t="s">
        <v>1</v>
      </c>
      <c r="C55619" s="14" t="s">
        <v>137</v>
      </c>
      <c r="D55619" s="14" t="s">
        <v>18</v>
      </c>
      <c r="E55619" s="15">
        <v>45515</v>
      </c>
      <c r="F55619" s="14" t="s">
        <v>15</v>
      </c>
      <c r="G55619" s="16">
        <v>2.598238731199972</v>
      </c>
    </row>
    <row r="55620" spans="1:7" x14ac:dyDescent="0.3">
      <c r="A55620" s="13" t="s">
        <v>304</v>
      </c>
      <c r="B55620" s="14" t="s">
        <v>1</v>
      </c>
      <c r="C55620" s="14" t="s">
        <v>137</v>
      </c>
      <c r="D55620" s="14" t="s">
        <v>18</v>
      </c>
      <c r="E55620" s="15">
        <v>45516</v>
      </c>
      <c r="F55620" s="14" t="s">
        <v>15</v>
      </c>
      <c r="G55620" s="16">
        <v>2.6187352930724188</v>
      </c>
    </row>
    <row r="55621" spans="1:7" x14ac:dyDescent="0.3">
      <c r="A55621" s="13" t="s">
        <v>304</v>
      </c>
      <c r="B55621" s="14" t="s">
        <v>1</v>
      </c>
      <c r="C55621" s="14" t="s">
        <v>137</v>
      </c>
      <c r="D55621" s="14" t="s">
        <v>18</v>
      </c>
      <c r="E55621" s="15">
        <v>45517</v>
      </c>
      <c r="F55621" s="14" t="s">
        <v>15</v>
      </c>
      <c r="G55621" s="16">
        <v>2.6801640815073653</v>
      </c>
    </row>
    <row r="55622" spans="1:7" x14ac:dyDescent="0.3">
      <c r="A55622" s="13" t="s">
        <v>304</v>
      </c>
      <c r="B55622" s="14" t="s">
        <v>1</v>
      </c>
      <c r="C55622" s="14" t="s">
        <v>137</v>
      </c>
      <c r="D55622" s="14" t="s">
        <v>18</v>
      </c>
      <c r="E55622" s="15">
        <v>45518</v>
      </c>
      <c r="F55622" s="14" t="s">
        <v>15</v>
      </c>
      <c r="G55622" s="16">
        <v>2.7006784168173126</v>
      </c>
    </row>
    <row r="55623" spans="1:7" x14ac:dyDescent="0.3">
      <c r="A55623" s="13" t="s">
        <v>304</v>
      </c>
      <c r="B55623" s="14" t="s">
        <v>1</v>
      </c>
      <c r="C55623" s="14" t="s">
        <v>137</v>
      </c>
      <c r="D55623" s="14" t="s">
        <v>18</v>
      </c>
      <c r="E55623" s="15">
        <v>45519</v>
      </c>
      <c r="F55623" s="14" t="s">
        <v>15</v>
      </c>
      <c r="G55623" s="16">
        <v>2.7211507599397593</v>
      </c>
    </row>
    <row r="55624" spans="1:7" x14ac:dyDescent="0.3">
      <c r="A55624" s="13" t="s">
        <v>304</v>
      </c>
      <c r="B55624" s="14" t="s">
        <v>1</v>
      </c>
      <c r="C55624" s="14" t="s">
        <v>137</v>
      </c>
      <c r="D55624" s="14" t="s">
        <v>18</v>
      </c>
      <c r="E55624" s="15">
        <v>45520</v>
      </c>
      <c r="F55624" s="14" t="s">
        <v>15</v>
      </c>
      <c r="G55624" s="16">
        <v>2.7426879468122065</v>
      </c>
    </row>
    <row r="55625" spans="1:7" x14ac:dyDescent="0.3">
      <c r="A55625" s="13" t="s">
        <v>304</v>
      </c>
      <c r="B55625" s="14" t="s">
        <v>1</v>
      </c>
      <c r="C55625" s="14" t="s">
        <v>137</v>
      </c>
      <c r="D55625" s="14" t="s">
        <v>18</v>
      </c>
      <c r="E55625" s="15">
        <v>45521</v>
      </c>
      <c r="F55625" s="14" t="s">
        <v>15</v>
      </c>
      <c r="G55625" s="16">
        <v>2.7426879468122065</v>
      </c>
    </row>
    <row r="55626" spans="1:7" x14ac:dyDescent="0.3">
      <c r="A55626" s="13" t="s">
        <v>304</v>
      </c>
      <c r="B55626" s="14" t="s">
        <v>1</v>
      </c>
      <c r="C55626" s="14" t="s">
        <v>137</v>
      </c>
      <c r="D55626" s="14" t="s">
        <v>18</v>
      </c>
      <c r="E55626" s="15">
        <v>45522</v>
      </c>
      <c r="F55626" s="14" t="s">
        <v>15</v>
      </c>
      <c r="G55626" s="16">
        <v>2.7426879468122065</v>
      </c>
    </row>
    <row r="55627" spans="1:7" x14ac:dyDescent="0.3">
      <c r="A55627" s="13" t="s">
        <v>304</v>
      </c>
      <c r="B55627" s="14" t="s">
        <v>1</v>
      </c>
      <c r="C55627" s="14" t="s">
        <v>137</v>
      </c>
      <c r="D55627" s="14" t="s">
        <v>18</v>
      </c>
      <c r="E55627" s="15">
        <v>45523</v>
      </c>
      <c r="F55627" s="14" t="s">
        <v>15</v>
      </c>
      <c r="G55627" s="16">
        <v>2.763930602434653</v>
      </c>
    </row>
    <row r="55628" spans="1:7" x14ac:dyDescent="0.3">
      <c r="A55628" s="13" t="s">
        <v>304</v>
      </c>
      <c r="B55628" s="14" t="s">
        <v>1</v>
      </c>
      <c r="C55628" s="14" t="s">
        <v>137</v>
      </c>
      <c r="D55628" s="14" t="s">
        <v>18</v>
      </c>
      <c r="E55628" s="15">
        <v>45524</v>
      </c>
      <c r="F55628" s="14" t="s">
        <v>15</v>
      </c>
      <c r="G55628" s="16">
        <v>2.8245457189945999</v>
      </c>
    </row>
    <row r="55629" spans="1:7" x14ac:dyDescent="0.3">
      <c r="A55629" s="13" t="s">
        <v>304</v>
      </c>
      <c r="B55629" s="14" t="s">
        <v>1</v>
      </c>
      <c r="C55629" s="14" t="s">
        <v>137</v>
      </c>
      <c r="D55629" s="14" t="s">
        <v>18</v>
      </c>
      <c r="E55629" s="15">
        <v>45525</v>
      </c>
      <c r="F55629" s="14" t="s">
        <v>15</v>
      </c>
      <c r="G55629" s="16">
        <v>2.8454088824295467</v>
      </c>
    </row>
    <row r="55630" spans="1:7" x14ac:dyDescent="0.3">
      <c r="A55630" s="13" t="s">
        <v>304</v>
      </c>
      <c r="B55630" s="14" t="s">
        <v>1</v>
      </c>
      <c r="C55630" s="14" t="s">
        <v>137</v>
      </c>
      <c r="D55630" s="14" t="s">
        <v>18</v>
      </c>
      <c r="E55630" s="15">
        <v>45526</v>
      </c>
      <c r="F55630" s="14" t="s">
        <v>15</v>
      </c>
      <c r="G55630" s="16">
        <v>2.8654618896144939</v>
      </c>
    </row>
    <row r="55631" spans="1:7" x14ac:dyDescent="0.3">
      <c r="A55631" s="13" t="s">
        <v>304</v>
      </c>
      <c r="B55631" s="14" t="s">
        <v>1</v>
      </c>
      <c r="C55631" s="14" t="s">
        <v>137</v>
      </c>
      <c r="D55631" s="14" t="s">
        <v>18</v>
      </c>
      <c r="E55631" s="15">
        <v>45527</v>
      </c>
      <c r="F55631" s="14" t="s">
        <v>15</v>
      </c>
      <c r="G55631" s="16">
        <v>2.8857820842994411</v>
      </c>
    </row>
    <row r="55632" spans="1:7" x14ac:dyDescent="0.3">
      <c r="A55632" s="13" t="s">
        <v>304</v>
      </c>
      <c r="B55632" s="14" t="s">
        <v>1</v>
      </c>
      <c r="C55632" s="14" t="s">
        <v>137</v>
      </c>
      <c r="D55632" s="14" t="s">
        <v>18</v>
      </c>
      <c r="E55632" s="15">
        <v>45528</v>
      </c>
      <c r="F55632" s="14" t="s">
        <v>15</v>
      </c>
      <c r="G55632" s="16">
        <v>2.8857820842994411</v>
      </c>
    </row>
    <row r="55633" spans="1:7" x14ac:dyDescent="0.3">
      <c r="A55633" s="13" t="s">
        <v>304</v>
      </c>
      <c r="B55633" s="14" t="s">
        <v>1</v>
      </c>
      <c r="C55633" s="14" t="s">
        <v>137</v>
      </c>
      <c r="D55633" s="14" t="s">
        <v>18</v>
      </c>
      <c r="E55633" s="15">
        <v>45529</v>
      </c>
      <c r="F55633" s="14" t="s">
        <v>15</v>
      </c>
      <c r="G55633" s="16">
        <v>2.8857820842994411</v>
      </c>
    </row>
    <row r="55634" spans="1:7" x14ac:dyDescent="0.3">
      <c r="A55634" s="13" t="s">
        <v>304</v>
      </c>
      <c r="B55634" s="14" t="s">
        <v>1</v>
      </c>
      <c r="C55634" s="14" t="s">
        <v>137</v>
      </c>
      <c r="D55634" s="14" t="s">
        <v>18</v>
      </c>
      <c r="E55634" s="15">
        <v>45530</v>
      </c>
      <c r="F55634" s="14" t="s">
        <v>15</v>
      </c>
      <c r="G55634" s="16">
        <v>2.9057356774218874</v>
      </c>
    </row>
    <row r="55635" spans="1:7" x14ac:dyDescent="0.3">
      <c r="A55635" s="13" t="s">
        <v>304</v>
      </c>
      <c r="B55635" s="14" t="s">
        <v>1</v>
      </c>
      <c r="C55635" s="14" t="s">
        <v>137</v>
      </c>
      <c r="D55635" s="14" t="s">
        <v>18</v>
      </c>
      <c r="E55635" s="15">
        <v>45531</v>
      </c>
      <c r="F55635" s="14" t="s">
        <v>15</v>
      </c>
      <c r="G55635" s="16">
        <v>2.9649621221068343</v>
      </c>
    </row>
    <row r="55636" spans="1:7" x14ac:dyDescent="0.3">
      <c r="A55636" s="13" t="s">
        <v>304</v>
      </c>
      <c r="B55636" s="14" t="s">
        <v>1</v>
      </c>
      <c r="C55636" s="14" t="s">
        <v>137</v>
      </c>
      <c r="D55636" s="14" t="s">
        <v>18</v>
      </c>
      <c r="E55636" s="15">
        <v>45532</v>
      </c>
      <c r="F55636" s="14" t="s">
        <v>15</v>
      </c>
      <c r="G55636" s="16">
        <v>2.9844518480417808</v>
      </c>
    </row>
    <row r="55637" spans="1:7" x14ac:dyDescent="0.3">
      <c r="A55637" s="13" t="s">
        <v>304</v>
      </c>
      <c r="B55637" s="14" t="s">
        <v>1</v>
      </c>
      <c r="C55637" s="14" t="s">
        <v>137</v>
      </c>
      <c r="D55637" s="14" t="s">
        <v>18</v>
      </c>
      <c r="E55637" s="15">
        <v>45533</v>
      </c>
      <c r="F55637" s="14" t="s">
        <v>15</v>
      </c>
      <c r="G55637" s="16">
        <v>3.004209347414228</v>
      </c>
    </row>
    <row r="55638" spans="1:7" x14ac:dyDescent="0.3">
      <c r="A55638" s="13" t="s">
        <v>304</v>
      </c>
      <c r="B55638" s="14" t="s">
        <v>1</v>
      </c>
      <c r="C55638" s="14" t="s">
        <v>137</v>
      </c>
      <c r="D55638" s="14" t="s">
        <v>18</v>
      </c>
      <c r="E55638" s="15">
        <v>45534</v>
      </c>
      <c r="F55638" s="14" t="s">
        <v>15</v>
      </c>
      <c r="G55638" s="16">
        <v>3.0233902842866747</v>
      </c>
    </row>
    <row r="55639" spans="1:7" x14ac:dyDescent="0.3">
      <c r="A55639" s="13" t="s">
        <v>304</v>
      </c>
      <c r="B55639" s="14" t="s">
        <v>1</v>
      </c>
      <c r="C55639" s="14" t="s">
        <v>137</v>
      </c>
      <c r="D55639" s="14" t="s">
        <v>18</v>
      </c>
      <c r="E55639" s="15">
        <v>45535</v>
      </c>
      <c r="F55639" s="14" t="s">
        <v>15</v>
      </c>
      <c r="G55639" s="16">
        <v>3.0233902842866747</v>
      </c>
    </row>
    <row r="55640" spans="1:7" x14ac:dyDescent="0.3">
      <c r="A55640" s="13" t="s">
        <v>304</v>
      </c>
      <c r="B55640" s="14" t="s">
        <v>1</v>
      </c>
      <c r="C55640" s="14" t="s">
        <v>137</v>
      </c>
      <c r="D55640" s="14" t="s">
        <v>18</v>
      </c>
      <c r="E55640" s="15">
        <v>45536</v>
      </c>
      <c r="F55640" s="14" t="s">
        <v>15</v>
      </c>
      <c r="G55640" s="16">
        <v>3.0233902842866747</v>
      </c>
    </row>
    <row r="55641" spans="1:7" x14ac:dyDescent="0.3">
      <c r="A55641" s="13" t="s">
        <v>304</v>
      </c>
      <c r="B55641" s="14" t="s">
        <v>1</v>
      </c>
      <c r="C55641" s="14" t="s">
        <v>137</v>
      </c>
      <c r="D55641" s="14" t="s">
        <v>18</v>
      </c>
      <c r="E55641" s="15">
        <v>45537</v>
      </c>
      <c r="F55641" s="14" t="s">
        <v>15</v>
      </c>
      <c r="G55641" s="16">
        <v>3.0434565727216216</v>
      </c>
    </row>
    <row r="55642" spans="1:7" x14ac:dyDescent="0.3">
      <c r="A55642" s="13" t="s">
        <v>304</v>
      </c>
      <c r="B55642" s="14" t="s">
        <v>1</v>
      </c>
      <c r="C55642" s="14" t="s">
        <v>137</v>
      </c>
      <c r="D55642" s="14" t="s">
        <v>18</v>
      </c>
      <c r="E55642" s="15">
        <v>45538</v>
      </c>
      <c r="F55642" s="14" t="s">
        <v>15</v>
      </c>
      <c r="G55642" s="16">
        <v>3.0894046970940683</v>
      </c>
    </row>
    <row r="55643" spans="1:7" x14ac:dyDescent="0.3">
      <c r="A55643" s="13" t="s">
        <v>304</v>
      </c>
      <c r="B55643" s="14" t="s">
        <v>1</v>
      </c>
      <c r="C55643" s="14" t="s">
        <v>137</v>
      </c>
      <c r="D55643" s="14" t="s">
        <v>18</v>
      </c>
      <c r="E55643" s="15">
        <v>45539</v>
      </c>
      <c r="F55643" s="14" t="s">
        <v>15</v>
      </c>
      <c r="G55643" s="16">
        <v>3.1091815324040151</v>
      </c>
    </row>
    <row r="55644" spans="1:7" x14ac:dyDescent="0.3">
      <c r="A55644" s="13" t="s">
        <v>304</v>
      </c>
      <c r="B55644" s="14" t="s">
        <v>1</v>
      </c>
      <c r="C55644" s="14" t="s">
        <v>137</v>
      </c>
      <c r="D55644" s="14" t="s">
        <v>18</v>
      </c>
      <c r="E55644" s="15">
        <v>45540</v>
      </c>
      <c r="F55644" s="14" t="s">
        <v>15</v>
      </c>
      <c r="G55644" s="16">
        <v>3.1290843442764622</v>
      </c>
    </row>
    <row r="55645" spans="1:7" x14ac:dyDescent="0.3">
      <c r="A55645" s="13" t="s">
        <v>304</v>
      </c>
      <c r="B55645" s="14" t="s">
        <v>1</v>
      </c>
      <c r="C55645" s="14" t="s">
        <v>137</v>
      </c>
      <c r="D55645" s="14" t="s">
        <v>18</v>
      </c>
      <c r="E55645" s="15">
        <v>45541</v>
      </c>
      <c r="F55645" s="14" t="s">
        <v>15</v>
      </c>
      <c r="G55645" s="16">
        <v>3.148756882711409</v>
      </c>
    </row>
    <row r="55646" spans="1:7" x14ac:dyDescent="0.3">
      <c r="A55646" s="13" t="s">
        <v>304</v>
      </c>
      <c r="B55646" s="14" t="s">
        <v>1</v>
      </c>
      <c r="C55646" s="14" t="s">
        <v>137</v>
      </c>
      <c r="D55646" s="14" t="s">
        <v>18</v>
      </c>
      <c r="E55646" s="15">
        <v>45542</v>
      </c>
      <c r="F55646" s="14" t="s">
        <v>15</v>
      </c>
      <c r="G55646" s="16">
        <v>3.148756882711409</v>
      </c>
    </row>
    <row r="55647" spans="1:7" x14ac:dyDescent="0.3">
      <c r="A55647" s="13" t="s">
        <v>304</v>
      </c>
      <c r="B55647" s="14" t="s">
        <v>1</v>
      </c>
      <c r="C55647" s="14" t="s">
        <v>137</v>
      </c>
      <c r="D55647" s="14" t="s">
        <v>18</v>
      </c>
      <c r="E55647" s="15">
        <v>45543</v>
      </c>
      <c r="F55647" s="14" t="s">
        <v>15</v>
      </c>
      <c r="G55647" s="16">
        <v>3.148756882711409</v>
      </c>
    </row>
    <row r="55648" spans="1:7" x14ac:dyDescent="0.3">
      <c r="A55648" s="13" t="s">
        <v>304</v>
      </c>
      <c r="B55648" s="14" t="s">
        <v>1</v>
      </c>
      <c r="C55648" s="14" t="s">
        <v>137</v>
      </c>
      <c r="D55648" s="14" t="s">
        <v>18</v>
      </c>
      <c r="E55648" s="15">
        <v>45544</v>
      </c>
      <c r="F55648" s="14" t="s">
        <v>15</v>
      </c>
      <c r="G55648" s="16">
        <v>3.1751255148963562</v>
      </c>
    </row>
    <row r="55649" spans="1:7" x14ac:dyDescent="0.3">
      <c r="A55649" s="13" t="s">
        <v>304</v>
      </c>
      <c r="B55649" s="14" t="s">
        <v>1</v>
      </c>
      <c r="C55649" s="14" t="s">
        <v>137</v>
      </c>
      <c r="D55649" s="14" t="s">
        <v>18</v>
      </c>
      <c r="E55649" s="15">
        <v>45545</v>
      </c>
      <c r="F55649" s="14" t="s">
        <v>15</v>
      </c>
      <c r="G55649" s="16">
        <v>3.2292382877063028</v>
      </c>
    </row>
    <row r="55650" spans="1:7" x14ac:dyDescent="0.3">
      <c r="A55650" s="13" t="s">
        <v>304</v>
      </c>
      <c r="B55650" s="14" t="s">
        <v>1</v>
      </c>
      <c r="C55650" s="14" t="s">
        <v>137</v>
      </c>
      <c r="D55650" s="14" t="s">
        <v>18</v>
      </c>
      <c r="E55650" s="15">
        <v>45546</v>
      </c>
      <c r="F55650" s="14" t="s">
        <v>15</v>
      </c>
      <c r="G55650" s="16">
        <v>3.2493989120787496</v>
      </c>
    </row>
    <row r="55651" spans="1:7" x14ac:dyDescent="0.3">
      <c r="A55651" s="13" t="s">
        <v>304</v>
      </c>
      <c r="B55651" s="14" t="s">
        <v>1</v>
      </c>
      <c r="C55651" s="14" t="s">
        <v>137</v>
      </c>
      <c r="D55651" s="14" t="s">
        <v>18</v>
      </c>
      <c r="E55651" s="15">
        <v>45547</v>
      </c>
      <c r="F55651" s="14" t="s">
        <v>15</v>
      </c>
      <c r="G55651" s="16">
        <v>3.2692743802011961</v>
      </c>
    </row>
    <row r="55652" spans="1:7" x14ac:dyDescent="0.3">
      <c r="A55652" s="13" t="s">
        <v>304</v>
      </c>
      <c r="B55652" s="14" t="s">
        <v>1</v>
      </c>
      <c r="C55652" s="14" t="s">
        <v>137</v>
      </c>
      <c r="D55652" s="14" t="s">
        <v>18</v>
      </c>
      <c r="E55652" s="15">
        <v>45548</v>
      </c>
      <c r="F55652" s="14" t="s">
        <v>15</v>
      </c>
      <c r="G55652" s="16">
        <v>3.2904883248861427</v>
      </c>
    </row>
    <row r="55653" spans="1:7" x14ac:dyDescent="0.3">
      <c r="A55653" s="13" t="s">
        <v>304</v>
      </c>
      <c r="B55653" s="14" t="s">
        <v>1</v>
      </c>
      <c r="C55653" s="14" t="s">
        <v>137</v>
      </c>
      <c r="D55653" s="14" t="s">
        <v>18</v>
      </c>
      <c r="E55653" s="15">
        <v>45549</v>
      </c>
      <c r="F55653" s="14" t="s">
        <v>15</v>
      </c>
      <c r="G55653" s="16">
        <v>3.2904883248861427</v>
      </c>
    </row>
    <row r="55654" spans="1:7" x14ac:dyDescent="0.3">
      <c r="A55654" s="13" t="s">
        <v>304</v>
      </c>
      <c r="B55654" s="14" t="s">
        <v>1</v>
      </c>
      <c r="C55654" s="14" t="s">
        <v>137</v>
      </c>
      <c r="D55654" s="14" t="s">
        <v>18</v>
      </c>
      <c r="E55654" s="15">
        <v>45550</v>
      </c>
      <c r="F55654" s="14" t="s">
        <v>15</v>
      </c>
      <c r="G55654" s="16">
        <v>3.2904883248861427</v>
      </c>
    </row>
    <row r="55655" spans="1:7" x14ac:dyDescent="0.3">
      <c r="A55655" s="13" t="s">
        <v>304</v>
      </c>
      <c r="B55655" s="14" t="s">
        <v>1</v>
      </c>
      <c r="C55655" s="14" t="s">
        <v>137</v>
      </c>
      <c r="D55655" s="14" t="s">
        <v>18</v>
      </c>
      <c r="E55655" s="15">
        <v>45551</v>
      </c>
      <c r="F55655" s="14" t="s">
        <v>15</v>
      </c>
      <c r="G55655" s="16">
        <v>3.3108458242585899</v>
      </c>
    </row>
    <row r="55656" spans="1:7" x14ac:dyDescent="0.3">
      <c r="A55656" s="13" t="s">
        <v>304</v>
      </c>
      <c r="B55656" s="14" t="s">
        <v>1</v>
      </c>
      <c r="C55656" s="14" t="s">
        <v>137</v>
      </c>
      <c r="D55656" s="14" t="s">
        <v>18</v>
      </c>
      <c r="E55656" s="15">
        <v>45552</v>
      </c>
      <c r="F55656" s="14" t="s">
        <v>15</v>
      </c>
      <c r="G55656" s="16">
        <v>3.3712982455060363</v>
      </c>
    </row>
    <row r="55657" spans="1:7" x14ac:dyDescent="0.3">
      <c r="A55657" s="13" t="s">
        <v>304</v>
      </c>
      <c r="B55657" s="14" t="s">
        <v>1</v>
      </c>
      <c r="C55657" s="14" t="s">
        <v>137</v>
      </c>
      <c r="D55657" s="14" t="s">
        <v>18</v>
      </c>
      <c r="E55657" s="15">
        <v>45553</v>
      </c>
      <c r="F55657" s="14" t="s">
        <v>15</v>
      </c>
      <c r="G55657" s="16">
        <v>3.390893049565983</v>
      </c>
    </row>
    <row r="55658" spans="1:7" x14ac:dyDescent="0.3">
      <c r="A55658" s="13" t="s">
        <v>304</v>
      </c>
      <c r="B55658" s="14" t="s">
        <v>1</v>
      </c>
      <c r="C55658" s="14" t="s">
        <v>137</v>
      </c>
      <c r="D55658" s="14" t="s">
        <v>18</v>
      </c>
      <c r="E55658" s="15">
        <v>45554</v>
      </c>
      <c r="F55658" s="14" t="s">
        <v>15</v>
      </c>
      <c r="G55658" s="16">
        <v>3.4109040444481891</v>
      </c>
    </row>
    <row r="55659" spans="1:7" x14ac:dyDescent="0.3">
      <c r="A55659" s="13" t="s">
        <v>304</v>
      </c>
      <c r="B55659" s="14" t="s">
        <v>1</v>
      </c>
      <c r="C55659" s="14" t="s">
        <v>137</v>
      </c>
      <c r="D55659" s="14" t="s">
        <v>18</v>
      </c>
      <c r="E55659" s="15">
        <v>45555</v>
      </c>
      <c r="F55659" s="14" t="s">
        <v>15</v>
      </c>
      <c r="G55659" s="16">
        <v>3.4364022486327208</v>
      </c>
    </row>
    <row r="55660" spans="1:7" x14ac:dyDescent="0.3">
      <c r="A55660" s="13" t="s">
        <v>304</v>
      </c>
      <c r="B55660" s="14" t="s">
        <v>1</v>
      </c>
      <c r="C55660" s="14" t="s">
        <v>137</v>
      </c>
      <c r="D55660" s="14" t="s">
        <v>18</v>
      </c>
      <c r="E55660" s="15">
        <v>45556</v>
      </c>
      <c r="F55660" s="14" t="s">
        <v>15</v>
      </c>
      <c r="G55660" s="16">
        <v>3.4364022486327208</v>
      </c>
    </row>
    <row r="55661" spans="1:7" x14ac:dyDescent="0.3">
      <c r="A55661" s="13" t="s">
        <v>304</v>
      </c>
      <c r="B55661" s="14" t="s">
        <v>1</v>
      </c>
      <c r="C55661" s="14" t="s">
        <v>137</v>
      </c>
      <c r="D55661" s="14" t="s">
        <v>18</v>
      </c>
      <c r="E55661" s="15">
        <v>45557</v>
      </c>
      <c r="F55661" s="14" t="s">
        <v>15</v>
      </c>
      <c r="G55661" s="16">
        <v>3.4364022486327208</v>
      </c>
    </row>
    <row r="55662" spans="1:7" x14ac:dyDescent="0.3">
      <c r="A55662" s="13" t="s">
        <v>304</v>
      </c>
      <c r="B55662" s="14" t="s">
        <v>1</v>
      </c>
      <c r="C55662" s="14" t="s">
        <v>137</v>
      </c>
      <c r="D55662" s="14" t="s">
        <v>18</v>
      </c>
      <c r="E55662" s="15">
        <v>45558</v>
      </c>
      <c r="F55662" s="14" t="s">
        <v>15</v>
      </c>
      <c r="G55662" s="16">
        <v>3.4567798548106081</v>
      </c>
    </row>
    <row r="55663" spans="1:7" x14ac:dyDescent="0.3">
      <c r="A55663" s="13" t="s">
        <v>304</v>
      </c>
      <c r="B55663" s="14" t="s">
        <v>1</v>
      </c>
      <c r="C55663" s="14" t="s">
        <v>137</v>
      </c>
      <c r="D55663" s="14" t="s">
        <v>18</v>
      </c>
      <c r="E55663" s="15">
        <v>45559</v>
      </c>
      <c r="F55663" s="14" t="s">
        <v>15</v>
      </c>
      <c r="G55663" s="16">
        <v>3.5131352018522821</v>
      </c>
    </row>
    <row r="55664" spans="1:7" x14ac:dyDescent="0.3">
      <c r="A55664" s="13" t="s">
        <v>304</v>
      </c>
      <c r="B55664" s="14" t="s">
        <v>1</v>
      </c>
      <c r="C55664" s="14" t="s">
        <v>137</v>
      </c>
      <c r="D55664" s="14" t="s">
        <v>18</v>
      </c>
      <c r="E55664" s="15">
        <v>45560</v>
      </c>
      <c r="F55664" s="14" t="s">
        <v>15</v>
      </c>
      <c r="G55664" s="16">
        <v>3.5325008478972784</v>
      </c>
    </row>
    <row r="55665" spans="1:7" x14ac:dyDescent="0.3">
      <c r="A55665" s="13" t="s">
        <v>304</v>
      </c>
      <c r="B55665" s="14" t="s">
        <v>1</v>
      </c>
      <c r="C55665" s="14" t="s">
        <v>137</v>
      </c>
      <c r="D55665" s="14" t="s">
        <v>18</v>
      </c>
      <c r="E55665" s="15">
        <v>45561</v>
      </c>
      <c r="F55665" s="14" t="s">
        <v>15</v>
      </c>
      <c r="G55665" s="16">
        <v>3.5524897497562287</v>
      </c>
    </row>
    <row r="55666" spans="1:7" x14ac:dyDescent="0.3">
      <c r="A55666" s="13" t="s">
        <v>304</v>
      </c>
      <c r="B55666" s="14" t="s">
        <v>1</v>
      </c>
      <c r="C55666" s="14" t="s">
        <v>137</v>
      </c>
      <c r="D55666" s="14" t="s">
        <v>18</v>
      </c>
      <c r="E55666" s="15">
        <v>45562</v>
      </c>
      <c r="F55666" s="14" t="s">
        <v>15</v>
      </c>
      <c r="G55666" s="16">
        <v>3.573205561914182</v>
      </c>
    </row>
    <row r="55667" spans="1:7" x14ac:dyDescent="0.3">
      <c r="A55667" s="13" t="s">
        <v>304</v>
      </c>
      <c r="B55667" s="14" t="s">
        <v>1</v>
      </c>
      <c r="C55667" s="14" t="s">
        <v>137</v>
      </c>
      <c r="D55667" s="14" t="s">
        <v>18</v>
      </c>
      <c r="E55667" s="15">
        <v>45563</v>
      </c>
      <c r="F55667" s="14" t="s">
        <v>15</v>
      </c>
      <c r="G55667" s="16">
        <v>3.573205561914182</v>
      </c>
    </row>
    <row r="55668" spans="1:7" x14ac:dyDescent="0.3">
      <c r="A55668" s="13" t="s">
        <v>304</v>
      </c>
      <c r="B55668" s="14" t="s">
        <v>1</v>
      </c>
      <c r="C55668" s="14" t="s">
        <v>137</v>
      </c>
      <c r="D55668" s="14" t="s">
        <v>18</v>
      </c>
      <c r="E55668" s="15">
        <v>45564</v>
      </c>
      <c r="F55668" s="14" t="s">
        <v>15</v>
      </c>
      <c r="G55668" s="16">
        <v>3.573205561914182</v>
      </c>
    </row>
    <row r="55669" spans="1:7" x14ac:dyDescent="0.3">
      <c r="A55669" s="13" t="s">
        <v>304</v>
      </c>
      <c r="B55669" s="14" t="s">
        <v>1</v>
      </c>
      <c r="C55669" s="14" t="s">
        <v>137</v>
      </c>
      <c r="D55669" s="14" t="s">
        <v>18</v>
      </c>
      <c r="E55669" s="15">
        <v>45565</v>
      </c>
      <c r="F55669" s="14" t="s">
        <v>15</v>
      </c>
      <c r="G55669" s="16">
        <v>3.5930647295538631</v>
      </c>
    </row>
    <row r="55670" spans="1:7" x14ac:dyDescent="0.3">
      <c r="A55670" s="13" t="s">
        <v>304</v>
      </c>
      <c r="B55670" s="14" t="s">
        <v>1</v>
      </c>
      <c r="C55670" s="14" t="s">
        <v>137</v>
      </c>
      <c r="D55670" s="14" t="s">
        <v>18</v>
      </c>
      <c r="E55670" s="15">
        <v>45566</v>
      </c>
      <c r="F55670" s="14" t="s">
        <v>15</v>
      </c>
      <c r="G55670" s="16">
        <v>3.65343452842278</v>
      </c>
    </row>
    <row r="55671" spans="1:7" x14ac:dyDescent="0.3">
      <c r="A55671" s="13" t="s">
        <v>304</v>
      </c>
      <c r="B55671" s="14" t="s">
        <v>1</v>
      </c>
      <c r="C55671" s="14" t="s">
        <v>137</v>
      </c>
      <c r="D55671" s="14" t="s">
        <v>18</v>
      </c>
      <c r="E55671" s="15">
        <v>45567</v>
      </c>
      <c r="F55671" s="14" t="s">
        <v>15</v>
      </c>
      <c r="G55671" s="16">
        <v>3.6736196096837239</v>
      </c>
    </row>
    <row r="55672" spans="1:7" x14ac:dyDescent="0.3">
      <c r="A55672" s="13" t="s">
        <v>304</v>
      </c>
      <c r="B55672" s="14" t="s">
        <v>1</v>
      </c>
      <c r="C55672" s="14" t="s">
        <v>137</v>
      </c>
      <c r="D55672" s="14" t="s">
        <v>18</v>
      </c>
      <c r="E55672" s="15">
        <v>45568</v>
      </c>
      <c r="F55672" s="14" t="s">
        <v>15</v>
      </c>
      <c r="G55672" s="16">
        <v>3.6936149899479895</v>
      </c>
    </row>
    <row r="55673" spans="1:7" x14ac:dyDescent="0.3">
      <c r="A55673" s="13" t="s">
        <v>304</v>
      </c>
      <c r="B55673" s="14" t="s">
        <v>1</v>
      </c>
      <c r="C55673" s="14" t="s">
        <v>137</v>
      </c>
      <c r="D55673" s="14" t="s">
        <v>18</v>
      </c>
      <c r="E55673" s="15">
        <v>45569</v>
      </c>
      <c r="F55673" s="14" t="s">
        <v>15</v>
      </c>
      <c r="G55673" s="16">
        <v>3.7119396060926539</v>
      </c>
    </row>
    <row r="55674" spans="1:7" x14ac:dyDescent="0.3">
      <c r="A55674" s="13" t="s">
        <v>304</v>
      </c>
      <c r="B55674" s="14" t="s">
        <v>1</v>
      </c>
      <c r="C55674" s="14" t="s">
        <v>137</v>
      </c>
      <c r="D55674" s="14" t="s">
        <v>18</v>
      </c>
      <c r="E55674" s="15">
        <v>45570</v>
      </c>
      <c r="F55674" s="14" t="s">
        <v>15</v>
      </c>
      <c r="G55674" s="16">
        <v>3.7119396060926539</v>
      </c>
    </row>
    <row r="55675" spans="1:7" x14ac:dyDescent="0.3">
      <c r="A55675" s="13" t="s">
        <v>304</v>
      </c>
      <c r="B55675" s="14" t="s">
        <v>1</v>
      </c>
      <c r="C55675" s="14" t="s">
        <v>137</v>
      </c>
      <c r="D55675" s="14" t="s">
        <v>18</v>
      </c>
      <c r="E55675" s="15">
        <v>45571</v>
      </c>
      <c r="F55675" s="14" t="s">
        <v>15</v>
      </c>
      <c r="G55675" s="16">
        <v>3.7119396060926539</v>
      </c>
    </row>
    <row r="55676" spans="1:7" x14ac:dyDescent="0.3">
      <c r="A55676" s="13" t="s">
        <v>304</v>
      </c>
      <c r="B55676" s="14" t="s">
        <v>1</v>
      </c>
      <c r="C55676" s="14" t="s">
        <v>137</v>
      </c>
      <c r="D55676" s="14" t="s">
        <v>18</v>
      </c>
      <c r="E55676" s="15">
        <v>45572</v>
      </c>
      <c r="F55676" s="14" t="s">
        <v>15</v>
      </c>
      <c r="G55676" s="16">
        <v>3.7365333252273514</v>
      </c>
    </row>
    <row r="55677" spans="1:7" x14ac:dyDescent="0.3">
      <c r="A55677" s="13" t="s">
        <v>304</v>
      </c>
      <c r="B55677" s="14" t="s">
        <v>1</v>
      </c>
      <c r="C55677" s="14" t="s">
        <v>137</v>
      </c>
      <c r="D55677" s="14" t="s">
        <v>18</v>
      </c>
      <c r="E55677" s="15">
        <v>45573</v>
      </c>
      <c r="F55677" s="14" t="s">
        <v>15</v>
      </c>
      <c r="G55677" s="16">
        <v>3.797629037717531</v>
      </c>
    </row>
    <row r="55678" spans="1:7" x14ac:dyDescent="0.3">
      <c r="A55678" s="13" t="s">
        <v>304</v>
      </c>
      <c r="B55678" s="14" t="s">
        <v>1</v>
      </c>
      <c r="C55678" s="14" t="s">
        <v>137</v>
      </c>
      <c r="D55678" s="14" t="s">
        <v>18</v>
      </c>
      <c r="E55678" s="15">
        <v>45574</v>
      </c>
      <c r="F55678" s="14" t="s">
        <v>15</v>
      </c>
      <c r="G55678" s="16">
        <v>3.8244848830980755</v>
      </c>
    </row>
    <row r="55679" spans="1:7" x14ac:dyDescent="0.3">
      <c r="A55679" s="13" t="s">
        <v>304</v>
      </c>
      <c r="B55679" s="14" t="s">
        <v>1</v>
      </c>
      <c r="C55679" s="14" t="s">
        <v>137</v>
      </c>
      <c r="D55679" s="14" t="s">
        <v>18</v>
      </c>
      <c r="E55679" s="15">
        <v>45575</v>
      </c>
      <c r="F55679" s="14" t="s">
        <v>15</v>
      </c>
      <c r="G55679" s="16">
        <v>3.8448820906048664</v>
      </c>
    </row>
    <row r="55680" spans="1:7" x14ac:dyDescent="0.3">
      <c r="A55680" s="13" t="s">
        <v>304</v>
      </c>
      <c r="B55680" s="14" t="s">
        <v>1</v>
      </c>
      <c r="C55680" s="14" t="s">
        <v>137</v>
      </c>
      <c r="D55680" s="14" t="s">
        <v>18</v>
      </c>
      <c r="E55680" s="15">
        <v>45576</v>
      </c>
      <c r="F55680" s="14" t="s">
        <v>15</v>
      </c>
      <c r="G55680" s="16">
        <v>3.8656588662179692</v>
      </c>
    </row>
    <row r="55681" spans="1:7" x14ac:dyDescent="0.3">
      <c r="A55681" s="13" t="s">
        <v>304</v>
      </c>
      <c r="B55681" s="14" t="s">
        <v>1</v>
      </c>
      <c r="C55681" s="14" t="s">
        <v>137</v>
      </c>
      <c r="D55681" s="14" t="s">
        <v>18</v>
      </c>
      <c r="E55681" s="15">
        <v>45577</v>
      </c>
      <c r="F55681" s="14" t="s">
        <v>15</v>
      </c>
      <c r="G55681" s="16">
        <v>3.8656588662179692</v>
      </c>
    </row>
    <row r="55682" spans="1:7" x14ac:dyDescent="0.3">
      <c r="A55682" s="13" t="s">
        <v>304</v>
      </c>
      <c r="B55682" s="14" t="s">
        <v>1</v>
      </c>
      <c r="C55682" s="14" t="s">
        <v>137</v>
      </c>
      <c r="D55682" s="14" t="s">
        <v>18</v>
      </c>
      <c r="E55682" s="15">
        <v>45578</v>
      </c>
      <c r="F55682" s="14" t="s">
        <v>15</v>
      </c>
      <c r="G55682" s="16">
        <v>3.8656588662179692</v>
      </c>
    </row>
    <row r="55683" spans="1:7" x14ac:dyDescent="0.3">
      <c r="A55683" s="13" t="s">
        <v>304</v>
      </c>
      <c r="B55683" s="14" t="s">
        <v>1</v>
      </c>
      <c r="C55683" s="14" t="s">
        <v>137</v>
      </c>
      <c r="D55683" s="14" t="s">
        <v>18</v>
      </c>
      <c r="E55683" s="15">
        <v>45579</v>
      </c>
      <c r="F55683" s="14" t="s">
        <v>15</v>
      </c>
      <c r="G55683" s="16">
        <v>3.8860316551201088</v>
      </c>
    </row>
    <row r="55684" spans="1:7" x14ac:dyDescent="0.3">
      <c r="A55684" s="13" t="s">
        <v>304</v>
      </c>
      <c r="B55684" s="14" t="s">
        <v>1</v>
      </c>
      <c r="C55684" s="14" t="s">
        <v>137</v>
      </c>
      <c r="D55684" s="14" t="s">
        <v>18</v>
      </c>
      <c r="E55684" s="15">
        <v>45580</v>
      </c>
      <c r="F55684" s="14" t="s">
        <v>15</v>
      </c>
      <c r="G55684" s="16">
        <v>3.9466768692714171</v>
      </c>
    </row>
    <row r="55685" spans="1:7" x14ac:dyDescent="0.3">
      <c r="A55685" s="13" t="s">
        <v>304</v>
      </c>
      <c r="B55685" s="14" t="s">
        <v>1</v>
      </c>
      <c r="C55685" s="14" t="s">
        <v>137</v>
      </c>
      <c r="D55685" s="14" t="s">
        <v>18</v>
      </c>
      <c r="E55685" s="15">
        <v>45581</v>
      </c>
      <c r="F55685" s="14" t="s">
        <v>15</v>
      </c>
      <c r="G55685" s="16">
        <v>3.9670147744526263</v>
      </c>
    </row>
    <row r="55686" spans="1:7" x14ac:dyDescent="0.3">
      <c r="A55686" s="13" t="s">
        <v>304</v>
      </c>
      <c r="B55686" s="14" t="s">
        <v>1</v>
      </c>
      <c r="C55686" s="14" t="s">
        <v>137</v>
      </c>
      <c r="D55686" s="14" t="s">
        <v>18</v>
      </c>
      <c r="E55686" s="15">
        <v>45582</v>
      </c>
      <c r="F55686" s="14" t="s">
        <v>15</v>
      </c>
      <c r="G55686" s="16">
        <v>3.9885119819594168</v>
      </c>
    </row>
    <row r="55687" spans="1:7" x14ac:dyDescent="0.3">
      <c r="A55687" s="13" t="s">
        <v>304</v>
      </c>
      <c r="B55687" s="14" t="s">
        <v>1</v>
      </c>
      <c r="C55687" s="14" t="s">
        <v>137</v>
      </c>
      <c r="D55687" s="14" t="s">
        <v>18</v>
      </c>
      <c r="E55687" s="15">
        <v>45583</v>
      </c>
      <c r="F55687" s="14" t="s">
        <v>15</v>
      </c>
      <c r="G55687" s="16">
        <v>4.0087845075235835</v>
      </c>
    </row>
    <row r="55688" spans="1:7" x14ac:dyDescent="0.3">
      <c r="A55688" s="13" t="s">
        <v>304</v>
      </c>
      <c r="B55688" s="14" t="s">
        <v>1</v>
      </c>
      <c r="C55688" s="14" t="s">
        <v>137</v>
      </c>
      <c r="D55688" s="14" t="s">
        <v>18</v>
      </c>
      <c r="E55688" s="15">
        <v>45584</v>
      </c>
      <c r="F55688" s="14" t="s">
        <v>15</v>
      </c>
      <c r="G55688" s="16">
        <v>4.0087845075235835</v>
      </c>
    </row>
    <row r="55689" spans="1:7" x14ac:dyDescent="0.3">
      <c r="A55689" s="13" t="s">
        <v>304</v>
      </c>
      <c r="B55689" s="14" t="s">
        <v>1</v>
      </c>
      <c r="C55689" s="14" t="s">
        <v>137</v>
      </c>
      <c r="D55689" s="14" t="s">
        <v>18</v>
      </c>
      <c r="E55689" s="15">
        <v>45585</v>
      </c>
      <c r="F55689" s="14" t="s">
        <v>15</v>
      </c>
      <c r="G55689" s="16">
        <v>4.0087845075235835</v>
      </c>
    </row>
    <row r="55690" spans="1:7" x14ac:dyDescent="0.3">
      <c r="A55690" s="13" t="s">
        <v>304</v>
      </c>
      <c r="B55690" s="14" t="s">
        <v>1</v>
      </c>
      <c r="C55690" s="14" t="s">
        <v>137</v>
      </c>
      <c r="D55690" s="14" t="s">
        <v>18</v>
      </c>
      <c r="E55690" s="15">
        <v>45586</v>
      </c>
      <c r="F55690" s="14" t="s">
        <v>15</v>
      </c>
      <c r="G55690" s="16">
        <v>4.0304990506752763</v>
      </c>
    </row>
    <row r="55691" spans="1:7" x14ac:dyDescent="0.3">
      <c r="A55691" s="13" t="s">
        <v>304</v>
      </c>
      <c r="B55691" s="14" t="s">
        <v>1</v>
      </c>
      <c r="C55691" s="14" t="s">
        <v>137</v>
      </c>
      <c r="D55691" s="14" t="s">
        <v>18</v>
      </c>
      <c r="E55691" s="15">
        <v>45587</v>
      </c>
      <c r="F55691" s="14" t="s">
        <v>15</v>
      </c>
      <c r="G55691" s="16">
        <v>4.0921899176151619</v>
      </c>
    </row>
    <row r="55692" spans="1:7" x14ac:dyDescent="0.3">
      <c r="A55692" s="13" t="s">
        <v>304</v>
      </c>
      <c r="B55692" s="14" t="s">
        <v>1</v>
      </c>
      <c r="C55692" s="14" t="s">
        <v>137</v>
      </c>
      <c r="D55692" s="14" t="s">
        <v>18</v>
      </c>
      <c r="E55692" s="15">
        <v>45588</v>
      </c>
      <c r="F55692" s="14" t="s">
        <v>15</v>
      </c>
      <c r="G55692" s="16">
        <v>4.1174489318384175</v>
      </c>
    </row>
    <row r="55693" spans="1:7" x14ac:dyDescent="0.3">
      <c r="A55693" s="13" t="s">
        <v>304</v>
      </c>
      <c r="B55693" s="14" t="s">
        <v>1</v>
      </c>
      <c r="C55693" s="14" t="s">
        <v>137</v>
      </c>
      <c r="D55693" s="14" t="s">
        <v>18</v>
      </c>
      <c r="E55693" s="15">
        <v>45589</v>
      </c>
      <c r="F55693" s="14" t="s">
        <v>15</v>
      </c>
      <c r="G55693" s="16">
        <v>4.1385221958024534</v>
      </c>
    </row>
    <row r="55694" spans="1:7" x14ac:dyDescent="0.3">
      <c r="A55694" s="13" t="s">
        <v>304</v>
      </c>
      <c r="B55694" s="14" t="s">
        <v>1</v>
      </c>
      <c r="C55694" s="14" t="s">
        <v>137</v>
      </c>
      <c r="D55694" s="14" t="s">
        <v>18</v>
      </c>
      <c r="E55694" s="15">
        <v>45590</v>
      </c>
      <c r="F55694" s="14" t="s">
        <v>15</v>
      </c>
      <c r="G55694" s="16">
        <v>4.1589373350442251</v>
      </c>
    </row>
    <row r="55695" spans="1:7" x14ac:dyDescent="0.3">
      <c r="A55695" s="13" t="s">
        <v>304</v>
      </c>
      <c r="B55695" s="14" t="s">
        <v>1</v>
      </c>
      <c r="C55695" s="14" t="s">
        <v>137</v>
      </c>
      <c r="D55695" s="14" t="s">
        <v>18</v>
      </c>
      <c r="E55695" s="15">
        <v>45591</v>
      </c>
      <c r="F55695" s="14" t="s">
        <v>15</v>
      </c>
      <c r="G55695" s="16">
        <v>4.1589373350442251</v>
      </c>
    </row>
    <row r="55696" spans="1:7" x14ac:dyDescent="0.3">
      <c r="A55696" s="13" t="s">
        <v>304</v>
      </c>
      <c r="B55696" s="14" t="s">
        <v>1</v>
      </c>
      <c r="C55696" s="14" t="s">
        <v>137</v>
      </c>
      <c r="D55696" s="14" t="s">
        <v>18</v>
      </c>
      <c r="E55696" s="15">
        <v>45592</v>
      </c>
      <c r="F55696" s="14" t="s">
        <v>15</v>
      </c>
      <c r="G55696" s="16">
        <v>4.1589373350442251</v>
      </c>
    </row>
    <row r="55697" spans="1:7" x14ac:dyDescent="0.3">
      <c r="A55697" s="13" t="s">
        <v>304</v>
      </c>
      <c r="B55697" s="14" t="s">
        <v>1</v>
      </c>
      <c r="C55697" s="14" t="s">
        <v>137</v>
      </c>
      <c r="D55697" s="14" t="s">
        <v>18</v>
      </c>
      <c r="E55697" s="15">
        <v>45593</v>
      </c>
      <c r="F55697" s="14" t="s">
        <v>15</v>
      </c>
      <c r="G55697" s="16">
        <v>4.1589373350442251</v>
      </c>
    </row>
    <row r="55698" spans="1:7" x14ac:dyDescent="0.3">
      <c r="A55698" s="13" t="s">
        <v>304</v>
      </c>
      <c r="B55698" s="14" t="s">
        <v>1</v>
      </c>
      <c r="C55698" s="14" t="s">
        <v>137</v>
      </c>
      <c r="D55698" s="14" t="s">
        <v>18</v>
      </c>
      <c r="E55698" s="15">
        <v>45594</v>
      </c>
      <c r="F55698" s="14" t="s">
        <v>15</v>
      </c>
      <c r="G55698" s="16">
        <v>4.180113176404201</v>
      </c>
    </row>
    <row r="55699" spans="1:7" x14ac:dyDescent="0.3">
      <c r="A55699" s="13" t="s">
        <v>304</v>
      </c>
      <c r="B55699" s="14" t="s">
        <v>1</v>
      </c>
      <c r="C55699" s="14" t="s">
        <v>137</v>
      </c>
      <c r="D55699" s="14" t="s">
        <v>18</v>
      </c>
      <c r="E55699" s="15">
        <v>45595</v>
      </c>
      <c r="F55699" s="14" t="s">
        <v>15</v>
      </c>
      <c r="G55699" s="16">
        <v>4.262920035391196</v>
      </c>
    </row>
    <row r="55700" spans="1:7" x14ac:dyDescent="0.3">
      <c r="A55700" s="13" t="s">
        <v>304</v>
      </c>
      <c r="B55700" s="14" t="s">
        <v>1</v>
      </c>
      <c r="C55700" s="14" t="s">
        <v>137</v>
      </c>
      <c r="D55700" s="14" t="s">
        <v>18</v>
      </c>
      <c r="E55700" s="15">
        <v>45596</v>
      </c>
      <c r="F55700" s="14" t="s">
        <v>15</v>
      </c>
      <c r="G55700" s="16">
        <v>4.2835924698484913</v>
      </c>
    </row>
    <row r="55701" spans="1:7" x14ac:dyDescent="0.3">
      <c r="A55701" s="13" t="s">
        <v>304</v>
      </c>
      <c r="B55701" s="14" t="s">
        <v>1</v>
      </c>
      <c r="C55701" s="14" t="s">
        <v>137</v>
      </c>
      <c r="D55701" s="14" t="s">
        <v>18</v>
      </c>
      <c r="E55701" s="15">
        <v>45597</v>
      </c>
      <c r="F55701" s="14" t="s">
        <v>15</v>
      </c>
      <c r="G55701" s="16">
        <v>4.3028554834792425</v>
      </c>
    </row>
    <row r="55702" spans="1:7" x14ac:dyDescent="0.3">
      <c r="A55702" s="13" t="s">
        <v>304</v>
      </c>
      <c r="B55702" s="14" t="s">
        <v>1</v>
      </c>
      <c r="C55702" s="14" t="s">
        <v>137</v>
      </c>
      <c r="D55702" s="14" t="s">
        <v>18</v>
      </c>
      <c r="E55702" s="15">
        <v>45598</v>
      </c>
      <c r="F55702" s="14" t="s">
        <v>15</v>
      </c>
      <c r="G55702" s="16">
        <v>4.3028554834792425</v>
      </c>
    </row>
    <row r="55703" spans="1:7" x14ac:dyDescent="0.3">
      <c r="A55703" s="13" t="s">
        <v>304</v>
      </c>
      <c r="B55703" s="14" t="s">
        <v>1</v>
      </c>
      <c r="C55703" s="14" t="s">
        <v>137</v>
      </c>
      <c r="D55703" s="14" t="s">
        <v>18</v>
      </c>
      <c r="E55703" s="15">
        <v>45599</v>
      </c>
      <c r="F55703" s="14" t="s">
        <v>15</v>
      </c>
      <c r="G55703" s="16">
        <v>4.3028554834792425</v>
      </c>
    </row>
    <row r="55704" spans="1:7" x14ac:dyDescent="0.3">
      <c r="A55704" s="13" t="s">
        <v>304</v>
      </c>
      <c r="B55704" s="14" t="s">
        <v>1</v>
      </c>
      <c r="C55704" s="14" t="s">
        <v>137</v>
      </c>
      <c r="D55704" s="14" t="s">
        <v>18</v>
      </c>
      <c r="E55704" s="15">
        <v>45600</v>
      </c>
      <c r="F55704" s="14" t="s">
        <v>15</v>
      </c>
      <c r="G55704" s="16">
        <v>4.3073566840452626</v>
      </c>
    </row>
    <row r="55705" spans="1:7" x14ac:dyDescent="0.3">
      <c r="A55705" s="13" t="s">
        <v>304</v>
      </c>
      <c r="B55705" s="14" t="s">
        <v>1</v>
      </c>
      <c r="C55705" s="14" t="s">
        <v>137</v>
      </c>
      <c r="D55705" s="14" t="s">
        <v>18</v>
      </c>
      <c r="E55705" s="15">
        <v>45601</v>
      </c>
      <c r="F55705" s="14" t="s">
        <v>15</v>
      </c>
      <c r="G55705" s="16">
        <v>4.3689218751312051</v>
      </c>
    </row>
    <row r="55706" spans="1:7" x14ac:dyDescent="0.3">
      <c r="A55706" s="13" t="s">
        <v>304</v>
      </c>
      <c r="B55706" s="14" t="s">
        <v>1</v>
      </c>
      <c r="C55706" s="14" t="s">
        <v>137</v>
      </c>
      <c r="D55706" s="14" t="s">
        <v>18</v>
      </c>
      <c r="E55706" s="15">
        <v>45602</v>
      </c>
      <c r="F55706" s="14" t="s">
        <v>15</v>
      </c>
      <c r="G55706" s="16">
        <v>4.3894974350513953</v>
      </c>
    </row>
    <row r="55707" spans="1:7" x14ac:dyDescent="0.3">
      <c r="A55707" s="13" t="s">
        <v>304</v>
      </c>
      <c r="B55707" s="14" t="s">
        <v>1</v>
      </c>
      <c r="C55707" s="14" t="s">
        <v>137</v>
      </c>
      <c r="D55707" s="14" t="s">
        <v>18</v>
      </c>
      <c r="E55707" s="15">
        <v>45603</v>
      </c>
      <c r="F55707" s="14" t="s">
        <v>15</v>
      </c>
      <c r="G55707" s="16">
        <v>4.409996043408853</v>
      </c>
    </row>
    <row r="55708" spans="1:7" x14ac:dyDescent="0.3">
      <c r="A55708" s="13" t="s">
        <v>304</v>
      </c>
      <c r="B55708" s="14" t="s">
        <v>1</v>
      </c>
      <c r="C55708" s="14" t="s">
        <v>137</v>
      </c>
      <c r="D55708" s="14" t="s">
        <v>18</v>
      </c>
      <c r="E55708" s="15">
        <v>45604</v>
      </c>
      <c r="F55708" s="14" t="s">
        <v>15</v>
      </c>
      <c r="G55708" s="16">
        <v>4.4299865048251172</v>
      </c>
    </row>
    <row r="55709" spans="1:7" x14ac:dyDescent="0.3">
      <c r="A55709" s="13" t="s">
        <v>304</v>
      </c>
      <c r="B55709" s="14" t="s">
        <v>1</v>
      </c>
      <c r="C55709" s="14" t="s">
        <v>137</v>
      </c>
      <c r="D55709" s="14" t="s">
        <v>18</v>
      </c>
      <c r="E55709" s="15">
        <v>45605</v>
      </c>
      <c r="F55709" s="14" t="s">
        <v>15</v>
      </c>
      <c r="G55709" s="16">
        <v>4.4299865048251172</v>
      </c>
    </row>
    <row r="55710" spans="1:7" x14ac:dyDescent="0.3">
      <c r="A55710" s="13" t="s">
        <v>304</v>
      </c>
      <c r="B55710" s="14" t="s">
        <v>1</v>
      </c>
      <c r="C55710" s="14" t="s">
        <v>137</v>
      </c>
      <c r="D55710" s="14" t="s">
        <v>18</v>
      </c>
      <c r="E55710" s="15">
        <v>45606</v>
      </c>
      <c r="F55710" s="14" t="s">
        <v>15</v>
      </c>
      <c r="G55710" s="16">
        <v>4.4299865048251172</v>
      </c>
    </row>
    <row r="55711" spans="1:7" x14ac:dyDescent="0.3">
      <c r="A55711" s="13" t="s">
        <v>304</v>
      </c>
      <c r="B55711" s="14" t="s">
        <v>1</v>
      </c>
      <c r="C55711" s="14" t="s">
        <v>137</v>
      </c>
      <c r="D55711" s="14" t="s">
        <v>18</v>
      </c>
      <c r="E55711" s="15">
        <v>45607</v>
      </c>
      <c r="F55711" s="14" t="s">
        <v>15</v>
      </c>
      <c r="G55711" s="16">
        <v>4.4503952005770371</v>
      </c>
    </row>
    <row r="55712" spans="1:7" x14ac:dyDescent="0.3">
      <c r="A55712" s="13" t="s">
        <v>304</v>
      </c>
      <c r="B55712" s="14" t="s">
        <v>1</v>
      </c>
      <c r="C55712" s="14" t="s">
        <v>137</v>
      </c>
      <c r="D55712" s="14" t="s">
        <v>18</v>
      </c>
      <c r="E55712" s="15">
        <v>45608</v>
      </c>
      <c r="F55712" s="14" t="s">
        <v>15</v>
      </c>
      <c r="G55712" s="16">
        <v>4.5114551331827544</v>
      </c>
    </row>
    <row r="55713" spans="1:7" x14ac:dyDescent="0.3">
      <c r="A55713" s="13" t="s">
        <v>304</v>
      </c>
      <c r="B55713" s="14" t="s">
        <v>1</v>
      </c>
      <c r="C55713" s="14" t="s">
        <v>137</v>
      </c>
      <c r="D55713" s="14" t="s">
        <v>18</v>
      </c>
      <c r="E55713" s="15">
        <v>45609</v>
      </c>
      <c r="F55713" s="14" t="s">
        <v>15</v>
      </c>
      <c r="G55713" s="16">
        <v>4.5378958241946341</v>
      </c>
    </row>
    <row r="55714" spans="1:7" x14ac:dyDescent="0.3">
      <c r="A55714" s="13" t="s">
        <v>304</v>
      </c>
      <c r="B55714" s="14" t="s">
        <v>1</v>
      </c>
      <c r="C55714" s="14" t="s">
        <v>137</v>
      </c>
      <c r="D55714" s="14" t="s">
        <v>18</v>
      </c>
      <c r="E55714" s="15">
        <v>45610</v>
      </c>
      <c r="F55714" s="14" t="s">
        <v>15</v>
      </c>
      <c r="G55714" s="16">
        <v>4.5586061048969304</v>
      </c>
    </row>
    <row r="55715" spans="1:7" x14ac:dyDescent="0.3">
      <c r="A55715" s="13" t="s">
        <v>304</v>
      </c>
      <c r="B55715" s="14" t="s">
        <v>1</v>
      </c>
      <c r="C55715" s="14" t="s">
        <v>137</v>
      </c>
      <c r="D55715" s="14" t="s">
        <v>18</v>
      </c>
      <c r="E55715" s="15">
        <v>45611</v>
      </c>
      <c r="F55715" s="14" t="s">
        <v>15</v>
      </c>
      <c r="G55715" s="16">
        <v>4.5792393599733936</v>
      </c>
    </row>
    <row r="55716" spans="1:7" x14ac:dyDescent="0.3">
      <c r="A55716" s="13" t="s">
        <v>304</v>
      </c>
      <c r="B55716" s="14" t="s">
        <v>1</v>
      </c>
      <c r="C55716" s="14" t="s">
        <v>137</v>
      </c>
      <c r="D55716" s="14" t="s">
        <v>18</v>
      </c>
      <c r="E55716" s="15">
        <v>45612</v>
      </c>
      <c r="F55716" s="14" t="s">
        <v>15</v>
      </c>
      <c r="G55716" s="16">
        <v>4.5792393599733936</v>
      </c>
    </row>
    <row r="55717" spans="1:7" x14ac:dyDescent="0.3">
      <c r="A55717" s="13" t="s">
        <v>304</v>
      </c>
      <c r="B55717" s="14" t="s">
        <v>1</v>
      </c>
      <c r="C55717" s="14" t="s">
        <v>137</v>
      </c>
      <c r="D55717" s="14" t="s">
        <v>18</v>
      </c>
      <c r="E55717" s="15">
        <v>45613</v>
      </c>
      <c r="F55717" s="14" t="s">
        <v>15</v>
      </c>
      <c r="G55717" s="16">
        <v>4.5792393599733936</v>
      </c>
    </row>
    <row r="55718" spans="1:7" x14ac:dyDescent="0.3">
      <c r="A55718" s="13" t="s">
        <v>304</v>
      </c>
      <c r="B55718" s="14" t="s">
        <v>1</v>
      </c>
      <c r="C55718" s="14" t="s">
        <v>137</v>
      </c>
      <c r="D55718" s="14" t="s">
        <v>18</v>
      </c>
      <c r="E55718" s="15">
        <v>45614</v>
      </c>
      <c r="F55718" s="14" t="s">
        <v>15</v>
      </c>
      <c r="G55718" s="16">
        <v>4.5999195710563736</v>
      </c>
    </row>
    <row r="55719" spans="1:7" x14ac:dyDescent="0.3">
      <c r="A55719" s="13" t="s">
        <v>304</v>
      </c>
      <c r="B55719" s="14" t="s">
        <v>1</v>
      </c>
      <c r="C55719" s="14" t="s">
        <v>137</v>
      </c>
      <c r="D55719" s="14" t="s">
        <v>18</v>
      </c>
      <c r="E55719" s="15">
        <v>45615</v>
      </c>
      <c r="F55719" s="14" t="s">
        <v>15</v>
      </c>
      <c r="G55719" s="16">
        <v>4.6618418203559147</v>
      </c>
    </row>
    <row r="55720" spans="1:7" x14ac:dyDescent="0.3">
      <c r="A55720" s="13" t="s">
        <v>304</v>
      </c>
      <c r="B55720" s="14" t="s">
        <v>1</v>
      </c>
      <c r="C55720" s="14" t="s">
        <v>137</v>
      </c>
      <c r="D55720" s="14" t="s">
        <v>18</v>
      </c>
      <c r="E55720" s="15">
        <v>45616</v>
      </c>
      <c r="F55720" s="14" t="s">
        <v>15</v>
      </c>
      <c r="G55720" s="16">
        <v>4.6825582482956571</v>
      </c>
    </row>
    <row r="55721" spans="1:7" x14ac:dyDescent="0.3">
      <c r="A55721" s="13" t="s">
        <v>304</v>
      </c>
      <c r="B55721" s="14" t="s">
        <v>1</v>
      </c>
      <c r="C55721" s="14" t="s">
        <v>137</v>
      </c>
      <c r="D55721" s="14" t="s">
        <v>18</v>
      </c>
      <c r="E55721" s="15">
        <v>45617</v>
      </c>
      <c r="F55721" s="14" t="s">
        <v>15</v>
      </c>
      <c r="G55721" s="16">
        <v>4.705308226820498</v>
      </c>
    </row>
    <row r="55722" spans="1:7" x14ac:dyDescent="0.3">
      <c r="A55722" s="13" t="s">
        <v>304</v>
      </c>
      <c r="B55722" s="14" t="s">
        <v>1</v>
      </c>
      <c r="C55722" s="14" t="s">
        <v>137</v>
      </c>
      <c r="D55722" s="14" t="s">
        <v>18</v>
      </c>
      <c r="E55722" s="15">
        <v>45618</v>
      </c>
      <c r="F55722" s="14" t="s">
        <v>15</v>
      </c>
      <c r="G55722" s="16">
        <v>4.7261544133145295</v>
      </c>
    </row>
    <row r="55723" spans="1:7" x14ac:dyDescent="0.3">
      <c r="A55723" s="13" t="s">
        <v>304</v>
      </c>
      <c r="B55723" s="14" t="s">
        <v>1</v>
      </c>
      <c r="C55723" s="14" t="s">
        <v>137</v>
      </c>
      <c r="D55723" s="14" t="s">
        <v>18</v>
      </c>
      <c r="E55723" s="15">
        <v>45619</v>
      </c>
      <c r="F55723" s="14" t="s">
        <v>15</v>
      </c>
      <c r="G55723" s="16">
        <v>4.7261544133145295</v>
      </c>
    </row>
    <row r="55724" spans="1:7" x14ac:dyDescent="0.3">
      <c r="A55724" s="13" t="s">
        <v>304</v>
      </c>
      <c r="B55724" s="14" t="s">
        <v>1</v>
      </c>
      <c r="C55724" s="14" t="s">
        <v>137</v>
      </c>
      <c r="D55724" s="14" t="s">
        <v>18</v>
      </c>
      <c r="E55724" s="15">
        <v>45620</v>
      </c>
      <c r="F55724" s="14" t="s">
        <v>15</v>
      </c>
      <c r="G55724" s="16">
        <v>4.7261544133145295</v>
      </c>
    </row>
    <row r="55725" spans="1:7" x14ac:dyDescent="0.3">
      <c r="A55725" s="13" t="s">
        <v>304</v>
      </c>
      <c r="B55725" s="14" t="s">
        <v>1</v>
      </c>
      <c r="C55725" s="14" t="s">
        <v>137</v>
      </c>
      <c r="D55725" s="14" t="s">
        <v>18</v>
      </c>
      <c r="E55725" s="15">
        <v>45621</v>
      </c>
      <c r="F55725" s="14" t="s">
        <v>15</v>
      </c>
      <c r="G55725" s="16">
        <v>4.7467250850700022</v>
      </c>
    </row>
    <row r="55726" spans="1:7" x14ac:dyDescent="0.3">
      <c r="A55726" s="13" t="s">
        <v>304</v>
      </c>
      <c r="B55726" s="14" t="s">
        <v>1</v>
      </c>
      <c r="C55726" s="14" t="s">
        <v>137</v>
      </c>
      <c r="D55726" s="14" t="s">
        <v>18</v>
      </c>
      <c r="E55726" s="15">
        <v>45622</v>
      </c>
      <c r="F55726" s="14" t="s">
        <v>15</v>
      </c>
      <c r="G55726" s="16">
        <v>4.8076428905834376</v>
      </c>
    </row>
    <row r="55727" spans="1:7" x14ac:dyDescent="0.3">
      <c r="A55727" s="13" t="s">
        <v>304</v>
      </c>
      <c r="B55727" s="14" t="s">
        <v>1</v>
      </c>
      <c r="C55727" s="14" t="s">
        <v>137</v>
      </c>
      <c r="D55727" s="14" t="s">
        <v>18</v>
      </c>
      <c r="E55727" s="15">
        <v>45623</v>
      </c>
      <c r="F55727" s="14" t="s">
        <v>15</v>
      </c>
      <c r="G55727" s="16">
        <v>4.8629507123907549</v>
      </c>
    </row>
    <row r="55728" spans="1:7" x14ac:dyDescent="0.3">
      <c r="A55728" s="13" t="s">
        <v>304</v>
      </c>
      <c r="B55728" s="14" t="s">
        <v>1</v>
      </c>
      <c r="C55728" s="14" t="s">
        <v>137</v>
      </c>
      <c r="D55728" s="14" t="s">
        <v>18</v>
      </c>
      <c r="E55728" s="15">
        <v>45624</v>
      </c>
      <c r="F55728" s="14" t="s">
        <v>15</v>
      </c>
      <c r="G55728" s="16">
        <v>4.8832209101423771</v>
      </c>
    </row>
    <row r="55729" spans="1:7" x14ac:dyDescent="0.3">
      <c r="A55729" s="13" t="s">
        <v>304</v>
      </c>
      <c r="B55729" s="14" t="s">
        <v>1</v>
      </c>
      <c r="C55729" s="14" t="s">
        <v>137</v>
      </c>
      <c r="D55729" s="14" t="s">
        <v>18</v>
      </c>
      <c r="E55729" s="15">
        <v>45625</v>
      </c>
      <c r="F55729" s="14" t="s">
        <v>15</v>
      </c>
      <c r="G55729" s="16">
        <v>4.903317726172773</v>
      </c>
    </row>
    <row r="55730" spans="1:7" x14ac:dyDescent="0.3">
      <c r="A55730" s="13" t="s">
        <v>304</v>
      </c>
      <c r="B55730" s="14" t="s">
        <v>1</v>
      </c>
      <c r="C55730" s="14" t="s">
        <v>137</v>
      </c>
      <c r="D55730" s="14" t="s">
        <v>18</v>
      </c>
      <c r="E55730" s="15">
        <v>45626</v>
      </c>
      <c r="F55730" s="14" t="s">
        <v>15</v>
      </c>
      <c r="G55730" s="16">
        <v>4.903317726172773</v>
      </c>
    </row>
    <row r="55731" spans="1:7" x14ac:dyDescent="0.3">
      <c r="A55731" s="13" t="s">
        <v>304</v>
      </c>
      <c r="B55731" s="14" t="s">
        <v>1</v>
      </c>
      <c r="C55731" s="14" t="s">
        <v>137</v>
      </c>
      <c r="D55731" s="14" t="s">
        <v>18</v>
      </c>
      <c r="E55731" s="15">
        <v>45627</v>
      </c>
      <c r="F55731" s="14" t="s">
        <v>15</v>
      </c>
      <c r="G55731" s="16">
        <v>4.903317726172773</v>
      </c>
    </row>
    <row r="55732" spans="1:7" x14ac:dyDescent="0.3">
      <c r="A55732" s="13" t="s">
        <v>304</v>
      </c>
      <c r="B55732" s="14" t="s">
        <v>1</v>
      </c>
      <c r="C55732" s="14" t="s">
        <v>137</v>
      </c>
      <c r="D55732" s="14" t="s">
        <v>18</v>
      </c>
      <c r="E55732" s="15">
        <v>45628</v>
      </c>
      <c r="F55732" s="14" t="s">
        <v>15</v>
      </c>
      <c r="G55732" s="16">
        <v>4.923467867636437</v>
      </c>
    </row>
    <row r="55733" spans="1:7" x14ac:dyDescent="0.3">
      <c r="A55733" s="13" t="s">
        <v>304</v>
      </c>
      <c r="B55733" s="14" t="s">
        <v>1</v>
      </c>
      <c r="C55733" s="14" t="s">
        <v>137</v>
      </c>
      <c r="D55733" s="14" t="s">
        <v>18</v>
      </c>
      <c r="E55733" s="15">
        <v>45629</v>
      </c>
      <c r="F55733" s="14" t="s">
        <v>15</v>
      </c>
      <c r="G55733" s="16">
        <v>4.983055499842215</v>
      </c>
    </row>
    <row r="55734" spans="1:7" x14ac:dyDescent="0.3">
      <c r="A55734" s="13" t="s">
        <v>304</v>
      </c>
      <c r="B55734" s="14" t="s">
        <v>1</v>
      </c>
      <c r="C55734" s="14" t="s">
        <v>137</v>
      </c>
      <c r="D55734" s="14" t="s">
        <v>18</v>
      </c>
      <c r="E55734" s="15">
        <v>45630</v>
      </c>
      <c r="F55734" s="14" t="s">
        <v>15</v>
      </c>
      <c r="G55734" s="16">
        <v>5.0031435764266021</v>
      </c>
    </row>
    <row r="55735" spans="1:7" x14ac:dyDescent="0.3">
      <c r="A55735" s="13" t="s">
        <v>304</v>
      </c>
      <c r="B55735" s="14" t="s">
        <v>1</v>
      </c>
      <c r="C55735" s="14" t="s">
        <v>137</v>
      </c>
      <c r="D55735" s="14" t="s">
        <v>18</v>
      </c>
      <c r="E55735" s="15">
        <v>45631</v>
      </c>
      <c r="F55735" s="14" t="s">
        <v>15</v>
      </c>
      <c r="G55735" s="16">
        <v>5.0236739578547169</v>
      </c>
    </row>
    <row r="55736" spans="1:7" x14ac:dyDescent="0.3">
      <c r="A55736" s="13" t="s">
        <v>304</v>
      </c>
      <c r="B55736" s="14" t="s">
        <v>1</v>
      </c>
      <c r="C55736" s="14" t="s">
        <v>137</v>
      </c>
      <c r="D55736" s="14" t="s">
        <v>18</v>
      </c>
      <c r="E55736" s="15">
        <v>45632</v>
      </c>
      <c r="F55736" s="14" t="s">
        <v>15</v>
      </c>
      <c r="G55736" s="16">
        <v>5.0437563315802691</v>
      </c>
    </row>
    <row r="55737" spans="1:7" x14ac:dyDescent="0.3">
      <c r="A55737" s="13" t="s">
        <v>304</v>
      </c>
      <c r="B55737" s="14" t="s">
        <v>1</v>
      </c>
      <c r="C55737" s="14" t="s">
        <v>137</v>
      </c>
      <c r="D55737" s="14" t="s">
        <v>18</v>
      </c>
      <c r="E55737" s="15">
        <v>45633</v>
      </c>
      <c r="F55737" s="14" t="s">
        <v>15</v>
      </c>
      <c r="G55737" s="16">
        <v>5.0437563315802691</v>
      </c>
    </row>
    <row r="55738" spans="1:7" x14ac:dyDescent="0.3">
      <c r="A55738" s="13" t="s">
        <v>304</v>
      </c>
      <c r="B55738" s="14" t="s">
        <v>1</v>
      </c>
      <c r="C55738" s="14" t="s">
        <v>137</v>
      </c>
      <c r="D55738" s="14" t="s">
        <v>18</v>
      </c>
      <c r="E55738" s="15">
        <v>45634</v>
      </c>
      <c r="F55738" s="14" t="s">
        <v>15</v>
      </c>
      <c r="G55738" s="16">
        <v>5.0437563315802691</v>
      </c>
    </row>
    <row r="55739" spans="1:7" x14ac:dyDescent="0.3">
      <c r="A55739" s="13" t="s">
        <v>304</v>
      </c>
      <c r="B55739" s="14" t="s">
        <v>1</v>
      </c>
      <c r="C55739" s="14" t="s">
        <v>137</v>
      </c>
      <c r="D55739" s="14" t="s">
        <v>18</v>
      </c>
      <c r="E55739" s="15">
        <v>45635</v>
      </c>
      <c r="F55739" s="14" t="s">
        <v>15</v>
      </c>
      <c r="G55739" s="16">
        <v>5.0689219659598574</v>
      </c>
    </row>
    <row r="55740" spans="1:7" x14ac:dyDescent="0.3">
      <c r="A55740" s="13" t="s">
        <v>304</v>
      </c>
      <c r="B55740" s="14" t="s">
        <v>1</v>
      </c>
      <c r="C55740" s="14" t="s">
        <v>137</v>
      </c>
      <c r="D55740" s="14" t="s">
        <v>18</v>
      </c>
      <c r="E55740" s="15">
        <v>45636</v>
      </c>
      <c r="F55740" s="14" t="s">
        <v>15</v>
      </c>
      <c r="G55740" s="16">
        <v>5.128397871296257</v>
      </c>
    </row>
    <row r="55741" spans="1:7" x14ac:dyDescent="0.3">
      <c r="A55741" s="13" t="s">
        <v>304</v>
      </c>
      <c r="B55741" s="14" t="s">
        <v>1</v>
      </c>
      <c r="C55741" s="14" t="s">
        <v>137</v>
      </c>
      <c r="D55741" s="14" t="s">
        <v>18</v>
      </c>
      <c r="E55741" s="15">
        <v>45637</v>
      </c>
      <c r="F55741" s="14" t="s">
        <v>15</v>
      </c>
      <c r="G55741" s="16">
        <v>5.1482463508980389</v>
      </c>
    </row>
    <row r="55742" spans="1:7" x14ac:dyDescent="0.3">
      <c r="A55742" s="13" t="s">
        <v>304</v>
      </c>
      <c r="B55742" s="14" t="s">
        <v>1</v>
      </c>
      <c r="C55742" s="14" t="s">
        <v>137</v>
      </c>
      <c r="D55742" s="14" t="s">
        <v>18</v>
      </c>
      <c r="E55742" s="15">
        <v>45638</v>
      </c>
      <c r="F55742" s="14" t="s">
        <v>15</v>
      </c>
      <c r="G55742" s="16">
        <v>5.1681814805353623</v>
      </c>
    </row>
    <row r="55743" spans="1:7" x14ac:dyDescent="0.3">
      <c r="A55743" s="13" t="s">
        <v>304</v>
      </c>
      <c r="B55743" s="14" t="s">
        <v>1</v>
      </c>
      <c r="C55743" s="14" t="s">
        <v>137</v>
      </c>
      <c r="D55743" s="14" t="s">
        <v>18</v>
      </c>
      <c r="E55743" s="15">
        <v>45639</v>
      </c>
      <c r="F55743" s="14" t="s">
        <v>15</v>
      </c>
      <c r="G55743" s="16">
        <v>5.1888275262103667</v>
      </c>
    </row>
    <row r="55744" spans="1:7" x14ac:dyDescent="0.3">
      <c r="A55744" s="13" t="s">
        <v>304</v>
      </c>
      <c r="B55744" s="14" t="s">
        <v>1</v>
      </c>
      <c r="C55744" s="14" t="s">
        <v>137</v>
      </c>
      <c r="D55744" s="14" t="s">
        <v>18</v>
      </c>
      <c r="E55744" s="15">
        <v>45640</v>
      </c>
      <c r="F55744" s="14" t="s">
        <v>15</v>
      </c>
      <c r="G55744" s="16">
        <v>5.1888275262103667</v>
      </c>
    </row>
    <row r="55745" spans="1:7" x14ac:dyDescent="0.3">
      <c r="A55745" s="13" t="s">
        <v>304</v>
      </c>
      <c r="B55745" s="14" t="s">
        <v>1</v>
      </c>
      <c r="C55745" s="14" t="s">
        <v>137</v>
      </c>
      <c r="D55745" s="14" t="s">
        <v>18</v>
      </c>
      <c r="E55745" s="15">
        <v>45641</v>
      </c>
      <c r="F55745" s="14" t="s">
        <v>15</v>
      </c>
      <c r="G55745" s="16">
        <v>5.1888275262103667</v>
      </c>
    </row>
    <row r="55746" spans="1:7" x14ac:dyDescent="0.3">
      <c r="A55746" s="13" t="s">
        <v>304</v>
      </c>
      <c r="B55746" s="14" t="s">
        <v>1</v>
      </c>
      <c r="C55746" s="14" t="s">
        <v>137</v>
      </c>
      <c r="D55746" s="14" t="s">
        <v>18</v>
      </c>
      <c r="E55746" s="15">
        <v>45642</v>
      </c>
      <c r="F55746" s="14" t="s">
        <v>15</v>
      </c>
      <c r="G55746" s="16">
        <v>5.2088158745422311</v>
      </c>
    </row>
    <row r="55747" spans="1:7" x14ac:dyDescent="0.3">
      <c r="A55747" s="13" t="s">
        <v>304</v>
      </c>
      <c r="B55747" s="14" t="s">
        <v>1</v>
      </c>
      <c r="C55747" s="14" t="s">
        <v>137</v>
      </c>
      <c r="D55747" s="14" t="s">
        <v>18</v>
      </c>
      <c r="E55747" s="15">
        <v>45643</v>
      </c>
      <c r="F55747" s="14" t="s">
        <v>15</v>
      </c>
      <c r="G55747" s="16">
        <v>5.2687496035206616</v>
      </c>
    </row>
    <row r="55748" spans="1:7" x14ac:dyDescent="0.3">
      <c r="A55748" s="13" t="s">
        <v>304</v>
      </c>
      <c r="B55748" s="14" t="s">
        <v>1</v>
      </c>
      <c r="C55748" s="14" t="s">
        <v>137</v>
      </c>
      <c r="D55748" s="14" t="s">
        <v>18</v>
      </c>
      <c r="E55748" s="15">
        <v>45644</v>
      </c>
      <c r="F55748" s="14" t="s">
        <v>15</v>
      </c>
      <c r="G55748" s="16">
        <v>5.2887285224999365</v>
      </c>
    </row>
    <row r="55749" spans="1:7" x14ac:dyDescent="0.3">
      <c r="A55749" s="13" t="s">
        <v>304</v>
      </c>
      <c r="B55749" s="14" t="s">
        <v>1</v>
      </c>
      <c r="C55749" s="14" t="s">
        <v>137</v>
      </c>
      <c r="D55749" s="14" t="s">
        <v>18</v>
      </c>
      <c r="E55749" s="15">
        <v>45645</v>
      </c>
      <c r="F55749" s="14" t="s">
        <v>15</v>
      </c>
      <c r="G55749" s="16">
        <v>5.3098726808689465</v>
      </c>
    </row>
    <row r="55750" spans="1:7" x14ac:dyDescent="0.3">
      <c r="A55750" s="13" t="s">
        <v>304</v>
      </c>
      <c r="B55750" s="14" t="s">
        <v>1</v>
      </c>
      <c r="C55750" s="14" t="s">
        <v>137</v>
      </c>
      <c r="D55750" s="14" t="s">
        <v>18</v>
      </c>
      <c r="E55750" s="15">
        <v>45646</v>
      </c>
      <c r="F55750" s="14" t="s">
        <v>15</v>
      </c>
      <c r="G55750" s="16">
        <v>5.3302648483689197</v>
      </c>
    </row>
    <row r="55751" spans="1:7" x14ac:dyDescent="0.3">
      <c r="A55751" s="13" t="s">
        <v>304</v>
      </c>
      <c r="B55751" s="14" t="s">
        <v>1</v>
      </c>
      <c r="C55751" s="14" t="s">
        <v>137</v>
      </c>
      <c r="D55751" s="14" t="s">
        <v>18</v>
      </c>
      <c r="E55751" s="15">
        <v>45647</v>
      </c>
      <c r="F55751" s="14" t="s">
        <v>15</v>
      </c>
      <c r="G55751" s="16">
        <v>5.3302648483689197</v>
      </c>
    </row>
    <row r="55752" spans="1:7" x14ac:dyDescent="0.3">
      <c r="A55752" s="13" t="s">
        <v>304</v>
      </c>
      <c r="B55752" s="14" t="s">
        <v>1</v>
      </c>
      <c r="C55752" s="14" t="s">
        <v>137</v>
      </c>
      <c r="D55752" s="14" t="s">
        <v>18</v>
      </c>
      <c r="E55752" s="15">
        <v>45648</v>
      </c>
      <c r="F55752" s="14" t="s">
        <v>15</v>
      </c>
      <c r="G55752" s="16">
        <v>5.3302648483689197</v>
      </c>
    </row>
    <row r="55753" spans="1:7" x14ac:dyDescent="0.3">
      <c r="A55753" s="13" t="s">
        <v>304</v>
      </c>
      <c r="B55753" s="14" t="s">
        <v>1</v>
      </c>
      <c r="C55753" s="14" t="s">
        <v>137</v>
      </c>
      <c r="D55753" s="14" t="s">
        <v>18</v>
      </c>
      <c r="E55753" s="15">
        <v>45649</v>
      </c>
      <c r="F55753" s="14" t="s">
        <v>15</v>
      </c>
      <c r="G55753" s="16">
        <v>5.3504035663007956</v>
      </c>
    </row>
    <row r="55754" spans="1:7" x14ac:dyDescent="0.3">
      <c r="A55754" s="13" t="s">
        <v>304</v>
      </c>
      <c r="B55754" s="14" t="s">
        <v>1</v>
      </c>
      <c r="C55754" s="14" t="s">
        <v>137</v>
      </c>
      <c r="D55754" s="14" t="s">
        <v>18</v>
      </c>
      <c r="E55754" s="15">
        <v>45650</v>
      </c>
      <c r="F55754" s="14" t="s">
        <v>15</v>
      </c>
      <c r="G55754" s="16">
        <v>5.4116038287748127</v>
      </c>
    </row>
    <row r="55755" spans="1:7" x14ac:dyDescent="0.3">
      <c r="A55755" s="13" t="s">
        <v>304</v>
      </c>
      <c r="B55755" s="14" t="s">
        <v>1</v>
      </c>
      <c r="C55755" s="14" t="s">
        <v>137</v>
      </c>
      <c r="D55755" s="14" t="s">
        <v>18</v>
      </c>
      <c r="E55755" s="15">
        <v>45651</v>
      </c>
      <c r="F55755" s="14" t="s">
        <v>15</v>
      </c>
      <c r="G55755" s="16">
        <v>5.4116038287748127</v>
      </c>
    </row>
    <row r="55756" spans="1:7" x14ac:dyDescent="0.3">
      <c r="A55756" s="13" t="s">
        <v>304</v>
      </c>
      <c r="B55756" s="14" t="s">
        <v>1</v>
      </c>
      <c r="C55756" s="14" t="s">
        <v>137</v>
      </c>
      <c r="D55756" s="14" t="s">
        <v>18</v>
      </c>
      <c r="E55756" s="15">
        <v>45652</v>
      </c>
      <c r="F55756" s="14" t="s">
        <v>15</v>
      </c>
      <c r="G55756" s="16">
        <v>5.4116038287748127</v>
      </c>
    </row>
    <row r="55757" spans="1:7" x14ac:dyDescent="0.3">
      <c r="A55757" s="13" t="s">
        <v>304</v>
      </c>
      <c r="B55757" s="14" t="s">
        <v>1</v>
      </c>
      <c r="C55757" s="14" t="s">
        <v>137</v>
      </c>
      <c r="D55757" s="14" t="s">
        <v>18</v>
      </c>
      <c r="E55757" s="15">
        <v>45653</v>
      </c>
      <c r="F55757" s="14" t="s">
        <v>15</v>
      </c>
      <c r="G55757" s="16">
        <v>5.4116038287748127</v>
      </c>
    </row>
    <row r="55758" spans="1:7" x14ac:dyDescent="0.3">
      <c r="A55758" s="13" t="s">
        <v>304</v>
      </c>
      <c r="B55758" s="14" t="s">
        <v>1</v>
      </c>
      <c r="C55758" s="14" t="s">
        <v>137</v>
      </c>
      <c r="D55758" s="14" t="s">
        <v>18</v>
      </c>
      <c r="E55758" s="15">
        <v>45654</v>
      </c>
      <c r="F55758" s="14" t="s">
        <v>15</v>
      </c>
      <c r="G55758" s="16">
        <v>5.4116038287748127</v>
      </c>
    </row>
    <row r="55759" spans="1:7" x14ac:dyDescent="0.3">
      <c r="A55759" s="13" t="s">
        <v>304</v>
      </c>
      <c r="B55759" s="14" t="s">
        <v>1</v>
      </c>
      <c r="C55759" s="14" t="s">
        <v>137</v>
      </c>
      <c r="D55759" s="14" t="s">
        <v>18</v>
      </c>
      <c r="E55759" s="15">
        <v>45655</v>
      </c>
      <c r="F55759" s="14" t="s">
        <v>15</v>
      </c>
      <c r="G55759" s="16">
        <v>5.4116038287748127</v>
      </c>
    </row>
    <row r="55760" spans="1:7" x14ac:dyDescent="0.3">
      <c r="A55760" s="13" t="s">
        <v>304</v>
      </c>
      <c r="B55760" s="14" t="s">
        <v>1</v>
      </c>
      <c r="C55760" s="14" t="s">
        <v>137</v>
      </c>
      <c r="D55760" s="14" t="s">
        <v>18</v>
      </c>
      <c r="E55760" s="15">
        <v>45656</v>
      </c>
      <c r="F55760" s="14" t="s">
        <v>15</v>
      </c>
      <c r="G55760" s="16">
        <v>5.4317672630399931</v>
      </c>
    </row>
    <row r="55761" spans="1:7" x14ac:dyDescent="0.3">
      <c r="A55761" s="13" t="s">
        <v>304</v>
      </c>
      <c r="B55761" s="14" t="s">
        <v>1</v>
      </c>
      <c r="C55761" s="14" t="s">
        <v>137</v>
      </c>
      <c r="D55761" s="14" t="s">
        <v>18</v>
      </c>
      <c r="E55761" s="15">
        <v>45657</v>
      </c>
      <c r="F55761" s="14" t="s">
        <v>15</v>
      </c>
      <c r="G55761" s="16">
        <v>5.5520919235903055</v>
      </c>
    </row>
    <row r="55762" spans="1:7" x14ac:dyDescent="0.3">
      <c r="A55762" s="13" t="s">
        <v>304</v>
      </c>
      <c r="B55762" s="14" t="s">
        <v>1</v>
      </c>
      <c r="C55762" s="14" t="s">
        <v>137</v>
      </c>
      <c r="D55762" s="14" t="s">
        <v>18</v>
      </c>
      <c r="E55762" s="15">
        <v>45658</v>
      </c>
      <c r="F55762" s="14" t="s">
        <v>15</v>
      </c>
      <c r="G55762" s="16">
        <v>5.5520919235903055</v>
      </c>
    </row>
    <row r="55763" spans="1:7" x14ac:dyDescent="0.3">
      <c r="A55763" s="13" t="s">
        <v>304</v>
      </c>
      <c r="B55763" s="14" t="s">
        <v>1</v>
      </c>
      <c r="C55763" s="14" t="s">
        <v>137</v>
      </c>
      <c r="D55763" s="14" t="s">
        <v>18</v>
      </c>
      <c r="E55763" s="15">
        <v>45659</v>
      </c>
      <c r="F55763" s="14" t="s">
        <v>15</v>
      </c>
      <c r="G55763" s="16">
        <v>5.5707620198563177</v>
      </c>
    </row>
    <row r="55764" spans="1:7" x14ac:dyDescent="0.3">
      <c r="A55764" s="13" t="s">
        <v>304</v>
      </c>
      <c r="B55764" s="14" t="s">
        <v>1</v>
      </c>
      <c r="C55764" s="14" t="s">
        <v>137</v>
      </c>
      <c r="D55764" s="14" t="s">
        <v>18</v>
      </c>
      <c r="E55764" s="15">
        <v>45660</v>
      </c>
      <c r="F55764" s="14" t="s">
        <v>15</v>
      </c>
      <c r="G55764" s="16">
        <v>5.5962211785525087</v>
      </c>
    </row>
    <row r="55765" spans="1:7" x14ac:dyDescent="0.3">
      <c r="A55765" s="13" t="s">
        <v>304</v>
      </c>
      <c r="B55765" s="14" t="s">
        <v>1</v>
      </c>
      <c r="C55765" s="14" t="s">
        <v>137</v>
      </c>
      <c r="D55765" s="14" t="s">
        <v>18</v>
      </c>
      <c r="E55765" s="15">
        <v>45661</v>
      </c>
      <c r="F55765" s="14" t="s">
        <v>15</v>
      </c>
      <c r="G55765" s="16">
        <v>5.5962211785525087</v>
      </c>
    </row>
    <row r="55766" spans="1:7" x14ac:dyDescent="0.3">
      <c r="A55766" s="13" t="s">
        <v>304</v>
      </c>
      <c r="B55766" s="14" t="s">
        <v>1</v>
      </c>
      <c r="C55766" s="14" t="s">
        <v>137</v>
      </c>
      <c r="D55766" s="14" t="s">
        <v>18</v>
      </c>
      <c r="E55766" s="15">
        <v>45662</v>
      </c>
      <c r="F55766" s="14" t="s">
        <v>15</v>
      </c>
      <c r="G55766" s="16">
        <v>5.5962211785525087</v>
      </c>
    </row>
    <row r="55767" spans="1:7" x14ac:dyDescent="0.3">
      <c r="A55767" s="13" t="s">
        <v>304</v>
      </c>
      <c r="B55767" s="14" t="s">
        <v>1</v>
      </c>
      <c r="C55767" s="14" t="s">
        <v>137</v>
      </c>
      <c r="D55767" s="14" t="s">
        <v>18</v>
      </c>
      <c r="E55767" s="15">
        <v>45663</v>
      </c>
      <c r="F55767" s="14" t="s">
        <v>15</v>
      </c>
      <c r="G55767" s="16">
        <v>5.6166727795475921</v>
      </c>
    </row>
    <row r="55768" spans="1:7" x14ac:dyDescent="0.3">
      <c r="A55768" s="13" t="s">
        <v>304</v>
      </c>
      <c r="B55768" s="14" t="s">
        <v>1</v>
      </c>
      <c r="C55768" s="14" t="s">
        <v>137</v>
      </c>
      <c r="D55768" s="14" t="s">
        <v>18</v>
      </c>
      <c r="E55768" s="15">
        <v>45664</v>
      </c>
      <c r="F55768" s="14" t="s">
        <v>15</v>
      </c>
      <c r="G55768" s="16">
        <v>5.6807597811693906</v>
      </c>
    </row>
    <row r="55769" spans="1:7" x14ac:dyDescent="0.3">
      <c r="A55769" s="13" t="s">
        <v>304</v>
      </c>
      <c r="B55769" s="14" t="s">
        <v>1</v>
      </c>
      <c r="C55769" s="14" t="s">
        <v>137</v>
      </c>
      <c r="D55769" s="14" t="s">
        <v>18</v>
      </c>
      <c r="E55769" s="15">
        <v>45665</v>
      </c>
      <c r="F55769" s="14" t="s">
        <v>15</v>
      </c>
      <c r="G55769" s="16">
        <v>5.7010056508352429</v>
      </c>
    </row>
    <row r="55770" spans="1:7" x14ac:dyDescent="0.3">
      <c r="A55770" s="13" t="s">
        <v>304</v>
      </c>
      <c r="B55770" s="14" t="s">
        <v>1</v>
      </c>
      <c r="C55770" s="14" t="s">
        <v>137</v>
      </c>
      <c r="D55770" s="14" t="s">
        <v>18</v>
      </c>
      <c r="E55770" s="15">
        <v>45666</v>
      </c>
      <c r="F55770" s="14" t="s">
        <v>15</v>
      </c>
      <c r="G55770" s="16">
        <v>5.722251960523975</v>
      </c>
    </row>
    <row r="55771" spans="1:7" x14ac:dyDescent="0.3">
      <c r="A55771" s="13" t="s">
        <v>304</v>
      </c>
      <c r="B55771" s="14" t="s">
        <v>1</v>
      </c>
      <c r="C55771" s="14" t="s">
        <v>137</v>
      </c>
      <c r="D55771" s="14" t="s">
        <v>18</v>
      </c>
      <c r="E55771" s="15">
        <v>45667</v>
      </c>
      <c r="F55771" s="14" t="s">
        <v>15</v>
      </c>
      <c r="G55771" s="16">
        <v>5.7474461686992893</v>
      </c>
    </row>
    <row r="55772" spans="1:7" x14ac:dyDescent="0.3">
      <c r="A55772" s="13" t="s">
        <v>304</v>
      </c>
      <c r="B55772" s="14" t="s">
        <v>1</v>
      </c>
      <c r="C55772" s="14" t="s">
        <v>137</v>
      </c>
      <c r="D55772" s="14" t="s">
        <v>18</v>
      </c>
      <c r="E55772" s="15">
        <v>45668</v>
      </c>
      <c r="F55772" s="14" t="s">
        <v>15</v>
      </c>
      <c r="G55772" s="16">
        <v>5.7474461686992893</v>
      </c>
    </row>
    <row r="55773" spans="1:7" x14ac:dyDescent="0.3">
      <c r="A55773" s="13" t="s">
        <v>304</v>
      </c>
      <c r="B55773" s="14" t="s">
        <v>1</v>
      </c>
      <c r="C55773" s="14" t="s">
        <v>137</v>
      </c>
      <c r="D55773" s="14" t="s">
        <v>18</v>
      </c>
      <c r="E55773" s="15">
        <v>45669</v>
      </c>
      <c r="F55773" s="14" t="s">
        <v>15</v>
      </c>
      <c r="G55773" s="16">
        <v>5.7474461686992893</v>
      </c>
    </row>
    <row r="55774" spans="1:7" x14ac:dyDescent="0.3">
      <c r="A55774" s="13" t="s">
        <v>304</v>
      </c>
      <c r="B55774" s="14" t="s">
        <v>1</v>
      </c>
      <c r="C55774" s="14" t="s">
        <v>137</v>
      </c>
      <c r="D55774" s="14" t="s">
        <v>18</v>
      </c>
      <c r="E55774" s="15">
        <v>45670</v>
      </c>
      <c r="F55774" s="14" t="s">
        <v>15</v>
      </c>
      <c r="G55774" s="16">
        <v>5.7679287008282483</v>
      </c>
    </row>
    <row r="55775" spans="1:7" x14ac:dyDescent="0.3">
      <c r="A55775" s="13" t="s">
        <v>304</v>
      </c>
      <c r="B55775" s="14" t="s">
        <v>1</v>
      </c>
      <c r="C55775" s="14" t="s">
        <v>137</v>
      </c>
      <c r="D55775" s="14" t="s">
        <v>18</v>
      </c>
      <c r="E55775" s="15">
        <v>45671</v>
      </c>
      <c r="F55775" s="14" t="s">
        <v>15</v>
      </c>
      <c r="G55775" s="16">
        <v>5.8316982475795225</v>
      </c>
    </row>
    <row r="55776" spans="1:7" x14ac:dyDescent="0.3">
      <c r="A55776" s="13" t="s">
        <v>304</v>
      </c>
      <c r="B55776" s="14" t="s">
        <v>1</v>
      </c>
      <c r="C55776" s="14" t="s">
        <v>137</v>
      </c>
      <c r="D55776" s="14" t="s">
        <v>18</v>
      </c>
      <c r="E55776" s="15">
        <v>45672</v>
      </c>
      <c r="F55776" s="14" t="s">
        <v>15</v>
      </c>
      <c r="G55776" s="16">
        <v>5.853036136283559</v>
      </c>
    </row>
    <row r="55777" spans="1:7" x14ac:dyDescent="0.3">
      <c r="A55777" s="13" t="s">
        <v>304</v>
      </c>
      <c r="B55777" s="14" t="s">
        <v>1</v>
      </c>
      <c r="C55777" s="14" t="s">
        <v>137</v>
      </c>
      <c r="D55777" s="14" t="s">
        <v>18</v>
      </c>
      <c r="E55777" s="15">
        <v>45673</v>
      </c>
      <c r="F55777" s="14" t="s">
        <v>15</v>
      </c>
      <c r="G55777" s="16">
        <v>5.8732774341420946</v>
      </c>
    </row>
    <row r="55778" spans="1:7" x14ac:dyDescent="0.3">
      <c r="A55778" s="13" t="s">
        <v>304</v>
      </c>
      <c r="B55778" s="14" t="s">
        <v>1</v>
      </c>
      <c r="C55778" s="14" t="s">
        <v>137</v>
      </c>
      <c r="D55778" s="14" t="s">
        <v>18</v>
      </c>
      <c r="E55778" s="15">
        <v>45674</v>
      </c>
      <c r="F55778" s="14" t="s">
        <v>15</v>
      </c>
      <c r="G55778" s="16">
        <v>5.892845604807798</v>
      </c>
    </row>
    <row r="55779" spans="1:7" x14ac:dyDescent="0.3">
      <c r="A55779" s="13" t="s">
        <v>304</v>
      </c>
      <c r="B55779" s="14" t="s">
        <v>1</v>
      </c>
      <c r="C55779" s="14" t="s">
        <v>137</v>
      </c>
      <c r="D55779" s="14" t="s">
        <v>18</v>
      </c>
      <c r="E55779" s="15">
        <v>45675</v>
      </c>
      <c r="F55779" s="14" t="s">
        <v>15</v>
      </c>
      <c r="G55779" s="16">
        <v>5.892845604807798</v>
      </c>
    </row>
    <row r="55780" spans="1:7" x14ac:dyDescent="0.3">
      <c r="A55780" s="13" t="s">
        <v>304</v>
      </c>
      <c r="B55780" s="14" t="s">
        <v>1</v>
      </c>
      <c r="C55780" s="14" t="s">
        <v>137</v>
      </c>
      <c r="D55780" s="14" t="s">
        <v>18</v>
      </c>
      <c r="E55780" s="15">
        <v>45676</v>
      </c>
      <c r="F55780" s="14" t="s">
        <v>15</v>
      </c>
      <c r="G55780" s="16">
        <v>5.892845604807798</v>
      </c>
    </row>
    <row r="55781" spans="1:7" x14ac:dyDescent="0.3">
      <c r="A55781" s="13" t="s">
        <v>304</v>
      </c>
      <c r="B55781" s="14" t="s">
        <v>1</v>
      </c>
      <c r="C55781" s="14" t="s">
        <v>137</v>
      </c>
      <c r="D55781" s="14" t="s">
        <v>18</v>
      </c>
      <c r="E55781" s="15">
        <v>45677</v>
      </c>
      <c r="F55781" s="14" t="s">
        <v>15</v>
      </c>
      <c r="G55781" s="16">
        <v>5.9141761357594351</v>
      </c>
    </row>
    <row r="55782" spans="1:7" x14ac:dyDescent="0.3">
      <c r="A55782" s="13" t="s">
        <v>304</v>
      </c>
      <c r="B55782" s="14" t="s">
        <v>1</v>
      </c>
      <c r="C55782" s="14" t="s">
        <v>137</v>
      </c>
      <c r="D55782" s="14" t="s">
        <v>18</v>
      </c>
      <c r="E55782" s="15">
        <v>45678</v>
      </c>
      <c r="F55782" s="14" t="s">
        <v>15</v>
      </c>
      <c r="G55782" s="16">
        <v>5.9755323397236317</v>
      </c>
    </row>
    <row r="55783" spans="1:7" x14ac:dyDescent="0.3">
      <c r="A55783" s="13" t="s">
        <v>304</v>
      </c>
      <c r="B55783" s="14" t="s">
        <v>1</v>
      </c>
      <c r="C55783" s="14" t="s">
        <v>137</v>
      </c>
      <c r="D55783" s="14" t="s">
        <v>18</v>
      </c>
      <c r="E55783" s="15">
        <v>45679</v>
      </c>
      <c r="F55783" s="14" t="s">
        <v>15</v>
      </c>
      <c r="G55783" s="16">
        <v>5.9968944447195476</v>
      </c>
    </row>
    <row r="55784" spans="1:7" x14ac:dyDescent="0.3">
      <c r="A55784" s="13" t="s">
        <v>304</v>
      </c>
      <c r="B55784" s="14" t="s">
        <v>1</v>
      </c>
      <c r="C55784" s="14" t="s">
        <v>137</v>
      </c>
      <c r="D55784" s="14" t="s">
        <v>18</v>
      </c>
      <c r="E55784" s="15">
        <v>45680</v>
      </c>
      <c r="F55784" s="14" t="s">
        <v>15</v>
      </c>
      <c r="G55784" s="16">
        <v>6.0170145896842016</v>
      </c>
    </row>
    <row r="55785" spans="1:7" x14ac:dyDescent="0.3">
      <c r="A55785" s="13" t="s">
        <v>304</v>
      </c>
      <c r="B55785" s="14" t="s">
        <v>1</v>
      </c>
      <c r="C55785" s="14" t="s">
        <v>137</v>
      </c>
      <c r="D55785" s="14" t="s">
        <v>18</v>
      </c>
      <c r="E55785" s="15">
        <v>45681</v>
      </c>
      <c r="F55785" s="14" t="s">
        <v>15</v>
      </c>
      <c r="G55785" s="16">
        <v>6.0377003529352669</v>
      </c>
    </row>
    <row r="55786" spans="1:7" x14ac:dyDescent="0.3">
      <c r="A55786" s="13" t="s">
        <v>304</v>
      </c>
      <c r="B55786" s="14" t="s">
        <v>1</v>
      </c>
      <c r="C55786" s="14" t="s">
        <v>137</v>
      </c>
      <c r="D55786" s="14" t="s">
        <v>18</v>
      </c>
      <c r="E55786" s="15">
        <v>45682</v>
      </c>
      <c r="F55786" s="14" t="s">
        <v>15</v>
      </c>
      <c r="G55786" s="16">
        <v>6.0377003529352669</v>
      </c>
    </row>
    <row r="55787" spans="1:7" x14ac:dyDescent="0.3">
      <c r="A55787" s="13" t="s">
        <v>304</v>
      </c>
      <c r="B55787" s="14" t="s">
        <v>1</v>
      </c>
      <c r="C55787" s="14" t="s">
        <v>137</v>
      </c>
      <c r="D55787" s="14" t="s">
        <v>18</v>
      </c>
      <c r="E55787" s="15">
        <v>45683</v>
      </c>
      <c r="F55787" s="14" t="s">
        <v>15</v>
      </c>
      <c r="G55787" s="16">
        <v>6.0377003529352669</v>
      </c>
    </row>
    <row r="55788" spans="1:7" x14ac:dyDescent="0.3">
      <c r="A55788" s="13" t="s">
        <v>304</v>
      </c>
      <c r="B55788" s="14" t="s">
        <v>1</v>
      </c>
      <c r="C55788" s="14" t="s">
        <v>137</v>
      </c>
      <c r="D55788" s="14" t="s">
        <v>18</v>
      </c>
      <c r="E55788" s="15">
        <v>45684</v>
      </c>
      <c r="F55788" s="14" t="s">
        <v>15</v>
      </c>
      <c r="G55788" s="16">
        <v>6.0577818518411997</v>
      </c>
    </row>
    <row r="55789" spans="1:7" x14ac:dyDescent="0.3">
      <c r="A55789" s="13" t="s">
        <v>304</v>
      </c>
      <c r="B55789" s="14" t="s">
        <v>1</v>
      </c>
      <c r="C55789" s="14" t="s">
        <v>137</v>
      </c>
      <c r="D55789" s="14" t="s">
        <v>18</v>
      </c>
      <c r="E55789" s="15">
        <v>45685</v>
      </c>
      <c r="F55789" s="14" t="s">
        <v>15</v>
      </c>
      <c r="G55789" s="16">
        <v>6.11761307232746</v>
      </c>
    </row>
    <row r="55790" spans="1:7" x14ac:dyDescent="0.3">
      <c r="A55790" s="13" t="s">
        <v>304</v>
      </c>
      <c r="B55790" s="14" t="s">
        <v>1</v>
      </c>
      <c r="C55790" s="14" t="s">
        <v>137</v>
      </c>
      <c r="D55790" s="14" t="s">
        <v>18</v>
      </c>
      <c r="E55790" s="15">
        <v>45686</v>
      </c>
      <c r="F55790" s="14" t="s">
        <v>15</v>
      </c>
      <c r="G55790" s="16">
        <v>6.1409987735367428</v>
      </c>
    </row>
    <row r="55791" spans="1:7" x14ac:dyDescent="0.3">
      <c r="A55791" s="13" t="s">
        <v>304</v>
      </c>
      <c r="B55791" s="14" t="s">
        <v>1</v>
      </c>
      <c r="C55791" s="14" t="s">
        <v>137</v>
      </c>
      <c r="D55791" s="14" t="s">
        <v>18</v>
      </c>
      <c r="E55791" s="15">
        <v>45687</v>
      </c>
      <c r="F55791" s="14" t="s">
        <v>15</v>
      </c>
      <c r="G55791" s="16">
        <v>6.16557578772436</v>
      </c>
    </row>
    <row r="55792" spans="1:7" x14ac:dyDescent="0.3">
      <c r="A55792" s="13" t="s">
        <v>304</v>
      </c>
      <c r="B55792" s="14" t="s">
        <v>1</v>
      </c>
      <c r="C55792" s="14" t="s">
        <v>137</v>
      </c>
      <c r="D55792" s="14" t="s">
        <v>18</v>
      </c>
      <c r="E55792" s="15">
        <v>45688</v>
      </c>
      <c r="F55792" s="14" t="s">
        <v>15</v>
      </c>
      <c r="G55792" s="16">
        <v>6.1859821706877067</v>
      </c>
    </row>
    <row r="55793" spans="1:7" x14ac:dyDescent="0.3">
      <c r="A55793" s="13" t="s">
        <v>304</v>
      </c>
      <c r="B55793" s="14" t="s">
        <v>1</v>
      </c>
      <c r="C55793" s="14" t="s">
        <v>137</v>
      </c>
      <c r="D55793" s="14" t="s">
        <v>18</v>
      </c>
      <c r="E55793" s="15">
        <v>45689</v>
      </c>
      <c r="F55793" s="14" t="s">
        <v>15</v>
      </c>
      <c r="G55793" s="16">
        <v>6.1859821706877067</v>
      </c>
    </row>
    <row r="55794" spans="1:7" x14ac:dyDescent="0.3">
      <c r="A55794" s="13" t="s">
        <v>304</v>
      </c>
      <c r="B55794" s="14" t="s">
        <v>1</v>
      </c>
      <c r="C55794" s="14" t="s">
        <v>137</v>
      </c>
      <c r="D55794" s="14" t="s">
        <v>18</v>
      </c>
      <c r="E55794" s="15">
        <v>45690</v>
      </c>
      <c r="F55794" s="14" t="s">
        <v>15</v>
      </c>
      <c r="G55794" s="16">
        <v>6.1859821706877067</v>
      </c>
    </row>
    <row r="55795" spans="1:7" x14ac:dyDescent="0.3">
      <c r="A55795" s="13" t="s">
        <v>304</v>
      </c>
      <c r="B55795" s="14" t="s">
        <v>1</v>
      </c>
      <c r="C55795" s="14" t="s">
        <v>137</v>
      </c>
      <c r="D55795" s="14" t="s">
        <v>18</v>
      </c>
      <c r="E55795" s="15">
        <v>45691</v>
      </c>
      <c r="F55795" s="14" t="s">
        <v>15</v>
      </c>
      <c r="G55795" s="16">
        <v>6.1859821706877067</v>
      </c>
    </row>
    <row r="55796" spans="1:7" x14ac:dyDescent="0.3">
      <c r="A55796" s="13" t="s">
        <v>304</v>
      </c>
      <c r="B55796" s="14" t="s">
        <v>1</v>
      </c>
      <c r="C55796" s="14" t="s">
        <v>137</v>
      </c>
      <c r="D55796" s="14" t="s">
        <v>18</v>
      </c>
      <c r="E55796" s="15">
        <v>45692</v>
      </c>
      <c r="F55796" s="14" t="s">
        <v>15</v>
      </c>
      <c r="G55796" s="16">
        <v>6.2051173054791713</v>
      </c>
    </row>
    <row r="55797" spans="1:7" x14ac:dyDescent="0.3">
      <c r="A55797" s="13" t="s">
        <v>304</v>
      </c>
      <c r="B55797" s="14" t="s">
        <v>1</v>
      </c>
      <c r="C55797" s="14" t="s">
        <v>137</v>
      </c>
      <c r="D55797" s="14" t="s">
        <v>18</v>
      </c>
      <c r="E55797" s="15">
        <v>45693</v>
      </c>
      <c r="F55797" s="14" t="s">
        <v>15</v>
      </c>
      <c r="G55797" s="16">
        <v>6.2717040141856319</v>
      </c>
    </row>
    <row r="55798" spans="1:7" x14ac:dyDescent="0.3">
      <c r="A55798" s="13" t="s">
        <v>304</v>
      </c>
      <c r="B55798" s="14" t="s">
        <v>1</v>
      </c>
      <c r="C55798" s="14" t="s">
        <v>137</v>
      </c>
      <c r="D55798" s="14" t="s">
        <v>18</v>
      </c>
      <c r="E55798" s="15">
        <v>45694</v>
      </c>
      <c r="F55798" s="14" t="s">
        <v>15</v>
      </c>
      <c r="G55798" s="16">
        <v>6.2922239779869917</v>
      </c>
    </row>
    <row r="55799" spans="1:7" x14ac:dyDescent="0.3">
      <c r="A55799" s="13" t="s">
        <v>304</v>
      </c>
      <c r="B55799" s="14" t="s">
        <v>1</v>
      </c>
      <c r="C55799" s="14" t="s">
        <v>137</v>
      </c>
      <c r="D55799" s="14" t="s">
        <v>18</v>
      </c>
      <c r="E55799" s="15">
        <v>45695</v>
      </c>
      <c r="F55799" s="14" t="s">
        <v>15</v>
      </c>
      <c r="G55799" s="16">
        <v>6.3136191571514608</v>
      </c>
    </row>
    <row r="55800" spans="1:7" x14ac:dyDescent="0.3">
      <c r="A55800" s="13" t="s">
        <v>304</v>
      </c>
      <c r="B55800" s="14" t="s">
        <v>1</v>
      </c>
      <c r="C55800" s="14" t="s">
        <v>137</v>
      </c>
      <c r="D55800" s="14" t="s">
        <v>18</v>
      </c>
      <c r="E55800" s="15">
        <v>45696</v>
      </c>
      <c r="F55800" s="14" t="s">
        <v>15</v>
      </c>
      <c r="G55800" s="16">
        <v>6.3136191571514608</v>
      </c>
    </row>
    <row r="55801" spans="1:7" x14ac:dyDescent="0.3">
      <c r="A55801" s="13" t="s">
        <v>304</v>
      </c>
      <c r="B55801" s="14" t="s">
        <v>1</v>
      </c>
      <c r="C55801" s="14" t="s">
        <v>137</v>
      </c>
      <c r="D55801" s="14" t="s">
        <v>18</v>
      </c>
      <c r="E55801" s="15">
        <v>45697</v>
      </c>
      <c r="F55801" s="14" t="s">
        <v>15</v>
      </c>
      <c r="G55801" s="16">
        <v>6.3136191571514608</v>
      </c>
    </row>
    <row r="55802" spans="1:7" x14ac:dyDescent="0.3">
      <c r="A55802" s="13" t="s">
        <v>304</v>
      </c>
      <c r="B55802" s="14" t="s">
        <v>1</v>
      </c>
      <c r="C55802" s="14" t="s">
        <v>137</v>
      </c>
      <c r="D55802" s="14" t="s">
        <v>18</v>
      </c>
      <c r="E55802" s="15">
        <v>45698</v>
      </c>
      <c r="F55802" s="14" t="s">
        <v>15</v>
      </c>
      <c r="G55802" s="16">
        <v>6.3410409784416304</v>
      </c>
    </row>
    <row r="55803" spans="1:7" x14ac:dyDescent="0.3">
      <c r="A55803" s="13" t="s">
        <v>304</v>
      </c>
      <c r="B55803" s="14" t="s">
        <v>1</v>
      </c>
      <c r="C55803" s="14" t="s">
        <v>137</v>
      </c>
      <c r="D55803" s="14" t="s">
        <v>18</v>
      </c>
      <c r="E55803" s="15">
        <v>45699</v>
      </c>
      <c r="F55803" s="14" t="s">
        <v>15</v>
      </c>
      <c r="G55803" s="16">
        <v>6.4025032626224618</v>
      </c>
    </row>
    <row r="55804" spans="1:7" x14ac:dyDescent="0.3">
      <c r="A55804" s="13" t="s">
        <v>304</v>
      </c>
      <c r="B55804" s="14" t="s">
        <v>1</v>
      </c>
      <c r="C55804" s="14" t="s">
        <v>137</v>
      </c>
      <c r="D55804" s="14" t="s">
        <v>18</v>
      </c>
      <c r="E55804" s="15">
        <v>45700</v>
      </c>
      <c r="F55804" s="14" t="s">
        <v>15</v>
      </c>
      <c r="G55804" s="16">
        <v>6.4233293946450338</v>
      </c>
    </row>
    <row r="55805" spans="1:7" x14ac:dyDescent="0.3">
      <c r="A55805" s="13" t="s">
        <v>304</v>
      </c>
      <c r="B55805" s="14" t="s">
        <v>1</v>
      </c>
      <c r="C55805" s="14" t="s">
        <v>137</v>
      </c>
      <c r="D55805" s="14" t="s">
        <v>18</v>
      </c>
      <c r="E55805" s="15">
        <v>45701</v>
      </c>
      <c r="F55805" s="14" t="s">
        <v>15</v>
      </c>
      <c r="G55805" s="16">
        <v>6.4436654860708931</v>
      </c>
    </row>
    <row r="55806" spans="1:7" x14ac:dyDescent="0.3">
      <c r="A55806" s="13" t="s">
        <v>304</v>
      </c>
      <c r="B55806" s="14" t="s">
        <v>1</v>
      </c>
      <c r="C55806" s="14" t="s">
        <v>137</v>
      </c>
      <c r="D55806" s="14" t="s">
        <v>18</v>
      </c>
      <c r="E55806" s="15">
        <v>45702</v>
      </c>
      <c r="F55806" s="14" t="s">
        <v>15</v>
      </c>
      <c r="G55806" s="16">
        <v>6.3301269154130502</v>
      </c>
    </row>
    <row r="55807" spans="1:7" x14ac:dyDescent="0.3">
      <c r="A55807" s="13" t="s">
        <v>304</v>
      </c>
      <c r="B55807" s="14" t="s">
        <v>1</v>
      </c>
      <c r="C55807" s="14" t="s">
        <v>137</v>
      </c>
      <c r="D55807" s="14" t="s">
        <v>18</v>
      </c>
      <c r="E55807" s="15">
        <v>45703</v>
      </c>
      <c r="F55807" s="14" t="s">
        <v>15</v>
      </c>
      <c r="G55807" s="16">
        <v>6.3301269154130502</v>
      </c>
    </row>
    <row r="55808" spans="1:7" x14ac:dyDescent="0.3">
      <c r="A55808" s="13" t="s">
        <v>304</v>
      </c>
      <c r="B55808" s="14" t="s">
        <v>1</v>
      </c>
      <c r="C55808" s="14" t="s">
        <v>137</v>
      </c>
      <c r="D55808" s="14" t="s">
        <v>18</v>
      </c>
      <c r="E55808" s="15">
        <v>45704</v>
      </c>
      <c r="F55808" s="14" t="s">
        <v>15</v>
      </c>
      <c r="G55808" s="16">
        <v>6.3301269154130502</v>
      </c>
    </row>
    <row r="55809" spans="1:7" x14ac:dyDescent="0.3">
      <c r="A55809" s="13" t="s">
        <v>304</v>
      </c>
      <c r="B55809" s="14" t="s">
        <v>1</v>
      </c>
      <c r="C55809" s="14" t="s">
        <v>137</v>
      </c>
      <c r="D55809" s="14" t="s">
        <v>18</v>
      </c>
      <c r="E55809" s="15">
        <v>45705</v>
      </c>
      <c r="F55809" s="14" t="s">
        <v>15</v>
      </c>
      <c r="G55809" s="16">
        <v>6.4906830517396426</v>
      </c>
    </row>
    <row r="55810" spans="1:7" x14ac:dyDescent="0.3">
      <c r="A55810" s="13" t="s">
        <v>304</v>
      </c>
      <c r="B55810" s="14" t="s">
        <v>1</v>
      </c>
      <c r="C55810" s="14" t="s">
        <v>137</v>
      </c>
      <c r="D55810" s="14" t="s">
        <v>18</v>
      </c>
      <c r="E55810" s="15">
        <v>45706</v>
      </c>
      <c r="F55810" s="14" t="s">
        <v>15</v>
      </c>
      <c r="G55810" s="16">
        <v>6.5521185479869803</v>
      </c>
    </row>
    <row r="55811" spans="1:7" x14ac:dyDescent="0.3">
      <c r="A55811" s="13" t="s">
        <v>304</v>
      </c>
      <c r="B55811" s="14" t="s">
        <v>1</v>
      </c>
      <c r="C55811" s="14" t="s">
        <v>137</v>
      </c>
      <c r="D55811" s="14" t="s">
        <v>18</v>
      </c>
      <c r="E55811" s="15">
        <v>45707</v>
      </c>
      <c r="F55811" s="14" t="s">
        <v>15</v>
      </c>
      <c r="G55811" s="16">
        <v>6.573619950237064</v>
      </c>
    </row>
    <row r="55812" spans="1:7" x14ac:dyDescent="0.3">
      <c r="A55812" s="13" t="s">
        <v>304</v>
      </c>
      <c r="B55812" s="14" t="s">
        <v>1</v>
      </c>
      <c r="C55812" s="14" t="s">
        <v>137</v>
      </c>
      <c r="D55812" s="14" t="s">
        <v>18</v>
      </c>
      <c r="E55812" s="15">
        <v>45708</v>
      </c>
      <c r="F55812" s="14" t="s">
        <v>15</v>
      </c>
      <c r="G55812" s="16">
        <v>6.5952580780996994</v>
      </c>
    </row>
    <row r="55813" spans="1:7" x14ac:dyDescent="0.3">
      <c r="A55813" s="13" t="s">
        <v>304</v>
      </c>
      <c r="B55813" s="14" t="s">
        <v>1</v>
      </c>
      <c r="C55813" s="14" t="s">
        <v>137</v>
      </c>
      <c r="D55813" s="14" t="s">
        <v>18</v>
      </c>
      <c r="E55813" s="15">
        <v>45709</v>
      </c>
      <c r="F55813" s="14" t="s">
        <v>15</v>
      </c>
      <c r="G55813" s="16">
        <v>6.6158329035888546</v>
      </c>
    </row>
    <row r="55814" spans="1:7" x14ac:dyDescent="0.3">
      <c r="A55814" s="13" t="s">
        <v>304</v>
      </c>
      <c r="B55814" s="14" t="s">
        <v>1</v>
      </c>
      <c r="C55814" s="14" t="s">
        <v>137</v>
      </c>
      <c r="D55814" s="14" t="s">
        <v>18</v>
      </c>
      <c r="E55814" s="15">
        <v>45710</v>
      </c>
      <c r="F55814" s="14" t="s">
        <v>15</v>
      </c>
      <c r="G55814" s="16">
        <v>6.6158329035888546</v>
      </c>
    </row>
    <row r="55815" spans="1:7" x14ac:dyDescent="0.3">
      <c r="A55815" s="13" t="s">
        <v>304</v>
      </c>
      <c r="B55815" s="14" t="s">
        <v>1</v>
      </c>
      <c r="C55815" s="14" t="s">
        <v>137</v>
      </c>
      <c r="D55815" s="14" t="s">
        <v>18</v>
      </c>
      <c r="E55815" s="15">
        <v>45711</v>
      </c>
      <c r="F55815" s="14" t="s">
        <v>15</v>
      </c>
      <c r="G55815" s="16">
        <v>6.6158329035888546</v>
      </c>
    </row>
    <row r="55816" spans="1:7" x14ac:dyDescent="0.3">
      <c r="A55816" s="13" t="s">
        <v>304</v>
      </c>
      <c r="B55816" s="14" t="s">
        <v>1</v>
      </c>
      <c r="C55816" s="14" t="s">
        <v>137</v>
      </c>
      <c r="D55816" s="14" t="s">
        <v>18</v>
      </c>
      <c r="E55816" s="15">
        <v>45712</v>
      </c>
      <c r="F55816" s="14" t="s">
        <v>15</v>
      </c>
      <c r="G55816" s="16">
        <v>6.6363305083950586</v>
      </c>
    </row>
    <row r="55817" spans="1:7" x14ac:dyDescent="0.3">
      <c r="A55817" s="13" t="s">
        <v>304</v>
      </c>
      <c r="B55817" s="14" t="s">
        <v>1</v>
      </c>
      <c r="C55817" s="14" t="s">
        <v>137</v>
      </c>
      <c r="D55817" s="14" t="s">
        <v>18</v>
      </c>
      <c r="E55817" s="15">
        <v>45713</v>
      </c>
      <c r="F55817" s="14" t="s">
        <v>15</v>
      </c>
      <c r="G55817" s="16">
        <v>6.7098782223474824</v>
      </c>
    </row>
    <row r="55818" spans="1:7" x14ac:dyDescent="0.3">
      <c r="A55818" s="13" t="s">
        <v>304</v>
      </c>
      <c r="B55818" s="14" t="s">
        <v>1</v>
      </c>
      <c r="C55818" s="14" t="s">
        <v>137</v>
      </c>
      <c r="D55818" s="14" t="s">
        <v>18</v>
      </c>
      <c r="E55818" s="15">
        <v>45714</v>
      </c>
      <c r="F55818" s="14" t="s">
        <v>15</v>
      </c>
      <c r="G55818" s="16">
        <v>6.7313981261302995</v>
      </c>
    </row>
    <row r="55819" spans="1:7" x14ac:dyDescent="0.3">
      <c r="A55819" s="13" t="s">
        <v>304</v>
      </c>
      <c r="B55819" s="14" t="s">
        <v>1</v>
      </c>
      <c r="C55819" s="14" t="s">
        <v>137</v>
      </c>
      <c r="D55819" s="14" t="s">
        <v>18</v>
      </c>
      <c r="E55819" s="15">
        <v>45715</v>
      </c>
      <c r="F55819" s="14" t="s">
        <v>15</v>
      </c>
      <c r="G55819" s="16">
        <v>6.7526129332092433</v>
      </c>
    </row>
    <row r="55820" spans="1:7" x14ac:dyDescent="0.3">
      <c r="A55820" s="13" t="s">
        <v>304</v>
      </c>
      <c r="B55820" s="14" t="s">
        <v>1</v>
      </c>
      <c r="C55820" s="14" t="s">
        <v>137</v>
      </c>
      <c r="D55820" s="14" t="s">
        <v>18</v>
      </c>
      <c r="E55820" s="15">
        <v>45716</v>
      </c>
      <c r="F55820" s="14" t="s">
        <v>15</v>
      </c>
      <c r="G55820" s="16">
        <v>6.7758650519235033</v>
      </c>
    </row>
    <row r="55821" spans="1:7" x14ac:dyDescent="0.3">
      <c r="A55821" s="13" t="s">
        <v>304</v>
      </c>
      <c r="B55821" s="14" t="s">
        <v>1</v>
      </c>
      <c r="C55821" s="14" t="s">
        <v>137</v>
      </c>
      <c r="D55821" s="14" t="s">
        <v>18</v>
      </c>
      <c r="E55821" s="15">
        <v>45717</v>
      </c>
      <c r="F55821" s="14" t="s">
        <v>15</v>
      </c>
      <c r="G55821" s="16">
        <v>6.7758650519235033</v>
      </c>
    </row>
    <row r="55822" spans="1:7" x14ac:dyDescent="0.3">
      <c r="A55822" s="13" t="s">
        <v>304</v>
      </c>
      <c r="B55822" s="14" t="s">
        <v>1</v>
      </c>
      <c r="C55822" s="14" t="s">
        <v>137</v>
      </c>
      <c r="D55822" s="14" t="s">
        <v>18</v>
      </c>
      <c r="E55822" s="15">
        <v>45718</v>
      </c>
      <c r="F55822" s="14" t="s">
        <v>15</v>
      </c>
      <c r="G55822" s="16">
        <v>6.7758650519235033</v>
      </c>
    </row>
    <row r="55823" spans="1:7" x14ac:dyDescent="0.3">
      <c r="A55823" s="13" t="s">
        <v>304</v>
      </c>
      <c r="B55823" s="14" t="s">
        <v>1</v>
      </c>
      <c r="C55823" s="14" t="s">
        <v>137</v>
      </c>
      <c r="D55823" s="14" t="s">
        <v>18</v>
      </c>
      <c r="E55823" s="15">
        <v>45719</v>
      </c>
      <c r="F55823" s="14" t="s">
        <v>15</v>
      </c>
      <c r="G55823" s="16">
        <v>6.8401567133571932</v>
      </c>
    </row>
    <row r="55824" spans="1:7" x14ac:dyDescent="0.3">
      <c r="A55824" s="13" t="s">
        <v>304</v>
      </c>
      <c r="B55824" s="14" t="s">
        <v>1</v>
      </c>
      <c r="C55824" s="14" t="s">
        <v>137</v>
      </c>
      <c r="D55824" s="14" t="s">
        <v>18</v>
      </c>
      <c r="E55824" s="15">
        <v>45720</v>
      </c>
      <c r="F55824" s="14" t="s">
        <v>15</v>
      </c>
      <c r="G55824" s="16">
        <v>6.9018141565628381</v>
      </c>
    </row>
    <row r="55825" spans="1:7" x14ac:dyDescent="0.3">
      <c r="A55825" s="13" t="s">
        <v>304</v>
      </c>
      <c r="B55825" s="14" t="s">
        <v>1</v>
      </c>
      <c r="C55825" s="14" t="s">
        <v>137</v>
      </c>
      <c r="D55825" s="14" t="s">
        <v>18</v>
      </c>
      <c r="E55825" s="15">
        <v>45721</v>
      </c>
      <c r="F55825" s="14" t="s">
        <v>15</v>
      </c>
      <c r="G55825" s="16">
        <v>6.9249791252001307</v>
      </c>
    </row>
    <row r="55826" spans="1:7" x14ac:dyDescent="0.3">
      <c r="A55826" s="13" t="s">
        <v>304</v>
      </c>
      <c r="B55826" s="14" t="s">
        <v>1</v>
      </c>
      <c r="C55826" s="14" t="s">
        <v>137</v>
      </c>
      <c r="D55826" s="14" t="s">
        <v>18</v>
      </c>
      <c r="E55826" s="15">
        <v>45722</v>
      </c>
      <c r="F55826" s="14" t="s">
        <v>15</v>
      </c>
      <c r="G55826" s="16">
        <v>6.9449223269347469</v>
      </c>
    </row>
    <row r="55827" spans="1:7" x14ac:dyDescent="0.3">
      <c r="A55827" s="13" t="s">
        <v>304</v>
      </c>
      <c r="B55827" s="14" t="s">
        <v>1</v>
      </c>
      <c r="C55827" s="14" t="s">
        <v>137</v>
      </c>
      <c r="D55827" s="14" t="s">
        <v>18</v>
      </c>
      <c r="E55827" s="15">
        <v>45723</v>
      </c>
      <c r="F55827" s="14" t="s">
        <v>15</v>
      </c>
      <c r="G55827" s="16">
        <v>6.9650727601228715</v>
      </c>
    </row>
    <row r="55828" spans="1:7" x14ac:dyDescent="0.3">
      <c r="A55828" s="13" t="s">
        <v>304</v>
      </c>
      <c r="B55828" s="14" t="s">
        <v>1</v>
      </c>
      <c r="C55828" s="14" t="s">
        <v>137</v>
      </c>
      <c r="D55828" s="14" t="s">
        <v>18</v>
      </c>
      <c r="E55828" s="15">
        <v>45724</v>
      </c>
      <c r="F55828" s="14" t="s">
        <v>15</v>
      </c>
      <c r="G55828" s="16">
        <v>6.9650727601228715</v>
      </c>
    </row>
    <row r="55829" spans="1:7" x14ac:dyDescent="0.3">
      <c r="A55829" s="13" t="s">
        <v>304</v>
      </c>
      <c r="B55829" s="14" t="s">
        <v>1</v>
      </c>
      <c r="C55829" s="14" t="s">
        <v>137</v>
      </c>
      <c r="D55829" s="14" t="s">
        <v>18</v>
      </c>
      <c r="E55829" s="15">
        <v>45725</v>
      </c>
      <c r="F55829" s="14" t="s">
        <v>15</v>
      </c>
      <c r="G55829" s="16">
        <v>6.9650727601228715</v>
      </c>
    </row>
    <row r="55830" spans="1:7" x14ac:dyDescent="0.3">
      <c r="A55830" s="13" t="s">
        <v>304</v>
      </c>
      <c r="B55830" s="14" t="s">
        <v>1</v>
      </c>
      <c r="C55830" s="14" t="s">
        <v>137</v>
      </c>
      <c r="D55830" s="14" t="s">
        <v>18</v>
      </c>
      <c r="E55830" s="15">
        <v>45726</v>
      </c>
      <c r="F55830" s="14" t="s">
        <v>15</v>
      </c>
      <c r="G55830" s="16">
        <v>6.9877379016384147</v>
      </c>
    </row>
    <row r="55831" spans="1:7" x14ac:dyDescent="0.3">
      <c r="A55831" s="13" t="s">
        <v>304</v>
      </c>
      <c r="B55831" s="14" t="s">
        <v>1</v>
      </c>
      <c r="C55831" s="14" t="s">
        <v>137</v>
      </c>
      <c r="D55831" s="14" t="s">
        <v>18</v>
      </c>
      <c r="E55831" s="15">
        <v>45727</v>
      </c>
      <c r="F55831" s="14" t="s">
        <v>15</v>
      </c>
      <c r="G55831" s="16">
        <v>7.0473336026133975</v>
      </c>
    </row>
    <row r="55832" spans="1:7" x14ac:dyDescent="0.3">
      <c r="A55832" s="13" t="s">
        <v>304</v>
      </c>
      <c r="B55832" s="14" t="s">
        <v>1</v>
      </c>
      <c r="C55832" s="14" t="s">
        <v>137</v>
      </c>
      <c r="D55832" s="14" t="s">
        <v>18</v>
      </c>
      <c r="E55832" s="15">
        <v>45728</v>
      </c>
      <c r="F55832" s="14" t="s">
        <v>15</v>
      </c>
      <c r="G55832" s="16">
        <v>7.0673519534307747</v>
      </c>
    </row>
    <row r="55833" spans="1:7" x14ac:dyDescent="0.3">
      <c r="A55833" s="13" t="s">
        <v>304</v>
      </c>
      <c r="B55833" s="14" t="s">
        <v>1</v>
      </c>
      <c r="C55833" s="14" t="s">
        <v>137</v>
      </c>
      <c r="D55833" s="14" t="s">
        <v>18</v>
      </c>
      <c r="E55833" s="15">
        <v>45729</v>
      </c>
      <c r="F55833" s="14" t="s">
        <v>15</v>
      </c>
      <c r="G55833" s="16">
        <v>7.0872958695102843</v>
      </c>
    </row>
    <row r="55834" spans="1:7" x14ac:dyDescent="0.3">
      <c r="A55834" s="13" t="s">
        <v>304</v>
      </c>
      <c r="B55834" s="14" t="s">
        <v>1</v>
      </c>
      <c r="C55834" s="14" t="s">
        <v>137</v>
      </c>
      <c r="D55834" s="14" t="s">
        <v>18</v>
      </c>
      <c r="E55834" s="15">
        <v>45730</v>
      </c>
      <c r="F55834" s="14" t="s">
        <v>15</v>
      </c>
      <c r="G55834" s="16">
        <v>7.1080119924193088</v>
      </c>
    </row>
    <row r="55835" spans="1:7" x14ac:dyDescent="0.3">
      <c r="A55835" s="13" t="s">
        <v>304</v>
      </c>
      <c r="B55835" s="14" t="s">
        <v>1</v>
      </c>
      <c r="C55835" s="14" t="s">
        <v>137</v>
      </c>
      <c r="D55835" s="14" t="s">
        <v>18</v>
      </c>
      <c r="E55835" s="15">
        <v>45731</v>
      </c>
      <c r="F55835" s="14" t="s">
        <v>15</v>
      </c>
      <c r="G55835" s="16">
        <v>7.1080119924193088</v>
      </c>
    </row>
    <row r="55836" spans="1:7" x14ac:dyDescent="0.3">
      <c r="A55836" s="13" t="s">
        <v>304</v>
      </c>
      <c r="B55836" s="14" t="s">
        <v>1</v>
      </c>
      <c r="C55836" s="14" t="s">
        <v>137</v>
      </c>
      <c r="D55836" s="14" t="s">
        <v>18</v>
      </c>
      <c r="E55836" s="15">
        <v>45732</v>
      </c>
      <c r="F55836" s="14" t="s">
        <v>15</v>
      </c>
      <c r="G55836" s="16">
        <v>7.1080119924193088</v>
      </c>
    </row>
    <row r="55837" spans="1:7" x14ac:dyDescent="0.3">
      <c r="A55837" s="13" t="s">
        <v>304</v>
      </c>
      <c r="B55837" s="14" t="s">
        <v>1</v>
      </c>
      <c r="C55837" s="14" t="s">
        <v>137</v>
      </c>
      <c r="D55837" s="14" t="s">
        <v>18</v>
      </c>
      <c r="E55837" s="15">
        <v>45733</v>
      </c>
      <c r="F55837" s="14" t="s">
        <v>15</v>
      </c>
      <c r="G55837" s="16">
        <v>7.1080119924193088</v>
      </c>
    </row>
    <row r="55838" spans="1:7" x14ac:dyDescent="0.3">
      <c r="A55838" s="13" t="s">
        <v>304</v>
      </c>
      <c r="B55838" s="14" t="s">
        <v>1</v>
      </c>
      <c r="C55838" s="14" t="s">
        <v>137</v>
      </c>
      <c r="D55838" s="14" t="s">
        <v>18</v>
      </c>
      <c r="E55838" s="15">
        <v>45734</v>
      </c>
      <c r="F55838" s="14" t="s">
        <v>15</v>
      </c>
      <c r="G55838" s="16">
        <v>7.1289608488945264</v>
      </c>
    </row>
    <row r="55839" spans="1:7" x14ac:dyDescent="0.3">
      <c r="A55839" s="13" t="s">
        <v>304</v>
      </c>
      <c r="B55839" s="14" t="s">
        <v>1</v>
      </c>
      <c r="C55839" s="14" t="s">
        <v>137</v>
      </c>
      <c r="D55839" s="14" t="s">
        <v>18</v>
      </c>
      <c r="E55839" s="15">
        <v>45735</v>
      </c>
      <c r="F55839" s="14" t="s">
        <v>15</v>
      </c>
      <c r="G55839" s="16">
        <v>7.2090646059729782</v>
      </c>
    </row>
    <row r="55840" spans="1:7" x14ac:dyDescent="0.3">
      <c r="A55840" s="13" t="s">
        <v>304</v>
      </c>
      <c r="B55840" s="14" t="s">
        <v>1</v>
      </c>
      <c r="C55840" s="14" t="s">
        <v>137</v>
      </c>
      <c r="D55840" s="14" t="s">
        <v>18</v>
      </c>
      <c r="E55840" s="15">
        <v>45736</v>
      </c>
      <c r="F55840" s="14" t="s">
        <v>15</v>
      </c>
      <c r="G55840" s="16">
        <v>7.2289968067962391</v>
      </c>
    </row>
    <row r="55841" spans="1:7" x14ac:dyDescent="0.3">
      <c r="A55841" s="13" t="s">
        <v>304</v>
      </c>
      <c r="B55841" s="14" t="s">
        <v>1</v>
      </c>
      <c r="C55841" s="14" t="s">
        <v>137</v>
      </c>
      <c r="D55841" s="14" t="s">
        <v>18</v>
      </c>
      <c r="E55841" s="15">
        <v>45737</v>
      </c>
      <c r="F55841" s="14" t="s">
        <v>15</v>
      </c>
      <c r="G55841" s="16">
        <v>7.2533458735284473</v>
      </c>
    </row>
    <row r="55842" spans="1:7" x14ac:dyDescent="0.3">
      <c r="A55842" s="13" t="s">
        <v>304</v>
      </c>
      <c r="B55842" s="14" t="s">
        <v>1</v>
      </c>
      <c r="C55842" s="14" t="s">
        <v>137</v>
      </c>
      <c r="D55842" s="14" t="s">
        <v>18</v>
      </c>
      <c r="E55842" s="15">
        <v>45738</v>
      </c>
      <c r="F55842" s="14" t="s">
        <v>15</v>
      </c>
      <c r="G55842" s="16">
        <v>7.2533458735284473</v>
      </c>
    </row>
    <row r="55843" spans="1:7" x14ac:dyDescent="0.3">
      <c r="A55843" s="13" t="s">
        <v>304</v>
      </c>
      <c r="B55843" s="14" t="s">
        <v>1</v>
      </c>
      <c r="C55843" s="14" t="s">
        <v>137</v>
      </c>
      <c r="D55843" s="14" t="s">
        <v>18</v>
      </c>
      <c r="E55843" s="15">
        <v>45739</v>
      </c>
      <c r="F55843" s="14" t="s">
        <v>15</v>
      </c>
      <c r="G55843" s="16">
        <v>7.2533458735284473</v>
      </c>
    </row>
    <row r="55844" spans="1:7" x14ac:dyDescent="0.3">
      <c r="A55844" s="13" t="s">
        <v>304</v>
      </c>
      <c r="B55844" s="14" t="s">
        <v>1</v>
      </c>
      <c r="C55844" s="14" t="s">
        <v>137</v>
      </c>
      <c r="D55844" s="14" t="s">
        <v>18</v>
      </c>
      <c r="E55844" s="15">
        <v>45740</v>
      </c>
      <c r="F55844" s="14" t="s">
        <v>15</v>
      </c>
      <c r="G55844" s="16">
        <v>7.2732797173449626</v>
      </c>
    </row>
    <row r="55845" spans="1:7" x14ac:dyDescent="0.3">
      <c r="A55845" s="13" t="s">
        <v>304</v>
      </c>
      <c r="B55845" s="14" t="s">
        <v>1</v>
      </c>
      <c r="C55845" s="14" t="s">
        <v>137</v>
      </c>
      <c r="D55845" s="14" t="s">
        <v>18</v>
      </c>
      <c r="E55845" s="15">
        <v>45741</v>
      </c>
      <c r="F55845" s="14" t="s">
        <v>15</v>
      </c>
      <c r="G55845" s="16">
        <v>7.332742407300838</v>
      </c>
    </row>
    <row r="55846" spans="1:7" x14ac:dyDescent="0.3">
      <c r="A55846" s="13" t="s">
        <v>304</v>
      </c>
      <c r="B55846" s="14" t="s">
        <v>1</v>
      </c>
      <c r="C55846" s="14" t="s">
        <v>137</v>
      </c>
      <c r="D55846" s="14" t="s">
        <v>18</v>
      </c>
      <c r="E55846" s="15">
        <v>45742</v>
      </c>
      <c r="F55846" s="14" t="s">
        <v>15</v>
      </c>
      <c r="G55846" s="16">
        <v>7.3520908454774032</v>
      </c>
    </row>
    <row r="55847" spans="1:7" x14ac:dyDescent="0.3">
      <c r="A55847" s="13" t="s">
        <v>304</v>
      </c>
      <c r="B55847" s="14" t="s">
        <v>1</v>
      </c>
      <c r="C55847" s="14" t="s">
        <v>137</v>
      </c>
      <c r="D55847" s="14" t="s">
        <v>18</v>
      </c>
      <c r="E55847" s="15">
        <v>45743</v>
      </c>
      <c r="F55847" s="14" t="s">
        <v>15</v>
      </c>
      <c r="G55847" s="16">
        <v>7.3724467956912916</v>
      </c>
    </row>
    <row r="55848" spans="1:7" x14ac:dyDescent="0.3">
      <c r="A55848" s="13" t="s">
        <v>304</v>
      </c>
      <c r="B55848" s="14" t="s">
        <v>1</v>
      </c>
      <c r="C55848" s="14" t="s">
        <v>137</v>
      </c>
      <c r="D55848" s="14" t="s">
        <v>18</v>
      </c>
      <c r="E55848" s="15">
        <v>45744</v>
      </c>
      <c r="F55848" s="14" t="s">
        <v>15</v>
      </c>
      <c r="G55848" s="16">
        <v>7.3923914261156947</v>
      </c>
    </row>
    <row r="55849" spans="1:7" x14ac:dyDescent="0.3">
      <c r="A55849" s="13" t="s">
        <v>304</v>
      </c>
      <c r="B55849" s="14" t="s">
        <v>1</v>
      </c>
      <c r="C55849" s="14" t="s">
        <v>137</v>
      </c>
      <c r="D55849" s="14" t="s">
        <v>18</v>
      </c>
      <c r="E55849" s="15">
        <v>45745</v>
      </c>
      <c r="F55849" s="14" t="s">
        <v>15</v>
      </c>
      <c r="G55849" s="16">
        <v>7.3923914261156947</v>
      </c>
    </row>
    <row r="55850" spans="1:7" x14ac:dyDescent="0.3">
      <c r="A55850" s="13" t="s">
        <v>304</v>
      </c>
      <c r="B55850" s="14" t="s">
        <v>1</v>
      </c>
      <c r="C55850" s="14" t="s">
        <v>137</v>
      </c>
      <c r="D55850" s="14" t="s">
        <v>18</v>
      </c>
      <c r="E55850" s="15">
        <v>45746</v>
      </c>
      <c r="F55850" s="14" t="s">
        <v>15</v>
      </c>
      <c r="G55850" s="16">
        <v>7.3923914261156947</v>
      </c>
    </row>
    <row r="55851" spans="1:7" x14ac:dyDescent="0.3">
      <c r="A55851" s="13" t="s">
        <v>304</v>
      </c>
      <c r="B55851" s="14" t="s">
        <v>1</v>
      </c>
      <c r="C55851" s="14" t="s">
        <v>137</v>
      </c>
      <c r="D55851" s="14" t="s">
        <v>18</v>
      </c>
      <c r="E55851" s="15">
        <v>45747</v>
      </c>
      <c r="F55851" s="14" t="s">
        <v>15</v>
      </c>
      <c r="G55851" s="16">
        <v>7.4137343152339845</v>
      </c>
    </row>
    <row r="55852" spans="1:7" x14ac:dyDescent="0.3">
      <c r="A55852" s="13" t="s">
        <v>305</v>
      </c>
      <c r="B55852" s="14" t="s">
        <v>1</v>
      </c>
      <c r="C55852" s="14" t="s">
        <v>96</v>
      </c>
      <c r="D55852" s="14" t="s">
        <v>306</v>
      </c>
      <c r="E55852" s="15">
        <v>45383</v>
      </c>
      <c r="F55852" s="14" t="s">
        <v>15</v>
      </c>
      <c r="G55852" s="16">
        <v>0</v>
      </c>
    </row>
    <row r="55853" spans="1:7" x14ac:dyDescent="0.3">
      <c r="A55853" s="13" t="s">
        <v>305</v>
      </c>
      <c r="B55853" s="14" t="s">
        <v>1</v>
      </c>
      <c r="C55853" s="14" t="s">
        <v>96</v>
      </c>
      <c r="D55853" s="14" t="s">
        <v>306</v>
      </c>
      <c r="E55853" s="15">
        <v>45384</v>
      </c>
      <c r="F55853" s="14" t="s">
        <v>15</v>
      </c>
      <c r="G55853" s="16">
        <v>0</v>
      </c>
    </row>
    <row r="55854" spans="1:7" x14ac:dyDescent="0.3">
      <c r="A55854" s="13" t="s">
        <v>305</v>
      </c>
      <c r="B55854" s="14" t="s">
        <v>1</v>
      </c>
      <c r="C55854" s="14" t="s">
        <v>96</v>
      </c>
      <c r="D55854" s="14" t="s">
        <v>306</v>
      </c>
      <c r="E55854" s="15">
        <v>45385</v>
      </c>
      <c r="F55854" s="14" t="s">
        <v>15</v>
      </c>
      <c r="G55854" s="16">
        <v>0</v>
      </c>
    </row>
    <row r="55855" spans="1:7" x14ac:dyDescent="0.3">
      <c r="A55855" s="13" t="s">
        <v>305</v>
      </c>
      <c r="B55855" s="14" t="s">
        <v>1</v>
      </c>
      <c r="C55855" s="14" t="s">
        <v>96</v>
      </c>
      <c r="D55855" s="14" t="s">
        <v>306</v>
      </c>
      <c r="E55855" s="15">
        <v>45386</v>
      </c>
      <c r="F55855" s="14" t="s">
        <v>15</v>
      </c>
      <c r="G55855" s="16">
        <v>0</v>
      </c>
    </row>
    <row r="55856" spans="1:7" x14ac:dyDescent="0.3">
      <c r="A55856" s="13" t="s">
        <v>305</v>
      </c>
      <c r="B55856" s="14" t="s">
        <v>1</v>
      </c>
      <c r="C55856" s="14" t="s">
        <v>96</v>
      </c>
      <c r="D55856" s="14" t="s">
        <v>306</v>
      </c>
      <c r="E55856" s="15">
        <v>45387</v>
      </c>
      <c r="F55856" s="14" t="s">
        <v>15</v>
      </c>
      <c r="G55856" s="16">
        <v>0</v>
      </c>
    </row>
    <row r="55857" spans="1:7" x14ac:dyDescent="0.3">
      <c r="A55857" s="13" t="s">
        <v>305</v>
      </c>
      <c r="B55857" s="14" t="s">
        <v>1</v>
      </c>
      <c r="C55857" s="14" t="s">
        <v>96</v>
      </c>
      <c r="D55857" s="14" t="s">
        <v>306</v>
      </c>
      <c r="E55857" s="15">
        <v>45388</v>
      </c>
      <c r="F55857" s="14" t="s">
        <v>15</v>
      </c>
      <c r="G55857" s="16">
        <v>0</v>
      </c>
    </row>
    <row r="55858" spans="1:7" x14ac:dyDescent="0.3">
      <c r="A55858" s="13" t="s">
        <v>305</v>
      </c>
      <c r="B55858" s="14" t="s">
        <v>1</v>
      </c>
      <c r="C55858" s="14" t="s">
        <v>96</v>
      </c>
      <c r="D55858" s="14" t="s">
        <v>306</v>
      </c>
      <c r="E55858" s="15">
        <v>45389</v>
      </c>
      <c r="F55858" s="14" t="s">
        <v>15</v>
      </c>
      <c r="G55858" s="16">
        <v>0</v>
      </c>
    </row>
    <row r="55859" spans="1:7" x14ac:dyDescent="0.3">
      <c r="A55859" s="13" t="s">
        <v>305</v>
      </c>
      <c r="B55859" s="14" t="s">
        <v>1</v>
      </c>
      <c r="C55859" s="14" t="s">
        <v>96</v>
      </c>
      <c r="D55859" s="14" t="s">
        <v>306</v>
      </c>
      <c r="E55859" s="15">
        <v>45390</v>
      </c>
      <c r="F55859" s="14" t="s">
        <v>15</v>
      </c>
      <c r="G55859" s="16">
        <v>0</v>
      </c>
    </row>
    <row r="55860" spans="1:7" x14ac:dyDescent="0.3">
      <c r="A55860" s="13" t="s">
        <v>305</v>
      </c>
      <c r="B55860" s="14" t="s">
        <v>1</v>
      </c>
      <c r="C55860" s="14" t="s">
        <v>96</v>
      </c>
      <c r="D55860" s="14" t="s">
        <v>306</v>
      </c>
      <c r="E55860" s="15">
        <v>45391</v>
      </c>
      <c r="F55860" s="14" t="s">
        <v>15</v>
      </c>
      <c r="G55860" s="16">
        <v>0</v>
      </c>
    </row>
    <row r="55861" spans="1:7" x14ac:dyDescent="0.3">
      <c r="A55861" s="13" t="s">
        <v>305</v>
      </c>
      <c r="B55861" s="14" t="s">
        <v>1</v>
      </c>
      <c r="C55861" s="14" t="s">
        <v>96</v>
      </c>
      <c r="D55861" s="14" t="s">
        <v>306</v>
      </c>
      <c r="E55861" s="15">
        <v>45392</v>
      </c>
      <c r="F55861" s="14" t="s">
        <v>15</v>
      </c>
      <c r="G55861" s="16">
        <v>0</v>
      </c>
    </row>
    <row r="55862" spans="1:7" x14ac:dyDescent="0.3">
      <c r="A55862" s="13" t="s">
        <v>305</v>
      </c>
      <c r="B55862" s="14" t="s">
        <v>1</v>
      </c>
      <c r="C55862" s="14" t="s">
        <v>96</v>
      </c>
      <c r="D55862" s="14" t="s">
        <v>306</v>
      </c>
      <c r="E55862" s="15">
        <v>45393</v>
      </c>
      <c r="F55862" s="14" t="s">
        <v>15</v>
      </c>
      <c r="G55862" s="16">
        <v>0</v>
      </c>
    </row>
    <row r="55863" spans="1:7" x14ac:dyDescent="0.3">
      <c r="A55863" s="13" t="s">
        <v>305</v>
      </c>
      <c r="B55863" s="14" t="s">
        <v>1</v>
      </c>
      <c r="C55863" s="14" t="s">
        <v>96</v>
      </c>
      <c r="D55863" s="14" t="s">
        <v>306</v>
      </c>
      <c r="E55863" s="15">
        <v>45394</v>
      </c>
      <c r="F55863" s="14" t="s">
        <v>15</v>
      </c>
      <c r="G55863" s="16">
        <v>0</v>
      </c>
    </row>
    <row r="55864" spans="1:7" x14ac:dyDescent="0.3">
      <c r="A55864" s="13" t="s">
        <v>305</v>
      </c>
      <c r="B55864" s="14" t="s">
        <v>1</v>
      </c>
      <c r="C55864" s="14" t="s">
        <v>96</v>
      </c>
      <c r="D55864" s="14" t="s">
        <v>306</v>
      </c>
      <c r="E55864" s="15">
        <v>45395</v>
      </c>
      <c r="F55864" s="14" t="s">
        <v>15</v>
      </c>
      <c r="G55864" s="16">
        <v>0</v>
      </c>
    </row>
    <row r="55865" spans="1:7" x14ac:dyDescent="0.3">
      <c r="A55865" s="13" t="s">
        <v>305</v>
      </c>
      <c r="B55865" s="14" t="s">
        <v>1</v>
      </c>
      <c r="C55865" s="14" t="s">
        <v>96</v>
      </c>
      <c r="D55865" s="14" t="s">
        <v>306</v>
      </c>
      <c r="E55865" s="15">
        <v>45396</v>
      </c>
      <c r="F55865" s="14" t="s">
        <v>15</v>
      </c>
      <c r="G55865" s="16">
        <v>0</v>
      </c>
    </row>
    <row r="55866" spans="1:7" x14ac:dyDescent="0.3">
      <c r="A55866" s="13" t="s">
        <v>305</v>
      </c>
      <c r="B55866" s="14" t="s">
        <v>1</v>
      </c>
      <c r="C55866" s="14" t="s">
        <v>96</v>
      </c>
      <c r="D55866" s="14" t="s">
        <v>306</v>
      </c>
      <c r="E55866" s="15">
        <v>45397</v>
      </c>
      <c r="F55866" s="14" t="s">
        <v>15</v>
      </c>
      <c r="G55866" s="16">
        <v>0</v>
      </c>
    </row>
    <row r="55867" spans="1:7" x14ac:dyDescent="0.3">
      <c r="A55867" s="13" t="s">
        <v>305</v>
      </c>
      <c r="B55867" s="14" t="s">
        <v>1</v>
      </c>
      <c r="C55867" s="14" t="s">
        <v>96</v>
      </c>
      <c r="D55867" s="14" t="s">
        <v>306</v>
      </c>
      <c r="E55867" s="15">
        <v>45398</v>
      </c>
      <c r="F55867" s="14" t="s">
        <v>15</v>
      </c>
      <c r="G55867" s="16">
        <v>0</v>
      </c>
    </row>
    <row r="55868" spans="1:7" x14ac:dyDescent="0.3">
      <c r="A55868" s="13" t="s">
        <v>305</v>
      </c>
      <c r="B55868" s="14" t="s">
        <v>1</v>
      </c>
      <c r="C55868" s="14" t="s">
        <v>96</v>
      </c>
      <c r="D55868" s="14" t="s">
        <v>306</v>
      </c>
      <c r="E55868" s="15">
        <v>45399</v>
      </c>
      <c r="F55868" s="14" t="s">
        <v>15</v>
      </c>
      <c r="G55868" s="16">
        <v>0</v>
      </c>
    </row>
    <row r="55869" spans="1:7" x14ac:dyDescent="0.3">
      <c r="A55869" s="13" t="s">
        <v>305</v>
      </c>
      <c r="B55869" s="14" t="s">
        <v>1</v>
      </c>
      <c r="C55869" s="14" t="s">
        <v>96</v>
      </c>
      <c r="D55869" s="14" t="s">
        <v>306</v>
      </c>
      <c r="E55869" s="15">
        <v>45400</v>
      </c>
      <c r="F55869" s="14" t="s">
        <v>15</v>
      </c>
      <c r="G55869" s="16">
        <v>0</v>
      </c>
    </row>
    <row r="55870" spans="1:7" x14ac:dyDescent="0.3">
      <c r="A55870" s="13" t="s">
        <v>305</v>
      </c>
      <c r="B55870" s="14" t="s">
        <v>1</v>
      </c>
      <c r="C55870" s="14" t="s">
        <v>96</v>
      </c>
      <c r="D55870" s="14" t="s">
        <v>306</v>
      </c>
      <c r="E55870" s="15">
        <v>45401</v>
      </c>
      <c r="F55870" s="14" t="s">
        <v>15</v>
      </c>
      <c r="G55870" s="16">
        <v>0</v>
      </c>
    </row>
    <row r="55871" spans="1:7" x14ac:dyDescent="0.3">
      <c r="A55871" s="13" t="s">
        <v>305</v>
      </c>
      <c r="B55871" s="14" t="s">
        <v>1</v>
      </c>
      <c r="C55871" s="14" t="s">
        <v>96</v>
      </c>
      <c r="D55871" s="14" t="s">
        <v>306</v>
      </c>
      <c r="E55871" s="15">
        <v>45402</v>
      </c>
      <c r="F55871" s="14" t="s">
        <v>15</v>
      </c>
      <c r="G55871" s="16">
        <v>0</v>
      </c>
    </row>
    <row r="55872" spans="1:7" x14ac:dyDescent="0.3">
      <c r="A55872" s="13" t="s">
        <v>305</v>
      </c>
      <c r="B55872" s="14" t="s">
        <v>1</v>
      </c>
      <c r="C55872" s="14" t="s">
        <v>96</v>
      </c>
      <c r="D55872" s="14" t="s">
        <v>306</v>
      </c>
      <c r="E55872" s="15">
        <v>45403</v>
      </c>
      <c r="F55872" s="14" t="s">
        <v>15</v>
      </c>
      <c r="G55872" s="16">
        <v>0</v>
      </c>
    </row>
    <row r="55873" spans="1:7" x14ac:dyDescent="0.3">
      <c r="A55873" s="13" t="s">
        <v>305</v>
      </c>
      <c r="B55873" s="14" t="s">
        <v>1</v>
      </c>
      <c r="C55873" s="14" t="s">
        <v>96</v>
      </c>
      <c r="D55873" s="14" t="s">
        <v>306</v>
      </c>
      <c r="E55873" s="15">
        <v>45404</v>
      </c>
      <c r="F55873" s="14" t="s">
        <v>15</v>
      </c>
      <c r="G55873" s="16">
        <v>0</v>
      </c>
    </row>
    <row r="55874" spans="1:7" x14ac:dyDescent="0.3">
      <c r="A55874" s="13" t="s">
        <v>305</v>
      </c>
      <c r="B55874" s="14" t="s">
        <v>1</v>
      </c>
      <c r="C55874" s="14" t="s">
        <v>96</v>
      </c>
      <c r="D55874" s="14" t="s">
        <v>306</v>
      </c>
      <c r="E55874" s="15">
        <v>45405</v>
      </c>
      <c r="F55874" s="14" t="s">
        <v>15</v>
      </c>
      <c r="G55874" s="16">
        <v>0</v>
      </c>
    </row>
    <row r="55875" spans="1:7" x14ac:dyDescent="0.3">
      <c r="A55875" s="13" t="s">
        <v>305</v>
      </c>
      <c r="B55875" s="14" t="s">
        <v>1</v>
      </c>
      <c r="C55875" s="14" t="s">
        <v>96</v>
      </c>
      <c r="D55875" s="14" t="s">
        <v>306</v>
      </c>
      <c r="E55875" s="15">
        <v>45406</v>
      </c>
      <c r="F55875" s="14" t="s">
        <v>15</v>
      </c>
      <c r="G55875" s="16">
        <v>0</v>
      </c>
    </row>
    <row r="55876" spans="1:7" x14ac:dyDescent="0.3">
      <c r="A55876" s="13" t="s">
        <v>305</v>
      </c>
      <c r="B55876" s="14" t="s">
        <v>1</v>
      </c>
      <c r="C55876" s="14" t="s">
        <v>96</v>
      </c>
      <c r="D55876" s="14" t="s">
        <v>306</v>
      </c>
      <c r="E55876" s="15">
        <v>45407</v>
      </c>
      <c r="F55876" s="14" t="s">
        <v>15</v>
      </c>
      <c r="G55876" s="16">
        <v>0</v>
      </c>
    </row>
    <row r="55877" spans="1:7" x14ac:dyDescent="0.3">
      <c r="A55877" s="13" t="s">
        <v>305</v>
      </c>
      <c r="B55877" s="14" t="s">
        <v>1</v>
      </c>
      <c r="C55877" s="14" t="s">
        <v>96</v>
      </c>
      <c r="D55877" s="14" t="s">
        <v>306</v>
      </c>
      <c r="E55877" s="15">
        <v>45408</v>
      </c>
      <c r="F55877" s="14" t="s">
        <v>15</v>
      </c>
      <c r="G55877" s="16">
        <v>0</v>
      </c>
    </row>
    <row r="55878" spans="1:7" x14ac:dyDescent="0.3">
      <c r="A55878" s="13" t="s">
        <v>305</v>
      </c>
      <c r="B55878" s="14" t="s">
        <v>1</v>
      </c>
      <c r="C55878" s="14" t="s">
        <v>96</v>
      </c>
      <c r="D55878" s="14" t="s">
        <v>306</v>
      </c>
      <c r="E55878" s="15">
        <v>45409</v>
      </c>
      <c r="F55878" s="14" t="s">
        <v>15</v>
      </c>
      <c r="G55878" s="16">
        <v>0</v>
      </c>
    </row>
    <row r="55879" spans="1:7" x14ac:dyDescent="0.3">
      <c r="A55879" s="13" t="s">
        <v>305</v>
      </c>
      <c r="B55879" s="14" t="s">
        <v>1</v>
      </c>
      <c r="C55879" s="14" t="s">
        <v>96</v>
      </c>
      <c r="D55879" s="14" t="s">
        <v>306</v>
      </c>
      <c r="E55879" s="15">
        <v>45410</v>
      </c>
      <c r="F55879" s="14" t="s">
        <v>15</v>
      </c>
      <c r="G55879" s="16">
        <v>0</v>
      </c>
    </row>
    <row r="55880" spans="1:7" x14ac:dyDescent="0.3">
      <c r="A55880" s="13" t="s">
        <v>305</v>
      </c>
      <c r="B55880" s="14" t="s">
        <v>1</v>
      </c>
      <c r="C55880" s="14" t="s">
        <v>96</v>
      </c>
      <c r="D55880" s="14" t="s">
        <v>306</v>
      </c>
      <c r="E55880" s="15">
        <v>45411</v>
      </c>
      <c r="F55880" s="14" t="s">
        <v>15</v>
      </c>
      <c r="G55880" s="16">
        <v>0</v>
      </c>
    </row>
    <row r="55881" spans="1:7" x14ac:dyDescent="0.3">
      <c r="A55881" s="13" t="s">
        <v>305</v>
      </c>
      <c r="B55881" s="14" t="s">
        <v>1</v>
      </c>
      <c r="C55881" s="14" t="s">
        <v>96</v>
      </c>
      <c r="D55881" s="14" t="s">
        <v>306</v>
      </c>
      <c r="E55881" s="15">
        <v>45412</v>
      </c>
      <c r="F55881" s="14" t="s">
        <v>15</v>
      </c>
      <c r="G55881" s="16">
        <v>0</v>
      </c>
    </row>
    <row r="55882" spans="1:7" x14ac:dyDescent="0.3">
      <c r="A55882" s="13" t="s">
        <v>305</v>
      </c>
      <c r="B55882" s="14" t="s">
        <v>1</v>
      </c>
      <c r="C55882" s="14" t="s">
        <v>96</v>
      </c>
      <c r="D55882" s="14" t="s">
        <v>306</v>
      </c>
      <c r="E55882" s="15">
        <v>45413</v>
      </c>
      <c r="F55882" s="14" t="s">
        <v>15</v>
      </c>
      <c r="G55882" s="16">
        <v>0</v>
      </c>
    </row>
    <row r="55883" spans="1:7" x14ac:dyDescent="0.3">
      <c r="A55883" s="13" t="s">
        <v>305</v>
      </c>
      <c r="B55883" s="14" t="s">
        <v>1</v>
      </c>
      <c r="C55883" s="14" t="s">
        <v>96</v>
      </c>
      <c r="D55883" s="14" t="s">
        <v>306</v>
      </c>
      <c r="E55883" s="15">
        <v>45414</v>
      </c>
      <c r="F55883" s="14" t="s">
        <v>15</v>
      </c>
      <c r="G55883" s="16">
        <v>0</v>
      </c>
    </row>
    <row r="55884" spans="1:7" x14ac:dyDescent="0.3">
      <c r="A55884" s="13" t="s">
        <v>305</v>
      </c>
      <c r="B55884" s="14" t="s">
        <v>1</v>
      </c>
      <c r="C55884" s="14" t="s">
        <v>96</v>
      </c>
      <c r="D55884" s="14" t="s">
        <v>306</v>
      </c>
      <c r="E55884" s="15">
        <v>45415</v>
      </c>
      <c r="F55884" s="14" t="s">
        <v>15</v>
      </c>
      <c r="G55884" s="16">
        <v>0</v>
      </c>
    </row>
    <row r="55885" spans="1:7" x14ac:dyDescent="0.3">
      <c r="A55885" s="13" t="s">
        <v>305</v>
      </c>
      <c r="B55885" s="14" t="s">
        <v>1</v>
      </c>
      <c r="C55885" s="14" t="s">
        <v>96</v>
      </c>
      <c r="D55885" s="14" t="s">
        <v>306</v>
      </c>
      <c r="E55885" s="15">
        <v>45416</v>
      </c>
      <c r="F55885" s="14" t="s">
        <v>15</v>
      </c>
      <c r="G55885" s="16">
        <v>0</v>
      </c>
    </row>
    <row r="55886" spans="1:7" x14ac:dyDescent="0.3">
      <c r="A55886" s="13" t="s">
        <v>305</v>
      </c>
      <c r="B55886" s="14" t="s">
        <v>1</v>
      </c>
      <c r="C55886" s="14" t="s">
        <v>96</v>
      </c>
      <c r="D55886" s="14" t="s">
        <v>306</v>
      </c>
      <c r="E55886" s="15">
        <v>45417</v>
      </c>
      <c r="F55886" s="14" t="s">
        <v>15</v>
      </c>
      <c r="G55886" s="16">
        <v>0</v>
      </c>
    </row>
    <row r="55887" spans="1:7" x14ac:dyDescent="0.3">
      <c r="A55887" s="13" t="s">
        <v>305</v>
      </c>
      <c r="B55887" s="14" t="s">
        <v>1</v>
      </c>
      <c r="C55887" s="14" t="s">
        <v>96</v>
      </c>
      <c r="D55887" s="14" t="s">
        <v>306</v>
      </c>
      <c r="E55887" s="15">
        <v>45418</v>
      </c>
      <c r="F55887" s="14" t="s">
        <v>15</v>
      </c>
      <c r="G55887" s="16">
        <v>0</v>
      </c>
    </row>
    <row r="55888" spans="1:7" x14ac:dyDescent="0.3">
      <c r="A55888" s="13" t="s">
        <v>305</v>
      </c>
      <c r="B55888" s="14" t="s">
        <v>1</v>
      </c>
      <c r="C55888" s="14" t="s">
        <v>96</v>
      </c>
      <c r="D55888" s="14" t="s">
        <v>306</v>
      </c>
      <c r="E55888" s="15">
        <v>45419</v>
      </c>
      <c r="F55888" s="14" t="s">
        <v>15</v>
      </c>
      <c r="G55888" s="16">
        <v>0</v>
      </c>
    </row>
    <row r="55889" spans="1:7" x14ac:dyDescent="0.3">
      <c r="A55889" s="13" t="s">
        <v>305</v>
      </c>
      <c r="B55889" s="14" t="s">
        <v>1</v>
      </c>
      <c r="C55889" s="14" t="s">
        <v>96</v>
      </c>
      <c r="D55889" s="14" t="s">
        <v>306</v>
      </c>
      <c r="E55889" s="15">
        <v>45420</v>
      </c>
      <c r="F55889" s="14" t="s">
        <v>15</v>
      </c>
      <c r="G55889" s="16">
        <v>0</v>
      </c>
    </row>
    <row r="55890" spans="1:7" x14ac:dyDescent="0.3">
      <c r="A55890" s="13" t="s">
        <v>305</v>
      </c>
      <c r="B55890" s="14" t="s">
        <v>1</v>
      </c>
      <c r="C55890" s="14" t="s">
        <v>96</v>
      </c>
      <c r="D55890" s="14" t="s">
        <v>306</v>
      </c>
      <c r="E55890" s="15">
        <v>45421</v>
      </c>
      <c r="F55890" s="14" t="s">
        <v>15</v>
      </c>
      <c r="G55890" s="16">
        <v>0</v>
      </c>
    </row>
    <row r="55891" spans="1:7" x14ac:dyDescent="0.3">
      <c r="A55891" s="13" t="s">
        <v>305</v>
      </c>
      <c r="B55891" s="14" t="s">
        <v>1</v>
      </c>
      <c r="C55891" s="14" t="s">
        <v>96</v>
      </c>
      <c r="D55891" s="14" t="s">
        <v>306</v>
      </c>
      <c r="E55891" s="15">
        <v>45422</v>
      </c>
      <c r="F55891" s="14" t="s">
        <v>15</v>
      </c>
      <c r="G55891" s="16">
        <v>0</v>
      </c>
    </row>
    <row r="55892" spans="1:7" x14ac:dyDescent="0.3">
      <c r="A55892" s="13" t="s">
        <v>305</v>
      </c>
      <c r="B55892" s="14" t="s">
        <v>1</v>
      </c>
      <c r="C55892" s="14" t="s">
        <v>96</v>
      </c>
      <c r="D55892" s="14" t="s">
        <v>306</v>
      </c>
      <c r="E55892" s="15">
        <v>45423</v>
      </c>
      <c r="F55892" s="14" t="s">
        <v>15</v>
      </c>
      <c r="G55892" s="16">
        <v>0</v>
      </c>
    </row>
    <row r="55893" spans="1:7" x14ac:dyDescent="0.3">
      <c r="A55893" s="13" t="s">
        <v>305</v>
      </c>
      <c r="B55893" s="14" t="s">
        <v>1</v>
      </c>
      <c r="C55893" s="14" t="s">
        <v>96</v>
      </c>
      <c r="D55893" s="14" t="s">
        <v>306</v>
      </c>
      <c r="E55893" s="15">
        <v>45424</v>
      </c>
      <c r="F55893" s="14" t="s">
        <v>15</v>
      </c>
      <c r="G55893" s="16">
        <v>0</v>
      </c>
    </row>
    <row r="55894" spans="1:7" x14ac:dyDescent="0.3">
      <c r="A55894" s="13" t="s">
        <v>305</v>
      </c>
      <c r="B55894" s="14" t="s">
        <v>1</v>
      </c>
      <c r="C55894" s="14" t="s">
        <v>96</v>
      </c>
      <c r="D55894" s="14" t="s">
        <v>306</v>
      </c>
      <c r="E55894" s="15">
        <v>45425</v>
      </c>
      <c r="F55894" s="14" t="s">
        <v>15</v>
      </c>
      <c r="G55894" s="16">
        <v>0</v>
      </c>
    </row>
    <row r="55895" spans="1:7" x14ac:dyDescent="0.3">
      <c r="A55895" s="13" t="s">
        <v>305</v>
      </c>
      <c r="B55895" s="14" t="s">
        <v>1</v>
      </c>
      <c r="C55895" s="14" t="s">
        <v>96</v>
      </c>
      <c r="D55895" s="14" t="s">
        <v>306</v>
      </c>
      <c r="E55895" s="15">
        <v>45426</v>
      </c>
      <c r="F55895" s="14" t="s">
        <v>15</v>
      </c>
      <c r="G55895" s="16">
        <v>0</v>
      </c>
    </row>
    <row r="55896" spans="1:7" x14ac:dyDescent="0.3">
      <c r="A55896" s="13" t="s">
        <v>305</v>
      </c>
      <c r="B55896" s="14" t="s">
        <v>1</v>
      </c>
      <c r="C55896" s="14" t="s">
        <v>96</v>
      </c>
      <c r="D55896" s="14" t="s">
        <v>306</v>
      </c>
      <c r="E55896" s="15">
        <v>45427</v>
      </c>
      <c r="F55896" s="14" t="s">
        <v>15</v>
      </c>
      <c r="G55896" s="16">
        <v>0</v>
      </c>
    </row>
    <row r="55897" spans="1:7" x14ac:dyDescent="0.3">
      <c r="A55897" s="13" t="s">
        <v>305</v>
      </c>
      <c r="B55897" s="14" t="s">
        <v>1</v>
      </c>
      <c r="C55897" s="14" t="s">
        <v>96</v>
      </c>
      <c r="D55897" s="14" t="s">
        <v>306</v>
      </c>
      <c r="E55897" s="15">
        <v>45428</v>
      </c>
      <c r="F55897" s="14" t="s">
        <v>15</v>
      </c>
      <c r="G55897" s="16">
        <v>0</v>
      </c>
    </row>
    <row r="55898" spans="1:7" x14ac:dyDescent="0.3">
      <c r="A55898" s="13" t="s">
        <v>305</v>
      </c>
      <c r="B55898" s="14" t="s">
        <v>1</v>
      </c>
      <c r="C55898" s="14" t="s">
        <v>96</v>
      </c>
      <c r="D55898" s="14" t="s">
        <v>306</v>
      </c>
      <c r="E55898" s="15">
        <v>45429</v>
      </c>
      <c r="F55898" s="14" t="s">
        <v>15</v>
      </c>
      <c r="G55898" s="16">
        <v>0</v>
      </c>
    </row>
    <row r="55899" spans="1:7" x14ac:dyDescent="0.3">
      <c r="A55899" s="13" t="s">
        <v>305</v>
      </c>
      <c r="B55899" s="14" t="s">
        <v>1</v>
      </c>
      <c r="C55899" s="14" t="s">
        <v>96</v>
      </c>
      <c r="D55899" s="14" t="s">
        <v>306</v>
      </c>
      <c r="E55899" s="15">
        <v>45430</v>
      </c>
      <c r="F55899" s="14" t="s">
        <v>15</v>
      </c>
      <c r="G55899" s="16">
        <v>0</v>
      </c>
    </row>
    <row r="55900" spans="1:7" x14ac:dyDescent="0.3">
      <c r="A55900" s="13" t="s">
        <v>305</v>
      </c>
      <c r="B55900" s="14" t="s">
        <v>1</v>
      </c>
      <c r="C55900" s="14" t="s">
        <v>96</v>
      </c>
      <c r="D55900" s="14" t="s">
        <v>306</v>
      </c>
      <c r="E55900" s="15">
        <v>45431</v>
      </c>
      <c r="F55900" s="14" t="s">
        <v>15</v>
      </c>
      <c r="G55900" s="16">
        <v>0</v>
      </c>
    </row>
    <row r="55901" spans="1:7" x14ac:dyDescent="0.3">
      <c r="A55901" s="13" t="s">
        <v>305</v>
      </c>
      <c r="B55901" s="14" t="s">
        <v>1</v>
      </c>
      <c r="C55901" s="14" t="s">
        <v>96</v>
      </c>
      <c r="D55901" s="14" t="s">
        <v>306</v>
      </c>
      <c r="E55901" s="15">
        <v>45432</v>
      </c>
      <c r="F55901" s="14" t="s">
        <v>15</v>
      </c>
      <c r="G55901" s="16">
        <v>0</v>
      </c>
    </row>
    <row r="55902" spans="1:7" x14ac:dyDescent="0.3">
      <c r="A55902" s="13" t="s">
        <v>305</v>
      </c>
      <c r="B55902" s="14" t="s">
        <v>1</v>
      </c>
      <c r="C55902" s="14" t="s">
        <v>96</v>
      </c>
      <c r="D55902" s="14" t="s">
        <v>306</v>
      </c>
      <c r="E55902" s="15">
        <v>45433</v>
      </c>
      <c r="F55902" s="14" t="s">
        <v>15</v>
      </c>
      <c r="G55902" s="16">
        <v>0</v>
      </c>
    </row>
    <row r="55903" spans="1:7" x14ac:dyDescent="0.3">
      <c r="A55903" s="13" t="s">
        <v>305</v>
      </c>
      <c r="B55903" s="14" t="s">
        <v>1</v>
      </c>
      <c r="C55903" s="14" t="s">
        <v>96</v>
      </c>
      <c r="D55903" s="14" t="s">
        <v>306</v>
      </c>
      <c r="E55903" s="15">
        <v>45434</v>
      </c>
      <c r="F55903" s="14" t="s">
        <v>15</v>
      </c>
      <c r="G55903" s="16">
        <v>0</v>
      </c>
    </row>
    <row r="55904" spans="1:7" x14ac:dyDescent="0.3">
      <c r="A55904" s="13" t="s">
        <v>305</v>
      </c>
      <c r="B55904" s="14" t="s">
        <v>1</v>
      </c>
      <c r="C55904" s="14" t="s">
        <v>96</v>
      </c>
      <c r="D55904" s="14" t="s">
        <v>306</v>
      </c>
      <c r="E55904" s="15">
        <v>45435</v>
      </c>
      <c r="F55904" s="14" t="s">
        <v>15</v>
      </c>
      <c r="G55904" s="16">
        <v>0</v>
      </c>
    </row>
    <row r="55905" spans="1:7" x14ac:dyDescent="0.3">
      <c r="A55905" s="13" t="s">
        <v>305</v>
      </c>
      <c r="B55905" s="14" t="s">
        <v>1</v>
      </c>
      <c r="C55905" s="14" t="s">
        <v>96</v>
      </c>
      <c r="D55905" s="14" t="s">
        <v>306</v>
      </c>
      <c r="E55905" s="15">
        <v>45436</v>
      </c>
      <c r="F55905" s="14" t="s">
        <v>15</v>
      </c>
      <c r="G55905" s="16">
        <v>0</v>
      </c>
    </row>
    <row r="55906" spans="1:7" x14ac:dyDescent="0.3">
      <c r="A55906" s="13" t="s">
        <v>305</v>
      </c>
      <c r="B55906" s="14" t="s">
        <v>1</v>
      </c>
      <c r="C55906" s="14" t="s">
        <v>96</v>
      </c>
      <c r="D55906" s="14" t="s">
        <v>306</v>
      </c>
      <c r="E55906" s="15">
        <v>45437</v>
      </c>
      <c r="F55906" s="14" t="s">
        <v>15</v>
      </c>
      <c r="G55906" s="16">
        <v>0</v>
      </c>
    </row>
    <row r="55907" spans="1:7" x14ac:dyDescent="0.3">
      <c r="A55907" s="13" t="s">
        <v>305</v>
      </c>
      <c r="B55907" s="14" t="s">
        <v>1</v>
      </c>
      <c r="C55907" s="14" t="s">
        <v>96</v>
      </c>
      <c r="D55907" s="14" t="s">
        <v>306</v>
      </c>
      <c r="E55907" s="15">
        <v>45438</v>
      </c>
      <c r="F55907" s="14" t="s">
        <v>15</v>
      </c>
      <c r="G55907" s="16">
        <v>0</v>
      </c>
    </row>
    <row r="55908" spans="1:7" x14ac:dyDescent="0.3">
      <c r="A55908" s="13" t="s">
        <v>305</v>
      </c>
      <c r="B55908" s="14" t="s">
        <v>1</v>
      </c>
      <c r="C55908" s="14" t="s">
        <v>96</v>
      </c>
      <c r="D55908" s="14" t="s">
        <v>306</v>
      </c>
      <c r="E55908" s="15">
        <v>45439</v>
      </c>
      <c r="F55908" s="14" t="s">
        <v>15</v>
      </c>
      <c r="G55908" s="16">
        <v>0</v>
      </c>
    </row>
    <row r="55909" spans="1:7" x14ac:dyDescent="0.3">
      <c r="A55909" s="13" t="s">
        <v>305</v>
      </c>
      <c r="B55909" s="14" t="s">
        <v>1</v>
      </c>
      <c r="C55909" s="14" t="s">
        <v>96</v>
      </c>
      <c r="D55909" s="14" t="s">
        <v>306</v>
      </c>
      <c r="E55909" s="15">
        <v>45440</v>
      </c>
      <c r="F55909" s="14" t="s">
        <v>15</v>
      </c>
      <c r="G55909" s="16">
        <v>0</v>
      </c>
    </row>
    <row r="55910" spans="1:7" x14ac:dyDescent="0.3">
      <c r="A55910" s="13" t="s">
        <v>305</v>
      </c>
      <c r="B55910" s="14" t="s">
        <v>1</v>
      </c>
      <c r="C55910" s="14" t="s">
        <v>96</v>
      </c>
      <c r="D55910" s="14" t="s">
        <v>306</v>
      </c>
      <c r="E55910" s="15">
        <v>45441</v>
      </c>
      <c r="F55910" s="14" t="s">
        <v>15</v>
      </c>
      <c r="G55910" s="16">
        <v>0</v>
      </c>
    </row>
    <row r="55911" spans="1:7" x14ac:dyDescent="0.3">
      <c r="A55911" s="13" t="s">
        <v>305</v>
      </c>
      <c r="B55911" s="14" t="s">
        <v>1</v>
      </c>
      <c r="C55911" s="14" t="s">
        <v>96</v>
      </c>
      <c r="D55911" s="14" t="s">
        <v>306</v>
      </c>
      <c r="E55911" s="15">
        <v>45442</v>
      </c>
      <c r="F55911" s="14" t="s">
        <v>15</v>
      </c>
      <c r="G55911" s="16">
        <v>0</v>
      </c>
    </row>
    <row r="55912" spans="1:7" x14ac:dyDescent="0.3">
      <c r="A55912" s="13" t="s">
        <v>305</v>
      </c>
      <c r="B55912" s="14" t="s">
        <v>1</v>
      </c>
      <c r="C55912" s="14" t="s">
        <v>96</v>
      </c>
      <c r="D55912" s="14" t="s">
        <v>306</v>
      </c>
      <c r="E55912" s="15">
        <v>45443</v>
      </c>
      <c r="F55912" s="14" t="s">
        <v>15</v>
      </c>
      <c r="G55912" s="16">
        <v>0</v>
      </c>
    </row>
    <row r="55913" spans="1:7" x14ac:dyDescent="0.3">
      <c r="A55913" s="13" t="s">
        <v>305</v>
      </c>
      <c r="B55913" s="14" t="s">
        <v>1</v>
      </c>
      <c r="C55913" s="14" t="s">
        <v>96</v>
      </c>
      <c r="D55913" s="14" t="s">
        <v>306</v>
      </c>
      <c r="E55913" s="15">
        <v>45444</v>
      </c>
      <c r="F55913" s="14" t="s">
        <v>15</v>
      </c>
      <c r="G55913" s="16">
        <v>0</v>
      </c>
    </row>
    <row r="55914" spans="1:7" x14ac:dyDescent="0.3">
      <c r="A55914" s="13" t="s">
        <v>305</v>
      </c>
      <c r="B55914" s="14" t="s">
        <v>1</v>
      </c>
      <c r="C55914" s="14" t="s">
        <v>96</v>
      </c>
      <c r="D55914" s="14" t="s">
        <v>306</v>
      </c>
      <c r="E55914" s="15">
        <v>45445</v>
      </c>
      <c r="F55914" s="14" t="s">
        <v>15</v>
      </c>
      <c r="G55914" s="16">
        <v>0</v>
      </c>
    </row>
    <row r="55915" spans="1:7" x14ac:dyDescent="0.3">
      <c r="A55915" s="13" t="s">
        <v>305</v>
      </c>
      <c r="B55915" s="14" t="s">
        <v>1</v>
      </c>
      <c r="C55915" s="14" t="s">
        <v>96</v>
      </c>
      <c r="D55915" s="14" t="s">
        <v>306</v>
      </c>
      <c r="E55915" s="15">
        <v>45446</v>
      </c>
      <c r="F55915" s="14" t="s">
        <v>15</v>
      </c>
      <c r="G55915" s="16">
        <v>0</v>
      </c>
    </row>
    <row r="55916" spans="1:7" x14ac:dyDescent="0.3">
      <c r="A55916" s="13" t="s">
        <v>305</v>
      </c>
      <c r="B55916" s="14" t="s">
        <v>1</v>
      </c>
      <c r="C55916" s="14" t="s">
        <v>96</v>
      </c>
      <c r="D55916" s="14" t="s">
        <v>306</v>
      </c>
      <c r="E55916" s="15">
        <v>45447</v>
      </c>
      <c r="F55916" s="14" t="s">
        <v>15</v>
      </c>
      <c r="G55916" s="16">
        <v>0</v>
      </c>
    </row>
    <row r="55917" spans="1:7" x14ac:dyDescent="0.3">
      <c r="A55917" s="13" t="s">
        <v>305</v>
      </c>
      <c r="B55917" s="14" t="s">
        <v>1</v>
      </c>
      <c r="C55917" s="14" t="s">
        <v>96</v>
      </c>
      <c r="D55917" s="14" t="s">
        <v>306</v>
      </c>
      <c r="E55917" s="15">
        <v>45448</v>
      </c>
      <c r="F55917" s="14" t="s">
        <v>15</v>
      </c>
      <c r="G55917" s="16">
        <v>0</v>
      </c>
    </row>
    <row r="55918" spans="1:7" x14ac:dyDescent="0.3">
      <c r="A55918" s="13" t="s">
        <v>305</v>
      </c>
      <c r="B55918" s="14" t="s">
        <v>1</v>
      </c>
      <c r="C55918" s="14" t="s">
        <v>96</v>
      </c>
      <c r="D55918" s="14" t="s">
        <v>306</v>
      </c>
      <c r="E55918" s="15">
        <v>45449</v>
      </c>
      <c r="F55918" s="14" t="s">
        <v>15</v>
      </c>
      <c r="G55918" s="16">
        <v>0</v>
      </c>
    </row>
    <row r="55919" spans="1:7" x14ac:dyDescent="0.3">
      <c r="A55919" s="13" t="s">
        <v>305</v>
      </c>
      <c r="B55919" s="14" t="s">
        <v>1</v>
      </c>
      <c r="C55919" s="14" t="s">
        <v>96</v>
      </c>
      <c r="D55919" s="14" t="s">
        <v>306</v>
      </c>
      <c r="E55919" s="15">
        <v>45450</v>
      </c>
      <c r="F55919" s="14" t="s">
        <v>15</v>
      </c>
      <c r="G55919" s="16">
        <v>0</v>
      </c>
    </row>
    <row r="55920" spans="1:7" x14ac:dyDescent="0.3">
      <c r="A55920" s="13" t="s">
        <v>305</v>
      </c>
      <c r="B55920" s="14" t="s">
        <v>1</v>
      </c>
      <c r="C55920" s="14" t="s">
        <v>96</v>
      </c>
      <c r="D55920" s="14" t="s">
        <v>306</v>
      </c>
      <c r="E55920" s="15">
        <v>45451</v>
      </c>
      <c r="F55920" s="14" t="s">
        <v>15</v>
      </c>
      <c r="G55920" s="16">
        <v>0</v>
      </c>
    </row>
    <row r="55921" spans="1:7" x14ac:dyDescent="0.3">
      <c r="A55921" s="13" t="s">
        <v>305</v>
      </c>
      <c r="B55921" s="14" t="s">
        <v>1</v>
      </c>
      <c r="C55921" s="14" t="s">
        <v>96</v>
      </c>
      <c r="D55921" s="14" t="s">
        <v>306</v>
      </c>
      <c r="E55921" s="15">
        <v>45452</v>
      </c>
      <c r="F55921" s="14" t="s">
        <v>15</v>
      </c>
      <c r="G55921" s="16">
        <v>0</v>
      </c>
    </row>
    <row r="55922" spans="1:7" x14ac:dyDescent="0.3">
      <c r="A55922" s="13" t="s">
        <v>305</v>
      </c>
      <c r="B55922" s="14" t="s">
        <v>1</v>
      </c>
      <c r="C55922" s="14" t="s">
        <v>96</v>
      </c>
      <c r="D55922" s="14" t="s">
        <v>306</v>
      </c>
      <c r="E55922" s="15">
        <v>45453</v>
      </c>
      <c r="F55922" s="14" t="s">
        <v>15</v>
      </c>
      <c r="G55922" s="16">
        <v>0</v>
      </c>
    </row>
    <row r="55923" spans="1:7" x14ac:dyDescent="0.3">
      <c r="A55923" s="13" t="s">
        <v>305</v>
      </c>
      <c r="B55923" s="14" t="s">
        <v>1</v>
      </c>
      <c r="C55923" s="14" t="s">
        <v>96</v>
      </c>
      <c r="D55923" s="14" t="s">
        <v>306</v>
      </c>
      <c r="E55923" s="15">
        <v>45454</v>
      </c>
      <c r="F55923" s="14" t="s">
        <v>15</v>
      </c>
      <c r="G55923" s="16">
        <v>0</v>
      </c>
    </row>
    <row r="55924" spans="1:7" x14ac:dyDescent="0.3">
      <c r="A55924" s="13" t="s">
        <v>305</v>
      </c>
      <c r="B55924" s="14" t="s">
        <v>1</v>
      </c>
      <c r="C55924" s="14" t="s">
        <v>96</v>
      </c>
      <c r="D55924" s="14" t="s">
        <v>306</v>
      </c>
      <c r="E55924" s="15">
        <v>45455</v>
      </c>
      <c r="F55924" s="14" t="s">
        <v>15</v>
      </c>
      <c r="G55924" s="16">
        <v>0</v>
      </c>
    </row>
    <row r="55925" spans="1:7" x14ac:dyDescent="0.3">
      <c r="A55925" s="13" t="s">
        <v>305</v>
      </c>
      <c r="B55925" s="14" t="s">
        <v>1</v>
      </c>
      <c r="C55925" s="14" t="s">
        <v>96</v>
      </c>
      <c r="D55925" s="14" t="s">
        <v>306</v>
      </c>
      <c r="E55925" s="15">
        <v>45456</v>
      </c>
      <c r="F55925" s="14" t="s">
        <v>15</v>
      </c>
      <c r="G55925" s="16">
        <v>0</v>
      </c>
    </row>
    <row r="55926" spans="1:7" x14ac:dyDescent="0.3">
      <c r="A55926" s="13" t="s">
        <v>305</v>
      </c>
      <c r="B55926" s="14" t="s">
        <v>1</v>
      </c>
      <c r="C55926" s="14" t="s">
        <v>96</v>
      </c>
      <c r="D55926" s="14" t="s">
        <v>306</v>
      </c>
      <c r="E55926" s="15">
        <v>45457</v>
      </c>
      <c r="F55926" s="14" t="s">
        <v>15</v>
      </c>
      <c r="G55926" s="16">
        <v>0</v>
      </c>
    </row>
    <row r="55927" spans="1:7" x14ac:dyDescent="0.3">
      <c r="A55927" s="13" t="s">
        <v>305</v>
      </c>
      <c r="B55927" s="14" t="s">
        <v>1</v>
      </c>
      <c r="C55927" s="14" t="s">
        <v>96</v>
      </c>
      <c r="D55927" s="14" t="s">
        <v>306</v>
      </c>
      <c r="E55927" s="15">
        <v>45458</v>
      </c>
      <c r="F55927" s="14" t="s">
        <v>15</v>
      </c>
      <c r="G55927" s="16">
        <v>0</v>
      </c>
    </row>
    <row r="55928" spans="1:7" x14ac:dyDescent="0.3">
      <c r="A55928" s="13" t="s">
        <v>305</v>
      </c>
      <c r="B55928" s="14" t="s">
        <v>1</v>
      </c>
      <c r="C55928" s="14" t="s">
        <v>96</v>
      </c>
      <c r="D55928" s="14" t="s">
        <v>306</v>
      </c>
      <c r="E55928" s="15">
        <v>45459</v>
      </c>
      <c r="F55928" s="14" t="s">
        <v>15</v>
      </c>
      <c r="G55928" s="16">
        <v>0</v>
      </c>
    </row>
    <row r="55929" spans="1:7" x14ac:dyDescent="0.3">
      <c r="A55929" s="13" t="s">
        <v>305</v>
      </c>
      <c r="B55929" s="14" t="s">
        <v>1</v>
      </c>
      <c r="C55929" s="14" t="s">
        <v>96</v>
      </c>
      <c r="D55929" s="14" t="s">
        <v>306</v>
      </c>
      <c r="E55929" s="15">
        <v>45460</v>
      </c>
      <c r="F55929" s="14" t="s">
        <v>15</v>
      </c>
      <c r="G55929" s="16">
        <v>0</v>
      </c>
    </row>
    <row r="55930" spans="1:7" x14ac:dyDescent="0.3">
      <c r="A55930" s="13" t="s">
        <v>305</v>
      </c>
      <c r="B55930" s="14" t="s">
        <v>1</v>
      </c>
      <c r="C55930" s="14" t="s">
        <v>96</v>
      </c>
      <c r="D55930" s="14" t="s">
        <v>306</v>
      </c>
      <c r="E55930" s="15">
        <v>45461</v>
      </c>
      <c r="F55930" s="14" t="s">
        <v>15</v>
      </c>
      <c r="G55930" s="16">
        <v>0</v>
      </c>
    </row>
    <row r="55931" spans="1:7" x14ac:dyDescent="0.3">
      <c r="A55931" s="13" t="s">
        <v>305</v>
      </c>
      <c r="B55931" s="14" t="s">
        <v>1</v>
      </c>
      <c r="C55931" s="14" t="s">
        <v>96</v>
      </c>
      <c r="D55931" s="14" t="s">
        <v>306</v>
      </c>
      <c r="E55931" s="15">
        <v>45462</v>
      </c>
      <c r="F55931" s="14" t="s">
        <v>15</v>
      </c>
      <c r="G55931" s="16">
        <v>0</v>
      </c>
    </row>
    <row r="55932" spans="1:7" x14ac:dyDescent="0.3">
      <c r="A55932" s="13" t="s">
        <v>305</v>
      </c>
      <c r="B55932" s="14" t="s">
        <v>1</v>
      </c>
      <c r="C55932" s="14" t="s">
        <v>96</v>
      </c>
      <c r="D55932" s="14" t="s">
        <v>306</v>
      </c>
      <c r="E55932" s="15">
        <v>45463</v>
      </c>
      <c r="F55932" s="14" t="s">
        <v>15</v>
      </c>
      <c r="G55932" s="16">
        <v>0</v>
      </c>
    </row>
    <row r="55933" spans="1:7" x14ac:dyDescent="0.3">
      <c r="A55933" s="13" t="s">
        <v>305</v>
      </c>
      <c r="B55933" s="14" t="s">
        <v>1</v>
      </c>
      <c r="C55933" s="14" t="s">
        <v>96</v>
      </c>
      <c r="D55933" s="14" t="s">
        <v>306</v>
      </c>
      <c r="E55933" s="15">
        <v>45464</v>
      </c>
      <c r="F55933" s="14" t="s">
        <v>15</v>
      </c>
      <c r="G55933" s="16">
        <v>0</v>
      </c>
    </row>
    <row r="55934" spans="1:7" x14ac:dyDescent="0.3">
      <c r="A55934" s="13" t="s">
        <v>305</v>
      </c>
      <c r="B55934" s="14" t="s">
        <v>1</v>
      </c>
      <c r="C55934" s="14" t="s">
        <v>96</v>
      </c>
      <c r="D55934" s="14" t="s">
        <v>306</v>
      </c>
      <c r="E55934" s="15">
        <v>45465</v>
      </c>
      <c r="F55934" s="14" t="s">
        <v>15</v>
      </c>
      <c r="G55934" s="16">
        <v>0</v>
      </c>
    </row>
    <row r="55935" spans="1:7" x14ac:dyDescent="0.3">
      <c r="A55935" s="13" t="s">
        <v>305</v>
      </c>
      <c r="B55935" s="14" t="s">
        <v>1</v>
      </c>
      <c r="C55935" s="14" t="s">
        <v>96</v>
      </c>
      <c r="D55935" s="14" t="s">
        <v>306</v>
      </c>
      <c r="E55935" s="15">
        <v>45466</v>
      </c>
      <c r="F55935" s="14" t="s">
        <v>15</v>
      </c>
      <c r="G55935" s="16">
        <v>0</v>
      </c>
    </row>
    <row r="55936" spans="1:7" x14ac:dyDescent="0.3">
      <c r="A55936" s="13" t="s">
        <v>305</v>
      </c>
      <c r="B55936" s="14" t="s">
        <v>1</v>
      </c>
      <c r="C55936" s="14" t="s">
        <v>96</v>
      </c>
      <c r="D55936" s="14" t="s">
        <v>306</v>
      </c>
      <c r="E55936" s="15">
        <v>45467</v>
      </c>
      <c r="F55936" s="14" t="s">
        <v>15</v>
      </c>
      <c r="G55936" s="16">
        <v>0</v>
      </c>
    </row>
    <row r="55937" spans="1:7" x14ac:dyDescent="0.3">
      <c r="A55937" s="13" t="s">
        <v>305</v>
      </c>
      <c r="B55937" s="14" t="s">
        <v>1</v>
      </c>
      <c r="C55937" s="14" t="s">
        <v>96</v>
      </c>
      <c r="D55937" s="14" t="s">
        <v>306</v>
      </c>
      <c r="E55937" s="15">
        <v>45468</v>
      </c>
      <c r="F55937" s="14" t="s">
        <v>15</v>
      </c>
      <c r="G55937" s="16">
        <v>0</v>
      </c>
    </row>
    <row r="55938" spans="1:7" x14ac:dyDescent="0.3">
      <c r="A55938" s="13" t="s">
        <v>305</v>
      </c>
      <c r="B55938" s="14" t="s">
        <v>1</v>
      </c>
      <c r="C55938" s="14" t="s">
        <v>96</v>
      </c>
      <c r="D55938" s="14" t="s">
        <v>306</v>
      </c>
      <c r="E55938" s="15">
        <v>45469</v>
      </c>
      <c r="F55938" s="14" t="s">
        <v>15</v>
      </c>
      <c r="G55938" s="16">
        <v>0</v>
      </c>
    </row>
    <row r="55939" spans="1:7" x14ac:dyDescent="0.3">
      <c r="A55939" s="13" t="s">
        <v>305</v>
      </c>
      <c r="B55939" s="14" t="s">
        <v>1</v>
      </c>
      <c r="C55939" s="14" t="s">
        <v>96</v>
      </c>
      <c r="D55939" s="14" t="s">
        <v>306</v>
      </c>
      <c r="E55939" s="15">
        <v>45470</v>
      </c>
      <c r="F55939" s="14" t="s">
        <v>15</v>
      </c>
      <c r="G55939" s="16">
        <v>0</v>
      </c>
    </row>
    <row r="55940" spans="1:7" x14ac:dyDescent="0.3">
      <c r="A55940" s="13" t="s">
        <v>305</v>
      </c>
      <c r="B55940" s="14" t="s">
        <v>1</v>
      </c>
      <c r="C55940" s="14" t="s">
        <v>96</v>
      </c>
      <c r="D55940" s="14" t="s">
        <v>306</v>
      </c>
      <c r="E55940" s="15">
        <v>45471</v>
      </c>
      <c r="F55940" s="14" t="s">
        <v>15</v>
      </c>
      <c r="G55940" s="16">
        <v>0</v>
      </c>
    </row>
    <row r="55941" spans="1:7" x14ac:dyDescent="0.3">
      <c r="A55941" s="13" t="s">
        <v>305</v>
      </c>
      <c r="B55941" s="14" t="s">
        <v>1</v>
      </c>
      <c r="C55941" s="14" t="s">
        <v>96</v>
      </c>
      <c r="D55941" s="14" t="s">
        <v>306</v>
      </c>
      <c r="E55941" s="15">
        <v>45472</v>
      </c>
      <c r="F55941" s="14" t="s">
        <v>15</v>
      </c>
      <c r="G55941" s="16">
        <v>0</v>
      </c>
    </row>
    <row r="55942" spans="1:7" x14ac:dyDescent="0.3">
      <c r="A55942" s="13" t="s">
        <v>305</v>
      </c>
      <c r="B55942" s="14" t="s">
        <v>1</v>
      </c>
      <c r="C55942" s="14" t="s">
        <v>96</v>
      </c>
      <c r="D55942" s="14" t="s">
        <v>306</v>
      </c>
      <c r="E55942" s="15">
        <v>45473</v>
      </c>
      <c r="F55942" s="14" t="s">
        <v>15</v>
      </c>
      <c r="G55942" s="16">
        <v>0</v>
      </c>
    </row>
    <row r="55943" spans="1:7" x14ac:dyDescent="0.3">
      <c r="A55943" s="13" t="s">
        <v>305</v>
      </c>
      <c r="B55943" s="14" t="s">
        <v>1</v>
      </c>
      <c r="C55943" s="14" t="s">
        <v>96</v>
      </c>
      <c r="D55943" s="14" t="s">
        <v>306</v>
      </c>
      <c r="E55943" s="15">
        <v>45474</v>
      </c>
      <c r="F55943" s="14" t="s">
        <v>15</v>
      </c>
      <c r="G55943" s="16">
        <v>0</v>
      </c>
    </row>
    <row r="55944" spans="1:7" x14ac:dyDescent="0.3">
      <c r="A55944" s="13" t="s">
        <v>305</v>
      </c>
      <c r="B55944" s="14" t="s">
        <v>1</v>
      </c>
      <c r="C55944" s="14" t="s">
        <v>96</v>
      </c>
      <c r="D55944" s="14" t="s">
        <v>306</v>
      </c>
      <c r="E55944" s="15">
        <v>45475</v>
      </c>
      <c r="F55944" s="14" t="s">
        <v>15</v>
      </c>
      <c r="G55944" s="16">
        <v>0</v>
      </c>
    </row>
    <row r="55945" spans="1:7" x14ac:dyDescent="0.3">
      <c r="A55945" s="13" t="s">
        <v>305</v>
      </c>
      <c r="B55945" s="14" t="s">
        <v>1</v>
      </c>
      <c r="C55945" s="14" t="s">
        <v>96</v>
      </c>
      <c r="D55945" s="14" t="s">
        <v>306</v>
      </c>
      <c r="E55945" s="15">
        <v>45476</v>
      </c>
      <c r="F55945" s="14" t="s">
        <v>15</v>
      </c>
      <c r="G55945" s="16">
        <v>0</v>
      </c>
    </row>
    <row r="55946" spans="1:7" x14ac:dyDescent="0.3">
      <c r="A55946" s="13" t="s">
        <v>305</v>
      </c>
      <c r="B55946" s="14" t="s">
        <v>1</v>
      </c>
      <c r="C55946" s="14" t="s">
        <v>96</v>
      </c>
      <c r="D55946" s="14" t="s">
        <v>306</v>
      </c>
      <c r="E55946" s="15">
        <v>45477</v>
      </c>
      <c r="F55946" s="14" t="s">
        <v>15</v>
      </c>
      <c r="G55946" s="16">
        <v>0</v>
      </c>
    </row>
    <row r="55947" spans="1:7" x14ac:dyDescent="0.3">
      <c r="A55947" s="13" t="s">
        <v>305</v>
      </c>
      <c r="B55947" s="14" t="s">
        <v>1</v>
      </c>
      <c r="C55947" s="14" t="s">
        <v>96</v>
      </c>
      <c r="D55947" s="14" t="s">
        <v>306</v>
      </c>
      <c r="E55947" s="15">
        <v>45478</v>
      </c>
      <c r="F55947" s="14" t="s">
        <v>15</v>
      </c>
      <c r="G55947" s="16">
        <v>0</v>
      </c>
    </row>
    <row r="55948" spans="1:7" x14ac:dyDescent="0.3">
      <c r="A55948" s="13" t="s">
        <v>305</v>
      </c>
      <c r="B55948" s="14" t="s">
        <v>1</v>
      </c>
      <c r="C55948" s="14" t="s">
        <v>96</v>
      </c>
      <c r="D55948" s="14" t="s">
        <v>306</v>
      </c>
      <c r="E55948" s="15">
        <v>45479</v>
      </c>
      <c r="F55948" s="14" t="s">
        <v>15</v>
      </c>
      <c r="G55948" s="16">
        <v>0</v>
      </c>
    </row>
    <row r="55949" spans="1:7" x14ac:dyDescent="0.3">
      <c r="A55949" s="13" t="s">
        <v>305</v>
      </c>
      <c r="B55949" s="14" t="s">
        <v>1</v>
      </c>
      <c r="C55949" s="14" t="s">
        <v>96</v>
      </c>
      <c r="D55949" s="14" t="s">
        <v>306</v>
      </c>
      <c r="E55949" s="15">
        <v>45480</v>
      </c>
      <c r="F55949" s="14" t="s">
        <v>15</v>
      </c>
      <c r="G55949" s="16">
        <v>0</v>
      </c>
    </row>
    <row r="55950" spans="1:7" x14ac:dyDescent="0.3">
      <c r="A55950" s="13" t="s">
        <v>305</v>
      </c>
      <c r="B55950" s="14" t="s">
        <v>1</v>
      </c>
      <c r="C55950" s="14" t="s">
        <v>96</v>
      </c>
      <c r="D55950" s="14" t="s">
        <v>306</v>
      </c>
      <c r="E55950" s="15">
        <v>45481</v>
      </c>
      <c r="F55950" s="14" t="s">
        <v>15</v>
      </c>
      <c r="G55950" s="16">
        <v>0</v>
      </c>
    </row>
    <row r="55951" spans="1:7" x14ac:dyDescent="0.3">
      <c r="A55951" s="13" t="s">
        <v>305</v>
      </c>
      <c r="B55951" s="14" t="s">
        <v>1</v>
      </c>
      <c r="C55951" s="14" t="s">
        <v>96</v>
      </c>
      <c r="D55951" s="14" t="s">
        <v>306</v>
      </c>
      <c r="E55951" s="15">
        <v>45482</v>
      </c>
      <c r="F55951" s="14" t="s">
        <v>15</v>
      </c>
      <c r="G55951" s="16">
        <v>0</v>
      </c>
    </row>
    <row r="55952" spans="1:7" x14ac:dyDescent="0.3">
      <c r="A55952" s="13" t="s">
        <v>305</v>
      </c>
      <c r="B55952" s="14" t="s">
        <v>1</v>
      </c>
      <c r="C55952" s="14" t="s">
        <v>96</v>
      </c>
      <c r="D55952" s="14" t="s">
        <v>306</v>
      </c>
      <c r="E55952" s="15">
        <v>45483</v>
      </c>
      <c r="F55952" s="14" t="s">
        <v>15</v>
      </c>
      <c r="G55952" s="16">
        <v>0</v>
      </c>
    </row>
    <row r="55953" spans="1:7" x14ac:dyDescent="0.3">
      <c r="A55953" s="13" t="s">
        <v>305</v>
      </c>
      <c r="B55953" s="14" t="s">
        <v>1</v>
      </c>
      <c r="C55953" s="14" t="s">
        <v>96</v>
      </c>
      <c r="D55953" s="14" t="s">
        <v>306</v>
      </c>
      <c r="E55953" s="15">
        <v>45484</v>
      </c>
      <c r="F55953" s="14" t="s">
        <v>15</v>
      </c>
      <c r="G55953" s="16">
        <v>0</v>
      </c>
    </row>
    <row r="55954" spans="1:7" x14ac:dyDescent="0.3">
      <c r="A55954" s="13" t="s">
        <v>305</v>
      </c>
      <c r="B55954" s="14" t="s">
        <v>1</v>
      </c>
      <c r="C55954" s="14" t="s">
        <v>96</v>
      </c>
      <c r="D55954" s="14" t="s">
        <v>306</v>
      </c>
      <c r="E55954" s="15">
        <v>45485</v>
      </c>
      <c r="F55954" s="14" t="s">
        <v>15</v>
      </c>
      <c r="G55954" s="16">
        <v>0</v>
      </c>
    </row>
    <row r="55955" spans="1:7" x14ac:dyDescent="0.3">
      <c r="A55955" s="13" t="s">
        <v>305</v>
      </c>
      <c r="B55955" s="14" t="s">
        <v>1</v>
      </c>
      <c r="C55955" s="14" t="s">
        <v>96</v>
      </c>
      <c r="D55955" s="14" t="s">
        <v>306</v>
      </c>
      <c r="E55955" s="15">
        <v>45486</v>
      </c>
      <c r="F55955" s="14" t="s">
        <v>15</v>
      </c>
      <c r="G55955" s="16">
        <v>0</v>
      </c>
    </row>
    <row r="55956" spans="1:7" x14ac:dyDescent="0.3">
      <c r="A55956" s="13" t="s">
        <v>305</v>
      </c>
      <c r="B55956" s="14" t="s">
        <v>1</v>
      </c>
      <c r="C55956" s="14" t="s">
        <v>96</v>
      </c>
      <c r="D55956" s="14" t="s">
        <v>306</v>
      </c>
      <c r="E55956" s="15">
        <v>45487</v>
      </c>
      <c r="F55956" s="14" t="s">
        <v>15</v>
      </c>
      <c r="G55956" s="16">
        <v>0</v>
      </c>
    </row>
    <row r="55957" spans="1:7" x14ac:dyDescent="0.3">
      <c r="A55957" s="13" t="s">
        <v>305</v>
      </c>
      <c r="B55957" s="14" t="s">
        <v>1</v>
      </c>
      <c r="C55957" s="14" t="s">
        <v>96</v>
      </c>
      <c r="D55957" s="14" t="s">
        <v>306</v>
      </c>
      <c r="E55957" s="15">
        <v>45488</v>
      </c>
      <c r="F55957" s="14" t="s">
        <v>15</v>
      </c>
      <c r="G55957" s="16">
        <v>0</v>
      </c>
    </row>
    <row r="55958" spans="1:7" x14ac:dyDescent="0.3">
      <c r="A55958" s="13" t="s">
        <v>305</v>
      </c>
      <c r="B55958" s="14" t="s">
        <v>1</v>
      </c>
      <c r="C55958" s="14" t="s">
        <v>96</v>
      </c>
      <c r="D55958" s="14" t="s">
        <v>306</v>
      </c>
      <c r="E55958" s="15">
        <v>45489</v>
      </c>
      <c r="F55958" s="14" t="s">
        <v>15</v>
      </c>
      <c r="G55958" s="16">
        <v>0</v>
      </c>
    </row>
    <row r="55959" spans="1:7" x14ac:dyDescent="0.3">
      <c r="A55959" s="13" t="s">
        <v>305</v>
      </c>
      <c r="B55959" s="14" t="s">
        <v>1</v>
      </c>
      <c r="C55959" s="14" t="s">
        <v>96</v>
      </c>
      <c r="D55959" s="14" t="s">
        <v>306</v>
      </c>
      <c r="E55959" s="15">
        <v>45490</v>
      </c>
      <c r="F55959" s="14" t="s">
        <v>15</v>
      </c>
      <c r="G55959" s="16">
        <v>0</v>
      </c>
    </row>
    <row r="55960" spans="1:7" x14ac:dyDescent="0.3">
      <c r="A55960" s="13" t="s">
        <v>305</v>
      </c>
      <c r="B55960" s="14" t="s">
        <v>1</v>
      </c>
      <c r="C55960" s="14" t="s">
        <v>96</v>
      </c>
      <c r="D55960" s="14" t="s">
        <v>306</v>
      </c>
      <c r="E55960" s="15">
        <v>45491</v>
      </c>
      <c r="F55960" s="14" t="s">
        <v>15</v>
      </c>
      <c r="G55960" s="16">
        <v>0</v>
      </c>
    </row>
    <row r="55961" spans="1:7" x14ac:dyDescent="0.3">
      <c r="A55961" s="13" t="s">
        <v>305</v>
      </c>
      <c r="B55961" s="14" t="s">
        <v>1</v>
      </c>
      <c r="C55961" s="14" t="s">
        <v>96</v>
      </c>
      <c r="D55961" s="14" t="s">
        <v>306</v>
      </c>
      <c r="E55961" s="15">
        <v>45492</v>
      </c>
      <c r="F55961" s="14" t="s">
        <v>15</v>
      </c>
      <c r="G55961" s="16">
        <v>0</v>
      </c>
    </row>
    <row r="55962" spans="1:7" x14ac:dyDescent="0.3">
      <c r="A55962" s="13" t="s">
        <v>305</v>
      </c>
      <c r="B55962" s="14" t="s">
        <v>1</v>
      </c>
      <c r="C55962" s="14" t="s">
        <v>96</v>
      </c>
      <c r="D55962" s="14" t="s">
        <v>306</v>
      </c>
      <c r="E55962" s="15">
        <v>45493</v>
      </c>
      <c r="F55962" s="14" t="s">
        <v>15</v>
      </c>
      <c r="G55962" s="16">
        <v>0</v>
      </c>
    </row>
    <row r="55963" spans="1:7" x14ac:dyDescent="0.3">
      <c r="A55963" s="13" t="s">
        <v>305</v>
      </c>
      <c r="B55963" s="14" t="s">
        <v>1</v>
      </c>
      <c r="C55963" s="14" t="s">
        <v>96</v>
      </c>
      <c r="D55963" s="14" t="s">
        <v>306</v>
      </c>
      <c r="E55963" s="15">
        <v>45494</v>
      </c>
      <c r="F55963" s="14" t="s">
        <v>15</v>
      </c>
      <c r="G55963" s="16">
        <v>0</v>
      </c>
    </row>
    <row r="55964" spans="1:7" x14ac:dyDescent="0.3">
      <c r="A55964" s="13" t="s">
        <v>305</v>
      </c>
      <c r="B55964" s="14" t="s">
        <v>1</v>
      </c>
      <c r="C55964" s="14" t="s">
        <v>96</v>
      </c>
      <c r="D55964" s="14" t="s">
        <v>306</v>
      </c>
      <c r="E55964" s="15">
        <v>45495</v>
      </c>
      <c r="F55964" s="14" t="s">
        <v>15</v>
      </c>
      <c r="G55964" s="16">
        <v>0</v>
      </c>
    </row>
    <row r="55965" spans="1:7" x14ac:dyDescent="0.3">
      <c r="A55965" s="13" t="s">
        <v>305</v>
      </c>
      <c r="B55965" s="14" t="s">
        <v>1</v>
      </c>
      <c r="C55965" s="14" t="s">
        <v>96</v>
      </c>
      <c r="D55965" s="14" t="s">
        <v>306</v>
      </c>
      <c r="E55965" s="15">
        <v>45496</v>
      </c>
      <c r="F55965" s="14" t="s">
        <v>15</v>
      </c>
      <c r="G55965" s="16">
        <v>0</v>
      </c>
    </row>
    <row r="55966" spans="1:7" x14ac:dyDescent="0.3">
      <c r="A55966" s="13" t="s">
        <v>305</v>
      </c>
      <c r="B55966" s="14" t="s">
        <v>1</v>
      </c>
      <c r="C55966" s="14" t="s">
        <v>96</v>
      </c>
      <c r="D55966" s="14" t="s">
        <v>306</v>
      </c>
      <c r="E55966" s="15">
        <v>45497</v>
      </c>
      <c r="F55966" s="14" t="s">
        <v>15</v>
      </c>
      <c r="G55966" s="16">
        <v>0</v>
      </c>
    </row>
    <row r="55967" spans="1:7" x14ac:dyDescent="0.3">
      <c r="A55967" s="13" t="s">
        <v>305</v>
      </c>
      <c r="B55967" s="14" t="s">
        <v>1</v>
      </c>
      <c r="C55967" s="14" t="s">
        <v>96</v>
      </c>
      <c r="D55967" s="14" t="s">
        <v>306</v>
      </c>
      <c r="E55967" s="15">
        <v>45498</v>
      </c>
      <c r="F55967" s="14" t="s">
        <v>15</v>
      </c>
      <c r="G55967" s="16">
        <v>0</v>
      </c>
    </row>
    <row r="55968" spans="1:7" x14ac:dyDescent="0.3">
      <c r="A55968" s="13" t="s">
        <v>305</v>
      </c>
      <c r="B55968" s="14" t="s">
        <v>1</v>
      </c>
      <c r="C55968" s="14" t="s">
        <v>96</v>
      </c>
      <c r="D55968" s="14" t="s">
        <v>306</v>
      </c>
      <c r="E55968" s="15">
        <v>45499</v>
      </c>
      <c r="F55968" s="14" t="s">
        <v>15</v>
      </c>
      <c r="G55968" s="16">
        <v>0</v>
      </c>
    </row>
    <row r="55969" spans="1:7" x14ac:dyDescent="0.3">
      <c r="A55969" s="13" t="s">
        <v>305</v>
      </c>
      <c r="B55969" s="14" t="s">
        <v>1</v>
      </c>
      <c r="C55969" s="14" t="s">
        <v>96</v>
      </c>
      <c r="D55969" s="14" t="s">
        <v>306</v>
      </c>
      <c r="E55969" s="15">
        <v>45500</v>
      </c>
      <c r="F55969" s="14" t="s">
        <v>15</v>
      </c>
      <c r="G55969" s="16">
        <v>0</v>
      </c>
    </row>
    <row r="55970" spans="1:7" x14ac:dyDescent="0.3">
      <c r="A55970" s="13" t="s">
        <v>305</v>
      </c>
      <c r="B55970" s="14" t="s">
        <v>1</v>
      </c>
      <c r="C55970" s="14" t="s">
        <v>96</v>
      </c>
      <c r="D55970" s="14" t="s">
        <v>306</v>
      </c>
      <c r="E55970" s="15">
        <v>45501</v>
      </c>
      <c r="F55970" s="14" t="s">
        <v>15</v>
      </c>
      <c r="G55970" s="16">
        <v>0</v>
      </c>
    </row>
    <row r="55971" spans="1:7" x14ac:dyDescent="0.3">
      <c r="A55971" s="13" t="s">
        <v>305</v>
      </c>
      <c r="B55971" s="14" t="s">
        <v>1</v>
      </c>
      <c r="C55971" s="14" t="s">
        <v>96</v>
      </c>
      <c r="D55971" s="14" t="s">
        <v>306</v>
      </c>
      <c r="E55971" s="15">
        <v>45502</v>
      </c>
      <c r="F55971" s="14" t="s">
        <v>15</v>
      </c>
      <c r="G55971" s="16">
        <v>0</v>
      </c>
    </row>
    <row r="55972" spans="1:7" x14ac:dyDescent="0.3">
      <c r="A55972" s="13" t="s">
        <v>305</v>
      </c>
      <c r="B55972" s="14" t="s">
        <v>1</v>
      </c>
      <c r="C55972" s="14" t="s">
        <v>96</v>
      </c>
      <c r="D55972" s="14" t="s">
        <v>306</v>
      </c>
      <c r="E55972" s="15">
        <v>45503</v>
      </c>
      <c r="F55972" s="14" t="s">
        <v>15</v>
      </c>
      <c r="G55972" s="16">
        <v>0</v>
      </c>
    </row>
    <row r="55973" spans="1:7" x14ac:dyDescent="0.3">
      <c r="A55973" s="13" t="s">
        <v>305</v>
      </c>
      <c r="B55973" s="14" t="s">
        <v>1</v>
      </c>
      <c r="C55973" s="14" t="s">
        <v>96</v>
      </c>
      <c r="D55973" s="14" t="s">
        <v>306</v>
      </c>
      <c r="E55973" s="15">
        <v>45504</v>
      </c>
      <c r="F55973" s="14" t="s">
        <v>15</v>
      </c>
      <c r="G55973" s="16">
        <v>0</v>
      </c>
    </row>
    <row r="55974" spans="1:7" x14ac:dyDescent="0.3">
      <c r="A55974" s="13" t="s">
        <v>305</v>
      </c>
      <c r="B55974" s="14" t="s">
        <v>1</v>
      </c>
      <c r="C55974" s="14" t="s">
        <v>96</v>
      </c>
      <c r="D55974" s="14" t="s">
        <v>306</v>
      </c>
      <c r="E55974" s="15">
        <v>45505</v>
      </c>
      <c r="F55974" s="14" t="s">
        <v>15</v>
      </c>
      <c r="G55974" s="16">
        <v>0</v>
      </c>
    </row>
    <row r="55975" spans="1:7" x14ac:dyDescent="0.3">
      <c r="A55975" s="13" t="s">
        <v>305</v>
      </c>
      <c r="B55975" s="14" t="s">
        <v>1</v>
      </c>
      <c r="C55975" s="14" t="s">
        <v>96</v>
      </c>
      <c r="D55975" s="14" t="s">
        <v>306</v>
      </c>
      <c r="E55975" s="15">
        <v>45506</v>
      </c>
      <c r="F55975" s="14" t="s">
        <v>15</v>
      </c>
      <c r="G55975" s="16">
        <v>0</v>
      </c>
    </row>
    <row r="55976" spans="1:7" x14ac:dyDescent="0.3">
      <c r="A55976" s="13" t="s">
        <v>305</v>
      </c>
      <c r="B55976" s="14" t="s">
        <v>1</v>
      </c>
      <c r="C55976" s="14" t="s">
        <v>96</v>
      </c>
      <c r="D55976" s="14" t="s">
        <v>306</v>
      </c>
      <c r="E55976" s="15">
        <v>45507</v>
      </c>
      <c r="F55976" s="14" t="s">
        <v>15</v>
      </c>
      <c r="G55976" s="16">
        <v>0</v>
      </c>
    </row>
    <row r="55977" spans="1:7" x14ac:dyDescent="0.3">
      <c r="A55977" s="13" t="s">
        <v>305</v>
      </c>
      <c r="B55977" s="14" t="s">
        <v>1</v>
      </c>
      <c r="C55977" s="14" t="s">
        <v>96</v>
      </c>
      <c r="D55977" s="14" t="s">
        <v>306</v>
      </c>
      <c r="E55977" s="15">
        <v>45508</v>
      </c>
      <c r="F55977" s="14" t="s">
        <v>15</v>
      </c>
      <c r="G55977" s="16">
        <v>0</v>
      </c>
    </row>
    <row r="55978" spans="1:7" x14ac:dyDescent="0.3">
      <c r="A55978" s="13" t="s">
        <v>305</v>
      </c>
      <c r="B55978" s="14" t="s">
        <v>1</v>
      </c>
      <c r="C55978" s="14" t="s">
        <v>96</v>
      </c>
      <c r="D55978" s="14" t="s">
        <v>306</v>
      </c>
      <c r="E55978" s="15">
        <v>45509</v>
      </c>
      <c r="F55978" s="14" t="s">
        <v>15</v>
      </c>
      <c r="G55978" s="16">
        <v>0</v>
      </c>
    </row>
    <row r="55979" spans="1:7" x14ac:dyDescent="0.3">
      <c r="A55979" s="13" t="s">
        <v>305</v>
      </c>
      <c r="B55979" s="14" t="s">
        <v>1</v>
      </c>
      <c r="C55979" s="14" t="s">
        <v>96</v>
      </c>
      <c r="D55979" s="14" t="s">
        <v>306</v>
      </c>
      <c r="E55979" s="15">
        <v>45510</v>
      </c>
      <c r="F55979" s="14" t="s">
        <v>15</v>
      </c>
      <c r="G55979" s="16">
        <v>0</v>
      </c>
    </row>
    <row r="55980" spans="1:7" x14ac:dyDescent="0.3">
      <c r="A55980" s="13" t="s">
        <v>305</v>
      </c>
      <c r="B55980" s="14" t="s">
        <v>1</v>
      </c>
      <c r="C55980" s="14" t="s">
        <v>96</v>
      </c>
      <c r="D55980" s="14" t="s">
        <v>306</v>
      </c>
      <c r="E55980" s="15">
        <v>45511</v>
      </c>
      <c r="F55980" s="14" t="s">
        <v>15</v>
      </c>
      <c r="G55980" s="16">
        <v>0</v>
      </c>
    </row>
    <row r="55981" spans="1:7" x14ac:dyDescent="0.3">
      <c r="A55981" s="13" t="s">
        <v>305</v>
      </c>
      <c r="B55981" s="14" t="s">
        <v>1</v>
      </c>
      <c r="C55981" s="14" t="s">
        <v>96</v>
      </c>
      <c r="D55981" s="14" t="s">
        <v>306</v>
      </c>
      <c r="E55981" s="15">
        <v>45512</v>
      </c>
      <c r="F55981" s="14" t="s">
        <v>15</v>
      </c>
      <c r="G55981" s="16">
        <v>0</v>
      </c>
    </row>
    <row r="55982" spans="1:7" x14ac:dyDescent="0.3">
      <c r="A55982" s="13" t="s">
        <v>305</v>
      </c>
      <c r="B55982" s="14" t="s">
        <v>1</v>
      </c>
      <c r="C55982" s="14" t="s">
        <v>96</v>
      </c>
      <c r="D55982" s="14" t="s">
        <v>306</v>
      </c>
      <c r="E55982" s="15">
        <v>45513</v>
      </c>
      <c r="F55982" s="14" t="s">
        <v>15</v>
      </c>
      <c r="G55982" s="16">
        <v>0</v>
      </c>
    </row>
    <row r="55983" spans="1:7" x14ac:dyDescent="0.3">
      <c r="A55983" s="13" t="s">
        <v>305</v>
      </c>
      <c r="B55983" s="14" t="s">
        <v>1</v>
      </c>
      <c r="C55983" s="14" t="s">
        <v>96</v>
      </c>
      <c r="D55983" s="14" t="s">
        <v>306</v>
      </c>
      <c r="E55983" s="15">
        <v>45514</v>
      </c>
      <c r="F55983" s="14" t="s">
        <v>15</v>
      </c>
      <c r="G55983" s="16">
        <v>0</v>
      </c>
    </row>
    <row r="55984" spans="1:7" x14ac:dyDescent="0.3">
      <c r="A55984" s="13" t="s">
        <v>305</v>
      </c>
      <c r="B55984" s="14" t="s">
        <v>1</v>
      </c>
      <c r="C55984" s="14" t="s">
        <v>96</v>
      </c>
      <c r="D55984" s="14" t="s">
        <v>306</v>
      </c>
      <c r="E55984" s="15">
        <v>45515</v>
      </c>
      <c r="F55984" s="14" t="s">
        <v>15</v>
      </c>
      <c r="G55984" s="16">
        <v>0</v>
      </c>
    </row>
    <row r="55985" spans="1:7" x14ac:dyDescent="0.3">
      <c r="A55985" s="13" t="s">
        <v>305</v>
      </c>
      <c r="B55985" s="14" t="s">
        <v>1</v>
      </c>
      <c r="C55985" s="14" t="s">
        <v>96</v>
      </c>
      <c r="D55985" s="14" t="s">
        <v>306</v>
      </c>
      <c r="E55985" s="15">
        <v>45516</v>
      </c>
      <c r="F55985" s="14" t="s">
        <v>15</v>
      </c>
      <c r="G55985" s="16">
        <v>0</v>
      </c>
    </row>
    <row r="55986" spans="1:7" x14ac:dyDescent="0.3">
      <c r="A55986" s="13" t="s">
        <v>305</v>
      </c>
      <c r="B55986" s="14" t="s">
        <v>1</v>
      </c>
      <c r="C55986" s="14" t="s">
        <v>96</v>
      </c>
      <c r="D55986" s="14" t="s">
        <v>306</v>
      </c>
      <c r="E55986" s="15">
        <v>45517</v>
      </c>
      <c r="F55986" s="14" t="s">
        <v>15</v>
      </c>
      <c r="G55986" s="16">
        <v>0</v>
      </c>
    </row>
    <row r="55987" spans="1:7" x14ac:dyDescent="0.3">
      <c r="A55987" s="13" t="s">
        <v>305</v>
      </c>
      <c r="B55987" s="14" t="s">
        <v>1</v>
      </c>
      <c r="C55987" s="14" t="s">
        <v>96</v>
      </c>
      <c r="D55987" s="14" t="s">
        <v>306</v>
      </c>
      <c r="E55987" s="15">
        <v>45518</v>
      </c>
      <c r="F55987" s="14" t="s">
        <v>15</v>
      </c>
      <c r="G55987" s="16">
        <v>0</v>
      </c>
    </row>
    <row r="55988" spans="1:7" x14ac:dyDescent="0.3">
      <c r="A55988" s="13" t="s">
        <v>305</v>
      </c>
      <c r="B55988" s="14" t="s">
        <v>1</v>
      </c>
      <c r="C55988" s="14" t="s">
        <v>96</v>
      </c>
      <c r="D55988" s="14" t="s">
        <v>306</v>
      </c>
      <c r="E55988" s="15">
        <v>45519</v>
      </c>
      <c r="F55988" s="14" t="s">
        <v>15</v>
      </c>
      <c r="G55988" s="16">
        <v>0</v>
      </c>
    </row>
    <row r="55989" spans="1:7" x14ac:dyDescent="0.3">
      <c r="A55989" s="13" t="s">
        <v>305</v>
      </c>
      <c r="B55989" s="14" t="s">
        <v>1</v>
      </c>
      <c r="C55989" s="14" t="s">
        <v>96</v>
      </c>
      <c r="D55989" s="14" t="s">
        <v>306</v>
      </c>
      <c r="E55989" s="15">
        <v>45520</v>
      </c>
      <c r="F55989" s="14" t="s">
        <v>15</v>
      </c>
      <c r="G55989" s="16">
        <v>0</v>
      </c>
    </row>
    <row r="55990" spans="1:7" x14ac:dyDescent="0.3">
      <c r="A55990" s="13" t="s">
        <v>305</v>
      </c>
      <c r="B55990" s="14" t="s">
        <v>1</v>
      </c>
      <c r="C55990" s="14" t="s">
        <v>96</v>
      </c>
      <c r="D55990" s="14" t="s">
        <v>306</v>
      </c>
      <c r="E55990" s="15">
        <v>45521</v>
      </c>
      <c r="F55990" s="14" t="s">
        <v>15</v>
      </c>
      <c r="G55990" s="16">
        <v>0</v>
      </c>
    </row>
    <row r="55991" spans="1:7" x14ac:dyDescent="0.3">
      <c r="A55991" s="13" t="s">
        <v>305</v>
      </c>
      <c r="B55991" s="14" t="s">
        <v>1</v>
      </c>
      <c r="C55991" s="14" t="s">
        <v>96</v>
      </c>
      <c r="D55991" s="14" t="s">
        <v>306</v>
      </c>
      <c r="E55991" s="15">
        <v>45522</v>
      </c>
      <c r="F55991" s="14" t="s">
        <v>15</v>
      </c>
      <c r="G55991" s="16">
        <v>0</v>
      </c>
    </row>
    <row r="55992" spans="1:7" x14ac:dyDescent="0.3">
      <c r="A55992" s="13" t="s">
        <v>305</v>
      </c>
      <c r="B55992" s="14" t="s">
        <v>1</v>
      </c>
      <c r="C55992" s="14" t="s">
        <v>96</v>
      </c>
      <c r="D55992" s="14" t="s">
        <v>306</v>
      </c>
      <c r="E55992" s="15">
        <v>45523</v>
      </c>
      <c r="F55992" s="14" t="s">
        <v>15</v>
      </c>
      <c r="G55992" s="16">
        <v>0</v>
      </c>
    </row>
    <row r="55993" spans="1:7" x14ac:dyDescent="0.3">
      <c r="A55993" s="13" t="s">
        <v>305</v>
      </c>
      <c r="B55993" s="14" t="s">
        <v>1</v>
      </c>
      <c r="C55993" s="14" t="s">
        <v>96</v>
      </c>
      <c r="D55993" s="14" t="s">
        <v>306</v>
      </c>
      <c r="E55993" s="15">
        <v>45524</v>
      </c>
      <c r="F55993" s="14" t="s">
        <v>15</v>
      </c>
      <c r="G55993" s="16">
        <v>0</v>
      </c>
    </row>
    <row r="55994" spans="1:7" x14ac:dyDescent="0.3">
      <c r="A55994" s="13" t="s">
        <v>305</v>
      </c>
      <c r="B55994" s="14" t="s">
        <v>1</v>
      </c>
      <c r="C55994" s="14" t="s">
        <v>96</v>
      </c>
      <c r="D55994" s="14" t="s">
        <v>306</v>
      </c>
      <c r="E55994" s="15">
        <v>45525</v>
      </c>
      <c r="F55994" s="14" t="s">
        <v>15</v>
      </c>
      <c r="G55994" s="16">
        <v>0</v>
      </c>
    </row>
    <row r="55995" spans="1:7" x14ac:dyDescent="0.3">
      <c r="A55995" s="13" t="s">
        <v>305</v>
      </c>
      <c r="B55995" s="14" t="s">
        <v>1</v>
      </c>
      <c r="C55995" s="14" t="s">
        <v>96</v>
      </c>
      <c r="D55995" s="14" t="s">
        <v>306</v>
      </c>
      <c r="E55995" s="15">
        <v>45526</v>
      </c>
      <c r="F55995" s="14" t="s">
        <v>15</v>
      </c>
      <c r="G55995" s="16">
        <v>0</v>
      </c>
    </row>
    <row r="55996" spans="1:7" x14ac:dyDescent="0.3">
      <c r="A55996" s="13" t="s">
        <v>305</v>
      </c>
      <c r="B55996" s="14" t="s">
        <v>1</v>
      </c>
      <c r="C55996" s="14" t="s">
        <v>96</v>
      </c>
      <c r="D55996" s="14" t="s">
        <v>306</v>
      </c>
      <c r="E55996" s="15">
        <v>45527</v>
      </c>
      <c r="F55996" s="14" t="s">
        <v>15</v>
      </c>
      <c r="G55996" s="16">
        <v>0</v>
      </c>
    </row>
    <row r="55997" spans="1:7" x14ac:dyDescent="0.3">
      <c r="A55997" s="13" t="s">
        <v>305</v>
      </c>
      <c r="B55997" s="14" t="s">
        <v>1</v>
      </c>
      <c r="C55997" s="14" t="s">
        <v>96</v>
      </c>
      <c r="D55997" s="14" t="s">
        <v>306</v>
      </c>
      <c r="E55997" s="15">
        <v>45528</v>
      </c>
      <c r="F55997" s="14" t="s">
        <v>15</v>
      </c>
      <c r="G55997" s="16">
        <v>0</v>
      </c>
    </row>
    <row r="55998" spans="1:7" x14ac:dyDescent="0.3">
      <c r="A55998" s="13" t="s">
        <v>305</v>
      </c>
      <c r="B55998" s="14" t="s">
        <v>1</v>
      </c>
      <c r="C55998" s="14" t="s">
        <v>96</v>
      </c>
      <c r="D55998" s="14" t="s">
        <v>306</v>
      </c>
      <c r="E55998" s="15">
        <v>45529</v>
      </c>
      <c r="F55998" s="14" t="s">
        <v>15</v>
      </c>
      <c r="G55998" s="16">
        <v>0</v>
      </c>
    </row>
    <row r="55999" spans="1:7" x14ac:dyDescent="0.3">
      <c r="A55999" s="13" t="s">
        <v>305</v>
      </c>
      <c r="B55999" s="14" t="s">
        <v>1</v>
      </c>
      <c r="C55999" s="14" t="s">
        <v>96</v>
      </c>
      <c r="D55999" s="14" t="s">
        <v>306</v>
      </c>
      <c r="E55999" s="15">
        <v>45530</v>
      </c>
      <c r="F55999" s="14" t="s">
        <v>15</v>
      </c>
      <c r="G55999" s="16">
        <v>0</v>
      </c>
    </row>
    <row r="56000" spans="1:7" x14ac:dyDescent="0.3">
      <c r="A56000" s="13" t="s">
        <v>305</v>
      </c>
      <c r="B56000" s="14" t="s">
        <v>1</v>
      </c>
      <c r="C56000" s="14" t="s">
        <v>96</v>
      </c>
      <c r="D56000" s="14" t="s">
        <v>306</v>
      </c>
      <c r="E56000" s="15">
        <v>45531</v>
      </c>
      <c r="F56000" s="14" t="s">
        <v>15</v>
      </c>
      <c r="G56000" s="16">
        <v>0</v>
      </c>
    </row>
    <row r="56001" spans="1:7" x14ac:dyDescent="0.3">
      <c r="A56001" s="13" t="s">
        <v>305</v>
      </c>
      <c r="B56001" s="14" t="s">
        <v>1</v>
      </c>
      <c r="C56001" s="14" t="s">
        <v>96</v>
      </c>
      <c r="D56001" s="14" t="s">
        <v>306</v>
      </c>
      <c r="E56001" s="15">
        <v>45532</v>
      </c>
      <c r="F56001" s="14" t="s">
        <v>15</v>
      </c>
      <c r="G56001" s="16">
        <v>0</v>
      </c>
    </row>
    <row r="56002" spans="1:7" x14ac:dyDescent="0.3">
      <c r="A56002" s="13" t="s">
        <v>305</v>
      </c>
      <c r="B56002" s="14" t="s">
        <v>1</v>
      </c>
      <c r="C56002" s="14" t="s">
        <v>96</v>
      </c>
      <c r="D56002" s="14" t="s">
        <v>306</v>
      </c>
      <c r="E56002" s="15">
        <v>45533</v>
      </c>
      <c r="F56002" s="14" t="s">
        <v>15</v>
      </c>
      <c r="G56002" s="16">
        <v>0</v>
      </c>
    </row>
    <row r="56003" spans="1:7" x14ac:dyDescent="0.3">
      <c r="A56003" s="13" t="s">
        <v>305</v>
      </c>
      <c r="B56003" s="14" t="s">
        <v>1</v>
      </c>
      <c r="C56003" s="14" t="s">
        <v>96</v>
      </c>
      <c r="D56003" s="14" t="s">
        <v>306</v>
      </c>
      <c r="E56003" s="15">
        <v>45534</v>
      </c>
      <c r="F56003" s="14" t="s">
        <v>15</v>
      </c>
      <c r="G56003" s="16">
        <v>0</v>
      </c>
    </row>
    <row r="56004" spans="1:7" x14ac:dyDescent="0.3">
      <c r="A56004" s="13" t="s">
        <v>305</v>
      </c>
      <c r="B56004" s="14" t="s">
        <v>1</v>
      </c>
      <c r="C56004" s="14" t="s">
        <v>96</v>
      </c>
      <c r="D56004" s="14" t="s">
        <v>306</v>
      </c>
      <c r="E56004" s="15">
        <v>45535</v>
      </c>
      <c r="F56004" s="14" t="s">
        <v>15</v>
      </c>
      <c r="G56004" s="16">
        <v>0</v>
      </c>
    </row>
    <row r="56005" spans="1:7" x14ac:dyDescent="0.3">
      <c r="A56005" s="13" t="s">
        <v>305</v>
      </c>
      <c r="B56005" s="14" t="s">
        <v>1</v>
      </c>
      <c r="C56005" s="14" t="s">
        <v>96</v>
      </c>
      <c r="D56005" s="14" t="s">
        <v>306</v>
      </c>
      <c r="E56005" s="15">
        <v>45536</v>
      </c>
      <c r="F56005" s="14" t="s">
        <v>15</v>
      </c>
      <c r="G56005" s="16">
        <v>0</v>
      </c>
    </row>
    <row r="56006" spans="1:7" x14ac:dyDescent="0.3">
      <c r="A56006" s="13" t="s">
        <v>305</v>
      </c>
      <c r="B56006" s="14" t="s">
        <v>1</v>
      </c>
      <c r="C56006" s="14" t="s">
        <v>96</v>
      </c>
      <c r="D56006" s="14" t="s">
        <v>306</v>
      </c>
      <c r="E56006" s="15">
        <v>45537</v>
      </c>
      <c r="F56006" s="14" t="s">
        <v>15</v>
      </c>
      <c r="G56006" s="16">
        <v>0</v>
      </c>
    </row>
    <row r="56007" spans="1:7" x14ac:dyDescent="0.3">
      <c r="A56007" s="13" t="s">
        <v>305</v>
      </c>
      <c r="B56007" s="14" t="s">
        <v>1</v>
      </c>
      <c r="C56007" s="14" t="s">
        <v>96</v>
      </c>
      <c r="D56007" s="14" t="s">
        <v>306</v>
      </c>
      <c r="E56007" s="15">
        <v>45538</v>
      </c>
      <c r="F56007" s="14" t="s">
        <v>15</v>
      </c>
      <c r="G56007" s="16">
        <v>0</v>
      </c>
    </row>
    <row r="56008" spans="1:7" x14ac:dyDescent="0.3">
      <c r="A56008" s="13" t="s">
        <v>305</v>
      </c>
      <c r="B56008" s="14" t="s">
        <v>1</v>
      </c>
      <c r="C56008" s="14" t="s">
        <v>96</v>
      </c>
      <c r="D56008" s="14" t="s">
        <v>306</v>
      </c>
      <c r="E56008" s="15">
        <v>45539</v>
      </c>
      <c r="F56008" s="14" t="s">
        <v>15</v>
      </c>
      <c r="G56008" s="16">
        <v>0</v>
      </c>
    </row>
    <row r="56009" spans="1:7" x14ac:dyDescent="0.3">
      <c r="A56009" s="13" t="s">
        <v>305</v>
      </c>
      <c r="B56009" s="14" t="s">
        <v>1</v>
      </c>
      <c r="C56009" s="14" t="s">
        <v>96</v>
      </c>
      <c r="D56009" s="14" t="s">
        <v>306</v>
      </c>
      <c r="E56009" s="15">
        <v>45540</v>
      </c>
      <c r="F56009" s="14" t="s">
        <v>15</v>
      </c>
      <c r="G56009" s="16">
        <v>0</v>
      </c>
    </row>
    <row r="56010" spans="1:7" x14ac:dyDescent="0.3">
      <c r="A56010" s="13" t="s">
        <v>305</v>
      </c>
      <c r="B56010" s="14" t="s">
        <v>1</v>
      </c>
      <c r="C56010" s="14" t="s">
        <v>96</v>
      </c>
      <c r="D56010" s="14" t="s">
        <v>306</v>
      </c>
      <c r="E56010" s="15">
        <v>45541</v>
      </c>
      <c r="F56010" s="14" t="s">
        <v>15</v>
      </c>
      <c r="G56010" s="16">
        <v>0</v>
      </c>
    </row>
    <row r="56011" spans="1:7" x14ac:dyDescent="0.3">
      <c r="A56011" s="13" t="s">
        <v>305</v>
      </c>
      <c r="B56011" s="14" t="s">
        <v>1</v>
      </c>
      <c r="C56011" s="14" t="s">
        <v>96</v>
      </c>
      <c r="D56011" s="14" t="s">
        <v>306</v>
      </c>
      <c r="E56011" s="15">
        <v>45542</v>
      </c>
      <c r="F56011" s="14" t="s">
        <v>15</v>
      </c>
      <c r="G56011" s="16">
        <v>0</v>
      </c>
    </row>
    <row r="56012" spans="1:7" x14ac:dyDescent="0.3">
      <c r="A56012" s="13" t="s">
        <v>305</v>
      </c>
      <c r="B56012" s="14" t="s">
        <v>1</v>
      </c>
      <c r="C56012" s="14" t="s">
        <v>96</v>
      </c>
      <c r="D56012" s="14" t="s">
        <v>306</v>
      </c>
      <c r="E56012" s="15">
        <v>45543</v>
      </c>
      <c r="F56012" s="14" t="s">
        <v>15</v>
      </c>
      <c r="G56012" s="16">
        <v>0</v>
      </c>
    </row>
    <row r="56013" spans="1:7" x14ac:dyDescent="0.3">
      <c r="A56013" s="13" t="s">
        <v>305</v>
      </c>
      <c r="B56013" s="14" t="s">
        <v>1</v>
      </c>
      <c r="C56013" s="14" t="s">
        <v>96</v>
      </c>
      <c r="D56013" s="14" t="s">
        <v>306</v>
      </c>
      <c r="E56013" s="15">
        <v>45544</v>
      </c>
      <c r="F56013" s="14" t="s">
        <v>15</v>
      </c>
      <c r="G56013" s="16">
        <v>0</v>
      </c>
    </row>
    <row r="56014" spans="1:7" x14ac:dyDescent="0.3">
      <c r="A56014" s="13" t="s">
        <v>305</v>
      </c>
      <c r="B56014" s="14" t="s">
        <v>1</v>
      </c>
      <c r="C56014" s="14" t="s">
        <v>96</v>
      </c>
      <c r="D56014" s="14" t="s">
        <v>306</v>
      </c>
      <c r="E56014" s="15">
        <v>45545</v>
      </c>
      <c r="F56014" s="14" t="s">
        <v>15</v>
      </c>
      <c r="G56014" s="16">
        <v>0</v>
      </c>
    </row>
    <row r="56015" spans="1:7" x14ac:dyDescent="0.3">
      <c r="A56015" s="13" t="s">
        <v>305</v>
      </c>
      <c r="B56015" s="14" t="s">
        <v>1</v>
      </c>
      <c r="C56015" s="14" t="s">
        <v>96</v>
      </c>
      <c r="D56015" s="14" t="s">
        <v>306</v>
      </c>
      <c r="E56015" s="15">
        <v>45546</v>
      </c>
      <c r="F56015" s="14" t="s">
        <v>15</v>
      </c>
      <c r="G56015" s="16">
        <v>0</v>
      </c>
    </row>
    <row r="56016" spans="1:7" x14ac:dyDescent="0.3">
      <c r="A56016" s="13" t="s">
        <v>305</v>
      </c>
      <c r="B56016" s="14" t="s">
        <v>1</v>
      </c>
      <c r="C56016" s="14" t="s">
        <v>96</v>
      </c>
      <c r="D56016" s="14" t="s">
        <v>306</v>
      </c>
      <c r="E56016" s="15">
        <v>45547</v>
      </c>
      <c r="F56016" s="14" t="s">
        <v>15</v>
      </c>
      <c r="G56016" s="16">
        <v>0</v>
      </c>
    </row>
    <row r="56017" spans="1:7" x14ac:dyDescent="0.3">
      <c r="A56017" s="13" t="s">
        <v>305</v>
      </c>
      <c r="B56017" s="14" t="s">
        <v>1</v>
      </c>
      <c r="C56017" s="14" t="s">
        <v>96</v>
      </c>
      <c r="D56017" s="14" t="s">
        <v>306</v>
      </c>
      <c r="E56017" s="15">
        <v>45548</v>
      </c>
      <c r="F56017" s="14" t="s">
        <v>15</v>
      </c>
      <c r="G56017" s="16">
        <v>0</v>
      </c>
    </row>
    <row r="56018" spans="1:7" x14ac:dyDescent="0.3">
      <c r="A56018" s="13" t="s">
        <v>305</v>
      </c>
      <c r="B56018" s="14" t="s">
        <v>1</v>
      </c>
      <c r="C56018" s="14" t="s">
        <v>96</v>
      </c>
      <c r="D56018" s="14" t="s">
        <v>306</v>
      </c>
      <c r="E56018" s="15">
        <v>45549</v>
      </c>
      <c r="F56018" s="14" t="s">
        <v>15</v>
      </c>
      <c r="G56018" s="16">
        <v>0</v>
      </c>
    </row>
    <row r="56019" spans="1:7" x14ac:dyDescent="0.3">
      <c r="A56019" s="13" t="s">
        <v>305</v>
      </c>
      <c r="B56019" s="14" t="s">
        <v>1</v>
      </c>
      <c r="C56019" s="14" t="s">
        <v>96</v>
      </c>
      <c r="D56019" s="14" t="s">
        <v>306</v>
      </c>
      <c r="E56019" s="15">
        <v>45550</v>
      </c>
      <c r="F56019" s="14" t="s">
        <v>15</v>
      </c>
      <c r="G56019" s="16">
        <v>0</v>
      </c>
    </row>
    <row r="56020" spans="1:7" x14ac:dyDescent="0.3">
      <c r="A56020" s="13" t="s">
        <v>305</v>
      </c>
      <c r="B56020" s="14" t="s">
        <v>1</v>
      </c>
      <c r="C56020" s="14" t="s">
        <v>96</v>
      </c>
      <c r="D56020" s="14" t="s">
        <v>306</v>
      </c>
      <c r="E56020" s="15">
        <v>45551</v>
      </c>
      <c r="F56020" s="14" t="s">
        <v>15</v>
      </c>
      <c r="G56020" s="16">
        <v>0</v>
      </c>
    </row>
    <row r="56021" spans="1:7" x14ac:dyDescent="0.3">
      <c r="A56021" s="13" t="s">
        <v>305</v>
      </c>
      <c r="B56021" s="14" t="s">
        <v>1</v>
      </c>
      <c r="C56021" s="14" t="s">
        <v>96</v>
      </c>
      <c r="D56021" s="14" t="s">
        <v>306</v>
      </c>
      <c r="E56021" s="15">
        <v>45552</v>
      </c>
      <c r="F56021" s="14" t="s">
        <v>15</v>
      </c>
      <c r="G56021" s="16">
        <v>0</v>
      </c>
    </row>
    <row r="56022" spans="1:7" x14ac:dyDescent="0.3">
      <c r="A56022" s="13" t="s">
        <v>305</v>
      </c>
      <c r="B56022" s="14" t="s">
        <v>1</v>
      </c>
      <c r="C56022" s="14" t="s">
        <v>96</v>
      </c>
      <c r="D56022" s="14" t="s">
        <v>306</v>
      </c>
      <c r="E56022" s="15">
        <v>45553</v>
      </c>
      <c r="F56022" s="14" t="s">
        <v>15</v>
      </c>
      <c r="G56022" s="16">
        <v>0</v>
      </c>
    </row>
    <row r="56023" spans="1:7" x14ac:dyDescent="0.3">
      <c r="A56023" s="13" t="s">
        <v>305</v>
      </c>
      <c r="B56023" s="14" t="s">
        <v>1</v>
      </c>
      <c r="C56023" s="14" t="s">
        <v>96</v>
      </c>
      <c r="D56023" s="14" t="s">
        <v>306</v>
      </c>
      <c r="E56023" s="15">
        <v>45554</v>
      </c>
      <c r="F56023" s="14" t="s">
        <v>15</v>
      </c>
      <c r="G56023" s="16">
        <v>0</v>
      </c>
    </row>
    <row r="56024" spans="1:7" x14ac:dyDescent="0.3">
      <c r="A56024" s="13" t="s">
        <v>305</v>
      </c>
      <c r="B56024" s="14" t="s">
        <v>1</v>
      </c>
      <c r="C56024" s="14" t="s">
        <v>96</v>
      </c>
      <c r="D56024" s="14" t="s">
        <v>306</v>
      </c>
      <c r="E56024" s="15">
        <v>45555</v>
      </c>
      <c r="F56024" s="14" t="s">
        <v>15</v>
      </c>
      <c r="G56024" s="16">
        <v>0</v>
      </c>
    </row>
    <row r="56025" spans="1:7" x14ac:dyDescent="0.3">
      <c r="A56025" s="13" t="s">
        <v>305</v>
      </c>
      <c r="B56025" s="14" t="s">
        <v>1</v>
      </c>
      <c r="C56025" s="14" t="s">
        <v>96</v>
      </c>
      <c r="D56025" s="14" t="s">
        <v>306</v>
      </c>
      <c r="E56025" s="15">
        <v>45556</v>
      </c>
      <c r="F56025" s="14" t="s">
        <v>15</v>
      </c>
      <c r="G56025" s="16">
        <v>0</v>
      </c>
    </row>
    <row r="56026" spans="1:7" x14ac:dyDescent="0.3">
      <c r="A56026" s="13" t="s">
        <v>305</v>
      </c>
      <c r="B56026" s="14" t="s">
        <v>1</v>
      </c>
      <c r="C56026" s="14" t="s">
        <v>96</v>
      </c>
      <c r="D56026" s="14" t="s">
        <v>306</v>
      </c>
      <c r="E56026" s="15">
        <v>45557</v>
      </c>
      <c r="F56026" s="14" t="s">
        <v>15</v>
      </c>
      <c r="G56026" s="16">
        <v>0</v>
      </c>
    </row>
    <row r="56027" spans="1:7" x14ac:dyDescent="0.3">
      <c r="A56027" s="13" t="s">
        <v>305</v>
      </c>
      <c r="B56027" s="14" t="s">
        <v>1</v>
      </c>
      <c r="C56027" s="14" t="s">
        <v>96</v>
      </c>
      <c r="D56027" s="14" t="s">
        <v>306</v>
      </c>
      <c r="E56027" s="15">
        <v>45558</v>
      </c>
      <c r="F56027" s="14" t="s">
        <v>15</v>
      </c>
      <c r="G56027" s="16">
        <v>0</v>
      </c>
    </row>
    <row r="56028" spans="1:7" x14ac:dyDescent="0.3">
      <c r="A56028" s="13" t="s">
        <v>305</v>
      </c>
      <c r="B56028" s="14" t="s">
        <v>1</v>
      </c>
      <c r="C56028" s="14" t="s">
        <v>96</v>
      </c>
      <c r="D56028" s="14" t="s">
        <v>306</v>
      </c>
      <c r="E56028" s="15">
        <v>45559</v>
      </c>
      <c r="F56028" s="14" t="s">
        <v>15</v>
      </c>
      <c r="G56028" s="16">
        <v>0</v>
      </c>
    </row>
    <row r="56029" spans="1:7" x14ac:dyDescent="0.3">
      <c r="A56029" s="13" t="s">
        <v>305</v>
      </c>
      <c r="B56029" s="14" t="s">
        <v>1</v>
      </c>
      <c r="C56029" s="14" t="s">
        <v>96</v>
      </c>
      <c r="D56029" s="14" t="s">
        <v>306</v>
      </c>
      <c r="E56029" s="15">
        <v>45560</v>
      </c>
      <c r="F56029" s="14" t="s">
        <v>15</v>
      </c>
      <c r="G56029" s="16">
        <v>0</v>
      </c>
    </row>
    <row r="56030" spans="1:7" x14ac:dyDescent="0.3">
      <c r="A56030" s="13" t="s">
        <v>305</v>
      </c>
      <c r="B56030" s="14" t="s">
        <v>1</v>
      </c>
      <c r="C56030" s="14" t="s">
        <v>96</v>
      </c>
      <c r="D56030" s="14" t="s">
        <v>306</v>
      </c>
      <c r="E56030" s="15">
        <v>45561</v>
      </c>
      <c r="F56030" s="14" t="s">
        <v>15</v>
      </c>
      <c r="G56030" s="16">
        <v>0</v>
      </c>
    </row>
    <row r="56031" spans="1:7" x14ac:dyDescent="0.3">
      <c r="A56031" s="13" t="s">
        <v>305</v>
      </c>
      <c r="B56031" s="14" t="s">
        <v>1</v>
      </c>
      <c r="C56031" s="14" t="s">
        <v>96</v>
      </c>
      <c r="D56031" s="14" t="s">
        <v>306</v>
      </c>
      <c r="E56031" s="15">
        <v>45562</v>
      </c>
      <c r="F56031" s="14" t="s">
        <v>15</v>
      </c>
      <c r="G56031" s="16">
        <v>0</v>
      </c>
    </row>
    <row r="56032" spans="1:7" x14ac:dyDescent="0.3">
      <c r="A56032" s="13" t="s">
        <v>305</v>
      </c>
      <c r="B56032" s="14" t="s">
        <v>1</v>
      </c>
      <c r="C56032" s="14" t="s">
        <v>96</v>
      </c>
      <c r="D56032" s="14" t="s">
        <v>306</v>
      </c>
      <c r="E56032" s="15">
        <v>45563</v>
      </c>
      <c r="F56032" s="14" t="s">
        <v>15</v>
      </c>
      <c r="G56032" s="16">
        <v>0</v>
      </c>
    </row>
    <row r="56033" spans="1:7" x14ac:dyDescent="0.3">
      <c r="A56033" s="13" t="s">
        <v>305</v>
      </c>
      <c r="B56033" s="14" t="s">
        <v>1</v>
      </c>
      <c r="C56033" s="14" t="s">
        <v>96</v>
      </c>
      <c r="D56033" s="14" t="s">
        <v>306</v>
      </c>
      <c r="E56033" s="15">
        <v>45564</v>
      </c>
      <c r="F56033" s="14" t="s">
        <v>15</v>
      </c>
      <c r="G56033" s="16">
        <v>0</v>
      </c>
    </row>
    <row r="56034" spans="1:7" x14ac:dyDescent="0.3">
      <c r="A56034" s="13" t="s">
        <v>305</v>
      </c>
      <c r="B56034" s="14" t="s">
        <v>1</v>
      </c>
      <c r="C56034" s="14" t="s">
        <v>96</v>
      </c>
      <c r="D56034" s="14" t="s">
        <v>306</v>
      </c>
      <c r="E56034" s="15">
        <v>45565</v>
      </c>
      <c r="F56034" s="14" t="s">
        <v>15</v>
      </c>
      <c r="G56034" s="16">
        <v>0</v>
      </c>
    </row>
    <row r="56035" spans="1:7" x14ac:dyDescent="0.3">
      <c r="A56035" s="13" t="s">
        <v>305</v>
      </c>
      <c r="B56035" s="14" t="s">
        <v>1</v>
      </c>
      <c r="C56035" s="14" t="s">
        <v>96</v>
      </c>
      <c r="D56035" s="14" t="s">
        <v>306</v>
      </c>
      <c r="E56035" s="15">
        <v>45566</v>
      </c>
      <c r="F56035" s="14" t="s">
        <v>15</v>
      </c>
      <c r="G56035" s="16">
        <v>0</v>
      </c>
    </row>
    <row r="56036" spans="1:7" x14ac:dyDescent="0.3">
      <c r="A56036" s="13" t="s">
        <v>305</v>
      </c>
      <c r="B56036" s="14" t="s">
        <v>1</v>
      </c>
      <c r="C56036" s="14" t="s">
        <v>96</v>
      </c>
      <c r="D56036" s="14" t="s">
        <v>306</v>
      </c>
      <c r="E56036" s="15">
        <v>45567</v>
      </c>
      <c r="F56036" s="14" t="s">
        <v>15</v>
      </c>
      <c r="G56036" s="16">
        <v>0</v>
      </c>
    </row>
    <row r="56037" spans="1:7" x14ac:dyDescent="0.3">
      <c r="A56037" s="13" t="s">
        <v>305</v>
      </c>
      <c r="B56037" s="14" t="s">
        <v>1</v>
      </c>
      <c r="C56037" s="14" t="s">
        <v>96</v>
      </c>
      <c r="D56037" s="14" t="s">
        <v>306</v>
      </c>
      <c r="E56037" s="15">
        <v>45568</v>
      </c>
      <c r="F56037" s="14" t="s">
        <v>15</v>
      </c>
      <c r="G56037" s="16">
        <v>0</v>
      </c>
    </row>
    <row r="56038" spans="1:7" x14ac:dyDescent="0.3">
      <c r="A56038" s="13" t="s">
        <v>305</v>
      </c>
      <c r="B56038" s="14" t="s">
        <v>1</v>
      </c>
      <c r="C56038" s="14" t="s">
        <v>96</v>
      </c>
      <c r="D56038" s="14" t="s">
        <v>306</v>
      </c>
      <c r="E56038" s="15">
        <v>45569</v>
      </c>
      <c r="F56038" s="14" t="s">
        <v>15</v>
      </c>
      <c r="G56038" s="16">
        <v>0</v>
      </c>
    </row>
    <row r="56039" spans="1:7" x14ac:dyDescent="0.3">
      <c r="A56039" s="13" t="s">
        <v>305</v>
      </c>
      <c r="B56039" s="14" t="s">
        <v>1</v>
      </c>
      <c r="C56039" s="14" t="s">
        <v>96</v>
      </c>
      <c r="D56039" s="14" t="s">
        <v>306</v>
      </c>
      <c r="E56039" s="15">
        <v>45570</v>
      </c>
      <c r="F56039" s="14" t="s">
        <v>15</v>
      </c>
      <c r="G56039" s="16">
        <v>0</v>
      </c>
    </row>
    <row r="56040" spans="1:7" x14ac:dyDescent="0.3">
      <c r="A56040" s="13" t="s">
        <v>305</v>
      </c>
      <c r="B56040" s="14" t="s">
        <v>1</v>
      </c>
      <c r="C56040" s="14" t="s">
        <v>96</v>
      </c>
      <c r="D56040" s="14" t="s">
        <v>306</v>
      </c>
      <c r="E56040" s="15">
        <v>45571</v>
      </c>
      <c r="F56040" s="14" t="s">
        <v>15</v>
      </c>
      <c r="G56040" s="16">
        <v>0</v>
      </c>
    </row>
    <row r="56041" spans="1:7" x14ac:dyDescent="0.3">
      <c r="A56041" s="13" t="s">
        <v>305</v>
      </c>
      <c r="B56041" s="14" t="s">
        <v>1</v>
      </c>
      <c r="C56041" s="14" t="s">
        <v>96</v>
      </c>
      <c r="D56041" s="14" t="s">
        <v>306</v>
      </c>
      <c r="E56041" s="15">
        <v>45572</v>
      </c>
      <c r="F56041" s="14" t="s">
        <v>15</v>
      </c>
      <c r="G56041" s="16">
        <v>0</v>
      </c>
    </row>
    <row r="56042" spans="1:7" x14ac:dyDescent="0.3">
      <c r="A56042" s="13" t="s">
        <v>305</v>
      </c>
      <c r="B56042" s="14" t="s">
        <v>1</v>
      </c>
      <c r="C56042" s="14" t="s">
        <v>96</v>
      </c>
      <c r="D56042" s="14" t="s">
        <v>306</v>
      </c>
      <c r="E56042" s="15">
        <v>45573</v>
      </c>
      <c r="F56042" s="14" t="s">
        <v>15</v>
      </c>
      <c r="G56042" s="16">
        <v>0</v>
      </c>
    </row>
    <row r="56043" spans="1:7" x14ac:dyDescent="0.3">
      <c r="A56043" s="13" t="s">
        <v>305</v>
      </c>
      <c r="B56043" s="14" t="s">
        <v>1</v>
      </c>
      <c r="C56043" s="14" t="s">
        <v>96</v>
      </c>
      <c r="D56043" s="14" t="s">
        <v>306</v>
      </c>
      <c r="E56043" s="15">
        <v>45574</v>
      </c>
      <c r="F56043" s="14" t="s">
        <v>15</v>
      </c>
      <c r="G56043" s="16">
        <v>0</v>
      </c>
    </row>
    <row r="56044" spans="1:7" x14ac:dyDescent="0.3">
      <c r="A56044" s="13" t="s">
        <v>305</v>
      </c>
      <c r="B56044" s="14" t="s">
        <v>1</v>
      </c>
      <c r="C56044" s="14" t="s">
        <v>96</v>
      </c>
      <c r="D56044" s="14" t="s">
        <v>306</v>
      </c>
      <c r="E56044" s="15">
        <v>45575</v>
      </c>
      <c r="F56044" s="14" t="s">
        <v>15</v>
      </c>
      <c r="G56044" s="16">
        <v>0</v>
      </c>
    </row>
    <row r="56045" spans="1:7" x14ac:dyDescent="0.3">
      <c r="A56045" s="13" t="s">
        <v>305</v>
      </c>
      <c r="B56045" s="14" t="s">
        <v>1</v>
      </c>
      <c r="C56045" s="14" t="s">
        <v>96</v>
      </c>
      <c r="D56045" s="14" t="s">
        <v>306</v>
      </c>
      <c r="E56045" s="15">
        <v>45576</v>
      </c>
      <c r="F56045" s="14" t="s">
        <v>15</v>
      </c>
      <c r="G56045" s="16">
        <v>0</v>
      </c>
    </row>
    <row r="56046" spans="1:7" x14ac:dyDescent="0.3">
      <c r="A56046" s="13" t="s">
        <v>305</v>
      </c>
      <c r="B56046" s="14" t="s">
        <v>1</v>
      </c>
      <c r="C56046" s="14" t="s">
        <v>96</v>
      </c>
      <c r="D56046" s="14" t="s">
        <v>306</v>
      </c>
      <c r="E56046" s="15">
        <v>45577</v>
      </c>
      <c r="F56046" s="14" t="s">
        <v>15</v>
      </c>
      <c r="G56046" s="16">
        <v>0</v>
      </c>
    </row>
    <row r="56047" spans="1:7" x14ac:dyDescent="0.3">
      <c r="A56047" s="13" t="s">
        <v>305</v>
      </c>
      <c r="B56047" s="14" t="s">
        <v>1</v>
      </c>
      <c r="C56047" s="14" t="s">
        <v>96</v>
      </c>
      <c r="D56047" s="14" t="s">
        <v>306</v>
      </c>
      <c r="E56047" s="15">
        <v>45578</v>
      </c>
      <c r="F56047" s="14" t="s">
        <v>15</v>
      </c>
      <c r="G56047" s="16">
        <v>0</v>
      </c>
    </row>
    <row r="56048" spans="1:7" x14ac:dyDescent="0.3">
      <c r="A56048" s="13" t="s">
        <v>305</v>
      </c>
      <c r="B56048" s="14" t="s">
        <v>1</v>
      </c>
      <c r="C56048" s="14" t="s">
        <v>96</v>
      </c>
      <c r="D56048" s="14" t="s">
        <v>306</v>
      </c>
      <c r="E56048" s="15">
        <v>45579</v>
      </c>
      <c r="F56048" s="14" t="s">
        <v>15</v>
      </c>
      <c r="G56048" s="16">
        <v>0</v>
      </c>
    </row>
    <row r="56049" spans="1:7" x14ac:dyDescent="0.3">
      <c r="A56049" s="13" t="s">
        <v>305</v>
      </c>
      <c r="B56049" s="14" t="s">
        <v>1</v>
      </c>
      <c r="C56049" s="14" t="s">
        <v>96</v>
      </c>
      <c r="D56049" s="14" t="s">
        <v>306</v>
      </c>
      <c r="E56049" s="15">
        <v>45580</v>
      </c>
      <c r="F56049" s="14" t="s">
        <v>15</v>
      </c>
      <c r="G56049" s="16">
        <v>0</v>
      </c>
    </row>
    <row r="56050" spans="1:7" x14ac:dyDescent="0.3">
      <c r="A56050" s="13" t="s">
        <v>305</v>
      </c>
      <c r="B56050" s="14" t="s">
        <v>1</v>
      </c>
      <c r="C56050" s="14" t="s">
        <v>96</v>
      </c>
      <c r="D56050" s="14" t="s">
        <v>306</v>
      </c>
      <c r="E56050" s="15">
        <v>45581</v>
      </c>
      <c r="F56050" s="14" t="s">
        <v>15</v>
      </c>
      <c r="G56050" s="16">
        <v>0</v>
      </c>
    </row>
    <row r="56051" spans="1:7" x14ac:dyDescent="0.3">
      <c r="A56051" s="13" t="s">
        <v>305</v>
      </c>
      <c r="B56051" s="14" t="s">
        <v>1</v>
      </c>
      <c r="C56051" s="14" t="s">
        <v>96</v>
      </c>
      <c r="D56051" s="14" t="s">
        <v>306</v>
      </c>
      <c r="E56051" s="15">
        <v>45582</v>
      </c>
      <c r="F56051" s="14" t="s">
        <v>15</v>
      </c>
      <c r="G56051" s="16">
        <v>0</v>
      </c>
    </row>
    <row r="56052" spans="1:7" x14ac:dyDescent="0.3">
      <c r="A56052" s="13" t="s">
        <v>305</v>
      </c>
      <c r="B56052" s="14" t="s">
        <v>1</v>
      </c>
      <c r="C56052" s="14" t="s">
        <v>96</v>
      </c>
      <c r="D56052" s="14" t="s">
        <v>306</v>
      </c>
      <c r="E56052" s="15">
        <v>45583</v>
      </c>
      <c r="F56052" s="14" t="s">
        <v>15</v>
      </c>
      <c r="G56052" s="16">
        <v>0</v>
      </c>
    </row>
    <row r="56053" spans="1:7" x14ac:dyDescent="0.3">
      <c r="A56053" s="13" t="s">
        <v>305</v>
      </c>
      <c r="B56053" s="14" t="s">
        <v>1</v>
      </c>
      <c r="C56053" s="14" t="s">
        <v>96</v>
      </c>
      <c r="D56053" s="14" t="s">
        <v>306</v>
      </c>
      <c r="E56053" s="15">
        <v>45584</v>
      </c>
      <c r="F56053" s="14" t="s">
        <v>15</v>
      </c>
      <c r="G56053" s="16">
        <v>0</v>
      </c>
    </row>
    <row r="56054" spans="1:7" x14ac:dyDescent="0.3">
      <c r="A56054" s="13" t="s">
        <v>305</v>
      </c>
      <c r="B56054" s="14" t="s">
        <v>1</v>
      </c>
      <c r="C56054" s="14" t="s">
        <v>96</v>
      </c>
      <c r="D56054" s="14" t="s">
        <v>306</v>
      </c>
      <c r="E56054" s="15">
        <v>45585</v>
      </c>
      <c r="F56054" s="14" t="s">
        <v>15</v>
      </c>
      <c r="G56054" s="16">
        <v>0</v>
      </c>
    </row>
    <row r="56055" spans="1:7" x14ac:dyDescent="0.3">
      <c r="A56055" s="13" t="s">
        <v>305</v>
      </c>
      <c r="B56055" s="14" t="s">
        <v>1</v>
      </c>
      <c r="C56055" s="14" t="s">
        <v>96</v>
      </c>
      <c r="D56055" s="14" t="s">
        <v>306</v>
      </c>
      <c r="E56055" s="15">
        <v>45586</v>
      </c>
      <c r="F56055" s="14" t="s">
        <v>15</v>
      </c>
      <c r="G56055" s="16">
        <v>0</v>
      </c>
    </row>
    <row r="56056" spans="1:7" x14ac:dyDescent="0.3">
      <c r="A56056" s="13" t="s">
        <v>305</v>
      </c>
      <c r="B56056" s="14" t="s">
        <v>1</v>
      </c>
      <c r="C56056" s="14" t="s">
        <v>96</v>
      </c>
      <c r="D56056" s="14" t="s">
        <v>306</v>
      </c>
      <c r="E56056" s="15">
        <v>45587</v>
      </c>
      <c r="F56056" s="14" t="s">
        <v>15</v>
      </c>
      <c r="G56056" s="16">
        <v>0</v>
      </c>
    </row>
    <row r="56057" spans="1:7" x14ac:dyDescent="0.3">
      <c r="A56057" s="13" t="s">
        <v>305</v>
      </c>
      <c r="B56057" s="14" t="s">
        <v>1</v>
      </c>
      <c r="C56057" s="14" t="s">
        <v>96</v>
      </c>
      <c r="D56057" s="14" t="s">
        <v>306</v>
      </c>
      <c r="E56057" s="15">
        <v>45588</v>
      </c>
      <c r="F56057" s="14" t="s">
        <v>15</v>
      </c>
      <c r="G56057" s="16">
        <v>0</v>
      </c>
    </row>
    <row r="56058" spans="1:7" x14ac:dyDescent="0.3">
      <c r="A56058" s="13" t="s">
        <v>305</v>
      </c>
      <c r="B56058" s="14" t="s">
        <v>1</v>
      </c>
      <c r="C56058" s="14" t="s">
        <v>96</v>
      </c>
      <c r="D56058" s="14" t="s">
        <v>306</v>
      </c>
      <c r="E56058" s="15">
        <v>45589</v>
      </c>
      <c r="F56058" s="14" t="s">
        <v>15</v>
      </c>
      <c r="G56058" s="16">
        <v>0</v>
      </c>
    </row>
    <row r="56059" spans="1:7" x14ac:dyDescent="0.3">
      <c r="A56059" s="13" t="s">
        <v>305</v>
      </c>
      <c r="B56059" s="14" t="s">
        <v>1</v>
      </c>
      <c r="C56059" s="14" t="s">
        <v>96</v>
      </c>
      <c r="D56059" s="14" t="s">
        <v>306</v>
      </c>
      <c r="E56059" s="15">
        <v>45590</v>
      </c>
      <c r="F56059" s="14" t="s">
        <v>15</v>
      </c>
      <c r="G56059" s="16">
        <v>0</v>
      </c>
    </row>
    <row r="56060" spans="1:7" x14ac:dyDescent="0.3">
      <c r="A56060" s="13" t="s">
        <v>305</v>
      </c>
      <c r="B56060" s="14" t="s">
        <v>1</v>
      </c>
      <c r="C56060" s="14" t="s">
        <v>96</v>
      </c>
      <c r="D56060" s="14" t="s">
        <v>306</v>
      </c>
      <c r="E56060" s="15">
        <v>45591</v>
      </c>
      <c r="F56060" s="14" t="s">
        <v>15</v>
      </c>
      <c r="G56060" s="16">
        <v>0</v>
      </c>
    </row>
    <row r="56061" spans="1:7" x14ac:dyDescent="0.3">
      <c r="A56061" s="13" t="s">
        <v>305</v>
      </c>
      <c r="B56061" s="14" t="s">
        <v>1</v>
      </c>
      <c r="C56061" s="14" t="s">
        <v>96</v>
      </c>
      <c r="D56061" s="14" t="s">
        <v>306</v>
      </c>
      <c r="E56061" s="15">
        <v>45592</v>
      </c>
      <c r="F56061" s="14" t="s">
        <v>15</v>
      </c>
      <c r="G56061" s="16">
        <v>0</v>
      </c>
    </row>
    <row r="56062" spans="1:7" x14ac:dyDescent="0.3">
      <c r="A56062" s="13" t="s">
        <v>305</v>
      </c>
      <c r="B56062" s="14" t="s">
        <v>1</v>
      </c>
      <c r="C56062" s="14" t="s">
        <v>96</v>
      </c>
      <c r="D56062" s="14" t="s">
        <v>306</v>
      </c>
      <c r="E56062" s="15">
        <v>45593</v>
      </c>
      <c r="F56062" s="14" t="s">
        <v>15</v>
      </c>
      <c r="G56062" s="16">
        <v>0</v>
      </c>
    </row>
    <row r="56063" spans="1:7" x14ac:dyDescent="0.3">
      <c r="A56063" s="13" t="s">
        <v>305</v>
      </c>
      <c r="B56063" s="14" t="s">
        <v>1</v>
      </c>
      <c r="C56063" s="14" t="s">
        <v>96</v>
      </c>
      <c r="D56063" s="14" t="s">
        <v>306</v>
      </c>
      <c r="E56063" s="15">
        <v>45594</v>
      </c>
      <c r="F56063" s="14" t="s">
        <v>15</v>
      </c>
      <c r="G56063" s="16">
        <v>0</v>
      </c>
    </row>
    <row r="56064" spans="1:7" x14ac:dyDescent="0.3">
      <c r="A56064" s="13" t="s">
        <v>305</v>
      </c>
      <c r="B56064" s="14" t="s">
        <v>1</v>
      </c>
      <c r="C56064" s="14" t="s">
        <v>96</v>
      </c>
      <c r="D56064" s="14" t="s">
        <v>306</v>
      </c>
      <c r="E56064" s="15">
        <v>45595</v>
      </c>
      <c r="F56064" s="14" t="s">
        <v>15</v>
      </c>
      <c r="G56064" s="16">
        <v>0</v>
      </c>
    </row>
    <row r="56065" spans="1:7" x14ac:dyDescent="0.3">
      <c r="A56065" s="13" t="s">
        <v>305</v>
      </c>
      <c r="B56065" s="14" t="s">
        <v>1</v>
      </c>
      <c r="C56065" s="14" t="s">
        <v>96</v>
      </c>
      <c r="D56065" s="14" t="s">
        <v>306</v>
      </c>
      <c r="E56065" s="15">
        <v>45596</v>
      </c>
      <c r="F56065" s="14" t="s">
        <v>15</v>
      </c>
      <c r="G56065" s="16">
        <v>0</v>
      </c>
    </row>
    <row r="56066" spans="1:7" x14ac:dyDescent="0.3">
      <c r="A56066" s="13" t="s">
        <v>305</v>
      </c>
      <c r="B56066" s="14" t="s">
        <v>1</v>
      </c>
      <c r="C56066" s="14" t="s">
        <v>96</v>
      </c>
      <c r="D56066" s="14" t="s">
        <v>306</v>
      </c>
      <c r="E56066" s="15">
        <v>45597</v>
      </c>
      <c r="F56066" s="14" t="s">
        <v>15</v>
      </c>
      <c r="G56066" s="16">
        <v>0</v>
      </c>
    </row>
    <row r="56067" spans="1:7" x14ac:dyDescent="0.3">
      <c r="A56067" s="13" t="s">
        <v>305</v>
      </c>
      <c r="B56067" s="14" t="s">
        <v>1</v>
      </c>
      <c r="C56067" s="14" t="s">
        <v>96</v>
      </c>
      <c r="D56067" s="14" t="s">
        <v>306</v>
      </c>
      <c r="E56067" s="15">
        <v>45598</v>
      </c>
      <c r="F56067" s="14" t="s">
        <v>15</v>
      </c>
      <c r="G56067" s="16">
        <v>0</v>
      </c>
    </row>
    <row r="56068" spans="1:7" x14ac:dyDescent="0.3">
      <c r="A56068" s="13" t="s">
        <v>305</v>
      </c>
      <c r="B56068" s="14" t="s">
        <v>1</v>
      </c>
      <c r="C56068" s="14" t="s">
        <v>96</v>
      </c>
      <c r="D56068" s="14" t="s">
        <v>306</v>
      </c>
      <c r="E56068" s="15">
        <v>45599</v>
      </c>
      <c r="F56068" s="14" t="s">
        <v>15</v>
      </c>
      <c r="G56068" s="16">
        <v>0</v>
      </c>
    </row>
    <row r="56069" spans="1:7" x14ac:dyDescent="0.3">
      <c r="A56069" s="13" t="s">
        <v>305</v>
      </c>
      <c r="B56069" s="14" t="s">
        <v>1</v>
      </c>
      <c r="C56069" s="14" t="s">
        <v>96</v>
      </c>
      <c r="D56069" s="14" t="s">
        <v>306</v>
      </c>
      <c r="E56069" s="15">
        <v>45600</v>
      </c>
      <c r="F56069" s="14" t="s">
        <v>15</v>
      </c>
      <c r="G56069" s="16">
        <v>0</v>
      </c>
    </row>
    <row r="56070" spans="1:7" x14ac:dyDescent="0.3">
      <c r="A56070" s="13" t="s">
        <v>305</v>
      </c>
      <c r="B56070" s="14" t="s">
        <v>1</v>
      </c>
      <c r="C56070" s="14" t="s">
        <v>96</v>
      </c>
      <c r="D56070" s="14" t="s">
        <v>306</v>
      </c>
      <c r="E56070" s="15">
        <v>45601</v>
      </c>
      <c r="F56070" s="14" t="s">
        <v>15</v>
      </c>
      <c r="G56070" s="16">
        <v>0</v>
      </c>
    </row>
    <row r="56071" spans="1:7" x14ac:dyDescent="0.3">
      <c r="A56071" s="13" t="s">
        <v>305</v>
      </c>
      <c r="B56071" s="14" t="s">
        <v>1</v>
      </c>
      <c r="C56071" s="14" t="s">
        <v>96</v>
      </c>
      <c r="D56071" s="14" t="s">
        <v>306</v>
      </c>
      <c r="E56071" s="15">
        <v>45602</v>
      </c>
      <c r="F56071" s="14" t="s">
        <v>15</v>
      </c>
      <c r="G56071" s="16">
        <v>0</v>
      </c>
    </row>
    <row r="56072" spans="1:7" x14ac:dyDescent="0.3">
      <c r="A56072" s="13" t="s">
        <v>305</v>
      </c>
      <c r="B56072" s="14" t="s">
        <v>1</v>
      </c>
      <c r="C56072" s="14" t="s">
        <v>96</v>
      </c>
      <c r="D56072" s="14" t="s">
        <v>306</v>
      </c>
      <c r="E56072" s="15">
        <v>45603</v>
      </c>
      <c r="F56072" s="14" t="s">
        <v>15</v>
      </c>
      <c r="G56072" s="16">
        <v>0</v>
      </c>
    </row>
    <row r="56073" spans="1:7" x14ac:dyDescent="0.3">
      <c r="A56073" s="13" t="s">
        <v>305</v>
      </c>
      <c r="B56073" s="14" t="s">
        <v>1</v>
      </c>
      <c r="C56073" s="14" t="s">
        <v>96</v>
      </c>
      <c r="D56073" s="14" t="s">
        <v>306</v>
      </c>
      <c r="E56073" s="15">
        <v>45604</v>
      </c>
      <c r="F56073" s="14" t="s">
        <v>15</v>
      </c>
      <c r="G56073" s="16">
        <v>0</v>
      </c>
    </row>
    <row r="56074" spans="1:7" x14ac:dyDescent="0.3">
      <c r="A56074" s="13" t="s">
        <v>305</v>
      </c>
      <c r="B56074" s="14" t="s">
        <v>1</v>
      </c>
      <c r="C56074" s="14" t="s">
        <v>96</v>
      </c>
      <c r="D56074" s="14" t="s">
        <v>306</v>
      </c>
      <c r="E56074" s="15">
        <v>45605</v>
      </c>
      <c r="F56074" s="14" t="s">
        <v>15</v>
      </c>
      <c r="G56074" s="16">
        <v>0</v>
      </c>
    </row>
    <row r="56075" spans="1:7" x14ac:dyDescent="0.3">
      <c r="A56075" s="13" t="s">
        <v>305</v>
      </c>
      <c r="B56075" s="14" t="s">
        <v>1</v>
      </c>
      <c r="C56075" s="14" t="s">
        <v>96</v>
      </c>
      <c r="D56075" s="14" t="s">
        <v>306</v>
      </c>
      <c r="E56075" s="15">
        <v>45606</v>
      </c>
      <c r="F56075" s="14" t="s">
        <v>15</v>
      </c>
      <c r="G56075" s="16">
        <v>0</v>
      </c>
    </row>
    <row r="56076" spans="1:7" x14ac:dyDescent="0.3">
      <c r="A56076" s="13" t="s">
        <v>305</v>
      </c>
      <c r="B56076" s="14" t="s">
        <v>1</v>
      </c>
      <c r="C56076" s="14" t="s">
        <v>96</v>
      </c>
      <c r="D56076" s="14" t="s">
        <v>306</v>
      </c>
      <c r="E56076" s="15">
        <v>45607</v>
      </c>
      <c r="F56076" s="14" t="s">
        <v>15</v>
      </c>
      <c r="G56076" s="16">
        <v>0</v>
      </c>
    </row>
    <row r="56077" spans="1:7" x14ac:dyDescent="0.3">
      <c r="A56077" s="13" t="s">
        <v>305</v>
      </c>
      <c r="B56077" s="14" t="s">
        <v>1</v>
      </c>
      <c r="C56077" s="14" t="s">
        <v>96</v>
      </c>
      <c r="D56077" s="14" t="s">
        <v>306</v>
      </c>
      <c r="E56077" s="15">
        <v>45608</v>
      </c>
      <c r="F56077" s="14" t="s">
        <v>15</v>
      </c>
      <c r="G56077" s="16">
        <v>0</v>
      </c>
    </row>
    <row r="56078" spans="1:7" x14ac:dyDescent="0.3">
      <c r="A56078" s="13" t="s">
        <v>305</v>
      </c>
      <c r="B56078" s="14" t="s">
        <v>1</v>
      </c>
      <c r="C56078" s="14" t="s">
        <v>96</v>
      </c>
      <c r="D56078" s="14" t="s">
        <v>306</v>
      </c>
      <c r="E56078" s="15">
        <v>45609</v>
      </c>
      <c r="F56078" s="14" t="s">
        <v>15</v>
      </c>
      <c r="G56078" s="16">
        <v>0</v>
      </c>
    </row>
    <row r="56079" spans="1:7" x14ac:dyDescent="0.3">
      <c r="A56079" s="13" t="s">
        <v>305</v>
      </c>
      <c r="B56079" s="14" t="s">
        <v>1</v>
      </c>
      <c r="C56079" s="14" t="s">
        <v>96</v>
      </c>
      <c r="D56079" s="14" t="s">
        <v>306</v>
      </c>
      <c r="E56079" s="15">
        <v>45610</v>
      </c>
      <c r="F56079" s="14" t="s">
        <v>15</v>
      </c>
      <c r="G56079" s="16">
        <v>0</v>
      </c>
    </row>
    <row r="56080" spans="1:7" x14ac:dyDescent="0.3">
      <c r="A56080" s="13" t="s">
        <v>305</v>
      </c>
      <c r="B56080" s="14" t="s">
        <v>1</v>
      </c>
      <c r="C56080" s="14" t="s">
        <v>96</v>
      </c>
      <c r="D56080" s="14" t="s">
        <v>306</v>
      </c>
      <c r="E56080" s="15">
        <v>45611</v>
      </c>
      <c r="F56080" s="14" t="s">
        <v>15</v>
      </c>
      <c r="G56080" s="16">
        <v>0</v>
      </c>
    </row>
    <row r="56081" spans="1:7" x14ac:dyDescent="0.3">
      <c r="A56081" s="13" t="s">
        <v>305</v>
      </c>
      <c r="B56081" s="14" t="s">
        <v>1</v>
      </c>
      <c r="C56081" s="14" t="s">
        <v>96</v>
      </c>
      <c r="D56081" s="14" t="s">
        <v>306</v>
      </c>
      <c r="E56081" s="15">
        <v>45612</v>
      </c>
      <c r="F56081" s="14" t="s">
        <v>15</v>
      </c>
      <c r="G56081" s="16">
        <v>0</v>
      </c>
    </row>
    <row r="56082" spans="1:7" x14ac:dyDescent="0.3">
      <c r="A56082" s="13" t="s">
        <v>305</v>
      </c>
      <c r="B56082" s="14" t="s">
        <v>1</v>
      </c>
      <c r="C56082" s="14" t="s">
        <v>96</v>
      </c>
      <c r="D56082" s="14" t="s">
        <v>306</v>
      </c>
      <c r="E56082" s="15">
        <v>45613</v>
      </c>
      <c r="F56082" s="14" t="s">
        <v>15</v>
      </c>
      <c r="G56082" s="16">
        <v>0</v>
      </c>
    </row>
    <row r="56083" spans="1:7" x14ac:dyDescent="0.3">
      <c r="A56083" s="13" t="s">
        <v>305</v>
      </c>
      <c r="B56083" s="14" t="s">
        <v>1</v>
      </c>
      <c r="C56083" s="14" t="s">
        <v>96</v>
      </c>
      <c r="D56083" s="14" t="s">
        <v>306</v>
      </c>
      <c r="E56083" s="15">
        <v>45614</v>
      </c>
      <c r="F56083" s="14" t="s">
        <v>15</v>
      </c>
      <c r="G56083" s="16">
        <v>0</v>
      </c>
    </row>
    <row r="56084" spans="1:7" x14ac:dyDescent="0.3">
      <c r="A56084" s="13" t="s">
        <v>305</v>
      </c>
      <c r="B56084" s="14" t="s">
        <v>1</v>
      </c>
      <c r="C56084" s="14" t="s">
        <v>96</v>
      </c>
      <c r="D56084" s="14" t="s">
        <v>306</v>
      </c>
      <c r="E56084" s="15">
        <v>45615</v>
      </c>
      <c r="F56084" s="14" t="s">
        <v>15</v>
      </c>
      <c r="G56084" s="16">
        <v>0</v>
      </c>
    </row>
    <row r="56085" spans="1:7" x14ac:dyDescent="0.3">
      <c r="A56085" s="13" t="s">
        <v>305</v>
      </c>
      <c r="B56085" s="14" t="s">
        <v>1</v>
      </c>
      <c r="C56085" s="14" t="s">
        <v>96</v>
      </c>
      <c r="D56085" s="14" t="s">
        <v>306</v>
      </c>
      <c r="E56085" s="15">
        <v>45616</v>
      </c>
      <c r="F56085" s="14" t="s">
        <v>15</v>
      </c>
      <c r="G56085" s="16">
        <v>0</v>
      </c>
    </row>
    <row r="56086" spans="1:7" x14ac:dyDescent="0.3">
      <c r="A56086" s="13" t="s">
        <v>305</v>
      </c>
      <c r="B56086" s="14" t="s">
        <v>1</v>
      </c>
      <c r="C56086" s="14" t="s">
        <v>96</v>
      </c>
      <c r="D56086" s="14" t="s">
        <v>306</v>
      </c>
      <c r="E56086" s="15">
        <v>45617</v>
      </c>
      <c r="F56086" s="14" t="s">
        <v>15</v>
      </c>
      <c r="G56086" s="16">
        <v>0</v>
      </c>
    </row>
    <row r="56087" spans="1:7" x14ac:dyDescent="0.3">
      <c r="A56087" s="13" t="s">
        <v>305</v>
      </c>
      <c r="B56087" s="14" t="s">
        <v>1</v>
      </c>
      <c r="C56087" s="14" t="s">
        <v>96</v>
      </c>
      <c r="D56087" s="14" t="s">
        <v>306</v>
      </c>
      <c r="E56087" s="15">
        <v>45618</v>
      </c>
      <c r="F56087" s="14" t="s">
        <v>15</v>
      </c>
      <c r="G56087" s="16">
        <v>0</v>
      </c>
    </row>
    <row r="56088" spans="1:7" x14ac:dyDescent="0.3">
      <c r="A56088" s="13" t="s">
        <v>305</v>
      </c>
      <c r="B56088" s="14" t="s">
        <v>1</v>
      </c>
      <c r="C56088" s="14" t="s">
        <v>96</v>
      </c>
      <c r="D56088" s="14" t="s">
        <v>306</v>
      </c>
      <c r="E56088" s="15">
        <v>45619</v>
      </c>
      <c r="F56088" s="14" t="s">
        <v>15</v>
      </c>
      <c r="G56088" s="16">
        <v>0</v>
      </c>
    </row>
    <row r="56089" spans="1:7" x14ac:dyDescent="0.3">
      <c r="A56089" s="13" t="s">
        <v>305</v>
      </c>
      <c r="B56089" s="14" t="s">
        <v>1</v>
      </c>
      <c r="C56089" s="14" t="s">
        <v>96</v>
      </c>
      <c r="D56089" s="14" t="s">
        <v>306</v>
      </c>
      <c r="E56089" s="15">
        <v>45620</v>
      </c>
      <c r="F56089" s="14" t="s">
        <v>15</v>
      </c>
      <c r="G56089" s="16">
        <v>0</v>
      </c>
    </row>
    <row r="56090" spans="1:7" x14ac:dyDescent="0.3">
      <c r="A56090" s="13" t="s">
        <v>305</v>
      </c>
      <c r="B56090" s="14" t="s">
        <v>1</v>
      </c>
      <c r="C56090" s="14" t="s">
        <v>96</v>
      </c>
      <c r="D56090" s="14" t="s">
        <v>306</v>
      </c>
      <c r="E56090" s="15">
        <v>45621</v>
      </c>
      <c r="F56090" s="14" t="s">
        <v>15</v>
      </c>
      <c r="G56090" s="16">
        <v>0</v>
      </c>
    </row>
    <row r="56091" spans="1:7" x14ac:dyDescent="0.3">
      <c r="A56091" s="13" t="s">
        <v>305</v>
      </c>
      <c r="B56091" s="14" t="s">
        <v>1</v>
      </c>
      <c r="C56091" s="14" t="s">
        <v>96</v>
      </c>
      <c r="D56091" s="14" t="s">
        <v>306</v>
      </c>
      <c r="E56091" s="15">
        <v>45622</v>
      </c>
      <c r="F56091" s="14" t="s">
        <v>15</v>
      </c>
      <c r="G56091" s="16">
        <v>0</v>
      </c>
    </row>
    <row r="56092" spans="1:7" x14ac:dyDescent="0.3">
      <c r="A56092" s="13" t="s">
        <v>305</v>
      </c>
      <c r="B56092" s="14" t="s">
        <v>1</v>
      </c>
      <c r="C56092" s="14" t="s">
        <v>96</v>
      </c>
      <c r="D56092" s="14" t="s">
        <v>306</v>
      </c>
      <c r="E56092" s="15">
        <v>45623</v>
      </c>
      <c r="F56092" s="14" t="s">
        <v>15</v>
      </c>
      <c r="G56092" s="16">
        <v>0</v>
      </c>
    </row>
    <row r="56093" spans="1:7" x14ac:dyDescent="0.3">
      <c r="A56093" s="13" t="s">
        <v>305</v>
      </c>
      <c r="B56093" s="14" t="s">
        <v>1</v>
      </c>
      <c r="C56093" s="14" t="s">
        <v>96</v>
      </c>
      <c r="D56093" s="14" t="s">
        <v>306</v>
      </c>
      <c r="E56093" s="15">
        <v>45624</v>
      </c>
      <c r="F56093" s="14" t="s">
        <v>15</v>
      </c>
      <c r="G56093" s="16">
        <v>0</v>
      </c>
    </row>
    <row r="56094" spans="1:7" x14ac:dyDescent="0.3">
      <c r="A56094" s="13" t="s">
        <v>305</v>
      </c>
      <c r="B56094" s="14" t="s">
        <v>1</v>
      </c>
      <c r="C56094" s="14" t="s">
        <v>96</v>
      </c>
      <c r="D56094" s="14" t="s">
        <v>306</v>
      </c>
      <c r="E56094" s="15">
        <v>45625</v>
      </c>
      <c r="F56094" s="14" t="s">
        <v>15</v>
      </c>
      <c r="G56094" s="16">
        <v>0</v>
      </c>
    </row>
    <row r="56095" spans="1:7" x14ac:dyDescent="0.3">
      <c r="A56095" s="13" t="s">
        <v>305</v>
      </c>
      <c r="B56095" s="14" t="s">
        <v>1</v>
      </c>
      <c r="C56095" s="14" t="s">
        <v>96</v>
      </c>
      <c r="D56095" s="14" t="s">
        <v>306</v>
      </c>
      <c r="E56095" s="15">
        <v>45626</v>
      </c>
      <c r="F56095" s="14" t="s">
        <v>15</v>
      </c>
      <c r="G56095" s="16">
        <v>0</v>
      </c>
    </row>
    <row r="56096" spans="1:7" x14ac:dyDescent="0.3">
      <c r="A56096" s="13" t="s">
        <v>305</v>
      </c>
      <c r="B56096" s="14" t="s">
        <v>1</v>
      </c>
      <c r="C56096" s="14" t="s">
        <v>96</v>
      </c>
      <c r="D56096" s="14" t="s">
        <v>306</v>
      </c>
      <c r="E56096" s="15">
        <v>45627</v>
      </c>
      <c r="F56096" s="14" t="s">
        <v>15</v>
      </c>
      <c r="G56096" s="16">
        <v>0</v>
      </c>
    </row>
    <row r="56097" spans="1:7" x14ac:dyDescent="0.3">
      <c r="A56097" s="13" t="s">
        <v>305</v>
      </c>
      <c r="B56097" s="14" t="s">
        <v>1</v>
      </c>
      <c r="C56097" s="14" t="s">
        <v>96</v>
      </c>
      <c r="D56097" s="14" t="s">
        <v>306</v>
      </c>
      <c r="E56097" s="15">
        <v>45628</v>
      </c>
      <c r="F56097" s="14" t="s">
        <v>15</v>
      </c>
      <c r="G56097" s="16">
        <v>0</v>
      </c>
    </row>
    <row r="56098" spans="1:7" x14ac:dyDescent="0.3">
      <c r="A56098" s="13" t="s">
        <v>305</v>
      </c>
      <c r="B56098" s="14" t="s">
        <v>1</v>
      </c>
      <c r="C56098" s="14" t="s">
        <v>96</v>
      </c>
      <c r="D56098" s="14" t="s">
        <v>306</v>
      </c>
      <c r="E56098" s="15">
        <v>45629</v>
      </c>
      <c r="F56098" s="14" t="s">
        <v>15</v>
      </c>
      <c r="G56098" s="16">
        <v>0</v>
      </c>
    </row>
    <row r="56099" spans="1:7" x14ac:dyDescent="0.3">
      <c r="A56099" s="13" t="s">
        <v>305</v>
      </c>
      <c r="B56099" s="14" t="s">
        <v>1</v>
      </c>
      <c r="C56099" s="14" t="s">
        <v>96</v>
      </c>
      <c r="D56099" s="14" t="s">
        <v>306</v>
      </c>
      <c r="E56099" s="15">
        <v>45630</v>
      </c>
      <c r="F56099" s="14" t="s">
        <v>15</v>
      </c>
      <c r="G56099" s="16">
        <v>0</v>
      </c>
    </row>
    <row r="56100" spans="1:7" x14ac:dyDescent="0.3">
      <c r="A56100" s="13" t="s">
        <v>305</v>
      </c>
      <c r="B56100" s="14" t="s">
        <v>1</v>
      </c>
      <c r="C56100" s="14" t="s">
        <v>96</v>
      </c>
      <c r="D56100" s="14" t="s">
        <v>306</v>
      </c>
      <c r="E56100" s="15">
        <v>45631</v>
      </c>
      <c r="F56100" s="14" t="s">
        <v>15</v>
      </c>
      <c r="G56100" s="16">
        <v>0</v>
      </c>
    </row>
    <row r="56101" spans="1:7" x14ac:dyDescent="0.3">
      <c r="A56101" s="13" t="s">
        <v>305</v>
      </c>
      <c r="B56101" s="14" t="s">
        <v>1</v>
      </c>
      <c r="C56101" s="14" t="s">
        <v>96</v>
      </c>
      <c r="D56101" s="14" t="s">
        <v>306</v>
      </c>
      <c r="E56101" s="15">
        <v>45632</v>
      </c>
      <c r="F56101" s="14" t="s">
        <v>15</v>
      </c>
      <c r="G56101" s="16">
        <v>0</v>
      </c>
    </row>
    <row r="56102" spans="1:7" x14ac:dyDescent="0.3">
      <c r="A56102" s="13" t="s">
        <v>305</v>
      </c>
      <c r="B56102" s="14" t="s">
        <v>1</v>
      </c>
      <c r="C56102" s="14" t="s">
        <v>96</v>
      </c>
      <c r="D56102" s="14" t="s">
        <v>306</v>
      </c>
      <c r="E56102" s="15">
        <v>45633</v>
      </c>
      <c r="F56102" s="14" t="s">
        <v>15</v>
      </c>
      <c r="G56102" s="16">
        <v>0</v>
      </c>
    </row>
    <row r="56103" spans="1:7" x14ac:dyDescent="0.3">
      <c r="A56103" s="13" t="s">
        <v>305</v>
      </c>
      <c r="B56103" s="14" t="s">
        <v>1</v>
      </c>
      <c r="C56103" s="14" t="s">
        <v>96</v>
      </c>
      <c r="D56103" s="14" t="s">
        <v>306</v>
      </c>
      <c r="E56103" s="15">
        <v>45634</v>
      </c>
      <c r="F56103" s="14" t="s">
        <v>15</v>
      </c>
      <c r="G56103" s="16">
        <v>0</v>
      </c>
    </row>
    <row r="56104" spans="1:7" x14ac:dyDescent="0.3">
      <c r="A56104" s="13" t="s">
        <v>305</v>
      </c>
      <c r="B56104" s="14" t="s">
        <v>1</v>
      </c>
      <c r="C56104" s="14" t="s">
        <v>96</v>
      </c>
      <c r="D56104" s="14" t="s">
        <v>306</v>
      </c>
      <c r="E56104" s="15">
        <v>45635</v>
      </c>
      <c r="F56104" s="14" t="s">
        <v>15</v>
      </c>
      <c r="G56104" s="16">
        <v>0</v>
      </c>
    </row>
    <row r="56105" spans="1:7" x14ac:dyDescent="0.3">
      <c r="A56105" s="13" t="s">
        <v>305</v>
      </c>
      <c r="B56105" s="14" t="s">
        <v>1</v>
      </c>
      <c r="C56105" s="14" t="s">
        <v>96</v>
      </c>
      <c r="D56105" s="14" t="s">
        <v>306</v>
      </c>
      <c r="E56105" s="15">
        <v>45636</v>
      </c>
      <c r="F56105" s="14" t="s">
        <v>15</v>
      </c>
      <c r="G56105" s="16">
        <v>0</v>
      </c>
    </row>
    <row r="56106" spans="1:7" x14ac:dyDescent="0.3">
      <c r="A56106" s="13" t="s">
        <v>305</v>
      </c>
      <c r="B56106" s="14" t="s">
        <v>1</v>
      </c>
      <c r="C56106" s="14" t="s">
        <v>96</v>
      </c>
      <c r="D56106" s="14" t="s">
        <v>306</v>
      </c>
      <c r="E56106" s="15">
        <v>45637</v>
      </c>
      <c r="F56106" s="14" t="s">
        <v>15</v>
      </c>
      <c r="G56106" s="16">
        <v>0</v>
      </c>
    </row>
    <row r="56107" spans="1:7" x14ac:dyDescent="0.3">
      <c r="A56107" s="13" t="s">
        <v>305</v>
      </c>
      <c r="B56107" s="14" t="s">
        <v>1</v>
      </c>
      <c r="C56107" s="14" t="s">
        <v>96</v>
      </c>
      <c r="D56107" s="14" t="s">
        <v>306</v>
      </c>
      <c r="E56107" s="15">
        <v>45638</v>
      </c>
      <c r="F56107" s="14" t="s">
        <v>15</v>
      </c>
      <c r="G56107" s="16">
        <v>0</v>
      </c>
    </row>
    <row r="56108" spans="1:7" x14ac:dyDescent="0.3">
      <c r="A56108" s="13" t="s">
        <v>305</v>
      </c>
      <c r="B56108" s="14" t="s">
        <v>1</v>
      </c>
      <c r="C56108" s="14" t="s">
        <v>96</v>
      </c>
      <c r="D56108" s="14" t="s">
        <v>306</v>
      </c>
      <c r="E56108" s="15">
        <v>45639</v>
      </c>
      <c r="F56108" s="14" t="s">
        <v>15</v>
      </c>
      <c r="G56108" s="16">
        <v>0</v>
      </c>
    </row>
    <row r="56109" spans="1:7" x14ac:dyDescent="0.3">
      <c r="A56109" s="13" t="s">
        <v>305</v>
      </c>
      <c r="B56109" s="14" t="s">
        <v>1</v>
      </c>
      <c r="C56109" s="14" t="s">
        <v>96</v>
      </c>
      <c r="D56109" s="14" t="s">
        <v>306</v>
      </c>
      <c r="E56109" s="15">
        <v>45640</v>
      </c>
      <c r="F56109" s="14" t="s">
        <v>15</v>
      </c>
      <c r="G56109" s="16">
        <v>0</v>
      </c>
    </row>
    <row r="56110" spans="1:7" x14ac:dyDescent="0.3">
      <c r="A56110" s="13" t="s">
        <v>305</v>
      </c>
      <c r="B56110" s="14" t="s">
        <v>1</v>
      </c>
      <c r="C56110" s="14" t="s">
        <v>96</v>
      </c>
      <c r="D56110" s="14" t="s">
        <v>306</v>
      </c>
      <c r="E56110" s="15">
        <v>45641</v>
      </c>
      <c r="F56110" s="14" t="s">
        <v>15</v>
      </c>
      <c r="G56110" s="16">
        <v>0</v>
      </c>
    </row>
    <row r="56111" spans="1:7" x14ac:dyDescent="0.3">
      <c r="A56111" s="13" t="s">
        <v>305</v>
      </c>
      <c r="B56111" s="14" t="s">
        <v>1</v>
      </c>
      <c r="C56111" s="14" t="s">
        <v>96</v>
      </c>
      <c r="D56111" s="14" t="s">
        <v>306</v>
      </c>
      <c r="E56111" s="15">
        <v>45642</v>
      </c>
      <c r="F56111" s="14" t="s">
        <v>15</v>
      </c>
      <c r="G56111" s="16">
        <v>0</v>
      </c>
    </row>
    <row r="56112" spans="1:7" x14ac:dyDescent="0.3">
      <c r="A56112" s="13" t="s">
        <v>305</v>
      </c>
      <c r="B56112" s="14" t="s">
        <v>1</v>
      </c>
      <c r="C56112" s="14" t="s">
        <v>96</v>
      </c>
      <c r="D56112" s="14" t="s">
        <v>306</v>
      </c>
      <c r="E56112" s="15">
        <v>45643</v>
      </c>
      <c r="F56112" s="14" t="s">
        <v>15</v>
      </c>
      <c r="G56112" s="16">
        <v>0</v>
      </c>
    </row>
    <row r="56113" spans="1:7" x14ac:dyDescent="0.3">
      <c r="A56113" s="13" t="s">
        <v>305</v>
      </c>
      <c r="B56113" s="14" t="s">
        <v>1</v>
      </c>
      <c r="C56113" s="14" t="s">
        <v>96</v>
      </c>
      <c r="D56113" s="14" t="s">
        <v>306</v>
      </c>
      <c r="E56113" s="15">
        <v>45644</v>
      </c>
      <c r="F56113" s="14" t="s">
        <v>15</v>
      </c>
      <c r="G56113" s="16">
        <v>0</v>
      </c>
    </row>
    <row r="56114" spans="1:7" x14ac:dyDescent="0.3">
      <c r="A56114" s="13" t="s">
        <v>305</v>
      </c>
      <c r="B56114" s="14" t="s">
        <v>1</v>
      </c>
      <c r="C56114" s="14" t="s">
        <v>96</v>
      </c>
      <c r="D56114" s="14" t="s">
        <v>306</v>
      </c>
      <c r="E56114" s="15">
        <v>45645</v>
      </c>
      <c r="F56114" s="14" t="s">
        <v>15</v>
      </c>
      <c r="G56114" s="16">
        <v>0</v>
      </c>
    </row>
    <row r="56115" spans="1:7" x14ac:dyDescent="0.3">
      <c r="A56115" s="13" t="s">
        <v>305</v>
      </c>
      <c r="B56115" s="14" t="s">
        <v>1</v>
      </c>
      <c r="C56115" s="14" t="s">
        <v>96</v>
      </c>
      <c r="D56115" s="14" t="s">
        <v>306</v>
      </c>
      <c r="E56115" s="15">
        <v>45646</v>
      </c>
      <c r="F56115" s="14" t="s">
        <v>15</v>
      </c>
      <c r="G56115" s="16">
        <v>0</v>
      </c>
    </row>
    <row r="56116" spans="1:7" x14ac:dyDescent="0.3">
      <c r="A56116" s="13" t="s">
        <v>305</v>
      </c>
      <c r="B56116" s="14" t="s">
        <v>1</v>
      </c>
      <c r="C56116" s="14" t="s">
        <v>96</v>
      </c>
      <c r="D56116" s="14" t="s">
        <v>306</v>
      </c>
      <c r="E56116" s="15">
        <v>45647</v>
      </c>
      <c r="F56116" s="14" t="s">
        <v>15</v>
      </c>
      <c r="G56116" s="16">
        <v>0</v>
      </c>
    </row>
    <row r="56117" spans="1:7" x14ac:dyDescent="0.3">
      <c r="A56117" s="13" t="s">
        <v>305</v>
      </c>
      <c r="B56117" s="14" t="s">
        <v>1</v>
      </c>
      <c r="C56117" s="14" t="s">
        <v>96</v>
      </c>
      <c r="D56117" s="14" t="s">
        <v>306</v>
      </c>
      <c r="E56117" s="15">
        <v>45648</v>
      </c>
      <c r="F56117" s="14" t="s">
        <v>15</v>
      </c>
      <c r="G56117" s="16">
        <v>0</v>
      </c>
    </row>
    <row r="56118" spans="1:7" x14ac:dyDescent="0.3">
      <c r="A56118" s="13" t="s">
        <v>305</v>
      </c>
      <c r="B56118" s="14" t="s">
        <v>1</v>
      </c>
      <c r="C56118" s="14" t="s">
        <v>96</v>
      </c>
      <c r="D56118" s="14" t="s">
        <v>306</v>
      </c>
      <c r="E56118" s="15">
        <v>45649</v>
      </c>
      <c r="F56118" s="14" t="s">
        <v>15</v>
      </c>
      <c r="G56118" s="16">
        <v>0</v>
      </c>
    </row>
    <row r="56119" spans="1:7" x14ac:dyDescent="0.3">
      <c r="A56119" s="13" t="s">
        <v>305</v>
      </c>
      <c r="B56119" s="14" t="s">
        <v>1</v>
      </c>
      <c r="C56119" s="14" t="s">
        <v>96</v>
      </c>
      <c r="D56119" s="14" t="s">
        <v>306</v>
      </c>
      <c r="E56119" s="15">
        <v>45650</v>
      </c>
      <c r="F56119" s="14" t="s">
        <v>15</v>
      </c>
      <c r="G56119" s="16">
        <v>0</v>
      </c>
    </row>
    <row r="56120" spans="1:7" x14ac:dyDescent="0.3">
      <c r="A56120" s="13" t="s">
        <v>305</v>
      </c>
      <c r="B56120" s="14" t="s">
        <v>1</v>
      </c>
      <c r="C56120" s="14" t="s">
        <v>96</v>
      </c>
      <c r="D56120" s="14" t="s">
        <v>306</v>
      </c>
      <c r="E56120" s="15">
        <v>45651</v>
      </c>
      <c r="F56120" s="14" t="s">
        <v>15</v>
      </c>
      <c r="G56120" s="16">
        <v>0</v>
      </c>
    </row>
    <row r="56121" spans="1:7" x14ac:dyDescent="0.3">
      <c r="A56121" s="13" t="s">
        <v>305</v>
      </c>
      <c r="B56121" s="14" t="s">
        <v>1</v>
      </c>
      <c r="C56121" s="14" t="s">
        <v>96</v>
      </c>
      <c r="D56121" s="14" t="s">
        <v>306</v>
      </c>
      <c r="E56121" s="15">
        <v>45652</v>
      </c>
      <c r="F56121" s="14" t="s">
        <v>15</v>
      </c>
      <c r="G56121" s="16">
        <v>0</v>
      </c>
    </row>
    <row r="56122" spans="1:7" x14ac:dyDescent="0.3">
      <c r="A56122" s="13" t="s">
        <v>305</v>
      </c>
      <c r="B56122" s="14" t="s">
        <v>1</v>
      </c>
      <c r="C56122" s="14" t="s">
        <v>96</v>
      </c>
      <c r="D56122" s="14" t="s">
        <v>306</v>
      </c>
      <c r="E56122" s="15">
        <v>45653</v>
      </c>
      <c r="F56122" s="14" t="s">
        <v>15</v>
      </c>
      <c r="G56122" s="16">
        <v>0</v>
      </c>
    </row>
    <row r="56123" spans="1:7" x14ac:dyDescent="0.3">
      <c r="A56123" s="13" t="s">
        <v>305</v>
      </c>
      <c r="B56123" s="14" t="s">
        <v>1</v>
      </c>
      <c r="C56123" s="14" t="s">
        <v>96</v>
      </c>
      <c r="D56123" s="14" t="s">
        <v>306</v>
      </c>
      <c r="E56123" s="15">
        <v>45654</v>
      </c>
      <c r="F56123" s="14" t="s">
        <v>15</v>
      </c>
      <c r="G56123" s="16">
        <v>0</v>
      </c>
    </row>
    <row r="56124" spans="1:7" x14ac:dyDescent="0.3">
      <c r="A56124" s="13" t="s">
        <v>305</v>
      </c>
      <c r="B56124" s="14" t="s">
        <v>1</v>
      </c>
      <c r="C56124" s="14" t="s">
        <v>96</v>
      </c>
      <c r="D56124" s="14" t="s">
        <v>306</v>
      </c>
      <c r="E56124" s="15">
        <v>45655</v>
      </c>
      <c r="F56124" s="14" t="s">
        <v>15</v>
      </c>
      <c r="G56124" s="16">
        <v>0</v>
      </c>
    </row>
    <row r="56125" spans="1:7" x14ac:dyDescent="0.3">
      <c r="A56125" s="13" t="s">
        <v>305</v>
      </c>
      <c r="B56125" s="14" t="s">
        <v>1</v>
      </c>
      <c r="C56125" s="14" t="s">
        <v>96</v>
      </c>
      <c r="D56125" s="14" t="s">
        <v>306</v>
      </c>
      <c r="E56125" s="15">
        <v>45656</v>
      </c>
      <c r="F56125" s="14" t="s">
        <v>15</v>
      </c>
      <c r="G56125" s="16">
        <v>0</v>
      </c>
    </row>
    <row r="56126" spans="1:7" x14ac:dyDescent="0.3">
      <c r="A56126" s="13" t="s">
        <v>305</v>
      </c>
      <c r="B56126" s="14" t="s">
        <v>1</v>
      </c>
      <c r="C56126" s="14" t="s">
        <v>96</v>
      </c>
      <c r="D56126" s="14" t="s">
        <v>306</v>
      </c>
      <c r="E56126" s="15">
        <v>45657</v>
      </c>
      <c r="F56126" s="14" t="s">
        <v>15</v>
      </c>
      <c r="G56126" s="16">
        <v>0</v>
      </c>
    </row>
    <row r="56127" spans="1:7" x14ac:dyDescent="0.3">
      <c r="A56127" s="13" t="s">
        <v>305</v>
      </c>
      <c r="B56127" s="14" t="s">
        <v>1</v>
      </c>
      <c r="C56127" s="14" t="s">
        <v>96</v>
      </c>
      <c r="D56127" s="14" t="s">
        <v>306</v>
      </c>
      <c r="E56127" s="15">
        <v>45658</v>
      </c>
      <c r="F56127" s="14" t="s">
        <v>15</v>
      </c>
      <c r="G56127" s="16">
        <v>0</v>
      </c>
    </row>
    <row r="56128" spans="1:7" x14ac:dyDescent="0.3">
      <c r="A56128" s="13" t="s">
        <v>305</v>
      </c>
      <c r="B56128" s="14" t="s">
        <v>1</v>
      </c>
      <c r="C56128" s="14" t="s">
        <v>96</v>
      </c>
      <c r="D56128" s="14" t="s">
        <v>306</v>
      </c>
      <c r="E56128" s="15">
        <v>45659</v>
      </c>
      <c r="F56128" s="14" t="s">
        <v>15</v>
      </c>
      <c r="G56128" s="16">
        <v>0</v>
      </c>
    </row>
    <row r="56129" spans="1:7" x14ac:dyDescent="0.3">
      <c r="A56129" s="13" t="s">
        <v>305</v>
      </c>
      <c r="B56129" s="14" t="s">
        <v>1</v>
      </c>
      <c r="C56129" s="14" t="s">
        <v>96</v>
      </c>
      <c r="D56129" s="14" t="s">
        <v>306</v>
      </c>
      <c r="E56129" s="15">
        <v>45660</v>
      </c>
      <c r="F56129" s="14" t="s">
        <v>15</v>
      </c>
      <c r="G56129" s="16">
        <v>0</v>
      </c>
    </row>
    <row r="56130" spans="1:7" x14ac:dyDescent="0.3">
      <c r="A56130" s="13" t="s">
        <v>305</v>
      </c>
      <c r="B56130" s="14" t="s">
        <v>1</v>
      </c>
      <c r="C56130" s="14" t="s">
        <v>96</v>
      </c>
      <c r="D56130" s="14" t="s">
        <v>306</v>
      </c>
      <c r="E56130" s="15">
        <v>45661</v>
      </c>
      <c r="F56130" s="14" t="s">
        <v>15</v>
      </c>
      <c r="G56130" s="16">
        <v>0</v>
      </c>
    </row>
    <row r="56131" spans="1:7" x14ac:dyDescent="0.3">
      <c r="A56131" s="13" t="s">
        <v>305</v>
      </c>
      <c r="B56131" s="14" t="s">
        <v>1</v>
      </c>
      <c r="C56131" s="14" t="s">
        <v>96</v>
      </c>
      <c r="D56131" s="14" t="s">
        <v>306</v>
      </c>
      <c r="E56131" s="15">
        <v>45662</v>
      </c>
      <c r="F56131" s="14" t="s">
        <v>15</v>
      </c>
      <c r="G56131" s="16">
        <v>0</v>
      </c>
    </row>
    <row r="56132" spans="1:7" x14ac:dyDescent="0.3">
      <c r="A56132" s="13" t="s">
        <v>305</v>
      </c>
      <c r="B56132" s="14" t="s">
        <v>1</v>
      </c>
      <c r="C56132" s="14" t="s">
        <v>96</v>
      </c>
      <c r="D56132" s="14" t="s">
        <v>306</v>
      </c>
      <c r="E56132" s="15">
        <v>45663</v>
      </c>
      <c r="F56132" s="14" t="s">
        <v>15</v>
      </c>
      <c r="G56132" s="16">
        <v>0</v>
      </c>
    </row>
    <row r="56133" spans="1:7" x14ac:dyDescent="0.3">
      <c r="A56133" s="13" t="s">
        <v>305</v>
      </c>
      <c r="B56133" s="14" t="s">
        <v>1</v>
      </c>
      <c r="C56133" s="14" t="s">
        <v>96</v>
      </c>
      <c r="D56133" s="14" t="s">
        <v>306</v>
      </c>
      <c r="E56133" s="15">
        <v>45664</v>
      </c>
      <c r="F56133" s="14" t="s">
        <v>15</v>
      </c>
      <c r="G56133" s="16">
        <v>0</v>
      </c>
    </row>
    <row r="56134" spans="1:7" x14ac:dyDescent="0.3">
      <c r="A56134" s="13" t="s">
        <v>305</v>
      </c>
      <c r="B56134" s="14" t="s">
        <v>1</v>
      </c>
      <c r="C56134" s="14" t="s">
        <v>96</v>
      </c>
      <c r="D56134" s="14" t="s">
        <v>306</v>
      </c>
      <c r="E56134" s="15">
        <v>45665</v>
      </c>
      <c r="F56134" s="14" t="s">
        <v>15</v>
      </c>
      <c r="G56134" s="16">
        <v>0</v>
      </c>
    </row>
    <row r="56135" spans="1:7" x14ac:dyDescent="0.3">
      <c r="A56135" s="13" t="s">
        <v>305</v>
      </c>
      <c r="B56135" s="14" t="s">
        <v>1</v>
      </c>
      <c r="C56135" s="14" t="s">
        <v>96</v>
      </c>
      <c r="D56135" s="14" t="s">
        <v>306</v>
      </c>
      <c r="E56135" s="15">
        <v>45666</v>
      </c>
      <c r="F56135" s="14" t="s">
        <v>15</v>
      </c>
      <c r="G56135" s="16">
        <v>0</v>
      </c>
    </row>
    <row r="56136" spans="1:7" x14ac:dyDescent="0.3">
      <c r="A56136" s="13" t="s">
        <v>305</v>
      </c>
      <c r="B56136" s="14" t="s">
        <v>1</v>
      </c>
      <c r="C56136" s="14" t="s">
        <v>96</v>
      </c>
      <c r="D56136" s="14" t="s">
        <v>306</v>
      </c>
      <c r="E56136" s="15">
        <v>45667</v>
      </c>
      <c r="F56136" s="14" t="s">
        <v>15</v>
      </c>
      <c r="G56136" s="16">
        <v>0</v>
      </c>
    </row>
    <row r="56137" spans="1:7" x14ac:dyDescent="0.3">
      <c r="A56137" s="13" t="s">
        <v>305</v>
      </c>
      <c r="B56137" s="14" t="s">
        <v>1</v>
      </c>
      <c r="C56137" s="14" t="s">
        <v>96</v>
      </c>
      <c r="D56137" s="14" t="s">
        <v>306</v>
      </c>
      <c r="E56137" s="15">
        <v>45668</v>
      </c>
      <c r="F56137" s="14" t="s">
        <v>15</v>
      </c>
      <c r="G56137" s="16">
        <v>0</v>
      </c>
    </row>
    <row r="56138" spans="1:7" x14ac:dyDescent="0.3">
      <c r="A56138" s="13" t="s">
        <v>305</v>
      </c>
      <c r="B56138" s="14" t="s">
        <v>1</v>
      </c>
      <c r="C56138" s="14" t="s">
        <v>96</v>
      </c>
      <c r="D56138" s="14" t="s">
        <v>306</v>
      </c>
      <c r="E56138" s="15">
        <v>45669</v>
      </c>
      <c r="F56138" s="14" t="s">
        <v>15</v>
      </c>
      <c r="G56138" s="16">
        <v>0</v>
      </c>
    </row>
    <row r="56139" spans="1:7" x14ac:dyDescent="0.3">
      <c r="A56139" s="13" t="s">
        <v>305</v>
      </c>
      <c r="B56139" s="14" t="s">
        <v>1</v>
      </c>
      <c r="C56139" s="14" t="s">
        <v>96</v>
      </c>
      <c r="D56139" s="14" t="s">
        <v>306</v>
      </c>
      <c r="E56139" s="15">
        <v>45670</v>
      </c>
      <c r="F56139" s="14" t="s">
        <v>15</v>
      </c>
      <c r="G56139" s="16">
        <v>0</v>
      </c>
    </row>
    <row r="56140" spans="1:7" x14ac:dyDescent="0.3">
      <c r="A56140" s="13" t="s">
        <v>305</v>
      </c>
      <c r="B56140" s="14" t="s">
        <v>1</v>
      </c>
      <c r="C56140" s="14" t="s">
        <v>96</v>
      </c>
      <c r="D56140" s="14" t="s">
        <v>306</v>
      </c>
      <c r="E56140" s="15">
        <v>45671</v>
      </c>
      <c r="F56140" s="14" t="s">
        <v>15</v>
      </c>
      <c r="G56140" s="16">
        <v>0</v>
      </c>
    </row>
    <row r="56141" spans="1:7" x14ac:dyDescent="0.3">
      <c r="A56141" s="13" t="s">
        <v>305</v>
      </c>
      <c r="B56141" s="14" t="s">
        <v>1</v>
      </c>
      <c r="C56141" s="14" t="s">
        <v>96</v>
      </c>
      <c r="D56141" s="14" t="s">
        <v>306</v>
      </c>
      <c r="E56141" s="15">
        <v>45672</v>
      </c>
      <c r="F56141" s="14" t="s">
        <v>15</v>
      </c>
      <c r="G56141" s="16">
        <v>0</v>
      </c>
    </row>
    <row r="56142" spans="1:7" x14ac:dyDescent="0.3">
      <c r="A56142" s="13" t="s">
        <v>305</v>
      </c>
      <c r="B56142" s="14" t="s">
        <v>1</v>
      </c>
      <c r="C56142" s="14" t="s">
        <v>96</v>
      </c>
      <c r="D56142" s="14" t="s">
        <v>306</v>
      </c>
      <c r="E56142" s="15">
        <v>45673</v>
      </c>
      <c r="F56142" s="14" t="s">
        <v>15</v>
      </c>
      <c r="G56142" s="16">
        <v>0</v>
      </c>
    </row>
    <row r="56143" spans="1:7" x14ac:dyDescent="0.3">
      <c r="A56143" s="13" t="s">
        <v>305</v>
      </c>
      <c r="B56143" s="14" t="s">
        <v>1</v>
      </c>
      <c r="C56143" s="14" t="s">
        <v>96</v>
      </c>
      <c r="D56143" s="14" t="s">
        <v>306</v>
      </c>
      <c r="E56143" s="15">
        <v>45674</v>
      </c>
      <c r="F56143" s="14" t="s">
        <v>15</v>
      </c>
      <c r="G56143" s="16">
        <v>0</v>
      </c>
    </row>
    <row r="56144" spans="1:7" x14ac:dyDescent="0.3">
      <c r="A56144" s="13" t="s">
        <v>305</v>
      </c>
      <c r="B56144" s="14" t="s">
        <v>1</v>
      </c>
      <c r="C56144" s="14" t="s">
        <v>96</v>
      </c>
      <c r="D56144" s="14" t="s">
        <v>306</v>
      </c>
      <c r="E56144" s="15">
        <v>45675</v>
      </c>
      <c r="F56144" s="14" t="s">
        <v>15</v>
      </c>
      <c r="G56144" s="16">
        <v>0</v>
      </c>
    </row>
    <row r="56145" spans="1:7" x14ac:dyDescent="0.3">
      <c r="A56145" s="13" t="s">
        <v>305</v>
      </c>
      <c r="B56145" s="14" t="s">
        <v>1</v>
      </c>
      <c r="C56145" s="14" t="s">
        <v>96</v>
      </c>
      <c r="D56145" s="14" t="s">
        <v>306</v>
      </c>
      <c r="E56145" s="15">
        <v>45676</v>
      </c>
      <c r="F56145" s="14" t="s">
        <v>15</v>
      </c>
      <c r="G56145" s="16">
        <v>0</v>
      </c>
    </row>
    <row r="56146" spans="1:7" x14ac:dyDescent="0.3">
      <c r="A56146" s="13" t="s">
        <v>305</v>
      </c>
      <c r="B56146" s="14" t="s">
        <v>1</v>
      </c>
      <c r="C56146" s="14" t="s">
        <v>96</v>
      </c>
      <c r="D56146" s="14" t="s">
        <v>306</v>
      </c>
      <c r="E56146" s="15">
        <v>45677</v>
      </c>
      <c r="F56146" s="14" t="s">
        <v>15</v>
      </c>
      <c r="G56146" s="16">
        <v>0</v>
      </c>
    </row>
    <row r="56147" spans="1:7" x14ac:dyDescent="0.3">
      <c r="A56147" s="13" t="s">
        <v>305</v>
      </c>
      <c r="B56147" s="14" t="s">
        <v>1</v>
      </c>
      <c r="C56147" s="14" t="s">
        <v>96</v>
      </c>
      <c r="D56147" s="14" t="s">
        <v>306</v>
      </c>
      <c r="E56147" s="15">
        <v>45678</v>
      </c>
      <c r="F56147" s="14" t="s">
        <v>15</v>
      </c>
      <c r="G56147" s="16">
        <v>0</v>
      </c>
    </row>
    <row r="56148" spans="1:7" x14ac:dyDescent="0.3">
      <c r="A56148" s="13" t="s">
        <v>305</v>
      </c>
      <c r="B56148" s="14" t="s">
        <v>1</v>
      </c>
      <c r="C56148" s="14" t="s">
        <v>96</v>
      </c>
      <c r="D56148" s="14" t="s">
        <v>306</v>
      </c>
      <c r="E56148" s="15">
        <v>45679</v>
      </c>
      <c r="F56148" s="14" t="s">
        <v>15</v>
      </c>
      <c r="G56148" s="16">
        <v>0</v>
      </c>
    </row>
    <row r="56149" spans="1:7" x14ac:dyDescent="0.3">
      <c r="A56149" s="13" t="s">
        <v>305</v>
      </c>
      <c r="B56149" s="14" t="s">
        <v>1</v>
      </c>
      <c r="C56149" s="14" t="s">
        <v>96</v>
      </c>
      <c r="D56149" s="14" t="s">
        <v>306</v>
      </c>
      <c r="E56149" s="15">
        <v>45680</v>
      </c>
      <c r="F56149" s="14" t="s">
        <v>15</v>
      </c>
      <c r="G56149" s="16">
        <v>0</v>
      </c>
    </row>
    <row r="56150" spans="1:7" x14ac:dyDescent="0.3">
      <c r="A56150" s="13" t="s">
        <v>305</v>
      </c>
      <c r="B56150" s="14" t="s">
        <v>1</v>
      </c>
      <c r="C56150" s="14" t="s">
        <v>96</v>
      </c>
      <c r="D56150" s="14" t="s">
        <v>306</v>
      </c>
      <c r="E56150" s="15">
        <v>45681</v>
      </c>
      <c r="F56150" s="14" t="s">
        <v>15</v>
      </c>
      <c r="G56150" s="16">
        <v>0</v>
      </c>
    </row>
    <row r="56151" spans="1:7" x14ac:dyDescent="0.3">
      <c r="A56151" s="13" t="s">
        <v>305</v>
      </c>
      <c r="B56151" s="14" t="s">
        <v>1</v>
      </c>
      <c r="C56151" s="14" t="s">
        <v>96</v>
      </c>
      <c r="D56151" s="14" t="s">
        <v>306</v>
      </c>
      <c r="E56151" s="15">
        <v>45682</v>
      </c>
      <c r="F56151" s="14" t="s">
        <v>15</v>
      </c>
      <c r="G56151" s="16">
        <v>0</v>
      </c>
    </row>
    <row r="56152" spans="1:7" x14ac:dyDescent="0.3">
      <c r="A56152" s="13" t="s">
        <v>305</v>
      </c>
      <c r="B56152" s="14" t="s">
        <v>1</v>
      </c>
      <c r="C56152" s="14" t="s">
        <v>96</v>
      </c>
      <c r="D56152" s="14" t="s">
        <v>306</v>
      </c>
      <c r="E56152" s="15">
        <v>45683</v>
      </c>
      <c r="F56152" s="14" t="s">
        <v>15</v>
      </c>
      <c r="G56152" s="16">
        <v>0</v>
      </c>
    </row>
    <row r="56153" spans="1:7" x14ac:dyDescent="0.3">
      <c r="A56153" s="13" t="s">
        <v>305</v>
      </c>
      <c r="B56153" s="14" t="s">
        <v>1</v>
      </c>
      <c r="C56153" s="14" t="s">
        <v>96</v>
      </c>
      <c r="D56153" s="14" t="s">
        <v>306</v>
      </c>
      <c r="E56153" s="15">
        <v>45684</v>
      </c>
      <c r="F56153" s="14" t="s">
        <v>15</v>
      </c>
      <c r="G56153" s="16">
        <v>0</v>
      </c>
    </row>
    <row r="56154" spans="1:7" x14ac:dyDescent="0.3">
      <c r="A56154" s="13" t="s">
        <v>305</v>
      </c>
      <c r="B56154" s="14" t="s">
        <v>1</v>
      </c>
      <c r="C56154" s="14" t="s">
        <v>96</v>
      </c>
      <c r="D56154" s="14" t="s">
        <v>306</v>
      </c>
      <c r="E56154" s="15">
        <v>45685</v>
      </c>
      <c r="F56154" s="14" t="s">
        <v>15</v>
      </c>
      <c r="G56154" s="16">
        <v>0</v>
      </c>
    </row>
    <row r="56155" spans="1:7" x14ac:dyDescent="0.3">
      <c r="A56155" s="13" t="s">
        <v>305</v>
      </c>
      <c r="B56155" s="14" t="s">
        <v>1</v>
      </c>
      <c r="C56155" s="14" t="s">
        <v>96</v>
      </c>
      <c r="D56155" s="14" t="s">
        <v>306</v>
      </c>
      <c r="E56155" s="15">
        <v>45686</v>
      </c>
      <c r="F56155" s="14" t="s">
        <v>15</v>
      </c>
      <c r="G56155" s="16">
        <v>0</v>
      </c>
    </row>
    <row r="56156" spans="1:7" x14ac:dyDescent="0.3">
      <c r="A56156" s="13" t="s">
        <v>305</v>
      </c>
      <c r="B56156" s="14" t="s">
        <v>1</v>
      </c>
      <c r="C56156" s="14" t="s">
        <v>96</v>
      </c>
      <c r="D56156" s="14" t="s">
        <v>306</v>
      </c>
      <c r="E56156" s="15">
        <v>45687</v>
      </c>
      <c r="F56156" s="14" t="s">
        <v>15</v>
      </c>
      <c r="G56156" s="16">
        <v>0</v>
      </c>
    </row>
    <row r="56157" spans="1:7" x14ac:dyDescent="0.3">
      <c r="A56157" s="13" t="s">
        <v>305</v>
      </c>
      <c r="B56157" s="14" t="s">
        <v>1</v>
      </c>
      <c r="C56157" s="14" t="s">
        <v>96</v>
      </c>
      <c r="D56157" s="14" t="s">
        <v>306</v>
      </c>
      <c r="E56157" s="15">
        <v>45688</v>
      </c>
      <c r="F56157" s="14" t="s">
        <v>15</v>
      </c>
      <c r="G56157" s="16">
        <v>0</v>
      </c>
    </row>
    <row r="56158" spans="1:7" x14ac:dyDescent="0.3">
      <c r="A56158" s="13" t="s">
        <v>305</v>
      </c>
      <c r="B56158" s="14" t="s">
        <v>1</v>
      </c>
      <c r="C56158" s="14" t="s">
        <v>96</v>
      </c>
      <c r="D56158" s="14" t="s">
        <v>306</v>
      </c>
      <c r="E56158" s="15">
        <v>45689</v>
      </c>
      <c r="F56158" s="14" t="s">
        <v>15</v>
      </c>
      <c r="G56158" s="16">
        <v>0</v>
      </c>
    </row>
    <row r="56159" spans="1:7" x14ac:dyDescent="0.3">
      <c r="A56159" s="13" t="s">
        <v>305</v>
      </c>
      <c r="B56159" s="14" t="s">
        <v>1</v>
      </c>
      <c r="C56159" s="14" t="s">
        <v>96</v>
      </c>
      <c r="D56159" s="14" t="s">
        <v>306</v>
      </c>
      <c r="E56159" s="15">
        <v>45690</v>
      </c>
      <c r="F56159" s="14" t="s">
        <v>15</v>
      </c>
      <c r="G56159" s="16">
        <v>0</v>
      </c>
    </row>
    <row r="56160" spans="1:7" x14ac:dyDescent="0.3">
      <c r="A56160" s="13" t="s">
        <v>305</v>
      </c>
      <c r="B56160" s="14" t="s">
        <v>1</v>
      </c>
      <c r="C56160" s="14" t="s">
        <v>96</v>
      </c>
      <c r="D56160" s="14" t="s">
        <v>306</v>
      </c>
      <c r="E56160" s="15">
        <v>45691</v>
      </c>
      <c r="F56160" s="14" t="s">
        <v>15</v>
      </c>
      <c r="G56160" s="16">
        <v>0</v>
      </c>
    </row>
    <row r="56161" spans="1:7" x14ac:dyDescent="0.3">
      <c r="A56161" s="13" t="s">
        <v>305</v>
      </c>
      <c r="B56161" s="14" t="s">
        <v>1</v>
      </c>
      <c r="C56161" s="14" t="s">
        <v>96</v>
      </c>
      <c r="D56161" s="14" t="s">
        <v>306</v>
      </c>
      <c r="E56161" s="15">
        <v>45692</v>
      </c>
      <c r="F56161" s="14" t="s">
        <v>15</v>
      </c>
      <c r="G56161" s="16">
        <v>0</v>
      </c>
    </row>
    <row r="56162" spans="1:7" x14ac:dyDescent="0.3">
      <c r="A56162" s="13" t="s">
        <v>305</v>
      </c>
      <c r="B56162" s="14" t="s">
        <v>1</v>
      </c>
      <c r="C56162" s="14" t="s">
        <v>96</v>
      </c>
      <c r="D56162" s="14" t="s">
        <v>306</v>
      </c>
      <c r="E56162" s="15">
        <v>45693</v>
      </c>
      <c r="F56162" s="14" t="s">
        <v>15</v>
      </c>
      <c r="G56162" s="16">
        <v>0</v>
      </c>
    </row>
    <row r="56163" spans="1:7" x14ac:dyDescent="0.3">
      <c r="A56163" s="13" t="s">
        <v>305</v>
      </c>
      <c r="B56163" s="14" t="s">
        <v>1</v>
      </c>
      <c r="C56163" s="14" t="s">
        <v>96</v>
      </c>
      <c r="D56163" s="14" t="s">
        <v>306</v>
      </c>
      <c r="E56163" s="15">
        <v>45694</v>
      </c>
      <c r="F56163" s="14" t="s">
        <v>15</v>
      </c>
      <c r="G56163" s="16">
        <v>0</v>
      </c>
    </row>
    <row r="56164" spans="1:7" x14ac:dyDescent="0.3">
      <c r="A56164" s="13" t="s">
        <v>305</v>
      </c>
      <c r="B56164" s="14" t="s">
        <v>1</v>
      </c>
      <c r="C56164" s="14" t="s">
        <v>96</v>
      </c>
      <c r="D56164" s="14" t="s">
        <v>306</v>
      </c>
      <c r="E56164" s="15">
        <v>45695</v>
      </c>
      <c r="F56164" s="14" t="s">
        <v>15</v>
      </c>
      <c r="G56164" s="16">
        <v>0</v>
      </c>
    </row>
    <row r="56165" spans="1:7" x14ac:dyDescent="0.3">
      <c r="A56165" s="13" t="s">
        <v>305</v>
      </c>
      <c r="B56165" s="14" t="s">
        <v>1</v>
      </c>
      <c r="C56165" s="14" t="s">
        <v>96</v>
      </c>
      <c r="D56165" s="14" t="s">
        <v>306</v>
      </c>
      <c r="E56165" s="15">
        <v>45696</v>
      </c>
      <c r="F56165" s="14" t="s">
        <v>15</v>
      </c>
      <c r="G56165" s="16">
        <v>0</v>
      </c>
    </row>
    <row r="56166" spans="1:7" x14ac:dyDescent="0.3">
      <c r="A56166" s="13" t="s">
        <v>305</v>
      </c>
      <c r="B56166" s="14" t="s">
        <v>1</v>
      </c>
      <c r="C56166" s="14" t="s">
        <v>96</v>
      </c>
      <c r="D56166" s="14" t="s">
        <v>306</v>
      </c>
      <c r="E56166" s="15">
        <v>45697</v>
      </c>
      <c r="F56166" s="14" t="s">
        <v>15</v>
      </c>
      <c r="G56166" s="16">
        <v>0</v>
      </c>
    </row>
    <row r="56167" spans="1:7" x14ac:dyDescent="0.3">
      <c r="A56167" s="13" t="s">
        <v>305</v>
      </c>
      <c r="B56167" s="14" t="s">
        <v>1</v>
      </c>
      <c r="C56167" s="14" t="s">
        <v>96</v>
      </c>
      <c r="D56167" s="14" t="s">
        <v>306</v>
      </c>
      <c r="E56167" s="15">
        <v>45698</v>
      </c>
      <c r="F56167" s="14" t="s">
        <v>15</v>
      </c>
      <c r="G56167" s="16">
        <v>0</v>
      </c>
    </row>
    <row r="56168" spans="1:7" x14ac:dyDescent="0.3">
      <c r="A56168" s="13" t="s">
        <v>305</v>
      </c>
      <c r="B56168" s="14" t="s">
        <v>1</v>
      </c>
      <c r="C56168" s="14" t="s">
        <v>96</v>
      </c>
      <c r="D56168" s="14" t="s">
        <v>306</v>
      </c>
      <c r="E56168" s="15">
        <v>45699</v>
      </c>
      <c r="F56168" s="14" t="s">
        <v>15</v>
      </c>
      <c r="G56168" s="16">
        <v>0</v>
      </c>
    </row>
    <row r="56169" spans="1:7" x14ac:dyDescent="0.3">
      <c r="A56169" s="13" t="s">
        <v>305</v>
      </c>
      <c r="B56169" s="14" t="s">
        <v>1</v>
      </c>
      <c r="C56169" s="14" t="s">
        <v>96</v>
      </c>
      <c r="D56169" s="14" t="s">
        <v>306</v>
      </c>
      <c r="E56169" s="15">
        <v>45700</v>
      </c>
      <c r="F56169" s="14" t="s">
        <v>15</v>
      </c>
      <c r="G56169" s="16">
        <v>0</v>
      </c>
    </row>
    <row r="56170" spans="1:7" x14ac:dyDescent="0.3">
      <c r="A56170" s="13" t="s">
        <v>305</v>
      </c>
      <c r="B56170" s="14" t="s">
        <v>1</v>
      </c>
      <c r="C56170" s="14" t="s">
        <v>96</v>
      </c>
      <c r="D56170" s="14" t="s">
        <v>306</v>
      </c>
      <c r="E56170" s="15">
        <v>45701</v>
      </c>
      <c r="F56170" s="14" t="s">
        <v>15</v>
      </c>
      <c r="G56170" s="16">
        <v>0</v>
      </c>
    </row>
    <row r="56171" spans="1:7" x14ac:dyDescent="0.3">
      <c r="A56171" s="13" t="s">
        <v>305</v>
      </c>
      <c r="B56171" s="14" t="s">
        <v>1</v>
      </c>
      <c r="C56171" s="14" t="s">
        <v>96</v>
      </c>
      <c r="D56171" s="14" t="s">
        <v>306</v>
      </c>
      <c r="E56171" s="15">
        <v>45702</v>
      </c>
      <c r="F56171" s="14" t="s">
        <v>15</v>
      </c>
      <c r="G56171" s="16">
        <v>0</v>
      </c>
    </row>
    <row r="56172" spans="1:7" x14ac:dyDescent="0.3">
      <c r="A56172" s="13" t="s">
        <v>305</v>
      </c>
      <c r="B56172" s="14" t="s">
        <v>1</v>
      </c>
      <c r="C56172" s="14" t="s">
        <v>96</v>
      </c>
      <c r="D56172" s="14" t="s">
        <v>306</v>
      </c>
      <c r="E56172" s="15">
        <v>45703</v>
      </c>
      <c r="F56172" s="14" t="s">
        <v>15</v>
      </c>
      <c r="G56172" s="16">
        <v>0</v>
      </c>
    </row>
    <row r="56173" spans="1:7" x14ac:dyDescent="0.3">
      <c r="A56173" s="13" t="s">
        <v>305</v>
      </c>
      <c r="B56173" s="14" t="s">
        <v>1</v>
      </c>
      <c r="C56173" s="14" t="s">
        <v>96</v>
      </c>
      <c r="D56173" s="14" t="s">
        <v>306</v>
      </c>
      <c r="E56173" s="15">
        <v>45704</v>
      </c>
      <c r="F56173" s="14" t="s">
        <v>15</v>
      </c>
      <c r="G56173" s="16">
        <v>0</v>
      </c>
    </row>
    <row r="56174" spans="1:7" x14ac:dyDescent="0.3">
      <c r="A56174" s="13" t="s">
        <v>305</v>
      </c>
      <c r="B56174" s="14" t="s">
        <v>1</v>
      </c>
      <c r="C56174" s="14" t="s">
        <v>96</v>
      </c>
      <c r="D56174" s="14" t="s">
        <v>306</v>
      </c>
      <c r="E56174" s="15">
        <v>45705</v>
      </c>
      <c r="F56174" s="14" t="s">
        <v>15</v>
      </c>
      <c r="G56174" s="16">
        <v>0</v>
      </c>
    </row>
    <row r="56175" spans="1:7" x14ac:dyDescent="0.3">
      <c r="A56175" s="13" t="s">
        <v>305</v>
      </c>
      <c r="B56175" s="14" t="s">
        <v>1</v>
      </c>
      <c r="C56175" s="14" t="s">
        <v>96</v>
      </c>
      <c r="D56175" s="14" t="s">
        <v>306</v>
      </c>
      <c r="E56175" s="15">
        <v>45706</v>
      </c>
      <c r="F56175" s="14" t="s">
        <v>15</v>
      </c>
      <c r="G56175" s="16">
        <v>0</v>
      </c>
    </row>
    <row r="56176" spans="1:7" x14ac:dyDescent="0.3">
      <c r="A56176" s="13" t="s">
        <v>305</v>
      </c>
      <c r="B56176" s="14" t="s">
        <v>1</v>
      </c>
      <c r="C56176" s="14" t="s">
        <v>96</v>
      </c>
      <c r="D56176" s="14" t="s">
        <v>306</v>
      </c>
      <c r="E56176" s="15">
        <v>45707</v>
      </c>
      <c r="F56176" s="14" t="s">
        <v>15</v>
      </c>
      <c r="G56176" s="16">
        <v>0</v>
      </c>
    </row>
    <row r="56177" spans="1:7" x14ac:dyDescent="0.3">
      <c r="A56177" s="13" t="s">
        <v>305</v>
      </c>
      <c r="B56177" s="14" t="s">
        <v>1</v>
      </c>
      <c r="C56177" s="14" t="s">
        <v>96</v>
      </c>
      <c r="D56177" s="14" t="s">
        <v>306</v>
      </c>
      <c r="E56177" s="15">
        <v>45708</v>
      </c>
      <c r="F56177" s="14" t="s">
        <v>15</v>
      </c>
      <c r="G56177" s="16">
        <v>0</v>
      </c>
    </row>
    <row r="56178" spans="1:7" x14ac:dyDescent="0.3">
      <c r="A56178" s="13" t="s">
        <v>305</v>
      </c>
      <c r="B56178" s="14" t="s">
        <v>1</v>
      </c>
      <c r="C56178" s="14" t="s">
        <v>96</v>
      </c>
      <c r="D56178" s="14" t="s">
        <v>306</v>
      </c>
      <c r="E56178" s="15">
        <v>45709</v>
      </c>
      <c r="F56178" s="14" t="s">
        <v>15</v>
      </c>
      <c r="G56178" s="16">
        <v>0</v>
      </c>
    </row>
    <row r="56179" spans="1:7" x14ac:dyDescent="0.3">
      <c r="A56179" s="13" t="s">
        <v>305</v>
      </c>
      <c r="B56179" s="14" t="s">
        <v>1</v>
      </c>
      <c r="C56179" s="14" t="s">
        <v>96</v>
      </c>
      <c r="D56179" s="14" t="s">
        <v>306</v>
      </c>
      <c r="E56179" s="15">
        <v>45710</v>
      </c>
      <c r="F56179" s="14" t="s">
        <v>15</v>
      </c>
      <c r="G56179" s="16">
        <v>0</v>
      </c>
    </row>
    <row r="56180" spans="1:7" x14ac:dyDescent="0.3">
      <c r="A56180" s="13" t="s">
        <v>305</v>
      </c>
      <c r="B56180" s="14" t="s">
        <v>1</v>
      </c>
      <c r="C56180" s="14" t="s">
        <v>96</v>
      </c>
      <c r="D56180" s="14" t="s">
        <v>306</v>
      </c>
      <c r="E56180" s="15">
        <v>45711</v>
      </c>
      <c r="F56180" s="14" t="s">
        <v>15</v>
      </c>
      <c r="G56180" s="16">
        <v>0</v>
      </c>
    </row>
    <row r="56181" spans="1:7" x14ac:dyDescent="0.3">
      <c r="A56181" s="13" t="s">
        <v>305</v>
      </c>
      <c r="B56181" s="14" t="s">
        <v>1</v>
      </c>
      <c r="C56181" s="14" t="s">
        <v>96</v>
      </c>
      <c r="D56181" s="14" t="s">
        <v>306</v>
      </c>
      <c r="E56181" s="15">
        <v>45712</v>
      </c>
      <c r="F56181" s="14" t="s">
        <v>15</v>
      </c>
      <c r="G56181" s="16">
        <v>0</v>
      </c>
    </row>
    <row r="56182" spans="1:7" x14ac:dyDescent="0.3">
      <c r="A56182" s="13" t="s">
        <v>305</v>
      </c>
      <c r="B56182" s="14" t="s">
        <v>1</v>
      </c>
      <c r="C56182" s="14" t="s">
        <v>96</v>
      </c>
      <c r="D56182" s="14" t="s">
        <v>306</v>
      </c>
      <c r="E56182" s="15">
        <v>45713</v>
      </c>
      <c r="F56182" s="14" t="s">
        <v>15</v>
      </c>
      <c r="G56182" s="16">
        <v>0</v>
      </c>
    </row>
    <row r="56183" spans="1:7" x14ac:dyDescent="0.3">
      <c r="A56183" s="13" t="s">
        <v>305</v>
      </c>
      <c r="B56183" s="14" t="s">
        <v>1</v>
      </c>
      <c r="C56183" s="14" t="s">
        <v>96</v>
      </c>
      <c r="D56183" s="14" t="s">
        <v>306</v>
      </c>
      <c r="E56183" s="15">
        <v>45714</v>
      </c>
      <c r="F56183" s="14" t="s">
        <v>15</v>
      </c>
      <c r="G56183" s="16">
        <v>0</v>
      </c>
    </row>
    <row r="56184" spans="1:7" x14ac:dyDescent="0.3">
      <c r="A56184" s="13" t="s">
        <v>305</v>
      </c>
      <c r="B56184" s="14" t="s">
        <v>1</v>
      </c>
      <c r="C56184" s="14" t="s">
        <v>96</v>
      </c>
      <c r="D56184" s="14" t="s">
        <v>306</v>
      </c>
      <c r="E56184" s="15">
        <v>45715</v>
      </c>
      <c r="F56184" s="14" t="s">
        <v>15</v>
      </c>
      <c r="G56184" s="16">
        <v>0</v>
      </c>
    </row>
    <row r="56185" spans="1:7" x14ac:dyDescent="0.3">
      <c r="A56185" s="13" t="s">
        <v>305</v>
      </c>
      <c r="B56185" s="14" t="s">
        <v>1</v>
      </c>
      <c r="C56185" s="14" t="s">
        <v>96</v>
      </c>
      <c r="D56185" s="14" t="s">
        <v>306</v>
      </c>
      <c r="E56185" s="15">
        <v>45716</v>
      </c>
      <c r="F56185" s="14" t="s">
        <v>15</v>
      </c>
      <c r="G56185" s="16">
        <v>0</v>
      </c>
    </row>
    <row r="56186" spans="1:7" x14ac:dyDescent="0.3">
      <c r="A56186" s="13" t="s">
        <v>305</v>
      </c>
      <c r="B56186" s="14" t="s">
        <v>1</v>
      </c>
      <c r="C56186" s="14" t="s">
        <v>96</v>
      </c>
      <c r="D56186" s="14" t="s">
        <v>306</v>
      </c>
      <c r="E56186" s="15">
        <v>45717</v>
      </c>
      <c r="F56186" s="14" t="s">
        <v>15</v>
      </c>
      <c r="G56186" s="16">
        <v>0</v>
      </c>
    </row>
    <row r="56187" spans="1:7" x14ac:dyDescent="0.3">
      <c r="A56187" s="13" t="s">
        <v>305</v>
      </c>
      <c r="B56187" s="14" t="s">
        <v>1</v>
      </c>
      <c r="C56187" s="14" t="s">
        <v>96</v>
      </c>
      <c r="D56187" s="14" t="s">
        <v>306</v>
      </c>
      <c r="E56187" s="15">
        <v>45718</v>
      </c>
      <c r="F56187" s="14" t="s">
        <v>15</v>
      </c>
      <c r="G56187" s="16">
        <v>0</v>
      </c>
    </row>
    <row r="56188" spans="1:7" x14ac:dyDescent="0.3">
      <c r="A56188" s="13" t="s">
        <v>305</v>
      </c>
      <c r="B56188" s="14" t="s">
        <v>1</v>
      </c>
      <c r="C56188" s="14" t="s">
        <v>96</v>
      </c>
      <c r="D56188" s="14" t="s">
        <v>306</v>
      </c>
      <c r="E56188" s="15">
        <v>45719</v>
      </c>
      <c r="F56188" s="14" t="s">
        <v>15</v>
      </c>
      <c r="G56188" s="16">
        <v>0</v>
      </c>
    </row>
    <row r="56189" spans="1:7" x14ac:dyDescent="0.3">
      <c r="A56189" s="13" t="s">
        <v>305</v>
      </c>
      <c r="B56189" s="14" t="s">
        <v>1</v>
      </c>
      <c r="C56189" s="14" t="s">
        <v>96</v>
      </c>
      <c r="D56189" s="14" t="s">
        <v>306</v>
      </c>
      <c r="E56189" s="15">
        <v>45720</v>
      </c>
      <c r="F56189" s="14" t="s">
        <v>15</v>
      </c>
      <c r="G56189" s="16">
        <v>0</v>
      </c>
    </row>
    <row r="56190" spans="1:7" x14ac:dyDescent="0.3">
      <c r="A56190" s="13" t="s">
        <v>305</v>
      </c>
      <c r="B56190" s="14" t="s">
        <v>1</v>
      </c>
      <c r="C56190" s="14" t="s">
        <v>96</v>
      </c>
      <c r="D56190" s="14" t="s">
        <v>306</v>
      </c>
      <c r="E56190" s="15">
        <v>45721</v>
      </c>
      <c r="F56190" s="14" t="s">
        <v>15</v>
      </c>
      <c r="G56190" s="16">
        <v>0</v>
      </c>
    </row>
    <row r="56191" spans="1:7" x14ac:dyDescent="0.3">
      <c r="A56191" s="13" t="s">
        <v>305</v>
      </c>
      <c r="B56191" s="14" t="s">
        <v>1</v>
      </c>
      <c r="C56191" s="14" t="s">
        <v>96</v>
      </c>
      <c r="D56191" s="14" t="s">
        <v>306</v>
      </c>
      <c r="E56191" s="15">
        <v>45722</v>
      </c>
      <c r="F56191" s="14" t="s">
        <v>15</v>
      </c>
      <c r="G56191" s="16">
        <v>0</v>
      </c>
    </row>
    <row r="56192" spans="1:7" x14ac:dyDescent="0.3">
      <c r="A56192" s="13" t="s">
        <v>305</v>
      </c>
      <c r="B56192" s="14" t="s">
        <v>1</v>
      </c>
      <c r="C56192" s="14" t="s">
        <v>96</v>
      </c>
      <c r="D56192" s="14" t="s">
        <v>306</v>
      </c>
      <c r="E56192" s="15">
        <v>45723</v>
      </c>
      <c r="F56192" s="14" t="s">
        <v>15</v>
      </c>
      <c r="G56192" s="16">
        <v>0</v>
      </c>
    </row>
    <row r="56193" spans="1:7" x14ac:dyDescent="0.3">
      <c r="A56193" s="13" t="s">
        <v>305</v>
      </c>
      <c r="B56193" s="14" t="s">
        <v>1</v>
      </c>
      <c r="C56193" s="14" t="s">
        <v>96</v>
      </c>
      <c r="D56193" s="14" t="s">
        <v>306</v>
      </c>
      <c r="E56193" s="15">
        <v>45724</v>
      </c>
      <c r="F56193" s="14" t="s">
        <v>15</v>
      </c>
      <c r="G56193" s="16">
        <v>0</v>
      </c>
    </row>
    <row r="56194" spans="1:7" x14ac:dyDescent="0.3">
      <c r="A56194" s="13" t="s">
        <v>305</v>
      </c>
      <c r="B56194" s="14" t="s">
        <v>1</v>
      </c>
      <c r="C56194" s="14" t="s">
        <v>96</v>
      </c>
      <c r="D56194" s="14" t="s">
        <v>306</v>
      </c>
      <c r="E56194" s="15">
        <v>45725</v>
      </c>
      <c r="F56194" s="14" t="s">
        <v>15</v>
      </c>
      <c r="G56194" s="16">
        <v>0</v>
      </c>
    </row>
    <row r="56195" spans="1:7" x14ac:dyDescent="0.3">
      <c r="A56195" s="13" t="s">
        <v>305</v>
      </c>
      <c r="B56195" s="14" t="s">
        <v>1</v>
      </c>
      <c r="C56195" s="14" t="s">
        <v>96</v>
      </c>
      <c r="D56195" s="14" t="s">
        <v>306</v>
      </c>
      <c r="E56195" s="15">
        <v>45726</v>
      </c>
      <c r="F56195" s="14" t="s">
        <v>15</v>
      </c>
      <c r="G56195" s="16">
        <v>0</v>
      </c>
    </row>
    <row r="56196" spans="1:7" x14ac:dyDescent="0.3">
      <c r="A56196" s="13" t="s">
        <v>305</v>
      </c>
      <c r="B56196" s="14" t="s">
        <v>1</v>
      </c>
      <c r="C56196" s="14" t="s">
        <v>96</v>
      </c>
      <c r="D56196" s="14" t="s">
        <v>306</v>
      </c>
      <c r="E56196" s="15">
        <v>45727</v>
      </c>
      <c r="F56196" s="14" t="s">
        <v>15</v>
      </c>
      <c r="G56196" s="16">
        <v>0</v>
      </c>
    </row>
    <row r="56197" spans="1:7" x14ac:dyDescent="0.3">
      <c r="A56197" s="13" t="s">
        <v>305</v>
      </c>
      <c r="B56197" s="14" t="s">
        <v>1</v>
      </c>
      <c r="C56197" s="14" t="s">
        <v>96</v>
      </c>
      <c r="D56197" s="14" t="s">
        <v>306</v>
      </c>
      <c r="E56197" s="15">
        <v>45728</v>
      </c>
      <c r="F56197" s="14" t="s">
        <v>15</v>
      </c>
      <c r="G56197" s="16">
        <v>0</v>
      </c>
    </row>
    <row r="56198" spans="1:7" x14ac:dyDescent="0.3">
      <c r="A56198" s="13" t="s">
        <v>305</v>
      </c>
      <c r="B56198" s="14" t="s">
        <v>1</v>
      </c>
      <c r="C56198" s="14" t="s">
        <v>96</v>
      </c>
      <c r="D56198" s="14" t="s">
        <v>306</v>
      </c>
      <c r="E56198" s="15">
        <v>45729</v>
      </c>
      <c r="F56198" s="14" t="s">
        <v>15</v>
      </c>
      <c r="G56198" s="16">
        <v>0</v>
      </c>
    </row>
    <row r="56199" spans="1:7" x14ac:dyDescent="0.3">
      <c r="A56199" s="13" t="s">
        <v>305</v>
      </c>
      <c r="B56199" s="14" t="s">
        <v>1</v>
      </c>
      <c r="C56199" s="14" t="s">
        <v>96</v>
      </c>
      <c r="D56199" s="14" t="s">
        <v>306</v>
      </c>
      <c r="E56199" s="15">
        <v>45730</v>
      </c>
      <c r="F56199" s="14" t="s">
        <v>15</v>
      </c>
      <c r="G56199" s="16">
        <v>0</v>
      </c>
    </row>
    <row r="56200" spans="1:7" x14ac:dyDescent="0.3">
      <c r="A56200" s="13" t="s">
        <v>305</v>
      </c>
      <c r="B56200" s="14" t="s">
        <v>1</v>
      </c>
      <c r="C56200" s="14" t="s">
        <v>96</v>
      </c>
      <c r="D56200" s="14" t="s">
        <v>306</v>
      </c>
      <c r="E56200" s="15">
        <v>45731</v>
      </c>
      <c r="F56200" s="14" t="s">
        <v>15</v>
      </c>
      <c r="G56200" s="16">
        <v>0</v>
      </c>
    </row>
    <row r="56201" spans="1:7" x14ac:dyDescent="0.3">
      <c r="A56201" s="13" t="s">
        <v>305</v>
      </c>
      <c r="B56201" s="14" t="s">
        <v>1</v>
      </c>
      <c r="C56201" s="14" t="s">
        <v>96</v>
      </c>
      <c r="D56201" s="14" t="s">
        <v>306</v>
      </c>
      <c r="E56201" s="15">
        <v>45732</v>
      </c>
      <c r="F56201" s="14" t="s">
        <v>15</v>
      </c>
      <c r="G56201" s="16">
        <v>0</v>
      </c>
    </row>
    <row r="56202" spans="1:7" x14ac:dyDescent="0.3">
      <c r="A56202" s="13" t="s">
        <v>305</v>
      </c>
      <c r="B56202" s="14" t="s">
        <v>1</v>
      </c>
      <c r="C56202" s="14" t="s">
        <v>96</v>
      </c>
      <c r="D56202" s="14" t="s">
        <v>306</v>
      </c>
      <c r="E56202" s="15">
        <v>45733</v>
      </c>
      <c r="F56202" s="14" t="s">
        <v>15</v>
      </c>
      <c r="G56202" s="16">
        <v>0</v>
      </c>
    </row>
    <row r="56203" spans="1:7" x14ac:dyDescent="0.3">
      <c r="A56203" s="13" t="s">
        <v>305</v>
      </c>
      <c r="B56203" s="14" t="s">
        <v>1</v>
      </c>
      <c r="C56203" s="14" t="s">
        <v>96</v>
      </c>
      <c r="D56203" s="14" t="s">
        <v>306</v>
      </c>
      <c r="E56203" s="15">
        <v>45734</v>
      </c>
      <c r="F56203" s="14" t="s">
        <v>15</v>
      </c>
      <c r="G56203" s="16">
        <v>0</v>
      </c>
    </row>
    <row r="56204" spans="1:7" x14ac:dyDescent="0.3">
      <c r="A56204" s="13" t="s">
        <v>305</v>
      </c>
      <c r="B56204" s="14" t="s">
        <v>1</v>
      </c>
      <c r="C56204" s="14" t="s">
        <v>96</v>
      </c>
      <c r="D56204" s="14" t="s">
        <v>306</v>
      </c>
      <c r="E56204" s="15">
        <v>45735</v>
      </c>
      <c r="F56204" s="14" t="s">
        <v>15</v>
      </c>
      <c r="G56204" s="16">
        <v>0</v>
      </c>
    </row>
    <row r="56205" spans="1:7" x14ac:dyDescent="0.3">
      <c r="A56205" s="13" t="s">
        <v>305</v>
      </c>
      <c r="B56205" s="14" t="s">
        <v>1</v>
      </c>
      <c r="C56205" s="14" t="s">
        <v>96</v>
      </c>
      <c r="D56205" s="14" t="s">
        <v>306</v>
      </c>
      <c r="E56205" s="15">
        <v>45736</v>
      </c>
      <c r="F56205" s="14" t="s">
        <v>15</v>
      </c>
      <c r="G56205" s="16">
        <v>0</v>
      </c>
    </row>
    <row r="56206" spans="1:7" x14ac:dyDescent="0.3">
      <c r="A56206" s="13" t="s">
        <v>305</v>
      </c>
      <c r="B56206" s="14" t="s">
        <v>1</v>
      </c>
      <c r="C56206" s="14" t="s">
        <v>96</v>
      </c>
      <c r="D56206" s="14" t="s">
        <v>306</v>
      </c>
      <c r="E56206" s="15">
        <v>45737</v>
      </c>
      <c r="F56206" s="14" t="s">
        <v>15</v>
      </c>
      <c r="G56206" s="16">
        <v>0</v>
      </c>
    </row>
    <row r="56207" spans="1:7" x14ac:dyDescent="0.3">
      <c r="A56207" s="13" t="s">
        <v>305</v>
      </c>
      <c r="B56207" s="14" t="s">
        <v>1</v>
      </c>
      <c r="C56207" s="14" t="s">
        <v>96</v>
      </c>
      <c r="D56207" s="14" t="s">
        <v>306</v>
      </c>
      <c r="E56207" s="15">
        <v>45738</v>
      </c>
      <c r="F56207" s="14" t="s">
        <v>15</v>
      </c>
      <c r="G56207" s="16">
        <v>0</v>
      </c>
    </row>
    <row r="56208" spans="1:7" x14ac:dyDescent="0.3">
      <c r="A56208" s="13" t="s">
        <v>305</v>
      </c>
      <c r="B56208" s="14" t="s">
        <v>1</v>
      </c>
      <c r="C56208" s="14" t="s">
        <v>96</v>
      </c>
      <c r="D56208" s="14" t="s">
        <v>306</v>
      </c>
      <c r="E56208" s="15">
        <v>45739</v>
      </c>
      <c r="F56208" s="14" t="s">
        <v>15</v>
      </c>
      <c r="G56208" s="16">
        <v>0</v>
      </c>
    </row>
    <row r="56209" spans="1:7" x14ac:dyDescent="0.3">
      <c r="A56209" s="13" t="s">
        <v>305</v>
      </c>
      <c r="B56209" s="14" t="s">
        <v>1</v>
      </c>
      <c r="C56209" s="14" t="s">
        <v>96</v>
      </c>
      <c r="D56209" s="14" t="s">
        <v>306</v>
      </c>
      <c r="E56209" s="15">
        <v>45740</v>
      </c>
      <c r="F56209" s="14" t="s">
        <v>15</v>
      </c>
      <c r="G56209" s="16">
        <v>0</v>
      </c>
    </row>
    <row r="56210" spans="1:7" x14ac:dyDescent="0.3">
      <c r="A56210" s="13" t="s">
        <v>305</v>
      </c>
      <c r="B56210" s="14" t="s">
        <v>1</v>
      </c>
      <c r="C56210" s="14" t="s">
        <v>96</v>
      </c>
      <c r="D56210" s="14" t="s">
        <v>306</v>
      </c>
      <c r="E56210" s="15">
        <v>45741</v>
      </c>
      <c r="F56210" s="14" t="s">
        <v>15</v>
      </c>
      <c r="G56210" s="16">
        <v>0</v>
      </c>
    </row>
    <row r="56211" spans="1:7" x14ac:dyDescent="0.3">
      <c r="A56211" s="13" t="s">
        <v>305</v>
      </c>
      <c r="B56211" s="14" t="s">
        <v>1</v>
      </c>
      <c r="C56211" s="14" t="s">
        <v>96</v>
      </c>
      <c r="D56211" s="14" t="s">
        <v>306</v>
      </c>
      <c r="E56211" s="15">
        <v>45742</v>
      </c>
      <c r="F56211" s="14" t="s">
        <v>15</v>
      </c>
      <c r="G56211" s="16">
        <v>1.3175726891777869E-2</v>
      </c>
    </row>
    <row r="56212" spans="1:7" x14ac:dyDescent="0.3">
      <c r="A56212" s="13" t="s">
        <v>305</v>
      </c>
      <c r="B56212" s="14" t="s">
        <v>1</v>
      </c>
      <c r="C56212" s="14" t="s">
        <v>96</v>
      </c>
      <c r="D56212" s="14" t="s">
        <v>306</v>
      </c>
      <c r="E56212" s="15">
        <v>45743</v>
      </c>
      <c r="F56212" s="14" t="s">
        <v>15</v>
      </c>
      <c r="G56212" s="16">
        <v>2.3091362637722403E-2</v>
      </c>
    </row>
    <row r="56213" spans="1:7" x14ac:dyDescent="0.3">
      <c r="A56213" s="13" t="s">
        <v>305</v>
      </c>
      <c r="B56213" s="14" t="s">
        <v>1</v>
      </c>
      <c r="C56213" s="14" t="s">
        <v>96</v>
      </c>
      <c r="D56213" s="14" t="s">
        <v>306</v>
      </c>
      <c r="E56213" s="15">
        <v>45744</v>
      </c>
      <c r="F56213" s="14" t="s">
        <v>15</v>
      </c>
      <c r="G56213" s="16">
        <v>1.4092921415734842E-2</v>
      </c>
    </row>
    <row r="56214" spans="1:7" x14ac:dyDescent="0.3">
      <c r="A56214" s="13" t="s">
        <v>305</v>
      </c>
      <c r="B56214" s="14" t="s">
        <v>1</v>
      </c>
      <c r="C56214" s="14" t="s">
        <v>96</v>
      </c>
      <c r="D56214" s="14" t="s">
        <v>306</v>
      </c>
      <c r="E56214" s="15">
        <v>45745</v>
      </c>
      <c r="F56214" s="14" t="s">
        <v>15</v>
      </c>
      <c r="G56214" s="16">
        <v>1.4092921415734842E-2</v>
      </c>
    </row>
    <row r="56215" spans="1:7" x14ac:dyDescent="0.3">
      <c r="A56215" s="13" t="s">
        <v>305</v>
      </c>
      <c r="B56215" s="14" t="s">
        <v>1</v>
      </c>
      <c r="C56215" s="14" t="s">
        <v>96</v>
      </c>
      <c r="D56215" s="14" t="s">
        <v>306</v>
      </c>
      <c r="E56215" s="15">
        <v>45746</v>
      </c>
      <c r="F56215" s="14" t="s">
        <v>15</v>
      </c>
      <c r="G56215" s="16">
        <v>1.4092921415734842E-2</v>
      </c>
    </row>
    <row r="56216" spans="1:7" x14ac:dyDescent="0.3">
      <c r="A56216" s="13" t="s">
        <v>305</v>
      </c>
      <c r="B56216" s="14" t="s">
        <v>1</v>
      </c>
      <c r="C56216" s="14" t="s">
        <v>96</v>
      </c>
      <c r="D56216" s="14" t="s">
        <v>306</v>
      </c>
      <c r="E56216" s="15">
        <v>45747</v>
      </c>
      <c r="F56216" s="14" t="s">
        <v>15</v>
      </c>
      <c r="G56216" s="16">
        <v>1.4092921415734842E-2</v>
      </c>
    </row>
    <row r="56217" spans="1:7" x14ac:dyDescent="0.3">
      <c r="A56217" s="13" t="s">
        <v>307</v>
      </c>
      <c r="B56217" s="14" t="s">
        <v>1</v>
      </c>
      <c r="C56217" s="14" t="s">
        <v>41</v>
      </c>
      <c r="D56217" s="14" t="s">
        <v>308</v>
      </c>
      <c r="E56217" s="15">
        <v>45383</v>
      </c>
      <c r="F56217" s="14" t="s">
        <v>43</v>
      </c>
      <c r="G56217" s="16">
        <v>0</v>
      </c>
    </row>
    <row r="56218" spans="1:7" x14ac:dyDescent="0.3">
      <c r="A56218" s="13" t="s">
        <v>307</v>
      </c>
      <c r="B56218" s="14" t="s">
        <v>1</v>
      </c>
      <c r="C56218" s="14" t="s">
        <v>41</v>
      </c>
      <c r="D56218" s="14" t="s">
        <v>308</v>
      </c>
      <c r="E56218" s="15">
        <v>45384</v>
      </c>
      <c r="F56218" s="14" t="s">
        <v>43</v>
      </c>
      <c r="G56218" s="16">
        <v>0</v>
      </c>
    </row>
    <row r="56219" spans="1:7" x14ac:dyDescent="0.3">
      <c r="A56219" s="13" t="s">
        <v>307</v>
      </c>
      <c r="B56219" s="14" t="s">
        <v>1</v>
      </c>
      <c r="C56219" s="14" t="s">
        <v>41</v>
      </c>
      <c r="D56219" s="14" t="s">
        <v>308</v>
      </c>
      <c r="E56219" s="15">
        <v>45385</v>
      </c>
      <c r="F56219" s="14" t="s">
        <v>43</v>
      </c>
      <c r="G56219" s="16">
        <v>0</v>
      </c>
    </row>
    <row r="56220" spans="1:7" x14ac:dyDescent="0.3">
      <c r="A56220" s="13" t="s">
        <v>307</v>
      </c>
      <c r="B56220" s="14" t="s">
        <v>1</v>
      </c>
      <c r="C56220" s="14" t="s">
        <v>41</v>
      </c>
      <c r="D56220" s="14" t="s">
        <v>308</v>
      </c>
      <c r="E56220" s="15">
        <v>45386</v>
      </c>
      <c r="F56220" s="14" t="s">
        <v>43</v>
      </c>
      <c r="G56220" s="16">
        <v>0</v>
      </c>
    </row>
    <row r="56221" spans="1:7" x14ac:dyDescent="0.3">
      <c r="A56221" s="13" t="s">
        <v>307</v>
      </c>
      <c r="B56221" s="14" t="s">
        <v>1</v>
      </c>
      <c r="C56221" s="14" t="s">
        <v>41</v>
      </c>
      <c r="D56221" s="14" t="s">
        <v>308</v>
      </c>
      <c r="E56221" s="15">
        <v>45387</v>
      </c>
      <c r="F56221" s="14" t="s">
        <v>43</v>
      </c>
      <c r="G56221" s="16">
        <v>0</v>
      </c>
    </row>
    <row r="56222" spans="1:7" x14ac:dyDescent="0.3">
      <c r="A56222" s="13" t="s">
        <v>307</v>
      </c>
      <c r="B56222" s="14" t="s">
        <v>1</v>
      </c>
      <c r="C56222" s="14" t="s">
        <v>41</v>
      </c>
      <c r="D56222" s="14" t="s">
        <v>308</v>
      </c>
      <c r="E56222" s="15">
        <v>45388</v>
      </c>
      <c r="F56222" s="14" t="s">
        <v>43</v>
      </c>
      <c r="G56222" s="16">
        <v>0</v>
      </c>
    </row>
    <row r="56223" spans="1:7" x14ac:dyDescent="0.3">
      <c r="A56223" s="13" t="s">
        <v>307</v>
      </c>
      <c r="B56223" s="14" t="s">
        <v>1</v>
      </c>
      <c r="C56223" s="14" t="s">
        <v>41</v>
      </c>
      <c r="D56223" s="14" t="s">
        <v>308</v>
      </c>
      <c r="E56223" s="15">
        <v>45389</v>
      </c>
      <c r="F56223" s="14" t="s">
        <v>43</v>
      </c>
      <c r="G56223" s="16">
        <v>0</v>
      </c>
    </row>
    <row r="56224" spans="1:7" x14ac:dyDescent="0.3">
      <c r="A56224" s="13" t="s">
        <v>307</v>
      </c>
      <c r="B56224" s="14" t="s">
        <v>1</v>
      </c>
      <c r="C56224" s="14" t="s">
        <v>41</v>
      </c>
      <c r="D56224" s="14" t="s">
        <v>308</v>
      </c>
      <c r="E56224" s="15">
        <v>45390</v>
      </c>
      <c r="F56224" s="14" t="s">
        <v>43</v>
      </c>
      <c r="G56224" s="16">
        <v>0</v>
      </c>
    </row>
    <row r="56225" spans="1:7" x14ac:dyDescent="0.3">
      <c r="A56225" s="13" t="s">
        <v>307</v>
      </c>
      <c r="B56225" s="14" t="s">
        <v>1</v>
      </c>
      <c r="C56225" s="14" t="s">
        <v>41</v>
      </c>
      <c r="D56225" s="14" t="s">
        <v>308</v>
      </c>
      <c r="E56225" s="15">
        <v>45391</v>
      </c>
      <c r="F56225" s="14" t="s">
        <v>43</v>
      </c>
      <c r="G56225" s="16">
        <v>0</v>
      </c>
    </row>
    <row r="56226" spans="1:7" x14ac:dyDescent="0.3">
      <c r="A56226" s="13" t="s">
        <v>307</v>
      </c>
      <c r="B56226" s="14" t="s">
        <v>1</v>
      </c>
      <c r="C56226" s="14" t="s">
        <v>41</v>
      </c>
      <c r="D56226" s="14" t="s">
        <v>308</v>
      </c>
      <c r="E56226" s="15">
        <v>45392</v>
      </c>
      <c r="F56226" s="14" t="s">
        <v>43</v>
      </c>
      <c r="G56226" s="16">
        <v>0</v>
      </c>
    </row>
    <row r="56227" spans="1:7" x14ac:dyDescent="0.3">
      <c r="A56227" s="13" t="s">
        <v>307</v>
      </c>
      <c r="B56227" s="14" t="s">
        <v>1</v>
      </c>
      <c r="C56227" s="14" t="s">
        <v>41</v>
      </c>
      <c r="D56227" s="14" t="s">
        <v>308</v>
      </c>
      <c r="E56227" s="15">
        <v>45393</v>
      </c>
      <c r="F56227" s="14" t="s">
        <v>43</v>
      </c>
      <c r="G56227" s="16">
        <v>0</v>
      </c>
    </row>
    <row r="56228" spans="1:7" x14ac:dyDescent="0.3">
      <c r="A56228" s="13" t="s">
        <v>307</v>
      </c>
      <c r="B56228" s="14" t="s">
        <v>1</v>
      </c>
      <c r="C56228" s="14" t="s">
        <v>41</v>
      </c>
      <c r="D56228" s="14" t="s">
        <v>308</v>
      </c>
      <c r="E56228" s="15">
        <v>45394</v>
      </c>
      <c r="F56228" s="14" t="s">
        <v>43</v>
      </c>
      <c r="G56228" s="16">
        <v>0</v>
      </c>
    </row>
    <row r="56229" spans="1:7" x14ac:dyDescent="0.3">
      <c r="A56229" s="13" t="s">
        <v>307</v>
      </c>
      <c r="B56229" s="14" t="s">
        <v>1</v>
      </c>
      <c r="C56229" s="14" t="s">
        <v>41</v>
      </c>
      <c r="D56229" s="14" t="s">
        <v>308</v>
      </c>
      <c r="E56229" s="15">
        <v>45395</v>
      </c>
      <c r="F56229" s="14" t="s">
        <v>43</v>
      </c>
      <c r="G56229" s="16">
        <v>0</v>
      </c>
    </row>
    <row r="56230" spans="1:7" x14ac:dyDescent="0.3">
      <c r="A56230" s="13" t="s">
        <v>307</v>
      </c>
      <c r="B56230" s="14" t="s">
        <v>1</v>
      </c>
      <c r="C56230" s="14" t="s">
        <v>41</v>
      </c>
      <c r="D56230" s="14" t="s">
        <v>308</v>
      </c>
      <c r="E56230" s="15">
        <v>45396</v>
      </c>
      <c r="F56230" s="14" t="s">
        <v>43</v>
      </c>
      <c r="G56230" s="16">
        <v>0</v>
      </c>
    </row>
    <row r="56231" spans="1:7" x14ac:dyDescent="0.3">
      <c r="A56231" s="13" t="s">
        <v>307</v>
      </c>
      <c r="B56231" s="14" t="s">
        <v>1</v>
      </c>
      <c r="C56231" s="14" t="s">
        <v>41</v>
      </c>
      <c r="D56231" s="14" t="s">
        <v>308</v>
      </c>
      <c r="E56231" s="15">
        <v>45397</v>
      </c>
      <c r="F56231" s="14" t="s">
        <v>43</v>
      </c>
      <c r="G56231" s="16">
        <v>0</v>
      </c>
    </row>
    <row r="56232" spans="1:7" x14ac:dyDescent="0.3">
      <c r="A56232" s="13" t="s">
        <v>307</v>
      </c>
      <c r="B56232" s="14" t="s">
        <v>1</v>
      </c>
      <c r="C56232" s="14" t="s">
        <v>41</v>
      </c>
      <c r="D56232" s="14" t="s">
        <v>308</v>
      </c>
      <c r="E56232" s="15">
        <v>45398</v>
      </c>
      <c r="F56232" s="14" t="s">
        <v>43</v>
      </c>
      <c r="G56232" s="16">
        <v>0</v>
      </c>
    </row>
    <row r="56233" spans="1:7" x14ac:dyDescent="0.3">
      <c r="A56233" s="13" t="s">
        <v>307</v>
      </c>
      <c r="B56233" s="14" t="s">
        <v>1</v>
      </c>
      <c r="C56233" s="14" t="s">
        <v>41</v>
      </c>
      <c r="D56233" s="14" t="s">
        <v>308</v>
      </c>
      <c r="E56233" s="15">
        <v>45399</v>
      </c>
      <c r="F56233" s="14" t="s">
        <v>43</v>
      </c>
      <c r="G56233" s="16">
        <v>0</v>
      </c>
    </row>
    <row r="56234" spans="1:7" x14ac:dyDescent="0.3">
      <c r="A56234" s="13" t="s">
        <v>307</v>
      </c>
      <c r="B56234" s="14" t="s">
        <v>1</v>
      </c>
      <c r="C56234" s="14" t="s">
        <v>41</v>
      </c>
      <c r="D56234" s="14" t="s">
        <v>308</v>
      </c>
      <c r="E56234" s="15">
        <v>45400</v>
      </c>
      <c r="F56234" s="14" t="s">
        <v>43</v>
      </c>
      <c r="G56234" s="16">
        <v>0</v>
      </c>
    </row>
    <row r="56235" spans="1:7" x14ac:dyDescent="0.3">
      <c r="A56235" s="13" t="s">
        <v>307</v>
      </c>
      <c r="B56235" s="14" t="s">
        <v>1</v>
      </c>
      <c r="C56235" s="14" t="s">
        <v>41</v>
      </c>
      <c r="D56235" s="14" t="s">
        <v>308</v>
      </c>
      <c r="E56235" s="15">
        <v>45401</v>
      </c>
      <c r="F56235" s="14" t="s">
        <v>43</v>
      </c>
      <c r="G56235" s="16">
        <v>0</v>
      </c>
    </row>
    <row r="56236" spans="1:7" x14ac:dyDescent="0.3">
      <c r="A56236" s="13" t="s">
        <v>307</v>
      </c>
      <c r="B56236" s="14" t="s">
        <v>1</v>
      </c>
      <c r="C56236" s="14" t="s">
        <v>41</v>
      </c>
      <c r="D56236" s="14" t="s">
        <v>308</v>
      </c>
      <c r="E56236" s="15">
        <v>45402</v>
      </c>
      <c r="F56236" s="14" t="s">
        <v>43</v>
      </c>
      <c r="G56236" s="16">
        <v>0</v>
      </c>
    </row>
    <row r="56237" spans="1:7" x14ac:dyDescent="0.3">
      <c r="A56237" s="13" t="s">
        <v>307</v>
      </c>
      <c r="B56237" s="14" t="s">
        <v>1</v>
      </c>
      <c r="C56237" s="14" t="s">
        <v>41</v>
      </c>
      <c r="D56237" s="14" t="s">
        <v>308</v>
      </c>
      <c r="E56237" s="15">
        <v>45403</v>
      </c>
      <c r="F56237" s="14" t="s">
        <v>43</v>
      </c>
      <c r="G56237" s="16">
        <v>0</v>
      </c>
    </row>
    <row r="56238" spans="1:7" x14ac:dyDescent="0.3">
      <c r="A56238" s="13" t="s">
        <v>307</v>
      </c>
      <c r="B56238" s="14" t="s">
        <v>1</v>
      </c>
      <c r="C56238" s="14" t="s">
        <v>41</v>
      </c>
      <c r="D56238" s="14" t="s">
        <v>308</v>
      </c>
      <c r="E56238" s="15">
        <v>45404</v>
      </c>
      <c r="F56238" s="14" t="s">
        <v>43</v>
      </c>
      <c r="G56238" s="16">
        <v>0</v>
      </c>
    </row>
    <row r="56239" spans="1:7" x14ac:dyDescent="0.3">
      <c r="A56239" s="13" t="s">
        <v>307</v>
      </c>
      <c r="B56239" s="14" t="s">
        <v>1</v>
      </c>
      <c r="C56239" s="14" t="s">
        <v>41</v>
      </c>
      <c r="D56239" s="14" t="s">
        <v>308</v>
      </c>
      <c r="E56239" s="15">
        <v>45405</v>
      </c>
      <c r="F56239" s="14" t="s">
        <v>43</v>
      </c>
      <c r="G56239" s="16">
        <v>0</v>
      </c>
    </row>
    <row r="56240" spans="1:7" x14ac:dyDescent="0.3">
      <c r="A56240" s="13" t="s">
        <v>307</v>
      </c>
      <c r="B56240" s="14" t="s">
        <v>1</v>
      </c>
      <c r="C56240" s="14" t="s">
        <v>41</v>
      </c>
      <c r="D56240" s="14" t="s">
        <v>308</v>
      </c>
      <c r="E56240" s="15">
        <v>45406</v>
      </c>
      <c r="F56240" s="14" t="s">
        <v>43</v>
      </c>
      <c r="G56240" s="16">
        <v>0</v>
      </c>
    </row>
    <row r="56241" spans="1:7" x14ac:dyDescent="0.3">
      <c r="A56241" s="13" t="s">
        <v>307</v>
      </c>
      <c r="B56241" s="14" t="s">
        <v>1</v>
      </c>
      <c r="C56241" s="14" t="s">
        <v>41</v>
      </c>
      <c r="D56241" s="14" t="s">
        <v>308</v>
      </c>
      <c r="E56241" s="15">
        <v>45407</v>
      </c>
      <c r="F56241" s="14" t="s">
        <v>43</v>
      </c>
      <c r="G56241" s="16">
        <v>0</v>
      </c>
    </row>
    <row r="56242" spans="1:7" x14ac:dyDescent="0.3">
      <c r="A56242" s="13" t="s">
        <v>307</v>
      </c>
      <c r="B56242" s="14" t="s">
        <v>1</v>
      </c>
      <c r="C56242" s="14" t="s">
        <v>41</v>
      </c>
      <c r="D56242" s="14" t="s">
        <v>308</v>
      </c>
      <c r="E56242" s="15">
        <v>45408</v>
      </c>
      <c r="F56242" s="14" t="s">
        <v>43</v>
      </c>
      <c r="G56242" s="16">
        <v>0</v>
      </c>
    </row>
    <row r="56243" spans="1:7" x14ac:dyDescent="0.3">
      <c r="A56243" s="13" t="s">
        <v>307</v>
      </c>
      <c r="B56243" s="14" t="s">
        <v>1</v>
      </c>
      <c r="C56243" s="14" t="s">
        <v>41</v>
      </c>
      <c r="D56243" s="14" t="s">
        <v>308</v>
      </c>
      <c r="E56243" s="15">
        <v>45409</v>
      </c>
      <c r="F56243" s="14" t="s">
        <v>43</v>
      </c>
      <c r="G56243" s="16">
        <v>0</v>
      </c>
    </row>
    <row r="56244" spans="1:7" x14ac:dyDescent="0.3">
      <c r="A56244" s="13" t="s">
        <v>307</v>
      </c>
      <c r="B56244" s="14" t="s">
        <v>1</v>
      </c>
      <c r="C56244" s="14" t="s">
        <v>41</v>
      </c>
      <c r="D56244" s="14" t="s">
        <v>308</v>
      </c>
      <c r="E56244" s="15">
        <v>45410</v>
      </c>
      <c r="F56244" s="14" t="s">
        <v>43</v>
      </c>
      <c r="G56244" s="16">
        <v>0</v>
      </c>
    </row>
    <row r="56245" spans="1:7" x14ac:dyDescent="0.3">
      <c r="A56245" s="13" t="s">
        <v>307</v>
      </c>
      <c r="B56245" s="14" t="s">
        <v>1</v>
      </c>
      <c r="C56245" s="14" t="s">
        <v>41</v>
      </c>
      <c r="D56245" s="14" t="s">
        <v>308</v>
      </c>
      <c r="E56245" s="15">
        <v>45411</v>
      </c>
      <c r="F56245" s="14" t="s">
        <v>43</v>
      </c>
      <c r="G56245" s="16">
        <v>0</v>
      </c>
    </row>
    <row r="56246" spans="1:7" x14ac:dyDescent="0.3">
      <c r="A56246" s="13" t="s">
        <v>307</v>
      </c>
      <c r="B56246" s="14" t="s">
        <v>1</v>
      </c>
      <c r="C56246" s="14" t="s">
        <v>41</v>
      </c>
      <c r="D56246" s="14" t="s">
        <v>308</v>
      </c>
      <c r="E56246" s="15">
        <v>45412</v>
      </c>
      <c r="F56246" s="14" t="s">
        <v>43</v>
      </c>
      <c r="G56246" s="16">
        <v>0</v>
      </c>
    </row>
    <row r="56247" spans="1:7" x14ac:dyDescent="0.3">
      <c r="A56247" s="13" t="s">
        <v>307</v>
      </c>
      <c r="B56247" s="14" t="s">
        <v>1</v>
      </c>
      <c r="C56247" s="14" t="s">
        <v>41</v>
      </c>
      <c r="D56247" s="14" t="s">
        <v>308</v>
      </c>
      <c r="E56247" s="15">
        <v>45413</v>
      </c>
      <c r="F56247" s="14" t="s">
        <v>43</v>
      </c>
      <c r="G56247" s="16">
        <v>0</v>
      </c>
    </row>
    <row r="56248" spans="1:7" x14ac:dyDescent="0.3">
      <c r="A56248" s="13" t="s">
        <v>307</v>
      </c>
      <c r="B56248" s="14" t="s">
        <v>1</v>
      </c>
      <c r="C56248" s="14" t="s">
        <v>41</v>
      </c>
      <c r="D56248" s="14" t="s">
        <v>308</v>
      </c>
      <c r="E56248" s="15">
        <v>45414</v>
      </c>
      <c r="F56248" s="14" t="s">
        <v>43</v>
      </c>
      <c r="G56248" s="16">
        <v>0</v>
      </c>
    </row>
    <row r="56249" spans="1:7" x14ac:dyDescent="0.3">
      <c r="A56249" s="13" t="s">
        <v>307</v>
      </c>
      <c r="B56249" s="14" t="s">
        <v>1</v>
      </c>
      <c r="C56249" s="14" t="s">
        <v>41</v>
      </c>
      <c r="D56249" s="14" t="s">
        <v>308</v>
      </c>
      <c r="E56249" s="15">
        <v>45415</v>
      </c>
      <c r="F56249" s="14" t="s">
        <v>43</v>
      </c>
      <c r="G56249" s="16">
        <v>0</v>
      </c>
    </row>
    <row r="56250" spans="1:7" x14ac:dyDescent="0.3">
      <c r="A56250" s="13" t="s">
        <v>307</v>
      </c>
      <c r="B56250" s="14" t="s">
        <v>1</v>
      </c>
      <c r="C56250" s="14" t="s">
        <v>41</v>
      </c>
      <c r="D56250" s="14" t="s">
        <v>308</v>
      </c>
      <c r="E56250" s="15">
        <v>45416</v>
      </c>
      <c r="F56250" s="14" t="s">
        <v>43</v>
      </c>
      <c r="G56250" s="16">
        <v>0</v>
      </c>
    </row>
    <row r="56251" spans="1:7" x14ac:dyDescent="0.3">
      <c r="A56251" s="13" t="s">
        <v>307</v>
      </c>
      <c r="B56251" s="14" t="s">
        <v>1</v>
      </c>
      <c r="C56251" s="14" t="s">
        <v>41</v>
      </c>
      <c r="D56251" s="14" t="s">
        <v>308</v>
      </c>
      <c r="E56251" s="15">
        <v>45417</v>
      </c>
      <c r="F56251" s="14" t="s">
        <v>43</v>
      </c>
      <c r="G56251" s="16">
        <v>0</v>
      </c>
    </row>
    <row r="56252" spans="1:7" x14ac:dyDescent="0.3">
      <c r="A56252" s="13" t="s">
        <v>307</v>
      </c>
      <c r="B56252" s="14" t="s">
        <v>1</v>
      </c>
      <c r="C56252" s="14" t="s">
        <v>41</v>
      </c>
      <c r="D56252" s="14" t="s">
        <v>308</v>
      </c>
      <c r="E56252" s="15">
        <v>45418</v>
      </c>
      <c r="F56252" s="14" t="s">
        <v>43</v>
      </c>
      <c r="G56252" s="16">
        <v>0</v>
      </c>
    </row>
    <row r="56253" spans="1:7" x14ac:dyDescent="0.3">
      <c r="A56253" s="13" t="s">
        <v>307</v>
      </c>
      <c r="B56253" s="14" t="s">
        <v>1</v>
      </c>
      <c r="C56253" s="14" t="s">
        <v>41</v>
      </c>
      <c r="D56253" s="14" t="s">
        <v>308</v>
      </c>
      <c r="E56253" s="15">
        <v>45419</v>
      </c>
      <c r="F56253" s="14" t="s">
        <v>43</v>
      </c>
      <c r="G56253" s="16">
        <v>0</v>
      </c>
    </row>
    <row r="56254" spans="1:7" x14ac:dyDescent="0.3">
      <c r="A56254" s="13" t="s">
        <v>307</v>
      </c>
      <c r="B56254" s="14" t="s">
        <v>1</v>
      </c>
      <c r="C56254" s="14" t="s">
        <v>41</v>
      </c>
      <c r="D56254" s="14" t="s">
        <v>308</v>
      </c>
      <c r="E56254" s="15">
        <v>45420</v>
      </c>
      <c r="F56254" s="14" t="s">
        <v>43</v>
      </c>
      <c r="G56254" s="16">
        <v>0</v>
      </c>
    </row>
    <row r="56255" spans="1:7" x14ac:dyDescent="0.3">
      <c r="A56255" s="13" t="s">
        <v>307</v>
      </c>
      <c r="B56255" s="14" t="s">
        <v>1</v>
      </c>
      <c r="C56255" s="14" t="s">
        <v>41</v>
      </c>
      <c r="D56255" s="14" t="s">
        <v>308</v>
      </c>
      <c r="E56255" s="15">
        <v>45421</v>
      </c>
      <c r="F56255" s="14" t="s">
        <v>43</v>
      </c>
      <c r="G56255" s="16">
        <v>0</v>
      </c>
    </row>
    <row r="56256" spans="1:7" x14ac:dyDescent="0.3">
      <c r="A56256" s="13" t="s">
        <v>307</v>
      </c>
      <c r="B56256" s="14" t="s">
        <v>1</v>
      </c>
      <c r="C56256" s="14" t="s">
        <v>41</v>
      </c>
      <c r="D56256" s="14" t="s">
        <v>308</v>
      </c>
      <c r="E56256" s="15">
        <v>45422</v>
      </c>
      <c r="F56256" s="14" t="s">
        <v>43</v>
      </c>
      <c r="G56256" s="16">
        <v>0</v>
      </c>
    </row>
    <row r="56257" spans="1:7" x14ac:dyDescent="0.3">
      <c r="A56257" s="13" t="s">
        <v>307</v>
      </c>
      <c r="B56257" s="14" t="s">
        <v>1</v>
      </c>
      <c r="C56257" s="14" t="s">
        <v>41</v>
      </c>
      <c r="D56257" s="14" t="s">
        <v>308</v>
      </c>
      <c r="E56257" s="15">
        <v>45423</v>
      </c>
      <c r="F56257" s="14" t="s">
        <v>43</v>
      </c>
      <c r="G56257" s="16">
        <v>0</v>
      </c>
    </row>
    <row r="56258" spans="1:7" x14ac:dyDescent="0.3">
      <c r="A56258" s="13" t="s">
        <v>307</v>
      </c>
      <c r="B56258" s="14" t="s">
        <v>1</v>
      </c>
      <c r="C56258" s="14" t="s">
        <v>41</v>
      </c>
      <c r="D56258" s="14" t="s">
        <v>308</v>
      </c>
      <c r="E56258" s="15">
        <v>45424</v>
      </c>
      <c r="F56258" s="14" t="s">
        <v>43</v>
      </c>
      <c r="G56258" s="16">
        <v>0</v>
      </c>
    </row>
    <row r="56259" spans="1:7" x14ac:dyDescent="0.3">
      <c r="A56259" s="13" t="s">
        <v>307</v>
      </c>
      <c r="B56259" s="14" t="s">
        <v>1</v>
      </c>
      <c r="C56259" s="14" t="s">
        <v>41</v>
      </c>
      <c r="D56259" s="14" t="s">
        <v>308</v>
      </c>
      <c r="E56259" s="15">
        <v>45425</v>
      </c>
      <c r="F56259" s="14" t="s">
        <v>43</v>
      </c>
      <c r="G56259" s="16">
        <v>0</v>
      </c>
    </row>
    <row r="56260" spans="1:7" x14ac:dyDescent="0.3">
      <c r="A56260" s="13" t="s">
        <v>307</v>
      </c>
      <c r="B56260" s="14" t="s">
        <v>1</v>
      </c>
      <c r="C56260" s="14" t="s">
        <v>41</v>
      </c>
      <c r="D56260" s="14" t="s">
        <v>308</v>
      </c>
      <c r="E56260" s="15">
        <v>45426</v>
      </c>
      <c r="F56260" s="14" t="s">
        <v>43</v>
      </c>
      <c r="G56260" s="16">
        <v>0</v>
      </c>
    </row>
    <row r="56261" spans="1:7" x14ac:dyDescent="0.3">
      <c r="A56261" s="13" t="s">
        <v>307</v>
      </c>
      <c r="B56261" s="14" t="s">
        <v>1</v>
      </c>
      <c r="C56261" s="14" t="s">
        <v>41</v>
      </c>
      <c r="D56261" s="14" t="s">
        <v>308</v>
      </c>
      <c r="E56261" s="15">
        <v>45427</v>
      </c>
      <c r="F56261" s="14" t="s">
        <v>43</v>
      </c>
      <c r="G56261" s="16">
        <v>0</v>
      </c>
    </row>
    <row r="56262" spans="1:7" x14ac:dyDescent="0.3">
      <c r="A56262" s="13" t="s">
        <v>307</v>
      </c>
      <c r="B56262" s="14" t="s">
        <v>1</v>
      </c>
      <c r="C56262" s="14" t="s">
        <v>41</v>
      </c>
      <c r="D56262" s="14" t="s">
        <v>308</v>
      </c>
      <c r="E56262" s="15">
        <v>45428</v>
      </c>
      <c r="F56262" s="14" t="s">
        <v>43</v>
      </c>
      <c r="G56262" s="16">
        <v>0</v>
      </c>
    </row>
    <row r="56263" spans="1:7" x14ac:dyDescent="0.3">
      <c r="A56263" s="13" t="s">
        <v>307</v>
      </c>
      <c r="B56263" s="14" t="s">
        <v>1</v>
      </c>
      <c r="C56263" s="14" t="s">
        <v>41</v>
      </c>
      <c r="D56263" s="14" t="s">
        <v>308</v>
      </c>
      <c r="E56263" s="15">
        <v>45429</v>
      </c>
      <c r="F56263" s="14" t="s">
        <v>43</v>
      </c>
      <c r="G56263" s="16">
        <v>0</v>
      </c>
    </row>
    <row r="56264" spans="1:7" x14ac:dyDescent="0.3">
      <c r="A56264" s="13" t="s">
        <v>307</v>
      </c>
      <c r="B56264" s="14" t="s">
        <v>1</v>
      </c>
      <c r="C56264" s="14" t="s">
        <v>41</v>
      </c>
      <c r="D56264" s="14" t="s">
        <v>308</v>
      </c>
      <c r="E56264" s="15">
        <v>45430</v>
      </c>
      <c r="F56264" s="14" t="s">
        <v>43</v>
      </c>
      <c r="G56264" s="16">
        <v>0</v>
      </c>
    </row>
    <row r="56265" spans="1:7" x14ac:dyDescent="0.3">
      <c r="A56265" s="13" t="s">
        <v>307</v>
      </c>
      <c r="B56265" s="14" t="s">
        <v>1</v>
      </c>
      <c r="C56265" s="14" t="s">
        <v>41</v>
      </c>
      <c r="D56265" s="14" t="s">
        <v>308</v>
      </c>
      <c r="E56265" s="15">
        <v>45431</v>
      </c>
      <c r="F56265" s="14" t="s">
        <v>43</v>
      </c>
      <c r="G56265" s="16">
        <v>0</v>
      </c>
    </row>
    <row r="56266" spans="1:7" x14ac:dyDescent="0.3">
      <c r="A56266" s="13" t="s">
        <v>307</v>
      </c>
      <c r="B56266" s="14" t="s">
        <v>1</v>
      </c>
      <c r="C56266" s="14" t="s">
        <v>41</v>
      </c>
      <c r="D56266" s="14" t="s">
        <v>308</v>
      </c>
      <c r="E56266" s="15">
        <v>45432</v>
      </c>
      <c r="F56266" s="14" t="s">
        <v>43</v>
      </c>
      <c r="G56266" s="16">
        <v>0</v>
      </c>
    </row>
    <row r="56267" spans="1:7" x14ac:dyDescent="0.3">
      <c r="A56267" s="13" t="s">
        <v>307</v>
      </c>
      <c r="B56267" s="14" t="s">
        <v>1</v>
      </c>
      <c r="C56267" s="14" t="s">
        <v>41</v>
      </c>
      <c r="D56267" s="14" t="s">
        <v>308</v>
      </c>
      <c r="E56267" s="15">
        <v>45433</v>
      </c>
      <c r="F56267" s="14" t="s">
        <v>43</v>
      </c>
      <c r="G56267" s="16">
        <v>0</v>
      </c>
    </row>
    <row r="56268" spans="1:7" x14ac:dyDescent="0.3">
      <c r="A56268" s="13" t="s">
        <v>307</v>
      </c>
      <c r="B56268" s="14" t="s">
        <v>1</v>
      </c>
      <c r="C56268" s="14" t="s">
        <v>41</v>
      </c>
      <c r="D56268" s="14" t="s">
        <v>308</v>
      </c>
      <c r="E56268" s="15">
        <v>45434</v>
      </c>
      <c r="F56268" s="14" t="s">
        <v>43</v>
      </c>
      <c r="G56268" s="16">
        <v>0</v>
      </c>
    </row>
    <row r="56269" spans="1:7" x14ac:dyDescent="0.3">
      <c r="A56269" s="13" t="s">
        <v>307</v>
      </c>
      <c r="B56269" s="14" t="s">
        <v>1</v>
      </c>
      <c r="C56269" s="14" t="s">
        <v>41</v>
      </c>
      <c r="D56269" s="14" t="s">
        <v>308</v>
      </c>
      <c r="E56269" s="15">
        <v>45435</v>
      </c>
      <c r="F56269" s="14" t="s">
        <v>43</v>
      </c>
      <c r="G56269" s="16">
        <v>0</v>
      </c>
    </row>
    <row r="56270" spans="1:7" x14ac:dyDescent="0.3">
      <c r="A56270" s="13" t="s">
        <v>307</v>
      </c>
      <c r="B56270" s="14" t="s">
        <v>1</v>
      </c>
      <c r="C56270" s="14" t="s">
        <v>41</v>
      </c>
      <c r="D56270" s="14" t="s">
        <v>308</v>
      </c>
      <c r="E56270" s="15">
        <v>45436</v>
      </c>
      <c r="F56270" s="14" t="s">
        <v>43</v>
      </c>
      <c r="G56270" s="16">
        <v>0</v>
      </c>
    </row>
    <row r="56271" spans="1:7" x14ac:dyDescent="0.3">
      <c r="A56271" s="13" t="s">
        <v>307</v>
      </c>
      <c r="B56271" s="14" t="s">
        <v>1</v>
      </c>
      <c r="C56271" s="14" t="s">
        <v>41</v>
      </c>
      <c r="D56271" s="14" t="s">
        <v>308</v>
      </c>
      <c r="E56271" s="15">
        <v>45437</v>
      </c>
      <c r="F56271" s="14" t="s">
        <v>43</v>
      </c>
      <c r="G56271" s="16">
        <v>0</v>
      </c>
    </row>
    <row r="56272" spans="1:7" x14ac:dyDescent="0.3">
      <c r="A56272" s="13" t="s">
        <v>307</v>
      </c>
      <c r="B56272" s="14" t="s">
        <v>1</v>
      </c>
      <c r="C56272" s="14" t="s">
        <v>41</v>
      </c>
      <c r="D56272" s="14" t="s">
        <v>308</v>
      </c>
      <c r="E56272" s="15">
        <v>45438</v>
      </c>
      <c r="F56272" s="14" t="s">
        <v>43</v>
      </c>
      <c r="G56272" s="16">
        <v>0</v>
      </c>
    </row>
    <row r="56273" spans="1:7" x14ac:dyDescent="0.3">
      <c r="A56273" s="13" t="s">
        <v>307</v>
      </c>
      <c r="B56273" s="14" t="s">
        <v>1</v>
      </c>
      <c r="C56273" s="14" t="s">
        <v>41</v>
      </c>
      <c r="D56273" s="14" t="s">
        <v>308</v>
      </c>
      <c r="E56273" s="15">
        <v>45439</v>
      </c>
      <c r="F56273" s="14" t="s">
        <v>43</v>
      </c>
      <c r="G56273" s="16">
        <v>0</v>
      </c>
    </row>
    <row r="56274" spans="1:7" x14ac:dyDescent="0.3">
      <c r="A56274" s="13" t="s">
        <v>307</v>
      </c>
      <c r="B56274" s="14" t="s">
        <v>1</v>
      </c>
      <c r="C56274" s="14" t="s">
        <v>41</v>
      </c>
      <c r="D56274" s="14" t="s">
        <v>308</v>
      </c>
      <c r="E56274" s="15">
        <v>45440</v>
      </c>
      <c r="F56274" s="14" t="s">
        <v>43</v>
      </c>
      <c r="G56274" s="16">
        <v>0</v>
      </c>
    </row>
    <row r="56275" spans="1:7" x14ac:dyDescent="0.3">
      <c r="A56275" s="13" t="s">
        <v>307</v>
      </c>
      <c r="B56275" s="14" t="s">
        <v>1</v>
      </c>
      <c r="C56275" s="14" t="s">
        <v>41</v>
      </c>
      <c r="D56275" s="14" t="s">
        <v>308</v>
      </c>
      <c r="E56275" s="15">
        <v>45441</v>
      </c>
      <c r="F56275" s="14" t="s">
        <v>43</v>
      </c>
      <c r="G56275" s="16">
        <v>0</v>
      </c>
    </row>
    <row r="56276" spans="1:7" x14ac:dyDescent="0.3">
      <c r="A56276" s="13" t="s">
        <v>307</v>
      </c>
      <c r="B56276" s="14" t="s">
        <v>1</v>
      </c>
      <c r="C56276" s="14" t="s">
        <v>41</v>
      </c>
      <c r="D56276" s="14" t="s">
        <v>308</v>
      </c>
      <c r="E56276" s="15">
        <v>45442</v>
      </c>
      <c r="F56276" s="14" t="s">
        <v>43</v>
      </c>
      <c r="G56276" s="16">
        <v>0</v>
      </c>
    </row>
    <row r="56277" spans="1:7" x14ac:dyDescent="0.3">
      <c r="A56277" s="13" t="s">
        <v>307</v>
      </c>
      <c r="B56277" s="14" t="s">
        <v>1</v>
      </c>
      <c r="C56277" s="14" t="s">
        <v>41</v>
      </c>
      <c r="D56277" s="14" t="s">
        <v>308</v>
      </c>
      <c r="E56277" s="15">
        <v>45443</v>
      </c>
      <c r="F56277" s="14" t="s">
        <v>43</v>
      </c>
      <c r="G56277" s="16">
        <v>0</v>
      </c>
    </row>
    <row r="56278" spans="1:7" x14ac:dyDescent="0.3">
      <c r="A56278" s="13" t="s">
        <v>307</v>
      </c>
      <c r="B56278" s="14" t="s">
        <v>1</v>
      </c>
      <c r="C56278" s="14" t="s">
        <v>41</v>
      </c>
      <c r="D56278" s="14" t="s">
        <v>308</v>
      </c>
      <c r="E56278" s="15">
        <v>45444</v>
      </c>
      <c r="F56278" s="14" t="s">
        <v>43</v>
      </c>
      <c r="G56278" s="16">
        <v>0</v>
      </c>
    </row>
    <row r="56279" spans="1:7" x14ac:dyDescent="0.3">
      <c r="A56279" s="13" t="s">
        <v>307</v>
      </c>
      <c r="B56279" s="14" t="s">
        <v>1</v>
      </c>
      <c r="C56279" s="14" t="s">
        <v>41</v>
      </c>
      <c r="D56279" s="14" t="s">
        <v>308</v>
      </c>
      <c r="E56279" s="15">
        <v>45445</v>
      </c>
      <c r="F56279" s="14" t="s">
        <v>43</v>
      </c>
      <c r="G56279" s="16">
        <v>0</v>
      </c>
    </row>
    <row r="56280" spans="1:7" x14ac:dyDescent="0.3">
      <c r="A56280" s="13" t="s">
        <v>307</v>
      </c>
      <c r="B56280" s="14" t="s">
        <v>1</v>
      </c>
      <c r="C56280" s="14" t="s">
        <v>41</v>
      </c>
      <c r="D56280" s="14" t="s">
        <v>308</v>
      </c>
      <c r="E56280" s="15">
        <v>45446</v>
      </c>
      <c r="F56280" s="14" t="s">
        <v>43</v>
      </c>
      <c r="G56280" s="16">
        <v>0</v>
      </c>
    </row>
    <row r="56281" spans="1:7" x14ac:dyDescent="0.3">
      <c r="A56281" s="13" t="s">
        <v>307</v>
      </c>
      <c r="B56281" s="14" t="s">
        <v>1</v>
      </c>
      <c r="C56281" s="14" t="s">
        <v>41</v>
      </c>
      <c r="D56281" s="14" t="s">
        <v>308</v>
      </c>
      <c r="E56281" s="15">
        <v>45447</v>
      </c>
      <c r="F56281" s="14" t="s">
        <v>43</v>
      </c>
      <c r="G56281" s="16">
        <v>0</v>
      </c>
    </row>
    <row r="56282" spans="1:7" x14ac:dyDescent="0.3">
      <c r="A56282" s="13" t="s">
        <v>307</v>
      </c>
      <c r="B56282" s="14" t="s">
        <v>1</v>
      </c>
      <c r="C56282" s="14" t="s">
        <v>41</v>
      </c>
      <c r="D56282" s="14" t="s">
        <v>308</v>
      </c>
      <c r="E56282" s="15">
        <v>45448</v>
      </c>
      <c r="F56282" s="14" t="s">
        <v>43</v>
      </c>
      <c r="G56282" s="16">
        <v>0</v>
      </c>
    </row>
    <row r="56283" spans="1:7" x14ac:dyDescent="0.3">
      <c r="A56283" s="13" t="s">
        <v>307</v>
      </c>
      <c r="B56283" s="14" t="s">
        <v>1</v>
      </c>
      <c r="C56283" s="14" t="s">
        <v>41</v>
      </c>
      <c r="D56283" s="14" t="s">
        <v>308</v>
      </c>
      <c r="E56283" s="15">
        <v>45449</v>
      </c>
      <c r="F56283" s="14" t="s">
        <v>43</v>
      </c>
      <c r="G56283" s="16">
        <v>0</v>
      </c>
    </row>
    <row r="56284" spans="1:7" x14ac:dyDescent="0.3">
      <c r="A56284" s="13" t="s">
        <v>307</v>
      </c>
      <c r="B56284" s="14" t="s">
        <v>1</v>
      </c>
      <c r="C56284" s="14" t="s">
        <v>41</v>
      </c>
      <c r="D56284" s="14" t="s">
        <v>308</v>
      </c>
      <c r="E56284" s="15">
        <v>45450</v>
      </c>
      <c r="F56284" s="14" t="s">
        <v>43</v>
      </c>
      <c r="G56284" s="16">
        <v>0</v>
      </c>
    </row>
    <row r="56285" spans="1:7" x14ac:dyDescent="0.3">
      <c r="A56285" s="13" t="s">
        <v>307</v>
      </c>
      <c r="B56285" s="14" t="s">
        <v>1</v>
      </c>
      <c r="C56285" s="14" t="s">
        <v>41</v>
      </c>
      <c r="D56285" s="14" t="s">
        <v>308</v>
      </c>
      <c r="E56285" s="15">
        <v>45451</v>
      </c>
      <c r="F56285" s="14" t="s">
        <v>43</v>
      </c>
      <c r="G56285" s="16">
        <v>0</v>
      </c>
    </row>
    <row r="56286" spans="1:7" x14ac:dyDescent="0.3">
      <c r="A56286" s="13" t="s">
        <v>307</v>
      </c>
      <c r="B56286" s="14" t="s">
        <v>1</v>
      </c>
      <c r="C56286" s="14" t="s">
        <v>41</v>
      </c>
      <c r="D56286" s="14" t="s">
        <v>308</v>
      </c>
      <c r="E56286" s="15">
        <v>45452</v>
      </c>
      <c r="F56286" s="14" t="s">
        <v>43</v>
      </c>
      <c r="G56286" s="16">
        <v>0</v>
      </c>
    </row>
    <row r="56287" spans="1:7" x14ac:dyDescent="0.3">
      <c r="A56287" s="13" t="s">
        <v>307</v>
      </c>
      <c r="B56287" s="14" t="s">
        <v>1</v>
      </c>
      <c r="C56287" s="14" t="s">
        <v>41</v>
      </c>
      <c r="D56287" s="14" t="s">
        <v>308</v>
      </c>
      <c r="E56287" s="15">
        <v>45453</v>
      </c>
      <c r="F56287" s="14" t="s">
        <v>43</v>
      </c>
      <c r="G56287" s="16">
        <v>0</v>
      </c>
    </row>
    <row r="56288" spans="1:7" x14ac:dyDescent="0.3">
      <c r="A56288" s="13" t="s">
        <v>307</v>
      </c>
      <c r="B56288" s="14" t="s">
        <v>1</v>
      </c>
      <c r="C56288" s="14" t="s">
        <v>41</v>
      </c>
      <c r="D56288" s="14" t="s">
        <v>308</v>
      </c>
      <c r="E56288" s="15">
        <v>45454</v>
      </c>
      <c r="F56288" s="14" t="s">
        <v>43</v>
      </c>
      <c r="G56288" s="16">
        <v>0</v>
      </c>
    </row>
    <row r="56289" spans="1:7" x14ac:dyDescent="0.3">
      <c r="A56289" s="13" t="s">
        <v>307</v>
      </c>
      <c r="B56289" s="14" t="s">
        <v>1</v>
      </c>
      <c r="C56289" s="14" t="s">
        <v>41</v>
      </c>
      <c r="D56289" s="14" t="s">
        <v>308</v>
      </c>
      <c r="E56289" s="15">
        <v>45455</v>
      </c>
      <c r="F56289" s="14" t="s">
        <v>43</v>
      </c>
      <c r="G56289" s="16">
        <v>0</v>
      </c>
    </row>
    <row r="56290" spans="1:7" x14ac:dyDescent="0.3">
      <c r="A56290" s="13" t="s">
        <v>307</v>
      </c>
      <c r="B56290" s="14" t="s">
        <v>1</v>
      </c>
      <c r="C56290" s="14" t="s">
        <v>41</v>
      </c>
      <c r="D56290" s="14" t="s">
        <v>308</v>
      </c>
      <c r="E56290" s="15">
        <v>45456</v>
      </c>
      <c r="F56290" s="14" t="s">
        <v>43</v>
      </c>
      <c r="G56290" s="16">
        <v>0</v>
      </c>
    </row>
    <row r="56291" spans="1:7" x14ac:dyDescent="0.3">
      <c r="A56291" s="13" t="s">
        <v>307</v>
      </c>
      <c r="B56291" s="14" t="s">
        <v>1</v>
      </c>
      <c r="C56291" s="14" t="s">
        <v>41</v>
      </c>
      <c r="D56291" s="14" t="s">
        <v>308</v>
      </c>
      <c r="E56291" s="15">
        <v>45457</v>
      </c>
      <c r="F56291" s="14" t="s">
        <v>43</v>
      </c>
      <c r="G56291" s="16">
        <v>0</v>
      </c>
    </row>
    <row r="56292" spans="1:7" x14ac:dyDescent="0.3">
      <c r="A56292" s="13" t="s">
        <v>307</v>
      </c>
      <c r="B56292" s="14" t="s">
        <v>1</v>
      </c>
      <c r="C56292" s="14" t="s">
        <v>41</v>
      </c>
      <c r="D56292" s="14" t="s">
        <v>308</v>
      </c>
      <c r="E56292" s="15">
        <v>45458</v>
      </c>
      <c r="F56292" s="14" t="s">
        <v>43</v>
      </c>
      <c r="G56292" s="16">
        <v>0</v>
      </c>
    </row>
    <row r="56293" spans="1:7" x14ac:dyDescent="0.3">
      <c r="A56293" s="13" t="s">
        <v>307</v>
      </c>
      <c r="B56293" s="14" t="s">
        <v>1</v>
      </c>
      <c r="C56293" s="14" t="s">
        <v>41</v>
      </c>
      <c r="D56293" s="14" t="s">
        <v>308</v>
      </c>
      <c r="E56293" s="15">
        <v>45459</v>
      </c>
      <c r="F56293" s="14" t="s">
        <v>43</v>
      </c>
      <c r="G56293" s="16">
        <v>0</v>
      </c>
    </row>
    <row r="56294" spans="1:7" x14ac:dyDescent="0.3">
      <c r="A56294" s="13" t="s">
        <v>307</v>
      </c>
      <c r="B56294" s="14" t="s">
        <v>1</v>
      </c>
      <c r="C56294" s="14" t="s">
        <v>41</v>
      </c>
      <c r="D56294" s="14" t="s">
        <v>308</v>
      </c>
      <c r="E56294" s="15">
        <v>45460</v>
      </c>
      <c r="F56294" s="14" t="s">
        <v>43</v>
      </c>
      <c r="G56294" s="16">
        <v>0</v>
      </c>
    </row>
    <row r="56295" spans="1:7" x14ac:dyDescent="0.3">
      <c r="A56295" s="13" t="s">
        <v>307</v>
      </c>
      <c r="B56295" s="14" t="s">
        <v>1</v>
      </c>
      <c r="C56295" s="14" t="s">
        <v>41</v>
      </c>
      <c r="D56295" s="14" t="s">
        <v>308</v>
      </c>
      <c r="E56295" s="15">
        <v>45461</v>
      </c>
      <c r="F56295" s="14" t="s">
        <v>43</v>
      </c>
      <c r="G56295" s="16">
        <v>0</v>
      </c>
    </row>
    <row r="56296" spans="1:7" x14ac:dyDescent="0.3">
      <c r="A56296" s="13" t="s">
        <v>307</v>
      </c>
      <c r="B56296" s="14" t="s">
        <v>1</v>
      </c>
      <c r="C56296" s="14" t="s">
        <v>41</v>
      </c>
      <c r="D56296" s="14" t="s">
        <v>308</v>
      </c>
      <c r="E56296" s="15">
        <v>45462</v>
      </c>
      <c r="F56296" s="14" t="s">
        <v>43</v>
      </c>
      <c r="G56296" s="16">
        <v>0</v>
      </c>
    </row>
    <row r="56297" spans="1:7" x14ac:dyDescent="0.3">
      <c r="A56297" s="13" t="s">
        <v>307</v>
      </c>
      <c r="B56297" s="14" t="s">
        <v>1</v>
      </c>
      <c r="C56297" s="14" t="s">
        <v>41</v>
      </c>
      <c r="D56297" s="14" t="s">
        <v>308</v>
      </c>
      <c r="E56297" s="15">
        <v>45463</v>
      </c>
      <c r="F56297" s="14" t="s">
        <v>43</v>
      </c>
      <c r="G56297" s="16">
        <v>0</v>
      </c>
    </row>
    <row r="56298" spans="1:7" x14ac:dyDescent="0.3">
      <c r="A56298" s="13" t="s">
        <v>307</v>
      </c>
      <c r="B56298" s="14" t="s">
        <v>1</v>
      </c>
      <c r="C56298" s="14" t="s">
        <v>41</v>
      </c>
      <c r="D56298" s="14" t="s">
        <v>308</v>
      </c>
      <c r="E56298" s="15">
        <v>45464</v>
      </c>
      <c r="F56298" s="14" t="s">
        <v>43</v>
      </c>
      <c r="G56298" s="16">
        <v>0</v>
      </c>
    </row>
    <row r="56299" spans="1:7" x14ac:dyDescent="0.3">
      <c r="A56299" s="13" t="s">
        <v>307</v>
      </c>
      <c r="B56299" s="14" t="s">
        <v>1</v>
      </c>
      <c r="C56299" s="14" t="s">
        <v>41</v>
      </c>
      <c r="D56299" s="14" t="s">
        <v>308</v>
      </c>
      <c r="E56299" s="15">
        <v>45465</v>
      </c>
      <c r="F56299" s="14" t="s">
        <v>43</v>
      </c>
      <c r="G56299" s="16">
        <v>0</v>
      </c>
    </row>
    <row r="56300" spans="1:7" x14ac:dyDescent="0.3">
      <c r="A56300" s="13" t="s">
        <v>307</v>
      </c>
      <c r="B56300" s="14" t="s">
        <v>1</v>
      </c>
      <c r="C56300" s="14" t="s">
        <v>41</v>
      </c>
      <c r="D56300" s="14" t="s">
        <v>308</v>
      </c>
      <c r="E56300" s="15">
        <v>45466</v>
      </c>
      <c r="F56300" s="14" t="s">
        <v>43</v>
      </c>
      <c r="G56300" s="16">
        <v>0</v>
      </c>
    </row>
    <row r="56301" spans="1:7" x14ac:dyDescent="0.3">
      <c r="A56301" s="13" t="s">
        <v>307</v>
      </c>
      <c r="B56301" s="14" t="s">
        <v>1</v>
      </c>
      <c r="C56301" s="14" t="s">
        <v>41</v>
      </c>
      <c r="D56301" s="14" t="s">
        <v>308</v>
      </c>
      <c r="E56301" s="15">
        <v>45467</v>
      </c>
      <c r="F56301" s="14" t="s">
        <v>43</v>
      </c>
      <c r="G56301" s="16">
        <v>0</v>
      </c>
    </row>
    <row r="56302" spans="1:7" x14ac:dyDescent="0.3">
      <c r="A56302" s="13" t="s">
        <v>307</v>
      </c>
      <c r="B56302" s="14" t="s">
        <v>1</v>
      </c>
      <c r="C56302" s="14" t="s">
        <v>41</v>
      </c>
      <c r="D56302" s="14" t="s">
        <v>308</v>
      </c>
      <c r="E56302" s="15">
        <v>45468</v>
      </c>
      <c r="F56302" s="14" t="s">
        <v>43</v>
      </c>
      <c r="G56302" s="16">
        <v>0</v>
      </c>
    </row>
    <row r="56303" spans="1:7" x14ac:dyDescent="0.3">
      <c r="A56303" s="13" t="s">
        <v>307</v>
      </c>
      <c r="B56303" s="14" t="s">
        <v>1</v>
      </c>
      <c r="C56303" s="14" t="s">
        <v>41</v>
      </c>
      <c r="D56303" s="14" t="s">
        <v>308</v>
      </c>
      <c r="E56303" s="15">
        <v>45469</v>
      </c>
      <c r="F56303" s="14" t="s">
        <v>43</v>
      </c>
      <c r="G56303" s="16">
        <v>0</v>
      </c>
    </row>
    <row r="56304" spans="1:7" x14ac:dyDescent="0.3">
      <c r="A56304" s="13" t="s">
        <v>307</v>
      </c>
      <c r="B56304" s="14" t="s">
        <v>1</v>
      </c>
      <c r="C56304" s="14" t="s">
        <v>41</v>
      </c>
      <c r="D56304" s="14" t="s">
        <v>308</v>
      </c>
      <c r="E56304" s="15">
        <v>45470</v>
      </c>
      <c r="F56304" s="14" t="s">
        <v>43</v>
      </c>
      <c r="G56304" s="16">
        <v>0</v>
      </c>
    </row>
    <row r="56305" spans="1:7" x14ac:dyDescent="0.3">
      <c r="A56305" s="13" t="s">
        <v>307</v>
      </c>
      <c r="B56305" s="14" t="s">
        <v>1</v>
      </c>
      <c r="C56305" s="14" t="s">
        <v>41</v>
      </c>
      <c r="D56305" s="14" t="s">
        <v>308</v>
      </c>
      <c r="E56305" s="15">
        <v>45471</v>
      </c>
      <c r="F56305" s="14" t="s">
        <v>43</v>
      </c>
      <c r="G56305" s="16">
        <v>0</v>
      </c>
    </row>
    <row r="56306" spans="1:7" x14ac:dyDescent="0.3">
      <c r="A56306" s="13" t="s">
        <v>307</v>
      </c>
      <c r="B56306" s="14" t="s">
        <v>1</v>
      </c>
      <c r="C56306" s="14" t="s">
        <v>41</v>
      </c>
      <c r="D56306" s="14" t="s">
        <v>308</v>
      </c>
      <c r="E56306" s="15">
        <v>45472</v>
      </c>
      <c r="F56306" s="14" t="s">
        <v>43</v>
      </c>
      <c r="G56306" s="16">
        <v>0</v>
      </c>
    </row>
    <row r="56307" spans="1:7" x14ac:dyDescent="0.3">
      <c r="A56307" s="13" t="s">
        <v>307</v>
      </c>
      <c r="B56307" s="14" t="s">
        <v>1</v>
      </c>
      <c r="C56307" s="14" t="s">
        <v>41</v>
      </c>
      <c r="D56307" s="14" t="s">
        <v>308</v>
      </c>
      <c r="E56307" s="15">
        <v>45473</v>
      </c>
      <c r="F56307" s="14" t="s">
        <v>43</v>
      </c>
      <c r="G56307" s="16">
        <v>0</v>
      </c>
    </row>
    <row r="56308" spans="1:7" x14ac:dyDescent="0.3">
      <c r="A56308" s="13" t="s">
        <v>307</v>
      </c>
      <c r="B56308" s="14" t="s">
        <v>1</v>
      </c>
      <c r="C56308" s="14" t="s">
        <v>41</v>
      </c>
      <c r="D56308" s="14" t="s">
        <v>308</v>
      </c>
      <c r="E56308" s="15">
        <v>45474</v>
      </c>
      <c r="F56308" s="14" t="s">
        <v>43</v>
      </c>
      <c r="G56308" s="16">
        <v>0</v>
      </c>
    </row>
    <row r="56309" spans="1:7" x14ac:dyDescent="0.3">
      <c r="A56309" s="13" t="s">
        <v>307</v>
      </c>
      <c r="B56309" s="14" t="s">
        <v>1</v>
      </c>
      <c r="C56309" s="14" t="s">
        <v>41</v>
      </c>
      <c r="D56309" s="14" t="s">
        <v>308</v>
      </c>
      <c r="E56309" s="15">
        <v>45475</v>
      </c>
      <c r="F56309" s="14" t="s">
        <v>43</v>
      </c>
      <c r="G56309" s="16">
        <v>0</v>
      </c>
    </row>
    <row r="56310" spans="1:7" x14ac:dyDescent="0.3">
      <c r="A56310" s="13" t="s">
        <v>307</v>
      </c>
      <c r="B56310" s="14" t="s">
        <v>1</v>
      </c>
      <c r="C56310" s="14" t="s">
        <v>41</v>
      </c>
      <c r="D56310" s="14" t="s">
        <v>308</v>
      </c>
      <c r="E56310" s="15">
        <v>45476</v>
      </c>
      <c r="F56310" s="14" t="s">
        <v>43</v>
      </c>
      <c r="G56310" s="16">
        <v>0</v>
      </c>
    </row>
    <row r="56311" spans="1:7" x14ac:dyDescent="0.3">
      <c r="A56311" s="13" t="s">
        <v>307</v>
      </c>
      <c r="B56311" s="14" t="s">
        <v>1</v>
      </c>
      <c r="C56311" s="14" t="s">
        <v>41</v>
      </c>
      <c r="D56311" s="14" t="s">
        <v>308</v>
      </c>
      <c r="E56311" s="15">
        <v>45477</v>
      </c>
      <c r="F56311" s="14" t="s">
        <v>43</v>
      </c>
      <c r="G56311" s="16">
        <v>0</v>
      </c>
    </row>
    <row r="56312" spans="1:7" x14ac:dyDescent="0.3">
      <c r="A56312" s="13" t="s">
        <v>307</v>
      </c>
      <c r="B56312" s="14" t="s">
        <v>1</v>
      </c>
      <c r="C56312" s="14" t="s">
        <v>41</v>
      </c>
      <c r="D56312" s="14" t="s">
        <v>308</v>
      </c>
      <c r="E56312" s="15">
        <v>45478</v>
      </c>
      <c r="F56312" s="14" t="s">
        <v>43</v>
      </c>
      <c r="G56312" s="16">
        <v>0</v>
      </c>
    </row>
    <row r="56313" spans="1:7" x14ac:dyDescent="0.3">
      <c r="A56313" s="13" t="s">
        <v>307</v>
      </c>
      <c r="B56313" s="14" t="s">
        <v>1</v>
      </c>
      <c r="C56313" s="14" t="s">
        <v>41</v>
      </c>
      <c r="D56313" s="14" t="s">
        <v>308</v>
      </c>
      <c r="E56313" s="15">
        <v>45479</v>
      </c>
      <c r="F56313" s="14" t="s">
        <v>43</v>
      </c>
      <c r="G56313" s="16">
        <v>0</v>
      </c>
    </row>
    <row r="56314" spans="1:7" x14ac:dyDescent="0.3">
      <c r="A56314" s="13" t="s">
        <v>307</v>
      </c>
      <c r="B56314" s="14" t="s">
        <v>1</v>
      </c>
      <c r="C56314" s="14" t="s">
        <v>41</v>
      </c>
      <c r="D56314" s="14" t="s">
        <v>308</v>
      </c>
      <c r="E56314" s="15">
        <v>45480</v>
      </c>
      <c r="F56314" s="14" t="s">
        <v>43</v>
      </c>
      <c r="G56314" s="16">
        <v>0</v>
      </c>
    </row>
    <row r="56315" spans="1:7" x14ac:dyDescent="0.3">
      <c r="A56315" s="13" t="s">
        <v>307</v>
      </c>
      <c r="B56315" s="14" t="s">
        <v>1</v>
      </c>
      <c r="C56315" s="14" t="s">
        <v>41</v>
      </c>
      <c r="D56315" s="14" t="s">
        <v>308</v>
      </c>
      <c r="E56315" s="15">
        <v>45481</v>
      </c>
      <c r="F56315" s="14" t="s">
        <v>43</v>
      </c>
      <c r="G56315" s="16">
        <v>0</v>
      </c>
    </row>
    <row r="56316" spans="1:7" x14ac:dyDescent="0.3">
      <c r="A56316" s="13" t="s">
        <v>307</v>
      </c>
      <c r="B56316" s="14" t="s">
        <v>1</v>
      </c>
      <c r="C56316" s="14" t="s">
        <v>41</v>
      </c>
      <c r="D56316" s="14" t="s">
        <v>308</v>
      </c>
      <c r="E56316" s="15">
        <v>45482</v>
      </c>
      <c r="F56316" s="14" t="s">
        <v>43</v>
      </c>
      <c r="G56316" s="16">
        <v>0</v>
      </c>
    </row>
    <row r="56317" spans="1:7" x14ac:dyDescent="0.3">
      <c r="A56317" s="13" t="s">
        <v>307</v>
      </c>
      <c r="B56317" s="14" t="s">
        <v>1</v>
      </c>
      <c r="C56317" s="14" t="s">
        <v>41</v>
      </c>
      <c r="D56317" s="14" t="s">
        <v>308</v>
      </c>
      <c r="E56317" s="15">
        <v>45483</v>
      </c>
      <c r="F56317" s="14" t="s">
        <v>43</v>
      </c>
      <c r="G56317" s="16">
        <v>0</v>
      </c>
    </row>
    <row r="56318" spans="1:7" x14ac:dyDescent="0.3">
      <c r="A56318" s="13" t="s">
        <v>307</v>
      </c>
      <c r="B56318" s="14" t="s">
        <v>1</v>
      </c>
      <c r="C56318" s="14" t="s">
        <v>41</v>
      </c>
      <c r="D56318" s="14" t="s">
        <v>308</v>
      </c>
      <c r="E56318" s="15">
        <v>45484</v>
      </c>
      <c r="F56318" s="14" t="s">
        <v>43</v>
      </c>
      <c r="G56318" s="16">
        <v>0</v>
      </c>
    </row>
    <row r="56319" spans="1:7" x14ac:dyDescent="0.3">
      <c r="A56319" s="13" t="s">
        <v>307</v>
      </c>
      <c r="B56319" s="14" t="s">
        <v>1</v>
      </c>
      <c r="C56319" s="14" t="s">
        <v>41</v>
      </c>
      <c r="D56319" s="14" t="s">
        <v>308</v>
      </c>
      <c r="E56319" s="15">
        <v>45485</v>
      </c>
      <c r="F56319" s="14" t="s">
        <v>43</v>
      </c>
      <c r="G56319" s="16">
        <v>0</v>
      </c>
    </row>
    <row r="56320" spans="1:7" x14ac:dyDescent="0.3">
      <c r="A56320" s="13" t="s">
        <v>307</v>
      </c>
      <c r="B56320" s="14" t="s">
        <v>1</v>
      </c>
      <c r="C56320" s="14" t="s">
        <v>41</v>
      </c>
      <c r="D56320" s="14" t="s">
        <v>308</v>
      </c>
      <c r="E56320" s="15">
        <v>45486</v>
      </c>
      <c r="F56320" s="14" t="s">
        <v>43</v>
      </c>
      <c r="G56320" s="16">
        <v>0</v>
      </c>
    </row>
    <row r="56321" spans="1:7" x14ac:dyDescent="0.3">
      <c r="A56321" s="13" t="s">
        <v>307</v>
      </c>
      <c r="B56321" s="14" t="s">
        <v>1</v>
      </c>
      <c r="C56321" s="14" t="s">
        <v>41</v>
      </c>
      <c r="D56321" s="14" t="s">
        <v>308</v>
      </c>
      <c r="E56321" s="15">
        <v>45487</v>
      </c>
      <c r="F56321" s="14" t="s">
        <v>43</v>
      </c>
      <c r="G56321" s="16">
        <v>0</v>
      </c>
    </row>
    <row r="56322" spans="1:7" x14ac:dyDescent="0.3">
      <c r="A56322" s="13" t="s">
        <v>307</v>
      </c>
      <c r="B56322" s="14" t="s">
        <v>1</v>
      </c>
      <c r="C56322" s="14" t="s">
        <v>41</v>
      </c>
      <c r="D56322" s="14" t="s">
        <v>308</v>
      </c>
      <c r="E56322" s="15">
        <v>45488</v>
      </c>
      <c r="F56322" s="14" t="s">
        <v>43</v>
      </c>
      <c r="G56322" s="16">
        <v>0</v>
      </c>
    </row>
    <row r="56323" spans="1:7" x14ac:dyDescent="0.3">
      <c r="A56323" s="13" t="s">
        <v>307</v>
      </c>
      <c r="B56323" s="14" t="s">
        <v>1</v>
      </c>
      <c r="C56323" s="14" t="s">
        <v>41</v>
      </c>
      <c r="D56323" s="14" t="s">
        <v>308</v>
      </c>
      <c r="E56323" s="15">
        <v>45489</v>
      </c>
      <c r="F56323" s="14" t="s">
        <v>43</v>
      </c>
      <c r="G56323" s="16">
        <v>0</v>
      </c>
    </row>
    <row r="56324" spans="1:7" x14ac:dyDescent="0.3">
      <c r="A56324" s="13" t="s">
        <v>307</v>
      </c>
      <c r="B56324" s="14" t="s">
        <v>1</v>
      </c>
      <c r="C56324" s="14" t="s">
        <v>41</v>
      </c>
      <c r="D56324" s="14" t="s">
        <v>308</v>
      </c>
      <c r="E56324" s="15">
        <v>45490</v>
      </c>
      <c r="F56324" s="14" t="s">
        <v>43</v>
      </c>
      <c r="G56324" s="16">
        <v>0</v>
      </c>
    </row>
    <row r="56325" spans="1:7" x14ac:dyDescent="0.3">
      <c r="A56325" s="13" t="s">
        <v>307</v>
      </c>
      <c r="B56325" s="14" t="s">
        <v>1</v>
      </c>
      <c r="C56325" s="14" t="s">
        <v>41</v>
      </c>
      <c r="D56325" s="14" t="s">
        <v>308</v>
      </c>
      <c r="E56325" s="15">
        <v>45491</v>
      </c>
      <c r="F56325" s="14" t="s">
        <v>43</v>
      </c>
      <c r="G56325" s="16">
        <v>0</v>
      </c>
    </row>
    <row r="56326" spans="1:7" x14ac:dyDescent="0.3">
      <c r="A56326" s="13" t="s">
        <v>307</v>
      </c>
      <c r="B56326" s="14" t="s">
        <v>1</v>
      </c>
      <c r="C56326" s="14" t="s">
        <v>41</v>
      </c>
      <c r="D56326" s="14" t="s">
        <v>308</v>
      </c>
      <c r="E56326" s="15">
        <v>45492</v>
      </c>
      <c r="F56326" s="14" t="s">
        <v>43</v>
      </c>
      <c r="G56326" s="16">
        <v>0</v>
      </c>
    </row>
    <row r="56327" spans="1:7" x14ac:dyDescent="0.3">
      <c r="A56327" s="13" t="s">
        <v>307</v>
      </c>
      <c r="B56327" s="14" t="s">
        <v>1</v>
      </c>
      <c r="C56327" s="14" t="s">
        <v>41</v>
      </c>
      <c r="D56327" s="14" t="s">
        <v>308</v>
      </c>
      <c r="E56327" s="15">
        <v>45493</v>
      </c>
      <c r="F56327" s="14" t="s">
        <v>43</v>
      </c>
      <c r="G56327" s="16">
        <v>0</v>
      </c>
    </row>
    <row r="56328" spans="1:7" x14ac:dyDescent="0.3">
      <c r="A56328" s="13" t="s">
        <v>307</v>
      </c>
      <c r="B56328" s="14" t="s">
        <v>1</v>
      </c>
      <c r="C56328" s="14" t="s">
        <v>41</v>
      </c>
      <c r="D56328" s="14" t="s">
        <v>308</v>
      </c>
      <c r="E56328" s="15">
        <v>45494</v>
      </c>
      <c r="F56328" s="14" t="s">
        <v>43</v>
      </c>
      <c r="G56328" s="16">
        <v>0</v>
      </c>
    </row>
    <row r="56329" spans="1:7" x14ac:dyDescent="0.3">
      <c r="A56329" s="13" t="s">
        <v>307</v>
      </c>
      <c r="B56329" s="14" t="s">
        <v>1</v>
      </c>
      <c r="C56329" s="14" t="s">
        <v>41</v>
      </c>
      <c r="D56329" s="14" t="s">
        <v>308</v>
      </c>
      <c r="E56329" s="15">
        <v>45495</v>
      </c>
      <c r="F56329" s="14" t="s">
        <v>43</v>
      </c>
      <c r="G56329" s="16">
        <v>0</v>
      </c>
    </row>
    <row r="56330" spans="1:7" x14ac:dyDescent="0.3">
      <c r="A56330" s="13" t="s">
        <v>307</v>
      </c>
      <c r="B56330" s="14" t="s">
        <v>1</v>
      </c>
      <c r="C56330" s="14" t="s">
        <v>41</v>
      </c>
      <c r="D56330" s="14" t="s">
        <v>308</v>
      </c>
      <c r="E56330" s="15">
        <v>45496</v>
      </c>
      <c r="F56330" s="14" t="s">
        <v>43</v>
      </c>
      <c r="G56330" s="16">
        <v>0</v>
      </c>
    </row>
    <row r="56331" spans="1:7" x14ac:dyDescent="0.3">
      <c r="A56331" s="13" t="s">
        <v>307</v>
      </c>
      <c r="B56331" s="14" t="s">
        <v>1</v>
      </c>
      <c r="C56331" s="14" t="s">
        <v>41</v>
      </c>
      <c r="D56331" s="14" t="s">
        <v>308</v>
      </c>
      <c r="E56331" s="15">
        <v>45497</v>
      </c>
      <c r="F56331" s="14" t="s">
        <v>43</v>
      </c>
      <c r="G56331" s="16">
        <v>0</v>
      </c>
    </row>
    <row r="56332" spans="1:7" x14ac:dyDescent="0.3">
      <c r="A56332" s="13" t="s">
        <v>307</v>
      </c>
      <c r="B56332" s="14" t="s">
        <v>1</v>
      </c>
      <c r="C56332" s="14" t="s">
        <v>41</v>
      </c>
      <c r="D56332" s="14" t="s">
        <v>308</v>
      </c>
      <c r="E56332" s="15">
        <v>45498</v>
      </c>
      <c r="F56332" s="14" t="s">
        <v>43</v>
      </c>
      <c r="G56332" s="16">
        <v>0</v>
      </c>
    </row>
    <row r="56333" spans="1:7" x14ac:dyDescent="0.3">
      <c r="A56333" s="13" t="s">
        <v>307</v>
      </c>
      <c r="B56333" s="14" t="s">
        <v>1</v>
      </c>
      <c r="C56333" s="14" t="s">
        <v>41</v>
      </c>
      <c r="D56333" s="14" t="s">
        <v>308</v>
      </c>
      <c r="E56333" s="15">
        <v>45499</v>
      </c>
      <c r="F56333" s="14" t="s">
        <v>43</v>
      </c>
      <c r="G56333" s="16">
        <v>0</v>
      </c>
    </row>
    <row r="56334" spans="1:7" x14ac:dyDescent="0.3">
      <c r="A56334" s="13" t="s">
        <v>307</v>
      </c>
      <c r="B56334" s="14" t="s">
        <v>1</v>
      </c>
      <c r="C56334" s="14" t="s">
        <v>41</v>
      </c>
      <c r="D56334" s="14" t="s">
        <v>308</v>
      </c>
      <c r="E56334" s="15">
        <v>45500</v>
      </c>
      <c r="F56334" s="14" t="s">
        <v>43</v>
      </c>
      <c r="G56334" s="16">
        <v>0</v>
      </c>
    </row>
    <row r="56335" spans="1:7" x14ac:dyDescent="0.3">
      <c r="A56335" s="13" t="s">
        <v>307</v>
      </c>
      <c r="B56335" s="14" t="s">
        <v>1</v>
      </c>
      <c r="C56335" s="14" t="s">
        <v>41</v>
      </c>
      <c r="D56335" s="14" t="s">
        <v>308</v>
      </c>
      <c r="E56335" s="15">
        <v>45501</v>
      </c>
      <c r="F56335" s="14" t="s">
        <v>43</v>
      </c>
      <c r="G56335" s="16">
        <v>0</v>
      </c>
    </row>
    <row r="56336" spans="1:7" x14ac:dyDescent="0.3">
      <c r="A56336" s="13" t="s">
        <v>307</v>
      </c>
      <c r="B56336" s="14" t="s">
        <v>1</v>
      </c>
      <c r="C56336" s="14" t="s">
        <v>41</v>
      </c>
      <c r="D56336" s="14" t="s">
        <v>308</v>
      </c>
      <c r="E56336" s="15">
        <v>45502</v>
      </c>
      <c r="F56336" s="14" t="s">
        <v>43</v>
      </c>
      <c r="G56336" s="16">
        <v>0</v>
      </c>
    </row>
    <row r="56337" spans="1:7" x14ac:dyDescent="0.3">
      <c r="A56337" s="13" t="s">
        <v>307</v>
      </c>
      <c r="B56337" s="14" t="s">
        <v>1</v>
      </c>
      <c r="C56337" s="14" t="s">
        <v>41</v>
      </c>
      <c r="D56337" s="14" t="s">
        <v>308</v>
      </c>
      <c r="E56337" s="15">
        <v>45503</v>
      </c>
      <c r="F56337" s="14" t="s">
        <v>43</v>
      </c>
      <c r="G56337" s="16">
        <v>0</v>
      </c>
    </row>
    <row r="56338" spans="1:7" x14ac:dyDescent="0.3">
      <c r="A56338" s="13" t="s">
        <v>307</v>
      </c>
      <c r="B56338" s="14" t="s">
        <v>1</v>
      </c>
      <c r="C56338" s="14" t="s">
        <v>41</v>
      </c>
      <c r="D56338" s="14" t="s">
        <v>308</v>
      </c>
      <c r="E56338" s="15">
        <v>45504</v>
      </c>
      <c r="F56338" s="14" t="s">
        <v>43</v>
      </c>
      <c r="G56338" s="16">
        <v>0</v>
      </c>
    </row>
    <row r="56339" spans="1:7" x14ac:dyDescent="0.3">
      <c r="A56339" s="13" t="s">
        <v>307</v>
      </c>
      <c r="B56339" s="14" t="s">
        <v>1</v>
      </c>
      <c r="C56339" s="14" t="s">
        <v>41</v>
      </c>
      <c r="D56339" s="14" t="s">
        <v>308</v>
      </c>
      <c r="E56339" s="15">
        <v>45505</v>
      </c>
      <c r="F56339" s="14" t="s">
        <v>43</v>
      </c>
      <c r="G56339" s="16">
        <v>0</v>
      </c>
    </row>
    <row r="56340" spans="1:7" x14ac:dyDescent="0.3">
      <c r="A56340" s="13" t="s">
        <v>307</v>
      </c>
      <c r="B56340" s="14" t="s">
        <v>1</v>
      </c>
      <c r="C56340" s="14" t="s">
        <v>41</v>
      </c>
      <c r="D56340" s="14" t="s">
        <v>308</v>
      </c>
      <c r="E56340" s="15">
        <v>45506</v>
      </c>
      <c r="F56340" s="14" t="s">
        <v>43</v>
      </c>
      <c r="G56340" s="16">
        <v>0</v>
      </c>
    </row>
    <row r="56341" spans="1:7" x14ac:dyDescent="0.3">
      <c r="A56341" s="13" t="s">
        <v>307</v>
      </c>
      <c r="B56341" s="14" t="s">
        <v>1</v>
      </c>
      <c r="C56341" s="14" t="s">
        <v>41</v>
      </c>
      <c r="D56341" s="14" t="s">
        <v>308</v>
      </c>
      <c r="E56341" s="15">
        <v>45507</v>
      </c>
      <c r="F56341" s="14" t="s">
        <v>43</v>
      </c>
      <c r="G56341" s="16">
        <v>0</v>
      </c>
    </row>
    <row r="56342" spans="1:7" x14ac:dyDescent="0.3">
      <c r="A56342" s="13" t="s">
        <v>307</v>
      </c>
      <c r="B56342" s="14" t="s">
        <v>1</v>
      </c>
      <c r="C56342" s="14" t="s">
        <v>41</v>
      </c>
      <c r="D56342" s="14" t="s">
        <v>308</v>
      </c>
      <c r="E56342" s="15">
        <v>45508</v>
      </c>
      <c r="F56342" s="14" t="s">
        <v>43</v>
      </c>
      <c r="G56342" s="16">
        <v>0</v>
      </c>
    </row>
    <row r="56343" spans="1:7" x14ac:dyDescent="0.3">
      <c r="A56343" s="13" t="s">
        <v>307</v>
      </c>
      <c r="B56343" s="14" t="s">
        <v>1</v>
      </c>
      <c r="C56343" s="14" t="s">
        <v>41</v>
      </c>
      <c r="D56343" s="14" t="s">
        <v>308</v>
      </c>
      <c r="E56343" s="15">
        <v>45509</v>
      </c>
      <c r="F56343" s="14" t="s">
        <v>43</v>
      </c>
      <c r="G56343" s="16">
        <v>0</v>
      </c>
    </row>
    <row r="56344" spans="1:7" x14ac:dyDescent="0.3">
      <c r="A56344" s="13" t="s">
        <v>307</v>
      </c>
      <c r="B56344" s="14" t="s">
        <v>1</v>
      </c>
      <c r="C56344" s="14" t="s">
        <v>41</v>
      </c>
      <c r="D56344" s="14" t="s">
        <v>308</v>
      </c>
      <c r="E56344" s="15">
        <v>45510</v>
      </c>
      <c r="F56344" s="14" t="s">
        <v>43</v>
      </c>
      <c r="G56344" s="16">
        <v>0</v>
      </c>
    </row>
    <row r="56345" spans="1:7" x14ac:dyDescent="0.3">
      <c r="A56345" s="13" t="s">
        <v>307</v>
      </c>
      <c r="B56345" s="14" t="s">
        <v>1</v>
      </c>
      <c r="C56345" s="14" t="s">
        <v>41</v>
      </c>
      <c r="D56345" s="14" t="s">
        <v>308</v>
      </c>
      <c r="E56345" s="15">
        <v>45511</v>
      </c>
      <c r="F56345" s="14" t="s">
        <v>43</v>
      </c>
      <c r="G56345" s="16">
        <v>0</v>
      </c>
    </row>
    <row r="56346" spans="1:7" x14ac:dyDescent="0.3">
      <c r="A56346" s="13" t="s">
        <v>307</v>
      </c>
      <c r="B56346" s="14" t="s">
        <v>1</v>
      </c>
      <c r="C56346" s="14" t="s">
        <v>41</v>
      </c>
      <c r="D56346" s="14" t="s">
        <v>308</v>
      </c>
      <c r="E56346" s="15">
        <v>45512</v>
      </c>
      <c r="F56346" s="14" t="s">
        <v>43</v>
      </c>
      <c r="G56346" s="16">
        <v>0</v>
      </c>
    </row>
    <row r="56347" spans="1:7" x14ac:dyDescent="0.3">
      <c r="A56347" s="13" t="s">
        <v>307</v>
      </c>
      <c r="B56347" s="14" t="s">
        <v>1</v>
      </c>
      <c r="C56347" s="14" t="s">
        <v>41</v>
      </c>
      <c r="D56347" s="14" t="s">
        <v>308</v>
      </c>
      <c r="E56347" s="15">
        <v>45513</v>
      </c>
      <c r="F56347" s="14" t="s">
        <v>43</v>
      </c>
      <c r="G56347" s="16">
        <v>0</v>
      </c>
    </row>
    <row r="56348" spans="1:7" x14ac:dyDescent="0.3">
      <c r="A56348" s="13" t="s">
        <v>307</v>
      </c>
      <c r="B56348" s="14" t="s">
        <v>1</v>
      </c>
      <c r="C56348" s="14" t="s">
        <v>41</v>
      </c>
      <c r="D56348" s="14" t="s">
        <v>308</v>
      </c>
      <c r="E56348" s="15">
        <v>45514</v>
      </c>
      <c r="F56348" s="14" t="s">
        <v>43</v>
      </c>
      <c r="G56348" s="16">
        <v>0</v>
      </c>
    </row>
    <row r="56349" spans="1:7" x14ac:dyDescent="0.3">
      <c r="A56349" s="13" t="s">
        <v>307</v>
      </c>
      <c r="B56349" s="14" t="s">
        <v>1</v>
      </c>
      <c r="C56349" s="14" t="s">
        <v>41</v>
      </c>
      <c r="D56349" s="14" t="s">
        <v>308</v>
      </c>
      <c r="E56349" s="15">
        <v>45515</v>
      </c>
      <c r="F56349" s="14" t="s">
        <v>43</v>
      </c>
      <c r="G56349" s="16">
        <v>0</v>
      </c>
    </row>
    <row r="56350" spans="1:7" x14ac:dyDescent="0.3">
      <c r="A56350" s="13" t="s">
        <v>307</v>
      </c>
      <c r="B56350" s="14" t="s">
        <v>1</v>
      </c>
      <c r="C56350" s="14" t="s">
        <v>41</v>
      </c>
      <c r="D56350" s="14" t="s">
        <v>308</v>
      </c>
      <c r="E56350" s="15">
        <v>45516</v>
      </c>
      <c r="F56350" s="14" t="s">
        <v>43</v>
      </c>
      <c r="G56350" s="16">
        <v>0</v>
      </c>
    </row>
    <row r="56351" spans="1:7" x14ac:dyDescent="0.3">
      <c r="A56351" s="13" t="s">
        <v>307</v>
      </c>
      <c r="B56351" s="14" t="s">
        <v>1</v>
      </c>
      <c r="C56351" s="14" t="s">
        <v>41</v>
      </c>
      <c r="D56351" s="14" t="s">
        <v>308</v>
      </c>
      <c r="E56351" s="15">
        <v>45517</v>
      </c>
      <c r="F56351" s="14" t="s">
        <v>43</v>
      </c>
      <c r="G56351" s="16">
        <v>0</v>
      </c>
    </row>
    <row r="56352" spans="1:7" x14ac:dyDescent="0.3">
      <c r="A56352" s="13" t="s">
        <v>307</v>
      </c>
      <c r="B56352" s="14" t="s">
        <v>1</v>
      </c>
      <c r="C56352" s="14" t="s">
        <v>41</v>
      </c>
      <c r="D56352" s="14" t="s">
        <v>308</v>
      </c>
      <c r="E56352" s="15">
        <v>45518</v>
      </c>
      <c r="F56352" s="14" t="s">
        <v>43</v>
      </c>
      <c r="G56352" s="16">
        <v>0</v>
      </c>
    </row>
    <row r="56353" spans="1:7" x14ac:dyDescent="0.3">
      <c r="A56353" s="13" t="s">
        <v>307</v>
      </c>
      <c r="B56353" s="14" t="s">
        <v>1</v>
      </c>
      <c r="C56353" s="14" t="s">
        <v>41</v>
      </c>
      <c r="D56353" s="14" t="s">
        <v>308</v>
      </c>
      <c r="E56353" s="15">
        <v>45519</v>
      </c>
      <c r="F56353" s="14" t="s">
        <v>43</v>
      </c>
      <c r="G56353" s="16">
        <v>0</v>
      </c>
    </row>
    <row r="56354" spans="1:7" x14ac:dyDescent="0.3">
      <c r="A56354" s="13" t="s">
        <v>307</v>
      </c>
      <c r="B56354" s="14" t="s">
        <v>1</v>
      </c>
      <c r="C56354" s="14" t="s">
        <v>41</v>
      </c>
      <c r="D56354" s="14" t="s">
        <v>308</v>
      </c>
      <c r="E56354" s="15">
        <v>45520</v>
      </c>
      <c r="F56354" s="14" t="s">
        <v>43</v>
      </c>
      <c r="G56354" s="16">
        <v>0</v>
      </c>
    </row>
    <row r="56355" spans="1:7" x14ac:dyDescent="0.3">
      <c r="A56355" s="13" t="s">
        <v>307</v>
      </c>
      <c r="B56355" s="14" t="s">
        <v>1</v>
      </c>
      <c r="C56355" s="14" t="s">
        <v>41</v>
      </c>
      <c r="D56355" s="14" t="s">
        <v>308</v>
      </c>
      <c r="E56355" s="15">
        <v>45521</v>
      </c>
      <c r="F56355" s="14" t="s">
        <v>43</v>
      </c>
      <c r="G56355" s="16">
        <v>0</v>
      </c>
    </row>
    <row r="56356" spans="1:7" x14ac:dyDescent="0.3">
      <c r="A56356" s="13" t="s">
        <v>307</v>
      </c>
      <c r="B56356" s="14" t="s">
        <v>1</v>
      </c>
      <c r="C56356" s="14" t="s">
        <v>41</v>
      </c>
      <c r="D56356" s="14" t="s">
        <v>308</v>
      </c>
      <c r="E56356" s="15">
        <v>45522</v>
      </c>
      <c r="F56356" s="14" t="s">
        <v>43</v>
      </c>
      <c r="G56356" s="16">
        <v>0</v>
      </c>
    </row>
    <row r="56357" spans="1:7" x14ac:dyDescent="0.3">
      <c r="A56357" s="13" t="s">
        <v>307</v>
      </c>
      <c r="B56357" s="14" t="s">
        <v>1</v>
      </c>
      <c r="C56357" s="14" t="s">
        <v>41</v>
      </c>
      <c r="D56357" s="14" t="s">
        <v>308</v>
      </c>
      <c r="E56357" s="15">
        <v>45523</v>
      </c>
      <c r="F56357" s="14" t="s">
        <v>43</v>
      </c>
      <c r="G56357" s="16">
        <v>0</v>
      </c>
    </row>
    <row r="56358" spans="1:7" x14ac:dyDescent="0.3">
      <c r="A56358" s="13" t="s">
        <v>307</v>
      </c>
      <c r="B56358" s="14" t="s">
        <v>1</v>
      </c>
      <c r="C56358" s="14" t="s">
        <v>41</v>
      </c>
      <c r="D56358" s="14" t="s">
        <v>308</v>
      </c>
      <c r="E56358" s="15">
        <v>45524</v>
      </c>
      <c r="F56358" s="14" t="s">
        <v>43</v>
      </c>
      <c r="G56358" s="16">
        <v>0</v>
      </c>
    </row>
    <row r="56359" spans="1:7" x14ac:dyDescent="0.3">
      <c r="A56359" s="13" t="s">
        <v>307</v>
      </c>
      <c r="B56359" s="14" t="s">
        <v>1</v>
      </c>
      <c r="C56359" s="14" t="s">
        <v>41</v>
      </c>
      <c r="D56359" s="14" t="s">
        <v>308</v>
      </c>
      <c r="E56359" s="15">
        <v>45525</v>
      </c>
      <c r="F56359" s="14" t="s">
        <v>43</v>
      </c>
      <c r="G56359" s="16">
        <v>0</v>
      </c>
    </row>
    <row r="56360" spans="1:7" x14ac:dyDescent="0.3">
      <c r="A56360" s="13" t="s">
        <v>307</v>
      </c>
      <c r="B56360" s="14" t="s">
        <v>1</v>
      </c>
      <c r="C56360" s="14" t="s">
        <v>41</v>
      </c>
      <c r="D56360" s="14" t="s">
        <v>308</v>
      </c>
      <c r="E56360" s="15">
        <v>45526</v>
      </c>
      <c r="F56360" s="14" t="s">
        <v>43</v>
      </c>
      <c r="G56360" s="16">
        <v>0</v>
      </c>
    </row>
    <row r="56361" spans="1:7" x14ac:dyDescent="0.3">
      <c r="A56361" s="13" t="s">
        <v>307</v>
      </c>
      <c r="B56361" s="14" t="s">
        <v>1</v>
      </c>
      <c r="C56361" s="14" t="s">
        <v>41</v>
      </c>
      <c r="D56361" s="14" t="s">
        <v>308</v>
      </c>
      <c r="E56361" s="15">
        <v>45527</v>
      </c>
      <c r="F56361" s="14" t="s">
        <v>43</v>
      </c>
      <c r="G56361" s="16">
        <v>0</v>
      </c>
    </row>
    <row r="56362" spans="1:7" x14ac:dyDescent="0.3">
      <c r="A56362" s="13" t="s">
        <v>307</v>
      </c>
      <c r="B56362" s="14" t="s">
        <v>1</v>
      </c>
      <c r="C56362" s="14" t="s">
        <v>41</v>
      </c>
      <c r="D56362" s="14" t="s">
        <v>308</v>
      </c>
      <c r="E56362" s="15">
        <v>45528</v>
      </c>
      <c r="F56362" s="14" t="s">
        <v>43</v>
      </c>
      <c r="G56362" s="16">
        <v>0</v>
      </c>
    </row>
    <row r="56363" spans="1:7" x14ac:dyDescent="0.3">
      <c r="A56363" s="13" t="s">
        <v>307</v>
      </c>
      <c r="B56363" s="14" t="s">
        <v>1</v>
      </c>
      <c r="C56363" s="14" t="s">
        <v>41</v>
      </c>
      <c r="D56363" s="14" t="s">
        <v>308</v>
      </c>
      <c r="E56363" s="15">
        <v>45529</v>
      </c>
      <c r="F56363" s="14" t="s">
        <v>43</v>
      </c>
      <c r="G56363" s="16">
        <v>0</v>
      </c>
    </row>
    <row r="56364" spans="1:7" x14ac:dyDescent="0.3">
      <c r="A56364" s="13" t="s">
        <v>307</v>
      </c>
      <c r="B56364" s="14" t="s">
        <v>1</v>
      </c>
      <c r="C56364" s="14" t="s">
        <v>41</v>
      </c>
      <c r="D56364" s="14" t="s">
        <v>308</v>
      </c>
      <c r="E56364" s="15">
        <v>45530</v>
      </c>
      <c r="F56364" s="14" t="s">
        <v>43</v>
      </c>
      <c r="G56364" s="16">
        <v>0</v>
      </c>
    </row>
    <row r="56365" spans="1:7" x14ac:dyDescent="0.3">
      <c r="A56365" s="13" t="s">
        <v>307</v>
      </c>
      <c r="B56365" s="14" t="s">
        <v>1</v>
      </c>
      <c r="C56365" s="14" t="s">
        <v>41</v>
      </c>
      <c r="D56365" s="14" t="s">
        <v>308</v>
      </c>
      <c r="E56365" s="15">
        <v>45531</v>
      </c>
      <c r="F56365" s="14" t="s">
        <v>43</v>
      </c>
      <c r="G56365" s="16">
        <v>0</v>
      </c>
    </row>
    <row r="56366" spans="1:7" x14ac:dyDescent="0.3">
      <c r="A56366" s="13" t="s">
        <v>307</v>
      </c>
      <c r="B56366" s="14" t="s">
        <v>1</v>
      </c>
      <c r="C56366" s="14" t="s">
        <v>41</v>
      </c>
      <c r="D56366" s="14" t="s">
        <v>308</v>
      </c>
      <c r="E56366" s="15">
        <v>45532</v>
      </c>
      <c r="F56366" s="14" t="s">
        <v>43</v>
      </c>
      <c r="G56366" s="16">
        <v>0</v>
      </c>
    </row>
    <row r="56367" spans="1:7" x14ac:dyDescent="0.3">
      <c r="A56367" s="13" t="s">
        <v>307</v>
      </c>
      <c r="B56367" s="14" t="s">
        <v>1</v>
      </c>
      <c r="C56367" s="14" t="s">
        <v>41</v>
      </c>
      <c r="D56367" s="14" t="s">
        <v>308</v>
      </c>
      <c r="E56367" s="15">
        <v>45533</v>
      </c>
      <c r="F56367" s="14" t="s">
        <v>43</v>
      </c>
      <c r="G56367" s="16">
        <v>0</v>
      </c>
    </row>
    <row r="56368" spans="1:7" x14ac:dyDescent="0.3">
      <c r="A56368" s="13" t="s">
        <v>307</v>
      </c>
      <c r="B56368" s="14" t="s">
        <v>1</v>
      </c>
      <c r="C56368" s="14" t="s">
        <v>41</v>
      </c>
      <c r="D56368" s="14" t="s">
        <v>308</v>
      </c>
      <c r="E56368" s="15">
        <v>45534</v>
      </c>
      <c r="F56368" s="14" t="s">
        <v>43</v>
      </c>
      <c r="G56368" s="16">
        <v>0</v>
      </c>
    </row>
    <row r="56369" spans="1:7" x14ac:dyDescent="0.3">
      <c r="A56369" s="13" t="s">
        <v>307</v>
      </c>
      <c r="B56369" s="14" t="s">
        <v>1</v>
      </c>
      <c r="C56369" s="14" t="s">
        <v>41</v>
      </c>
      <c r="D56369" s="14" t="s">
        <v>308</v>
      </c>
      <c r="E56369" s="15">
        <v>45535</v>
      </c>
      <c r="F56369" s="14" t="s">
        <v>43</v>
      </c>
      <c r="G56369" s="16">
        <v>0</v>
      </c>
    </row>
    <row r="56370" spans="1:7" x14ac:dyDescent="0.3">
      <c r="A56370" s="13" t="s">
        <v>307</v>
      </c>
      <c r="B56370" s="14" t="s">
        <v>1</v>
      </c>
      <c r="C56370" s="14" t="s">
        <v>41</v>
      </c>
      <c r="D56370" s="14" t="s">
        <v>308</v>
      </c>
      <c r="E56370" s="15">
        <v>45536</v>
      </c>
      <c r="F56370" s="14" t="s">
        <v>43</v>
      </c>
      <c r="G56370" s="16">
        <v>0</v>
      </c>
    </row>
    <row r="56371" spans="1:7" x14ac:dyDescent="0.3">
      <c r="A56371" s="13" t="s">
        <v>307</v>
      </c>
      <c r="B56371" s="14" t="s">
        <v>1</v>
      </c>
      <c r="C56371" s="14" t="s">
        <v>41</v>
      </c>
      <c r="D56371" s="14" t="s">
        <v>308</v>
      </c>
      <c r="E56371" s="15">
        <v>45537</v>
      </c>
      <c r="F56371" s="14" t="s">
        <v>43</v>
      </c>
      <c r="G56371" s="16">
        <v>0</v>
      </c>
    </row>
    <row r="56372" spans="1:7" x14ac:dyDescent="0.3">
      <c r="A56372" s="13" t="s">
        <v>307</v>
      </c>
      <c r="B56372" s="14" t="s">
        <v>1</v>
      </c>
      <c r="C56372" s="14" t="s">
        <v>41</v>
      </c>
      <c r="D56372" s="14" t="s">
        <v>308</v>
      </c>
      <c r="E56372" s="15">
        <v>45538</v>
      </c>
      <c r="F56372" s="14" t="s">
        <v>43</v>
      </c>
      <c r="G56372" s="16">
        <v>0</v>
      </c>
    </row>
    <row r="56373" spans="1:7" x14ac:dyDescent="0.3">
      <c r="A56373" s="13" t="s">
        <v>307</v>
      </c>
      <c r="B56373" s="14" t="s">
        <v>1</v>
      </c>
      <c r="C56373" s="14" t="s">
        <v>41</v>
      </c>
      <c r="D56373" s="14" t="s">
        <v>308</v>
      </c>
      <c r="E56373" s="15">
        <v>45539</v>
      </c>
      <c r="F56373" s="14" t="s">
        <v>43</v>
      </c>
      <c r="G56373" s="16">
        <v>0</v>
      </c>
    </row>
    <row r="56374" spans="1:7" x14ac:dyDescent="0.3">
      <c r="A56374" s="13" t="s">
        <v>307</v>
      </c>
      <c r="B56374" s="14" t="s">
        <v>1</v>
      </c>
      <c r="C56374" s="14" t="s">
        <v>41</v>
      </c>
      <c r="D56374" s="14" t="s">
        <v>308</v>
      </c>
      <c r="E56374" s="15">
        <v>45540</v>
      </c>
      <c r="F56374" s="14" t="s">
        <v>43</v>
      </c>
      <c r="G56374" s="16">
        <v>0</v>
      </c>
    </row>
    <row r="56375" spans="1:7" x14ac:dyDescent="0.3">
      <c r="A56375" s="13" t="s">
        <v>307</v>
      </c>
      <c r="B56375" s="14" t="s">
        <v>1</v>
      </c>
      <c r="C56375" s="14" t="s">
        <v>41</v>
      </c>
      <c r="D56375" s="14" t="s">
        <v>308</v>
      </c>
      <c r="E56375" s="15">
        <v>45541</v>
      </c>
      <c r="F56375" s="14" t="s">
        <v>43</v>
      </c>
      <c r="G56375" s="16">
        <v>0</v>
      </c>
    </row>
    <row r="56376" spans="1:7" x14ac:dyDescent="0.3">
      <c r="A56376" s="13" t="s">
        <v>307</v>
      </c>
      <c r="B56376" s="14" t="s">
        <v>1</v>
      </c>
      <c r="C56376" s="14" t="s">
        <v>41</v>
      </c>
      <c r="D56376" s="14" t="s">
        <v>308</v>
      </c>
      <c r="E56376" s="15">
        <v>45542</v>
      </c>
      <c r="F56376" s="14" t="s">
        <v>43</v>
      </c>
      <c r="G56376" s="16">
        <v>0</v>
      </c>
    </row>
    <row r="56377" spans="1:7" x14ac:dyDescent="0.3">
      <c r="A56377" s="13" t="s">
        <v>307</v>
      </c>
      <c r="B56377" s="14" t="s">
        <v>1</v>
      </c>
      <c r="C56377" s="14" t="s">
        <v>41</v>
      </c>
      <c r="D56377" s="14" t="s">
        <v>308</v>
      </c>
      <c r="E56377" s="15">
        <v>45543</v>
      </c>
      <c r="F56377" s="14" t="s">
        <v>43</v>
      </c>
      <c r="G56377" s="16">
        <v>0</v>
      </c>
    </row>
    <row r="56378" spans="1:7" x14ac:dyDescent="0.3">
      <c r="A56378" s="13" t="s">
        <v>307</v>
      </c>
      <c r="B56378" s="14" t="s">
        <v>1</v>
      </c>
      <c r="C56378" s="14" t="s">
        <v>41</v>
      </c>
      <c r="D56378" s="14" t="s">
        <v>308</v>
      </c>
      <c r="E56378" s="15">
        <v>45544</v>
      </c>
      <c r="F56378" s="14" t="s">
        <v>43</v>
      </c>
      <c r="G56378" s="16">
        <v>0</v>
      </c>
    </row>
    <row r="56379" spans="1:7" x14ac:dyDescent="0.3">
      <c r="A56379" s="13" t="s">
        <v>307</v>
      </c>
      <c r="B56379" s="14" t="s">
        <v>1</v>
      </c>
      <c r="C56379" s="14" t="s">
        <v>41</v>
      </c>
      <c r="D56379" s="14" t="s">
        <v>308</v>
      </c>
      <c r="E56379" s="15">
        <v>45545</v>
      </c>
      <c r="F56379" s="14" t="s">
        <v>43</v>
      </c>
      <c r="G56379" s="16">
        <v>0</v>
      </c>
    </row>
    <row r="56380" spans="1:7" x14ac:dyDescent="0.3">
      <c r="A56380" s="13" t="s">
        <v>307</v>
      </c>
      <c r="B56380" s="14" t="s">
        <v>1</v>
      </c>
      <c r="C56380" s="14" t="s">
        <v>41</v>
      </c>
      <c r="D56380" s="14" t="s">
        <v>308</v>
      </c>
      <c r="E56380" s="15">
        <v>45546</v>
      </c>
      <c r="F56380" s="14" t="s">
        <v>43</v>
      </c>
      <c r="G56380" s="16">
        <v>0</v>
      </c>
    </row>
    <row r="56381" spans="1:7" x14ac:dyDescent="0.3">
      <c r="A56381" s="13" t="s">
        <v>307</v>
      </c>
      <c r="B56381" s="14" t="s">
        <v>1</v>
      </c>
      <c r="C56381" s="14" t="s">
        <v>41</v>
      </c>
      <c r="D56381" s="14" t="s">
        <v>308</v>
      </c>
      <c r="E56381" s="15">
        <v>45547</v>
      </c>
      <c r="F56381" s="14" t="s">
        <v>43</v>
      </c>
      <c r="G56381" s="16">
        <v>0</v>
      </c>
    </row>
    <row r="56382" spans="1:7" x14ac:dyDescent="0.3">
      <c r="A56382" s="13" t="s">
        <v>307</v>
      </c>
      <c r="B56382" s="14" t="s">
        <v>1</v>
      </c>
      <c r="C56382" s="14" t="s">
        <v>41</v>
      </c>
      <c r="D56382" s="14" t="s">
        <v>308</v>
      </c>
      <c r="E56382" s="15">
        <v>45548</v>
      </c>
      <c r="F56382" s="14" t="s">
        <v>43</v>
      </c>
      <c r="G56382" s="16">
        <v>0</v>
      </c>
    </row>
    <row r="56383" spans="1:7" x14ac:dyDescent="0.3">
      <c r="A56383" s="13" t="s">
        <v>307</v>
      </c>
      <c r="B56383" s="14" t="s">
        <v>1</v>
      </c>
      <c r="C56383" s="14" t="s">
        <v>41</v>
      </c>
      <c r="D56383" s="14" t="s">
        <v>308</v>
      </c>
      <c r="E56383" s="15">
        <v>45549</v>
      </c>
      <c r="F56383" s="14" t="s">
        <v>43</v>
      </c>
      <c r="G56383" s="16">
        <v>0</v>
      </c>
    </row>
    <row r="56384" spans="1:7" x14ac:dyDescent="0.3">
      <c r="A56384" s="13" t="s">
        <v>307</v>
      </c>
      <c r="B56384" s="14" t="s">
        <v>1</v>
      </c>
      <c r="C56384" s="14" t="s">
        <v>41</v>
      </c>
      <c r="D56384" s="14" t="s">
        <v>308</v>
      </c>
      <c r="E56384" s="15">
        <v>45550</v>
      </c>
      <c r="F56384" s="14" t="s">
        <v>43</v>
      </c>
      <c r="G56384" s="16">
        <v>0</v>
      </c>
    </row>
    <row r="56385" spans="1:7" x14ac:dyDescent="0.3">
      <c r="A56385" s="13" t="s">
        <v>307</v>
      </c>
      <c r="B56385" s="14" t="s">
        <v>1</v>
      </c>
      <c r="C56385" s="14" t="s">
        <v>41</v>
      </c>
      <c r="D56385" s="14" t="s">
        <v>308</v>
      </c>
      <c r="E56385" s="15">
        <v>45551</v>
      </c>
      <c r="F56385" s="14" t="s">
        <v>43</v>
      </c>
      <c r="G56385" s="16">
        <v>0</v>
      </c>
    </row>
    <row r="56386" spans="1:7" x14ac:dyDescent="0.3">
      <c r="A56386" s="13" t="s">
        <v>307</v>
      </c>
      <c r="B56386" s="14" t="s">
        <v>1</v>
      </c>
      <c r="C56386" s="14" t="s">
        <v>41</v>
      </c>
      <c r="D56386" s="14" t="s">
        <v>308</v>
      </c>
      <c r="E56386" s="15">
        <v>45552</v>
      </c>
      <c r="F56386" s="14" t="s">
        <v>43</v>
      </c>
      <c r="G56386" s="16">
        <v>0</v>
      </c>
    </row>
    <row r="56387" spans="1:7" x14ac:dyDescent="0.3">
      <c r="A56387" s="13" t="s">
        <v>307</v>
      </c>
      <c r="B56387" s="14" t="s">
        <v>1</v>
      </c>
      <c r="C56387" s="14" t="s">
        <v>41</v>
      </c>
      <c r="D56387" s="14" t="s">
        <v>308</v>
      </c>
      <c r="E56387" s="15">
        <v>45553</v>
      </c>
      <c r="F56387" s="14" t="s">
        <v>43</v>
      </c>
      <c r="G56387" s="16">
        <v>0</v>
      </c>
    </row>
    <row r="56388" spans="1:7" x14ac:dyDescent="0.3">
      <c r="A56388" s="13" t="s">
        <v>307</v>
      </c>
      <c r="B56388" s="14" t="s">
        <v>1</v>
      </c>
      <c r="C56388" s="14" t="s">
        <v>41</v>
      </c>
      <c r="D56388" s="14" t="s">
        <v>308</v>
      </c>
      <c r="E56388" s="15">
        <v>45554</v>
      </c>
      <c r="F56388" s="14" t="s">
        <v>43</v>
      </c>
      <c r="G56388" s="16">
        <v>0</v>
      </c>
    </row>
    <row r="56389" spans="1:7" x14ac:dyDescent="0.3">
      <c r="A56389" s="13" t="s">
        <v>307</v>
      </c>
      <c r="B56389" s="14" t="s">
        <v>1</v>
      </c>
      <c r="C56389" s="14" t="s">
        <v>41</v>
      </c>
      <c r="D56389" s="14" t="s">
        <v>308</v>
      </c>
      <c r="E56389" s="15">
        <v>45555</v>
      </c>
      <c r="F56389" s="14" t="s">
        <v>43</v>
      </c>
      <c r="G56389" s="16">
        <v>0</v>
      </c>
    </row>
    <row r="56390" spans="1:7" x14ac:dyDescent="0.3">
      <c r="A56390" s="13" t="s">
        <v>307</v>
      </c>
      <c r="B56390" s="14" t="s">
        <v>1</v>
      </c>
      <c r="C56390" s="14" t="s">
        <v>41</v>
      </c>
      <c r="D56390" s="14" t="s">
        <v>308</v>
      </c>
      <c r="E56390" s="15">
        <v>45556</v>
      </c>
      <c r="F56390" s="14" t="s">
        <v>43</v>
      </c>
      <c r="G56390" s="16">
        <v>0</v>
      </c>
    </row>
    <row r="56391" spans="1:7" x14ac:dyDescent="0.3">
      <c r="A56391" s="13" t="s">
        <v>307</v>
      </c>
      <c r="B56391" s="14" t="s">
        <v>1</v>
      </c>
      <c r="C56391" s="14" t="s">
        <v>41</v>
      </c>
      <c r="D56391" s="14" t="s">
        <v>308</v>
      </c>
      <c r="E56391" s="15">
        <v>45557</v>
      </c>
      <c r="F56391" s="14" t="s">
        <v>43</v>
      </c>
      <c r="G56391" s="16">
        <v>0</v>
      </c>
    </row>
    <row r="56392" spans="1:7" x14ac:dyDescent="0.3">
      <c r="A56392" s="13" t="s">
        <v>307</v>
      </c>
      <c r="B56392" s="14" t="s">
        <v>1</v>
      </c>
      <c r="C56392" s="14" t="s">
        <v>41</v>
      </c>
      <c r="D56392" s="14" t="s">
        <v>308</v>
      </c>
      <c r="E56392" s="15">
        <v>45558</v>
      </c>
      <c r="F56392" s="14" t="s">
        <v>43</v>
      </c>
      <c r="G56392" s="16">
        <v>0</v>
      </c>
    </row>
    <row r="56393" spans="1:7" x14ac:dyDescent="0.3">
      <c r="A56393" s="13" t="s">
        <v>307</v>
      </c>
      <c r="B56393" s="14" t="s">
        <v>1</v>
      </c>
      <c r="C56393" s="14" t="s">
        <v>41</v>
      </c>
      <c r="D56393" s="14" t="s">
        <v>308</v>
      </c>
      <c r="E56393" s="15">
        <v>45559</v>
      </c>
      <c r="F56393" s="14" t="s">
        <v>43</v>
      </c>
      <c r="G56393" s="16">
        <v>0</v>
      </c>
    </row>
    <row r="56394" spans="1:7" x14ac:dyDescent="0.3">
      <c r="A56394" s="13" t="s">
        <v>307</v>
      </c>
      <c r="B56394" s="14" t="s">
        <v>1</v>
      </c>
      <c r="C56394" s="14" t="s">
        <v>41</v>
      </c>
      <c r="D56394" s="14" t="s">
        <v>308</v>
      </c>
      <c r="E56394" s="15">
        <v>45560</v>
      </c>
      <c r="F56394" s="14" t="s">
        <v>43</v>
      </c>
      <c r="G56394" s="16">
        <v>0</v>
      </c>
    </row>
    <row r="56395" spans="1:7" x14ac:dyDescent="0.3">
      <c r="A56395" s="13" t="s">
        <v>307</v>
      </c>
      <c r="B56395" s="14" t="s">
        <v>1</v>
      </c>
      <c r="C56395" s="14" t="s">
        <v>41</v>
      </c>
      <c r="D56395" s="14" t="s">
        <v>308</v>
      </c>
      <c r="E56395" s="15">
        <v>45561</v>
      </c>
      <c r="F56395" s="14" t="s">
        <v>43</v>
      </c>
      <c r="G56395" s="16">
        <v>0</v>
      </c>
    </row>
    <row r="56396" spans="1:7" x14ac:dyDescent="0.3">
      <c r="A56396" s="13" t="s">
        <v>307</v>
      </c>
      <c r="B56396" s="14" t="s">
        <v>1</v>
      </c>
      <c r="C56396" s="14" t="s">
        <v>41</v>
      </c>
      <c r="D56396" s="14" t="s">
        <v>308</v>
      </c>
      <c r="E56396" s="15">
        <v>45562</v>
      </c>
      <c r="F56396" s="14" t="s">
        <v>43</v>
      </c>
      <c r="G56396" s="16">
        <v>0</v>
      </c>
    </row>
    <row r="56397" spans="1:7" x14ac:dyDescent="0.3">
      <c r="A56397" s="13" t="s">
        <v>307</v>
      </c>
      <c r="B56397" s="14" t="s">
        <v>1</v>
      </c>
      <c r="C56397" s="14" t="s">
        <v>41</v>
      </c>
      <c r="D56397" s="14" t="s">
        <v>308</v>
      </c>
      <c r="E56397" s="15">
        <v>45563</v>
      </c>
      <c r="F56397" s="14" t="s">
        <v>43</v>
      </c>
      <c r="G56397" s="16">
        <v>0</v>
      </c>
    </row>
    <row r="56398" spans="1:7" x14ac:dyDescent="0.3">
      <c r="A56398" s="13" t="s">
        <v>307</v>
      </c>
      <c r="B56398" s="14" t="s">
        <v>1</v>
      </c>
      <c r="C56398" s="14" t="s">
        <v>41</v>
      </c>
      <c r="D56398" s="14" t="s">
        <v>308</v>
      </c>
      <c r="E56398" s="15">
        <v>45564</v>
      </c>
      <c r="F56398" s="14" t="s">
        <v>43</v>
      </c>
      <c r="G56398" s="16">
        <v>0</v>
      </c>
    </row>
    <row r="56399" spans="1:7" x14ac:dyDescent="0.3">
      <c r="A56399" s="13" t="s">
        <v>307</v>
      </c>
      <c r="B56399" s="14" t="s">
        <v>1</v>
      </c>
      <c r="C56399" s="14" t="s">
        <v>41</v>
      </c>
      <c r="D56399" s="14" t="s">
        <v>308</v>
      </c>
      <c r="E56399" s="15">
        <v>45565</v>
      </c>
      <c r="F56399" s="14" t="s">
        <v>43</v>
      </c>
      <c r="G56399" s="16">
        <v>57.248157916090548</v>
      </c>
    </row>
    <row r="56400" spans="1:7" x14ac:dyDescent="0.3">
      <c r="A56400" s="13" t="s">
        <v>307</v>
      </c>
      <c r="B56400" s="14" t="s">
        <v>1</v>
      </c>
      <c r="C56400" s="14" t="s">
        <v>41</v>
      </c>
      <c r="D56400" s="14" t="s">
        <v>308</v>
      </c>
      <c r="E56400" s="15">
        <v>45566</v>
      </c>
      <c r="F56400" s="14" t="s">
        <v>43</v>
      </c>
      <c r="G56400" s="16">
        <v>56.63722595416781</v>
      </c>
    </row>
    <row r="56401" spans="1:7" x14ac:dyDescent="0.3">
      <c r="A56401" s="13" t="s">
        <v>307</v>
      </c>
      <c r="B56401" s="14" t="s">
        <v>1</v>
      </c>
      <c r="C56401" s="14" t="s">
        <v>41</v>
      </c>
      <c r="D56401" s="14" t="s">
        <v>308</v>
      </c>
      <c r="E56401" s="15">
        <v>45567</v>
      </c>
      <c r="F56401" s="14" t="s">
        <v>43</v>
      </c>
      <c r="G56401" s="16">
        <v>56.440429043134692</v>
      </c>
    </row>
    <row r="56402" spans="1:7" x14ac:dyDescent="0.3">
      <c r="A56402" s="13" t="s">
        <v>307</v>
      </c>
      <c r="B56402" s="14" t="s">
        <v>1</v>
      </c>
      <c r="C56402" s="14" t="s">
        <v>41</v>
      </c>
      <c r="D56402" s="14" t="s">
        <v>308</v>
      </c>
      <c r="E56402" s="15">
        <v>45568</v>
      </c>
      <c r="F56402" s="14" t="s">
        <v>43</v>
      </c>
      <c r="G56402" s="16">
        <v>56.240578343592809</v>
      </c>
    </row>
    <row r="56403" spans="1:7" x14ac:dyDescent="0.3">
      <c r="A56403" s="13" t="s">
        <v>307</v>
      </c>
      <c r="B56403" s="14" t="s">
        <v>1</v>
      </c>
      <c r="C56403" s="14" t="s">
        <v>41</v>
      </c>
      <c r="D56403" s="14" t="s">
        <v>308</v>
      </c>
      <c r="E56403" s="15">
        <v>45569</v>
      </c>
      <c r="F56403" s="14" t="s">
        <v>43</v>
      </c>
      <c r="G56403" s="16">
        <v>56.043533171979377</v>
      </c>
    </row>
    <row r="56404" spans="1:7" x14ac:dyDescent="0.3">
      <c r="A56404" s="13" t="s">
        <v>307</v>
      </c>
      <c r="B56404" s="14" t="s">
        <v>1</v>
      </c>
      <c r="C56404" s="14" t="s">
        <v>41</v>
      </c>
      <c r="D56404" s="14" t="s">
        <v>308</v>
      </c>
      <c r="E56404" s="15">
        <v>45570</v>
      </c>
      <c r="F56404" s="14" t="s">
        <v>43</v>
      </c>
      <c r="G56404" s="16">
        <v>56.043533171979377</v>
      </c>
    </row>
    <row r="56405" spans="1:7" x14ac:dyDescent="0.3">
      <c r="A56405" s="13" t="s">
        <v>307</v>
      </c>
      <c r="B56405" s="14" t="s">
        <v>1</v>
      </c>
      <c r="C56405" s="14" t="s">
        <v>41</v>
      </c>
      <c r="D56405" s="14" t="s">
        <v>308</v>
      </c>
      <c r="E56405" s="15">
        <v>45571</v>
      </c>
      <c r="F56405" s="14" t="s">
        <v>43</v>
      </c>
      <c r="G56405" s="16">
        <v>56.043533171979377</v>
      </c>
    </row>
    <row r="56406" spans="1:7" x14ac:dyDescent="0.3">
      <c r="A56406" s="13" t="s">
        <v>307</v>
      </c>
      <c r="B56406" s="14" t="s">
        <v>1</v>
      </c>
      <c r="C56406" s="14" t="s">
        <v>41</v>
      </c>
      <c r="D56406" s="14" t="s">
        <v>308</v>
      </c>
      <c r="E56406" s="15">
        <v>45572</v>
      </c>
      <c r="F56406" s="14" t="s">
        <v>43</v>
      </c>
      <c r="G56406" s="16">
        <v>55.844374999404579</v>
      </c>
    </row>
    <row r="56407" spans="1:7" x14ac:dyDescent="0.3">
      <c r="A56407" s="13" t="s">
        <v>307</v>
      </c>
      <c r="B56407" s="14" t="s">
        <v>1</v>
      </c>
      <c r="C56407" s="14" t="s">
        <v>41</v>
      </c>
      <c r="D56407" s="14" t="s">
        <v>308</v>
      </c>
      <c r="E56407" s="15">
        <v>45573</v>
      </c>
      <c r="F56407" s="14" t="s">
        <v>43</v>
      </c>
      <c r="G56407" s="16">
        <v>55.242525710626857</v>
      </c>
    </row>
    <row r="56408" spans="1:7" x14ac:dyDescent="0.3">
      <c r="A56408" s="13" t="s">
        <v>307</v>
      </c>
      <c r="B56408" s="14" t="s">
        <v>1</v>
      </c>
      <c r="C56408" s="14" t="s">
        <v>41</v>
      </c>
      <c r="D56408" s="14" t="s">
        <v>308</v>
      </c>
      <c r="E56408" s="15">
        <v>45574</v>
      </c>
      <c r="F56408" s="14" t="s">
        <v>43</v>
      </c>
      <c r="G56408" s="16">
        <v>55.038649597563484</v>
      </c>
    </row>
    <row r="56409" spans="1:7" x14ac:dyDescent="0.3">
      <c r="A56409" s="13" t="s">
        <v>307</v>
      </c>
      <c r="B56409" s="14" t="s">
        <v>1</v>
      </c>
      <c r="C56409" s="14" t="s">
        <v>41</v>
      </c>
      <c r="D56409" s="14" t="s">
        <v>308</v>
      </c>
      <c r="E56409" s="15">
        <v>45575</v>
      </c>
      <c r="F56409" s="14" t="s">
        <v>43</v>
      </c>
      <c r="G56409" s="16">
        <v>54.838023907145498</v>
      </c>
    </row>
    <row r="56410" spans="1:7" x14ac:dyDescent="0.3">
      <c r="A56410" s="13" t="s">
        <v>307</v>
      </c>
      <c r="B56410" s="14" t="s">
        <v>1</v>
      </c>
      <c r="C56410" s="14" t="s">
        <v>41</v>
      </c>
      <c r="D56410" s="14" t="s">
        <v>308</v>
      </c>
      <c r="E56410" s="15">
        <v>45576</v>
      </c>
      <c r="F56410" s="14" t="s">
        <v>43</v>
      </c>
      <c r="G56410" s="16">
        <v>54.636677094147494</v>
      </c>
    </row>
    <row r="56411" spans="1:7" x14ac:dyDescent="0.3">
      <c r="A56411" s="13" t="s">
        <v>307</v>
      </c>
      <c r="B56411" s="14" t="s">
        <v>1</v>
      </c>
      <c r="C56411" s="14" t="s">
        <v>41</v>
      </c>
      <c r="D56411" s="14" t="s">
        <v>308</v>
      </c>
      <c r="E56411" s="15">
        <v>45577</v>
      </c>
      <c r="F56411" s="14" t="s">
        <v>43</v>
      </c>
      <c r="G56411" s="16">
        <v>54.636677094147494</v>
      </c>
    </row>
    <row r="56412" spans="1:7" x14ac:dyDescent="0.3">
      <c r="A56412" s="13" t="s">
        <v>307</v>
      </c>
      <c r="B56412" s="14" t="s">
        <v>1</v>
      </c>
      <c r="C56412" s="14" t="s">
        <v>41</v>
      </c>
      <c r="D56412" s="14" t="s">
        <v>308</v>
      </c>
      <c r="E56412" s="15">
        <v>45578</v>
      </c>
      <c r="F56412" s="14" t="s">
        <v>43</v>
      </c>
      <c r="G56412" s="16">
        <v>54.636677094147494</v>
      </c>
    </row>
    <row r="56413" spans="1:7" x14ac:dyDescent="0.3">
      <c r="A56413" s="13" t="s">
        <v>307</v>
      </c>
      <c r="B56413" s="14" t="s">
        <v>1</v>
      </c>
      <c r="C56413" s="14" t="s">
        <v>41</v>
      </c>
      <c r="D56413" s="14" t="s">
        <v>308</v>
      </c>
      <c r="E56413" s="15">
        <v>45579</v>
      </c>
      <c r="F56413" s="14" t="s">
        <v>43</v>
      </c>
      <c r="G56413" s="16">
        <v>54.636677094147494</v>
      </c>
    </row>
    <row r="56414" spans="1:7" x14ac:dyDescent="0.3">
      <c r="A56414" s="13" t="s">
        <v>307</v>
      </c>
      <c r="B56414" s="14" t="s">
        <v>1</v>
      </c>
      <c r="C56414" s="14" t="s">
        <v>41</v>
      </c>
      <c r="D56414" s="14" t="s">
        <v>308</v>
      </c>
      <c r="E56414" s="15">
        <v>45580</v>
      </c>
      <c r="F56414" s="14" t="s">
        <v>43</v>
      </c>
      <c r="G56414" s="16">
        <v>54.434741508992531</v>
      </c>
    </row>
    <row r="56415" spans="1:7" x14ac:dyDescent="0.3">
      <c r="A56415" s="13" t="s">
        <v>307</v>
      </c>
      <c r="B56415" s="14" t="s">
        <v>1</v>
      </c>
      <c r="C56415" s="14" t="s">
        <v>41</v>
      </c>
      <c r="D56415" s="14" t="s">
        <v>308</v>
      </c>
      <c r="E56415" s="15">
        <v>45581</v>
      </c>
      <c r="F56415" s="14" t="s">
        <v>43</v>
      </c>
      <c r="G56415" s="16">
        <v>53.626857152040593</v>
      </c>
    </row>
    <row r="56416" spans="1:7" x14ac:dyDescent="0.3">
      <c r="A56416" s="13" t="s">
        <v>307</v>
      </c>
      <c r="B56416" s="14" t="s">
        <v>1</v>
      </c>
      <c r="C56416" s="14" t="s">
        <v>41</v>
      </c>
      <c r="D56416" s="14" t="s">
        <v>308</v>
      </c>
      <c r="E56416" s="15">
        <v>45582</v>
      </c>
      <c r="F56416" s="14" t="s">
        <v>43</v>
      </c>
      <c r="G56416" s="16">
        <v>53.424201112611954</v>
      </c>
    </row>
    <row r="56417" spans="1:7" x14ac:dyDescent="0.3">
      <c r="A56417" s="13" t="s">
        <v>307</v>
      </c>
      <c r="B56417" s="14" t="s">
        <v>1</v>
      </c>
      <c r="C56417" s="14" t="s">
        <v>41</v>
      </c>
      <c r="D56417" s="14" t="s">
        <v>308</v>
      </c>
      <c r="E56417" s="15">
        <v>45583</v>
      </c>
      <c r="F56417" s="14" t="s">
        <v>43</v>
      </c>
      <c r="G56417" s="16">
        <v>53.223856534663447</v>
      </c>
    </row>
    <row r="56418" spans="1:7" x14ac:dyDescent="0.3">
      <c r="A56418" s="13" t="s">
        <v>307</v>
      </c>
      <c r="B56418" s="14" t="s">
        <v>1</v>
      </c>
      <c r="C56418" s="14" t="s">
        <v>41</v>
      </c>
      <c r="D56418" s="14" t="s">
        <v>308</v>
      </c>
      <c r="E56418" s="15">
        <v>45584</v>
      </c>
      <c r="F56418" s="14" t="s">
        <v>43</v>
      </c>
      <c r="G56418" s="16">
        <v>53.223856534663447</v>
      </c>
    </row>
    <row r="56419" spans="1:7" x14ac:dyDescent="0.3">
      <c r="A56419" s="13" t="s">
        <v>307</v>
      </c>
      <c r="B56419" s="14" t="s">
        <v>1</v>
      </c>
      <c r="C56419" s="14" t="s">
        <v>41</v>
      </c>
      <c r="D56419" s="14" t="s">
        <v>308</v>
      </c>
      <c r="E56419" s="15">
        <v>45585</v>
      </c>
      <c r="F56419" s="14" t="s">
        <v>43</v>
      </c>
      <c r="G56419" s="16">
        <v>53.223856534663447</v>
      </c>
    </row>
    <row r="56420" spans="1:7" x14ac:dyDescent="0.3">
      <c r="A56420" s="13" t="s">
        <v>307</v>
      </c>
      <c r="B56420" s="14" t="s">
        <v>1</v>
      </c>
      <c r="C56420" s="14" t="s">
        <v>41</v>
      </c>
      <c r="D56420" s="14" t="s">
        <v>308</v>
      </c>
      <c r="E56420" s="15">
        <v>45586</v>
      </c>
      <c r="F56420" s="14" t="s">
        <v>43</v>
      </c>
      <c r="G56420" s="16">
        <v>53.023984823344392</v>
      </c>
    </row>
    <row r="56421" spans="1:7" x14ac:dyDescent="0.3">
      <c r="A56421" s="13" t="s">
        <v>307</v>
      </c>
      <c r="B56421" s="14" t="s">
        <v>1</v>
      </c>
      <c r="C56421" s="14" t="s">
        <v>41</v>
      </c>
      <c r="D56421" s="14" t="s">
        <v>308</v>
      </c>
      <c r="E56421" s="15">
        <v>45587</v>
      </c>
      <c r="F56421" s="14" t="s">
        <v>43</v>
      </c>
      <c r="G56421" s="16">
        <v>52.423015971992562</v>
      </c>
    </row>
    <row r="56422" spans="1:7" x14ac:dyDescent="0.3">
      <c r="A56422" s="13" t="s">
        <v>307</v>
      </c>
      <c r="B56422" s="14" t="s">
        <v>1</v>
      </c>
      <c r="C56422" s="14" t="s">
        <v>41</v>
      </c>
      <c r="D56422" s="14" t="s">
        <v>308</v>
      </c>
      <c r="E56422" s="15">
        <v>45588</v>
      </c>
      <c r="F56422" s="14" t="s">
        <v>43</v>
      </c>
      <c r="G56422" s="16">
        <v>53.373383588305856</v>
      </c>
    </row>
    <row r="56423" spans="1:7" x14ac:dyDescent="0.3">
      <c r="A56423" s="13" t="s">
        <v>307</v>
      </c>
      <c r="B56423" s="14" t="s">
        <v>1</v>
      </c>
      <c r="C56423" s="14" t="s">
        <v>41</v>
      </c>
      <c r="D56423" s="14" t="s">
        <v>308</v>
      </c>
      <c r="E56423" s="15">
        <v>45589</v>
      </c>
      <c r="F56423" s="14" t="s">
        <v>43</v>
      </c>
      <c r="G56423" s="16">
        <v>53.176630875592203</v>
      </c>
    </row>
    <row r="56424" spans="1:7" x14ac:dyDescent="0.3">
      <c r="A56424" s="13" t="s">
        <v>307</v>
      </c>
      <c r="B56424" s="14" t="s">
        <v>1</v>
      </c>
      <c r="C56424" s="14" t="s">
        <v>41</v>
      </c>
      <c r="D56424" s="14" t="s">
        <v>308</v>
      </c>
      <c r="E56424" s="15">
        <v>45590</v>
      </c>
      <c r="F56424" s="14" t="s">
        <v>43</v>
      </c>
      <c r="G56424" s="16">
        <v>52.981128550679649</v>
      </c>
    </row>
    <row r="56425" spans="1:7" x14ac:dyDescent="0.3">
      <c r="A56425" s="13" t="s">
        <v>307</v>
      </c>
      <c r="B56425" s="14" t="s">
        <v>1</v>
      </c>
      <c r="C56425" s="14" t="s">
        <v>41</v>
      </c>
      <c r="D56425" s="14" t="s">
        <v>308</v>
      </c>
      <c r="E56425" s="15">
        <v>45591</v>
      </c>
      <c r="F56425" s="14" t="s">
        <v>43</v>
      </c>
      <c r="G56425" s="16">
        <v>52.981128550679649</v>
      </c>
    </row>
    <row r="56426" spans="1:7" x14ac:dyDescent="0.3">
      <c r="A56426" s="13" t="s">
        <v>307</v>
      </c>
      <c r="B56426" s="14" t="s">
        <v>1</v>
      </c>
      <c r="C56426" s="14" t="s">
        <v>41</v>
      </c>
      <c r="D56426" s="14" t="s">
        <v>308</v>
      </c>
      <c r="E56426" s="15">
        <v>45592</v>
      </c>
      <c r="F56426" s="14" t="s">
        <v>43</v>
      </c>
      <c r="G56426" s="16">
        <v>52.981128550679649</v>
      </c>
    </row>
    <row r="56427" spans="1:7" x14ac:dyDescent="0.3">
      <c r="A56427" s="13" t="s">
        <v>307</v>
      </c>
      <c r="B56427" s="14" t="s">
        <v>1</v>
      </c>
      <c r="C56427" s="14" t="s">
        <v>41</v>
      </c>
      <c r="D56427" s="14" t="s">
        <v>308</v>
      </c>
      <c r="E56427" s="15">
        <v>45593</v>
      </c>
      <c r="F56427" s="14" t="s">
        <v>43</v>
      </c>
      <c r="G56427" s="16">
        <v>52.981128550679649</v>
      </c>
    </row>
    <row r="56428" spans="1:7" x14ac:dyDescent="0.3">
      <c r="A56428" s="13" t="s">
        <v>307</v>
      </c>
      <c r="B56428" s="14" t="s">
        <v>1</v>
      </c>
      <c r="C56428" s="14" t="s">
        <v>41</v>
      </c>
      <c r="D56428" s="14" t="s">
        <v>308</v>
      </c>
      <c r="E56428" s="15">
        <v>45594</v>
      </c>
      <c r="F56428" s="14" t="s">
        <v>43</v>
      </c>
      <c r="G56428" s="16">
        <v>52.919849217382605</v>
      </c>
    </row>
    <row r="56429" spans="1:7" x14ac:dyDescent="0.3">
      <c r="A56429" s="13" t="s">
        <v>307</v>
      </c>
      <c r="B56429" s="14" t="s">
        <v>1</v>
      </c>
      <c r="C56429" s="14" t="s">
        <v>41</v>
      </c>
      <c r="D56429" s="14" t="s">
        <v>308</v>
      </c>
      <c r="E56429" s="15">
        <v>45595</v>
      </c>
      <c r="F56429" s="14" t="s">
        <v>43</v>
      </c>
      <c r="G56429" s="16">
        <v>52.197555641748743</v>
      </c>
    </row>
    <row r="56430" spans="1:7" x14ac:dyDescent="0.3">
      <c r="A56430" s="13" t="s">
        <v>307</v>
      </c>
      <c r="B56430" s="14" t="s">
        <v>1</v>
      </c>
      <c r="C56430" s="14" t="s">
        <v>41</v>
      </c>
      <c r="D56430" s="14" t="s">
        <v>308</v>
      </c>
      <c r="E56430" s="15">
        <v>45596</v>
      </c>
      <c r="F56430" s="14" t="s">
        <v>43</v>
      </c>
      <c r="G56430" s="16">
        <v>52.38980512453476</v>
      </c>
    </row>
    <row r="56431" spans="1:7" x14ac:dyDescent="0.3">
      <c r="A56431" s="13" t="s">
        <v>307</v>
      </c>
      <c r="B56431" s="14" t="s">
        <v>1</v>
      </c>
      <c r="C56431" s="14" t="s">
        <v>41</v>
      </c>
      <c r="D56431" s="14" t="s">
        <v>308</v>
      </c>
      <c r="E56431" s="15">
        <v>45597</v>
      </c>
      <c r="F56431" s="14" t="s">
        <v>43</v>
      </c>
      <c r="G56431" s="16">
        <v>52.275498516042106</v>
      </c>
    </row>
    <row r="56432" spans="1:7" x14ac:dyDescent="0.3">
      <c r="A56432" s="13" t="s">
        <v>307</v>
      </c>
      <c r="B56432" s="14" t="s">
        <v>1</v>
      </c>
      <c r="C56432" s="14" t="s">
        <v>41</v>
      </c>
      <c r="D56432" s="14" t="s">
        <v>308</v>
      </c>
      <c r="E56432" s="15">
        <v>45598</v>
      </c>
      <c r="F56432" s="14" t="s">
        <v>43</v>
      </c>
      <c r="G56432" s="16">
        <v>52.275498516042106</v>
      </c>
    </row>
    <row r="56433" spans="1:7" x14ac:dyDescent="0.3">
      <c r="A56433" s="13" t="s">
        <v>307</v>
      </c>
      <c r="B56433" s="14" t="s">
        <v>1</v>
      </c>
      <c r="C56433" s="14" t="s">
        <v>41</v>
      </c>
      <c r="D56433" s="14" t="s">
        <v>308</v>
      </c>
      <c r="E56433" s="15">
        <v>45599</v>
      </c>
      <c r="F56433" s="14" t="s">
        <v>43</v>
      </c>
      <c r="G56433" s="16">
        <v>52.275498516042106</v>
      </c>
    </row>
    <row r="56434" spans="1:7" x14ac:dyDescent="0.3">
      <c r="A56434" s="13" t="s">
        <v>307</v>
      </c>
      <c r="B56434" s="14" t="s">
        <v>1</v>
      </c>
      <c r="C56434" s="14" t="s">
        <v>41</v>
      </c>
      <c r="D56434" s="14" t="s">
        <v>308</v>
      </c>
      <c r="E56434" s="15">
        <v>45600</v>
      </c>
      <c r="F56434" s="14" t="s">
        <v>43</v>
      </c>
      <c r="G56434" s="16">
        <v>52.275498516042106</v>
      </c>
    </row>
    <row r="56435" spans="1:7" x14ac:dyDescent="0.3">
      <c r="A56435" s="13" t="s">
        <v>307</v>
      </c>
      <c r="B56435" s="14" t="s">
        <v>1</v>
      </c>
      <c r="C56435" s="14" t="s">
        <v>41</v>
      </c>
      <c r="D56435" s="14" t="s">
        <v>308</v>
      </c>
      <c r="E56435" s="15">
        <v>45601</v>
      </c>
      <c r="F56435" s="14" t="s">
        <v>43</v>
      </c>
      <c r="G56435" s="16">
        <v>52.077047229574184</v>
      </c>
    </row>
    <row r="56436" spans="1:7" x14ac:dyDescent="0.3">
      <c r="A56436" s="13" t="s">
        <v>307</v>
      </c>
      <c r="B56436" s="14" t="s">
        <v>1</v>
      </c>
      <c r="C56436" s="14" t="s">
        <v>41</v>
      </c>
      <c r="D56436" s="14" t="s">
        <v>308</v>
      </c>
      <c r="E56436" s="15">
        <v>45602</v>
      </c>
      <c r="F56436" s="14" t="s">
        <v>43</v>
      </c>
      <c r="G56436" s="16">
        <v>51.292056615901366</v>
      </c>
    </row>
    <row r="56437" spans="1:7" x14ac:dyDescent="0.3">
      <c r="A56437" s="13" t="s">
        <v>307</v>
      </c>
      <c r="B56437" s="14" t="s">
        <v>1</v>
      </c>
      <c r="C56437" s="14" t="s">
        <v>41</v>
      </c>
      <c r="D56437" s="14" t="s">
        <v>308</v>
      </c>
      <c r="E56437" s="15">
        <v>45603</v>
      </c>
      <c r="F56437" s="14" t="s">
        <v>43</v>
      </c>
      <c r="G56437" s="16">
        <v>51.094216946811642</v>
      </c>
    </row>
    <row r="56438" spans="1:7" x14ac:dyDescent="0.3">
      <c r="A56438" s="13" t="s">
        <v>307</v>
      </c>
      <c r="B56438" s="14" t="s">
        <v>1</v>
      </c>
      <c r="C56438" s="14" t="s">
        <v>41</v>
      </c>
      <c r="D56438" s="14" t="s">
        <v>308</v>
      </c>
      <c r="E56438" s="15">
        <v>45604</v>
      </c>
      <c r="F56438" s="14" t="s">
        <v>43</v>
      </c>
      <c r="G56438" s="16">
        <v>51.961815591116789</v>
      </c>
    </row>
    <row r="56439" spans="1:7" x14ac:dyDescent="0.3">
      <c r="A56439" s="13" t="s">
        <v>307</v>
      </c>
      <c r="B56439" s="14" t="s">
        <v>1</v>
      </c>
      <c r="C56439" s="14" t="s">
        <v>41</v>
      </c>
      <c r="D56439" s="14" t="s">
        <v>308</v>
      </c>
      <c r="E56439" s="15">
        <v>45605</v>
      </c>
      <c r="F56439" s="14" t="s">
        <v>43</v>
      </c>
      <c r="G56439" s="16">
        <v>51.961815591116789</v>
      </c>
    </row>
    <row r="56440" spans="1:7" x14ac:dyDescent="0.3">
      <c r="A56440" s="13" t="s">
        <v>307</v>
      </c>
      <c r="B56440" s="14" t="s">
        <v>1</v>
      </c>
      <c r="C56440" s="14" t="s">
        <v>41</v>
      </c>
      <c r="D56440" s="14" t="s">
        <v>308</v>
      </c>
      <c r="E56440" s="15">
        <v>45606</v>
      </c>
      <c r="F56440" s="14" t="s">
        <v>43</v>
      </c>
      <c r="G56440" s="16">
        <v>51.961815591116789</v>
      </c>
    </row>
    <row r="56441" spans="1:7" x14ac:dyDescent="0.3">
      <c r="A56441" s="13" t="s">
        <v>307</v>
      </c>
      <c r="B56441" s="14" t="s">
        <v>1</v>
      </c>
      <c r="C56441" s="14" t="s">
        <v>41</v>
      </c>
      <c r="D56441" s="14" t="s">
        <v>308</v>
      </c>
      <c r="E56441" s="15">
        <v>45607</v>
      </c>
      <c r="F56441" s="14" t="s">
        <v>43</v>
      </c>
      <c r="G56441" s="16">
        <v>52.488568966480692</v>
      </c>
    </row>
    <row r="56442" spans="1:7" x14ac:dyDescent="0.3">
      <c r="A56442" s="13" t="s">
        <v>307</v>
      </c>
      <c r="B56442" s="14" t="s">
        <v>1</v>
      </c>
      <c r="C56442" s="14" t="s">
        <v>41</v>
      </c>
      <c r="D56442" s="14" t="s">
        <v>308</v>
      </c>
      <c r="E56442" s="15">
        <v>45608</v>
      </c>
      <c r="F56442" s="14" t="s">
        <v>43</v>
      </c>
      <c r="G56442" s="16">
        <v>51.873229591964794</v>
      </c>
    </row>
    <row r="56443" spans="1:7" x14ac:dyDescent="0.3">
      <c r="A56443" s="13" t="s">
        <v>307</v>
      </c>
      <c r="B56443" s="14" t="s">
        <v>1</v>
      </c>
      <c r="C56443" s="14" t="s">
        <v>41</v>
      </c>
      <c r="D56443" s="14" t="s">
        <v>308</v>
      </c>
      <c r="E56443" s="15">
        <v>45609</v>
      </c>
      <c r="F56443" s="14" t="s">
        <v>43</v>
      </c>
      <c r="G56443" s="16">
        <v>51.829414711666288</v>
      </c>
    </row>
    <row r="56444" spans="1:7" x14ac:dyDescent="0.3">
      <c r="A56444" s="13" t="s">
        <v>307</v>
      </c>
      <c r="B56444" s="14" t="s">
        <v>1</v>
      </c>
      <c r="C56444" s="14" t="s">
        <v>41</v>
      </c>
      <c r="D56444" s="14" t="s">
        <v>308</v>
      </c>
      <c r="E56444" s="15">
        <v>45610</v>
      </c>
      <c r="F56444" s="14" t="s">
        <v>43</v>
      </c>
      <c r="G56444" s="16">
        <v>51.62463813068193</v>
      </c>
    </row>
    <row r="56445" spans="1:7" x14ac:dyDescent="0.3">
      <c r="A56445" s="13" t="s">
        <v>307</v>
      </c>
      <c r="B56445" s="14" t="s">
        <v>1</v>
      </c>
      <c r="C56445" s="14" t="s">
        <v>41</v>
      </c>
      <c r="D56445" s="14" t="s">
        <v>308</v>
      </c>
      <c r="E56445" s="15">
        <v>45611</v>
      </c>
      <c r="F56445" s="14" t="s">
        <v>43</v>
      </c>
      <c r="G56445" s="16">
        <v>51.42253478233765</v>
      </c>
    </row>
    <row r="56446" spans="1:7" x14ac:dyDescent="0.3">
      <c r="A56446" s="13" t="s">
        <v>307</v>
      </c>
      <c r="B56446" s="14" t="s">
        <v>1</v>
      </c>
      <c r="C56446" s="14" t="s">
        <v>41</v>
      </c>
      <c r="D56446" s="14" t="s">
        <v>308</v>
      </c>
      <c r="E56446" s="15">
        <v>45612</v>
      </c>
      <c r="F56446" s="14" t="s">
        <v>43</v>
      </c>
      <c r="G56446" s="16">
        <v>51.42253478233765</v>
      </c>
    </row>
    <row r="56447" spans="1:7" x14ac:dyDescent="0.3">
      <c r="A56447" s="13" t="s">
        <v>307</v>
      </c>
      <c r="B56447" s="14" t="s">
        <v>1</v>
      </c>
      <c r="C56447" s="14" t="s">
        <v>41</v>
      </c>
      <c r="D56447" s="14" t="s">
        <v>308</v>
      </c>
      <c r="E56447" s="15">
        <v>45613</v>
      </c>
      <c r="F56447" s="14" t="s">
        <v>43</v>
      </c>
      <c r="G56447" s="16">
        <v>51.42253478233765</v>
      </c>
    </row>
    <row r="56448" spans="1:7" x14ac:dyDescent="0.3">
      <c r="A56448" s="13" t="s">
        <v>307</v>
      </c>
      <c r="B56448" s="14" t="s">
        <v>1</v>
      </c>
      <c r="C56448" s="14" t="s">
        <v>41</v>
      </c>
      <c r="D56448" s="14" t="s">
        <v>308</v>
      </c>
      <c r="E56448" s="15">
        <v>45614</v>
      </c>
      <c r="F56448" s="14" t="s">
        <v>43</v>
      </c>
      <c r="G56448" s="16">
        <v>51.942697619670646</v>
      </c>
    </row>
    <row r="56449" spans="1:7" x14ac:dyDescent="0.3">
      <c r="A56449" s="13" t="s">
        <v>307</v>
      </c>
      <c r="B56449" s="14" t="s">
        <v>1</v>
      </c>
      <c r="C56449" s="14" t="s">
        <v>41</v>
      </c>
      <c r="D56449" s="14" t="s">
        <v>308</v>
      </c>
      <c r="E56449" s="15">
        <v>45615</v>
      </c>
      <c r="F56449" s="14" t="s">
        <v>43</v>
      </c>
      <c r="G56449" s="16">
        <v>51.332925693500854</v>
      </c>
    </row>
    <row r="56450" spans="1:7" x14ac:dyDescent="0.3">
      <c r="A56450" s="13" t="s">
        <v>307</v>
      </c>
      <c r="B56450" s="14" t="s">
        <v>1</v>
      </c>
      <c r="C56450" s="14" t="s">
        <v>41</v>
      </c>
      <c r="D56450" s="14" t="s">
        <v>308</v>
      </c>
      <c r="E56450" s="15">
        <v>45616</v>
      </c>
      <c r="F56450" s="14" t="s">
        <v>43</v>
      </c>
      <c r="G56450" s="16">
        <v>51.222555010505275</v>
      </c>
    </row>
    <row r="56451" spans="1:7" x14ac:dyDescent="0.3">
      <c r="A56451" s="13" t="s">
        <v>307</v>
      </c>
      <c r="B56451" s="14" t="s">
        <v>1</v>
      </c>
      <c r="C56451" s="14" t="s">
        <v>41</v>
      </c>
      <c r="D56451" s="14" t="s">
        <v>308</v>
      </c>
      <c r="E56451" s="15">
        <v>45617</v>
      </c>
      <c r="F56451" s="14" t="s">
        <v>43</v>
      </c>
      <c r="G56451" s="16">
        <v>51.019690899390696</v>
      </c>
    </row>
    <row r="56452" spans="1:7" x14ac:dyDescent="0.3">
      <c r="A56452" s="13" t="s">
        <v>307</v>
      </c>
      <c r="B56452" s="14" t="s">
        <v>1</v>
      </c>
      <c r="C56452" s="14" t="s">
        <v>41</v>
      </c>
      <c r="D56452" s="14" t="s">
        <v>308</v>
      </c>
      <c r="E56452" s="15">
        <v>45618</v>
      </c>
      <c r="F56452" s="14" t="s">
        <v>43</v>
      </c>
      <c r="G56452" s="16">
        <v>50.818116531385101</v>
      </c>
    </row>
    <row r="56453" spans="1:7" x14ac:dyDescent="0.3">
      <c r="A56453" s="13" t="s">
        <v>307</v>
      </c>
      <c r="B56453" s="14" t="s">
        <v>1</v>
      </c>
      <c r="C56453" s="14" t="s">
        <v>41</v>
      </c>
      <c r="D56453" s="14" t="s">
        <v>308</v>
      </c>
      <c r="E56453" s="15">
        <v>45619</v>
      </c>
      <c r="F56453" s="14" t="s">
        <v>43</v>
      </c>
      <c r="G56453" s="16">
        <v>50.818116531385101</v>
      </c>
    </row>
    <row r="56454" spans="1:7" x14ac:dyDescent="0.3">
      <c r="A56454" s="13" t="s">
        <v>307</v>
      </c>
      <c r="B56454" s="14" t="s">
        <v>1</v>
      </c>
      <c r="C56454" s="14" t="s">
        <v>41</v>
      </c>
      <c r="D56454" s="14" t="s">
        <v>308</v>
      </c>
      <c r="E56454" s="15">
        <v>45620</v>
      </c>
      <c r="F56454" s="14" t="s">
        <v>43</v>
      </c>
      <c r="G56454" s="16">
        <v>50.818116531385101</v>
      </c>
    </row>
    <row r="56455" spans="1:7" x14ac:dyDescent="0.3">
      <c r="A56455" s="13" t="s">
        <v>307</v>
      </c>
      <c r="B56455" s="14" t="s">
        <v>1</v>
      </c>
      <c r="C56455" s="14" t="s">
        <v>41</v>
      </c>
      <c r="D56455" s="14" t="s">
        <v>308</v>
      </c>
      <c r="E56455" s="15">
        <v>45621</v>
      </c>
      <c r="F56455" s="14" t="s">
        <v>43</v>
      </c>
      <c r="G56455" s="16">
        <v>50.617726581035868</v>
      </c>
    </row>
    <row r="56456" spans="1:7" x14ac:dyDescent="0.3">
      <c r="A56456" s="13" t="s">
        <v>307</v>
      </c>
      <c r="B56456" s="14" t="s">
        <v>1</v>
      </c>
      <c r="C56456" s="14" t="s">
        <v>41</v>
      </c>
      <c r="D56456" s="14" t="s">
        <v>308</v>
      </c>
      <c r="E56456" s="15">
        <v>45622</v>
      </c>
      <c r="F56456" s="14" t="s">
        <v>43</v>
      </c>
      <c r="G56456" s="16">
        <v>50.010919481734106</v>
      </c>
    </row>
    <row r="56457" spans="1:7" x14ac:dyDescent="0.3">
      <c r="A56457" s="13" t="s">
        <v>307</v>
      </c>
      <c r="B56457" s="14" t="s">
        <v>1</v>
      </c>
      <c r="C56457" s="14" t="s">
        <v>41</v>
      </c>
      <c r="D56457" s="14" t="s">
        <v>308</v>
      </c>
      <c r="E56457" s="15">
        <v>45623</v>
      </c>
      <c r="F56457" s="14" t="s">
        <v>43</v>
      </c>
      <c r="G56457" s="16">
        <v>49.807933114691302</v>
      </c>
    </row>
    <row r="56458" spans="1:7" x14ac:dyDescent="0.3">
      <c r="A56458" s="13" t="s">
        <v>307</v>
      </c>
      <c r="B56458" s="14" t="s">
        <v>1</v>
      </c>
      <c r="C56458" s="14" t="s">
        <v>41</v>
      </c>
      <c r="D56458" s="14" t="s">
        <v>308</v>
      </c>
      <c r="E56458" s="15">
        <v>45624</v>
      </c>
      <c r="F56458" s="14" t="s">
        <v>43</v>
      </c>
      <c r="G56458" s="16">
        <v>49.611541807904025</v>
      </c>
    </row>
    <row r="56459" spans="1:7" x14ac:dyDescent="0.3">
      <c r="A56459" s="13" t="s">
        <v>307</v>
      </c>
      <c r="B56459" s="14" t="s">
        <v>1</v>
      </c>
      <c r="C56459" s="14" t="s">
        <v>41</v>
      </c>
      <c r="D56459" s="14" t="s">
        <v>308</v>
      </c>
      <c r="E56459" s="15">
        <v>45625</v>
      </c>
      <c r="F56459" s="14" t="s">
        <v>43</v>
      </c>
      <c r="G56459" s="16">
        <v>49.89143762060317</v>
      </c>
    </row>
    <row r="56460" spans="1:7" x14ac:dyDescent="0.3">
      <c r="A56460" s="13" t="s">
        <v>307</v>
      </c>
      <c r="B56460" s="14" t="s">
        <v>1</v>
      </c>
      <c r="C56460" s="14" t="s">
        <v>41</v>
      </c>
      <c r="D56460" s="14" t="s">
        <v>308</v>
      </c>
      <c r="E56460" s="15">
        <v>45626</v>
      </c>
      <c r="F56460" s="14" t="s">
        <v>43</v>
      </c>
      <c r="G56460" s="16">
        <v>49.89143762060317</v>
      </c>
    </row>
    <row r="56461" spans="1:7" x14ac:dyDescent="0.3">
      <c r="A56461" s="13" t="s">
        <v>307</v>
      </c>
      <c r="B56461" s="14" t="s">
        <v>1</v>
      </c>
      <c r="C56461" s="14" t="s">
        <v>41</v>
      </c>
      <c r="D56461" s="14" t="s">
        <v>308</v>
      </c>
      <c r="E56461" s="15">
        <v>45627</v>
      </c>
      <c r="F56461" s="14" t="s">
        <v>43</v>
      </c>
      <c r="G56461" s="16">
        <v>49.89143762060317</v>
      </c>
    </row>
    <row r="56462" spans="1:7" x14ac:dyDescent="0.3">
      <c r="A56462" s="13" t="s">
        <v>307</v>
      </c>
      <c r="B56462" s="14" t="s">
        <v>1</v>
      </c>
      <c r="C56462" s="14" t="s">
        <v>41</v>
      </c>
      <c r="D56462" s="14" t="s">
        <v>308</v>
      </c>
      <c r="E56462" s="15">
        <v>45628</v>
      </c>
      <c r="F56462" s="14" t="s">
        <v>43</v>
      </c>
      <c r="G56462" s="16">
        <v>49.689932570379533</v>
      </c>
    </row>
    <row r="56463" spans="1:7" x14ac:dyDescent="0.3">
      <c r="A56463" s="13" t="s">
        <v>307</v>
      </c>
      <c r="B56463" s="14" t="s">
        <v>1</v>
      </c>
      <c r="C56463" s="14" t="s">
        <v>41</v>
      </c>
      <c r="D56463" s="14" t="s">
        <v>308</v>
      </c>
      <c r="E56463" s="15">
        <v>45629</v>
      </c>
      <c r="F56463" s="14" t="s">
        <v>43</v>
      </c>
      <c r="G56463" s="16">
        <v>49.784549130808841</v>
      </c>
    </row>
    <row r="56464" spans="1:7" x14ac:dyDescent="0.3">
      <c r="A56464" s="13" t="s">
        <v>307</v>
      </c>
      <c r="B56464" s="14" t="s">
        <v>1</v>
      </c>
      <c r="C56464" s="14" t="s">
        <v>41</v>
      </c>
      <c r="D56464" s="14" t="s">
        <v>308</v>
      </c>
      <c r="E56464" s="15">
        <v>45630</v>
      </c>
      <c r="F56464" s="14" t="s">
        <v>43</v>
      </c>
      <c r="G56464" s="16">
        <v>49.582042874315356</v>
      </c>
    </row>
    <row r="56465" spans="1:7" x14ac:dyDescent="0.3">
      <c r="A56465" s="13" t="s">
        <v>307</v>
      </c>
      <c r="B56465" s="14" t="s">
        <v>1</v>
      </c>
      <c r="C56465" s="14" t="s">
        <v>41</v>
      </c>
      <c r="D56465" s="14" t="s">
        <v>308</v>
      </c>
      <c r="E56465" s="15">
        <v>45631</v>
      </c>
      <c r="F56465" s="14" t="s">
        <v>43</v>
      </c>
      <c r="G56465" s="16">
        <v>49.37478626396436</v>
      </c>
    </row>
    <row r="56466" spans="1:7" x14ac:dyDescent="0.3">
      <c r="A56466" s="13" t="s">
        <v>307</v>
      </c>
      <c r="B56466" s="14" t="s">
        <v>1</v>
      </c>
      <c r="C56466" s="14" t="s">
        <v>41</v>
      </c>
      <c r="D56466" s="14" t="s">
        <v>308</v>
      </c>
      <c r="E56466" s="15">
        <v>45632</v>
      </c>
      <c r="F56466" s="14" t="s">
        <v>43</v>
      </c>
      <c r="G56466" s="16">
        <v>49.163730290689401</v>
      </c>
    </row>
    <row r="56467" spans="1:7" x14ac:dyDescent="0.3">
      <c r="A56467" s="13" t="s">
        <v>307</v>
      </c>
      <c r="B56467" s="14" t="s">
        <v>1</v>
      </c>
      <c r="C56467" s="14" t="s">
        <v>41</v>
      </c>
      <c r="D56467" s="14" t="s">
        <v>308</v>
      </c>
      <c r="E56467" s="15">
        <v>45633</v>
      </c>
      <c r="F56467" s="14" t="s">
        <v>43</v>
      </c>
      <c r="G56467" s="16">
        <v>49.163730290689401</v>
      </c>
    </row>
    <row r="56468" spans="1:7" x14ac:dyDescent="0.3">
      <c r="A56468" s="13" t="s">
        <v>307</v>
      </c>
      <c r="B56468" s="14" t="s">
        <v>1</v>
      </c>
      <c r="C56468" s="14" t="s">
        <v>41</v>
      </c>
      <c r="D56468" s="14" t="s">
        <v>308</v>
      </c>
      <c r="E56468" s="15">
        <v>45634</v>
      </c>
      <c r="F56468" s="14" t="s">
        <v>43</v>
      </c>
      <c r="G56468" s="16">
        <v>49.163730290689401</v>
      </c>
    </row>
    <row r="56469" spans="1:7" x14ac:dyDescent="0.3">
      <c r="A56469" s="13" t="s">
        <v>307</v>
      </c>
      <c r="B56469" s="14" t="s">
        <v>1</v>
      </c>
      <c r="C56469" s="14" t="s">
        <v>41</v>
      </c>
      <c r="D56469" s="14" t="s">
        <v>308</v>
      </c>
      <c r="E56469" s="15">
        <v>45635</v>
      </c>
      <c r="F56469" s="14" t="s">
        <v>43</v>
      </c>
      <c r="G56469" s="16">
        <v>48.95744528903473</v>
      </c>
    </row>
    <row r="56470" spans="1:7" x14ac:dyDescent="0.3">
      <c r="A56470" s="13" t="s">
        <v>307</v>
      </c>
      <c r="B56470" s="14" t="s">
        <v>1</v>
      </c>
      <c r="C56470" s="14" t="s">
        <v>41</v>
      </c>
      <c r="D56470" s="14" t="s">
        <v>308</v>
      </c>
      <c r="E56470" s="15">
        <v>45636</v>
      </c>
      <c r="F56470" s="14" t="s">
        <v>43</v>
      </c>
      <c r="G56470" s="16">
        <v>48.341463153433196</v>
      </c>
    </row>
    <row r="56471" spans="1:7" x14ac:dyDescent="0.3">
      <c r="A56471" s="13" t="s">
        <v>307</v>
      </c>
      <c r="B56471" s="14" t="s">
        <v>1</v>
      </c>
      <c r="C56471" s="14" t="s">
        <v>41</v>
      </c>
      <c r="D56471" s="14" t="s">
        <v>308</v>
      </c>
      <c r="E56471" s="15">
        <v>45637</v>
      </c>
      <c r="F56471" s="14" t="s">
        <v>43</v>
      </c>
      <c r="G56471" s="16">
        <v>48.136550617987652</v>
      </c>
    </row>
    <row r="56472" spans="1:7" x14ac:dyDescent="0.3">
      <c r="A56472" s="13" t="s">
        <v>307</v>
      </c>
      <c r="B56472" s="14" t="s">
        <v>1</v>
      </c>
      <c r="C56472" s="14" t="s">
        <v>41</v>
      </c>
      <c r="D56472" s="14" t="s">
        <v>308</v>
      </c>
      <c r="E56472" s="15">
        <v>45638</v>
      </c>
      <c r="F56472" s="14" t="s">
        <v>43</v>
      </c>
      <c r="G56472" s="16">
        <v>47.931141731323684</v>
      </c>
    </row>
    <row r="56473" spans="1:7" x14ac:dyDescent="0.3">
      <c r="A56473" s="13" t="s">
        <v>307</v>
      </c>
      <c r="B56473" s="14" t="s">
        <v>1</v>
      </c>
      <c r="C56473" s="14" t="s">
        <v>41</v>
      </c>
      <c r="D56473" s="14" t="s">
        <v>308</v>
      </c>
      <c r="E56473" s="15">
        <v>45639</v>
      </c>
      <c r="F56473" s="14" t="s">
        <v>43</v>
      </c>
      <c r="G56473" s="16">
        <v>47.72482338696561</v>
      </c>
    </row>
    <row r="56474" spans="1:7" x14ac:dyDescent="0.3">
      <c r="A56474" s="13" t="s">
        <v>307</v>
      </c>
      <c r="B56474" s="14" t="s">
        <v>1</v>
      </c>
      <c r="C56474" s="14" t="s">
        <v>41</v>
      </c>
      <c r="D56474" s="14" t="s">
        <v>308</v>
      </c>
      <c r="E56474" s="15">
        <v>45640</v>
      </c>
      <c r="F56474" s="14" t="s">
        <v>43</v>
      </c>
      <c r="G56474" s="16">
        <v>47.72482338696561</v>
      </c>
    </row>
    <row r="56475" spans="1:7" x14ac:dyDescent="0.3">
      <c r="A56475" s="13" t="s">
        <v>307</v>
      </c>
      <c r="B56475" s="14" t="s">
        <v>1</v>
      </c>
      <c r="C56475" s="14" t="s">
        <v>41</v>
      </c>
      <c r="D56475" s="14" t="s">
        <v>308</v>
      </c>
      <c r="E56475" s="15">
        <v>45641</v>
      </c>
      <c r="F56475" s="14" t="s">
        <v>43</v>
      </c>
      <c r="G56475" s="16">
        <v>47.72482338696561</v>
      </c>
    </row>
    <row r="56476" spans="1:7" x14ac:dyDescent="0.3">
      <c r="A56476" s="13" t="s">
        <v>307</v>
      </c>
      <c r="B56476" s="14" t="s">
        <v>1</v>
      </c>
      <c r="C56476" s="14" t="s">
        <v>41</v>
      </c>
      <c r="D56476" s="14" t="s">
        <v>308</v>
      </c>
      <c r="E56476" s="15">
        <v>45642</v>
      </c>
      <c r="F56476" s="14" t="s">
        <v>43</v>
      </c>
      <c r="G56476" s="16">
        <v>47.516572490892329</v>
      </c>
    </row>
    <row r="56477" spans="1:7" x14ac:dyDescent="0.3">
      <c r="A56477" s="13" t="s">
        <v>307</v>
      </c>
      <c r="B56477" s="14" t="s">
        <v>1</v>
      </c>
      <c r="C56477" s="14" t="s">
        <v>41</v>
      </c>
      <c r="D56477" s="14" t="s">
        <v>308</v>
      </c>
      <c r="E56477" s="15">
        <v>45643</v>
      </c>
      <c r="F56477" s="14" t="s">
        <v>43</v>
      </c>
      <c r="G56477" s="16">
        <v>46.897367489325084</v>
      </c>
    </row>
    <row r="56478" spans="1:7" x14ac:dyDescent="0.3">
      <c r="A56478" s="13" t="s">
        <v>307</v>
      </c>
      <c r="B56478" s="14" t="s">
        <v>1</v>
      </c>
      <c r="C56478" s="14" t="s">
        <v>41</v>
      </c>
      <c r="D56478" s="14" t="s">
        <v>308</v>
      </c>
      <c r="E56478" s="15">
        <v>45644</v>
      </c>
      <c r="F56478" s="14" t="s">
        <v>43</v>
      </c>
      <c r="G56478" s="16">
        <v>46.692657969277221</v>
      </c>
    </row>
    <row r="56479" spans="1:7" x14ac:dyDescent="0.3">
      <c r="A56479" s="13" t="s">
        <v>307</v>
      </c>
      <c r="B56479" s="14" t="s">
        <v>1</v>
      </c>
      <c r="C56479" s="14" t="s">
        <v>41</v>
      </c>
      <c r="D56479" s="14" t="s">
        <v>308</v>
      </c>
      <c r="E56479" s="15">
        <v>45645</v>
      </c>
      <c r="F56479" s="14" t="s">
        <v>43</v>
      </c>
      <c r="G56479" s="16">
        <v>46.488941210574964</v>
      </c>
    </row>
    <row r="56480" spans="1:7" x14ac:dyDescent="0.3">
      <c r="A56480" s="13" t="s">
        <v>307</v>
      </c>
      <c r="B56480" s="14" t="s">
        <v>1</v>
      </c>
      <c r="C56480" s="14" t="s">
        <v>41</v>
      </c>
      <c r="D56480" s="14" t="s">
        <v>308</v>
      </c>
      <c r="E56480" s="15">
        <v>45646</v>
      </c>
      <c r="F56480" s="14" t="s">
        <v>43</v>
      </c>
      <c r="G56480" s="16">
        <v>46.285600096140222</v>
      </c>
    </row>
    <row r="56481" spans="1:7" x14ac:dyDescent="0.3">
      <c r="A56481" s="13" t="s">
        <v>307</v>
      </c>
      <c r="B56481" s="14" t="s">
        <v>1</v>
      </c>
      <c r="C56481" s="14" t="s">
        <v>41</v>
      </c>
      <c r="D56481" s="14" t="s">
        <v>308</v>
      </c>
      <c r="E56481" s="15">
        <v>45647</v>
      </c>
      <c r="F56481" s="14" t="s">
        <v>43</v>
      </c>
      <c r="G56481" s="16">
        <v>46.285600096140222</v>
      </c>
    </row>
    <row r="56482" spans="1:7" x14ac:dyDescent="0.3">
      <c r="A56482" s="13" t="s">
        <v>307</v>
      </c>
      <c r="B56482" s="14" t="s">
        <v>1</v>
      </c>
      <c r="C56482" s="14" t="s">
        <v>41</v>
      </c>
      <c r="D56482" s="14" t="s">
        <v>308</v>
      </c>
      <c r="E56482" s="15">
        <v>45648</v>
      </c>
      <c r="F56482" s="14" t="s">
        <v>43</v>
      </c>
      <c r="G56482" s="16">
        <v>46.285600096140222</v>
      </c>
    </row>
    <row r="56483" spans="1:7" x14ac:dyDescent="0.3">
      <c r="A56483" s="13" t="s">
        <v>307</v>
      </c>
      <c r="B56483" s="14" t="s">
        <v>1</v>
      </c>
      <c r="C56483" s="14" t="s">
        <v>41</v>
      </c>
      <c r="D56483" s="14" t="s">
        <v>308</v>
      </c>
      <c r="E56483" s="15">
        <v>45649</v>
      </c>
      <c r="F56483" s="14" t="s">
        <v>43</v>
      </c>
      <c r="G56483" s="16">
        <v>46.082639166039776</v>
      </c>
    </row>
    <row r="56484" spans="1:7" x14ac:dyDescent="0.3">
      <c r="A56484" s="13" t="s">
        <v>307</v>
      </c>
      <c r="B56484" s="14" t="s">
        <v>1</v>
      </c>
      <c r="C56484" s="14" t="s">
        <v>41</v>
      </c>
      <c r="D56484" s="14" t="s">
        <v>308</v>
      </c>
      <c r="E56484" s="15">
        <v>45650</v>
      </c>
      <c r="F56484" s="14" t="s">
        <v>43</v>
      </c>
      <c r="G56484" s="16">
        <v>45.475301748724021</v>
      </c>
    </row>
    <row r="56485" spans="1:7" x14ac:dyDescent="0.3">
      <c r="A56485" s="13" t="s">
        <v>307</v>
      </c>
      <c r="B56485" s="14" t="s">
        <v>1</v>
      </c>
      <c r="C56485" s="14" t="s">
        <v>41</v>
      </c>
      <c r="D56485" s="14" t="s">
        <v>308</v>
      </c>
      <c r="E56485" s="15">
        <v>45651</v>
      </c>
      <c r="F56485" s="14" t="s">
        <v>43</v>
      </c>
      <c r="G56485" s="16">
        <v>45.475301748724021</v>
      </c>
    </row>
    <row r="56486" spans="1:7" x14ac:dyDescent="0.3">
      <c r="A56486" s="13" t="s">
        <v>307</v>
      </c>
      <c r="B56486" s="14" t="s">
        <v>1</v>
      </c>
      <c r="C56486" s="14" t="s">
        <v>41</v>
      </c>
      <c r="D56486" s="14" t="s">
        <v>308</v>
      </c>
      <c r="E56486" s="15">
        <v>45652</v>
      </c>
      <c r="F56486" s="14" t="s">
        <v>43</v>
      </c>
      <c r="G56486" s="16">
        <v>45.475301748724021</v>
      </c>
    </row>
    <row r="56487" spans="1:7" x14ac:dyDescent="0.3">
      <c r="A56487" s="13" t="s">
        <v>307</v>
      </c>
      <c r="B56487" s="14" t="s">
        <v>1</v>
      </c>
      <c r="C56487" s="14" t="s">
        <v>41</v>
      </c>
      <c r="D56487" s="14" t="s">
        <v>308</v>
      </c>
      <c r="E56487" s="15">
        <v>45653</v>
      </c>
      <c r="F56487" s="14" t="s">
        <v>43</v>
      </c>
      <c r="G56487" s="16">
        <v>45.475301748724021</v>
      </c>
    </row>
    <row r="56488" spans="1:7" x14ac:dyDescent="0.3">
      <c r="A56488" s="13" t="s">
        <v>307</v>
      </c>
      <c r="B56488" s="14" t="s">
        <v>1</v>
      </c>
      <c r="C56488" s="14" t="s">
        <v>41</v>
      </c>
      <c r="D56488" s="14" t="s">
        <v>308</v>
      </c>
      <c r="E56488" s="15">
        <v>45654</v>
      </c>
      <c r="F56488" s="14" t="s">
        <v>43</v>
      </c>
      <c r="G56488" s="16">
        <v>45.475301748724021</v>
      </c>
    </row>
    <row r="56489" spans="1:7" x14ac:dyDescent="0.3">
      <c r="A56489" s="13" t="s">
        <v>307</v>
      </c>
      <c r="B56489" s="14" t="s">
        <v>1</v>
      </c>
      <c r="C56489" s="14" t="s">
        <v>41</v>
      </c>
      <c r="D56489" s="14" t="s">
        <v>308</v>
      </c>
      <c r="E56489" s="15">
        <v>45655</v>
      </c>
      <c r="F56489" s="14" t="s">
        <v>43</v>
      </c>
      <c r="G56489" s="16">
        <v>45.475301748724021</v>
      </c>
    </row>
    <row r="56490" spans="1:7" x14ac:dyDescent="0.3">
      <c r="A56490" s="13" t="s">
        <v>307</v>
      </c>
      <c r="B56490" s="14" t="s">
        <v>1</v>
      </c>
      <c r="C56490" s="14" t="s">
        <v>41</v>
      </c>
      <c r="D56490" s="14" t="s">
        <v>308</v>
      </c>
      <c r="E56490" s="15">
        <v>45656</v>
      </c>
      <c r="F56490" s="14" t="s">
        <v>43</v>
      </c>
      <c r="G56490" s="16">
        <v>45.271359158383085</v>
      </c>
    </row>
    <row r="56491" spans="1:7" x14ac:dyDescent="0.3">
      <c r="A56491" s="13" t="s">
        <v>307</v>
      </c>
      <c r="B56491" s="14" t="s">
        <v>1</v>
      </c>
      <c r="C56491" s="14" t="s">
        <v>41</v>
      </c>
      <c r="D56491" s="14" t="s">
        <v>308</v>
      </c>
      <c r="E56491" s="15">
        <v>45657</v>
      </c>
      <c r="F56491" s="14" t="s">
        <v>43</v>
      </c>
      <c r="G56491" s="16">
        <v>45.271359158383085</v>
      </c>
    </row>
    <row r="56492" spans="1:7" x14ac:dyDescent="0.3">
      <c r="A56492" s="13" t="s">
        <v>307</v>
      </c>
      <c r="B56492" s="14" t="s">
        <v>1</v>
      </c>
      <c r="C56492" s="14" t="s">
        <v>41</v>
      </c>
      <c r="D56492" s="14" t="s">
        <v>308</v>
      </c>
      <c r="E56492" s="15">
        <v>45658</v>
      </c>
      <c r="F56492" s="14" t="s">
        <v>43</v>
      </c>
      <c r="G56492" s="16">
        <v>45.271359158383085</v>
      </c>
    </row>
    <row r="56493" spans="1:7" x14ac:dyDescent="0.3">
      <c r="A56493" s="13" t="s">
        <v>307</v>
      </c>
      <c r="B56493" s="14" t="s">
        <v>1</v>
      </c>
      <c r="C56493" s="14" t="s">
        <v>41</v>
      </c>
      <c r="D56493" s="14" t="s">
        <v>308</v>
      </c>
      <c r="E56493" s="15">
        <v>45659</v>
      </c>
      <c r="F56493" s="14" t="s">
        <v>43</v>
      </c>
      <c r="G56493" s="16">
        <v>45.271359158383085</v>
      </c>
    </row>
    <row r="56494" spans="1:7" x14ac:dyDescent="0.3">
      <c r="A56494" s="13" t="s">
        <v>307</v>
      </c>
      <c r="B56494" s="14" t="s">
        <v>1</v>
      </c>
      <c r="C56494" s="14" t="s">
        <v>41</v>
      </c>
      <c r="D56494" s="14" t="s">
        <v>308</v>
      </c>
      <c r="E56494" s="15">
        <v>45660</v>
      </c>
      <c r="F56494" s="14" t="s">
        <v>43</v>
      </c>
      <c r="G56494" s="16">
        <v>45.271359158383085</v>
      </c>
    </row>
    <row r="56495" spans="1:7" x14ac:dyDescent="0.3">
      <c r="A56495" s="13" t="s">
        <v>307</v>
      </c>
      <c r="B56495" s="14" t="s">
        <v>1</v>
      </c>
      <c r="C56495" s="14" t="s">
        <v>41</v>
      </c>
      <c r="D56495" s="14" t="s">
        <v>308</v>
      </c>
      <c r="E56495" s="15">
        <v>45661</v>
      </c>
      <c r="F56495" s="14" t="s">
        <v>43</v>
      </c>
      <c r="G56495" s="16">
        <v>45.271359158383085</v>
      </c>
    </row>
    <row r="56496" spans="1:7" x14ac:dyDescent="0.3">
      <c r="A56496" s="13" t="s">
        <v>307</v>
      </c>
      <c r="B56496" s="14" t="s">
        <v>1</v>
      </c>
      <c r="C56496" s="14" t="s">
        <v>41</v>
      </c>
      <c r="D56496" s="14" t="s">
        <v>308</v>
      </c>
      <c r="E56496" s="15">
        <v>45662</v>
      </c>
      <c r="F56496" s="14" t="s">
        <v>43</v>
      </c>
      <c r="G56496" s="16">
        <v>45.271359158383085</v>
      </c>
    </row>
    <row r="56497" spans="1:7" x14ac:dyDescent="0.3">
      <c r="A56497" s="13" t="s">
        <v>307</v>
      </c>
      <c r="B56497" s="14" t="s">
        <v>1</v>
      </c>
      <c r="C56497" s="14" t="s">
        <v>41</v>
      </c>
      <c r="D56497" s="14" t="s">
        <v>308</v>
      </c>
      <c r="E56497" s="15">
        <v>45663</v>
      </c>
      <c r="F56497" s="14" t="s">
        <v>43</v>
      </c>
      <c r="G56497" s="16">
        <v>54.957796996532288</v>
      </c>
    </row>
    <row r="56498" spans="1:7" x14ac:dyDescent="0.3">
      <c r="A56498" s="13" t="s">
        <v>307</v>
      </c>
      <c r="B56498" s="14" t="s">
        <v>1</v>
      </c>
      <c r="C56498" s="14" t="s">
        <v>41</v>
      </c>
      <c r="D56498" s="14" t="s">
        <v>308</v>
      </c>
      <c r="E56498" s="15">
        <v>45664</v>
      </c>
      <c r="F56498" s="14" t="s">
        <v>43</v>
      </c>
      <c r="G56498" s="16">
        <v>53.561424200087295</v>
      </c>
    </row>
    <row r="56499" spans="1:7" x14ac:dyDescent="0.3">
      <c r="A56499" s="13" t="s">
        <v>307</v>
      </c>
      <c r="B56499" s="14" t="s">
        <v>1</v>
      </c>
      <c r="C56499" s="14" t="s">
        <v>41</v>
      </c>
      <c r="D56499" s="14" t="s">
        <v>308</v>
      </c>
      <c r="E56499" s="15">
        <v>45665</v>
      </c>
      <c r="F56499" s="14" t="s">
        <v>43</v>
      </c>
      <c r="G56499" s="16">
        <v>53.354681500196918</v>
      </c>
    </row>
    <row r="56500" spans="1:7" x14ac:dyDescent="0.3">
      <c r="A56500" s="13" t="s">
        <v>307</v>
      </c>
      <c r="B56500" s="14" t="s">
        <v>1</v>
      </c>
      <c r="C56500" s="14" t="s">
        <v>41</v>
      </c>
      <c r="D56500" s="14" t="s">
        <v>308</v>
      </c>
      <c r="E56500" s="15">
        <v>45666</v>
      </c>
      <c r="F56500" s="14" t="s">
        <v>43</v>
      </c>
      <c r="G56500" s="16">
        <v>53.145546632169619</v>
      </c>
    </row>
    <row r="56501" spans="1:7" x14ac:dyDescent="0.3">
      <c r="A56501" s="13" t="s">
        <v>307</v>
      </c>
      <c r="B56501" s="14" t="s">
        <v>1</v>
      </c>
      <c r="C56501" s="14" t="s">
        <v>41</v>
      </c>
      <c r="D56501" s="14" t="s">
        <v>308</v>
      </c>
      <c r="E56501" s="15">
        <v>45667</v>
      </c>
      <c r="F56501" s="14" t="s">
        <v>43</v>
      </c>
      <c r="G56501" s="16">
        <v>52.937616556459794</v>
      </c>
    </row>
    <row r="56502" spans="1:7" x14ac:dyDescent="0.3">
      <c r="A56502" s="13" t="s">
        <v>307</v>
      </c>
      <c r="B56502" s="14" t="s">
        <v>1</v>
      </c>
      <c r="C56502" s="14" t="s">
        <v>41</v>
      </c>
      <c r="D56502" s="14" t="s">
        <v>308</v>
      </c>
      <c r="E56502" s="15">
        <v>45668</v>
      </c>
      <c r="F56502" s="14" t="s">
        <v>43</v>
      </c>
      <c r="G56502" s="16">
        <v>52.937616556459794</v>
      </c>
    </row>
    <row r="56503" spans="1:7" x14ac:dyDescent="0.3">
      <c r="A56503" s="13" t="s">
        <v>307</v>
      </c>
      <c r="B56503" s="14" t="s">
        <v>1</v>
      </c>
      <c r="C56503" s="14" t="s">
        <v>41</v>
      </c>
      <c r="D56503" s="14" t="s">
        <v>308</v>
      </c>
      <c r="E56503" s="15">
        <v>45669</v>
      </c>
      <c r="F56503" s="14" t="s">
        <v>43</v>
      </c>
      <c r="G56503" s="16">
        <v>52.937616556459794</v>
      </c>
    </row>
    <row r="56504" spans="1:7" x14ac:dyDescent="0.3">
      <c r="A56504" s="13" t="s">
        <v>307</v>
      </c>
      <c r="B56504" s="14" t="s">
        <v>1</v>
      </c>
      <c r="C56504" s="14" t="s">
        <v>41</v>
      </c>
      <c r="D56504" s="14" t="s">
        <v>308</v>
      </c>
      <c r="E56504" s="15">
        <v>45670</v>
      </c>
      <c r="F56504" s="14" t="s">
        <v>43</v>
      </c>
      <c r="G56504" s="16">
        <v>52.937616556459794</v>
      </c>
    </row>
    <row r="56505" spans="1:7" x14ac:dyDescent="0.3">
      <c r="A56505" s="13" t="s">
        <v>307</v>
      </c>
      <c r="B56505" s="14" t="s">
        <v>1</v>
      </c>
      <c r="C56505" s="14" t="s">
        <v>41</v>
      </c>
      <c r="D56505" s="14" t="s">
        <v>308</v>
      </c>
      <c r="E56505" s="15">
        <v>45671</v>
      </c>
      <c r="F56505" s="14" t="s">
        <v>43</v>
      </c>
      <c r="G56505" s="16">
        <v>52.732854144848318</v>
      </c>
    </row>
    <row r="56506" spans="1:7" x14ac:dyDescent="0.3">
      <c r="A56506" s="13" t="s">
        <v>307</v>
      </c>
      <c r="B56506" s="14" t="s">
        <v>1</v>
      </c>
      <c r="C56506" s="14" t="s">
        <v>41</v>
      </c>
      <c r="D56506" s="14" t="s">
        <v>308</v>
      </c>
      <c r="E56506" s="15">
        <v>45672</v>
      </c>
      <c r="F56506" s="14" t="s">
        <v>43</v>
      </c>
      <c r="G56506" s="16">
        <v>51.917188780969489</v>
      </c>
    </row>
    <row r="56507" spans="1:7" x14ac:dyDescent="0.3">
      <c r="A56507" s="13" t="s">
        <v>307</v>
      </c>
      <c r="B56507" s="14" t="s">
        <v>1</v>
      </c>
      <c r="C56507" s="14" t="s">
        <v>41</v>
      </c>
      <c r="D56507" s="14" t="s">
        <v>308</v>
      </c>
      <c r="E56507" s="15">
        <v>45673</v>
      </c>
      <c r="F56507" s="14" t="s">
        <v>43</v>
      </c>
      <c r="G56507" s="16">
        <v>51.716110995710082</v>
      </c>
    </row>
    <row r="56508" spans="1:7" x14ac:dyDescent="0.3">
      <c r="A56508" s="13" t="s">
        <v>307</v>
      </c>
      <c r="B56508" s="14" t="s">
        <v>1</v>
      </c>
      <c r="C56508" s="14" t="s">
        <v>41</v>
      </c>
      <c r="D56508" s="14" t="s">
        <v>308</v>
      </c>
      <c r="E56508" s="15">
        <v>45674</v>
      </c>
      <c r="F56508" s="14" t="s">
        <v>43</v>
      </c>
      <c r="G56508" s="16">
        <v>51.514660586839284</v>
      </c>
    </row>
    <row r="56509" spans="1:7" x14ac:dyDescent="0.3">
      <c r="A56509" s="13" t="s">
        <v>307</v>
      </c>
      <c r="B56509" s="14" t="s">
        <v>1</v>
      </c>
      <c r="C56509" s="14" t="s">
        <v>41</v>
      </c>
      <c r="D56509" s="14" t="s">
        <v>308</v>
      </c>
      <c r="E56509" s="15">
        <v>45675</v>
      </c>
      <c r="F56509" s="14" t="s">
        <v>43</v>
      </c>
      <c r="G56509" s="16">
        <v>51.514660586839284</v>
      </c>
    </row>
    <row r="56510" spans="1:7" x14ac:dyDescent="0.3">
      <c r="A56510" s="13" t="s">
        <v>307</v>
      </c>
      <c r="B56510" s="14" t="s">
        <v>1</v>
      </c>
      <c r="C56510" s="14" t="s">
        <v>41</v>
      </c>
      <c r="D56510" s="14" t="s">
        <v>308</v>
      </c>
      <c r="E56510" s="15">
        <v>45676</v>
      </c>
      <c r="F56510" s="14" t="s">
        <v>43</v>
      </c>
      <c r="G56510" s="16">
        <v>51.514660586839284</v>
      </c>
    </row>
    <row r="56511" spans="1:7" x14ac:dyDescent="0.3">
      <c r="A56511" s="13" t="s">
        <v>307</v>
      </c>
      <c r="B56511" s="14" t="s">
        <v>1</v>
      </c>
      <c r="C56511" s="14" t="s">
        <v>41</v>
      </c>
      <c r="D56511" s="14" t="s">
        <v>308</v>
      </c>
      <c r="E56511" s="15">
        <v>45677</v>
      </c>
      <c r="F56511" s="14" t="s">
        <v>43</v>
      </c>
      <c r="G56511" s="16">
        <v>51.313524286145217</v>
      </c>
    </row>
    <row r="56512" spans="1:7" x14ac:dyDescent="0.3">
      <c r="A56512" s="13" t="s">
        <v>307</v>
      </c>
      <c r="B56512" s="14" t="s">
        <v>1</v>
      </c>
      <c r="C56512" s="14" t="s">
        <v>41</v>
      </c>
      <c r="D56512" s="14" t="s">
        <v>308</v>
      </c>
      <c r="E56512" s="15">
        <v>45678</v>
      </c>
      <c r="F56512" s="14" t="s">
        <v>43</v>
      </c>
      <c r="G56512" s="16">
        <v>50.710585181304651</v>
      </c>
    </row>
    <row r="56513" spans="1:7" x14ac:dyDescent="0.3">
      <c r="A56513" s="13" t="s">
        <v>307</v>
      </c>
      <c r="B56513" s="14" t="s">
        <v>1</v>
      </c>
      <c r="C56513" s="14" t="s">
        <v>41</v>
      </c>
      <c r="D56513" s="14" t="s">
        <v>308</v>
      </c>
      <c r="E56513" s="15">
        <v>45679</v>
      </c>
      <c r="F56513" s="14" t="s">
        <v>43</v>
      </c>
      <c r="G56513" s="16">
        <v>50.507800392364693</v>
      </c>
    </row>
    <row r="56514" spans="1:7" x14ac:dyDescent="0.3">
      <c r="A56514" s="13" t="s">
        <v>307</v>
      </c>
      <c r="B56514" s="14" t="s">
        <v>1</v>
      </c>
      <c r="C56514" s="14" t="s">
        <v>41</v>
      </c>
      <c r="D56514" s="14" t="s">
        <v>308</v>
      </c>
      <c r="E56514" s="15">
        <v>45680</v>
      </c>
      <c r="F56514" s="14" t="s">
        <v>43</v>
      </c>
      <c r="G56514" s="16">
        <v>50.304982495272547</v>
      </c>
    </row>
    <row r="56515" spans="1:7" x14ac:dyDescent="0.3">
      <c r="A56515" s="13" t="s">
        <v>307</v>
      </c>
      <c r="B56515" s="14" t="s">
        <v>1</v>
      </c>
      <c r="C56515" s="14" t="s">
        <v>41</v>
      </c>
      <c r="D56515" s="14" t="s">
        <v>308</v>
      </c>
      <c r="E56515" s="15">
        <v>45681</v>
      </c>
      <c r="F56515" s="14" t="s">
        <v>43</v>
      </c>
      <c r="G56515" s="16">
        <v>50.100435290759144</v>
      </c>
    </row>
    <row r="56516" spans="1:7" x14ac:dyDescent="0.3">
      <c r="A56516" s="13" t="s">
        <v>307</v>
      </c>
      <c r="B56516" s="14" t="s">
        <v>1</v>
      </c>
      <c r="C56516" s="14" t="s">
        <v>41</v>
      </c>
      <c r="D56516" s="14" t="s">
        <v>308</v>
      </c>
      <c r="E56516" s="15">
        <v>45682</v>
      </c>
      <c r="F56516" s="14" t="s">
        <v>43</v>
      </c>
      <c r="G56516" s="16">
        <v>50.100435290759144</v>
      </c>
    </row>
    <row r="56517" spans="1:7" x14ac:dyDescent="0.3">
      <c r="A56517" s="13" t="s">
        <v>307</v>
      </c>
      <c r="B56517" s="14" t="s">
        <v>1</v>
      </c>
      <c r="C56517" s="14" t="s">
        <v>41</v>
      </c>
      <c r="D56517" s="14" t="s">
        <v>308</v>
      </c>
      <c r="E56517" s="15">
        <v>45683</v>
      </c>
      <c r="F56517" s="14" t="s">
        <v>43</v>
      </c>
      <c r="G56517" s="16">
        <v>50.100435290759144</v>
      </c>
    </row>
    <row r="56518" spans="1:7" x14ac:dyDescent="0.3">
      <c r="A56518" s="13" t="s">
        <v>307</v>
      </c>
      <c r="B56518" s="14" t="s">
        <v>1</v>
      </c>
      <c r="C56518" s="14" t="s">
        <v>41</v>
      </c>
      <c r="D56518" s="14" t="s">
        <v>308</v>
      </c>
      <c r="E56518" s="15">
        <v>45684</v>
      </c>
      <c r="F56518" s="14" t="s">
        <v>43</v>
      </c>
      <c r="G56518" s="16">
        <v>50.189142124475026</v>
      </c>
    </row>
    <row r="56519" spans="1:7" x14ac:dyDescent="0.3">
      <c r="A56519" s="13" t="s">
        <v>307</v>
      </c>
      <c r="B56519" s="14" t="s">
        <v>1</v>
      </c>
      <c r="C56519" s="14" t="s">
        <v>41</v>
      </c>
      <c r="D56519" s="14" t="s">
        <v>308</v>
      </c>
      <c r="E56519" s="15">
        <v>45685</v>
      </c>
      <c r="F56519" s="14" t="s">
        <v>43</v>
      </c>
      <c r="G56519" s="16">
        <v>49.572718995747522</v>
      </c>
    </row>
    <row r="56520" spans="1:7" x14ac:dyDescent="0.3">
      <c r="A56520" s="13" t="s">
        <v>307</v>
      </c>
      <c r="B56520" s="14" t="s">
        <v>1</v>
      </c>
      <c r="C56520" s="14" t="s">
        <v>41</v>
      </c>
      <c r="D56520" s="14" t="s">
        <v>308</v>
      </c>
      <c r="E56520" s="15">
        <v>45686</v>
      </c>
      <c r="F56520" s="14" t="s">
        <v>43</v>
      </c>
      <c r="G56520" s="16">
        <v>49.367488496827413</v>
      </c>
    </row>
    <row r="56521" spans="1:7" x14ac:dyDescent="0.3">
      <c r="A56521" s="13" t="s">
        <v>307</v>
      </c>
      <c r="B56521" s="14" t="s">
        <v>1</v>
      </c>
      <c r="C56521" s="14" t="s">
        <v>41</v>
      </c>
      <c r="D56521" s="14" t="s">
        <v>308</v>
      </c>
      <c r="E56521" s="15">
        <v>45687</v>
      </c>
      <c r="F56521" s="14" t="s">
        <v>43</v>
      </c>
      <c r="G56521" s="16">
        <v>49.162772122950201</v>
      </c>
    </row>
    <row r="56522" spans="1:7" x14ac:dyDescent="0.3">
      <c r="A56522" s="13" t="s">
        <v>307</v>
      </c>
      <c r="B56522" s="14" t="s">
        <v>1</v>
      </c>
      <c r="C56522" s="14" t="s">
        <v>41</v>
      </c>
      <c r="D56522" s="14" t="s">
        <v>308</v>
      </c>
      <c r="E56522" s="15">
        <v>45688</v>
      </c>
      <c r="F56522" s="14" t="s">
        <v>43</v>
      </c>
      <c r="G56522" s="16">
        <v>50.290750504167526</v>
      </c>
    </row>
    <row r="56523" spans="1:7" x14ac:dyDescent="0.3">
      <c r="A56523" s="13" t="s">
        <v>307</v>
      </c>
      <c r="B56523" s="14" t="s">
        <v>1</v>
      </c>
      <c r="C56523" s="14" t="s">
        <v>41</v>
      </c>
      <c r="D56523" s="14" t="s">
        <v>308</v>
      </c>
      <c r="E56523" s="15">
        <v>45689</v>
      </c>
      <c r="F56523" s="14" t="s">
        <v>43</v>
      </c>
      <c r="G56523" s="16">
        <v>50.290750504167526</v>
      </c>
    </row>
    <row r="56524" spans="1:7" x14ac:dyDescent="0.3">
      <c r="A56524" s="13" t="s">
        <v>307</v>
      </c>
      <c r="B56524" s="14" t="s">
        <v>1</v>
      </c>
      <c r="C56524" s="14" t="s">
        <v>41</v>
      </c>
      <c r="D56524" s="14" t="s">
        <v>308</v>
      </c>
      <c r="E56524" s="15">
        <v>45690</v>
      </c>
      <c r="F56524" s="14" t="s">
        <v>43</v>
      </c>
      <c r="G56524" s="16">
        <v>50.290750504167526</v>
      </c>
    </row>
    <row r="56525" spans="1:7" x14ac:dyDescent="0.3">
      <c r="A56525" s="13" t="s">
        <v>307</v>
      </c>
      <c r="B56525" s="14" t="s">
        <v>1</v>
      </c>
      <c r="C56525" s="14" t="s">
        <v>41</v>
      </c>
      <c r="D56525" s="14" t="s">
        <v>308</v>
      </c>
      <c r="E56525" s="15">
        <v>45691</v>
      </c>
      <c r="F56525" s="14" t="s">
        <v>43</v>
      </c>
      <c r="G56525" s="16">
        <v>50.290750504167526</v>
      </c>
    </row>
    <row r="56526" spans="1:7" x14ac:dyDescent="0.3">
      <c r="A56526" s="13" t="s">
        <v>307</v>
      </c>
      <c r="B56526" s="14" t="s">
        <v>1</v>
      </c>
      <c r="C56526" s="14" t="s">
        <v>41</v>
      </c>
      <c r="D56526" s="14" t="s">
        <v>308</v>
      </c>
      <c r="E56526" s="15">
        <v>45692</v>
      </c>
      <c r="F56526" s="14" t="s">
        <v>43</v>
      </c>
      <c r="G56526" s="16">
        <v>50.084144145286245</v>
      </c>
    </row>
    <row r="56527" spans="1:7" x14ac:dyDescent="0.3">
      <c r="A56527" s="13" t="s">
        <v>307</v>
      </c>
      <c r="B56527" s="14" t="s">
        <v>1</v>
      </c>
      <c r="C56527" s="14" t="s">
        <v>41</v>
      </c>
      <c r="D56527" s="14" t="s">
        <v>308</v>
      </c>
      <c r="E56527" s="15">
        <v>45693</v>
      </c>
      <c r="F56527" s="14" t="s">
        <v>43</v>
      </c>
      <c r="G56527" s="16">
        <v>49.456442286180426</v>
      </c>
    </row>
    <row r="56528" spans="1:7" x14ac:dyDescent="0.3">
      <c r="A56528" s="13" t="s">
        <v>307</v>
      </c>
      <c r="B56528" s="14" t="s">
        <v>1</v>
      </c>
      <c r="C56528" s="14" t="s">
        <v>41</v>
      </c>
      <c r="D56528" s="14" t="s">
        <v>308</v>
      </c>
      <c r="E56528" s="15">
        <v>45694</v>
      </c>
      <c r="F56528" s="14" t="s">
        <v>43</v>
      </c>
      <c r="G56528" s="16">
        <v>49.253372395846981</v>
      </c>
    </row>
    <row r="56529" spans="1:7" x14ac:dyDescent="0.3">
      <c r="A56529" s="13" t="s">
        <v>307</v>
      </c>
      <c r="B56529" s="14" t="s">
        <v>1</v>
      </c>
      <c r="C56529" s="14" t="s">
        <v>41</v>
      </c>
      <c r="D56529" s="14" t="s">
        <v>308</v>
      </c>
      <c r="E56529" s="15">
        <v>45695</v>
      </c>
      <c r="F56529" s="14" t="s">
        <v>43</v>
      </c>
      <c r="G56529" s="16">
        <v>49.050066868442492</v>
      </c>
    </row>
    <row r="56530" spans="1:7" x14ac:dyDescent="0.3">
      <c r="A56530" s="13" t="s">
        <v>307</v>
      </c>
      <c r="B56530" s="14" t="s">
        <v>1</v>
      </c>
      <c r="C56530" s="14" t="s">
        <v>41</v>
      </c>
      <c r="D56530" s="14" t="s">
        <v>308</v>
      </c>
      <c r="E56530" s="15">
        <v>45696</v>
      </c>
      <c r="F56530" s="14" t="s">
        <v>43</v>
      </c>
      <c r="G56530" s="16">
        <v>49.050066868442492</v>
      </c>
    </row>
    <row r="56531" spans="1:7" x14ac:dyDescent="0.3">
      <c r="A56531" s="13" t="s">
        <v>307</v>
      </c>
      <c r="B56531" s="14" t="s">
        <v>1</v>
      </c>
      <c r="C56531" s="14" t="s">
        <v>41</v>
      </c>
      <c r="D56531" s="14" t="s">
        <v>308</v>
      </c>
      <c r="E56531" s="15">
        <v>45697</v>
      </c>
      <c r="F56531" s="14" t="s">
        <v>43</v>
      </c>
      <c r="G56531" s="16">
        <v>49.050066868442492</v>
      </c>
    </row>
    <row r="56532" spans="1:7" x14ac:dyDescent="0.3">
      <c r="A56532" s="13" t="s">
        <v>307</v>
      </c>
      <c r="B56532" s="14" t="s">
        <v>1</v>
      </c>
      <c r="C56532" s="14" t="s">
        <v>41</v>
      </c>
      <c r="D56532" s="14" t="s">
        <v>308</v>
      </c>
      <c r="E56532" s="15">
        <v>45698</v>
      </c>
      <c r="F56532" s="14" t="s">
        <v>43</v>
      </c>
      <c r="G56532" s="16">
        <v>48.846103377418821</v>
      </c>
    </row>
    <row r="56533" spans="1:7" x14ac:dyDescent="0.3">
      <c r="A56533" s="13" t="s">
        <v>307</v>
      </c>
      <c r="B56533" s="14" t="s">
        <v>1</v>
      </c>
      <c r="C56533" s="14" t="s">
        <v>41</v>
      </c>
      <c r="D56533" s="14" t="s">
        <v>308</v>
      </c>
      <c r="E56533" s="15">
        <v>45699</v>
      </c>
      <c r="F56533" s="14" t="s">
        <v>43</v>
      </c>
      <c r="G56533" s="16">
        <v>48.846103377418821</v>
      </c>
    </row>
    <row r="56534" spans="1:7" x14ac:dyDescent="0.3">
      <c r="A56534" s="13" t="s">
        <v>307</v>
      </c>
      <c r="B56534" s="14" t="s">
        <v>1</v>
      </c>
      <c r="C56534" s="14" t="s">
        <v>41</v>
      </c>
      <c r="D56534" s="14" t="s">
        <v>308</v>
      </c>
      <c r="E56534" s="15">
        <v>45700</v>
      </c>
      <c r="F56534" s="14" t="s">
        <v>43</v>
      </c>
      <c r="G56534" s="16">
        <v>48.236700880134734</v>
      </c>
    </row>
    <row r="56535" spans="1:7" x14ac:dyDescent="0.3">
      <c r="A56535" s="13" t="s">
        <v>307</v>
      </c>
      <c r="B56535" s="14" t="s">
        <v>1</v>
      </c>
      <c r="C56535" s="14" t="s">
        <v>41</v>
      </c>
      <c r="D56535" s="14" t="s">
        <v>308</v>
      </c>
      <c r="E56535" s="15">
        <v>45701</v>
      </c>
      <c r="F56535" s="14" t="s">
        <v>43</v>
      </c>
      <c r="G56535" s="16">
        <v>47.9173264541745</v>
      </c>
    </row>
    <row r="56536" spans="1:7" x14ac:dyDescent="0.3">
      <c r="A56536" s="13" t="s">
        <v>307</v>
      </c>
      <c r="B56536" s="14" t="s">
        <v>1</v>
      </c>
      <c r="C56536" s="14" t="s">
        <v>41</v>
      </c>
      <c r="D56536" s="14" t="s">
        <v>308</v>
      </c>
      <c r="E56536" s="15">
        <v>45702</v>
      </c>
      <c r="F56536" s="14" t="s">
        <v>43</v>
      </c>
      <c r="G56536" s="16">
        <v>47.847695323292143</v>
      </c>
    </row>
    <row r="56537" spans="1:7" x14ac:dyDescent="0.3">
      <c r="A56537" s="13" t="s">
        <v>307</v>
      </c>
      <c r="B56537" s="14" t="s">
        <v>1</v>
      </c>
      <c r="C56537" s="14" t="s">
        <v>41</v>
      </c>
      <c r="D56537" s="14" t="s">
        <v>308</v>
      </c>
      <c r="E56537" s="15">
        <v>45703</v>
      </c>
      <c r="F56537" s="14" t="s">
        <v>43</v>
      </c>
      <c r="G56537" s="16">
        <v>47.847695323292143</v>
      </c>
    </row>
    <row r="56538" spans="1:7" x14ac:dyDescent="0.3">
      <c r="A56538" s="13" t="s">
        <v>307</v>
      </c>
      <c r="B56538" s="14" t="s">
        <v>1</v>
      </c>
      <c r="C56538" s="14" t="s">
        <v>41</v>
      </c>
      <c r="D56538" s="14" t="s">
        <v>308</v>
      </c>
      <c r="E56538" s="15">
        <v>45704</v>
      </c>
      <c r="F56538" s="14" t="s">
        <v>43</v>
      </c>
      <c r="G56538" s="16">
        <v>47.847695323292143</v>
      </c>
    </row>
    <row r="56539" spans="1:7" x14ac:dyDescent="0.3">
      <c r="A56539" s="13" t="s">
        <v>307</v>
      </c>
      <c r="B56539" s="14" t="s">
        <v>1</v>
      </c>
      <c r="C56539" s="14" t="s">
        <v>41</v>
      </c>
      <c r="D56539" s="14" t="s">
        <v>308</v>
      </c>
      <c r="E56539" s="15">
        <v>45705</v>
      </c>
      <c r="F56539" s="14" t="s">
        <v>43</v>
      </c>
      <c r="G56539" s="16">
        <v>47.64289305211355</v>
      </c>
    </row>
    <row r="56540" spans="1:7" x14ac:dyDescent="0.3">
      <c r="A56540" s="13" t="s">
        <v>307</v>
      </c>
      <c r="B56540" s="14" t="s">
        <v>1</v>
      </c>
      <c r="C56540" s="14" t="s">
        <v>41</v>
      </c>
      <c r="D56540" s="14" t="s">
        <v>308</v>
      </c>
      <c r="E56540" s="15">
        <v>45706</v>
      </c>
      <c r="F56540" s="14" t="s">
        <v>43</v>
      </c>
      <c r="G56540" s="16">
        <v>47.027466745601387</v>
      </c>
    </row>
    <row r="56541" spans="1:7" x14ac:dyDescent="0.3">
      <c r="A56541" s="13" t="s">
        <v>307</v>
      </c>
      <c r="B56541" s="14" t="s">
        <v>1</v>
      </c>
      <c r="C56541" s="14" t="s">
        <v>41</v>
      </c>
      <c r="D56541" s="14" t="s">
        <v>308</v>
      </c>
      <c r="E56541" s="15">
        <v>45707</v>
      </c>
      <c r="F56541" s="14" t="s">
        <v>43</v>
      </c>
      <c r="G56541" s="16">
        <v>46.821717572709105</v>
      </c>
    </row>
    <row r="56542" spans="1:7" x14ac:dyDescent="0.3">
      <c r="A56542" s="13" t="s">
        <v>307</v>
      </c>
      <c r="B56542" s="14" t="s">
        <v>1</v>
      </c>
      <c r="C56542" s="14" t="s">
        <v>41</v>
      </c>
      <c r="D56542" s="14" t="s">
        <v>308</v>
      </c>
      <c r="E56542" s="15">
        <v>45708</v>
      </c>
      <c r="F56542" s="14" t="s">
        <v>43</v>
      </c>
      <c r="G56542" s="16">
        <v>47.853731053220663</v>
      </c>
    </row>
    <row r="56543" spans="1:7" x14ac:dyDescent="0.3">
      <c r="A56543" s="13" t="s">
        <v>307</v>
      </c>
      <c r="B56543" s="14" t="s">
        <v>1</v>
      </c>
      <c r="C56543" s="14" t="s">
        <v>41</v>
      </c>
      <c r="D56543" s="14" t="s">
        <v>308</v>
      </c>
      <c r="E56543" s="15">
        <v>45709</v>
      </c>
      <c r="F56543" s="14" t="s">
        <v>43</v>
      </c>
      <c r="G56543" s="16">
        <v>47.648168928822734</v>
      </c>
    </row>
    <row r="56544" spans="1:7" x14ac:dyDescent="0.3">
      <c r="A56544" s="13" t="s">
        <v>307</v>
      </c>
      <c r="B56544" s="14" t="s">
        <v>1</v>
      </c>
      <c r="C56544" s="14" t="s">
        <v>41</v>
      </c>
      <c r="D56544" s="14" t="s">
        <v>308</v>
      </c>
      <c r="E56544" s="15">
        <v>45710</v>
      </c>
      <c r="F56544" s="14" t="s">
        <v>43</v>
      </c>
      <c r="G56544" s="16">
        <v>47.648168928822734</v>
      </c>
    </row>
    <row r="56545" spans="1:7" x14ac:dyDescent="0.3">
      <c r="A56545" s="13" t="s">
        <v>307</v>
      </c>
      <c r="B56545" s="14" t="s">
        <v>1</v>
      </c>
      <c r="C56545" s="14" t="s">
        <v>41</v>
      </c>
      <c r="D56545" s="14" t="s">
        <v>308</v>
      </c>
      <c r="E56545" s="15">
        <v>45711</v>
      </c>
      <c r="F56545" s="14" t="s">
        <v>43</v>
      </c>
      <c r="G56545" s="16">
        <v>47.648168928822734</v>
      </c>
    </row>
    <row r="56546" spans="1:7" x14ac:dyDescent="0.3">
      <c r="A56546" s="13" t="s">
        <v>307</v>
      </c>
      <c r="B56546" s="14" t="s">
        <v>1</v>
      </c>
      <c r="C56546" s="14" t="s">
        <v>41</v>
      </c>
      <c r="D56546" s="14" t="s">
        <v>308</v>
      </c>
      <c r="E56546" s="15">
        <v>45712</v>
      </c>
      <c r="F56546" s="14" t="s">
        <v>43</v>
      </c>
      <c r="G56546" s="16">
        <v>47.648168928822734</v>
      </c>
    </row>
    <row r="56547" spans="1:7" x14ac:dyDescent="0.3">
      <c r="A56547" s="13" t="s">
        <v>307</v>
      </c>
      <c r="B56547" s="14" t="s">
        <v>1</v>
      </c>
      <c r="C56547" s="14" t="s">
        <v>41</v>
      </c>
      <c r="D56547" s="14" t="s">
        <v>308</v>
      </c>
      <c r="E56547" s="15">
        <v>45713</v>
      </c>
      <c r="F56547" s="14" t="s">
        <v>43</v>
      </c>
      <c r="G56547" s="16">
        <v>47.444670838234813</v>
      </c>
    </row>
    <row r="56548" spans="1:7" x14ac:dyDescent="0.3">
      <c r="A56548" s="13" t="s">
        <v>307</v>
      </c>
      <c r="B56548" s="14" t="s">
        <v>1</v>
      </c>
      <c r="C56548" s="14" t="s">
        <v>41</v>
      </c>
      <c r="D56548" s="14" t="s">
        <v>308</v>
      </c>
      <c r="E56548" s="15">
        <v>45714</v>
      </c>
      <c r="F56548" s="14" t="s">
        <v>43</v>
      </c>
      <c r="G56548" s="16">
        <v>46.626274116419545</v>
      </c>
    </row>
    <row r="56549" spans="1:7" x14ac:dyDescent="0.3">
      <c r="A56549" s="13" t="s">
        <v>307</v>
      </c>
      <c r="B56549" s="14" t="s">
        <v>1</v>
      </c>
      <c r="C56549" s="14" t="s">
        <v>41</v>
      </c>
      <c r="D56549" s="14" t="s">
        <v>308</v>
      </c>
      <c r="E56549" s="15">
        <v>45715</v>
      </c>
      <c r="F56549" s="14" t="s">
        <v>43</v>
      </c>
      <c r="G56549" s="16">
        <v>46.424876037617871</v>
      </c>
    </row>
    <row r="56550" spans="1:7" x14ac:dyDescent="0.3">
      <c r="A56550" s="13" t="s">
        <v>307</v>
      </c>
      <c r="B56550" s="14" t="s">
        <v>1</v>
      </c>
      <c r="C56550" s="14" t="s">
        <v>41</v>
      </c>
      <c r="D56550" s="14" t="s">
        <v>308</v>
      </c>
      <c r="E56550" s="15">
        <v>45716</v>
      </c>
      <c r="F56550" s="14" t="s">
        <v>43</v>
      </c>
      <c r="G56550" s="16">
        <v>47.056516227162085</v>
      </c>
    </row>
    <row r="56551" spans="1:7" x14ac:dyDescent="0.3">
      <c r="A56551" s="13" t="s">
        <v>307</v>
      </c>
      <c r="B56551" s="14" t="s">
        <v>1</v>
      </c>
      <c r="C56551" s="14" t="s">
        <v>41</v>
      </c>
      <c r="D56551" s="14" t="s">
        <v>308</v>
      </c>
      <c r="E56551" s="15">
        <v>45717</v>
      </c>
      <c r="F56551" s="14" t="s">
        <v>43</v>
      </c>
      <c r="G56551" s="16">
        <v>47.056516227162085</v>
      </c>
    </row>
    <row r="56552" spans="1:7" x14ac:dyDescent="0.3">
      <c r="A56552" s="13" t="s">
        <v>307</v>
      </c>
      <c r="B56552" s="14" t="s">
        <v>1</v>
      </c>
      <c r="C56552" s="14" t="s">
        <v>41</v>
      </c>
      <c r="D56552" s="14" t="s">
        <v>308</v>
      </c>
      <c r="E56552" s="15">
        <v>45718</v>
      </c>
      <c r="F56552" s="14" t="s">
        <v>43</v>
      </c>
      <c r="G56552" s="16">
        <v>47.056516227162085</v>
      </c>
    </row>
    <row r="56553" spans="1:7" x14ac:dyDescent="0.3">
      <c r="A56553" s="13" t="s">
        <v>307</v>
      </c>
      <c r="B56553" s="14" t="s">
        <v>1</v>
      </c>
      <c r="C56553" s="14" t="s">
        <v>41</v>
      </c>
      <c r="D56553" s="14" t="s">
        <v>308</v>
      </c>
      <c r="E56553" s="15">
        <v>45719</v>
      </c>
      <c r="F56553" s="14" t="s">
        <v>43</v>
      </c>
      <c r="G56553" s="16">
        <v>46.852675478147432</v>
      </c>
    </row>
    <row r="56554" spans="1:7" x14ac:dyDescent="0.3">
      <c r="A56554" s="13" t="s">
        <v>307</v>
      </c>
      <c r="B56554" s="14" t="s">
        <v>1</v>
      </c>
      <c r="C56554" s="14" t="s">
        <v>41</v>
      </c>
      <c r="D56554" s="14" t="s">
        <v>308</v>
      </c>
      <c r="E56554" s="15">
        <v>45720</v>
      </c>
      <c r="F56554" s="14" t="s">
        <v>43</v>
      </c>
      <c r="G56554" s="16">
        <v>46.462009013929851</v>
      </c>
    </row>
    <row r="56555" spans="1:7" x14ac:dyDescent="0.3">
      <c r="A56555" s="13" t="s">
        <v>307</v>
      </c>
      <c r="B56555" s="14" t="s">
        <v>1</v>
      </c>
      <c r="C56555" s="14" t="s">
        <v>41</v>
      </c>
      <c r="D56555" s="14" t="s">
        <v>308</v>
      </c>
      <c r="E56555" s="15">
        <v>45721</v>
      </c>
      <c r="F56555" s="14" t="s">
        <v>43</v>
      </c>
      <c r="G56555" s="16">
        <v>46.258867306061113</v>
      </c>
    </row>
    <row r="56556" spans="1:7" x14ac:dyDescent="0.3">
      <c r="A56556" s="13" t="s">
        <v>307</v>
      </c>
      <c r="B56556" s="14" t="s">
        <v>1</v>
      </c>
      <c r="C56556" s="14" t="s">
        <v>41</v>
      </c>
      <c r="D56556" s="14" t="s">
        <v>308</v>
      </c>
      <c r="E56556" s="15">
        <v>45722</v>
      </c>
      <c r="F56556" s="14" t="s">
        <v>43</v>
      </c>
      <c r="G56556" s="16">
        <v>46.05721683369427</v>
      </c>
    </row>
    <row r="56557" spans="1:7" x14ac:dyDescent="0.3">
      <c r="A56557" s="13" t="s">
        <v>307</v>
      </c>
      <c r="B56557" s="14" t="s">
        <v>1</v>
      </c>
      <c r="C56557" s="14" t="s">
        <v>41</v>
      </c>
      <c r="D56557" s="14" t="s">
        <v>308</v>
      </c>
      <c r="E56557" s="15">
        <v>45723</v>
      </c>
      <c r="F56557" s="14" t="s">
        <v>43</v>
      </c>
      <c r="G56557" s="16">
        <v>45.984670801660783</v>
      </c>
    </row>
    <row r="56558" spans="1:7" x14ac:dyDescent="0.3">
      <c r="A56558" s="13" t="s">
        <v>307</v>
      </c>
      <c r="B56558" s="14" t="s">
        <v>1</v>
      </c>
      <c r="C56558" s="14" t="s">
        <v>41</v>
      </c>
      <c r="D56558" s="14" t="s">
        <v>308</v>
      </c>
      <c r="E56558" s="15">
        <v>45724</v>
      </c>
      <c r="F56558" s="14" t="s">
        <v>43</v>
      </c>
      <c r="G56558" s="16">
        <v>45.984670801660783</v>
      </c>
    </row>
    <row r="56559" spans="1:7" x14ac:dyDescent="0.3">
      <c r="A56559" s="13" t="s">
        <v>307</v>
      </c>
      <c r="B56559" s="14" t="s">
        <v>1</v>
      </c>
      <c r="C56559" s="14" t="s">
        <v>41</v>
      </c>
      <c r="D56559" s="14" t="s">
        <v>308</v>
      </c>
      <c r="E56559" s="15">
        <v>45725</v>
      </c>
      <c r="F56559" s="14" t="s">
        <v>43</v>
      </c>
      <c r="G56559" s="16">
        <v>45.984670801660783</v>
      </c>
    </row>
    <row r="56560" spans="1:7" x14ac:dyDescent="0.3">
      <c r="A56560" s="13" t="s">
        <v>307</v>
      </c>
      <c r="B56560" s="14" t="s">
        <v>1</v>
      </c>
      <c r="C56560" s="14" t="s">
        <v>41</v>
      </c>
      <c r="D56560" s="14" t="s">
        <v>308</v>
      </c>
      <c r="E56560" s="15">
        <v>45726</v>
      </c>
      <c r="F56560" s="14" t="s">
        <v>43</v>
      </c>
      <c r="G56560" s="16">
        <v>45.780392449657455</v>
      </c>
    </row>
    <row r="56561" spans="1:7" x14ac:dyDescent="0.3">
      <c r="A56561" s="13" t="s">
        <v>307</v>
      </c>
      <c r="B56561" s="14" t="s">
        <v>1</v>
      </c>
      <c r="C56561" s="14" t="s">
        <v>41</v>
      </c>
      <c r="D56561" s="14" t="s">
        <v>308</v>
      </c>
      <c r="E56561" s="15">
        <v>45727</v>
      </c>
      <c r="F56561" s="14" t="s">
        <v>43</v>
      </c>
      <c r="G56561" s="16">
        <v>45.176655739374645</v>
      </c>
    </row>
    <row r="56562" spans="1:7" x14ac:dyDescent="0.3">
      <c r="A56562" s="13" t="s">
        <v>307</v>
      </c>
      <c r="B56562" s="14" t="s">
        <v>1</v>
      </c>
      <c r="C56562" s="14" t="s">
        <v>41</v>
      </c>
      <c r="D56562" s="14" t="s">
        <v>308</v>
      </c>
      <c r="E56562" s="15">
        <v>45728</v>
      </c>
      <c r="F56562" s="14" t="s">
        <v>43</v>
      </c>
      <c r="G56562" s="16">
        <v>44.976841439025947</v>
      </c>
    </row>
    <row r="56563" spans="1:7" x14ac:dyDescent="0.3">
      <c r="A56563" s="13" t="s">
        <v>307</v>
      </c>
      <c r="B56563" s="14" t="s">
        <v>1</v>
      </c>
      <c r="C56563" s="14" t="s">
        <v>41</v>
      </c>
      <c r="D56563" s="14" t="s">
        <v>308</v>
      </c>
      <c r="E56563" s="15">
        <v>45729</v>
      </c>
      <c r="F56563" s="14" t="s">
        <v>43</v>
      </c>
      <c r="G56563" s="16">
        <v>44.779778713802997</v>
      </c>
    </row>
    <row r="56564" spans="1:7" x14ac:dyDescent="0.3">
      <c r="A56564" s="13" t="s">
        <v>307</v>
      </c>
      <c r="B56564" s="14" t="s">
        <v>1</v>
      </c>
      <c r="C56564" s="14" t="s">
        <v>41</v>
      </c>
      <c r="D56564" s="14" t="s">
        <v>308</v>
      </c>
      <c r="E56564" s="15">
        <v>45730</v>
      </c>
      <c r="F56564" s="14" t="s">
        <v>43</v>
      </c>
      <c r="G56564" s="16">
        <v>44.580046189274704</v>
      </c>
    </row>
    <row r="56565" spans="1:7" x14ac:dyDescent="0.3">
      <c r="A56565" s="13" t="s">
        <v>307</v>
      </c>
      <c r="B56565" s="14" t="s">
        <v>1</v>
      </c>
      <c r="C56565" s="14" t="s">
        <v>41</v>
      </c>
      <c r="D56565" s="14" t="s">
        <v>308</v>
      </c>
      <c r="E56565" s="15">
        <v>45731</v>
      </c>
      <c r="F56565" s="14" t="s">
        <v>43</v>
      </c>
      <c r="G56565" s="16">
        <v>44.580046189274704</v>
      </c>
    </row>
    <row r="56566" spans="1:7" x14ac:dyDescent="0.3">
      <c r="A56566" s="13" t="s">
        <v>307</v>
      </c>
      <c r="B56566" s="14" t="s">
        <v>1</v>
      </c>
      <c r="C56566" s="14" t="s">
        <v>41</v>
      </c>
      <c r="D56566" s="14" t="s">
        <v>308</v>
      </c>
      <c r="E56566" s="15">
        <v>45732</v>
      </c>
      <c r="F56566" s="14" t="s">
        <v>43</v>
      </c>
      <c r="G56566" s="16">
        <v>44.580046189274704</v>
      </c>
    </row>
    <row r="56567" spans="1:7" x14ac:dyDescent="0.3">
      <c r="A56567" s="13" t="s">
        <v>307</v>
      </c>
      <c r="B56567" s="14" t="s">
        <v>1</v>
      </c>
      <c r="C56567" s="14" t="s">
        <v>41</v>
      </c>
      <c r="D56567" s="14" t="s">
        <v>308</v>
      </c>
      <c r="E56567" s="15">
        <v>45733</v>
      </c>
      <c r="F56567" s="14" t="s">
        <v>43</v>
      </c>
      <c r="G56567" s="16">
        <v>44.580046189274704</v>
      </c>
    </row>
    <row r="56568" spans="1:7" x14ac:dyDescent="0.3">
      <c r="A56568" s="13" t="s">
        <v>307</v>
      </c>
      <c r="B56568" s="14" t="s">
        <v>1</v>
      </c>
      <c r="C56568" s="14" t="s">
        <v>41</v>
      </c>
      <c r="D56568" s="14" t="s">
        <v>308</v>
      </c>
      <c r="E56568" s="15">
        <v>45734</v>
      </c>
      <c r="F56568" s="14" t="s">
        <v>43</v>
      </c>
      <c r="G56568" s="16">
        <v>44.379689360897345</v>
      </c>
    </row>
    <row r="56569" spans="1:7" x14ac:dyDescent="0.3">
      <c r="A56569" s="13" t="s">
        <v>307</v>
      </c>
      <c r="B56569" s="14" t="s">
        <v>1</v>
      </c>
      <c r="C56569" s="14" t="s">
        <v>41</v>
      </c>
      <c r="D56569" s="14" t="s">
        <v>308</v>
      </c>
      <c r="E56569" s="15">
        <v>45735</v>
      </c>
      <c r="F56569" s="14" t="s">
        <v>43</v>
      </c>
      <c r="G56569" s="16">
        <v>43.925753559692502</v>
      </c>
    </row>
    <row r="56570" spans="1:7" x14ac:dyDescent="0.3">
      <c r="A56570" s="13" t="s">
        <v>307</v>
      </c>
      <c r="B56570" s="14" t="s">
        <v>1</v>
      </c>
      <c r="C56570" s="14" t="s">
        <v>41</v>
      </c>
      <c r="D56570" s="14" t="s">
        <v>308</v>
      </c>
      <c r="E56570" s="15">
        <v>45736</v>
      </c>
      <c r="F56570" s="14" t="s">
        <v>43</v>
      </c>
      <c r="G56570" s="16">
        <v>43.925753559692502</v>
      </c>
    </row>
    <row r="56571" spans="1:7" x14ac:dyDescent="0.3">
      <c r="A56571" s="13" t="s">
        <v>307</v>
      </c>
      <c r="B56571" s="14" t="s">
        <v>1</v>
      </c>
      <c r="C56571" s="14" t="s">
        <v>41</v>
      </c>
      <c r="D56571" s="14" t="s">
        <v>308</v>
      </c>
      <c r="E56571" s="15">
        <v>45737</v>
      </c>
      <c r="F56571" s="14" t="s">
        <v>43</v>
      </c>
      <c r="G56571" s="16">
        <v>43.718772980253043</v>
      </c>
    </row>
    <row r="56572" spans="1:7" x14ac:dyDescent="0.3">
      <c r="A56572" s="13" t="s">
        <v>307</v>
      </c>
      <c r="B56572" s="14" t="s">
        <v>1</v>
      </c>
      <c r="C56572" s="14" t="s">
        <v>41</v>
      </c>
      <c r="D56572" s="14" t="s">
        <v>308</v>
      </c>
      <c r="E56572" s="15">
        <v>45738</v>
      </c>
      <c r="F56572" s="14" t="s">
        <v>43</v>
      </c>
      <c r="G56572" s="16">
        <v>43.718772980253043</v>
      </c>
    </row>
    <row r="56573" spans="1:7" x14ac:dyDescent="0.3">
      <c r="A56573" s="13" t="s">
        <v>307</v>
      </c>
      <c r="B56573" s="14" t="s">
        <v>1</v>
      </c>
      <c r="C56573" s="14" t="s">
        <v>41</v>
      </c>
      <c r="D56573" s="14" t="s">
        <v>308</v>
      </c>
      <c r="E56573" s="15">
        <v>45739</v>
      </c>
      <c r="F56573" s="14" t="s">
        <v>43</v>
      </c>
      <c r="G56573" s="16">
        <v>43.718772980253043</v>
      </c>
    </row>
    <row r="56574" spans="1:7" x14ac:dyDescent="0.3">
      <c r="A56574" s="13" t="s">
        <v>307</v>
      </c>
      <c r="B56574" s="14" t="s">
        <v>1</v>
      </c>
      <c r="C56574" s="14" t="s">
        <v>41</v>
      </c>
      <c r="D56574" s="14" t="s">
        <v>308</v>
      </c>
      <c r="E56574" s="15">
        <v>45740</v>
      </c>
      <c r="F56574" s="14" t="s">
        <v>43</v>
      </c>
      <c r="G56574" s="16">
        <v>43.301557978580597</v>
      </c>
    </row>
    <row r="56575" spans="1:7" x14ac:dyDescent="0.3">
      <c r="A56575" s="13" t="s">
        <v>307</v>
      </c>
      <c r="B56575" s="14" t="s">
        <v>1</v>
      </c>
      <c r="C56575" s="14" t="s">
        <v>41</v>
      </c>
      <c r="D56575" s="14" t="s">
        <v>308</v>
      </c>
      <c r="E56575" s="15">
        <v>45741</v>
      </c>
      <c r="F56575" s="14" t="s">
        <v>43</v>
      </c>
      <c r="G56575" s="16">
        <v>42.673264967135687</v>
      </c>
    </row>
    <row r="56576" spans="1:7" x14ac:dyDescent="0.3">
      <c r="A56576" s="13" t="s">
        <v>307</v>
      </c>
      <c r="B56576" s="14" t="s">
        <v>1</v>
      </c>
      <c r="C56576" s="14" t="s">
        <v>41</v>
      </c>
      <c r="D56576" s="14" t="s">
        <v>308</v>
      </c>
      <c r="E56576" s="15">
        <v>45742</v>
      </c>
      <c r="F56576" s="14" t="s">
        <v>43</v>
      </c>
      <c r="G56576" s="16">
        <v>42.465555987840204</v>
      </c>
    </row>
    <row r="56577" spans="1:7" x14ac:dyDescent="0.3">
      <c r="A56577" s="13" t="s">
        <v>307</v>
      </c>
      <c r="B56577" s="14" t="s">
        <v>1</v>
      </c>
      <c r="C56577" s="14" t="s">
        <v>41</v>
      </c>
      <c r="D56577" s="14" t="s">
        <v>308</v>
      </c>
      <c r="E56577" s="15">
        <v>45743</v>
      </c>
      <c r="F56577" s="14" t="s">
        <v>43</v>
      </c>
      <c r="G56577" s="16">
        <v>42.320990171271539</v>
      </c>
    </row>
    <row r="56578" spans="1:7" x14ac:dyDescent="0.3">
      <c r="A56578" s="13" t="s">
        <v>307</v>
      </c>
      <c r="B56578" s="14" t="s">
        <v>1</v>
      </c>
      <c r="C56578" s="14" t="s">
        <v>41</v>
      </c>
      <c r="D56578" s="14" t="s">
        <v>308</v>
      </c>
      <c r="E56578" s="15">
        <v>45744</v>
      </c>
      <c r="F56578" s="14" t="s">
        <v>43</v>
      </c>
      <c r="G56578" s="16">
        <v>42.111796327283294</v>
      </c>
    </row>
    <row r="56579" spans="1:7" x14ac:dyDescent="0.3">
      <c r="A56579" s="13" t="s">
        <v>307</v>
      </c>
      <c r="B56579" s="14" t="s">
        <v>1</v>
      </c>
      <c r="C56579" s="14" t="s">
        <v>41</v>
      </c>
      <c r="D56579" s="14" t="s">
        <v>308</v>
      </c>
      <c r="E56579" s="15">
        <v>45745</v>
      </c>
      <c r="F56579" s="14" t="s">
        <v>43</v>
      </c>
      <c r="G56579" s="16">
        <v>42.111796327283294</v>
      </c>
    </row>
    <row r="56580" spans="1:7" x14ac:dyDescent="0.3">
      <c r="A56580" s="13" t="s">
        <v>307</v>
      </c>
      <c r="B56580" s="14" t="s">
        <v>1</v>
      </c>
      <c r="C56580" s="14" t="s">
        <v>41</v>
      </c>
      <c r="D56580" s="14" t="s">
        <v>308</v>
      </c>
      <c r="E56580" s="15">
        <v>45746</v>
      </c>
      <c r="F56580" s="14" t="s">
        <v>43</v>
      </c>
      <c r="G56580" s="16">
        <v>42.111796327283294</v>
      </c>
    </row>
    <row r="56581" spans="1:7" x14ac:dyDescent="0.3">
      <c r="A56581" s="13" t="s">
        <v>307</v>
      </c>
      <c r="B56581" s="14" t="s">
        <v>1</v>
      </c>
      <c r="C56581" s="14" t="s">
        <v>41</v>
      </c>
      <c r="D56581" s="14" t="s">
        <v>308</v>
      </c>
      <c r="E56581" s="15">
        <v>45747</v>
      </c>
      <c r="F56581" s="14" t="s">
        <v>43</v>
      </c>
      <c r="G56581" s="16">
        <v>129.86921498453057</v>
      </c>
    </row>
    <row r="56582" spans="1:7" x14ac:dyDescent="0.3">
      <c r="A56582" s="13" t="s">
        <v>309</v>
      </c>
      <c r="B56582" s="14" t="s">
        <v>1</v>
      </c>
      <c r="C56582" s="14" t="s">
        <v>51</v>
      </c>
      <c r="D56582" s="14" t="s">
        <v>39</v>
      </c>
      <c r="E56582" s="15">
        <v>45383</v>
      </c>
      <c r="F56582" s="14" t="s">
        <v>15</v>
      </c>
      <c r="G56582" s="16">
        <v>0</v>
      </c>
    </row>
    <row r="56583" spans="1:7" x14ac:dyDescent="0.3">
      <c r="A56583" s="13" t="s">
        <v>309</v>
      </c>
      <c r="B56583" s="14" t="s">
        <v>1</v>
      </c>
      <c r="C56583" s="14" t="s">
        <v>51</v>
      </c>
      <c r="D56583" s="14" t="s">
        <v>39</v>
      </c>
      <c r="E56583" s="15">
        <v>45384</v>
      </c>
      <c r="F56583" s="14" t="s">
        <v>15</v>
      </c>
      <c r="G56583" s="16">
        <v>0</v>
      </c>
    </row>
    <row r="56584" spans="1:7" x14ac:dyDescent="0.3">
      <c r="A56584" s="13" t="s">
        <v>309</v>
      </c>
      <c r="B56584" s="14" t="s">
        <v>1</v>
      </c>
      <c r="C56584" s="14" t="s">
        <v>51</v>
      </c>
      <c r="D56584" s="14" t="s">
        <v>39</v>
      </c>
      <c r="E56584" s="15">
        <v>45385</v>
      </c>
      <c r="F56584" s="14" t="s">
        <v>15</v>
      </c>
      <c r="G56584" s="16">
        <v>0</v>
      </c>
    </row>
    <row r="56585" spans="1:7" x14ac:dyDescent="0.3">
      <c r="A56585" s="13" t="s">
        <v>309</v>
      </c>
      <c r="B56585" s="14" t="s">
        <v>1</v>
      </c>
      <c r="C56585" s="14" t="s">
        <v>51</v>
      </c>
      <c r="D56585" s="14" t="s">
        <v>39</v>
      </c>
      <c r="E56585" s="15">
        <v>45386</v>
      </c>
      <c r="F56585" s="14" t="s">
        <v>15</v>
      </c>
      <c r="G56585" s="16">
        <v>0</v>
      </c>
    </row>
    <row r="56586" spans="1:7" x14ac:dyDescent="0.3">
      <c r="A56586" s="13" t="s">
        <v>309</v>
      </c>
      <c r="B56586" s="14" t="s">
        <v>1</v>
      </c>
      <c r="C56586" s="14" t="s">
        <v>51</v>
      </c>
      <c r="D56586" s="14" t="s">
        <v>39</v>
      </c>
      <c r="E56586" s="15">
        <v>45387</v>
      </c>
      <c r="F56586" s="14" t="s">
        <v>15</v>
      </c>
      <c r="G56586" s="16">
        <v>0</v>
      </c>
    </row>
    <row r="56587" spans="1:7" x14ac:dyDescent="0.3">
      <c r="A56587" s="13" t="s">
        <v>309</v>
      </c>
      <c r="B56587" s="14" t="s">
        <v>1</v>
      </c>
      <c r="C56587" s="14" t="s">
        <v>51</v>
      </c>
      <c r="D56587" s="14" t="s">
        <v>39</v>
      </c>
      <c r="E56587" s="15">
        <v>45388</v>
      </c>
      <c r="F56587" s="14" t="s">
        <v>15</v>
      </c>
      <c r="G56587" s="16">
        <v>0</v>
      </c>
    </row>
    <row r="56588" spans="1:7" x14ac:dyDescent="0.3">
      <c r="A56588" s="13" t="s">
        <v>309</v>
      </c>
      <c r="B56588" s="14" t="s">
        <v>1</v>
      </c>
      <c r="C56588" s="14" t="s">
        <v>51</v>
      </c>
      <c r="D56588" s="14" t="s">
        <v>39</v>
      </c>
      <c r="E56588" s="15">
        <v>45389</v>
      </c>
      <c r="F56588" s="14" t="s">
        <v>15</v>
      </c>
      <c r="G56588" s="16">
        <v>0</v>
      </c>
    </row>
    <row r="56589" spans="1:7" x14ac:dyDescent="0.3">
      <c r="A56589" s="13" t="s">
        <v>309</v>
      </c>
      <c r="B56589" s="14" t="s">
        <v>1</v>
      </c>
      <c r="C56589" s="14" t="s">
        <v>51</v>
      </c>
      <c r="D56589" s="14" t="s">
        <v>39</v>
      </c>
      <c r="E56589" s="15">
        <v>45390</v>
      </c>
      <c r="F56589" s="14" t="s">
        <v>15</v>
      </c>
      <c r="G56589" s="16">
        <v>0</v>
      </c>
    </row>
    <row r="56590" spans="1:7" x14ac:dyDescent="0.3">
      <c r="A56590" s="13" t="s">
        <v>309</v>
      </c>
      <c r="B56590" s="14" t="s">
        <v>1</v>
      </c>
      <c r="C56590" s="14" t="s">
        <v>51</v>
      </c>
      <c r="D56590" s="14" t="s">
        <v>39</v>
      </c>
      <c r="E56590" s="15">
        <v>45391</v>
      </c>
      <c r="F56590" s="14" t="s">
        <v>15</v>
      </c>
      <c r="G56590" s="16">
        <v>0</v>
      </c>
    </row>
    <row r="56591" spans="1:7" x14ac:dyDescent="0.3">
      <c r="A56591" s="13" t="s">
        <v>309</v>
      </c>
      <c r="B56591" s="14" t="s">
        <v>1</v>
      </c>
      <c r="C56591" s="14" t="s">
        <v>51</v>
      </c>
      <c r="D56591" s="14" t="s">
        <v>39</v>
      </c>
      <c r="E56591" s="15">
        <v>45392</v>
      </c>
      <c r="F56591" s="14" t="s">
        <v>15</v>
      </c>
      <c r="G56591" s="16">
        <v>0</v>
      </c>
    </row>
    <row r="56592" spans="1:7" x14ac:dyDescent="0.3">
      <c r="A56592" s="13" t="s">
        <v>309</v>
      </c>
      <c r="B56592" s="14" t="s">
        <v>1</v>
      </c>
      <c r="C56592" s="14" t="s">
        <v>51</v>
      </c>
      <c r="D56592" s="14" t="s">
        <v>39</v>
      </c>
      <c r="E56592" s="15">
        <v>45393</v>
      </c>
      <c r="F56592" s="14" t="s">
        <v>15</v>
      </c>
      <c r="G56592" s="16">
        <v>0</v>
      </c>
    </row>
    <row r="56593" spans="1:7" x14ac:dyDescent="0.3">
      <c r="A56593" s="13" t="s">
        <v>309</v>
      </c>
      <c r="B56593" s="14" t="s">
        <v>1</v>
      </c>
      <c r="C56593" s="14" t="s">
        <v>51</v>
      </c>
      <c r="D56593" s="14" t="s">
        <v>39</v>
      </c>
      <c r="E56593" s="15">
        <v>45394</v>
      </c>
      <c r="F56593" s="14" t="s">
        <v>15</v>
      </c>
      <c r="G56593" s="16">
        <v>0</v>
      </c>
    </row>
    <row r="56594" spans="1:7" x14ac:dyDescent="0.3">
      <c r="A56594" s="13" t="s">
        <v>309</v>
      </c>
      <c r="B56594" s="14" t="s">
        <v>1</v>
      </c>
      <c r="C56594" s="14" t="s">
        <v>51</v>
      </c>
      <c r="D56594" s="14" t="s">
        <v>39</v>
      </c>
      <c r="E56594" s="15">
        <v>45395</v>
      </c>
      <c r="F56594" s="14" t="s">
        <v>15</v>
      </c>
      <c r="G56594" s="16">
        <v>0</v>
      </c>
    </row>
    <row r="56595" spans="1:7" x14ac:dyDescent="0.3">
      <c r="A56595" s="13" t="s">
        <v>309</v>
      </c>
      <c r="B56595" s="14" t="s">
        <v>1</v>
      </c>
      <c r="C56595" s="14" t="s">
        <v>51</v>
      </c>
      <c r="D56595" s="14" t="s">
        <v>39</v>
      </c>
      <c r="E56595" s="15">
        <v>45396</v>
      </c>
      <c r="F56595" s="14" t="s">
        <v>15</v>
      </c>
      <c r="G56595" s="16">
        <v>0</v>
      </c>
    </row>
    <row r="56596" spans="1:7" x14ac:dyDescent="0.3">
      <c r="A56596" s="13" t="s">
        <v>309</v>
      </c>
      <c r="B56596" s="14" t="s">
        <v>1</v>
      </c>
      <c r="C56596" s="14" t="s">
        <v>51</v>
      </c>
      <c r="D56596" s="14" t="s">
        <v>39</v>
      </c>
      <c r="E56596" s="15">
        <v>45397</v>
      </c>
      <c r="F56596" s="14" t="s">
        <v>15</v>
      </c>
      <c r="G56596" s="16">
        <v>0</v>
      </c>
    </row>
    <row r="56597" spans="1:7" x14ac:dyDescent="0.3">
      <c r="A56597" s="13" t="s">
        <v>309</v>
      </c>
      <c r="B56597" s="14" t="s">
        <v>1</v>
      </c>
      <c r="C56597" s="14" t="s">
        <v>51</v>
      </c>
      <c r="D56597" s="14" t="s">
        <v>39</v>
      </c>
      <c r="E56597" s="15">
        <v>45398</v>
      </c>
      <c r="F56597" s="14" t="s">
        <v>15</v>
      </c>
      <c r="G56597" s="16">
        <v>0</v>
      </c>
    </row>
    <row r="56598" spans="1:7" x14ac:dyDescent="0.3">
      <c r="A56598" s="13" t="s">
        <v>309</v>
      </c>
      <c r="B56598" s="14" t="s">
        <v>1</v>
      </c>
      <c r="C56598" s="14" t="s">
        <v>51</v>
      </c>
      <c r="D56598" s="14" t="s">
        <v>39</v>
      </c>
      <c r="E56598" s="15">
        <v>45399</v>
      </c>
      <c r="F56598" s="14" t="s">
        <v>15</v>
      </c>
      <c r="G56598" s="16">
        <v>0</v>
      </c>
    </row>
    <row r="56599" spans="1:7" x14ac:dyDescent="0.3">
      <c r="A56599" s="13" t="s">
        <v>309</v>
      </c>
      <c r="B56599" s="14" t="s">
        <v>1</v>
      </c>
      <c r="C56599" s="14" t="s">
        <v>51</v>
      </c>
      <c r="D56599" s="14" t="s">
        <v>39</v>
      </c>
      <c r="E56599" s="15">
        <v>45400</v>
      </c>
      <c r="F56599" s="14" t="s">
        <v>15</v>
      </c>
      <c r="G56599" s="16">
        <v>0</v>
      </c>
    </row>
    <row r="56600" spans="1:7" x14ac:dyDescent="0.3">
      <c r="A56600" s="13" t="s">
        <v>309</v>
      </c>
      <c r="B56600" s="14" t="s">
        <v>1</v>
      </c>
      <c r="C56600" s="14" t="s">
        <v>51</v>
      </c>
      <c r="D56600" s="14" t="s">
        <v>39</v>
      </c>
      <c r="E56600" s="15">
        <v>45401</v>
      </c>
      <c r="F56600" s="14" t="s">
        <v>15</v>
      </c>
      <c r="G56600" s="16">
        <v>0</v>
      </c>
    </row>
    <row r="56601" spans="1:7" x14ac:dyDescent="0.3">
      <c r="A56601" s="13" t="s">
        <v>309</v>
      </c>
      <c r="B56601" s="14" t="s">
        <v>1</v>
      </c>
      <c r="C56601" s="14" t="s">
        <v>51</v>
      </c>
      <c r="D56601" s="14" t="s">
        <v>39</v>
      </c>
      <c r="E56601" s="15">
        <v>45402</v>
      </c>
      <c r="F56601" s="14" t="s">
        <v>15</v>
      </c>
      <c r="G56601" s="16">
        <v>0</v>
      </c>
    </row>
    <row r="56602" spans="1:7" x14ac:dyDescent="0.3">
      <c r="A56602" s="13" t="s">
        <v>309</v>
      </c>
      <c r="B56602" s="14" t="s">
        <v>1</v>
      </c>
      <c r="C56602" s="14" t="s">
        <v>51</v>
      </c>
      <c r="D56602" s="14" t="s">
        <v>39</v>
      </c>
      <c r="E56602" s="15">
        <v>45403</v>
      </c>
      <c r="F56602" s="14" t="s">
        <v>15</v>
      </c>
      <c r="G56602" s="16">
        <v>0</v>
      </c>
    </row>
    <row r="56603" spans="1:7" x14ac:dyDescent="0.3">
      <c r="A56603" s="13" t="s">
        <v>309</v>
      </c>
      <c r="B56603" s="14" t="s">
        <v>1</v>
      </c>
      <c r="C56603" s="14" t="s">
        <v>51</v>
      </c>
      <c r="D56603" s="14" t="s">
        <v>39</v>
      </c>
      <c r="E56603" s="15">
        <v>45404</v>
      </c>
      <c r="F56603" s="14" t="s">
        <v>15</v>
      </c>
      <c r="G56603" s="16">
        <v>0</v>
      </c>
    </row>
    <row r="56604" spans="1:7" x14ac:dyDescent="0.3">
      <c r="A56604" s="13" t="s">
        <v>309</v>
      </c>
      <c r="B56604" s="14" t="s">
        <v>1</v>
      </c>
      <c r="C56604" s="14" t="s">
        <v>51</v>
      </c>
      <c r="D56604" s="14" t="s">
        <v>39</v>
      </c>
      <c r="E56604" s="15">
        <v>45405</v>
      </c>
      <c r="F56604" s="14" t="s">
        <v>15</v>
      </c>
      <c r="G56604" s="16">
        <v>0</v>
      </c>
    </row>
    <row r="56605" spans="1:7" x14ac:dyDescent="0.3">
      <c r="A56605" s="13" t="s">
        <v>309</v>
      </c>
      <c r="B56605" s="14" t="s">
        <v>1</v>
      </c>
      <c r="C56605" s="14" t="s">
        <v>51</v>
      </c>
      <c r="D56605" s="14" t="s">
        <v>39</v>
      </c>
      <c r="E56605" s="15">
        <v>45406</v>
      </c>
      <c r="F56605" s="14" t="s">
        <v>15</v>
      </c>
      <c r="G56605" s="16">
        <v>0</v>
      </c>
    </row>
    <row r="56606" spans="1:7" x14ac:dyDescent="0.3">
      <c r="A56606" s="13" t="s">
        <v>309</v>
      </c>
      <c r="B56606" s="14" t="s">
        <v>1</v>
      </c>
      <c r="C56606" s="14" t="s">
        <v>51</v>
      </c>
      <c r="D56606" s="14" t="s">
        <v>39</v>
      </c>
      <c r="E56606" s="15">
        <v>45407</v>
      </c>
      <c r="F56606" s="14" t="s">
        <v>15</v>
      </c>
      <c r="G56606" s="16">
        <v>0</v>
      </c>
    </row>
    <row r="56607" spans="1:7" x14ac:dyDescent="0.3">
      <c r="A56607" s="13" t="s">
        <v>309</v>
      </c>
      <c r="B56607" s="14" t="s">
        <v>1</v>
      </c>
      <c r="C56607" s="14" t="s">
        <v>51</v>
      </c>
      <c r="D56607" s="14" t="s">
        <v>39</v>
      </c>
      <c r="E56607" s="15">
        <v>45408</v>
      </c>
      <c r="F56607" s="14" t="s">
        <v>15</v>
      </c>
      <c r="G56607" s="16">
        <v>0</v>
      </c>
    </row>
    <row r="56608" spans="1:7" x14ac:dyDescent="0.3">
      <c r="A56608" s="13" t="s">
        <v>309</v>
      </c>
      <c r="B56608" s="14" t="s">
        <v>1</v>
      </c>
      <c r="C56608" s="14" t="s">
        <v>51</v>
      </c>
      <c r="D56608" s="14" t="s">
        <v>39</v>
      </c>
      <c r="E56608" s="15">
        <v>45409</v>
      </c>
      <c r="F56608" s="14" t="s">
        <v>15</v>
      </c>
      <c r="G56608" s="16">
        <v>0</v>
      </c>
    </row>
    <row r="56609" spans="1:7" x14ac:dyDescent="0.3">
      <c r="A56609" s="13" t="s">
        <v>309</v>
      </c>
      <c r="B56609" s="14" t="s">
        <v>1</v>
      </c>
      <c r="C56609" s="14" t="s">
        <v>51</v>
      </c>
      <c r="D56609" s="14" t="s">
        <v>39</v>
      </c>
      <c r="E56609" s="15">
        <v>45410</v>
      </c>
      <c r="F56609" s="14" t="s">
        <v>15</v>
      </c>
      <c r="G56609" s="16">
        <v>0</v>
      </c>
    </row>
    <row r="56610" spans="1:7" x14ac:dyDescent="0.3">
      <c r="A56610" s="13" t="s">
        <v>309</v>
      </c>
      <c r="B56610" s="14" t="s">
        <v>1</v>
      </c>
      <c r="C56610" s="14" t="s">
        <v>51</v>
      </c>
      <c r="D56610" s="14" t="s">
        <v>39</v>
      </c>
      <c r="E56610" s="15">
        <v>45411</v>
      </c>
      <c r="F56610" s="14" t="s">
        <v>15</v>
      </c>
      <c r="G56610" s="16">
        <v>0</v>
      </c>
    </row>
    <row r="56611" spans="1:7" x14ac:dyDescent="0.3">
      <c r="A56611" s="13" t="s">
        <v>309</v>
      </c>
      <c r="B56611" s="14" t="s">
        <v>1</v>
      </c>
      <c r="C56611" s="14" t="s">
        <v>51</v>
      </c>
      <c r="D56611" s="14" t="s">
        <v>39</v>
      </c>
      <c r="E56611" s="15">
        <v>45412</v>
      </c>
      <c r="F56611" s="14" t="s">
        <v>15</v>
      </c>
      <c r="G56611" s="16">
        <v>0</v>
      </c>
    </row>
    <row r="56612" spans="1:7" x14ac:dyDescent="0.3">
      <c r="A56612" s="13" t="s">
        <v>309</v>
      </c>
      <c r="B56612" s="14" t="s">
        <v>1</v>
      </c>
      <c r="C56612" s="14" t="s">
        <v>51</v>
      </c>
      <c r="D56612" s="14" t="s">
        <v>39</v>
      </c>
      <c r="E56612" s="15">
        <v>45413</v>
      </c>
      <c r="F56612" s="14" t="s">
        <v>15</v>
      </c>
      <c r="G56612" s="16">
        <v>0</v>
      </c>
    </row>
    <row r="56613" spans="1:7" x14ac:dyDescent="0.3">
      <c r="A56613" s="13" t="s">
        <v>309</v>
      </c>
      <c r="B56613" s="14" t="s">
        <v>1</v>
      </c>
      <c r="C56613" s="14" t="s">
        <v>51</v>
      </c>
      <c r="D56613" s="14" t="s">
        <v>39</v>
      </c>
      <c r="E56613" s="15">
        <v>45414</v>
      </c>
      <c r="F56613" s="14" t="s">
        <v>15</v>
      </c>
      <c r="G56613" s="16">
        <v>0</v>
      </c>
    </row>
    <row r="56614" spans="1:7" x14ac:dyDescent="0.3">
      <c r="A56614" s="13" t="s">
        <v>309</v>
      </c>
      <c r="B56614" s="14" t="s">
        <v>1</v>
      </c>
      <c r="C56614" s="14" t="s">
        <v>51</v>
      </c>
      <c r="D56614" s="14" t="s">
        <v>39</v>
      </c>
      <c r="E56614" s="15">
        <v>45415</v>
      </c>
      <c r="F56614" s="14" t="s">
        <v>15</v>
      </c>
      <c r="G56614" s="16">
        <v>0</v>
      </c>
    </row>
    <row r="56615" spans="1:7" x14ac:dyDescent="0.3">
      <c r="A56615" s="13" t="s">
        <v>309</v>
      </c>
      <c r="B56615" s="14" t="s">
        <v>1</v>
      </c>
      <c r="C56615" s="14" t="s">
        <v>51</v>
      </c>
      <c r="D56615" s="14" t="s">
        <v>39</v>
      </c>
      <c r="E56615" s="15">
        <v>45416</v>
      </c>
      <c r="F56615" s="14" t="s">
        <v>15</v>
      </c>
      <c r="G56615" s="16">
        <v>0</v>
      </c>
    </row>
    <row r="56616" spans="1:7" x14ac:dyDescent="0.3">
      <c r="A56616" s="13" t="s">
        <v>309</v>
      </c>
      <c r="B56616" s="14" t="s">
        <v>1</v>
      </c>
      <c r="C56616" s="14" t="s">
        <v>51</v>
      </c>
      <c r="D56616" s="14" t="s">
        <v>39</v>
      </c>
      <c r="E56616" s="15">
        <v>45417</v>
      </c>
      <c r="F56616" s="14" t="s">
        <v>15</v>
      </c>
      <c r="G56616" s="16">
        <v>0</v>
      </c>
    </row>
    <row r="56617" spans="1:7" x14ac:dyDescent="0.3">
      <c r="A56617" s="13" t="s">
        <v>309</v>
      </c>
      <c r="B56617" s="14" t="s">
        <v>1</v>
      </c>
      <c r="C56617" s="14" t="s">
        <v>51</v>
      </c>
      <c r="D56617" s="14" t="s">
        <v>39</v>
      </c>
      <c r="E56617" s="15">
        <v>45418</v>
      </c>
      <c r="F56617" s="14" t="s">
        <v>15</v>
      </c>
      <c r="G56617" s="16">
        <v>0</v>
      </c>
    </row>
    <row r="56618" spans="1:7" x14ac:dyDescent="0.3">
      <c r="A56618" s="13" t="s">
        <v>309</v>
      </c>
      <c r="B56618" s="14" t="s">
        <v>1</v>
      </c>
      <c r="C56618" s="14" t="s">
        <v>51</v>
      </c>
      <c r="D56618" s="14" t="s">
        <v>39</v>
      </c>
      <c r="E56618" s="15">
        <v>45419</v>
      </c>
      <c r="F56618" s="14" t="s">
        <v>15</v>
      </c>
      <c r="G56618" s="16">
        <v>0</v>
      </c>
    </row>
    <row r="56619" spans="1:7" x14ac:dyDescent="0.3">
      <c r="A56619" s="13" t="s">
        <v>309</v>
      </c>
      <c r="B56619" s="14" t="s">
        <v>1</v>
      </c>
      <c r="C56619" s="14" t="s">
        <v>51</v>
      </c>
      <c r="D56619" s="14" t="s">
        <v>39</v>
      </c>
      <c r="E56619" s="15">
        <v>45420</v>
      </c>
      <c r="F56619" s="14" t="s">
        <v>15</v>
      </c>
      <c r="G56619" s="16">
        <v>0</v>
      </c>
    </row>
    <row r="56620" spans="1:7" x14ac:dyDescent="0.3">
      <c r="A56620" s="13" t="s">
        <v>309</v>
      </c>
      <c r="B56620" s="14" t="s">
        <v>1</v>
      </c>
      <c r="C56620" s="14" t="s">
        <v>51</v>
      </c>
      <c r="D56620" s="14" t="s">
        <v>39</v>
      </c>
      <c r="E56620" s="15">
        <v>45421</v>
      </c>
      <c r="F56620" s="14" t="s">
        <v>15</v>
      </c>
      <c r="G56620" s="16">
        <v>0</v>
      </c>
    </row>
    <row r="56621" spans="1:7" x14ac:dyDescent="0.3">
      <c r="A56621" s="13" t="s">
        <v>309</v>
      </c>
      <c r="B56621" s="14" t="s">
        <v>1</v>
      </c>
      <c r="C56621" s="14" t="s">
        <v>51</v>
      </c>
      <c r="D56621" s="14" t="s">
        <v>39</v>
      </c>
      <c r="E56621" s="15">
        <v>45422</v>
      </c>
      <c r="F56621" s="14" t="s">
        <v>15</v>
      </c>
      <c r="G56621" s="16">
        <v>0</v>
      </c>
    </row>
    <row r="56622" spans="1:7" x14ac:dyDescent="0.3">
      <c r="A56622" s="13" t="s">
        <v>309</v>
      </c>
      <c r="B56622" s="14" t="s">
        <v>1</v>
      </c>
      <c r="C56622" s="14" t="s">
        <v>51</v>
      </c>
      <c r="D56622" s="14" t="s">
        <v>39</v>
      </c>
      <c r="E56622" s="15">
        <v>45423</v>
      </c>
      <c r="F56622" s="14" t="s">
        <v>15</v>
      </c>
      <c r="G56622" s="16">
        <v>0</v>
      </c>
    </row>
    <row r="56623" spans="1:7" x14ac:dyDescent="0.3">
      <c r="A56623" s="13" t="s">
        <v>309</v>
      </c>
      <c r="B56623" s="14" t="s">
        <v>1</v>
      </c>
      <c r="C56623" s="14" t="s">
        <v>51</v>
      </c>
      <c r="D56623" s="14" t="s">
        <v>39</v>
      </c>
      <c r="E56623" s="15">
        <v>45424</v>
      </c>
      <c r="F56623" s="14" t="s">
        <v>15</v>
      </c>
      <c r="G56623" s="16">
        <v>0</v>
      </c>
    </row>
    <row r="56624" spans="1:7" x14ac:dyDescent="0.3">
      <c r="A56624" s="13" t="s">
        <v>309</v>
      </c>
      <c r="B56624" s="14" t="s">
        <v>1</v>
      </c>
      <c r="C56624" s="14" t="s">
        <v>51</v>
      </c>
      <c r="D56624" s="14" t="s">
        <v>39</v>
      </c>
      <c r="E56624" s="15">
        <v>45425</v>
      </c>
      <c r="F56624" s="14" t="s">
        <v>15</v>
      </c>
      <c r="G56624" s="16">
        <v>0</v>
      </c>
    </row>
    <row r="56625" spans="1:7" x14ac:dyDescent="0.3">
      <c r="A56625" s="13" t="s">
        <v>309</v>
      </c>
      <c r="B56625" s="14" t="s">
        <v>1</v>
      </c>
      <c r="C56625" s="14" t="s">
        <v>51</v>
      </c>
      <c r="D56625" s="14" t="s">
        <v>39</v>
      </c>
      <c r="E56625" s="15">
        <v>45426</v>
      </c>
      <c r="F56625" s="14" t="s">
        <v>15</v>
      </c>
      <c r="G56625" s="16">
        <v>0</v>
      </c>
    </row>
    <row r="56626" spans="1:7" x14ac:dyDescent="0.3">
      <c r="A56626" s="13" t="s">
        <v>309</v>
      </c>
      <c r="B56626" s="14" t="s">
        <v>1</v>
      </c>
      <c r="C56626" s="14" t="s">
        <v>51</v>
      </c>
      <c r="D56626" s="14" t="s">
        <v>39</v>
      </c>
      <c r="E56626" s="15">
        <v>45427</v>
      </c>
      <c r="F56626" s="14" t="s">
        <v>15</v>
      </c>
      <c r="G56626" s="16">
        <v>0</v>
      </c>
    </row>
    <row r="56627" spans="1:7" x14ac:dyDescent="0.3">
      <c r="A56627" s="13" t="s">
        <v>309</v>
      </c>
      <c r="B56627" s="14" t="s">
        <v>1</v>
      </c>
      <c r="C56627" s="14" t="s">
        <v>51</v>
      </c>
      <c r="D56627" s="14" t="s">
        <v>39</v>
      </c>
      <c r="E56627" s="15">
        <v>45428</v>
      </c>
      <c r="F56627" s="14" t="s">
        <v>15</v>
      </c>
      <c r="G56627" s="16">
        <v>0</v>
      </c>
    </row>
    <row r="56628" spans="1:7" x14ac:dyDescent="0.3">
      <c r="A56628" s="13" t="s">
        <v>309</v>
      </c>
      <c r="B56628" s="14" t="s">
        <v>1</v>
      </c>
      <c r="C56628" s="14" t="s">
        <v>51</v>
      </c>
      <c r="D56628" s="14" t="s">
        <v>39</v>
      </c>
      <c r="E56628" s="15">
        <v>45429</v>
      </c>
      <c r="F56628" s="14" t="s">
        <v>15</v>
      </c>
      <c r="G56628" s="16">
        <v>0</v>
      </c>
    </row>
    <row r="56629" spans="1:7" x14ac:dyDescent="0.3">
      <c r="A56629" s="13" t="s">
        <v>309</v>
      </c>
      <c r="B56629" s="14" t="s">
        <v>1</v>
      </c>
      <c r="C56629" s="14" t="s">
        <v>51</v>
      </c>
      <c r="D56629" s="14" t="s">
        <v>39</v>
      </c>
      <c r="E56629" s="15">
        <v>45430</v>
      </c>
      <c r="F56629" s="14" t="s">
        <v>15</v>
      </c>
      <c r="G56629" s="16">
        <v>0</v>
      </c>
    </row>
    <row r="56630" spans="1:7" x14ac:dyDescent="0.3">
      <c r="A56630" s="13" t="s">
        <v>309</v>
      </c>
      <c r="B56630" s="14" t="s">
        <v>1</v>
      </c>
      <c r="C56630" s="14" t="s">
        <v>51</v>
      </c>
      <c r="D56630" s="14" t="s">
        <v>39</v>
      </c>
      <c r="E56630" s="15">
        <v>45431</v>
      </c>
      <c r="F56630" s="14" t="s">
        <v>15</v>
      </c>
      <c r="G56630" s="16">
        <v>0</v>
      </c>
    </row>
    <row r="56631" spans="1:7" x14ac:dyDescent="0.3">
      <c r="A56631" s="13" t="s">
        <v>309</v>
      </c>
      <c r="B56631" s="14" t="s">
        <v>1</v>
      </c>
      <c r="C56631" s="14" t="s">
        <v>51</v>
      </c>
      <c r="D56631" s="14" t="s">
        <v>39</v>
      </c>
      <c r="E56631" s="15">
        <v>45432</v>
      </c>
      <c r="F56631" s="14" t="s">
        <v>15</v>
      </c>
      <c r="G56631" s="16">
        <v>0</v>
      </c>
    </row>
    <row r="56632" spans="1:7" x14ac:dyDescent="0.3">
      <c r="A56632" s="13" t="s">
        <v>309</v>
      </c>
      <c r="B56632" s="14" t="s">
        <v>1</v>
      </c>
      <c r="C56632" s="14" t="s">
        <v>51</v>
      </c>
      <c r="D56632" s="14" t="s">
        <v>39</v>
      </c>
      <c r="E56632" s="15">
        <v>45433</v>
      </c>
      <c r="F56632" s="14" t="s">
        <v>15</v>
      </c>
      <c r="G56632" s="16">
        <v>0</v>
      </c>
    </row>
    <row r="56633" spans="1:7" x14ac:dyDescent="0.3">
      <c r="A56633" s="13" t="s">
        <v>309</v>
      </c>
      <c r="B56633" s="14" t="s">
        <v>1</v>
      </c>
      <c r="C56633" s="14" t="s">
        <v>51</v>
      </c>
      <c r="D56633" s="14" t="s">
        <v>39</v>
      </c>
      <c r="E56633" s="15">
        <v>45434</v>
      </c>
      <c r="F56633" s="14" t="s">
        <v>15</v>
      </c>
      <c r="G56633" s="16">
        <v>0</v>
      </c>
    </row>
    <row r="56634" spans="1:7" x14ac:dyDescent="0.3">
      <c r="A56634" s="13" t="s">
        <v>309</v>
      </c>
      <c r="B56634" s="14" t="s">
        <v>1</v>
      </c>
      <c r="C56634" s="14" t="s">
        <v>51</v>
      </c>
      <c r="D56634" s="14" t="s">
        <v>39</v>
      </c>
      <c r="E56634" s="15">
        <v>45435</v>
      </c>
      <c r="F56634" s="14" t="s">
        <v>15</v>
      </c>
      <c r="G56634" s="16">
        <v>0</v>
      </c>
    </row>
    <row r="56635" spans="1:7" x14ac:dyDescent="0.3">
      <c r="A56635" s="13" t="s">
        <v>309</v>
      </c>
      <c r="B56635" s="14" t="s">
        <v>1</v>
      </c>
      <c r="C56635" s="14" t="s">
        <v>51</v>
      </c>
      <c r="D56635" s="14" t="s">
        <v>39</v>
      </c>
      <c r="E56635" s="15">
        <v>45436</v>
      </c>
      <c r="F56635" s="14" t="s">
        <v>15</v>
      </c>
      <c r="G56635" s="16">
        <v>0</v>
      </c>
    </row>
    <row r="56636" spans="1:7" x14ac:dyDescent="0.3">
      <c r="A56636" s="13" t="s">
        <v>309</v>
      </c>
      <c r="B56636" s="14" t="s">
        <v>1</v>
      </c>
      <c r="C56636" s="14" t="s">
        <v>51</v>
      </c>
      <c r="D56636" s="14" t="s">
        <v>39</v>
      </c>
      <c r="E56636" s="15">
        <v>45437</v>
      </c>
      <c r="F56636" s="14" t="s">
        <v>15</v>
      </c>
      <c r="G56636" s="16">
        <v>0</v>
      </c>
    </row>
    <row r="56637" spans="1:7" x14ac:dyDescent="0.3">
      <c r="A56637" s="13" t="s">
        <v>309</v>
      </c>
      <c r="B56637" s="14" t="s">
        <v>1</v>
      </c>
      <c r="C56637" s="14" t="s">
        <v>51</v>
      </c>
      <c r="D56637" s="14" t="s">
        <v>39</v>
      </c>
      <c r="E56637" s="15">
        <v>45438</v>
      </c>
      <c r="F56637" s="14" t="s">
        <v>15</v>
      </c>
      <c r="G56637" s="16">
        <v>0</v>
      </c>
    </row>
    <row r="56638" spans="1:7" x14ac:dyDescent="0.3">
      <c r="A56638" s="13" t="s">
        <v>309</v>
      </c>
      <c r="B56638" s="14" t="s">
        <v>1</v>
      </c>
      <c r="C56638" s="14" t="s">
        <v>51</v>
      </c>
      <c r="D56638" s="14" t="s">
        <v>39</v>
      </c>
      <c r="E56638" s="15">
        <v>45439</v>
      </c>
      <c r="F56638" s="14" t="s">
        <v>15</v>
      </c>
      <c r="G56638" s="16">
        <v>0</v>
      </c>
    </row>
    <row r="56639" spans="1:7" x14ac:dyDescent="0.3">
      <c r="A56639" s="13" t="s">
        <v>309</v>
      </c>
      <c r="B56639" s="14" t="s">
        <v>1</v>
      </c>
      <c r="C56639" s="14" t="s">
        <v>51</v>
      </c>
      <c r="D56639" s="14" t="s">
        <v>39</v>
      </c>
      <c r="E56639" s="15">
        <v>45440</v>
      </c>
      <c r="F56639" s="14" t="s">
        <v>15</v>
      </c>
      <c r="G56639" s="16">
        <v>0</v>
      </c>
    </row>
    <row r="56640" spans="1:7" x14ac:dyDescent="0.3">
      <c r="A56640" s="13" t="s">
        <v>309</v>
      </c>
      <c r="B56640" s="14" t="s">
        <v>1</v>
      </c>
      <c r="C56640" s="14" t="s">
        <v>51</v>
      </c>
      <c r="D56640" s="14" t="s">
        <v>39</v>
      </c>
      <c r="E56640" s="15">
        <v>45441</v>
      </c>
      <c r="F56640" s="14" t="s">
        <v>15</v>
      </c>
      <c r="G56640" s="16">
        <v>0</v>
      </c>
    </row>
    <row r="56641" spans="1:7" x14ac:dyDescent="0.3">
      <c r="A56641" s="13" t="s">
        <v>309</v>
      </c>
      <c r="B56641" s="14" t="s">
        <v>1</v>
      </c>
      <c r="C56641" s="14" t="s">
        <v>51</v>
      </c>
      <c r="D56641" s="14" t="s">
        <v>39</v>
      </c>
      <c r="E56641" s="15">
        <v>45442</v>
      </c>
      <c r="F56641" s="14" t="s">
        <v>15</v>
      </c>
      <c r="G56641" s="16">
        <v>0</v>
      </c>
    </row>
    <row r="56642" spans="1:7" x14ac:dyDescent="0.3">
      <c r="A56642" s="13" t="s">
        <v>309</v>
      </c>
      <c r="B56642" s="14" t="s">
        <v>1</v>
      </c>
      <c r="C56642" s="14" t="s">
        <v>51</v>
      </c>
      <c r="D56642" s="14" t="s">
        <v>39</v>
      </c>
      <c r="E56642" s="15">
        <v>45443</v>
      </c>
      <c r="F56642" s="14" t="s">
        <v>15</v>
      </c>
      <c r="G56642" s="16">
        <v>0</v>
      </c>
    </row>
    <row r="56643" spans="1:7" x14ac:dyDescent="0.3">
      <c r="A56643" s="13" t="s">
        <v>309</v>
      </c>
      <c r="B56643" s="14" t="s">
        <v>1</v>
      </c>
      <c r="C56643" s="14" t="s">
        <v>51</v>
      </c>
      <c r="D56643" s="14" t="s">
        <v>39</v>
      </c>
      <c r="E56643" s="15">
        <v>45444</v>
      </c>
      <c r="F56643" s="14" t="s">
        <v>15</v>
      </c>
      <c r="G56643" s="16">
        <v>0</v>
      </c>
    </row>
    <row r="56644" spans="1:7" x14ac:dyDescent="0.3">
      <c r="A56644" s="13" t="s">
        <v>309</v>
      </c>
      <c r="B56644" s="14" t="s">
        <v>1</v>
      </c>
      <c r="C56644" s="14" t="s">
        <v>51</v>
      </c>
      <c r="D56644" s="14" t="s">
        <v>39</v>
      </c>
      <c r="E56644" s="15">
        <v>45445</v>
      </c>
      <c r="F56644" s="14" t="s">
        <v>15</v>
      </c>
      <c r="G56644" s="16">
        <v>0</v>
      </c>
    </row>
    <row r="56645" spans="1:7" x14ac:dyDescent="0.3">
      <c r="A56645" s="13" t="s">
        <v>309</v>
      </c>
      <c r="B56645" s="14" t="s">
        <v>1</v>
      </c>
      <c r="C56645" s="14" t="s">
        <v>51</v>
      </c>
      <c r="D56645" s="14" t="s">
        <v>39</v>
      </c>
      <c r="E56645" s="15">
        <v>45446</v>
      </c>
      <c r="F56645" s="14" t="s">
        <v>15</v>
      </c>
      <c r="G56645" s="16">
        <v>0</v>
      </c>
    </row>
    <row r="56646" spans="1:7" x14ac:dyDescent="0.3">
      <c r="A56646" s="13" t="s">
        <v>309</v>
      </c>
      <c r="B56646" s="14" t="s">
        <v>1</v>
      </c>
      <c r="C56646" s="14" t="s">
        <v>51</v>
      </c>
      <c r="D56646" s="14" t="s">
        <v>39</v>
      </c>
      <c r="E56646" s="15">
        <v>45447</v>
      </c>
      <c r="F56646" s="14" t="s">
        <v>15</v>
      </c>
      <c r="G56646" s="16">
        <v>0</v>
      </c>
    </row>
    <row r="56647" spans="1:7" x14ac:dyDescent="0.3">
      <c r="A56647" s="13" t="s">
        <v>309</v>
      </c>
      <c r="B56647" s="14" t="s">
        <v>1</v>
      </c>
      <c r="C56647" s="14" t="s">
        <v>51</v>
      </c>
      <c r="D56647" s="14" t="s">
        <v>39</v>
      </c>
      <c r="E56647" s="15">
        <v>45448</v>
      </c>
      <c r="F56647" s="14" t="s">
        <v>15</v>
      </c>
      <c r="G56647" s="16">
        <v>0</v>
      </c>
    </row>
    <row r="56648" spans="1:7" x14ac:dyDescent="0.3">
      <c r="A56648" s="13" t="s">
        <v>309</v>
      </c>
      <c r="B56648" s="14" t="s">
        <v>1</v>
      </c>
      <c r="C56648" s="14" t="s">
        <v>51</v>
      </c>
      <c r="D56648" s="14" t="s">
        <v>39</v>
      </c>
      <c r="E56648" s="15">
        <v>45449</v>
      </c>
      <c r="F56648" s="14" t="s">
        <v>15</v>
      </c>
      <c r="G56648" s="16">
        <v>0</v>
      </c>
    </row>
    <row r="56649" spans="1:7" x14ac:dyDescent="0.3">
      <c r="A56649" s="13" t="s">
        <v>309</v>
      </c>
      <c r="B56649" s="14" t="s">
        <v>1</v>
      </c>
      <c r="C56649" s="14" t="s">
        <v>51</v>
      </c>
      <c r="D56649" s="14" t="s">
        <v>39</v>
      </c>
      <c r="E56649" s="15">
        <v>45450</v>
      </c>
      <c r="F56649" s="14" t="s">
        <v>15</v>
      </c>
      <c r="G56649" s="16">
        <v>0</v>
      </c>
    </row>
    <row r="56650" spans="1:7" x14ac:dyDescent="0.3">
      <c r="A56650" s="13" t="s">
        <v>309</v>
      </c>
      <c r="B56650" s="14" t="s">
        <v>1</v>
      </c>
      <c r="C56650" s="14" t="s">
        <v>51</v>
      </c>
      <c r="D56650" s="14" t="s">
        <v>39</v>
      </c>
      <c r="E56650" s="15">
        <v>45451</v>
      </c>
      <c r="F56650" s="14" t="s">
        <v>15</v>
      </c>
      <c r="G56650" s="16">
        <v>0</v>
      </c>
    </row>
    <row r="56651" spans="1:7" x14ac:dyDescent="0.3">
      <c r="A56651" s="13" t="s">
        <v>309</v>
      </c>
      <c r="B56651" s="14" t="s">
        <v>1</v>
      </c>
      <c r="C56651" s="14" t="s">
        <v>51</v>
      </c>
      <c r="D56651" s="14" t="s">
        <v>39</v>
      </c>
      <c r="E56651" s="15">
        <v>45452</v>
      </c>
      <c r="F56651" s="14" t="s">
        <v>15</v>
      </c>
      <c r="G56651" s="16">
        <v>0</v>
      </c>
    </row>
    <row r="56652" spans="1:7" x14ac:dyDescent="0.3">
      <c r="A56652" s="13" t="s">
        <v>309</v>
      </c>
      <c r="B56652" s="14" t="s">
        <v>1</v>
      </c>
      <c r="C56652" s="14" t="s">
        <v>51</v>
      </c>
      <c r="D56652" s="14" t="s">
        <v>39</v>
      </c>
      <c r="E56652" s="15">
        <v>45453</v>
      </c>
      <c r="F56652" s="14" t="s">
        <v>15</v>
      </c>
      <c r="G56652" s="16">
        <v>0</v>
      </c>
    </row>
    <row r="56653" spans="1:7" x14ac:dyDescent="0.3">
      <c r="A56653" s="13" t="s">
        <v>309</v>
      </c>
      <c r="B56653" s="14" t="s">
        <v>1</v>
      </c>
      <c r="C56653" s="14" t="s">
        <v>51</v>
      </c>
      <c r="D56653" s="14" t="s">
        <v>39</v>
      </c>
      <c r="E56653" s="15">
        <v>45454</v>
      </c>
      <c r="F56653" s="14" t="s">
        <v>15</v>
      </c>
      <c r="G56653" s="16">
        <v>0</v>
      </c>
    </row>
    <row r="56654" spans="1:7" x14ac:dyDescent="0.3">
      <c r="A56654" s="13" t="s">
        <v>309</v>
      </c>
      <c r="B56654" s="14" t="s">
        <v>1</v>
      </c>
      <c r="C56654" s="14" t="s">
        <v>51</v>
      </c>
      <c r="D56654" s="14" t="s">
        <v>39</v>
      </c>
      <c r="E56654" s="15">
        <v>45455</v>
      </c>
      <c r="F56654" s="14" t="s">
        <v>15</v>
      </c>
      <c r="G56654" s="16">
        <v>0</v>
      </c>
    </row>
    <row r="56655" spans="1:7" x14ac:dyDescent="0.3">
      <c r="A56655" s="13" t="s">
        <v>309</v>
      </c>
      <c r="B56655" s="14" t="s">
        <v>1</v>
      </c>
      <c r="C56655" s="14" t="s">
        <v>51</v>
      </c>
      <c r="D56655" s="14" t="s">
        <v>39</v>
      </c>
      <c r="E56655" s="15">
        <v>45456</v>
      </c>
      <c r="F56655" s="14" t="s">
        <v>15</v>
      </c>
      <c r="G56655" s="16">
        <v>0</v>
      </c>
    </row>
    <row r="56656" spans="1:7" x14ac:dyDescent="0.3">
      <c r="A56656" s="13" t="s">
        <v>309</v>
      </c>
      <c r="B56656" s="14" t="s">
        <v>1</v>
      </c>
      <c r="C56656" s="14" t="s">
        <v>51</v>
      </c>
      <c r="D56656" s="14" t="s">
        <v>39</v>
      </c>
      <c r="E56656" s="15">
        <v>45457</v>
      </c>
      <c r="F56656" s="14" t="s">
        <v>15</v>
      </c>
      <c r="G56656" s="16">
        <v>0</v>
      </c>
    </row>
    <row r="56657" spans="1:7" x14ac:dyDescent="0.3">
      <c r="A56657" s="13" t="s">
        <v>309</v>
      </c>
      <c r="B56657" s="14" t="s">
        <v>1</v>
      </c>
      <c r="C56657" s="14" t="s">
        <v>51</v>
      </c>
      <c r="D56657" s="14" t="s">
        <v>39</v>
      </c>
      <c r="E56657" s="15">
        <v>45458</v>
      </c>
      <c r="F56657" s="14" t="s">
        <v>15</v>
      </c>
      <c r="G56657" s="16">
        <v>0</v>
      </c>
    </row>
    <row r="56658" spans="1:7" x14ac:dyDescent="0.3">
      <c r="A56658" s="13" t="s">
        <v>309</v>
      </c>
      <c r="B56658" s="14" t="s">
        <v>1</v>
      </c>
      <c r="C56658" s="14" t="s">
        <v>51</v>
      </c>
      <c r="D56658" s="14" t="s">
        <v>39</v>
      </c>
      <c r="E56658" s="15">
        <v>45459</v>
      </c>
      <c r="F56658" s="14" t="s">
        <v>15</v>
      </c>
      <c r="G56658" s="16">
        <v>0</v>
      </c>
    </row>
    <row r="56659" spans="1:7" x14ac:dyDescent="0.3">
      <c r="A56659" s="13" t="s">
        <v>309</v>
      </c>
      <c r="B56659" s="14" t="s">
        <v>1</v>
      </c>
      <c r="C56659" s="14" t="s">
        <v>51</v>
      </c>
      <c r="D56659" s="14" t="s">
        <v>39</v>
      </c>
      <c r="E56659" s="15">
        <v>45460</v>
      </c>
      <c r="F56659" s="14" t="s">
        <v>15</v>
      </c>
      <c r="G56659" s="16">
        <v>0</v>
      </c>
    </row>
    <row r="56660" spans="1:7" x14ac:dyDescent="0.3">
      <c r="A56660" s="13" t="s">
        <v>309</v>
      </c>
      <c r="B56660" s="14" t="s">
        <v>1</v>
      </c>
      <c r="C56660" s="14" t="s">
        <v>51</v>
      </c>
      <c r="D56660" s="14" t="s">
        <v>39</v>
      </c>
      <c r="E56660" s="15">
        <v>45461</v>
      </c>
      <c r="F56660" s="14" t="s">
        <v>15</v>
      </c>
      <c r="G56660" s="16">
        <v>0</v>
      </c>
    </row>
    <row r="56661" spans="1:7" x14ac:dyDescent="0.3">
      <c r="A56661" s="13" t="s">
        <v>309</v>
      </c>
      <c r="B56661" s="14" t="s">
        <v>1</v>
      </c>
      <c r="C56661" s="14" t="s">
        <v>51</v>
      </c>
      <c r="D56661" s="14" t="s">
        <v>39</v>
      </c>
      <c r="E56661" s="15">
        <v>45462</v>
      </c>
      <c r="F56661" s="14" t="s">
        <v>15</v>
      </c>
      <c r="G56661" s="16">
        <v>0</v>
      </c>
    </row>
    <row r="56662" spans="1:7" x14ac:dyDescent="0.3">
      <c r="A56662" s="13" t="s">
        <v>309</v>
      </c>
      <c r="B56662" s="14" t="s">
        <v>1</v>
      </c>
      <c r="C56662" s="14" t="s">
        <v>51</v>
      </c>
      <c r="D56662" s="14" t="s">
        <v>39</v>
      </c>
      <c r="E56662" s="15">
        <v>45463</v>
      </c>
      <c r="F56662" s="14" t="s">
        <v>15</v>
      </c>
      <c r="G56662" s="16">
        <v>0</v>
      </c>
    </row>
    <row r="56663" spans="1:7" x14ac:dyDescent="0.3">
      <c r="A56663" s="13" t="s">
        <v>309</v>
      </c>
      <c r="B56663" s="14" t="s">
        <v>1</v>
      </c>
      <c r="C56663" s="14" t="s">
        <v>51</v>
      </c>
      <c r="D56663" s="14" t="s">
        <v>39</v>
      </c>
      <c r="E56663" s="15">
        <v>45464</v>
      </c>
      <c r="F56663" s="14" t="s">
        <v>15</v>
      </c>
      <c r="G56663" s="16">
        <v>0</v>
      </c>
    </row>
    <row r="56664" spans="1:7" x14ac:dyDescent="0.3">
      <c r="A56664" s="13" t="s">
        <v>309</v>
      </c>
      <c r="B56664" s="14" t="s">
        <v>1</v>
      </c>
      <c r="C56664" s="14" t="s">
        <v>51</v>
      </c>
      <c r="D56664" s="14" t="s">
        <v>39</v>
      </c>
      <c r="E56664" s="15">
        <v>45465</v>
      </c>
      <c r="F56664" s="14" t="s">
        <v>15</v>
      </c>
      <c r="G56664" s="16">
        <v>0</v>
      </c>
    </row>
    <row r="56665" spans="1:7" x14ac:dyDescent="0.3">
      <c r="A56665" s="13" t="s">
        <v>309</v>
      </c>
      <c r="B56665" s="14" t="s">
        <v>1</v>
      </c>
      <c r="C56665" s="14" t="s">
        <v>51</v>
      </c>
      <c r="D56665" s="14" t="s">
        <v>39</v>
      </c>
      <c r="E56665" s="15">
        <v>45466</v>
      </c>
      <c r="F56665" s="14" t="s">
        <v>15</v>
      </c>
      <c r="G56665" s="16">
        <v>0</v>
      </c>
    </row>
    <row r="56666" spans="1:7" x14ac:dyDescent="0.3">
      <c r="A56666" s="13" t="s">
        <v>309</v>
      </c>
      <c r="B56666" s="14" t="s">
        <v>1</v>
      </c>
      <c r="C56666" s="14" t="s">
        <v>51</v>
      </c>
      <c r="D56666" s="14" t="s">
        <v>39</v>
      </c>
      <c r="E56666" s="15">
        <v>45467</v>
      </c>
      <c r="F56666" s="14" t="s">
        <v>15</v>
      </c>
      <c r="G56666" s="16">
        <v>0</v>
      </c>
    </row>
    <row r="56667" spans="1:7" x14ac:dyDescent="0.3">
      <c r="A56667" s="13" t="s">
        <v>309</v>
      </c>
      <c r="B56667" s="14" t="s">
        <v>1</v>
      </c>
      <c r="C56667" s="14" t="s">
        <v>51</v>
      </c>
      <c r="D56667" s="14" t="s">
        <v>39</v>
      </c>
      <c r="E56667" s="15">
        <v>45468</v>
      </c>
      <c r="F56667" s="14" t="s">
        <v>15</v>
      </c>
      <c r="G56667" s="16">
        <v>0</v>
      </c>
    </row>
    <row r="56668" spans="1:7" x14ac:dyDescent="0.3">
      <c r="A56668" s="13" t="s">
        <v>309</v>
      </c>
      <c r="B56668" s="14" t="s">
        <v>1</v>
      </c>
      <c r="C56668" s="14" t="s">
        <v>51</v>
      </c>
      <c r="D56668" s="14" t="s">
        <v>39</v>
      </c>
      <c r="E56668" s="15">
        <v>45469</v>
      </c>
      <c r="F56668" s="14" t="s">
        <v>15</v>
      </c>
      <c r="G56668" s="16">
        <v>0</v>
      </c>
    </row>
    <row r="56669" spans="1:7" x14ac:dyDescent="0.3">
      <c r="A56669" s="13" t="s">
        <v>309</v>
      </c>
      <c r="B56669" s="14" t="s">
        <v>1</v>
      </c>
      <c r="C56669" s="14" t="s">
        <v>51</v>
      </c>
      <c r="D56669" s="14" t="s">
        <v>39</v>
      </c>
      <c r="E56669" s="15">
        <v>45470</v>
      </c>
      <c r="F56669" s="14" t="s">
        <v>15</v>
      </c>
      <c r="G56669" s="16">
        <v>0</v>
      </c>
    </row>
    <row r="56670" spans="1:7" x14ac:dyDescent="0.3">
      <c r="A56670" s="13" t="s">
        <v>309</v>
      </c>
      <c r="B56670" s="14" t="s">
        <v>1</v>
      </c>
      <c r="C56670" s="14" t="s">
        <v>51</v>
      </c>
      <c r="D56670" s="14" t="s">
        <v>39</v>
      </c>
      <c r="E56670" s="15">
        <v>45471</v>
      </c>
      <c r="F56670" s="14" t="s">
        <v>15</v>
      </c>
      <c r="G56670" s="16">
        <v>0</v>
      </c>
    </row>
    <row r="56671" spans="1:7" x14ac:dyDescent="0.3">
      <c r="A56671" s="13" t="s">
        <v>309</v>
      </c>
      <c r="B56671" s="14" t="s">
        <v>1</v>
      </c>
      <c r="C56671" s="14" t="s">
        <v>51</v>
      </c>
      <c r="D56671" s="14" t="s">
        <v>39</v>
      </c>
      <c r="E56671" s="15">
        <v>45472</v>
      </c>
      <c r="F56671" s="14" t="s">
        <v>15</v>
      </c>
      <c r="G56671" s="16">
        <v>0</v>
      </c>
    </row>
    <row r="56672" spans="1:7" x14ac:dyDescent="0.3">
      <c r="A56672" s="13" t="s">
        <v>309</v>
      </c>
      <c r="B56672" s="14" t="s">
        <v>1</v>
      </c>
      <c r="C56672" s="14" t="s">
        <v>51</v>
      </c>
      <c r="D56672" s="14" t="s">
        <v>39</v>
      </c>
      <c r="E56672" s="15">
        <v>45473</v>
      </c>
      <c r="F56672" s="14" t="s">
        <v>15</v>
      </c>
      <c r="G56672" s="16">
        <v>0</v>
      </c>
    </row>
    <row r="56673" spans="1:7" x14ac:dyDescent="0.3">
      <c r="A56673" s="13" t="s">
        <v>309</v>
      </c>
      <c r="B56673" s="14" t="s">
        <v>1</v>
      </c>
      <c r="C56673" s="14" t="s">
        <v>51</v>
      </c>
      <c r="D56673" s="14" t="s">
        <v>39</v>
      </c>
      <c r="E56673" s="15">
        <v>45474</v>
      </c>
      <c r="F56673" s="14" t="s">
        <v>15</v>
      </c>
      <c r="G56673" s="16">
        <v>0</v>
      </c>
    </row>
    <row r="56674" spans="1:7" x14ac:dyDescent="0.3">
      <c r="A56674" s="13" t="s">
        <v>309</v>
      </c>
      <c r="B56674" s="14" t="s">
        <v>1</v>
      </c>
      <c r="C56674" s="14" t="s">
        <v>51</v>
      </c>
      <c r="D56674" s="14" t="s">
        <v>39</v>
      </c>
      <c r="E56674" s="15">
        <v>45475</v>
      </c>
      <c r="F56674" s="14" t="s">
        <v>15</v>
      </c>
      <c r="G56674" s="16">
        <v>0</v>
      </c>
    </row>
    <row r="56675" spans="1:7" x14ac:dyDescent="0.3">
      <c r="A56675" s="13" t="s">
        <v>309</v>
      </c>
      <c r="B56675" s="14" t="s">
        <v>1</v>
      </c>
      <c r="C56675" s="14" t="s">
        <v>51</v>
      </c>
      <c r="D56675" s="14" t="s">
        <v>39</v>
      </c>
      <c r="E56675" s="15">
        <v>45476</v>
      </c>
      <c r="F56675" s="14" t="s">
        <v>15</v>
      </c>
      <c r="G56675" s="16">
        <v>0</v>
      </c>
    </row>
    <row r="56676" spans="1:7" x14ac:dyDescent="0.3">
      <c r="A56676" s="13" t="s">
        <v>309</v>
      </c>
      <c r="B56676" s="14" t="s">
        <v>1</v>
      </c>
      <c r="C56676" s="14" t="s">
        <v>51</v>
      </c>
      <c r="D56676" s="14" t="s">
        <v>39</v>
      </c>
      <c r="E56676" s="15">
        <v>45477</v>
      </c>
      <c r="F56676" s="14" t="s">
        <v>15</v>
      </c>
      <c r="G56676" s="16">
        <v>0</v>
      </c>
    </row>
    <row r="56677" spans="1:7" x14ac:dyDescent="0.3">
      <c r="A56677" s="13" t="s">
        <v>309</v>
      </c>
      <c r="B56677" s="14" t="s">
        <v>1</v>
      </c>
      <c r="C56677" s="14" t="s">
        <v>51</v>
      </c>
      <c r="D56677" s="14" t="s">
        <v>39</v>
      </c>
      <c r="E56677" s="15">
        <v>45478</v>
      </c>
      <c r="F56677" s="14" t="s">
        <v>15</v>
      </c>
      <c r="G56677" s="16">
        <v>0</v>
      </c>
    </row>
    <row r="56678" spans="1:7" x14ac:dyDescent="0.3">
      <c r="A56678" s="13" t="s">
        <v>309</v>
      </c>
      <c r="B56678" s="14" t="s">
        <v>1</v>
      </c>
      <c r="C56678" s="14" t="s">
        <v>51</v>
      </c>
      <c r="D56678" s="14" t="s">
        <v>39</v>
      </c>
      <c r="E56678" s="15">
        <v>45479</v>
      </c>
      <c r="F56678" s="14" t="s">
        <v>15</v>
      </c>
      <c r="G56678" s="16">
        <v>0</v>
      </c>
    </row>
    <row r="56679" spans="1:7" x14ac:dyDescent="0.3">
      <c r="A56679" s="13" t="s">
        <v>309</v>
      </c>
      <c r="B56679" s="14" t="s">
        <v>1</v>
      </c>
      <c r="C56679" s="14" t="s">
        <v>51</v>
      </c>
      <c r="D56679" s="14" t="s">
        <v>39</v>
      </c>
      <c r="E56679" s="15">
        <v>45480</v>
      </c>
      <c r="F56679" s="14" t="s">
        <v>15</v>
      </c>
      <c r="G56679" s="16">
        <v>0</v>
      </c>
    </row>
    <row r="56680" spans="1:7" x14ac:dyDescent="0.3">
      <c r="A56680" s="13" t="s">
        <v>309</v>
      </c>
      <c r="B56680" s="14" t="s">
        <v>1</v>
      </c>
      <c r="C56680" s="14" t="s">
        <v>51</v>
      </c>
      <c r="D56680" s="14" t="s">
        <v>39</v>
      </c>
      <c r="E56680" s="15">
        <v>45481</v>
      </c>
      <c r="F56680" s="14" t="s">
        <v>15</v>
      </c>
      <c r="G56680" s="16">
        <v>0</v>
      </c>
    </row>
    <row r="56681" spans="1:7" x14ac:dyDescent="0.3">
      <c r="A56681" s="13" t="s">
        <v>309</v>
      </c>
      <c r="B56681" s="14" t="s">
        <v>1</v>
      </c>
      <c r="C56681" s="14" t="s">
        <v>51</v>
      </c>
      <c r="D56681" s="14" t="s">
        <v>39</v>
      </c>
      <c r="E56681" s="15">
        <v>45482</v>
      </c>
      <c r="F56681" s="14" t="s">
        <v>15</v>
      </c>
      <c r="G56681" s="16">
        <v>0</v>
      </c>
    </row>
    <row r="56682" spans="1:7" x14ac:dyDescent="0.3">
      <c r="A56682" s="13" t="s">
        <v>309</v>
      </c>
      <c r="B56682" s="14" t="s">
        <v>1</v>
      </c>
      <c r="C56682" s="14" t="s">
        <v>51</v>
      </c>
      <c r="D56682" s="14" t="s">
        <v>39</v>
      </c>
      <c r="E56682" s="15">
        <v>45483</v>
      </c>
      <c r="F56682" s="14" t="s">
        <v>15</v>
      </c>
      <c r="G56682" s="16">
        <v>0</v>
      </c>
    </row>
    <row r="56683" spans="1:7" x14ac:dyDescent="0.3">
      <c r="A56683" s="13" t="s">
        <v>309</v>
      </c>
      <c r="B56683" s="14" t="s">
        <v>1</v>
      </c>
      <c r="C56683" s="14" t="s">
        <v>51</v>
      </c>
      <c r="D56683" s="14" t="s">
        <v>39</v>
      </c>
      <c r="E56683" s="15">
        <v>45484</v>
      </c>
      <c r="F56683" s="14" t="s">
        <v>15</v>
      </c>
      <c r="G56683" s="16">
        <v>0</v>
      </c>
    </row>
    <row r="56684" spans="1:7" x14ac:dyDescent="0.3">
      <c r="A56684" s="13" t="s">
        <v>309</v>
      </c>
      <c r="B56684" s="14" t="s">
        <v>1</v>
      </c>
      <c r="C56684" s="14" t="s">
        <v>51</v>
      </c>
      <c r="D56684" s="14" t="s">
        <v>39</v>
      </c>
      <c r="E56684" s="15">
        <v>45485</v>
      </c>
      <c r="F56684" s="14" t="s">
        <v>15</v>
      </c>
      <c r="G56684" s="16">
        <v>0</v>
      </c>
    </row>
    <row r="56685" spans="1:7" x14ac:dyDescent="0.3">
      <c r="A56685" s="13" t="s">
        <v>309</v>
      </c>
      <c r="B56685" s="14" t="s">
        <v>1</v>
      </c>
      <c r="C56685" s="14" t="s">
        <v>51</v>
      </c>
      <c r="D56685" s="14" t="s">
        <v>39</v>
      </c>
      <c r="E56685" s="15">
        <v>45486</v>
      </c>
      <c r="F56685" s="14" t="s">
        <v>15</v>
      </c>
      <c r="G56685" s="16">
        <v>0</v>
      </c>
    </row>
    <row r="56686" spans="1:7" x14ac:dyDescent="0.3">
      <c r="A56686" s="13" t="s">
        <v>309</v>
      </c>
      <c r="B56686" s="14" t="s">
        <v>1</v>
      </c>
      <c r="C56686" s="14" t="s">
        <v>51</v>
      </c>
      <c r="D56686" s="14" t="s">
        <v>39</v>
      </c>
      <c r="E56686" s="15">
        <v>45487</v>
      </c>
      <c r="F56686" s="14" t="s">
        <v>15</v>
      </c>
      <c r="G56686" s="16">
        <v>0</v>
      </c>
    </row>
    <row r="56687" spans="1:7" x14ac:dyDescent="0.3">
      <c r="A56687" s="13" t="s">
        <v>309</v>
      </c>
      <c r="B56687" s="14" t="s">
        <v>1</v>
      </c>
      <c r="C56687" s="14" t="s">
        <v>51</v>
      </c>
      <c r="D56687" s="14" t="s">
        <v>39</v>
      </c>
      <c r="E56687" s="15">
        <v>45488</v>
      </c>
      <c r="F56687" s="14" t="s">
        <v>15</v>
      </c>
      <c r="G56687" s="16">
        <v>0</v>
      </c>
    </row>
    <row r="56688" spans="1:7" x14ac:dyDescent="0.3">
      <c r="A56688" s="13" t="s">
        <v>309</v>
      </c>
      <c r="B56688" s="14" t="s">
        <v>1</v>
      </c>
      <c r="C56688" s="14" t="s">
        <v>51</v>
      </c>
      <c r="D56688" s="14" t="s">
        <v>39</v>
      </c>
      <c r="E56688" s="15">
        <v>45489</v>
      </c>
      <c r="F56688" s="14" t="s">
        <v>15</v>
      </c>
      <c r="G56688" s="16">
        <v>0</v>
      </c>
    </row>
    <row r="56689" spans="1:7" x14ac:dyDescent="0.3">
      <c r="A56689" s="13" t="s">
        <v>309</v>
      </c>
      <c r="B56689" s="14" t="s">
        <v>1</v>
      </c>
      <c r="C56689" s="14" t="s">
        <v>51</v>
      </c>
      <c r="D56689" s="14" t="s">
        <v>39</v>
      </c>
      <c r="E56689" s="15">
        <v>45490</v>
      </c>
      <c r="F56689" s="14" t="s">
        <v>15</v>
      </c>
      <c r="G56689" s="16">
        <v>0</v>
      </c>
    </row>
    <row r="56690" spans="1:7" x14ac:dyDescent="0.3">
      <c r="A56690" s="13" t="s">
        <v>309</v>
      </c>
      <c r="B56690" s="14" t="s">
        <v>1</v>
      </c>
      <c r="C56690" s="14" t="s">
        <v>51</v>
      </c>
      <c r="D56690" s="14" t="s">
        <v>39</v>
      </c>
      <c r="E56690" s="15">
        <v>45491</v>
      </c>
      <c r="F56690" s="14" t="s">
        <v>15</v>
      </c>
      <c r="G56690" s="16">
        <v>0</v>
      </c>
    </row>
    <row r="56691" spans="1:7" x14ac:dyDescent="0.3">
      <c r="A56691" s="13" t="s">
        <v>309</v>
      </c>
      <c r="B56691" s="14" t="s">
        <v>1</v>
      </c>
      <c r="C56691" s="14" t="s">
        <v>51</v>
      </c>
      <c r="D56691" s="14" t="s">
        <v>39</v>
      </c>
      <c r="E56691" s="15">
        <v>45492</v>
      </c>
      <c r="F56691" s="14" t="s">
        <v>15</v>
      </c>
      <c r="G56691" s="16">
        <v>0</v>
      </c>
    </row>
    <row r="56692" spans="1:7" x14ac:dyDescent="0.3">
      <c r="A56692" s="13" t="s">
        <v>309</v>
      </c>
      <c r="B56692" s="14" t="s">
        <v>1</v>
      </c>
      <c r="C56692" s="14" t="s">
        <v>51</v>
      </c>
      <c r="D56692" s="14" t="s">
        <v>39</v>
      </c>
      <c r="E56692" s="15">
        <v>45493</v>
      </c>
      <c r="F56692" s="14" t="s">
        <v>15</v>
      </c>
      <c r="G56692" s="16">
        <v>0</v>
      </c>
    </row>
    <row r="56693" spans="1:7" x14ac:dyDescent="0.3">
      <c r="A56693" s="13" t="s">
        <v>309</v>
      </c>
      <c r="B56693" s="14" t="s">
        <v>1</v>
      </c>
      <c r="C56693" s="14" t="s">
        <v>51</v>
      </c>
      <c r="D56693" s="14" t="s">
        <v>39</v>
      </c>
      <c r="E56693" s="15">
        <v>45494</v>
      </c>
      <c r="F56693" s="14" t="s">
        <v>15</v>
      </c>
      <c r="G56693" s="16">
        <v>0</v>
      </c>
    </row>
    <row r="56694" spans="1:7" x14ac:dyDescent="0.3">
      <c r="A56694" s="13" t="s">
        <v>309</v>
      </c>
      <c r="B56694" s="14" t="s">
        <v>1</v>
      </c>
      <c r="C56694" s="14" t="s">
        <v>51</v>
      </c>
      <c r="D56694" s="14" t="s">
        <v>39</v>
      </c>
      <c r="E56694" s="15">
        <v>45495</v>
      </c>
      <c r="F56694" s="14" t="s">
        <v>15</v>
      </c>
      <c r="G56694" s="16">
        <v>0</v>
      </c>
    </row>
    <row r="56695" spans="1:7" x14ac:dyDescent="0.3">
      <c r="A56695" s="13" t="s">
        <v>309</v>
      </c>
      <c r="B56695" s="14" t="s">
        <v>1</v>
      </c>
      <c r="C56695" s="14" t="s">
        <v>51</v>
      </c>
      <c r="D56695" s="14" t="s">
        <v>39</v>
      </c>
      <c r="E56695" s="15">
        <v>45496</v>
      </c>
      <c r="F56695" s="14" t="s">
        <v>15</v>
      </c>
      <c r="G56695" s="16">
        <v>0</v>
      </c>
    </row>
    <row r="56696" spans="1:7" x14ac:dyDescent="0.3">
      <c r="A56696" s="13" t="s">
        <v>309</v>
      </c>
      <c r="B56696" s="14" t="s">
        <v>1</v>
      </c>
      <c r="C56696" s="14" t="s">
        <v>51</v>
      </c>
      <c r="D56696" s="14" t="s">
        <v>39</v>
      </c>
      <c r="E56696" s="15">
        <v>45497</v>
      </c>
      <c r="F56696" s="14" t="s">
        <v>15</v>
      </c>
      <c r="G56696" s="16">
        <v>0</v>
      </c>
    </row>
    <row r="56697" spans="1:7" x14ac:dyDescent="0.3">
      <c r="A56697" s="13" t="s">
        <v>309</v>
      </c>
      <c r="B56697" s="14" t="s">
        <v>1</v>
      </c>
      <c r="C56697" s="14" t="s">
        <v>51</v>
      </c>
      <c r="D56697" s="14" t="s">
        <v>39</v>
      </c>
      <c r="E56697" s="15">
        <v>45498</v>
      </c>
      <c r="F56697" s="14" t="s">
        <v>15</v>
      </c>
      <c r="G56697" s="16">
        <v>0</v>
      </c>
    </row>
    <row r="56698" spans="1:7" x14ac:dyDescent="0.3">
      <c r="A56698" s="13" t="s">
        <v>309</v>
      </c>
      <c r="B56698" s="14" t="s">
        <v>1</v>
      </c>
      <c r="C56698" s="14" t="s">
        <v>51</v>
      </c>
      <c r="D56698" s="14" t="s">
        <v>39</v>
      </c>
      <c r="E56698" s="15">
        <v>45499</v>
      </c>
      <c r="F56698" s="14" t="s">
        <v>15</v>
      </c>
      <c r="G56698" s="16">
        <v>0</v>
      </c>
    </row>
    <row r="56699" spans="1:7" x14ac:dyDescent="0.3">
      <c r="A56699" s="13" t="s">
        <v>309</v>
      </c>
      <c r="B56699" s="14" t="s">
        <v>1</v>
      </c>
      <c r="C56699" s="14" t="s">
        <v>51</v>
      </c>
      <c r="D56699" s="14" t="s">
        <v>39</v>
      </c>
      <c r="E56699" s="15">
        <v>45500</v>
      </c>
      <c r="F56699" s="14" t="s">
        <v>15</v>
      </c>
      <c r="G56699" s="16">
        <v>0</v>
      </c>
    </row>
    <row r="56700" spans="1:7" x14ac:dyDescent="0.3">
      <c r="A56700" s="13" t="s">
        <v>309</v>
      </c>
      <c r="B56700" s="14" t="s">
        <v>1</v>
      </c>
      <c r="C56700" s="14" t="s">
        <v>51</v>
      </c>
      <c r="D56700" s="14" t="s">
        <v>39</v>
      </c>
      <c r="E56700" s="15">
        <v>45501</v>
      </c>
      <c r="F56700" s="14" t="s">
        <v>15</v>
      </c>
      <c r="G56700" s="16">
        <v>0</v>
      </c>
    </row>
    <row r="56701" spans="1:7" x14ac:dyDescent="0.3">
      <c r="A56701" s="13" t="s">
        <v>309</v>
      </c>
      <c r="B56701" s="14" t="s">
        <v>1</v>
      </c>
      <c r="C56701" s="14" t="s">
        <v>51</v>
      </c>
      <c r="D56701" s="14" t="s">
        <v>39</v>
      </c>
      <c r="E56701" s="15">
        <v>45502</v>
      </c>
      <c r="F56701" s="14" t="s">
        <v>15</v>
      </c>
      <c r="G56701" s="16">
        <v>0</v>
      </c>
    </row>
    <row r="56702" spans="1:7" x14ac:dyDescent="0.3">
      <c r="A56702" s="13" t="s">
        <v>309</v>
      </c>
      <c r="B56702" s="14" t="s">
        <v>1</v>
      </c>
      <c r="C56702" s="14" t="s">
        <v>51</v>
      </c>
      <c r="D56702" s="14" t="s">
        <v>39</v>
      </c>
      <c r="E56702" s="15">
        <v>45503</v>
      </c>
      <c r="F56702" s="14" t="s">
        <v>15</v>
      </c>
      <c r="G56702" s="16">
        <v>0</v>
      </c>
    </row>
    <row r="56703" spans="1:7" x14ac:dyDescent="0.3">
      <c r="A56703" s="13" t="s">
        <v>309</v>
      </c>
      <c r="B56703" s="14" t="s">
        <v>1</v>
      </c>
      <c r="C56703" s="14" t="s">
        <v>51</v>
      </c>
      <c r="D56703" s="14" t="s">
        <v>39</v>
      </c>
      <c r="E56703" s="15">
        <v>45504</v>
      </c>
      <c r="F56703" s="14" t="s">
        <v>15</v>
      </c>
      <c r="G56703" s="16">
        <v>0</v>
      </c>
    </row>
    <row r="56704" spans="1:7" x14ac:dyDescent="0.3">
      <c r="A56704" s="13" t="s">
        <v>309</v>
      </c>
      <c r="B56704" s="14" t="s">
        <v>1</v>
      </c>
      <c r="C56704" s="14" t="s">
        <v>51</v>
      </c>
      <c r="D56704" s="14" t="s">
        <v>39</v>
      </c>
      <c r="E56704" s="15">
        <v>45505</v>
      </c>
      <c r="F56704" s="14" t="s">
        <v>15</v>
      </c>
      <c r="G56704" s="16">
        <v>0</v>
      </c>
    </row>
    <row r="56705" spans="1:7" x14ac:dyDescent="0.3">
      <c r="A56705" s="13" t="s">
        <v>309</v>
      </c>
      <c r="B56705" s="14" t="s">
        <v>1</v>
      </c>
      <c r="C56705" s="14" t="s">
        <v>51</v>
      </c>
      <c r="D56705" s="14" t="s">
        <v>39</v>
      </c>
      <c r="E56705" s="15">
        <v>45506</v>
      </c>
      <c r="F56705" s="14" t="s">
        <v>15</v>
      </c>
      <c r="G56705" s="16">
        <v>0</v>
      </c>
    </row>
    <row r="56706" spans="1:7" x14ac:dyDescent="0.3">
      <c r="A56706" s="13" t="s">
        <v>309</v>
      </c>
      <c r="B56706" s="14" t="s">
        <v>1</v>
      </c>
      <c r="C56706" s="14" t="s">
        <v>51</v>
      </c>
      <c r="D56706" s="14" t="s">
        <v>39</v>
      </c>
      <c r="E56706" s="15">
        <v>45507</v>
      </c>
      <c r="F56706" s="14" t="s">
        <v>15</v>
      </c>
      <c r="G56706" s="16">
        <v>0</v>
      </c>
    </row>
    <row r="56707" spans="1:7" x14ac:dyDescent="0.3">
      <c r="A56707" s="13" t="s">
        <v>309</v>
      </c>
      <c r="B56707" s="14" t="s">
        <v>1</v>
      </c>
      <c r="C56707" s="14" t="s">
        <v>51</v>
      </c>
      <c r="D56707" s="14" t="s">
        <v>39</v>
      </c>
      <c r="E56707" s="15">
        <v>45508</v>
      </c>
      <c r="F56707" s="14" t="s">
        <v>15</v>
      </c>
      <c r="G56707" s="16">
        <v>0</v>
      </c>
    </row>
    <row r="56708" spans="1:7" x14ac:dyDescent="0.3">
      <c r="A56708" s="13" t="s">
        <v>309</v>
      </c>
      <c r="B56708" s="14" t="s">
        <v>1</v>
      </c>
      <c r="C56708" s="14" t="s">
        <v>51</v>
      </c>
      <c r="D56708" s="14" t="s">
        <v>39</v>
      </c>
      <c r="E56708" s="15">
        <v>45509</v>
      </c>
      <c r="F56708" s="14" t="s">
        <v>15</v>
      </c>
      <c r="G56708" s="16">
        <v>0</v>
      </c>
    </row>
    <row r="56709" spans="1:7" x14ac:dyDescent="0.3">
      <c r="A56709" s="13" t="s">
        <v>309</v>
      </c>
      <c r="B56709" s="14" t="s">
        <v>1</v>
      </c>
      <c r="C56709" s="14" t="s">
        <v>51</v>
      </c>
      <c r="D56709" s="14" t="s">
        <v>39</v>
      </c>
      <c r="E56709" s="15">
        <v>45510</v>
      </c>
      <c r="F56709" s="14" t="s">
        <v>15</v>
      </c>
      <c r="G56709" s="16">
        <v>0</v>
      </c>
    </row>
    <row r="56710" spans="1:7" x14ac:dyDescent="0.3">
      <c r="A56710" s="13" t="s">
        <v>309</v>
      </c>
      <c r="B56710" s="14" t="s">
        <v>1</v>
      </c>
      <c r="C56710" s="14" t="s">
        <v>51</v>
      </c>
      <c r="D56710" s="14" t="s">
        <v>39</v>
      </c>
      <c r="E56710" s="15">
        <v>45511</v>
      </c>
      <c r="F56710" s="14" t="s">
        <v>15</v>
      </c>
      <c r="G56710" s="16">
        <v>0</v>
      </c>
    </row>
    <row r="56711" spans="1:7" x14ac:dyDescent="0.3">
      <c r="A56711" s="13" t="s">
        <v>309</v>
      </c>
      <c r="B56711" s="14" t="s">
        <v>1</v>
      </c>
      <c r="C56711" s="14" t="s">
        <v>51</v>
      </c>
      <c r="D56711" s="14" t="s">
        <v>39</v>
      </c>
      <c r="E56711" s="15">
        <v>45512</v>
      </c>
      <c r="F56711" s="14" t="s">
        <v>15</v>
      </c>
      <c r="G56711" s="16">
        <v>0</v>
      </c>
    </row>
    <row r="56712" spans="1:7" x14ac:dyDescent="0.3">
      <c r="A56712" s="13" t="s">
        <v>309</v>
      </c>
      <c r="B56712" s="14" t="s">
        <v>1</v>
      </c>
      <c r="C56712" s="14" t="s">
        <v>51</v>
      </c>
      <c r="D56712" s="14" t="s">
        <v>39</v>
      </c>
      <c r="E56712" s="15">
        <v>45513</v>
      </c>
      <c r="F56712" s="14" t="s">
        <v>15</v>
      </c>
      <c r="G56712" s="16">
        <v>0</v>
      </c>
    </row>
    <row r="56713" spans="1:7" x14ac:dyDescent="0.3">
      <c r="A56713" s="13" t="s">
        <v>309</v>
      </c>
      <c r="B56713" s="14" t="s">
        <v>1</v>
      </c>
      <c r="C56713" s="14" t="s">
        <v>51</v>
      </c>
      <c r="D56713" s="14" t="s">
        <v>39</v>
      </c>
      <c r="E56713" s="15">
        <v>45514</v>
      </c>
      <c r="F56713" s="14" t="s">
        <v>15</v>
      </c>
      <c r="G56713" s="16">
        <v>0</v>
      </c>
    </row>
    <row r="56714" spans="1:7" x14ac:dyDescent="0.3">
      <c r="A56714" s="13" t="s">
        <v>309</v>
      </c>
      <c r="B56714" s="14" t="s">
        <v>1</v>
      </c>
      <c r="C56714" s="14" t="s">
        <v>51</v>
      </c>
      <c r="D56714" s="14" t="s">
        <v>39</v>
      </c>
      <c r="E56714" s="15">
        <v>45515</v>
      </c>
      <c r="F56714" s="14" t="s">
        <v>15</v>
      </c>
      <c r="G56714" s="16">
        <v>0</v>
      </c>
    </row>
    <row r="56715" spans="1:7" x14ac:dyDescent="0.3">
      <c r="A56715" s="13" t="s">
        <v>309</v>
      </c>
      <c r="B56715" s="14" t="s">
        <v>1</v>
      </c>
      <c r="C56715" s="14" t="s">
        <v>51</v>
      </c>
      <c r="D56715" s="14" t="s">
        <v>39</v>
      </c>
      <c r="E56715" s="15">
        <v>45516</v>
      </c>
      <c r="F56715" s="14" t="s">
        <v>15</v>
      </c>
      <c r="G56715" s="16">
        <v>0</v>
      </c>
    </row>
    <row r="56716" spans="1:7" x14ac:dyDescent="0.3">
      <c r="A56716" s="13" t="s">
        <v>309</v>
      </c>
      <c r="B56716" s="14" t="s">
        <v>1</v>
      </c>
      <c r="C56716" s="14" t="s">
        <v>51</v>
      </c>
      <c r="D56716" s="14" t="s">
        <v>39</v>
      </c>
      <c r="E56716" s="15">
        <v>45517</v>
      </c>
      <c r="F56716" s="14" t="s">
        <v>15</v>
      </c>
      <c r="G56716" s="16">
        <v>0</v>
      </c>
    </row>
    <row r="56717" spans="1:7" x14ac:dyDescent="0.3">
      <c r="A56717" s="13" t="s">
        <v>309</v>
      </c>
      <c r="B56717" s="14" t="s">
        <v>1</v>
      </c>
      <c r="C56717" s="14" t="s">
        <v>51</v>
      </c>
      <c r="D56717" s="14" t="s">
        <v>39</v>
      </c>
      <c r="E56717" s="15">
        <v>45518</v>
      </c>
      <c r="F56717" s="14" t="s">
        <v>15</v>
      </c>
      <c r="G56717" s="16">
        <v>0</v>
      </c>
    </row>
    <row r="56718" spans="1:7" x14ac:dyDescent="0.3">
      <c r="A56718" s="13" t="s">
        <v>309</v>
      </c>
      <c r="B56718" s="14" t="s">
        <v>1</v>
      </c>
      <c r="C56718" s="14" t="s">
        <v>51</v>
      </c>
      <c r="D56718" s="14" t="s">
        <v>39</v>
      </c>
      <c r="E56718" s="15">
        <v>45519</v>
      </c>
      <c r="F56718" s="14" t="s">
        <v>15</v>
      </c>
      <c r="G56718" s="16">
        <v>0</v>
      </c>
    </row>
    <row r="56719" spans="1:7" x14ac:dyDescent="0.3">
      <c r="A56719" s="13" t="s">
        <v>309</v>
      </c>
      <c r="B56719" s="14" t="s">
        <v>1</v>
      </c>
      <c r="C56719" s="14" t="s">
        <v>51</v>
      </c>
      <c r="D56719" s="14" t="s">
        <v>39</v>
      </c>
      <c r="E56719" s="15">
        <v>45520</v>
      </c>
      <c r="F56719" s="14" t="s">
        <v>15</v>
      </c>
      <c r="G56719" s="16">
        <v>0</v>
      </c>
    </row>
    <row r="56720" spans="1:7" x14ac:dyDescent="0.3">
      <c r="A56720" s="13" t="s">
        <v>309</v>
      </c>
      <c r="B56720" s="14" t="s">
        <v>1</v>
      </c>
      <c r="C56720" s="14" t="s">
        <v>51</v>
      </c>
      <c r="D56720" s="14" t="s">
        <v>39</v>
      </c>
      <c r="E56720" s="15">
        <v>45521</v>
      </c>
      <c r="F56720" s="14" t="s">
        <v>15</v>
      </c>
      <c r="G56720" s="16">
        <v>0</v>
      </c>
    </row>
    <row r="56721" spans="1:7" x14ac:dyDescent="0.3">
      <c r="A56721" s="13" t="s">
        <v>309</v>
      </c>
      <c r="B56721" s="14" t="s">
        <v>1</v>
      </c>
      <c r="C56721" s="14" t="s">
        <v>51</v>
      </c>
      <c r="D56721" s="14" t="s">
        <v>39</v>
      </c>
      <c r="E56721" s="15">
        <v>45522</v>
      </c>
      <c r="F56721" s="14" t="s">
        <v>15</v>
      </c>
      <c r="G56721" s="16">
        <v>0</v>
      </c>
    </row>
    <row r="56722" spans="1:7" x14ac:dyDescent="0.3">
      <c r="A56722" s="13" t="s">
        <v>309</v>
      </c>
      <c r="B56722" s="14" t="s">
        <v>1</v>
      </c>
      <c r="C56722" s="14" t="s">
        <v>51</v>
      </c>
      <c r="D56722" s="14" t="s">
        <v>39</v>
      </c>
      <c r="E56722" s="15">
        <v>45523</v>
      </c>
      <c r="F56722" s="14" t="s">
        <v>15</v>
      </c>
      <c r="G56722" s="16">
        <v>0</v>
      </c>
    </row>
    <row r="56723" spans="1:7" x14ac:dyDescent="0.3">
      <c r="A56723" s="13" t="s">
        <v>309</v>
      </c>
      <c r="B56723" s="14" t="s">
        <v>1</v>
      </c>
      <c r="C56723" s="14" t="s">
        <v>51</v>
      </c>
      <c r="D56723" s="14" t="s">
        <v>39</v>
      </c>
      <c r="E56723" s="15">
        <v>45524</v>
      </c>
      <c r="F56723" s="14" t="s">
        <v>15</v>
      </c>
      <c r="G56723" s="16">
        <v>0</v>
      </c>
    </row>
    <row r="56724" spans="1:7" x14ac:dyDescent="0.3">
      <c r="A56724" s="13" t="s">
        <v>309</v>
      </c>
      <c r="B56724" s="14" t="s">
        <v>1</v>
      </c>
      <c r="C56724" s="14" t="s">
        <v>51</v>
      </c>
      <c r="D56724" s="14" t="s">
        <v>39</v>
      </c>
      <c r="E56724" s="15">
        <v>45525</v>
      </c>
      <c r="F56724" s="14" t="s">
        <v>15</v>
      </c>
      <c r="G56724" s="16">
        <v>0</v>
      </c>
    </row>
    <row r="56725" spans="1:7" x14ac:dyDescent="0.3">
      <c r="A56725" s="13" t="s">
        <v>309</v>
      </c>
      <c r="B56725" s="14" t="s">
        <v>1</v>
      </c>
      <c r="C56725" s="14" t="s">
        <v>51</v>
      </c>
      <c r="D56725" s="14" t="s">
        <v>39</v>
      </c>
      <c r="E56725" s="15">
        <v>45526</v>
      </c>
      <c r="F56725" s="14" t="s">
        <v>15</v>
      </c>
      <c r="G56725" s="16">
        <v>0</v>
      </c>
    </row>
    <row r="56726" spans="1:7" x14ac:dyDescent="0.3">
      <c r="A56726" s="13" t="s">
        <v>309</v>
      </c>
      <c r="B56726" s="14" t="s">
        <v>1</v>
      </c>
      <c r="C56726" s="14" t="s">
        <v>51</v>
      </c>
      <c r="D56726" s="14" t="s">
        <v>39</v>
      </c>
      <c r="E56726" s="15">
        <v>45527</v>
      </c>
      <c r="F56726" s="14" t="s">
        <v>15</v>
      </c>
      <c r="G56726" s="16">
        <v>0</v>
      </c>
    </row>
    <row r="56727" spans="1:7" x14ac:dyDescent="0.3">
      <c r="A56727" s="13" t="s">
        <v>309</v>
      </c>
      <c r="B56727" s="14" t="s">
        <v>1</v>
      </c>
      <c r="C56727" s="14" t="s">
        <v>51</v>
      </c>
      <c r="D56727" s="14" t="s">
        <v>39</v>
      </c>
      <c r="E56727" s="15">
        <v>45528</v>
      </c>
      <c r="F56727" s="14" t="s">
        <v>15</v>
      </c>
      <c r="G56727" s="16">
        <v>0</v>
      </c>
    </row>
    <row r="56728" spans="1:7" x14ac:dyDescent="0.3">
      <c r="A56728" s="13" t="s">
        <v>309</v>
      </c>
      <c r="B56728" s="14" t="s">
        <v>1</v>
      </c>
      <c r="C56728" s="14" t="s">
        <v>51</v>
      </c>
      <c r="D56728" s="14" t="s">
        <v>39</v>
      </c>
      <c r="E56728" s="15">
        <v>45529</v>
      </c>
      <c r="F56728" s="14" t="s">
        <v>15</v>
      </c>
      <c r="G56728" s="16">
        <v>0</v>
      </c>
    </row>
    <row r="56729" spans="1:7" x14ac:dyDescent="0.3">
      <c r="A56729" s="13" t="s">
        <v>309</v>
      </c>
      <c r="B56729" s="14" t="s">
        <v>1</v>
      </c>
      <c r="C56729" s="14" t="s">
        <v>51</v>
      </c>
      <c r="D56729" s="14" t="s">
        <v>39</v>
      </c>
      <c r="E56729" s="15">
        <v>45530</v>
      </c>
      <c r="F56729" s="14" t="s">
        <v>15</v>
      </c>
      <c r="G56729" s="16">
        <v>0</v>
      </c>
    </row>
    <row r="56730" spans="1:7" x14ac:dyDescent="0.3">
      <c r="A56730" s="13" t="s">
        <v>309</v>
      </c>
      <c r="B56730" s="14" t="s">
        <v>1</v>
      </c>
      <c r="C56730" s="14" t="s">
        <v>51</v>
      </c>
      <c r="D56730" s="14" t="s">
        <v>39</v>
      </c>
      <c r="E56730" s="15">
        <v>45531</v>
      </c>
      <c r="F56730" s="14" t="s">
        <v>15</v>
      </c>
      <c r="G56730" s="16">
        <v>0</v>
      </c>
    </row>
    <row r="56731" spans="1:7" x14ac:dyDescent="0.3">
      <c r="A56731" s="13" t="s">
        <v>309</v>
      </c>
      <c r="B56731" s="14" t="s">
        <v>1</v>
      </c>
      <c r="C56731" s="14" t="s">
        <v>51</v>
      </c>
      <c r="D56731" s="14" t="s">
        <v>39</v>
      </c>
      <c r="E56731" s="15">
        <v>45532</v>
      </c>
      <c r="F56731" s="14" t="s">
        <v>15</v>
      </c>
      <c r="G56731" s="16">
        <v>0</v>
      </c>
    </row>
    <row r="56732" spans="1:7" x14ac:dyDescent="0.3">
      <c r="A56732" s="13" t="s">
        <v>309</v>
      </c>
      <c r="B56732" s="14" t="s">
        <v>1</v>
      </c>
      <c r="C56732" s="14" t="s">
        <v>51</v>
      </c>
      <c r="D56732" s="14" t="s">
        <v>39</v>
      </c>
      <c r="E56732" s="15">
        <v>45533</v>
      </c>
      <c r="F56732" s="14" t="s">
        <v>15</v>
      </c>
      <c r="G56732" s="16">
        <v>0</v>
      </c>
    </row>
    <row r="56733" spans="1:7" x14ac:dyDescent="0.3">
      <c r="A56733" s="13" t="s">
        <v>309</v>
      </c>
      <c r="B56733" s="14" t="s">
        <v>1</v>
      </c>
      <c r="C56733" s="14" t="s">
        <v>51</v>
      </c>
      <c r="D56733" s="14" t="s">
        <v>39</v>
      </c>
      <c r="E56733" s="15">
        <v>45534</v>
      </c>
      <c r="F56733" s="14" t="s">
        <v>15</v>
      </c>
      <c r="G56733" s="16">
        <v>0</v>
      </c>
    </row>
    <row r="56734" spans="1:7" x14ac:dyDescent="0.3">
      <c r="A56734" s="13" t="s">
        <v>309</v>
      </c>
      <c r="B56734" s="14" t="s">
        <v>1</v>
      </c>
      <c r="C56734" s="14" t="s">
        <v>51</v>
      </c>
      <c r="D56734" s="14" t="s">
        <v>39</v>
      </c>
      <c r="E56734" s="15">
        <v>45535</v>
      </c>
      <c r="F56734" s="14" t="s">
        <v>15</v>
      </c>
      <c r="G56734" s="16">
        <v>0</v>
      </c>
    </row>
    <row r="56735" spans="1:7" x14ac:dyDescent="0.3">
      <c r="A56735" s="13" t="s">
        <v>309</v>
      </c>
      <c r="B56735" s="14" t="s">
        <v>1</v>
      </c>
      <c r="C56735" s="14" t="s">
        <v>51</v>
      </c>
      <c r="D56735" s="14" t="s">
        <v>39</v>
      </c>
      <c r="E56735" s="15">
        <v>45536</v>
      </c>
      <c r="F56735" s="14" t="s">
        <v>15</v>
      </c>
      <c r="G56735" s="16">
        <v>0</v>
      </c>
    </row>
    <row r="56736" spans="1:7" x14ac:dyDescent="0.3">
      <c r="A56736" s="13" t="s">
        <v>309</v>
      </c>
      <c r="B56736" s="14" t="s">
        <v>1</v>
      </c>
      <c r="C56736" s="14" t="s">
        <v>51</v>
      </c>
      <c r="D56736" s="14" t="s">
        <v>39</v>
      </c>
      <c r="E56736" s="15">
        <v>45537</v>
      </c>
      <c r="F56736" s="14" t="s">
        <v>15</v>
      </c>
      <c r="G56736" s="16">
        <v>0</v>
      </c>
    </row>
    <row r="56737" spans="1:7" x14ac:dyDescent="0.3">
      <c r="A56737" s="13" t="s">
        <v>309</v>
      </c>
      <c r="B56737" s="14" t="s">
        <v>1</v>
      </c>
      <c r="C56737" s="14" t="s">
        <v>51</v>
      </c>
      <c r="D56737" s="14" t="s">
        <v>39</v>
      </c>
      <c r="E56737" s="15">
        <v>45538</v>
      </c>
      <c r="F56737" s="14" t="s">
        <v>15</v>
      </c>
      <c r="G56737" s="16">
        <v>0</v>
      </c>
    </row>
    <row r="56738" spans="1:7" x14ac:dyDescent="0.3">
      <c r="A56738" s="13" t="s">
        <v>309</v>
      </c>
      <c r="B56738" s="14" t="s">
        <v>1</v>
      </c>
      <c r="C56738" s="14" t="s">
        <v>51</v>
      </c>
      <c r="D56738" s="14" t="s">
        <v>39</v>
      </c>
      <c r="E56738" s="15">
        <v>45539</v>
      </c>
      <c r="F56738" s="14" t="s">
        <v>15</v>
      </c>
      <c r="G56738" s="16">
        <v>0</v>
      </c>
    </row>
    <row r="56739" spans="1:7" x14ac:dyDescent="0.3">
      <c r="A56739" s="13" t="s">
        <v>309</v>
      </c>
      <c r="B56739" s="14" t="s">
        <v>1</v>
      </c>
      <c r="C56739" s="14" t="s">
        <v>51</v>
      </c>
      <c r="D56739" s="14" t="s">
        <v>39</v>
      </c>
      <c r="E56739" s="15">
        <v>45540</v>
      </c>
      <c r="F56739" s="14" t="s">
        <v>15</v>
      </c>
      <c r="G56739" s="16">
        <v>0</v>
      </c>
    </row>
    <row r="56740" spans="1:7" x14ac:dyDescent="0.3">
      <c r="A56740" s="13" t="s">
        <v>309</v>
      </c>
      <c r="B56740" s="14" t="s">
        <v>1</v>
      </c>
      <c r="C56740" s="14" t="s">
        <v>51</v>
      </c>
      <c r="D56740" s="14" t="s">
        <v>39</v>
      </c>
      <c r="E56740" s="15">
        <v>45541</v>
      </c>
      <c r="F56740" s="14" t="s">
        <v>15</v>
      </c>
      <c r="G56740" s="16">
        <v>0</v>
      </c>
    </row>
    <row r="56741" spans="1:7" x14ac:dyDescent="0.3">
      <c r="A56741" s="13" t="s">
        <v>309</v>
      </c>
      <c r="B56741" s="14" t="s">
        <v>1</v>
      </c>
      <c r="C56741" s="14" t="s">
        <v>51</v>
      </c>
      <c r="D56741" s="14" t="s">
        <v>39</v>
      </c>
      <c r="E56741" s="15">
        <v>45542</v>
      </c>
      <c r="F56741" s="14" t="s">
        <v>15</v>
      </c>
      <c r="G56741" s="16">
        <v>0</v>
      </c>
    </row>
    <row r="56742" spans="1:7" x14ac:dyDescent="0.3">
      <c r="A56742" s="13" t="s">
        <v>309</v>
      </c>
      <c r="B56742" s="14" t="s">
        <v>1</v>
      </c>
      <c r="C56742" s="14" t="s">
        <v>51</v>
      </c>
      <c r="D56742" s="14" t="s">
        <v>39</v>
      </c>
      <c r="E56742" s="15">
        <v>45543</v>
      </c>
      <c r="F56742" s="14" t="s">
        <v>15</v>
      </c>
      <c r="G56742" s="16">
        <v>0</v>
      </c>
    </row>
    <row r="56743" spans="1:7" x14ac:dyDescent="0.3">
      <c r="A56743" s="13" t="s">
        <v>309</v>
      </c>
      <c r="B56743" s="14" t="s">
        <v>1</v>
      </c>
      <c r="C56743" s="14" t="s">
        <v>51</v>
      </c>
      <c r="D56743" s="14" t="s">
        <v>39</v>
      </c>
      <c r="E56743" s="15">
        <v>45544</v>
      </c>
      <c r="F56743" s="14" t="s">
        <v>15</v>
      </c>
      <c r="G56743" s="16">
        <v>0</v>
      </c>
    </row>
    <row r="56744" spans="1:7" x14ac:dyDescent="0.3">
      <c r="A56744" s="13" t="s">
        <v>309</v>
      </c>
      <c r="B56744" s="14" t="s">
        <v>1</v>
      </c>
      <c r="C56744" s="14" t="s">
        <v>51</v>
      </c>
      <c r="D56744" s="14" t="s">
        <v>39</v>
      </c>
      <c r="E56744" s="15">
        <v>45545</v>
      </c>
      <c r="F56744" s="14" t="s">
        <v>15</v>
      </c>
      <c r="G56744" s="16">
        <v>0</v>
      </c>
    </row>
    <row r="56745" spans="1:7" x14ac:dyDescent="0.3">
      <c r="A56745" s="13" t="s">
        <v>309</v>
      </c>
      <c r="B56745" s="14" t="s">
        <v>1</v>
      </c>
      <c r="C56745" s="14" t="s">
        <v>51</v>
      </c>
      <c r="D56745" s="14" t="s">
        <v>39</v>
      </c>
      <c r="E56745" s="15">
        <v>45546</v>
      </c>
      <c r="F56745" s="14" t="s">
        <v>15</v>
      </c>
      <c r="G56745" s="16">
        <v>0</v>
      </c>
    </row>
    <row r="56746" spans="1:7" x14ac:dyDescent="0.3">
      <c r="A56746" s="13" t="s">
        <v>309</v>
      </c>
      <c r="B56746" s="14" t="s">
        <v>1</v>
      </c>
      <c r="C56746" s="14" t="s">
        <v>51</v>
      </c>
      <c r="D56746" s="14" t="s">
        <v>39</v>
      </c>
      <c r="E56746" s="15">
        <v>45547</v>
      </c>
      <c r="F56746" s="14" t="s">
        <v>15</v>
      </c>
      <c r="G56746" s="16">
        <v>0</v>
      </c>
    </row>
    <row r="56747" spans="1:7" x14ac:dyDescent="0.3">
      <c r="A56747" s="13" t="s">
        <v>309</v>
      </c>
      <c r="B56747" s="14" t="s">
        <v>1</v>
      </c>
      <c r="C56747" s="14" t="s">
        <v>51</v>
      </c>
      <c r="D56747" s="14" t="s">
        <v>39</v>
      </c>
      <c r="E56747" s="15">
        <v>45548</v>
      </c>
      <c r="F56747" s="14" t="s">
        <v>15</v>
      </c>
      <c r="G56747" s="16">
        <v>0</v>
      </c>
    </row>
    <row r="56748" spans="1:7" x14ac:dyDescent="0.3">
      <c r="A56748" s="13" t="s">
        <v>309</v>
      </c>
      <c r="B56748" s="14" t="s">
        <v>1</v>
      </c>
      <c r="C56748" s="14" t="s">
        <v>51</v>
      </c>
      <c r="D56748" s="14" t="s">
        <v>39</v>
      </c>
      <c r="E56748" s="15">
        <v>45549</v>
      </c>
      <c r="F56748" s="14" t="s">
        <v>15</v>
      </c>
      <c r="G56748" s="16">
        <v>0</v>
      </c>
    </row>
    <row r="56749" spans="1:7" x14ac:dyDescent="0.3">
      <c r="A56749" s="13" t="s">
        <v>309</v>
      </c>
      <c r="B56749" s="14" t="s">
        <v>1</v>
      </c>
      <c r="C56749" s="14" t="s">
        <v>51</v>
      </c>
      <c r="D56749" s="14" t="s">
        <v>39</v>
      </c>
      <c r="E56749" s="15">
        <v>45550</v>
      </c>
      <c r="F56749" s="14" t="s">
        <v>15</v>
      </c>
      <c r="G56749" s="16">
        <v>0</v>
      </c>
    </row>
    <row r="56750" spans="1:7" x14ac:dyDescent="0.3">
      <c r="A56750" s="13" t="s">
        <v>309</v>
      </c>
      <c r="B56750" s="14" t="s">
        <v>1</v>
      </c>
      <c r="C56750" s="14" t="s">
        <v>51</v>
      </c>
      <c r="D56750" s="14" t="s">
        <v>39</v>
      </c>
      <c r="E56750" s="15">
        <v>45551</v>
      </c>
      <c r="F56750" s="14" t="s">
        <v>15</v>
      </c>
      <c r="G56750" s="16">
        <v>0</v>
      </c>
    </row>
    <row r="56751" spans="1:7" x14ac:dyDescent="0.3">
      <c r="A56751" s="13" t="s">
        <v>309</v>
      </c>
      <c r="B56751" s="14" t="s">
        <v>1</v>
      </c>
      <c r="C56751" s="14" t="s">
        <v>51</v>
      </c>
      <c r="D56751" s="14" t="s">
        <v>39</v>
      </c>
      <c r="E56751" s="15">
        <v>45552</v>
      </c>
      <c r="F56751" s="14" t="s">
        <v>15</v>
      </c>
      <c r="G56751" s="16">
        <v>0</v>
      </c>
    </row>
    <row r="56752" spans="1:7" x14ac:dyDescent="0.3">
      <c r="A56752" s="13" t="s">
        <v>309</v>
      </c>
      <c r="B56752" s="14" t="s">
        <v>1</v>
      </c>
      <c r="C56752" s="14" t="s">
        <v>51</v>
      </c>
      <c r="D56752" s="14" t="s">
        <v>39</v>
      </c>
      <c r="E56752" s="15">
        <v>45553</v>
      </c>
      <c r="F56752" s="14" t="s">
        <v>15</v>
      </c>
      <c r="G56752" s="16">
        <v>0</v>
      </c>
    </row>
    <row r="56753" spans="1:7" x14ac:dyDescent="0.3">
      <c r="A56753" s="13" t="s">
        <v>309</v>
      </c>
      <c r="B56753" s="14" t="s">
        <v>1</v>
      </c>
      <c r="C56753" s="14" t="s">
        <v>51</v>
      </c>
      <c r="D56753" s="14" t="s">
        <v>39</v>
      </c>
      <c r="E56753" s="15">
        <v>45554</v>
      </c>
      <c r="F56753" s="14" t="s">
        <v>15</v>
      </c>
      <c r="G56753" s="16">
        <v>0</v>
      </c>
    </row>
    <row r="56754" spans="1:7" x14ac:dyDescent="0.3">
      <c r="A56754" s="13" t="s">
        <v>309</v>
      </c>
      <c r="B56754" s="14" t="s">
        <v>1</v>
      </c>
      <c r="C56754" s="14" t="s">
        <v>51</v>
      </c>
      <c r="D56754" s="14" t="s">
        <v>39</v>
      </c>
      <c r="E56754" s="15">
        <v>45555</v>
      </c>
      <c r="F56754" s="14" t="s">
        <v>15</v>
      </c>
      <c r="G56754" s="16">
        <v>0</v>
      </c>
    </row>
    <row r="56755" spans="1:7" x14ac:dyDescent="0.3">
      <c r="A56755" s="13" t="s">
        <v>309</v>
      </c>
      <c r="B56755" s="14" t="s">
        <v>1</v>
      </c>
      <c r="C56755" s="14" t="s">
        <v>51</v>
      </c>
      <c r="D56755" s="14" t="s">
        <v>39</v>
      </c>
      <c r="E56755" s="15">
        <v>45556</v>
      </c>
      <c r="F56755" s="14" t="s">
        <v>15</v>
      </c>
      <c r="G56755" s="16">
        <v>0</v>
      </c>
    </row>
    <row r="56756" spans="1:7" x14ac:dyDescent="0.3">
      <c r="A56756" s="13" t="s">
        <v>309</v>
      </c>
      <c r="B56756" s="14" t="s">
        <v>1</v>
      </c>
      <c r="C56756" s="14" t="s">
        <v>51</v>
      </c>
      <c r="D56756" s="14" t="s">
        <v>39</v>
      </c>
      <c r="E56756" s="15">
        <v>45557</v>
      </c>
      <c r="F56756" s="14" t="s">
        <v>15</v>
      </c>
      <c r="G56756" s="16">
        <v>0</v>
      </c>
    </row>
    <row r="56757" spans="1:7" x14ac:dyDescent="0.3">
      <c r="A56757" s="13" t="s">
        <v>309</v>
      </c>
      <c r="B56757" s="14" t="s">
        <v>1</v>
      </c>
      <c r="C56757" s="14" t="s">
        <v>51</v>
      </c>
      <c r="D56757" s="14" t="s">
        <v>39</v>
      </c>
      <c r="E56757" s="15">
        <v>45558</v>
      </c>
      <c r="F56757" s="14" t="s">
        <v>15</v>
      </c>
      <c r="G56757" s="16">
        <v>0</v>
      </c>
    </row>
    <row r="56758" spans="1:7" x14ac:dyDescent="0.3">
      <c r="A56758" s="13" t="s">
        <v>309</v>
      </c>
      <c r="B56758" s="14" t="s">
        <v>1</v>
      </c>
      <c r="C56758" s="14" t="s">
        <v>51</v>
      </c>
      <c r="D56758" s="14" t="s">
        <v>39</v>
      </c>
      <c r="E56758" s="15">
        <v>45559</v>
      </c>
      <c r="F56758" s="14" t="s">
        <v>15</v>
      </c>
      <c r="G56758" s="16">
        <v>0</v>
      </c>
    </row>
    <row r="56759" spans="1:7" x14ac:dyDescent="0.3">
      <c r="A56759" s="13" t="s">
        <v>309</v>
      </c>
      <c r="B56759" s="14" t="s">
        <v>1</v>
      </c>
      <c r="C56759" s="14" t="s">
        <v>51</v>
      </c>
      <c r="D56759" s="14" t="s">
        <v>39</v>
      </c>
      <c r="E56759" s="15">
        <v>45560</v>
      </c>
      <c r="F56759" s="14" t="s">
        <v>15</v>
      </c>
      <c r="G56759" s="16">
        <v>0</v>
      </c>
    </row>
    <row r="56760" spans="1:7" x14ac:dyDescent="0.3">
      <c r="A56760" s="13" t="s">
        <v>309</v>
      </c>
      <c r="B56760" s="14" t="s">
        <v>1</v>
      </c>
      <c r="C56760" s="14" t="s">
        <v>51</v>
      </c>
      <c r="D56760" s="14" t="s">
        <v>39</v>
      </c>
      <c r="E56760" s="15">
        <v>45561</v>
      </c>
      <c r="F56760" s="14" t="s">
        <v>15</v>
      </c>
      <c r="G56760" s="16">
        <v>0</v>
      </c>
    </row>
    <row r="56761" spans="1:7" x14ac:dyDescent="0.3">
      <c r="A56761" s="13" t="s">
        <v>309</v>
      </c>
      <c r="B56761" s="14" t="s">
        <v>1</v>
      </c>
      <c r="C56761" s="14" t="s">
        <v>51</v>
      </c>
      <c r="D56761" s="14" t="s">
        <v>39</v>
      </c>
      <c r="E56761" s="15">
        <v>45562</v>
      </c>
      <c r="F56761" s="14" t="s">
        <v>15</v>
      </c>
      <c r="G56761" s="16">
        <v>0</v>
      </c>
    </row>
    <row r="56762" spans="1:7" x14ac:dyDescent="0.3">
      <c r="A56762" s="13" t="s">
        <v>309</v>
      </c>
      <c r="B56762" s="14" t="s">
        <v>1</v>
      </c>
      <c r="C56762" s="14" t="s">
        <v>51</v>
      </c>
      <c r="D56762" s="14" t="s">
        <v>39</v>
      </c>
      <c r="E56762" s="15">
        <v>45563</v>
      </c>
      <c r="F56762" s="14" t="s">
        <v>15</v>
      </c>
      <c r="G56762" s="16">
        <v>0</v>
      </c>
    </row>
    <row r="56763" spans="1:7" x14ac:dyDescent="0.3">
      <c r="A56763" s="13" t="s">
        <v>309</v>
      </c>
      <c r="B56763" s="14" t="s">
        <v>1</v>
      </c>
      <c r="C56763" s="14" t="s">
        <v>51</v>
      </c>
      <c r="D56763" s="14" t="s">
        <v>39</v>
      </c>
      <c r="E56763" s="15">
        <v>45564</v>
      </c>
      <c r="F56763" s="14" t="s">
        <v>15</v>
      </c>
      <c r="G56763" s="16">
        <v>0</v>
      </c>
    </row>
    <row r="56764" spans="1:7" x14ac:dyDescent="0.3">
      <c r="A56764" s="13" t="s">
        <v>309</v>
      </c>
      <c r="B56764" s="14" t="s">
        <v>1</v>
      </c>
      <c r="C56764" s="14" t="s">
        <v>51</v>
      </c>
      <c r="D56764" s="14" t="s">
        <v>39</v>
      </c>
      <c r="E56764" s="15">
        <v>45565</v>
      </c>
      <c r="F56764" s="14" t="s">
        <v>15</v>
      </c>
      <c r="G56764" s="16">
        <v>0</v>
      </c>
    </row>
    <row r="56765" spans="1:7" x14ac:dyDescent="0.3">
      <c r="A56765" s="13" t="s">
        <v>309</v>
      </c>
      <c r="B56765" s="14" t="s">
        <v>1</v>
      </c>
      <c r="C56765" s="14" t="s">
        <v>51</v>
      </c>
      <c r="D56765" s="14" t="s">
        <v>39</v>
      </c>
      <c r="E56765" s="15">
        <v>45566</v>
      </c>
      <c r="F56765" s="14" t="s">
        <v>15</v>
      </c>
      <c r="G56765" s="16">
        <v>0</v>
      </c>
    </row>
    <row r="56766" spans="1:7" x14ac:dyDescent="0.3">
      <c r="A56766" s="13" t="s">
        <v>309</v>
      </c>
      <c r="B56766" s="14" t="s">
        <v>1</v>
      </c>
      <c r="C56766" s="14" t="s">
        <v>51</v>
      </c>
      <c r="D56766" s="14" t="s">
        <v>39</v>
      </c>
      <c r="E56766" s="15">
        <v>45567</v>
      </c>
      <c r="F56766" s="14" t="s">
        <v>15</v>
      </c>
      <c r="G56766" s="16">
        <v>0</v>
      </c>
    </row>
    <row r="56767" spans="1:7" x14ac:dyDescent="0.3">
      <c r="A56767" s="13" t="s">
        <v>309</v>
      </c>
      <c r="B56767" s="14" t="s">
        <v>1</v>
      </c>
      <c r="C56767" s="14" t="s">
        <v>51</v>
      </c>
      <c r="D56767" s="14" t="s">
        <v>39</v>
      </c>
      <c r="E56767" s="15">
        <v>45568</v>
      </c>
      <c r="F56767" s="14" t="s">
        <v>15</v>
      </c>
      <c r="G56767" s="16">
        <v>0</v>
      </c>
    </row>
    <row r="56768" spans="1:7" x14ac:dyDescent="0.3">
      <c r="A56768" s="13" t="s">
        <v>309</v>
      </c>
      <c r="B56768" s="14" t="s">
        <v>1</v>
      </c>
      <c r="C56768" s="14" t="s">
        <v>51</v>
      </c>
      <c r="D56768" s="14" t="s">
        <v>39</v>
      </c>
      <c r="E56768" s="15">
        <v>45569</v>
      </c>
      <c r="F56768" s="14" t="s">
        <v>15</v>
      </c>
      <c r="G56768" s="16">
        <v>0</v>
      </c>
    </row>
    <row r="56769" spans="1:7" x14ac:dyDescent="0.3">
      <c r="A56769" s="13" t="s">
        <v>309</v>
      </c>
      <c r="B56769" s="14" t="s">
        <v>1</v>
      </c>
      <c r="C56769" s="14" t="s">
        <v>51</v>
      </c>
      <c r="D56769" s="14" t="s">
        <v>39</v>
      </c>
      <c r="E56769" s="15">
        <v>45570</v>
      </c>
      <c r="F56769" s="14" t="s">
        <v>15</v>
      </c>
      <c r="G56769" s="16">
        <v>0</v>
      </c>
    </row>
    <row r="56770" spans="1:7" x14ac:dyDescent="0.3">
      <c r="A56770" s="13" t="s">
        <v>309</v>
      </c>
      <c r="B56770" s="14" t="s">
        <v>1</v>
      </c>
      <c r="C56770" s="14" t="s">
        <v>51</v>
      </c>
      <c r="D56770" s="14" t="s">
        <v>39</v>
      </c>
      <c r="E56770" s="15">
        <v>45571</v>
      </c>
      <c r="F56770" s="14" t="s">
        <v>15</v>
      </c>
      <c r="G56770" s="16">
        <v>0</v>
      </c>
    </row>
    <row r="56771" spans="1:7" x14ac:dyDescent="0.3">
      <c r="A56771" s="13" t="s">
        <v>309</v>
      </c>
      <c r="B56771" s="14" t="s">
        <v>1</v>
      </c>
      <c r="C56771" s="14" t="s">
        <v>51</v>
      </c>
      <c r="D56771" s="14" t="s">
        <v>39</v>
      </c>
      <c r="E56771" s="15">
        <v>45572</v>
      </c>
      <c r="F56771" s="14" t="s">
        <v>15</v>
      </c>
      <c r="G56771" s="16">
        <v>0</v>
      </c>
    </row>
    <row r="56772" spans="1:7" x14ac:dyDescent="0.3">
      <c r="A56772" s="13" t="s">
        <v>309</v>
      </c>
      <c r="B56772" s="14" t="s">
        <v>1</v>
      </c>
      <c r="C56772" s="14" t="s">
        <v>51</v>
      </c>
      <c r="D56772" s="14" t="s">
        <v>39</v>
      </c>
      <c r="E56772" s="15">
        <v>45573</v>
      </c>
      <c r="F56772" s="14" t="s">
        <v>15</v>
      </c>
      <c r="G56772" s="16">
        <v>0</v>
      </c>
    </row>
    <row r="56773" spans="1:7" x14ac:dyDescent="0.3">
      <c r="A56773" s="13" t="s">
        <v>309</v>
      </c>
      <c r="B56773" s="14" t="s">
        <v>1</v>
      </c>
      <c r="C56773" s="14" t="s">
        <v>51</v>
      </c>
      <c r="D56773" s="14" t="s">
        <v>39</v>
      </c>
      <c r="E56773" s="15">
        <v>45574</v>
      </c>
      <c r="F56773" s="14" t="s">
        <v>15</v>
      </c>
      <c r="G56773" s="16">
        <v>0</v>
      </c>
    </row>
    <row r="56774" spans="1:7" x14ac:dyDescent="0.3">
      <c r="A56774" s="13" t="s">
        <v>309</v>
      </c>
      <c r="B56774" s="14" t="s">
        <v>1</v>
      </c>
      <c r="C56774" s="14" t="s">
        <v>51</v>
      </c>
      <c r="D56774" s="14" t="s">
        <v>39</v>
      </c>
      <c r="E56774" s="15">
        <v>45575</v>
      </c>
      <c r="F56774" s="14" t="s">
        <v>15</v>
      </c>
      <c r="G56774" s="16">
        <v>0</v>
      </c>
    </row>
    <row r="56775" spans="1:7" x14ac:dyDescent="0.3">
      <c r="A56775" s="13" t="s">
        <v>309</v>
      </c>
      <c r="B56775" s="14" t="s">
        <v>1</v>
      </c>
      <c r="C56775" s="14" t="s">
        <v>51</v>
      </c>
      <c r="D56775" s="14" t="s">
        <v>39</v>
      </c>
      <c r="E56775" s="15">
        <v>45576</v>
      </c>
      <c r="F56775" s="14" t="s">
        <v>15</v>
      </c>
      <c r="G56775" s="16">
        <v>0</v>
      </c>
    </row>
    <row r="56776" spans="1:7" x14ac:dyDescent="0.3">
      <c r="A56776" s="13" t="s">
        <v>309</v>
      </c>
      <c r="B56776" s="14" t="s">
        <v>1</v>
      </c>
      <c r="C56776" s="14" t="s">
        <v>51</v>
      </c>
      <c r="D56776" s="14" t="s">
        <v>39</v>
      </c>
      <c r="E56776" s="15">
        <v>45577</v>
      </c>
      <c r="F56776" s="14" t="s">
        <v>15</v>
      </c>
      <c r="G56776" s="16">
        <v>0</v>
      </c>
    </row>
    <row r="56777" spans="1:7" x14ac:dyDescent="0.3">
      <c r="A56777" s="13" t="s">
        <v>309</v>
      </c>
      <c r="B56777" s="14" t="s">
        <v>1</v>
      </c>
      <c r="C56777" s="14" t="s">
        <v>51</v>
      </c>
      <c r="D56777" s="14" t="s">
        <v>39</v>
      </c>
      <c r="E56777" s="15">
        <v>45578</v>
      </c>
      <c r="F56777" s="14" t="s">
        <v>15</v>
      </c>
      <c r="G56777" s="16">
        <v>0</v>
      </c>
    </row>
    <row r="56778" spans="1:7" x14ac:dyDescent="0.3">
      <c r="A56778" s="13" t="s">
        <v>309</v>
      </c>
      <c r="B56778" s="14" t="s">
        <v>1</v>
      </c>
      <c r="C56778" s="14" t="s">
        <v>51</v>
      </c>
      <c r="D56778" s="14" t="s">
        <v>39</v>
      </c>
      <c r="E56778" s="15">
        <v>45579</v>
      </c>
      <c r="F56778" s="14" t="s">
        <v>15</v>
      </c>
      <c r="G56778" s="16">
        <v>0</v>
      </c>
    </row>
    <row r="56779" spans="1:7" x14ac:dyDescent="0.3">
      <c r="A56779" s="13" t="s">
        <v>309</v>
      </c>
      <c r="B56779" s="14" t="s">
        <v>1</v>
      </c>
      <c r="C56779" s="14" t="s">
        <v>51</v>
      </c>
      <c r="D56779" s="14" t="s">
        <v>39</v>
      </c>
      <c r="E56779" s="15">
        <v>45580</v>
      </c>
      <c r="F56779" s="14" t="s">
        <v>15</v>
      </c>
      <c r="G56779" s="16">
        <v>0</v>
      </c>
    </row>
    <row r="56780" spans="1:7" x14ac:dyDescent="0.3">
      <c r="A56780" s="13" t="s">
        <v>309</v>
      </c>
      <c r="B56780" s="14" t="s">
        <v>1</v>
      </c>
      <c r="C56780" s="14" t="s">
        <v>51</v>
      </c>
      <c r="D56780" s="14" t="s">
        <v>39</v>
      </c>
      <c r="E56780" s="15">
        <v>45581</v>
      </c>
      <c r="F56780" s="14" t="s">
        <v>15</v>
      </c>
      <c r="G56780" s="16">
        <v>0</v>
      </c>
    </row>
    <row r="56781" spans="1:7" x14ac:dyDescent="0.3">
      <c r="A56781" s="13" t="s">
        <v>309</v>
      </c>
      <c r="B56781" s="14" t="s">
        <v>1</v>
      </c>
      <c r="C56781" s="14" t="s">
        <v>51</v>
      </c>
      <c r="D56781" s="14" t="s">
        <v>39</v>
      </c>
      <c r="E56781" s="15">
        <v>45582</v>
      </c>
      <c r="F56781" s="14" t="s">
        <v>15</v>
      </c>
      <c r="G56781" s="16">
        <v>0</v>
      </c>
    </row>
    <row r="56782" spans="1:7" x14ac:dyDescent="0.3">
      <c r="A56782" s="13" t="s">
        <v>309</v>
      </c>
      <c r="B56782" s="14" t="s">
        <v>1</v>
      </c>
      <c r="C56782" s="14" t="s">
        <v>51</v>
      </c>
      <c r="D56782" s="14" t="s">
        <v>39</v>
      </c>
      <c r="E56782" s="15">
        <v>45583</v>
      </c>
      <c r="F56782" s="14" t="s">
        <v>15</v>
      </c>
      <c r="G56782" s="16">
        <v>0</v>
      </c>
    </row>
    <row r="56783" spans="1:7" x14ac:dyDescent="0.3">
      <c r="A56783" s="13" t="s">
        <v>309</v>
      </c>
      <c r="B56783" s="14" t="s">
        <v>1</v>
      </c>
      <c r="C56783" s="14" t="s">
        <v>51</v>
      </c>
      <c r="D56783" s="14" t="s">
        <v>39</v>
      </c>
      <c r="E56783" s="15">
        <v>45584</v>
      </c>
      <c r="F56783" s="14" t="s">
        <v>15</v>
      </c>
      <c r="G56783" s="16">
        <v>0</v>
      </c>
    </row>
    <row r="56784" spans="1:7" x14ac:dyDescent="0.3">
      <c r="A56784" s="13" t="s">
        <v>309</v>
      </c>
      <c r="B56784" s="14" t="s">
        <v>1</v>
      </c>
      <c r="C56784" s="14" t="s">
        <v>51</v>
      </c>
      <c r="D56784" s="14" t="s">
        <v>39</v>
      </c>
      <c r="E56784" s="15">
        <v>45585</v>
      </c>
      <c r="F56784" s="14" t="s">
        <v>15</v>
      </c>
      <c r="G56784" s="16">
        <v>0</v>
      </c>
    </row>
    <row r="56785" spans="1:7" x14ac:dyDescent="0.3">
      <c r="A56785" s="13" t="s">
        <v>309</v>
      </c>
      <c r="B56785" s="14" t="s">
        <v>1</v>
      </c>
      <c r="C56785" s="14" t="s">
        <v>51</v>
      </c>
      <c r="D56785" s="14" t="s">
        <v>39</v>
      </c>
      <c r="E56785" s="15">
        <v>45586</v>
      </c>
      <c r="F56785" s="14" t="s">
        <v>15</v>
      </c>
      <c r="G56785" s="16">
        <v>0</v>
      </c>
    </row>
    <row r="56786" spans="1:7" x14ac:dyDescent="0.3">
      <c r="A56786" s="13" t="s">
        <v>309</v>
      </c>
      <c r="B56786" s="14" t="s">
        <v>1</v>
      </c>
      <c r="C56786" s="14" t="s">
        <v>51</v>
      </c>
      <c r="D56786" s="14" t="s">
        <v>39</v>
      </c>
      <c r="E56786" s="15">
        <v>45587</v>
      </c>
      <c r="F56786" s="14" t="s">
        <v>15</v>
      </c>
      <c r="G56786" s="16">
        <v>0</v>
      </c>
    </row>
    <row r="56787" spans="1:7" x14ac:dyDescent="0.3">
      <c r="A56787" s="13" t="s">
        <v>309</v>
      </c>
      <c r="B56787" s="14" t="s">
        <v>1</v>
      </c>
      <c r="C56787" s="14" t="s">
        <v>51</v>
      </c>
      <c r="D56787" s="14" t="s">
        <v>39</v>
      </c>
      <c r="E56787" s="15">
        <v>45588</v>
      </c>
      <c r="F56787" s="14" t="s">
        <v>15</v>
      </c>
      <c r="G56787" s="16">
        <v>0</v>
      </c>
    </row>
    <row r="56788" spans="1:7" x14ac:dyDescent="0.3">
      <c r="A56788" s="13" t="s">
        <v>309</v>
      </c>
      <c r="B56788" s="14" t="s">
        <v>1</v>
      </c>
      <c r="C56788" s="14" t="s">
        <v>51</v>
      </c>
      <c r="D56788" s="14" t="s">
        <v>39</v>
      </c>
      <c r="E56788" s="15">
        <v>45589</v>
      </c>
      <c r="F56788" s="14" t="s">
        <v>15</v>
      </c>
      <c r="G56788" s="16">
        <v>0</v>
      </c>
    </row>
    <row r="56789" spans="1:7" x14ac:dyDescent="0.3">
      <c r="A56789" s="13" t="s">
        <v>309</v>
      </c>
      <c r="B56789" s="14" t="s">
        <v>1</v>
      </c>
      <c r="C56789" s="14" t="s">
        <v>51</v>
      </c>
      <c r="D56789" s="14" t="s">
        <v>39</v>
      </c>
      <c r="E56789" s="15">
        <v>45590</v>
      </c>
      <c r="F56789" s="14" t="s">
        <v>15</v>
      </c>
      <c r="G56789" s="16">
        <v>0</v>
      </c>
    </row>
    <row r="56790" spans="1:7" x14ac:dyDescent="0.3">
      <c r="A56790" s="13" t="s">
        <v>309</v>
      </c>
      <c r="B56790" s="14" t="s">
        <v>1</v>
      </c>
      <c r="C56790" s="14" t="s">
        <v>51</v>
      </c>
      <c r="D56790" s="14" t="s">
        <v>39</v>
      </c>
      <c r="E56790" s="15">
        <v>45591</v>
      </c>
      <c r="F56790" s="14" t="s">
        <v>15</v>
      </c>
      <c r="G56790" s="16">
        <v>0</v>
      </c>
    </row>
    <row r="56791" spans="1:7" x14ac:dyDescent="0.3">
      <c r="A56791" s="13" t="s">
        <v>309</v>
      </c>
      <c r="B56791" s="14" t="s">
        <v>1</v>
      </c>
      <c r="C56791" s="14" t="s">
        <v>51</v>
      </c>
      <c r="D56791" s="14" t="s">
        <v>39</v>
      </c>
      <c r="E56791" s="15">
        <v>45592</v>
      </c>
      <c r="F56791" s="14" t="s">
        <v>15</v>
      </c>
      <c r="G56791" s="16">
        <v>0</v>
      </c>
    </row>
    <row r="56792" spans="1:7" x14ac:dyDescent="0.3">
      <c r="A56792" s="13" t="s">
        <v>309</v>
      </c>
      <c r="B56792" s="14" t="s">
        <v>1</v>
      </c>
      <c r="C56792" s="14" t="s">
        <v>51</v>
      </c>
      <c r="D56792" s="14" t="s">
        <v>39</v>
      </c>
      <c r="E56792" s="15">
        <v>45593</v>
      </c>
      <c r="F56792" s="14" t="s">
        <v>15</v>
      </c>
      <c r="G56792" s="16">
        <v>0</v>
      </c>
    </row>
    <row r="56793" spans="1:7" x14ac:dyDescent="0.3">
      <c r="A56793" s="13" t="s">
        <v>309</v>
      </c>
      <c r="B56793" s="14" t="s">
        <v>1</v>
      </c>
      <c r="C56793" s="14" t="s">
        <v>51</v>
      </c>
      <c r="D56793" s="14" t="s">
        <v>39</v>
      </c>
      <c r="E56793" s="15">
        <v>45594</v>
      </c>
      <c r="F56793" s="14" t="s">
        <v>15</v>
      </c>
      <c r="G56793" s="16">
        <v>0</v>
      </c>
    </row>
    <row r="56794" spans="1:7" x14ac:dyDescent="0.3">
      <c r="A56794" s="13" t="s">
        <v>309</v>
      </c>
      <c r="B56794" s="14" t="s">
        <v>1</v>
      </c>
      <c r="C56794" s="14" t="s">
        <v>51</v>
      </c>
      <c r="D56794" s="14" t="s">
        <v>39</v>
      </c>
      <c r="E56794" s="15">
        <v>45595</v>
      </c>
      <c r="F56794" s="14" t="s">
        <v>15</v>
      </c>
      <c r="G56794" s="16">
        <v>0</v>
      </c>
    </row>
    <row r="56795" spans="1:7" x14ac:dyDescent="0.3">
      <c r="A56795" s="13" t="s">
        <v>309</v>
      </c>
      <c r="B56795" s="14" t="s">
        <v>1</v>
      </c>
      <c r="C56795" s="14" t="s">
        <v>51</v>
      </c>
      <c r="D56795" s="14" t="s">
        <v>39</v>
      </c>
      <c r="E56795" s="15">
        <v>45596</v>
      </c>
      <c r="F56795" s="14" t="s">
        <v>15</v>
      </c>
      <c r="G56795" s="16">
        <v>0</v>
      </c>
    </row>
    <row r="56796" spans="1:7" x14ac:dyDescent="0.3">
      <c r="A56796" s="13" t="s">
        <v>309</v>
      </c>
      <c r="B56796" s="14" t="s">
        <v>1</v>
      </c>
      <c r="C56796" s="14" t="s">
        <v>51</v>
      </c>
      <c r="D56796" s="14" t="s">
        <v>39</v>
      </c>
      <c r="E56796" s="15">
        <v>45597</v>
      </c>
      <c r="F56796" s="14" t="s">
        <v>15</v>
      </c>
      <c r="G56796" s="16">
        <v>0</v>
      </c>
    </row>
    <row r="56797" spans="1:7" x14ac:dyDescent="0.3">
      <c r="A56797" s="13" t="s">
        <v>309</v>
      </c>
      <c r="B56797" s="14" t="s">
        <v>1</v>
      </c>
      <c r="C56797" s="14" t="s">
        <v>51</v>
      </c>
      <c r="D56797" s="14" t="s">
        <v>39</v>
      </c>
      <c r="E56797" s="15">
        <v>45598</v>
      </c>
      <c r="F56797" s="14" t="s">
        <v>15</v>
      </c>
      <c r="G56797" s="16">
        <v>0</v>
      </c>
    </row>
    <row r="56798" spans="1:7" x14ac:dyDescent="0.3">
      <c r="A56798" s="13" t="s">
        <v>309</v>
      </c>
      <c r="B56798" s="14" t="s">
        <v>1</v>
      </c>
      <c r="C56798" s="14" t="s">
        <v>51</v>
      </c>
      <c r="D56798" s="14" t="s">
        <v>39</v>
      </c>
      <c r="E56798" s="15">
        <v>45599</v>
      </c>
      <c r="F56798" s="14" t="s">
        <v>15</v>
      </c>
      <c r="G56798" s="16">
        <v>0</v>
      </c>
    </row>
    <row r="56799" spans="1:7" x14ac:dyDescent="0.3">
      <c r="A56799" s="13" t="s">
        <v>309</v>
      </c>
      <c r="B56799" s="14" t="s">
        <v>1</v>
      </c>
      <c r="C56799" s="14" t="s">
        <v>51</v>
      </c>
      <c r="D56799" s="14" t="s">
        <v>39</v>
      </c>
      <c r="E56799" s="15">
        <v>45600</v>
      </c>
      <c r="F56799" s="14" t="s">
        <v>15</v>
      </c>
      <c r="G56799" s="16">
        <v>0</v>
      </c>
    </row>
    <row r="56800" spans="1:7" x14ac:dyDescent="0.3">
      <c r="A56800" s="13" t="s">
        <v>309</v>
      </c>
      <c r="B56800" s="14" t="s">
        <v>1</v>
      </c>
      <c r="C56800" s="14" t="s">
        <v>51</v>
      </c>
      <c r="D56800" s="14" t="s">
        <v>39</v>
      </c>
      <c r="E56800" s="15">
        <v>45601</v>
      </c>
      <c r="F56800" s="14" t="s">
        <v>15</v>
      </c>
      <c r="G56800" s="16">
        <v>0</v>
      </c>
    </row>
    <row r="56801" spans="1:7" x14ac:dyDescent="0.3">
      <c r="A56801" s="13" t="s">
        <v>309</v>
      </c>
      <c r="B56801" s="14" t="s">
        <v>1</v>
      </c>
      <c r="C56801" s="14" t="s">
        <v>51</v>
      </c>
      <c r="D56801" s="14" t="s">
        <v>39</v>
      </c>
      <c r="E56801" s="15">
        <v>45602</v>
      </c>
      <c r="F56801" s="14" t="s">
        <v>15</v>
      </c>
      <c r="G56801" s="16">
        <v>0</v>
      </c>
    </row>
    <row r="56802" spans="1:7" x14ac:dyDescent="0.3">
      <c r="A56802" s="13" t="s">
        <v>309</v>
      </c>
      <c r="B56802" s="14" t="s">
        <v>1</v>
      </c>
      <c r="C56802" s="14" t="s">
        <v>51</v>
      </c>
      <c r="D56802" s="14" t="s">
        <v>39</v>
      </c>
      <c r="E56802" s="15">
        <v>45603</v>
      </c>
      <c r="F56802" s="14" t="s">
        <v>15</v>
      </c>
      <c r="G56802" s="16">
        <v>0</v>
      </c>
    </row>
    <row r="56803" spans="1:7" x14ac:dyDescent="0.3">
      <c r="A56803" s="13" t="s">
        <v>309</v>
      </c>
      <c r="B56803" s="14" t="s">
        <v>1</v>
      </c>
      <c r="C56803" s="14" t="s">
        <v>51</v>
      </c>
      <c r="D56803" s="14" t="s">
        <v>39</v>
      </c>
      <c r="E56803" s="15">
        <v>45604</v>
      </c>
      <c r="F56803" s="14" t="s">
        <v>15</v>
      </c>
      <c r="G56803" s="16">
        <v>0</v>
      </c>
    </row>
    <row r="56804" spans="1:7" x14ac:dyDescent="0.3">
      <c r="A56804" s="13" t="s">
        <v>309</v>
      </c>
      <c r="B56804" s="14" t="s">
        <v>1</v>
      </c>
      <c r="C56804" s="14" t="s">
        <v>51</v>
      </c>
      <c r="D56804" s="14" t="s">
        <v>39</v>
      </c>
      <c r="E56804" s="15">
        <v>45605</v>
      </c>
      <c r="F56804" s="14" t="s">
        <v>15</v>
      </c>
      <c r="G56804" s="16">
        <v>0</v>
      </c>
    </row>
    <row r="56805" spans="1:7" x14ac:dyDescent="0.3">
      <c r="A56805" s="13" t="s">
        <v>309</v>
      </c>
      <c r="B56805" s="14" t="s">
        <v>1</v>
      </c>
      <c r="C56805" s="14" t="s">
        <v>51</v>
      </c>
      <c r="D56805" s="14" t="s">
        <v>39</v>
      </c>
      <c r="E56805" s="15">
        <v>45606</v>
      </c>
      <c r="F56805" s="14" t="s">
        <v>15</v>
      </c>
      <c r="G56805" s="16">
        <v>0</v>
      </c>
    </row>
    <row r="56806" spans="1:7" x14ac:dyDescent="0.3">
      <c r="A56806" s="13" t="s">
        <v>309</v>
      </c>
      <c r="B56806" s="14" t="s">
        <v>1</v>
      </c>
      <c r="C56806" s="14" t="s">
        <v>51</v>
      </c>
      <c r="D56806" s="14" t="s">
        <v>39</v>
      </c>
      <c r="E56806" s="15">
        <v>45607</v>
      </c>
      <c r="F56806" s="14" t="s">
        <v>15</v>
      </c>
      <c r="G56806" s="16">
        <v>0</v>
      </c>
    </row>
    <row r="56807" spans="1:7" x14ac:dyDescent="0.3">
      <c r="A56807" s="13" t="s">
        <v>309</v>
      </c>
      <c r="B56807" s="14" t="s">
        <v>1</v>
      </c>
      <c r="C56807" s="14" t="s">
        <v>51</v>
      </c>
      <c r="D56807" s="14" t="s">
        <v>39</v>
      </c>
      <c r="E56807" s="15">
        <v>45608</v>
      </c>
      <c r="F56807" s="14" t="s">
        <v>15</v>
      </c>
      <c r="G56807" s="16">
        <v>0</v>
      </c>
    </row>
    <row r="56808" spans="1:7" x14ac:dyDescent="0.3">
      <c r="A56808" s="13" t="s">
        <v>309</v>
      </c>
      <c r="B56808" s="14" t="s">
        <v>1</v>
      </c>
      <c r="C56808" s="14" t="s">
        <v>51</v>
      </c>
      <c r="D56808" s="14" t="s">
        <v>39</v>
      </c>
      <c r="E56808" s="15">
        <v>45609</v>
      </c>
      <c r="F56808" s="14" t="s">
        <v>15</v>
      </c>
      <c r="G56808" s="16">
        <v>0</v>
      </c>
    </row>
    <row r="56809" spans="1:7" x14ac:dyDescent="0.3">
      <c r="A56809" s="13" t="s">
        <v>309</v>
      </c>
      <c r="B56809" s="14" t="s">
        <v>1</v>
      </c>
      <c r="C56809" s="14" t="s">
        <v>51</v>
      </c>
      <c r="D56809" s="14" t="s">
        <v>39</v>
      </c>
      <c r="E56809" s="15">
        <v>45610</v>
      </c>
      <c r="F56809" s="14" t="s">
        <v>15</v>
      </c>
      <c r="G56809" s="16">
        <v>0</v>
      </c>
    </row>
    <row r="56810" spans="1:7" x14ac:dyDescent="0.3">
      <c r="A56810" s="13" t="s">
        <v>309</v>
      </c>
      <c r="B56810" s="14" t="s">
        <v>1</v>
      </c>
      <c r="C56810" s="14" t="s">
        <v>51</v>
      </c>
      <c r="D56810" s="14" t="s">
        <v>39</v>
      </c>
      <c r="E56810" s="15">
        <v>45611</v>
      </c>
      <c r="F56810" s="14" t="s">
        <v>15</v>
      </c>
      <c r="G56810" s="16">
        <v>0</v>
      </c>
    </row>
    <row r="56811" spans="1:7" x14ac:dyDescent="0.3">
      <c r="A56811" s="13" t="s">
        <v>309</v>
      </c>
      <c r="B56811" s="14" t="s">
        <v>1</v>
      </c>
      <c r="C56811" s="14" t="s">
        <v>51</v>
      </c>
      <c r="D56811" s="14" t="s">
        <v>39</v>
      </c>
      <c r="E56811" s="15">
        <v>45612</v>
      </c>
      <c r="F56811" s="14" t="s">
        <v>15</v>
      </c>
      <c r="G56811" s="16">
        <v>0</v>
      </c>
    </row>
    <row r="56812" spans="1:7" x14ac:dyDescent="0.3">
      <c r="A56812" s="13" t="s">
        <v>309</v>
      </c>
      <c r="B56812" s="14" t="s">
        <v>1</v>
      </c>
      <c r="C56812" s="14" t="s">
        <v>51</v>
      </c>
      <c r="D56812" s="14" t="s">
        <v>39</v>
      </c>
      <c r="E56812" s="15">
        <v>45613</v>
      </c>
      <c r="F56812" s="14" t="s">
        <v>15</v>
      </c>
      <c r="G56812" s="16">
        <v>0</v>
      </c>
    </row>
    <row r="56813" spans="1:7" x14ac:dyDescent="0.3">
      <c r="A56813" s="13" t="s">
        <v>309</v>
      </c>
      <c r="B56813" s="14" t="s">
        <v>1</v>
      </c>
      <c r="C56813" s="14" t="s">
        <v>51</v>
      </c>
      <c r="D56813" s="14" t="s">
        <v>39</v>
      </c>
      <c r="E56813" s="15">
        <v>45614</v>
      </c>
      <c r="F56813" s="14" t="s">
        <v>15</v>
      </c>
      <c r="G56813" s="16">
        <v>0</v>
      </c>
    </row>
    <row r="56814" spans="1:7" x14ac:dyDescent="0.3">
      <c r="A56814" s="13" t="s">
        <v>309</v>
      </c>
      <c r="B56814" s="14" t="s">
        <v>1</v>
      </c>
      <c r="C56814" s="14" t="s">
        <v>51</v>
      </c>
      <c r="D56814" s="14" t="s">
        <v>39</v>
      </c>
      <c r="E56814" s="15">
        <v>45615</v>
      </c>
      <c r="F56814" s="14" t="s">
        <v>15</v>
      </c>
      <c r="G56814" s="16">
        <v>0</v>
      </c>
    </row>
    <row r="56815" spans="1:7" x14ac:dyDescent="0.3">
      <c r="A56815" s="13" t="s">
        <v>309</v>
      </c>
      <c r="B56815" s="14" t="s">
        <v>1</v>
      </c>
      <c r="C56815" s="14" t="s">
        <v>51</v>
      </c>
      <c r="D56815" s="14" t="s">
        <v>39</v>
      </c>
      <c r="E56815" s="15">
        <v>45616</v>
      </c>
      <c r="F56815" s="14" t="s">
        <v>15</v>
      </c>
      <c r="G56815" s="16">
        <v>0</v>
      </c>
    </row>
    <row r="56816" spans="1:7" x14ac:dyDescent="0.3">
      <c r="A56816" s="13" t="s">
        <v>309</v>
      </c>
      <c r="B56816" s="14" t="s">
        <v>1</v>
      </c>
      <c r="C56816" s="14" t="s">
        <v>51</v>
      </c>
      <c r="D56816" s="14" t="s">
        <v>39</v>
      </c>
      <c r="E56816" s="15">
        <v>45617</v>
      </c>
      <c r="F56816" s="14" t="s">
        <v>15</v>
      </c>
      <c r="G56816" s="16">
        <v>0</v>
      </c>
    </row>
    <row r="56817" spans="1:7" x14ac:dyDescent="0.3">
      <c r="A56817" s="13" t="s">
        <v>309</v>
      </c>
      <c r="B56817" s="14" t="s">
        <v>1</v>
      </c>
      <c r="C56817" s="14" t="s">
        <v>51</v>
      </c>
      <c r="D56817" s="14" t="s">
        <v>39</v>
      </c>
      <c r="E56817" s="15">
        <v>45618</v>
      </c>
      <c r="F56817" s="14" t="s">
        <v>15</v>
      </c>
      <c r="G56817" s="16">
        <v>0</v>
      </c>
    </row>
    <row r="56818" spans="1:7" x14ac:dyDescent="0.3">
      <c r="A56818" s="13" t="s">
        <v>309</v>
      </c>
      <c r="B56818" s="14" t="s">
        <v>1</v>
      </c>
      <c r="C56818" s="14" t="s">
        <v>51</v>
      </c>
      <c r="D56818" s="14" t="s">
        <v>39</v>
      </c>
      <c r="E56818" s="15">
        <v>45619</v>
      </c>
      <c r="F56818" s="14" t="s">
        <v>15</v>
      </c>
      <c r="G56818" s="16">
        <v>0</v>
      </c>
    </row>
    <row r="56819" spans="1:7" x14ac:dyDescent="0.3">
      <c r="A56819" s="13" t="s">
        <v>309</v>
      </c>
      <c r="B56819" s="14" t="s">
        <v>1</v>
      </c>
      <c r="C56819" s="14" t="s">
        <v>51</v>
      </c>
      <c r="D56819" s="14" t="s">
        <v>39</v>
      </c>
      <c r="E56819" s="15">
        <v>45620</v>
      </c>
      <c r="F56819" s="14" t="s">
        <v>15</v>
      </c>
      <c r="G56819" s="16">
        <v>0</v>
      </c>
    </row>
    <row r="56820" spans="1:7" x14ac:dyDescent="0.3">
      <c r="A56820" s="13" t="s">
        <v>309</v>
      </c>
      <c r="B56820" s="14" t="s">
        <v>1</v>
      </c>
      <c r="C56820" s="14" t="s">
        <v>51</v>
      </c>
      <c r="D56820" s="14" t="s">
        <v>39</v>
      </c>
      <c r="E56820" s="15">
        <v>45621</v>
      </c>
      <c r="F56820" s="14" t="s">
        <v>15</v>
      </c>
      <c r="G56820" s="16">
        <v>0</v>
      </c>
    </row>
    <row r="56821" spans="1:7" x14ac:dyDescent="0.3">
      <c r="A56821" s="13" t="s">
        <v>309</v>
      </c>
      <c r="B56821" s="14" t="s">
        <v>1</v>
      </c>
      <c r="C56821" s="14" t="s">
        <v>51</v>
      </c>
      <c r="D56821" s="14" t="s">
        <v>39</v>
      </c>
      <c r="E56821" s="15">
        <v>45622</v>
      </c>
      <c r="F56821" s="14" t="s">
        <v>15</v>
      </c>
      <c r="G56821" s="16">
        <v>0</v>
      </c>
    </row>
    <row r="56822" spans="1:7" x14ac:dyDescent="0.3">
      <c r="A56822" s="13" t="s">
        <v>309</v>
      </c>
      <c r="B56822" s="14" t="s">
        <v>1</v>
      </c>
      <c r="C56822" s="14" t="s">
        <v>51</v>
      </c>
      <c r="D56822" s="14" t="s">
        <v>39</v>
      </c>
      <c r="E56822" s="15">
        <v>45623</v>
      </c>
      <c r="F56822" s="14" t="s">
        <v>15</v>
      </c>
      <c r="G56822" s="16">
        <v>0</v>
      </c>
    </row>
    <row r="56823" spans="1:7" x14ac:dyDescent="0.3">
      <c r="A56823" s="13" t="s">
        <v>309</v>
      </c>
      <c r="B56823" s="14" t="s">
        <v>1</v>
      </c>
      <c r="C56823" s="14" t="s">
        <v>51</v>
      </c>
      <c r="D56823" s="14" t="s">
        <v>39</v>
      </c>
      <c r="E56823" s="15">
        <v>45624</v>
      </c>
      <c r="F56823" s="14" t="s">
        <v>15</v>
      </c>
      <c r="G56823" s="16">
        <v>0</v>
      </c>
    </row>
    <row r="56824" spans="1:7" x14ac:dyDescent="0.3">
      <c r="A56824" s="13" t="s">
        <v>309</v>
      </c>
      <c r="B56824" s="14" t="s">
        <v>1</v>
      </c>
      <c r="C56824" s="14" t="s">
        <v>51</v>
      </c>
      <c r="D56824" s="14" t="s">
        <v>39</v>
      </c>
      <c r="E56824" s="15">
        <v>45625</v>
      </c>
      <c r="F56824" s="14" t="s">
        <v>15</v>
      </c>
      <c r="G56824" s="16">
        <v>0</v>
      </c>
    </row>
    <row r="56825" spans="1:7" x14ac:dyDescent="0.3">
      <c r="A56825" s="13" t="s">
        <v>309</v>
      </c>
      <c r="B56825" s="14" t="s">
        <v>1</v>
      </c>
      <c r="C56825" s="14" t="s">
        <v>51</v>
      </c>
      <c r="D56825" s="14" t="s">
        <v>39</v>
      </c>
      <c r="E56825" s="15">
        <v>45626</v>
      </c>
      <c r="F56825" s="14" t="s">
        <v>15</v>
      </c>
      <c r="G56825" s="16">
        <v>0</v>
      </c>
    </row>
    <row r="56826" spans="1:7" x14ac:dyDescent="0.3">
      <c r="A56826" s="13" t="s">
        <v>309</v>
      </c>
      <c r="B56826" s="14" t="s">
        <v>1</v>
      </c>
      <c r="C56826" s="14" t="s">
        <v>51</v>
      </c>
      <c r="D56826" s="14" t="s">
        <v>39</v>
      </c>
      <c r="E56826" s="15">
        <v>45627</v>
      </c>
      <c r="F56826" s="14" t="s">
        <v>15</v>
      </c>
      <c r="G56826" s="16">
        <v>0</v>
      </c>
    </row>
    <row r="56827" spans="1:7" x14ac:dyDescent="0.3">
      <c r="A56827" s="13" t="s">
        <v>309</v>
      </c>
      <c r="B56827" s="14" t="s">
        <v>1</v>
      </c>
      <c r="C56827" s="14" t="s">
        <v>51</v>
      </c>
      <c r="D56827" s="14" t="s">
        <v>39</v>
      </c>
      <c r="E56827" s="15">
        <v>45628</v>
      </c>
      <c r="F56827" s="14" t="s">
        <v>15</v>
      </c>
      <c r="G56827" s="16">
        <v>0</v>
      </c>
    </row>
    <row r="56828" spans="1:7" x14ac:dyDescent="0.3">
      <c r="A56828" s="13" t="s">
        <v>309</v>
      </c>
      <c r="B56828" s="14" t="s">
        <v>1</v>
      </c>
      <c r="C56828" s="14" t="s">
        <v>51</v>
      </c>
      <c r="D56828" s="14" t="s">
        <v>39</v>
      </c>
      <c r="E56828" s="15">
        <v>45629</v>
      </c>
      <c r="F56828" s="14" t="s">
        <v>15</v>
      </c>
      <c r="G56828" s="16">
        <v>0</v>
      </c>
    </row>
    <row r="56829" spans="1:7" x14ac:dyDescent="0.3">
      <c r="A56829" s="13" t="s">
        <v>309</v>
      </c>
      <c r="B56829" s="14" t="s">
        <v>1</v>
      </c>
      <c r="C56829" s="14" t="s">
        <v>51</v>
      </c>
      <c r="D56829" s="14" t="s">
        <v>39</v>
      </c>
      <c r="E56829" s="15">
        <v>45630</v>
      </c>
      <c r="F56829" s="14" t="s">
        <v>15</v>
      </c>
      <c r="G56829" s="16">
        <v>0</v>
      </c>
    </row>
    <row r="56830" spans="1:7" x14ac:dyDescent="0.3">
      <c r="A56830" s="13" t="s">
        <v>309</v>
      </c>
      <c r="B56830" s="14" t="s">
        <v>1</v>
      </c>
      <c r="C56830" s="14" t="s">
        <v>51</v>
      </c>
      <c r="D56830" s="14" t="s">
        <v>39</v>
      </c>
      <c r="E56830" s="15">
        <v>45631</v>
      </c>
      <c r="F56830" s="14" t="s">
        <v>15</v>
      </c>
      <c r="G56830" s="16">
        <v>0</v>
      </c>
    </row>
    <row r="56831" spans="1:7" x14ac:dyDescent="0.3">
      <c r="A56831" s="13" t="s">
        <v>309</v>
      </c>
      <c r="B56831" s="14" t="s">
        <v>1</v>
      </c>
      <c r="C56831" s="14" t="s">
        <v>51</v>
      </c>
      <c r="D56831" s="14" t="s">
        <v>39</v>
      </c>
      <c r="E56831" s="15">
        <v>45632</v>
      </c>
      <c r="F56831" s="14" t="s">
        <v>15</v>
      </c>
      <c r="G56831" s="16">
        <v>0</v>
      </c>
    </row>
    <row r="56832" spans="1:7" x14ac:dyDescent="0.3">
      <c r="A56832" s="13" t="s">
        <v>309</v>
      </c>
      <c r="B56832" s="14" t="s">
        <v>1</v>
      </c>
      <c r="C56832" s="14" t="s">
        <v>51</v>
      </c>
      <c r="D56832" s="14" t="s">
        <v>39</v>
      </c>
      <c r="E56832" s="15">
        <v>45633</v>
      </c>
      <c r="F56832" s="14" t="s">
        <v>15</v>
      </c>
      <c r="G56832" s="16">
        <v>0</v>
      </c>
    </row>
    <row r="56833" spans="1:7" x14ac:dyDescent="0.3">
      <c r="A56833" s="13" t="s">
        <v>309</v>
      </c>
      <c r="B56833" s="14" t="s">
        <v>1</v>
      </c>
      <c r="C56833" s="14" t="s">
        <v>51</v>
      </c>
      <c r="D56833" s="14" t="s">
        <v>39</v>
      </c>
      <c r="E56833" s="15">
        <v>45634</v>
      </c>
      <c r="F56833" s="14" t="s">
        <v>15</v>
      </c>
      <c r="G56833" s="16">
        <v>0</v>
      </c>
    </row>
    <row r="56834" spans="1:7" x14ac:dyDescent="0.3">
      <c r="A56834" s="13" t="s">
        <v>309</v>
      </c>
      <c r="B56834" s="14" t="s">
        <v>1</v>
      </c>
      <c r="C56834" s="14" t="s">
        <v>51</v>
      </c>
      <c r="D56834" s="14" t="s">
        <v>39</v>
      </c>
      <c r="E56834" s="15">
        <v>45635</v>
      </c>
      <c r="F56834" s="14" t="s">
        <v>15</v>
      </c>
      <c r="G56834" s="16">
        <v>0</v>
      </c>
    </row>
    <row r="56835" spans="1:7" x14ac:dyDescent="0.3">
      <c r="A56835" s="13" t="s">
        <v>309</v>
      </c>
      <c r="B56835" s="14" t="s">
        <v>1</v>
      </c>
      <c r="C56835" s="14" t="s">
        <v>51</v>
      </c>
      <c r="D56835" s="14" t="s">
        <v>39</v>
      </c>
      <c r="E56835" s="15">
        <v>45636</v>
      </c>
      <c r="F56835" s="14" t="s">
        <v>15</v>
      </c>
      <c r="G56835" s="16">
        <v>0</v>
      </c>
    </row>
    <row r="56836" spans="1:7" x14ac:dyDescent="0.3">
      <c r="A56836" s="13" t="s">
        <v>309</v>
      </c>
      <c r="B56836" s="14" t="s">
        <v>1</v>
      </c>
      <c r="C56836" s="14" t="s">
        <v>51</v>
      </c>
      <c r="D56836" s="14" t="s">
        <v>39</v>
      </c>
      <c r="E56836" s="15">
        <v>45637</v>
      </c>
      <c r="F56836" s="14" t="s">
        <v>15</v>
      </c>
      <c r="G56836" s="16">
        <v>0</v>
      </c>
    </row>
    <row r="56837" spans="1:7" x14ac:dyDescent="0.3">
      <c r="A56837" s="13" t="s">
        <v>309</v>
      </c>
      <c r="B56837" s="14" t="s">
        <v>1</v>
      </c>
      <c r="C56837" s="14" t="s">
        <v>51</v>
      </c>
      <c r="D56837" s="14" t="s">
        <v>39</v>
      </c>
      <c r="E56837" s="15">
        <v>45638</v>
      </c>
      <c r="F56837" s="14" t="s">
        <v>15</v>
      </c>
      <c r="G56837" s="16">
        <v>0</v>
      </c>
    </row>
    <row r="56838" spans="1:7" x14ac:dyDescent="0.3">
      <c r="A56838" s="13" t="s">
        <v>309</v>
      </c>
      <c r="B56838" s="14" t="s">
        <v>1</v>
      </c>
      <c r="C56838" s="14" t="s">
        <v>51</v>
      </c>
      <c r="D56838" s="14" t="s">
        <v>39</v>
      </c>
      <c r="E56838" s="15">
        <v>45639</v>
      </c>
      <c r="F56838" s="14" t="s">
        <v>15</v>
      </c>
      <c r="G56838" s="16">
        <v>0</v>
      </c>
    </row>
    <row r="56839" spans="1:7" x14ac:dyDescent="0.3">
      <c r="A56839" s="13" t="s">
        <v>309</v>
      </c>
      <c r="B56839" s="14" t="s">
        <v>1</v>
      </c>
      <c r="C56839" s="14" t="s">
        <v>51</v>
      </c>
      <c r="D56839" s="14" t="s">
        <v>39</v>
      </c>
      <c r="E56839" s="15">
        <v>45640</v>
      </c>
      <c r="F56839" s="14" t="s">
        <v>15</v>
      </c>
      <c r="G56839" s="16">
        <v>0</v>
      </c>
    </row>
    <row r="56840" spans="1:7" x14ac:dyDescent="0.3">
      <c r="A56840" s="13" t="s">
        <v>309</v>
      </c>
      <c r="B56840" s="14" t="s">
        <v>1</v>
      </c>
      <c r="C56840" s="14" t="s">
        <v>51</v>
      </c>
      <c r="D56840" s="14" t="s">
        <v>39</v>
      </c>
      <c r="E56840" s="15">
        <v>45641</v>
      </c>
      <c r="F56840" s="14" t="s">
        <v>15</v>
      </c>
      <c r="G56840" s="16">
        <v>0</v>
      </c>
    </row>
    <row r="56841" spans="1:7" x14ac:dyDescent="0.3">
      <c r="A56841" s="13" t="s">
        <v>309</v>
      </c>
      <c r="B56841" s="14" t="s">
        <v>1</v>
      </c>
      <c r="C56841" s="14" t="s">
        <v>51</v>
      </c>
      <c r="D56841" s="14" t="s">
        <v>39</v>
      </c>
      <c r="E56841" s="15">
        <v>45642</v>
      </c>
      <c r="F56841" s="14" t="s">
        <v>15</v>
      </c>
      <c r="G56841" s="16">
        <v>0</v>
      </c>
    </row>
    <row r="56842" spans="1:7" x14ac:dyDescent="0.3">
      <c r="A56842" s="13" t="s">
        <v>309</v>
      </c>
      <c r="B56842" s="14" t="s">
        <v>1</v>
      </c>
      <c r="C56842" s="14" t="s">
        <v>51</v>
      </c>
      <c r="D56842" s="14" t="s">
        <v>39</v>
      </c>
      <c r="E56842" s="15">
        <v>45643</v>
      </c>
      <c r="F56842" s="14" t="s">
        <v>15</v>
      </c>
      <c r="G56842" s="16">
        <v>0</v>
      </c>
    </row>
    <row r="56843" spans="1:7" x14ac:dyDescent="0.3">
      <c r="A56843" s="13" t="s">
        <v>309</v>
      </c>
      <c r="B56843" s="14" t="s">
        <v>1</v>
      </c>
      <c r="C56843" s="14" t="s">
        <v>51</v>
      </c>
      <c r="D56843" s="14" t="s">
        <v>39</v>
      </c>
      <c r="E56843" s="15">
        <v>45644</v>
      </c>
      <c r="F56843" s="14" t="s">
        <v>15</v>
      </c>
      <c r="G56843" s="16">
        <v>0</v>
      </c>
    </row>
    <row r="56844" spans="1:7" x14ac:dyDescent="0.3">
      <c r="A56844" s="13" t="s">
        <v>309</v>
      </c>
      <c r="B56844" s="14" t="s">
        <v>1</v>
      </c>
      <c r="C56844" s="14" t="s">
        <v>51</v>
      </c>
      <c r="D56844" s="14" t="s">
        <v>39</v>
      </c>
      <c r="E56844" s="15">
        <v>45645</v>
      </c>
      <c r="F56844" s="14" t="s">
        <v>15</v>
      </c>
      <c r="G56844" s="16">
        <v>0</v>
      </c>
    </row>
    <row r="56845" spans="1:7" x14ac:dyDescent="0.3">
      <c r="A56845" s="13" t="s">
        <v>309</v>
      </c>
      <c r="B56845" s="14" t="s">
        <v>1</v>
      </c>
      <c r="C56845" s="14" t="s">
        <v>51</v>
      </c>
      <c r="D56845" s="14" t="s">
        <v>39</v>
      </c>
      <c r="E56845" s="15">
        <v>45646</v>
      </c>
      <c r="F56845" s="14" t="s">
        <v>15</v>
      </c>
      <c r="G56845" s="16">
        <v>0</v>
      </c>
    </row>
    <row r="56846" spans="1:7" x14ac:dyDescent="0.3">
      <c r="A56846" s="13" t="s">
        <v>309</v>
      </c>
      <c r="B56846" s="14" t="s">
        <v>1</v>
      </c>
      <c r="C56846" s="14" t="s">
        <v>51</v>
      </c>
      <c r="D56846" s="14" t="s">
        <v>39</v>
      </c>
      <c r="E56846" s="15">
        <v>45647</v>
      </c>
      <c r="F56846" s="14" t="s">
        <v>15</v>
      </c>
      <c r="G56846" s="16">
        <v>0</v>
      </c>
    </row>
    <row r="56847" spans="1:7" x14ac:dyDescent="0.3">
      <c r="A56847" s="13" t="s">
        <v>309</v>
      </c>
      <c r="B56847" s="14" t="s">
        <v>1</v>
      </c>
      <c r="C56847" s="14" t="s">
        <v>51</v>
      </c>
      <c r="D56847" s="14" t="s">
        <v>39</v>
      </c>
      <c r="E56847" s="15">
        <v>45648</v>
      </c>
      <c r="F56847" s="14" t="s">
        <v>15</v>
      </c>
      <c r="G56847" s="16">
        <v>0</v>
      </c>
    </row>
    <row r="56848" spans="1:7" x14ac:dyDescent="0.3">
      <c r="A56848" s="13" t="s">
        <v>309</v>
      </c>
      <c r="B56848" s="14" t="s">
        <v>1</v>
      </c>
      <c r="C56848" s="14" t="s">
        <v>51</v>
      </c>
      <c r="D56848" s="14" t="s">
        <v>39</v>
      </c>
      <c r="E56848" s="15">
        <v>45649</v>
      </c>
      <c r="F56848" s="14" t="s">
        <v>15</v>
      </c>
      <c r="G56848" s="16">
        <v>0</v>
      </c>
    </row>
    <row r="56849" spans="1:7" x14ac:dyDescent="0.3">
      <c r="A56849" s="13" t="s">
        <v>309</v>
      </c>
      <c r="B56849" s="14" t="s">
        <v>1</v>
      </c>
      <c r="C56849" s="14" t="s">
        <v>51</v>
      </c>
      <c r="D56849" s="14" t="s">
        <v>39</v>
      </c>
      <c r="E56849" s="15">
        <v>45650</v>
      </c>
      <c r="F56849" s="14" t="s">
        <v>15</v>
      </c>
      <c r="G56849" s="16">
        <v>0</v>
      </c>
    </row>
    <row r="56850" spans="1:7" x14ac:dyDescent="0.3">
      <c r="A56850" s="13" t="s">
        <v>309</v>
      </c>
      <c r="B56850" s="14" t="s">
        <v>1</v>
      </c>
      <c r="C56850" s="14" t="s">
        <v>51</v>
      </c>
      <c r="D56850" s="14" t="s">
        <v>39</v>
      </c>
      <c r="E56850" s="15">
        <v>45651</v>
      </c>
      <c r="F56850" s="14" t="s">
        <v>15</v>
      </c>
      <c r="G56850" s="16">
        <v>0</v>
      </c>
    </row>
    <row r="56851" spans="1:7" x14ac:dyDescent="0.3">
      <c r="A56851" s="13" t="s">
        <v>309</v>
      </c>
      <c r="B56851" s="14" t="s">
        <v>1</v>
      </c>
      <c r="C56851" s="14" t="s">
        <v>51</v>
      </c>
      <c r="D56851" s="14" t="s">
        <v>39</v>
      </c>
      <c r="E56851" s="15">
        <v>45652</v>
      </c>
      <c r="F56851" s="14" t="s">
        <v>15</v>
      </c>
      <c r="G56851" s="16">
        <v>0</v>
      </c>
    </row>
    <row r="56852" spans="1:7" x14ac:dyDescent="0.3">
      <c r="A56852" s="13" t="s">
        <v>309</v>
      </c>
      <c r="B56852" s="14" t="s">
        <v>1</v>
      </c>
      <c r="C56852" s="14" t="s">
        <v>51</v>
      </c>
      <c r="D56852" s="14" t="s">
        <v>39</v>
      </c>
      <c r="E56852" s="15">
        <v>45653</v>
      </c>
      <c r="F56852" s="14" t="s">
        <v>15</v>
      </c>
      <c r="G56852" s="16">
        <v>0</v>
      </c>
    </row>
    <row r="56853" spans="1:7" x14ac:dyDescent="0.3">
      <c r="A56853" s="13" t="s">
        <v>309</v>
      </c>
      <c r="B56853" s="14" t="s">
        <v>1</v>
      </c>
      <c r="C56853" s="14" t="s">
        <v>51</v>
      </c>
      <c r="D56853" s="14" t="s">
        <v>39</v>
      </c>
      <c r="E56853" s="15">
        <v>45654</v>
      </c>
      <c r="F56853" s="14" t="s">
        <v>15</v>
      </c>
      <c r="G56853" s="16">
        <v>0</v>
      </c>
    </row>
    <row r="56854" spans="1:7" x14ac:dyDescent="0.3">
      <c r="A56854" s="13" t="s">
        <v>309</v>
      </c>
      <c r="B56854" s="14" t="s">
        <v>1</v>
      </c>
      <c r="C56854" s="14" t="s">
        <v>51</v>
      </c>
      <c r="D56854" s="14" t="s">
        <v>39</v>
      </c>
      <c r="E56854" s="15">
        <v>45655</v>
      </c>
      <c r="F56854" s="14" t="s">
        <v>15</v>
      </c>
      <c r="G56854" s="16">
        <v>0</v>
      </c>
    </row>
    <row r="56855" spans="1:7" x14ac:dyDescent="0.3">
      <c r="A56855" s="13" t="s">
        <v>309</v>
      </c>
      <c r="B56855" s="14" t="s">
        <v>1</v>
      </c>
      <c r="C56855" s="14" t="s">
        <v>51</v>
      </c>
      <c r="D56855" s="14" t="s">
        <v>39</v>
      </c>
      <c r="E56855" s="15">
        <v>45656</v>
      </c>
      <c r="F56855" s="14" t="s">
        <v>15</v>
      </c>
      <c r="G56855" s="16">
        <v>0</v>
      </c>
    </row>
    <row r="56856" spans="1:7" x14ac:dyDescent="0.3">
      <c r="A56856" s="13" t="s">
        <v>309</v>
      </c>
      <c r="B56856" s="14" t="s">
        <v>1</v>
      </c>
      <c r="C56856" s="14" t="s">
        <v>51</v>
      </c>
      <c r="D56856" s="14" t="s">
        <v>39</v>
      </c>
      <c r="E56856" s="15">
        <v>45657</v>
      </c>
      <c r="F56856" s="14" t="s">
        <v>15</v>
      </c>
      <c r="G56856" s="16">
        <v>0</v>
      </c>
    </row>
    <row r="56857" spans="1:7" x14ac:dyDescent="0.3">
      <c r="A56857" s="13" t="s">
        <v>309</v>
      </c>
      <c r="B56857" s="14" t="s">
        <v>1</v>
      </c>
      <c r="C56857" s="14" t="s">
        <v>51</v>
      </c>
      <c r="D56857" s="14" t="s">
        <v>39</v>
      </c>
      <c r="E56857" s="15">
        <v>45658</v>
      </c>
      <c r="F56857" s="14" t="s">
        <v>15</v>
      </c>
      <c r="G56857" s="16">
        <v>0</v>
      </c>
    </row>
    <row r="56858" spans="1:7" x14ac:dyDescent="0.3">
      <c r="A56858" s="13" t="s">
        <v>309</v>
      </c>
      <c r="B56858" s="14" t="s">
        <v>1</v>
      </c>
      <c r="C56858" s="14" t="s">
        <v>51</v>
      </c>
      <c r="D56858" s="14" t="s">
        <v>39</v>
      </c>
      <c r="E56858" s="15">
        <v>45659</v>
      </c>
      <c r="F56858" s="14" t="s">
        <v>15</v>
      </c>
      <c r="G56858" s="16">
        <v>0</v>
      </c>
    </row>
    <row r="56859" spans="1:7" x14ac:dyDescent="0.3">
      <c r="A56859" s="13" t="s">
        <v>309</v>
      </c>
      <c r="B56859" s="14" t="s">
        <v>1</v>
      </c>
      <c r="C56859" s="14" t="s">
        <v>51</v>
      </c>
      <c r="D56859" s="14" t="s">
        <v>39</v>
      </c>
      <c r="E56859" s="15">
        <v>45660</v>
      </c>
      <c r="F56859" s="14" t="s">
        <v>15</v>
      </c>
      <c r="G56859" s="16">
        <v>0</v>
      </c>
    </row>
    <row r="56860" spans="1:7" x14ac:dyDescent="0.3">
      <c r="A56860" s="13" t="s">
        <v>309</v>
      </c>
      <c r="B56860" s="14" t="s">
        <v>1</v>
      </c>
      <c r="C56860" s="14" t="s">
        <v>51</v>
      </c>
      <c r="D56860" s="14" t="s">
        <v>39</v>
      </c>
      <c r="E56860" s="15">
        <v>45661</v>
      </c>
      <c r="F56860" s="14" t="s">
        <v>15</v>
      </c>
      <c r="G56860" s="16">
        <v>0</v>
      </c>
    </row>
    <row r="56861" spans="1:7" x14ac:dyDescent="0.3">
      <c r="A56861" s="13" t="s">
        <v>309</v>
      </c>
      <c r="B56861" s="14" t="s">
        <v>1</v>
      </c>
      <c r="C56861" s="14" t="s">
        <v>51</v>
      </c>
      <c r="D56861" s="14" t="s">
        <v>39</v>
      </c>
      <c r="E56861" s="15">
        <v>45662</v>
      </c>
      <c r="F56861" s="14" t="s">
        <v>15</v>
      </c>
      <c r="G56861" s="16">
        <v>0</v>
      </c>
    </row>
    <row r="56862" spans="1:7" x14ac:dyDescent="0.3">
      <c r="A56862" s="13" t="s">
        <v>309</v>
      </c>
      <c r="B56862" s="14" t="s">
        <v>1</v>
      </c>
      <c r="C56862" s="14" t="s">
        <v>51</v>
      </c>
      <c r="D56862" s="14" t="s">
        <v>39</v>
      </c>
      <c r="E56862" s="15">
        <v>45663</v>
      </c>
      <c r="F56862" s="14" t="s">
        <v>15</v>
      </c>
      <c r="G56862" s="16">
        <v>0</v>
      </c>
    </row>
    <row r="56863" spans="1:7" x14ac:dyDescent="0.3">
      <c r="A56863" s="13" t="s">
        <v>309</v>
      </c>
      <c r="B56863" s="14" t="s">
        <v>1</v>
      </c>
      <c r="C56863" s="14" t="s">
        <v>51</v>
      </c>
      <c r="D56863" s="14" t="s">
        <v>39</v>
      </c>
      <c r="E56863" s="15">
        <v>45664</v>
      </c>
      <c r="F56863" s="14" t="s">
        <v>15</v>
      </c>
      <c r="G56863" s="16">
        <v>0</v>
      </c>
    </row>
    <row r="56864" spans="1:7" x14ac:dyDescent="0.3">
      <c r="A56864" s="13" t="s">
        <v>309</v>
      </c>
      <c r="B56864" s="14" t="s">
        <v>1</v>
      </c>
      <c r="C56864" s="14" t="s">
        <v>51</v>
      </c>
      <c r="D56864" s="14" t="s">
        <v>39</v>
      </c>
      <c r="E56864" s="15">
        <v>45665</v>
      </c>
      <c r="F56864" s="14" t="s">
        <v>15</v>
      </c>
      <c r="G56864" s="16">
        <v>0</v>
      </c>
    </row>
    <row r="56865" spans="1:7" x14ac:dyDescent="0.3">
      <c r="A56865" s="13" t="s">
        <v>309</v>
      </c>
      <c r="B56865" s="14" t="s">
        <v>1</v>
      </c>
      <c r="C56865" s="14" t="s">
        <v>51</v>
      </c>
      <c r="D56865" s="14" t="s">
        <v>39</v>
      </c>
      <c r="E56865" s="15">
        <v>45666</v>
      </c>
      <c r="F56865" s="14" t="s">
        <v>15</v>
      </c>
      <c r="G56865" s="16">
        <v>0</v>
      </c>
    </row>
    <row r="56866" spans="1:7" x14ac:dyDescent="0.3">
      <c r="A56866" s="13" t="s">
        <v>309</v>
      </c>
      <c r="B56866" s="14" t="s">
        <v>1</v>
      </c>
      <c r="C56866" s="14" t="s">
        <v>51</v>
      </c>
      <c r="D56866" s="14" t="s">
        <v>39</v>
      </c>
      <c r="E56866" s="15">
        <v>45667</v>
      </c>
      <c r="F56866" s="14" t="s">
        <v>15</v>
      </c>
      <c r="G56866" s="16">
        <v>0</v>
      </c>
    </row>
    <row r="56867" spans="1:7" x14ac:dyDescent="0.3">
      <c r="A56867" s="13" t="s">
        <v>309</v>
      </c>
      <c r="B56867" s="14" t="s">
        <v>1</v>
      </c>
      <c r="C56867" s="14" t="s">
        <v>51</v>
      </c>
      <c r="D56867" s="14" t="s">
        <v>39</v>
      </c>
      <c r="E56867" s="15">
        <v>45668</v>
      </c>
      <c r="F56867" s="14" t="s">
        <v>15</v>
      </c>
      <c r="G56867" s="16">
        <v>0</v>
      </c>
    </row>
    <row r="56868" spans="1:7" x14ac:dyDescent="0.3">
      <c r="A56868" s="13" t="s">
        <v>309</v>
      </c>
      <c r="B56868" s="14" t="s">
        <v>1</v>
      </c>
      <c r="C56868" s="14" t="s">
        <v>51</v>
      </c>
      <c r="D56868" s="14" t="s">
        <v>39</v>
      </c>
      <c r="E56868" s="15">
        <v>45669</v>
      </c>
      <c r="F56868" s="14" t="s">
        <v>15</v>
      </c>
      <c r="G56868" s="16">
        <v>0</v>
      </c>
    </row>
    <row r="56869" spans="1:7" x14ac:dyDescent="0.3">
      <c r="A56869" s="13" t="s">
        <v>309</v>
      </c>
      <c r="B56869" s="14" t="s">
        <v>1</v>
      </c>
      <c r="C56869" s="14" t="s">
        <v>51</v>
      </c>
      <c r="D56869" s="14" t="s">
        <v>39</v>
      </c>
      <c r="E56869" s="15">
        <v>45670</v>
      </c>
      <c r="F56869" s="14" t="s">
        <v>15</v>
      </c>
      <c r="G56869" s="16">
        <v>0</v>
      </c>
    </row>
    <row r="56870" spans="1:7" x14ac:dyDescent="0.3">
      <c r="A56870" s="13" t="s">
        <v>309</v>
      </c>
      <c r="B56870" s="14" t="s">
        <v>1</v>
      </c>
      <c r="C56870" s="14" t="s">
        <v>51</v>
      </c>
      <c r="D56870" s="14" t="s">
        <v>39</v>
      </c>
      <c r="E56870" s="15">
        <v>45671</v>
      </c>
      <c r="F56870" s="14" t="s">
        <v>15</v>
      </c>
      <c r="G56870" s="16">
        <v>0</v>
      </c>
    </row>
    <row r="56871" spans="1:7" x14ac:dyDescent="0.3">
      <c r="A56871" s="13" t="s">
        <v>309</v>
      </c>
      <c r="B56871" s="14" t="s">
        <v>1</v>
      </c>
      <c r="C56871" s="14" t="s">
        <v>51</v>
      </c>
      <c r="D56871" s="14" t="s">
        <v>39</v>
      </c>
      <c r="E56871" s="15">
        <v>45672</v>
      </c>
      <c r="F56871" s="14" t="s">
        <v>15</v>
      </c>
      <c r="G56871" s="16">
        <v>0</v>
      </c>
    </row>
    <row r="56872" spans="1:7" x14ac:dyDescent="0.3">
      <c r="A56872" s="13" t="s">
        <v>309</v>
      </c>
      <c r="B56872" s="14" t="s">
        <v>1</v>
      </c>
      <c r="C56872" s="14" t="s">
        <v>51</v>
      </c>
      <c r="D56872" s="14" t="s">
        <v>39</v>
      </c>
      <c r="E56872" s="15">
        <v>45673</v>
      </c>
      <c r="F56872" s="14" t="s">
        <v>15</v>
      </c>
      <c r="G56872" s="16">
        <v>0</v>
      </c>
    </row>
    <row r="56873" spans="1:7" x14ac:dyDescent="0.3">
      <c r="A56873" s="13" t="s">
        <v>309</v>
      </c>
      <c r="B56873" s="14" t="s">
        <v>1</v>
      </c>
      <c r="C56873" s="14" t="s">
        <v>51</v>
      </c>
      <c r="D56873" s="14" t="s">
        <v>39</v>
      </c>
      <c r="E56873" s="15">
        <v>45674</v>
      </c>
      <c r="F56873" s="14" t="s">
        <v>15</v>
      </c>
      <c r="G56873" s="16">
        <v>0</v>
      </c>
    </row>
    <row r="56874" spans="1:7" x14ac:dyDescent="0.3">
      <c r="A56874" s="13" t="s">
        <v>309</v>
      </c>
      <c r="B56874" s="14" t="s">
        <v>1</v>
      </c>
      <c r="C56874" s="14" t="s">
        <v>51</v>
      </c>
      <c r="D56874" s="14" t="s">
        <v>39</v>
      </c>
      <c r="E56874" s="15">
        <v>45675</v>
      </c>
      <c r="F56874" s="14" t="s">
        <v>15</v>
      </c>
      <c r="G56874" s="16">
        <v>0</v>
      </c>
    </row>
    <row r="56875" spans="1:7" x14ac:dyDescent="0.3">
      <c r="A56875" s="13" t="s">
        <v>309</v>
      </c>
      <c r="B56875" s="14" t="s">
        <v>1</v>
      </c>
      <c r="C56875" s="14" t="s">
        <v>51</v>
      </c>
      <c r="D56875" s="14" t="s">
        <v>39</v>
      </c>
      <c r="E56875" s="15">
        <v>45676</v>
      </c>
      <c r="F56875" s="14" t="s">
        <v>15</v>
      </c>
      <c r="G56875" s="16">
        <v>0</v>
      </c>
    </row>
    <row r="56876" spans="1:7" x14ac:dyDescent="0.3">
      <c r="A56876" s="13" t="s">
        <v>309</v>
      </c>
      <c r="B56876" s="14" t="s">
        <v>1</v>
      </c>
      <c r="C56876" s="14" t="s">
        <v>51</v>
      </c>
      <c r="D56876" s="14" t="s">
        <v>39</v>
      </c>
      <c r="E56876" s="15">
        <v>45677</v>
      </c>
      <c r="F56876" s="14" t="s">
        <v>15</v>
      </c>
      <c r="G56876" s="16">
        <v>0</v>
      </c>
    </row>
    <row r="56877" spans="1:7" x14ac:dyDescent="0.3">
      <c r="A56877" s="13" t="s">
        <v>309</v>
      </c>
      <c r="B56877" s="14" t="s">
        <v>1</v>
      </c>
      <c r="C56877" s="14" t="s">
        <v>51</v>
      </c>
      <c r="D56877" s="14" t="s">
        <v>39</v>
      </c>
      <c r="E56877" s="15">
        <v>45678</v>
      </c>
      <c r="F56877" s="14" t="s">
        <v>15</v>
      </c>
      <c r="G56877" s="16">
        <v>0</v>
      </c>
    </row>
    <row r="56878" spans="1:7" x14ac:dyDescent="0.3">
      <c r="A56878" s="13" t="s">
        <v>309</v>
      </c>
      <c r="B56878" s="14" t="s">
        <v>1</v>
      </c>
      <c r="C56878" s="14" t="s">
        <v>51</v>
      </c>
      <c r="D56878" s="14" t="s">
        <v>39</v>
      </c>
      <c r="E56878" s="15">
        <v>45679</v>
      </c>
      <c r="F56878" s="14" t="s">
        <v>15</v>
      </c>
      <c r="G56878" s="16">
        <v>0</v>
      </c>
    </row>
    <row r="56879" spans="1:7" x14ac:dyDescent="0.3">
      <c r="A56879" s="13" t="s">
        <v>309</v>
      </c>
      <c r="B56879" s="14" t="s">
        <v>1</v>
      </c>
      <c r="C56879" s="14" t="s">
        <v>51</v>
      </c>
      <c r="D56879" s="14" t="s">
        <v>39</v>
      </c>
      <c r="E56879" s="15">
        <v>45680</v>
      </c>
      <c r="F56879" s="14" t="s">
        <v>15</v>
      </c>
      <c r="G56879" s="16">
        <v>0</v>
      </c>
    </row>
    <row r="56880" spans="1:7" x14ac:dyDescent="0.3">
      <c r="A56880" s="13" t="s">
        <v>309</v>
      </c>
      <c r="B56880" s="14" t="s">
        <v>1</v>
      </c>
      <c r="C56880" s="14" t="s">
        <v>51</v>
      </c>
      <c r="D56880" s="14" t="s">
        <v>39</v>
      </c>
      <c r="E56880" s="15">
        <v>45681</v>
      </c>
      <c r="F56880" s="14" t="s">
        <v>15</v>
      </c>
      <c r="G56880" s="16">
        <v>0</v>
      </c>
    </row>
    <row r="56881" spans="1:7" x14ac:dyDescent="0.3">
      <c r="A56881" s="13" t="s">
        <v>309</v>
      </c>
      <c r="B56881" s="14" t="s">
        <v>1</v>
      </c>
      <c r="C56881" s="14" t="s">
        <v>51</v>
      </c>
      <c r="D56881" s="14" t="s">
        <v>39</v>
      </c>
      <c r="E56881" s="15">
        <v>45682</v>
      </c>
      <c r="F56881" s="14" t="s">
        <v>15</v>
      </c>
      <c r="G56881" s="16">
        <v>0</v>
      </c>
    </row>
    <row r="56882" spans="1:7" x14ac:dyDescent="0.3">
      <c r="A56882" s="13" t="s">
        <v>309</v>
      </c>
      <c r="B56882" s="14" t="s">
        <v>1</v>
      </c>
      <c r="C56882" s="14" t="s">
        <v>51</v>
      </c>
      <c r="D56882" s="14" t="s">
        <v>39</v>
      </c>
      <c r="E56882" s="15">
        <v>45683</v>
      </c>
      <c r="F56882" s="14" t="s">
        <v>15</v>
      </c>
      <c r="G56882" s="16">
        <v>0</v>
      </c>
    </row>
    <row r="56883" spans="1:7" x14ac:dyDescent="0.3">
      <c r="A56883" s="13" t="s">
        <v>309</v>
      </c>
      <c r="B56883" s="14" t="s">
        <v>1</v>
      </c>
      <c r="C56883" s="14" t="s">
        <v>51</v>
      </c>
      <c r="D56883" s="14" t="s">
        <v>39</v>
      </c>
      <c r="E56883" s="15">
        <v>45684</v>
      </c>
      <c r="F56883" s="14" t="s">
        <v>15</v>
      </c>
      <c r="G56883" s="16">
        <v>0</v>
      </c>
    </row>
    <row r="56884" spans="1:7" x14ac:dyDescent="0.3">
      <c r="A56884" s="13" t="s">
        <v>309</v>
      </c>
      <c r="B56884" s="14" t="s">
        <v>1</v>
      </c>
      <c r="C56884" s="14" t="s">
        <v>51</v>
      </c>
      <c r="D56884" s="14" t="s">
        <v>39</v>
      </c>
      <c r="E56884" s="15">
        <v>45685</v>
      </c>
      <c r="F56884" s="14" t="s">
        <v>15</v>
      </c>
      <c r="G56884" s="16">
        <v>0</v>
      </c>
    </row>
    <row r="56885" spans="1:7" x14ac:dyDescent="0.3">
      <c r="A56885" s="13" t="s">
        <v>309</v>
      </c>
      <c r="B56885" s="14" t="s">
        <v>1</v>
      </c>
      <c r="C56885" s="14" t="s">
        <v>51</v>
      </c>
      <c r="D56885" s="14" t="s">
        <v>39</v>
      </c>
      <c r="E56885" s="15">
        <v>45686</v>
      </c>
      <c r="F56885" s="14" t="s">
        <v>15</v>
      </c>
      <c r="G56885" s="16">
        <v>0</v>
      </c>
    </row>
    <row r="56886" spans="1:7" x14ac:dyDescent="0.3">
      <c r="A56886" s="13" t="s">
        <v>309</v>
      </c>
      <c r="B56886" s="14" t="s">
        <v>1</v>
      </c>
      <c r="C56886" s="14" t="s">
        <v>51</v>
      </c>
      <c r="D56886" s="14" t="s">
        <v>39</v>
      </c>
      <c r="E56886" s="15">
        <v>45687</v>
      </c>
      <c r="F56886" s="14" t="s">
        <v>15</v>
      </c>
      <c r="G56886" s="16">
        <v>0</v>
      </c>
    </row>
    <row r="56887" spans="1:7" x14ac:dyDescent="0.3">
      <c r="A56887" s="13" t="s">
        <v>309</v>
      </c>
      <c r="B56887" s="14" t="s">
        <v>1</v>
      </c>
      <c r="C56887" s="14" t="s">
        <v>51</v>
      </c>
      <c r="D56887" s="14" t="s">
        <v>39</v>
      </c>
      <c r="E56887" s="15">
        <v>45688</v>
      </c>
      <c r="F56887" s="14" t="s">
        <v>15</v>
      </c>
      <c r="G56887" s="16">
        <v>0</v>
      </c>
    </row>
    <row r="56888" spans="1:7" x14ac:dyDescent="0.3">
      <c r="A56888" s="13" t="s">
        <v>309</v>
      </c>
      <c r="B56888" s="14" t="s">
        <v>1</v>
      </c>
      <c r="C56888" s="14" t="s">
        <v>51</v>
      </c>
      <c r="D56888" s="14" t="s">
        <v>39</v>
      </c>
      <c r="E56888" s="15">
        <v>45689</v>
      </c>
      <c r="F56888" s="14" t="s">
        <v>15</v>
      </c>
      <c r="G56888" s="16">
        <v>0</v>
      </c>
    </row>
    <row r="56889" spans="1:7" x14ac:dyDescent="0.3">
      <c r="A56889" s="13" t="s">
        <v>309</v>
      </c>
      <c r="B56889" s="14" t="s">
        <v>1</v>
      </c>
      <c r="C56889" s="14" t="s">
        <v>51</v>
      </c>
      <c r="D56889" s="14" t="s">
        <v>39</v>
      </c>
      <c r="E56889" s="15">
        <v>45690</v>
      </c>
      <c r="F56889" s="14" t="s">
        <v>15</v>
      </c>
      <c r="G56889" s="16">
        <v>0</v>
      </c>
    </row>
    <row r="56890" spans="1:7" x14ac:dyDescent="0.3">
      <c r="A56890" s="13" t="s">
        <v>309</v>
      </c>
      <c r="B56890" s="14" t="s">
        <v>1</v>
      </c>
      <c r="C56890" s="14" t="s">
        <v>51</v>
      </c>
      <c r="D56890" s="14" t="s">
        <v>39</v>
      </c>
      <c r="E56890" s="15">
        <v>45691</v>
      </c>
      <c r="F56890" s="14" t="s">
        <v>15</v>
      </c>
      <c r="G56890" s="16">
        <v>0</v>
      </c>
    </row>
    <row r="56891" spans="1:7" x14ac:dyDescent="0.3">
      <c r="A56891" s="13" t="s">
        <v>309</v>
      </c>
      <c r="B56891" s="14" t="s">
        <v>1</v>
      </c>
      <c r="C56891" s="14" t="s">
        <v>51</v>
      </c>
      <c r="D56891" s="14" t="s">
        <v>39</v>
      </c>
      <c r="E56891" s="15">
        <v>45692</v>
      </c>
      <c r="F56891" s="14" t="s">
        <v>15</v>
      </c>
      <c r="G56891" s="16">
        <v>0</v>
      </c>
    </row>
    <row r="56892" spans="1:7" x14ac:dyDescent="0.3">
      <c r="A56892" s="13" t="s">
        <v>309</v>
      </c>
      <c r="B56892" s="14" t="s">
        <v>1</v>
      </c>
      <c r="C56892" s="14" t="s">
        <v>51</v>
      </c>
      <c r="D56892" s="14" t="s">
        <v>39</v>
      </c>
      <c r="E56892" s="15">
        <v>45693</v>
      </c>
      <c r="F56892" s="14" t="s">
        <v>15</v>
      </c>
      <c r="G56892" s="16">
        <v>0</v>
      </c>
    </row>
    <row r="56893" spans="1:7" x14ac:dyDescent="0.3">
      <c r="A56893" s="13" t="s">
        <v>309</v>
      </c>
      <c r="B56893" s="14" t="s">
        <v>1</v>
      </c>
      <c r="C56893" s="14" t="s">
        <v>51</v>
      </c>
      <c r="D56893" s="14" t="s">
        <v>39</v>
      </c>
      <c r="E56893" s="15">
        <v>45694</v>
      </c>
      <c r="F56893" s="14" t="s">
        <v>15</v>
      </c>
      <c r="G56893" s="16">
        <v>0</v>
      </c>
    </row>
    <row r="56894" spans="1:7" x14ac:dyDescent="0.3">
      <c r="A56894" s="13" t="s">
        <v>309</v>
      </c>
      <c r="B56894" s="14" t="s">
        <v>1</v>
      </c>
      <c r="C56894" s="14" t="s">
        <v>51</v>
      </c>
      <c r="D56894" s="14" t="s">
        <v>39</v>
      </c>
      <c r="E56894" s="15">
        <v>45695</v>
      </c>
      <c r="F56894" s="14" t="s">
        <v>15</v>
      </c>
      <c r="G56894" s="16">
        <v>0</v>
      </c>
    </row>
    <row r="56895" spans="1:7" x14ac:dyDescent="0.3">
      <c r="A56895" s="13" t="s">
        <v>309</v>
      </c>
      <c r="B56895" s="14" t="s">
        <v>1</v>
      </c>
      <c r="C56895" s="14" t="s">
        <v>51</v>
      </c>
      <c r="D56895" s="14" t="s">
        <v>39</v>
      </c>
      <c r="E56895" s="15">
        <v>45696</v>
      </c>
      <c r="F56895" s="14" t="s">
        <v>15</v>
      </c>
      <c r="G56895" s="16">
        <v>0</v>
      </c>
    </row>
    <row r="56896" spans="1:7" x14ac:dyDescent="0.3">
      <c r="A56896" s="13" t="s">
        <v>309</v>
      </c>
      <c r="B56896" s="14" t="s">
        <v>1</v>
      </c>
      <c r="C56896" s="14" t="s">
        <v>51</v>
      </c>
      <c r="D56896" s="14" t="s">
        <v>39</v>
      </c>
      <c r="E56896" s="15">
        <v>45697</v>
      </c>
      <c r="F56896" s="14" t="s">
        <v>15</v>
      </c>
      <c r="G56896" s="16">
        <v>0</v>
      </c>
    </row>
    <row r="56897" spans="1:7" x14ac:dyDescent="0.3">
      <c r="A56897" s="13" t="s">
        <v>309</v>
      </c>
      <c r="B56897" s="14" t="s">
        <v>1</v>
      </c>
      <c r="C56897" s="14" t="s">
        <v>51</v>
      </c>
      <c r="D56897" s="14" t="s">
        <v>39</v>
      </c>
      <c r="E56897" s="15">
        <v>45698</v>
      </c>
      <c r="F56897" s="14" t="s">
        <v>15</v>
      </c>
      <c r="G56897" s="16">
        <v>0</v>
      </c>
    </row>
    <row r="56898" spans="1:7" x14ac:dyDescent="0.3">
      <c r="A56898" s="13" t="s">
        <v>309</v>
      </c>
      <c r="B56898" s="14" t="s">
        <v>1</v>
      </c>
      <c r="C56898" s="14" t="s">
        <v>51</v>
      </c>
      <c r="D56898" s="14" t="s">
        <v>39</v>
      </c>
      <c r="E56898" s="15">
        <v>45699</v>
      </c>
      <c r="F56898" s="14" t="s">
        <v>15</v>
      </c>
      <c r="G56898" s="16">
        <v>0</v>
      </c>
    </row>
    <row r="56899" spans="1:7" x14ac:dyDescent="0.3">
      <c r="A56899" s="13" t="s">
        <v>309</v>
      </c>
      <c r="B56899" s="14" t="s">
        <v>1</v>
      </c>
      <c r="C56899" s="14" t="s">
        <v>51</v>
      </c>
      <c r="D56899" s="14" t="s">
        <v>39</v>
      </c>
      <c r="E56899" s="15">
        <v>45700</v>
      </c>
      <c r="F56899" s="14" t="s">
        <v>15</v>
      </c>
      <c r="G56899" s="16">
        <v>0</v>
      </c>
    </row>
    <row r="56900" spans="1:7" x14ac:dyDescent="0.3">
      <c r="A56900" s="13" t="s">
        <v>309</v>
      </c>
      <c r="B56900" s="14" t="s">
        <v>1</v>
      </c>
      <c r="C56900" s="14" t="s">
        <v>51</v>
      </c>
      <c r="D56900" s="14" t="s">
        <v>39</v>
      </c>
      <c r="E56900" s="15">
        <v>45701</v>
      </c>
      <c r="F56900" s="14" t="s">
        <v>15</v>
      </c>
      <c r="G56900" s="16">
        <v>0</v>
      </c>
    </row>
    <row r="56901" spans="1:7" x14ac:dyDescent="0.3">
      <c r="A56901" s="13" t="s">
        <v>309</v>
      </c>
      <c r="B56901" s="14" t="s">
        <v>1</v>
      </c>
      <c r="C56901" s="14" t="s">
        <v>51</v>
      </c>
      <c r="D56901" s="14" t="s">
        <v>39</v>
      </c>
      <c r="E56901" s="15">
        <v>45702</v>
      </c>
      <c r="F56901" s="14" t="s">
        <v>15</v>
      </c>
      <c r="G56901" s="16">
        <v>0</v>
      </c>
    </row>
    <row r="56902" spans="1:7" x14ac:dyDescent="0.3">
      <c r="A56902" s="13" t="s">
        <v>309</v>
      </c>
      <c r="B56902" s="14" t="s">
        <v>1</v>
      </c>
      <c r="C56902" s="14" t="s">
        <v>51</v>
      </c>
      <c r="D56902" s="14" t="s">
        <v>39</v>
      </c>
      <c r="E56902" s="15">
        <v>45703</v>
      </c>
      <c r="F56902" s="14" t="s">
        <v>15</v>
      </c>
      <c r="G56902" s="16">
        <v>0</v>
      </c>
    </row>
    <row r="56903" spans="1:7" x14ac:dyDescent="0.3">
      <c r="A56903" s="13" t="s">
        <v>309</v>
      </c>
      <c r="B56903" s="14" t="s">
        <v>1</v>
      </c>
      <c r="C56903" s="14" t="s">
        <v>51</v>
      </c>
      <c r="D56903" s="14" t="s">
        <v>39</v>
      </c>
      <c r="E56903" s="15">
        <v>45704</v>
      </c>
      <c r="F56903" s="14" t="s">
        <v>15</v>
      </c>
      <c r="G56903" s="16">
        <v>0</v>
      </c>
    </row>
    <row r="56904" spans="1:7" x14ac:dyDescent="0.3">
      <c r="A56904" s="13" t="s">
        <v>309</v>
      </c>
      <c r="B56904" s="14" t="s">
        <v>1</v>
      </c>
      <c r="C56904" s="14" t="s">
        <v>51</v>
      </c>
      <c r="D56904" s="14" t="s">
        <v>39</v>
      </c>
      <c r="E56904" s="15">
        <v>45705</v>
      </c>
      <c r="F56904" s="14" t="s">
        <v>15</v>
      </c>
      <c r="G56904" s="16">
        <v>0</v>
      </c>
    </row>
    <row r="56905" spans="1:7" x14ac:dyDescent="0.3">
      <c r="A56905" s="13" t="s">
        <v>309</v>
      </c>
      <c r="B56905" s="14" t="s">
        <v>1</v>
      </c>
      <c r="C56905" s="14" t="s">
        <v>51</v>
      </c>
      <c r="D56905" s="14" t="s">
        <v>39</v>
      </c>
      <c r="E56905" s="15">
        <v>45706</v>
      </c>
      <c r="F56905" s="14" t="s">
        <v>15</v>
      </c>
      <c r="G56905" s="16">
        <v>0</v>
      </c>
    </row>
    <row r="56906" spans="1:7" x14ac:dyDescent="0.3">
      <c r="A56906" s="13" t="s">
        <v>309</v>
      </c>
      <c r="B56906" s="14" t="s">
        <v>1</v>
      </c>
      <c r="C56906" s="14" t="s">
        <v>51</v>
      </c>
      <c r="D56906" s="14" t="s">
        <v>39</v>
      </c>
      <c r="E56906" s="15">
        <v>45707</v>
      </c>
      <c r="F56906" s="14" t="s">
        <v>15</v>
      </c>
      <c r="G56906" s="16">
        <v>0</v>
      </c>
    </row>
    <row r="56907" spans="1:7" x14ac:dyDescent="0.3">
      <c r="A56907" s="13" t="s">
        <v>309</v>
      </c>
      <c r="B56907" s="14" t="s">
        <v>1</v>
      </c>
      <c r="C56907" s="14" t="s">
        <v>51</v>
      </c>
      <c r="D56907" s="14" t="s">
        <v>39</v>
      </c>
      <c r="E56907" s="15">
        <v>45708</v>
      </c>
      <c r="F56907" s="14" t="s">
        <v>15</v>
      </c>
      <c r="G56907" s="16">
        <v>0</v>
      </c>
    </row>
    <row r="56908" spans="1:7" x14ac:dyDescent="0.3">
      <c r="A56908" s="13" t="s">
        <v>309</v>
      </c>
      <c r="B56908" s="14" t="s">
        <v>1</v>
      </c>
      <c r="C56908" s="14" t="s">
        <v>51</v>
      </c>
      <c r="D56908" s="14" t="s">
        <v>39</v>
      </c>
      <c r="E56908" s="15">
        <v>45709</v>
      </c>
      <c r="F56908" s="14" t="s">
        <v>15</v>
      </c>
      <c r="G56908" s="16">
        <v>0</v>
      </c>
    </row>
    <row r="56909" spans="1:7" x14ac:dyDescent="0.3">
      <c r="A56909" s="13" t="s">
        <v>309</v>
      </c>
      <c r="B56909" s="14" t="s">
        <v>1</v>
      </c>
      <c r="C56909" s="14" t="s">
        <v>51</v>
      </c>
      <c r="D56909" s="14" t="s">
        <v>39</v>
      </c>
      <c r="E56909" s="15">
        <v>45710</v>
      </c>
      <c r="F56909" s="14" t="s">
        <v>15</v>
      </c>
      <c r="G56909" s="16">
        <v>0</v>
      </c>
    </row>
    <row r="56910" spans="1:7" x14ac:dyDescent="0.3">
      <c r="A56910" s="13" t="s">
        <v>309</v>
      </c>
      <c r="B56910" s="14" t="s">
        <v>1</v>
      </c>
      <c r="C56910" s="14" t="s">
        <v>51</v>
      </c>
      <c r="D56910" s="14" t="s">
        <v>39</v>
      </c>
      <c r="E56910" s="15">
        <v>45711</v>
      </c>
      <c r="F56910" s="14" t="s">
        <v>15</v>
      </c>
      <c r="G56910" s="16">
        <v>0</v>
      </c>
    </row>
    <row r="56911" spans="1:7" x14ac:dyDescent="0.3">
      <c r="A56911" s="13" t="s">
        <v>309</v>
      </c>
      <c r="B56911" s="14" t="s">
        <v>1</v>
      </c>
      <c r="C56911" s="14" t="s">
        <v>51</v>
      </c>
      <c r="D56911" s="14" t="s">
        <v>39</v>
      </c>
      <c r="E56911" s="15">
        <v>45712</v>
      </c>
      <c r="F56911" s="14" t="s">
        <v>15</v>
      </c>
      <c r="G56911" s="16">
        <v>0</v>
      </c>
    </row>
    <row r="56912" spans="1:7" x14ac:dyDescent="0.3">
      <c r="A56912" s="13" t="s">
        <v>309</v>
      </c>
      <c r="B56912" s="14" t="s">
        <v>1</v>
      </c>
      <c r="C56912" s="14" t="s">
        <v>51</v>
      </c>
      <c r="D56912" s="14" t="s">
        <v>39</v>
      </c>
      <c r="E56912" s="15">
        <v>45713</v>
      </c>
      <c r="F56912" s="14" t="s">
        <v>15</v>
      </c>
      <c r="G56912" s="16">
        <v>0</v>
      </c>
    </row>
    <row r="56913" spans="1:7" x14ac:dyDescent="0.3">
      <c r="A56913" s="13" t="s">
        <v>309</v>
      </c>
      <c r="B56913" s="14" t="s">
        <v>1</v>
      </c>
      <c r="C56913" s="14" t="s">
        <v>51</v>
      </c>
      <c r="D56913" s="14" t="s">
        <v>39</v>
      </c>
      <c r="E56913" s="15">
        <v>45714</v>
      </c>
      <c r="F56913" s="14" t="s">
        <v>15</v>
      </c>
      <c r="G56913" s="16">
        <v>0</v>
      </c>
    </row>
    <row r="56914" spans="1:7" x14ac:dyDescent="0.3">
      <c r="A56914" s="13" t="s">
        <v>309</v>
      </c>
      <c r="B56914" s="14" t="s">
        <v>1</v>
      </c>
      <c r="C56914" s="14" t="s">
        <v>51</v>
      </c>
      <c r="D56914" s="14" t="s">
        <v>39</v>
      </c>
      <c r="E56914" s="15">
        <v>45715</v>
      </c>
      <c r="F56914" s="14" t="s">
        <v>15</v>
      </c>
      <c r="G56914" s="16">
        <v>0</v>
      </c>
    </row>
    <row r="56915" spans="1:7" x14ac:dyDescent="0.3">
      <c r="A56915" s="13" t="s">
        <v>309</v>
      </c>
      <c r="B56915" s="14" t="s">
        <v>1</v>
      </c>
      <c r="C56915" s="14" t="s">
        <v>51</v>
      </c>
      <c r="D56915" s="14" t="s">
        <v>39</v>
      </c>
      <c r="E56915" s="15">
        <v>45716</v>
      </c>
      <c r="F56915" s="14" t="s">
        <v>15</v>
      </c>
      <c r="G56915" s="16">
        <v>0</v>
      </c>
    </row>
    <row r="56916" spans="1:7" x14ac:dyDescent="0.3">
      <c r="A56916" s="13" t="s">
        <v>309</v>
      </c>
      <c r="B56916" s="14" t="s">
        <v>1</v>
      </c>
      <c r="C56916" s="14" t="s">
        <v>51</v>
      </c>
      <c r="D56916" s="14" t="s">
        <v>39</v>
      </c>
      <c r="E56916" s="15">
        <v>45717</v>
      </c>
      <c r="F56916" s="14" t="s">
        <v>15</v>
      </c>
      <c r="G56916" s="16">
        <v>0</v>
      </c>
    </row>
    <row r="56917" spans="1:7" x14ac:dyDescent="0.3">
      <c r="A56917" s="13" t="s">
        <v>309</v>
      </c>
      <c r="B56917" s="14" t="s">
        <v>1</v>
      </c>
      <c r="C56917" s="14" t="s">
        <v>51</v>
      </c>
      <c r="D56917" s="14" t="s">
        <v>39</v>
      </c>
      <c r="E56917" s="15">
        <v>45718</v>
      </c>
      <c r="F56917" s="14" t="s">
        <v>15</v>
      </c>
      <c r="G56917" s="16">
        <v>0</v>
      </c>
    </row>
    <row r="56918" spans="1:7" x14ac:dyDescent="0.3">
      <c r="A56918" s="13" t="s">
        <v>309</v>
      </c>
      <c r="B56918" s="14" t="s">
        <v>1</v>
      </c>
      <c r="C56918" s="14" t="s">
        <v>51</v>
      </c>
      <c r="D56918" s="14" t="s">
        <v>39</v>
      </c>
      <c r="E56918" s="15">
        <v>45719</v>
      </c>
      <c r="F56918" s="14" t="s">
        <v>15</v>
      </c>
      <c r="G56918" s="16">
        <v>0</v>
      </c>
    </row>
    <row r="56919" spans="1:7" x14ac:dyDescent="0.3">
      <c r="A56919" s="13" t="s">
        <v>309</v>
      </c>
      <c r="B56919" s="14" t="s">
        <v>1</v>
      </c>
      <c r="C56919" s="14" t="s">
        <v>51</v>
      </c>
      <c r="D56919" s="14" t="s">
        <v>39</v>
      </c>
      <c r="E56919" s="15">
        <v>45720</v>
      </c>
      <c r="F56919" s="14" t="s">
        <v>15</v>
      </c>
      <c r="G56919" s="16">
        <v>0</v>
      </c>
    </row>
    <row r="56920" spans="1:7" x14ac:dyDescent="0.3">
      <c r="A56920" s="13" t="s">
        <v>309</v>
      </c>
      <c r="B56920" s="14" t="s">
        <v>1</v>
      </c>
      <c r="C56920" s="14" t="s">
        <v>51</v>
      </c>
      <c r="D56920" s="14" t="s">
        <v>39</v>
      </c>
      <c r="E56920" s="15">
        <v>45721</v>
      </c>
      <c r="F56920" s="14" t="s">
        <v>15</v>
      </c>
      <c r="G56920" s="16">
        <v>0</v>
      </c>
    </row>
    <row r="56921" spans="1:7" x14ac:dyDescent="0.3">
      <c r="A56921" s="13" t="s">
        <v>309</v>
      </c>
      <c r="B56921" s="14" t="s">
        <v>1</v>
      </c>
      <c r="C56921" s="14" t="s">
        <v>51</v>
      </c>
      <c r="D56921" s="14" t="s">
        <v>39</v>
      </c>
      <c r="E56921" s="15">
        <v>45722</v>
      </c>
      <c r="F56921" s="14" t="s">
        <v>15</v>
      </c>
      <c r="G56921" s="16">
        <v>0</v>
      </c>
    </row>
    <row r="56922" spans="1:7" x14ac:dyDescent="0.3">
      <c r="A56922" s="13" t="s">
        <v>309</v>
      </c>
      <c r="B56922" s="14" t="s">
        <v>1</v>
      </c>
      <c r="C56922" s="14" t="s">
        <v>51</v>
      </c>
      <c r="D56922" s="14" t="s">
        <v>39</v>
      </c>
      <c r="E56922" s="15">
        <v>45723</v>
      </c>
      <c r="F56922" s="14" t="s">
        <v>15</v>
      </c>
      <c r="G56922" s="16">
        <v>0</v>
      </c>
    </row>
    <row r="56923" spans="1:7" x14ac:dyDescent="0.3">
      <c r="A56923" s="13" t="s">
        <v>309</v>
      </c>
      <c r="B56923" s="14" t="s">
        <v>1</v>
      </c>
      <c r="C56923" s="14" t="s">
        <v>51</v>
      </c>
      <c r="D56923" s="14" t="s">
        <v>39</v>
      </c>
      <c r="E56923" s="15">
        <v>45724</v>
      </c>
      <c r="F56923" s="14" t="s">
        <v>15</v>
      </c>
      <c r="G56923" s="16">
        <v>0</v>
      </c>
    </row>
    <row r="56924" spans="1:7" x14ac:dyDescent="0.3">
      <c r="A56924" s="13" t="s">
        <v>309</v>
      </c>
      <c r="B56924" s="14" t="s">
        <v>1</v>
      </c>
      <c r="C56924" s="14" t="s">
        <v>51</v>
      </c>
      <c r="D56924" s="14" t="s">
        <v>39</v>
      </c>
      <c r="E56924" s="15">
        <v>45725</v>
      </c>
      <c r="F56924" s="14" t="s">
        <v>15</v>
      </c>
      <c r="G56924" s="16">
        <v>0</v>
      </c>
    </row>
    <row r="56925" spans="1:7" x14ac:dyDescent="0.3">
      <c r="A56925" s="13" t="s">
        <v>309</v>
      </c>
      <c r="B56925" s="14" t="s">
        <v>1</v>
      </c>
      <c r="C56925" s="14" t="s">
        <v>51</v>
      </c>
      <c r="D56925" s="14" t="s">
        <v>39</v>
      </c>
      <c r="E56925" s="15">
        <v>45726</v>
      </c>
      <c r="F56925" s="14" t="s">
        <v>15</v>
      </c>
      <c r="G56925" s="16">
        <v>0</v>
      </c>
    </row>
    <row r="56926" spans="1:7" x14ac:dyDescent="0.3">
      <c r="A56926" s="13" t="s">
        <v>309</v>
      </c>
      <c r="B56926" s="14" t="s">
        <v>1</v>
      </c>
      <c r="C56926" s="14" t="s">
        <v>51</v>
      </c>
      <c r="D56926" s="14" t="s">
        <v>39</v>
      </c>
      <c r="E56926" s="15">
        <v>45727</v>
      </c>
      <c r="F56926" s="14" t="s">
        <v>15</v>
      </c>
      <c r="G56926" s="16">
        <v>0</v>
      </c>
    </row>
    <row r="56927" spans="1:7" x14ac:dyDescent="0.3">
      <c r="A56927" s="13" t="s">
        <v>309</v>
      </c>
      <c r="B56927" s="14" t="s">
        <v>1</v>
      </c>
      <c r="C56927" s="14" t="s">
        <v>51</v>
      </c>
      <c r="D56927" s="14" t="s">
        <v>39</v>
      </c>
      <c r="E56927" s="15">
        <v>45728</v>
      </c>
      <c r="F56927" s="14" t="s">
        <v>15</v>
      </c>
      <c r="G56927" s="16">
        <v>0</v>
      </c>
    </row>
    <row r="56928" spans="1:7" x14ac:dyDescent="0.3">
      <c r="A56928" s="13" t="s">
        <v>309</v>
      </c>
      <c r="B56928" s="14" t="s">
        <v>1</v>
      </c>
      <c r="C56928" s="14" t="s">
        <v>51</v>
      </c>
      <c r="D56928" s="14" t="s">
        <v>39</v>
      </c>
      <c r="E56928" s="15">
        <v>45729</v>
      </c>
      <c r="F56928" s="14" t="s">
        <v>15</v>
      </c>
      <c r="G56928" s="16">
        <v>0</v>
      </c>
    </row>
    <row r="56929" spans="1:7" x14ac:dyDescent="0.3">
      <c r="A56929" s="13" t="s">
        <v>309</v>
      </c>
      <c r="B56929" s="14" t="s">
        <v>1</v>
      </c>
      <c r="C56929" s="14" t="s">
        <v>51</v>
      </c>
      <c r="D56929" s="14" t="s">
        <v>39</v>
      </c>
      <c r="E56929" s="15">
        <v>45730</v>
      </c>
      <c r="F56929" s="14" t="s">
        <v>15</v>
      </c>
      <c r="G56929" s="16">
        <v>0</v>
      </c>
    </row>
    <row r="56930" spans="1:7" x14ac:dyDescent="0.3">
      <c r="A56930" s="13" t="s">
        <v>309</v>
      </c>
      <c r="B56930" s="14" t="s">
        <v>1</v>
      </c>
      <c r="C56930" s="14" t="s">
        <v>51</v>
      </c>
      <c r="D56930" s="14" t="s">
        <v>39</v>
      </c>
      <c r="E56930" s="15">
        <v>45731</v>
      </c>
      <c r="F56930" s="14" t="s">
        <v>15</v>
      </c>
      <c r="G56930" s="16">
        <v>0</v>
      </c>
    </row>
    <row r="56931" spans="1:7" x14ac:dyDescent="0.3">
      <c r="A56931" s="13" t="s">
        <v>309</v>
      </c>
      <c r="B56931" s="14" t="s">
        <v>1</v>
      </c>
      <c r="C56931" s="14" t="s">
        <v>51</v>
      </c>
      <c r="D56931" s="14" t="s">
        <v>39</v>
      </c>
      <c r="E56931" s="15">
        <v>45732</v>
      </c>
      <c r="F56931" s="14" t="s">
        <v>15</v>
      </c>
      <c r="G56931" s="16">
        <v>0</v>
      </c>
    </row>
    <row r="56932" spans="1:7" x14ac:dyDescent="0.3">
      <c r="A56932" s="13" t="s">
        <v>309</v>
      </c>
      <c r="B56932" s="14" t="s">
        <v>1</v>
      </c>
      <c r="C56932" s="14" t="s">
        <v>51</v>
      </c>
      <c r="D56932" s="14" t="s">
        <v>39</v>
      </c>
      <c r="E56932" s="15">
        <v>45733</v>
      </c>
      <c r="F56932" s="14" t="s">
        <v>15</v>
      </c>
      <c r="G56932" s="16">
        <v>0</v>
      </c>
    </row>
    <row r="56933" spans="1:7" x14ac:dyDescent="0.3">
      <c r="A56933" s="13" t="s">
        <v>309</v>
      </c>
      <c r="B56933" s="14" t="s">
        <v>1</v>
      </c>
      <c r="C56933" s="14" t="s">
        <v>51</v>
      </c>
      <c r="D56933" s="14" t="s">
        <v>39</v>
      </c>
      <c r="E56933" s="15">
        <v>45734</v>
      </c>
      <c r="F56933" s="14" t="s">
        <v>15</v>
      </c>
      <c r="G56933" s="16">
        <v>0</v>
      </c>
    </row>
    <row r="56934" spans="1:7" x14ac:dyDescent="0.3">
      <c r="A56934" s="13" t="s">
        <v>309</v>
      </c>
      <c r="B56934" s="14" t="s">
        <v>1</v>
      </c>
      <c r="C56934" s="14" t="s">
        <v>51</v>
      </c>
      <c r="D56934" s="14" t="s">
        <v>39</v>
      </c>
      <c r="E56934" s="15">
        <v>45735</v>
      </c>
      <c r="F56934" s="14" t="s">
        <v>15</v>
      </c>
      <c r="G56934" s="16">
        <v>0</v>
      </c>
    </row>
    <row r="56935" spans="1:7" x14ac:dyDescent="0.3">
      <c r="A56935" s="13" t="s">
        <v>309</v>
      </c>
      <c r="B56935" s="14" t="s">
        <v>1</v>
      </c>
      <c r="C56935" s="14" t="s">
        <v>51</v>
      </c>
      <c r="D56935" s="14" t="s">
        <v>39</v>
      </c>
      <c r="E56935" s="15">
        <v>45736</v>
      </c>
      <c r="F56935" s="14" t="s">
        <v>15</v>
      </c>
      <c r="G56935" s="16">
        <v>0</v>
      </c>
    </row>
    <row r="56936" spans="1:7" x14ac:dyDescent="0.3">
      <c r="A56936" s="13" t="s">
        <v>309</v>
      </c>
      <c r="B56936" s="14" t="s">
        <v>1</v>
      </c>
      <c r="C56936" s="14" t="s">
        <v>51</v>
      </c>
      <c r="D56936" s="14" t="s">
        <v>39</v>
      </c>
      <c r="E56936" s="15">
        <v>45737</v>
      </c>
      <c r="F56936" s="14" t="s">
        <v>15</v>
      </c>
      <c r="G56936" s="16">
        <v>0</v>
      </c>
    </row>
    <row r="56937" spans="1:7" x14ac:dyDescent="0.3">
      <c r="A56937" s="13" t="s">
        <v>309</v>
      </c>
      <c r="B56937" s="14" t="s">
        <v>1</v>
      </c>
      <c r="C56937" s="14" t="s">
        <v>51</v>
      </c>
      <c r="D56937" s="14" t="s">
        <v>39</v>
      </c>
      <c r="E56937" s="15">
        <v>45738</v>
      </c>
      <c r="F56937" s="14" t="s">
        <v>15</v>
      </c>
      <c r="G56937" s="16">
        <v>0</v>
      </c>
    </row>
    <row r="56938" spans="1:7" x14ac:dyDescent="0.3">
      <c r="A56938" s="13" t="s">
        <v>309</v>
      </c>
      <c r="B56938" s="14" t="s">
        <v>1</v>
      </c>
      <c r="C56938" s="14" t="s">
        <v>51</v>
      </c>
      <c r="D56938" s="14" t="s">
        <v>39</v>
      </c>
      <c r="E56938" s="15">
        <v>45739</v>
      </c>
      <c r="F56938" s="14" t="s">
        <v>15</v>
      </c>
      <c r="G56938" s="16">
        <v>0</v>
      </c>
    </row>
    <row r="56939" spans="1:7" x14ac:dyDescent="0.3">
      <c r="A56939" s="13" t="s">
        <v>309</v>
      </c>
      <c r="B56939" s="14" t="s">
        <v>1</v>
      </c>
      <c r="C56939" s="14" t="s">
        <v>51</v>
      </c>
      <c r="D56939" s="14" t="s">
        <v>39</v>
      </c>
      <c r="E56939" s="15">
        <v>45740</v>
      </c>
      <c r="F56939" s="14" t="s">
        <v>15</v>
      </c>
      <c r="G56939" s="16">
        <v>0</v>
      </c>
    </row>
    <row r="56940" spans="1:7" x14ac:dyDescent="0.3">
      <c r="A56940" s="13" t="s">
        <v>309</v>
      </c>
      <c r="B56940" s="14" t="s">
        <v>1</v>
      </c>
      <c r="C56940" s="14" t="s">
        <v>51</v>
      </c>
      <c r="D56940" s="14" t="s">
        <v>39</v>
      </c>
      <c r="E56940" s="15">
        <v>45741</v>
      </c>
      <c r="F56940" s="14" t="s">
        <v>15</v>
      </c>
      <c r="G56940" s="16">
        <v>0</v>
      </c>
    </row>
    <row r="56941" spans="1:7" x14ac:dyDescent="0.3">
      <c r="A56941" s="13" t="s">
        <v>309</v>
      </c>
      <c r="B56941" s="14" t="s">
        <v>1</v>
      </c>
      <c r="C56941" s="14" t="s">
        <v>51</v>
      </c>
      <c r="D56941" s="14" t="s">
        <v>39</v>
      </c>
      <c r="E56941" s="15">
        <v>45742</v>
      </c>
      <c r="F56941" s="14" t="s">
        <v>15</v>
      </c>
      <c r="G56941" s="16">
        <v>0</v>
      </c>
    </row>
    <row r="56942" spans="1:7" x14ac:dyDescent="0.3">
      <c r="A56942" s="13" t="s">
        <v>309</v>
      </c>
      <c r="B56942" s="14" t="s">
        <v>1</v>
      </c>
      <c r="C56942" s="14" t="s">
        <v>51</v>
      </c>
      <c r="D56942" s="14" t="s">
        <v>39</v>
      </c>
      <c r="E56942" s="15">
        <v>45743</v>
      </c>
      <c r="F56942" s="14" t="s">
        <v>15</v>
      </c>
      <c r="G56942" s="16">
        <v>0</v>
      </c>
    </row>
    <row r="56943" spans="1:7" x14ac:dyDescent="0.3">
      <c r="A56943" s="13" t="s">
        <v>309</v>
      </c>
      <c r="B56943" s="14" t="s">
        <v>1</v>
      </c>
      <c r="C56943" s="14" t="s">
        <v>51</v>
      </c>
      <c r="D56943" s="14" t="s">
        <v>39</v>
      </c>
      <c r="E56943" s="15">
        <v>45744</v>
      </c>
      <c r="F56943" s="14" t="s">
        <v>15</v>
      </c>
      <c r="G56943" s="16">
        <v>0</v>
      </c>
    </row>
    <row r="56944" spans="1:7" x14ac:dyDescent="0.3">
      <c r="A56944" s="13" t="s">
        <v>309</v>
      </c>
      <c r="B56944" s="14" t="s">
        <v>1</v>
      </c>
      <c r="C56944" s="14" t="s">
        <v>51</v>
      </c>
      <c r="D56944" s="14" t="s">
        <v>39</v>
      </c>
      <c r="E56944" s="15">
        <v>45745</v>
      </c>
      <c r="F56944" s="14" t="s">
        <v>15</v>
      </c>
      <c r="G56944" s="16">
        <v>0</v>
      </c>
    </row>
    <row r="56945" spans="1:7" x14ac:dyDescent="0.3">
      <c r="A56945" s="13" t="s">
        <v>309</v>
      </c>
      <c r="B56945" s="14" t="s">
        <v>1</v>
      </c>
      <c r="C56945" s="14" t="s">
        <v>51</v>
      </c>
      <c r="D56945" s="14" t="s">
        <v>39</v>
      </c>
      <c r="E56945" s="15">
        <v>45746</v>
      </c>
      <c r="F56945" s="14" t="s">
        <v>15</v>
      </c>
      <c r="G56945" s="16">
        <v>0</v>
      </c>
    </row>
    <row r="56946" spans="1:7" x14ac:dyDescent="0.3">
      <c r="A56946" s="13" t="s">
        <v>309</v>
      </c>
      <c r="B56946" s="14" t="s">
        <v>1</v>
      </c>
      <c r="C56946" s="14" t="s">
        <v>51</v>
      </c>
      <c r="D56946" s="14" t="s">
        <v>39</v>
      </c>
      <c r="E56946" s="15">
        <v>45747</v>
      </c>
      <c r="F56946" s="14" t="s">
        <v>15</v>
      </c>
      <c r="G56946" s="16">
        <v>0</v>
      </c>
    </row>
    <row r="56947" spans="1:7" x14ac:dyDescent="0.3">
      <c r="A56947" s="13" t="s">
        <v>310</v>
      </c>
      <c r="B56947" s="14" t="s">
        <v>1</v>
      </c>
      <c r="C56947" s="14" t="s">
        <v>51</v>
      </c>
      <c r="D56947" s="14" t="s">
        <v>311</v>
      </c>
      <c r="E56947" s="15">
        <v>45383</v>
      </c>
      <c r="F56947" s="14" t="s">
        <v>53</v>
      </c>
      <c r="G56947" s="16">
        <v>0</v>
      </c>
    </row>
    <row r="56948" spans="1:7" x14ac:dyDescent="0.3">
      <c r="A56948" s="13" t="s">
        <v>310</v>
      </c>
      <c r="B56948" s="14" t="s">
        <v>1</v>
      </c>
      <c r="C56948" s="14" t="s">
        <v>51</v>
      </c>
      <c r="D56948" s="14" t="s">
        <v>311</v>
      </c>
      <c r="E56948" s="15">
        <v>45384</v>
      </c>
      <c r="F56948" s="14" t="s">
        <v>53</v>
      </c>
      <c r="G56948" s="16">
        <v>0</v>
      </c>
    </row>
    <row r="56949" spans="1:7" x14ac:dyDescent="0.3">
      <c r="A56949" s="13" t="s">
        <v>310</v>
      </c>
      <c r="B56949" s="14" t="s">
        <v>1</v>
      </c>
      <c r="C56949" s="14" t="s">
        <v>51</v>
      </c>
      <c r="D56949" s="14" t="s">
        <v>311</v>
      </c>
      <c r="E56949" s="15">
        <v>45385</v>
      </c>
      <c r="F56949" s="14" t="s">
        <v>53</v>
      </c>
      <c r="G56949" s="16">
        <v>0</v>
      </c>
    </row>
    <row r="56950" spans="1:7" x14ac:dyDescent="0.3">
      <c r="A56950" s="13" t="s">
        <v>310</v>
      </c>
      <c r="B56950" s="14" t="s">
        <v>1</v>
      </c>
      <c r="C56950" s="14" t="s">
        <v>51</v>
      </c>
      <c r="D56950" s="14" t="s">
        <v>311</v>
      </c>
      <c r="E56950" s="15">
        <v>45386</v>
      </c>
      <c r="F56950" s="14" t="s">
        <v>53</v>
      </c>
      <c r="G56950" s="16">
        <v>0</v>
      </c>
    </row>
    <row r="56951" spans="1:7" x14ac:dyDescent="0.3">
      <c r="A56951" s="13" t="s">
        <v>310</v>
      </c>
      <c r="B56951" s="14" t="s">
        <v>1</v>
      </c>
      <c r="C56951" s="14" t="s">
        <v>51</v>
      </c>
      <c r="D56951" s="14" t="s">
        <v>311</v>
      </c>
      <c r="E56951" s="15">
        <v>45387</v>
      </c>
      <c r="F56951" s="14" t="s">
        <v>53</v>
      </c>
      <c r="G56951" s="16">
        <v>0</v>
      </c>
    </row>
    <row r="56952" spans="1:7" x14ac:dyDescent="0.3">
      <c r="A56952" s="13" t="s">
        <v>310</v>
      </c>
      <c r="B56952" s="14" t="s">
        <v>1</v>
      </c>
      <c r="C56952" s="14" t="s">
        <v>51</v>
      </c>
      <c r="D56952" s="14" t="s">
        <v>311</v>
      </c>
      <c r="E56952" s="15">
        <v>45388</v>
      </c>
      <c r="F56952" s="14" t="s">
        <v>53</v>
      </c>
      <c r="G56952" s="16">
        <v>0</v>
      </c>
    </row>
    <row r="56953" spans="1:7" x14ac:dyDescent="0.3">
      <c r="A56953" s="13" t="s">
        <v>310</v>
      </c>
      <c r="B56953" s="14" t="s">
        <v>1</v>
      </c>
      <c r="C56953" s="14" t="s">
        <v>51</v>
      </c>
      <c r="D56953" s="14" t="s">
        <v>311</v>
      </c>
      <c r="E56953" s="15">
        <v>45389</v>
      </c>
      <c r="F56953" s="14" t="s">
        <v>53</v>
      </c>
      <c r="G56953" s="16">
        <v>0</v>
      </c>
    </row>
    <row r="56954" spans="1:7" x14ac:dyDescent="0.3">
      <c r="A56954" s="13" t="s">
        <v>310</v>
      </c>
      <c r="B56954" s="14" t="s">
        <v>1</v>
      </c>
      <c r="C56954" s="14" t="s">
        <v>51</v>
      </c>
      <c r="D56954" s="14" t="s">
        <v>311</v>
      </c>
      <c r="E56954" s="15">
        <v>45390</v>
      </c>
      <c r="F56954" s="14" t="s">
        <v>53</v>
      </c>
      <c r="G56954" s="16">
        <v>0</v>
      </c>
    </row>
    <row r="56955" spans="1:7" x14ac:dyDescent="0.3">
      <c r="A56955" s="13" t="s">
        <v>310</v>
      </c>
      <c r="B56955" s="14" t="s">
        <v>1</v>
      </c>
      <c r="C56955" s="14" t="s">
        <v>51</v>
      </c>
      <c r="D56955" s="14" t="s">
        <v>311</v>
      </c>
      <c r="E56955" s="15">
        <v>45391</v>
      </c>
      <c r="F56955" s="14" t="s">
        <v>53</v>
      </c>
      <c r="G56955" s="16">
        <v>0</v>
      </c>
    </row>
    <row r="56956" spans="1:7" x14ac:dyDescent="0.3">
      <c r="A56956" s="13" t="s">
        <v>310</v>
      </c>
      <c r="B56956" s="14" t="s">
        <v>1</v>
      </c>
      <c r="C56956" s="14" t="s">
        <v>51</v>
      </c>
      <c r="D56956" s="14" t="s">
        <v>311</v>
      </c>
      <c r="E56956" s="15">
        <v>45392</v>
      </c>
      <c r="F56956" s="14" t="s">
        <v>53</v>
      </c>
      <c r="G56956" s="16">
        <v>0</v>
      </c>
    </row>
    <row r="56957" spans="1:7" x14ac:dyDescent="0.3">
      <c r="A56957" s="13" t="s">
        <v>310</v>
      </c>
      <c r="B56957" s="14" t="s">
        <v>1</v>
      </c>
      <c r="C56957" s="14" t="s">
        <v>51</v>
      </c>
      <c r="D56957" s="14" t="s">
        <v>311</v>
      </c>
      <c r="E56957" s="15">
        <v>45393</v>
      </c>
      <c r="F56957" s="14" t="s">
        <v>53</v>
      </c>
      <c r="G56957" s="16">
        <v>0</v>
      </c>
    </row>
    <row r="56958" spans="1:7" x14ac:dyDescent="0.3">
      <c r="A56958" s="13" t="s">
        <v>310</v>
      </c>
      <c r="B56958" s="14" t="s">
        <v>1</v>
      </c>
      <c r="C56958" s="14" t="s">
        <v>51</v>
      </c>
      <c r="D56958" s="14" t="s">
        <v>311</v>
      </c>
      <c r="E56958" s="15">
        <v>45394</v>
      </c>
      <c r="F56958" s="14" t="s">
        <v>53</v>
      </c>
      <c r="G56958" s="16">
        <v>0</v>
      </c>
    </row>
    <row r="56959" spans="1:7" x14ac:dyDescent="0.3">
      <c r="A56959" s="13" t="s">
        <v>310</v>
      </c>
      <c r="B56959" s="14" t="s">
        <v>1</v>
      </c>
      <c r="C56959" s="14" t="s">
        <v>51</v>
      </c>
      <c r="D56959" s="14" t="s">
        <v>311</v>
      </c>
      <c r="E56959" s="15">
        <v>45395</v>
      </c>
      <c r="F56959" s="14" t="s">
        <v>53</v>
      </c>
      <c r="G56959" s="16">
        <v>0</v>
      </c>
    </row>
    <row r="56960" spans="1:7" x14ac:dyDescent="0.3">
      <c r="A56960" s="13" t="s">
        <v>310</v>
      </c>
      <c r="B56960" s="14" t="s">
        <v>1</v>
      </c>
      <c r="C56960" s="14" t="s">
        <v>51</v>
      </c>
      <c r="D56960" s="14" t="s">
        <v>311</v>
      </c>
      <c r="E56960" s="15">
        <v>45396</v>
      </c>
      <c r="F56960" s="14" t="s">
        <v>53</v>
      </c>
      <c r="G56960" s="16">
        <v>0</v>
      </c>
    </row>
    <row r="56961" spans="1:7" x14ac:dyDescent="0.3">
      <c r="A56961" s="13" t="s">
        <v>310</v>
      </c>
      <c r="B56961" s="14" t="s">
        <v>1</v>
      </c>
      <c r="C56961" s="14" t="s">
        <v>51</v>
      </c>
      <c r="D56961" s="14" t="s">
        <v>311</v>
      </c>
      <c r="E56961" s="15">
        <v>45397</v>
      </c>
      <c r="F56961" s="14" t="s">
        <v>53</v>
      </c>
      <c r="G56961" s="16">
        <v>0</v>
      </c>
    </row>
    <row r="56962" spans="1:7" x14ac:dyDescent="0.3">
      <c r="A56962" s="13" t="s">
        <v>310</v>
      </c>
      <c r="B56962" s="14" t="s">
        <v>1</v>
      </c>
      <c r="C56962" s="14" t="s">
        <v>51</v>
      </c>
      <c r="D56962" s="14" t="s">
        <v>311</v>
      </c>
      <c r="E56962" s="15">
        <v>45398</v>
      </c>
      <c r="F56962" s="14" t="s">
        <v>53</v>
      </c>
      <c r="G56962" s="16">
        <v>0</v>
      </c>
    </row>
    <row r="56963" spans="1:7" x14ac:dyDescent="0.3">
      <c r="A56963" s="13" t="s">
        <v>310</v>
      </c>
      <c r="B56963" s="14" t="s">
        <v>1</v>
      </c>
      <c r="C56963" s="14" t="s">
        <v>51</v>
      </c>
      <c r="D56963" s="14" t="s">
        <v>311</v>
      </c>
      <c r="E56963" s="15">
        <v>45399</v>
      </c>
      <c r="F56963" s="14" t="s">
        <v>53</v>
      </c>
      <c r="G56963" s="16">
        <v>0</v>
      </c>
    </row>
    <row r="56964" spans="1:7" x14ac:dyDescent="0.3">
      <c r="A56964" s="13" t="s">
        <v>310</v>
      </c>
      <c r="B56964" s="14" t="s">
        <v>1</v>
      </c>
      <c r="C56964" s="14" t="s">
        <v>51</v>
      </c>
      <c r="D56964" s="14" t="s">
        <v>311</v>
      </c>
      <c r="E56964" s="15">
        <v>45400</v>
      </c>
      <c r="F56964" s="14" t="s">
        <v>53</v>
      </c>
      <c r="G56964" s="16">
        <v>0</v>
      </c>
    </row>
    <row r="56965" spans="1:7" x14ac:dyDescent="0.3">
      <c r="A56965" s="13" t="s">
        <v>310</v>
      </c>
      <c r="B56965" s="14" t="s">
        <v>1</v>
      </c>
      <c r="C56965" s="14" t="s">
        <v>51</v>
      </c>
      <c r="D56965" s="14" t="s">
        <v>311</v>
      </c>
      <c r="E56965" s="15">
        <v>45401</v>
      </c>
      <c r="F56965" s="14" t="s">
        <v>53</v>
      </c>
      <c r="G56965" s="16">
        <v>0</v>
      </c>
    </row>
    <row r="56966" spans="1:7" x14ac:dyDescent="0.3">
      <c r="A56966" s="13" t="s">
        <v>310</v>
      </c>
      <c r="B56966" s="14" t="s">
        <v>1</v>
      </c>
      <c r="C56966" s="14" t="s">
        <v>51</v>
      </c>
      <c r="D56966" s="14" t="s">
        <v>311</v>
      </c>
      <c r="E56966" s="15">
        <v>45402</v>
      </c>
      <c r="F56966" s="14" t="s">
        <v>53</v>
      </c>
      <c r="G56966" s="16">
        <v>0</v>
      </c>
    </row>
    <row r="56967" spans="1:7" x14ac:dyDescent="0.3">
      <c r="A56967" s="13" t="s">
        <v>310</v>
      </c>
      <c r="B56967" s="14" t="s">
        <v>1</v>
      </c>
      <c r="C56967" s="14" t="s">
        <v>51</v>
      </c>
      <c r="D56967" s="14" t="s">
        <v>311</v>
      </c>
      <c r="E56967" s="15">
        <v>45403</v>
      </c>
      <c r="F56967" s="14" t="s">
        <v>53</v>
      </c>
      <c r="G56967" s="16">
        <v>0</v>
      </c>
    </row>
    <row r="56968" spans="1:7" x14ac:dyDescent="0.3">
      <c r="A56968" s="13" t="s">
        <v>310</v>
      </c>
      <c r="B56968" s="14" t="s">
        <v>1</v>
      </c>
      <c r="C56968" s="14" t="s">
        <v>51</v>
      </c>
      <c r="D56968" s="14" t="s">
        <v>311</v>
      </c>
      <c r="E56968" s="15">
        <v>45404</v>
      </c>
      <c r="F56968" s="14" t="s">
        <v>53</v>
      </c>
      <c r="G56968" s="16">
        <v>0</v>
      </c>
    </row>
    <row r="56969" spans="1:7" x14ac:dyDescent="0.3">
      <c r="A56969" s="13" t="s">
        <v>310</v>
      </c>
      <c r="B56969" s="14" t="s">
        <v>1</v>
      </c>
      <c r="C56969" s="14" t="s">
        <v>51</v>
      </c>
      <c r="D56969" s="14" t="s">
        <v>311</v>
      </c>
      <c r="E56969" s="15">
        <v>45405</v>
      </c>
      <c r="F56969" s="14" t="s">
        <v>53</v>
      </c>
      <c r="G56969" s="16">
        <v>0</v>
      </c>
    </row>
    <row r="56970" spans="1:7" x14ac:dyDescent="0.3">
      <c r="A56970" s="13" t="s">
        <v>310</v>
      </c>
      <c r="B56970" s="14" t="s">
        <v>1</v>
      </c>
      <c r="C56970" s="14" t="s">
        <v>51</v>
      </c>
      <c r="D56970" s="14" t="s">
        <v>311</v>
      </c>
      <c r="E56970" s="15">
        <v>45406</v>
      </c>
      <c r="F56970" s="14" t="s">
        <v>53</v>
      </c>
      <c r="G56970" s="16">
        <v>0</v>
      </c>
    </row>
    <row r="56971" spans="1:7" x14ac:dyDescent="0.3">
      <c r="A56971" s="13" t="s">
        <v>310</v>
      </c>
      <c r="B56971" s="14" t="s">
        <v>1</v>
      </c>
      <c r="C56971" s="14" t="s">
        <v>51</v>
      </c>
      <c r="D56971" s="14" t="s">
        <v>311</v>
      </c>
      <c r="E56971" s="15">
        <v>45407</v>
      </c>
      <c r="F56971" s="14" t="s">
        <v>53</v>
      </c>
      <c r="G56971" s="16">
        <v>0</v>
      </c>
    </row>
    <row r="56972" spans="1:7" x14ac:dyDescent="0.3">
      <c r="A56972" s="13" t="s">
        <v>310</v>
      </c>
      <c r="B56972" s="14" t="s">
        <v>1</v>
      </c>
      <c r="C56972" s="14" t="s">
        <v>51</v>
      </c>
      <c r="D56972" s="14" t="s">
        <v>311</v>
      </c>
      <c r="E56972" s="15">
        <v>45408</v>
      </c>
      <c r="F56972" s="14" t="s">
        <v>53</v>
      </c>
      <c r="G56972" s="16">
        <v>0</v>
      </c>
    </row>
    <row r="56973" spans="1:7" x14ac:dyDescent="0.3">
      <c r="A56973" s="13" t="s">
        <v>310</v>
      </c>
      <c r="B56973" s="14" t="s">
        <v>1</v>
      </c>
      <c r="C56973" s="14" t="s">
        <v>51</v>
      </c>
      <c r="D56973" s="14" t="s">
        <v>311</v>
      </c>
      <c r="E56973" s="15">
        <v>45409</v>
      </c>
      <c r="F56973" s="14" t="s">
        <v>53</v>
      </c>
      <c r="G56973" s="16">
        <v>0</v>
      </c>
    </row>
    <row r="56974" spans="1:7" x14ac:dyDescent="0.3">
      <c r="A56974" s="13" t="s">
        <v>310</v>
      </c>
      <c r="B56974" s="14" t="s">
        <v>1</v>
      </c>
      <c r="C56974" s="14" t="s">
        <v>51</v>
      </c>
      <c r="D56974" s="14" t="s">
        <v>311</v>
      </c>
      <c r="E56974" s="15">
        <v>45410</v>
      </c>
      <c r="F56974" s="14" t="s">
        <v>53</v>
      </c>
      <c r="G56974" s="16">
        <v>0</v>
      </c>
    </row>
    <row r="56975" spans="1:7" x14ac:dyDescent="0.3">
      <c r="A56975" s="13" t="s">
        <v>310</v>
      </c>
      <c r="B56975" s="14" t="s">
        <v>1</v>
      </c>
      <c r="C56975" s="14" t="s">
        <v>51</v>
      </c>
      <c r="D56975" s="14" t="s">
        <v>311</v>
      </c>
      <c r="E56975" s="15">
        <v>45411</v>
      </c>
      <c r="F56975" s="14" t="s">
        <v>53</v>
      </c>
      <c r="G56975" s="16">
        <v>0</v>
      </c>
    </row>
    <row r="56976" spans="1:7" x14ac:dyDescent="0.3">
      <c r="A56976" s="13" t="s">
        <v>310</v>
      </c>
      <c r="B56976" s="14" t="s">
        <v>1</v>
      </c>
      <c r="C56976" s="14" t="s">
        <v>51</v>
      </c>
      <c r="D56976" s="14" t="s">
        <v>311</v>
      </c>
      <c r="E56976" s="15">
        <v>45412</v>
      </c>
      <c r="F56976" s="14" t="s">
        <v>53</v>
      </c>
      <c r="G56976" s="16">
        <v>0</v>
      </c>
    </row>
    <row r="56977" spans="1:7" x14ac:dyDescent="0.3">
      <c r="A56977" s="13" t="s">
        <v>310</v>
      </c>
      <c r="B56977" s="14" t="s">
        <v>1</v>
      </c>
      <c r="C56977" s="14" t="s">
        <v>51</v>
      </c>
      <c r="D56977" s="14" t="s">
        <v>311</v>
      </c>
      <c r="E56977" s="15">
        <v>45413</v>
      </c>
      <c r="F56977" s="14" t="s">
        <v>53</v>
      </c>
      <c r="G56977" s="16">
        <v>0</v>
      </c>
    </row>
    <row r="56978" spans="1:7" x14ac:dyDescent="0.3">
      <c r="A56978" s="13" t="s">
        <v>310</v>
      </c>
      <c r="B56978" s="14" t="s">
        <v>1</v>
      </c>
      <c r="C56978" s="14" t="s">
        <v>51</v>
      </c>
      <c r="D56978" s="14" t="s">
        <v>311</v>
      </c>
      <c r="E56978" s="15">
        <v>45414</v>
      </c>
      <c r="F56978" s="14" t="s">
        <v>53</v>
      </c>
      <c r="G56978" s="16">
        <v>0</v>
      </c>
    </row>
    <row r="56979" spans="1:7" x14ac:dyDescent="0.3">
      <c r="A56979" s="13" t="s">
        <v>310</v>
      </c>
      <c r="B56979" s="14" t="s">
        <v>1</v>
      </c>
      <c r="C56979" s="14" t="s">
        <v>51</v>
      </c>
      <c r="D56979" s="14" t="s">
        <v>311</v>
      </c>
      <c r="E56979" s="15">
        <v>45415</v>
      </c>
      <c r="F56979" s="14" t="s">
        <v>53</v>
      </c>
      <c r="G56979" s="16">
        <v>0</v>
      </c>
    </row>
    <row r="56980" spans="1:7" x14ac:dyDescent="0.3">
      <c r="A56980" s="13" t="s">
        <v>310</v>
      </c>
      <c r="B56980" s="14" t="s">
        <v>1</v>
      </c>
      <c r="C56980" s="14" t="s">
        <v>51</v>
      </c>
      <c r="D56980" s="14" t="s">
        <v>311</v>
      </c>
      <c r="E56980" s="15">
        <v>45416</v>
      </c>
      <c r="F56980" s="14" t="s">
        <v>53</v>
      </c>
      <c r="G56980" s="16">
        <v>0</v>
      </c>
    </row>
    <row r="56981" spans="1:7" x14ac:dyDescent="0.3">
      <c r="A56981" s="13" t="s">
        <v>310</v>
      </c>
      <c r="B56981" s="14" t="s">
        <v>1</v>
      </c>
      <c r="C56981" s="14" t="s">
        <v>51</v>
      </c>
      <c r="D56981" s="14" t="s">
        <v>311</v>
      </c>
      <c r="E56981" s="15">
        <v>45417</v>
      </c>
      <c r="F56981" s="14" t="s">
        <v>53</v>
      </c>
      <c r="G56981" s="16">
        <v>0</v>
      </c>
    </row>
    <row r="56982" spans="1:7" x14ac:dyDescent="0.3">
      <c r="A56982" s="13" t="s">
        <v>310</v>
      </c>
      <c r="B56982" s="14" t="s">
        <v>1</v>
      </c>
      <c r="C56982" s="14" t="s">
        <v>51</v>
      </c>
      <c r="D56982" s="14" t="s">
        <v>311</v>
      </c>
      <c r="E56982" s="15">
        <v>45418</v>
      </c>
      <c r="F56982" s="14" t="s">
        <v>53</v>
      </c>
      <c r="G56982" s="16">
        <v>0</v>
      </c>
    </row>
    <row r="56983" spans="1:7" x14ac:dyDescent="0.3">
      <c r="A56983" s="13" t="s">
        <v>310</v>
      </c>
      <c r="B56983" s="14" t="s">
        <v>1</v>
      </c>
      <c r="C56983" s="14" t="s">
        <v>51</v>
      </c>
      <c r="D56983" s="14" t="s">
        <v>311</v>
      </c>
      <c r="E56983" s="15">
        <v>45419</v>
      </c>
      <c r="F56983" s="14" t="s">
        <v>53</v>
      </c>
      <c r="G56983" s="16">
        <v>0</v>
      </c>
    </row>
    <row r="56984" spans="1:7" x14ac:dyDescent="0.3">
      <c r="A56984" s="13" t="s">
        <v>310</v>
      </c>
      <c r="B56984" s="14" t="s">
        <v>1</v>
      </c>
      <c r="C56984" s="14" t="s">
        <v>51</v>
      </c>
      <c r="D56984" s="14" t="s">
        <v>311</v>
      </c>
      <c r="E56984" s="15">
        <v>45420</v>
      </c>
      <c r="F56984" s="14" t="s">
        <v>53</v>
      </c>
      <c r="G56984" s="16">
        <v>0</v>
      </c>
    </row>
    <row r="56985" spans="1:7" x14ac:dyDescent="0.3">
      <c r="A56985" s="13" t="s">
        <v>310</v>
      </c>
      <c r="B56985" s="14" t="s">
        <v>1</v>
      </c>
      <c r="C56985" s="14" t="s">
        <v>51</v>
      </c>
      <c r="D56985" s="14" t="s">
        <v>311</v>
      </c>
      <c r="E56985" s="15">
        <v>45421</v>
      </c>
      <c r="F56985" s="14" t="s">
        <v>53</v>
      </c>
      <c r="G56985" s="16">
        <v>0</v>
      </c>
    </row>
    <row r="56986" spans="1:7" x14ac:dyDescent="0.3">
      <c r="A56986" s="13" t="s">
        <v>310</v>
      </c>
      <c r="B56986" s="14" t="s">
        <v>1</v>
      </c>
      <c r="C56986" s="14" t="s">
        <v>51</v>
      </c>
      <c r="D56986" s="14" t="s">
        <v>311</v>
      </c>
      <c r="E56986" s="15">
        <v>45422</v>
      </c>
      <c r="F56986" s="14" t="s">
        <v>53</v>
      </c>
      <c r="G56986" s="16">
        <v>0</v>
      </c>
    </row>
    <row r="56987" spans="1:7" x14ac:dyDescent="0.3">
      <c r="A56987" s="13" t="s">
        <v>310</v>
      </c>
      <c r="B56987" s="14" t="s">
        <v>1</v>
      </c>
      <c r="C56987" s="14" t="s">
        <v>51</v>
      </c>
      <c r="D56987" s="14" t="s">
        <v>311</v>
      </c>
      <c r="E56987" s="15">
        <v>45423</v>
      </c>
      <c r="F56987" s="14" t="s">
        <v>53</v>
      </c>
      <c r="G56987" s="16">
        <v>0</v>
      </c>
    </row>
    <row r="56988" spans="1:7" x14ac:dyDescent="0.3">
      <c r="A56988" s="13" t="s">
        <v>310</v>
      </c>
      <c r="B56988" s="14" t="s">
        <v>1</v>
      </c>
      <c r="C56988" s="14" t="s">
        <v>51</v>
      </c>
      <c r="D56988" s="14" t="s">
        <v>311</v>
      </c>
      <c r="E56988" s="15">
        <v>45424</v>
      </c>
      <c r="F56988" s="14" t="s">
        <v>53</v>
      </c>
      <c r="G56988" s="16">
        <v>0</v>
      </c>
    </row>
    <row r="56989" spans="1:7" x14ac:dyDescent="0.3">
      <c r="A56989" s="13" t="s">
        <v>310</v>
      </c>
      <c r="B56989" s="14" t="s">
        <v>1</v>
      </c>
      <c r="C56989" s="14" t="s">
        <v>51</v>
      </c>
      <c r="D56989" s="14" t="s">
        <v>311</v>
      </c>
      <c r="E56989" s="15">
        <v>45425</v>
      </c>
      <c r="F56989" s="14" t="s">
        <v>53</v>
      </c>
      <c r="G56989" s="16">
        <v>0</v>
      </c>
    </row>
    <row r="56990" spans="1:7" x14ac:dyDescent="0.3">
      <c r="A56990" s="13" t="s">
        <v>310</v>
      </c>
      <c r="B56990" s="14" t="s">
        <v>1</v>
      </c>
      <c r="C56990" s="14" t="s">
        <v>51</v>
      </c>
      <c r="D56990" s="14" t="s">
        <v>311</v>
      </c>
      <c r="E56990" s="15">
        <v>45426</v>
      </c>
      <c r="F56990" s="14" t="s">
        <v>53</v>
      </c>
      <c r="G56990" s="16">
        <v>0</v>
      </c>
    </row>
    <row r="56991" spans="1:7" x14ac:dyDescent="0.3">
      <c r="A56991" s="13" t="s">
        <v>310</v>
      </c>
      <c r="B56991" s="14" t="s">
        <v>1</v>
      </c>
      <c r="C56991" s="14" t="s">
        <v>51</v>
      </c>
      <c r="D56991" s="14" t="s">
        <v>311</v>
      </c>
      <c r="E56991" s="15">
        <v>45427</v>
      </c>
      <c r="F56991" s="14" t="s">
        <v>53</v>
      </c>
      <c r="G56991" s="16">
        <v>0</v>
      </c>
    </row>
    <row r="56992" spans="1:7" x14ac:dyDescent="0.3">
      <c r="A56992" s="13" t="s">
        <v>310</v>
      </c>
      <c r="B56992" s="14" t="s">
        <v>1</v>
      </c>
      <c r="C56992" s="14" t="s">
        <v>51</v>
      </c>
      <c r="D56992" s="14" t="s">
        <v>311</v>
      </c>
      <c r="E56992" s="15">
        <v>45428</v>
      </c>
      <c r="F56992" s="14" t="s">
        <v>53</v>
      </c>
      <c r="G56992" s="16">
        <v>0</v>
      </c>
    </row>
    <row r="56993" spans="1:7" x14ac:dyDescent="0.3">
      <c r="A56993" s="13" t="s">
        <v>310</v>
      </c>
      <c r="B56993" s="14" t="s">
        <v>1</v>
      </c>
      <c r="C56993" s="14" t="s">
        <v>51</v>
      </c>
      <c r="D56993" s="14" t="s">
        <v>311</v>
      </c>
      <c r="E56993" s="15">
        <v>45429</v>
      </c>
      <c r="F56993" s="14" t="s">
        <v>53</v>
      </c>
      <c r="G56993" s="16">
        <v>0</v>
      </c>
    </row>
    <row r="56994" spans="1:7" x14ac:dyDescent="0.3">
      <c r="A56994" s="13" t="s">
        <v>310</v>
      </c>
      <c r="B56994" s="14" t="s">
        <v>1</v>
      </c>
      <c r="C56994" s="14" t="s">
        <v>51</v>
      </c>
      <c r="D56994" s="14" t="s">
        <v>311</v>
      </c>
      <c r="E56994" s="15">
        <v>45430</v>
      </c>
      <c r="F56994" s="14" t="s">
        <v>53</v>
      </c>
      <c r="G56994" s="16">
        <v>0</v>
      </c>
    </row>
    <row r="56995" spans="1:7" x14ac:dyDescent="0.3">
      <c r="A56995" s="13" t="s">
        <v>310</v>
      </c>
      <c r="B56995" s="14" t="s">
        <v>1</v>
      </c>
      <c r="C56995" s="14" t="s">
        <v>51</v>
      </c>
      <c r="D56995" s="14" t="s">
        <v>311</v>
      </c>
      <c r="E56995" s="15">
        <v>45431</v>
      </c>
      <c r="F56995" s="14" t="s">
        <v>53</v>
      </c>
      <c r="G56995" s="16">
        <v>0</v>
      </c>
    </row>
    <row r="56996" spans="1:7" x14ac:dyDescent="0.3">
      <c r="A56996" s="13" t="s">
        <v>310</v>
      </c>
      <c r="B56996" s="14" t="s">
        <v>1</v>
      </c>
      <c r="C56996" s="14" t="s">
        <v>51</v>
      </c>
      <c r="D56996" s="14" t="s">
        <v>311</v>
      </c>
      <c r="E56996" s="15">
        <v>45432</v>
      </c>
      <c r="F56996" s="14" t="s">
        <v>53</v>
      </c>
      <c r="G56996" s="16">
        <v>0</v>
      </c>
    </row>
    <row r="56997" spans="1:7" x14ac:dyDescent="0.3">
      <c r="A56997" s="13" t="s">
        <v>310</v>
      </c>
      <c r="B56997" s="14" t="s">
        <v>1</v>
      </c>
      <c r="C56997" s="14" t="s">
        <v>51</v>
      </c>
      <c r="D56997" s="14" t="s">
        <v>311</v>
      </c>
      <c r="E56997" s="15">
        <v>45433</v>
      </c>
      <c r="F56997" s="14" t="s">
        <v>53</v>
      </c>
      <c r="G56997" s="16">
        <v>0</v>
      </c>
    </row>
    <row r="56998" spans="1:7" x14ac:dyDescent="0.3">
      <c r="A56998" s="13" t="s">
        <v>310</v>
      </c>
      <c r="B56998" s="14" t="s">
        <v>1</v>
      </c>
      <c r="C56998" s="14" t="s">
        <v>51</v>
      </c>
      <c r="D56998" s="14" t="s">
        <v>311</v>
      </c>
      <c r="E56998" s="15">
        <v>45434</v>
      </c>
      <c r="F56998" s="14" t="s">
        <v>53</v>
      </c>
      <c r="G56998" s="16">
        <v>0</v>
      </c>
    </row>
    <row r="56999" spans="1:7" x14ac:dyDescent="0.3">
      <c r="A56999" s="13" t="s">
        <v>310</v>
      </c>
      <c r="B56999" s="14" t="s">
        <v>1</v>
      </c>
      <c r="C56999" s="14" t="s">
        <v>51</v>
      </c>
      <c r="D56999" s="14" t="s">
        <v>311</v>
      </c>
      <c r="E56999" s="15">
        <v>45435</v>
      </c>
      <c r="F56999" s="14" t="s">
        <v>53</v>
      </c>
      <c r="G56999" s="16">
        <v>0</v>
      </c>
    </row>
    <row r="57000" spans="1:7" x14ac:dyDescent="0.3">
      <c r="A57000" s="13" t="s">
        <v>310</v>
      </c>
      <c r="B57000" s="14" t="s">
        <v>1</v>
      </c>
      <c r="C57000" s="14" t="s">
        <v>51</v>
      </c>
      <c r="D57000" s="14" t="s">
        <v>311</v>
      </c>
      <c r="E57000" s="15">
        <v>45436</v>
      </c>
      <c r="F57000" s="14" t="s">
        <v>53</v>
      </c>
      <c r="G57000" s="16">
        <v>0</v>
      </c>
    </row>
    <row r="57001" spans="1:7" x14ac:dyDescent="0.3">
      <c r="A57001" s="13" t="s">
        <v>310</v>
      </c>
      <c r="B57001" s="14" t="s">
        <v>1</v>
      </c>
      <c r="C57001" s="14" t="s">
        <v>51</v>
      </c>
      <c r="D57001" s="14" t="s">
        <v>311</v>
      </c>
      <c r="E57001" s="15">
        <v>45437</v>
      </c>
      <c r="F57001" s="14" t="s">
        <v>53</v>
      </c>
      <c r="G57001" s="16">
        <v>0</v>
      </c>
    </row>
    <row r="57002" spans="1:7" x14ac:dyDescent="0.3">
      <c r="A57002" s="13" t="s">
        <v>310</v>
      </c>
      <c r="B57002" s="14" t="s">
        <v>1</v>
      </c>
      <c r="C57002" s="14" t="s">
        <v>51</v>
      </c>
      <c r="D57002" s="14" t="s">
        <v>311</v>
      </c>
      <c r="E57002" s="15">
        <v>45438</v>
      </c>
      <c r="F57002" s="14" t="s">
        <v>53</v>
      </c>
      <c r="G57002" s="16">
        <v>0</v>
      </c>
    </row>
    <row r="57003" spans="1:7" x14ac:dyDescent="0.3">
      <c r="A57003" s="13" t="s">
        <v>310</v>
      </c>
      <c r="B57003" s="14" t="s">
        <v>1</v>
      </c>
      <c r="C57003" s="14" t="s">
        <v>51</v>
      </c>
      <c r="D57003" s="14" t="s">
        <v>311</v>
      </c>
      <c r="E57003" s="15">
        <v>45439</v>
      </c>
      <c r="F57003" s="14" t="s">
        <v>53</v>
      </c>
      <c r="G57003" s="16">
        <v>0</v>
      </c>
    </row>
    <row r="57004" spans="1:7" x14ac:dyDescent="0.3">
      <c r="A57004" s="13" t="s">
        <v>310</v>
      </c>
      <c r="B57004" s="14" t="s">
        <v>1</v>
      </c>
      <c r="C57004" s="14" t="s">
        <v>51</v>
      </c>
      <c r="D57004" s="14" t="s">
        <v>311</v>
      </c>
      <c r="E57004" s="15">
        <v>45440</v>
      </c>
      <c r="F57004" s="14" t="s">
        <v>53</v>
      </c>
      <c r="G57004" s="16">
        <v>0</v>
      </c>
    </row>
    <row r="57005" spans="1:7" x14ac:dyDescent="0.3">
      <c r="A57005" s="13" t="s">
        <v>310</v>
      </c>
      <c r="B57005" s="14" t="s">
        <v>1</v>
      </c>
      <c r="C57005" s="14" t="s">
        <v>51</v>
      </c>
      <c r="D57005" s="14" t="s">
        <v>311</v>
      </c>
      <c r="E57005" s="15">
        <v>45441</v>
      </c>
      <c r="F57005" s="14" t="s">
        <v>53</v>
      </c>
      <c r="G57005" s="16">
        <v>0</v>
      </c>
    </row>
    <row r="57006" spans="1:7" x14ac:dyDescent="0.3">
      <c r="A57006" s="13" t="s">
        <v>310</v>
      </c>
      <c r="B57006" s="14" t="s">
        <v>1</v>
      </c>
      <c r="C57006" s="14" t="s">
        <v>51</v>
      </c>
      <c r="D57006" s="14" t="s">
        <v>311</v>
      </c>
      <c r="E57006" s="15">
        <v>45442</v>
      </c>
      <c r="F57006" s="14" t="s">
        <v>53</v>
      </c>
      <c r="G57006" s="16">
        <v>0</v>
      </c>
    </row>
    <row r="57007" spans="1:7" x14ac:dyDescent="0.3">
      <c r="A57007" s="13" t="s">
        <v>310</v>
      </c>
      <c r="B57007" s="14" t="s">
        <v>1</v>
      </c>
      <c r="C57007" s="14" t="s">
        <v>51</v>
      </c>
      <c r="D57007" s="14" t="s">
        <v>311</v>
      </c>
      <c r="E57007" s="15">
        <v>45443</v>
      </c>
      <c r="F57007" s="14" t="s">
        <v>53</v>
      </c>
      <c r="G57007" s="16">
        <v>0</v>
      </c>
    </row>
    <row r="57008" spans="1:7" x14ac:dyDescent="0.3">
      <c r="A57008" s="13" t="s">
        <v>310</v>
      </c>
      <c r="B57008" s="14" t="s">
        <v>1</v>
      </c>
      <c r="C57008" s="14" t="s">
        <v>51</v>
      </c>
      <c r="D57008" s="14" t="s">
        <v>311</v>
      </c>
      <c r="E57008" s="15">
        <v>45444</v>
      </c>
      <c r="F57008" s="14" t="s">
        <v>53</v>
      </c>
      <c r="G57008" s="16">
        <v>0</v>
      </c>
    </row>
    <row r="57009" spans="1:7" x14ac:dyDescent="0.3">
      <c r="A57009" s="13" t="s">
        <v>310</v>
      </c>
      <c r="B57009" s="14" t="s">
        <v>1</v>
      </c>
      <c r="C57009" s="14" t="s">
        <v>51</v>
      </c>
      <c r="D57009" s="14" t="s">
        <v>311</v>
      </c>
      <c r="E57009" s="15">
        <v>45445</v>
      </c>
      <c r="F57009" s="14" t="s">
        <v>53</v>
      </c>
      <c r="G57009" s="16">
        <v>0</v>
      </c>
    </row>
    <row r="57010" spans="1:7" x14ac:dyDescent="0.3">
      <c r="A57010" s="13" t="s">
        <v>310</v>
      </c>
      <c r="B57010" s="14" t="s">
        <v>1</v>
      </c>
      <c r="C57010" s="14" t="s">
        <v>51</v>
      </c>
      <c r="D57010" s="14" t="s">
        <v>311</v>
      </c>
      <c r="E57010" s="15">
        <v>45446</v>
      </c>
      <c r="F57010" s="14" t="s">
        <v>53</v>
      </c>
      <c r="G57010" s="16">
        <v>0</v>
      </c>
    </row>
    <row r="57011" spans="1:7" x14ac:dyDescent="0.3">
      <c r="A57011" s="13" t="s">
        <v>310</v>
      </c>
      <c r="B57011" s="14" t="s">
        <v>1</v>
      </c>
      <c r="C57011" s="14" t="s">
        <v>51</v>
      </c>
      <c r="D57011" s="14" t="s">
        <v>311</v>
      </c>
      <c r="E57011" s="15">
        <v>45447</v>
      </c>
      <c r="F57011" s="14" t="s">
        <v>53</v>
      </c>
      <c r="G57011" s="16">
        <v>0</v>
      </c>
    </row>
    <row r="57012" spans="1:7" x14ac:dyDescent="0.3">
      <c r="A57012" s="13" t="s">
        <v>310</v>
      </c>
      <c r="B57012" s="14" t="s">
        <v>1</v>
      </c>
      <c r="C57012" s="14" t="s">
        <v>51</v>
      </c>
      <c r="D57012" s="14" t="s">
        <v>311</v>
      </c>
      <c r="E57012" s="15">
        <v>45448</v>
      </c>
      <c r="F57012" s="14" t="s">
        <v>53</v>
      </c>
      <c r="G57012" s="16">
        <v>0</v>
      </c>
    </row>
    <row r="57013" spans="1:7" x14ac:dyDescent="0.3">
      <c r="A57013" s="13" t="s">
        <v>310</v>
      </c>
      <c r="B57013" s="14" t="s">
        <v>1</v>
      </c>
      <c r="C57013" s="14" t="s">
        <v>51</v>
      </c>
      <c r="D57013" s="14" t="s">
        <v>311</v>
      </c>
      <c r="E57013" s="15">
        <v>45449</v>
      </c>
      <c r="F57013" s="14" t="s">
        <v>53</v>
      </c>
      <c r="G57013" s="16">
        <v>0</v>
      </c>
    </row>
    <row r="57014" spans="1:7" x14ac:dyDescent="0.3">
      <c r="A57014" s="13" t="s">
        <v>310</v>
      </c>
      <c r="B57014" s="14" t="s">
        <v>1</v>
      </c>
      <c r="C57014" s="14" t="s">
        <v>51</v>
      </c>
      <c r="D57014" s="14" t="s">
        <v>311</v>
      </c>
      <c r="E57014" s="15">
        <v>45450</v>
      </c>
      <c r="F57014" s="14" t="s">
        <v>53</v>
      </c>
      <c r="G57014" s="16">
        <v>0</v>
      </c>
    </row>
    <row r="57015" spans="1:7" x14ac:dyDescent="0.3">
      <c r="A57015" s="13" t="s">
        <v>310</v>
      </c>
      <c r="B57015" s="14" t="s">
        <v>1</v>
      </c>
      <c r="C57015" s="14" t="s">
        <v>51</v>
      </c>
      <c r="D57015" s="14" t="s">
        <v>311</v>
      </c>
      <c r="E57015" s="15">
        <v>45451</v>
      </c>
      <c r="F57015" s="14" t="s">
        <v>53</v>
      </c>
      <c r="G57015" s="16">
        <v>0</v>
      </c>
    </row>
    <row r="57016" spans="1:7" x14ac:dyDescent="0.3">
      <c r="A57016" s="13" t="s">
        <v>310</v>
      </c>
      <c r="B57016" s="14" t="s">
        <v>1</v>
      </c>
      <c r="C57016" s="14" t="s">
        <v>51</v>
      </c>
      <c r="D57016" s="14" t="s">
        <v>311</v>
      </c>
      <c r="E57016" s="15">
        <v>45452</v>
      </c>
      <c r="F57016" s="14" t="s">
        <v>53</v>
      </c>
      <c r="G57016" s="16">
        <v>0</v>
      </c>
    </row>
    <row r="57017" spans="1:7" x14ac:dyDescent="0.3">
      <c r="A57017" s="13" t="s">
        <v>310</v>
      </c>
      <c r="B57017" s="14" t="s">
        <v>1</v>
      </c>
      <c r="C57017" s="14" t="s">
        <v>51</v>
      </c>
      <c r="D57017" s="14" t="s">
        <v>311</v>
      </c>
      <c r="E57017" s="15">
        <v>45453</v>
      </c>
      <c r="F57017" s="14" t="s">
        <v>53</v>
      </c>
      <c r="G57017" s="16">
        <v>0</v>
      </c>
    </row>
    <row r="57018" spans="1:7" x14ac:dyDescent="0.3">
      <c r="A57018" s="13" t="s">
        <v>310</v>
      </c>
      <c r="B57018" s="14" t="s">
        <v>1</v>
      </c>
      <c r="C57018" s="14" t="s">
        <v>51</v>
      </c>
      <c r="D57018" s="14" t="s">
        <v>311</v>
      </c>
      <c r="E57018" s="15">
        <v>45454</v>
      </c>
      <c r="F57018" s="14" t="s">
        <v>53</v>
      </c>
      <c r="G57018" s="16">
        <v>0</v>
      </c>
    </row>
    <row r="57019" spans="1:7" x14ac:dyDescent="0.3">
      <c r="A57019" s="13" t="s">
        <v>310</v>
      </c>
      <c r="B57019" s="14" t="s">
        <v>1</v>
      </c>
      <c r="C57019" s="14" t="s">
        <v>51</v>
      </c>
      <c r="D57019" s="14" t="s">
        <v>311</v>
      </c>
      <c r="E57019" s="15">
        <v>45455</v>
      </c>
      <c r="F57019" s="14" t="s">
        <v>53</v>
      </c>
      <c r="G57019" s="16">
        <v>0</v>
      </c>
    </row>
    <row r="57020" spans="1:7" x14ac:dyDescent="0.3">
      <c r="A57020" s="13" t="s">
        <v>310</v>
      </c>
      <c r="B57020" s="14" t="s">
        <v>1</v>
      </c>
      <c r="C57020" s="14" t="s">
        <v>51</v>
      </c>
      <c r="D57020" s="14" t="s">
        <v>311</v>
      </c>
      <c r="E57020" s="15">
        <v>45456</v>
      </c>
      <c r="F57020" s="14" t="s">
        <v>53</v>
      </c>
      <c r="G57020" s="16">
        <v>0</v>
      </c>
    </row>
    <row r="57021" spans="1:7" x14ac:dyDescent="0.3">
      <c r="A57021" s="13" t="s">
        <v>310</v>
      </c>
      <c r="B57021" s="14" t="s">
        <v>1</v>
      </c>
      <c r="C57021" s="14" t="s">
        <v>51</v>
      </c>
      <c r="D57021" s="14" t="s">
        <v>311</v>
      </c>
      <c r="E57021" s="15">
        <v>45457</v>
      </c>
      <c r="F57021" s="14" t="s">
        <v>53</v>
      </c>
      <c r="G57021" s="16">
        <v>0</v>
      </c>
    </row>
    <row r="57022" spans="1:7" x14ac:dyDescent="0.3">
      <c r="A57022" s="13" t="s">
        <v>310</v>
      </c>
      <c r="B57022" s="14" t="s">
        <v>1</v>
      </c>
      <c r="C57022" s="14" t="s">
        <v>51</v>
      </c>
      <c r="D57022" s="14" t="s">
        <v>311</v>
      </c>
      <c r="E57022" s="15">
        <v>45458</v>
      </c>
      <c r="F57022" s="14" t="s">
        <v>53</v>
      </c>
      <c r="G57022" s="16">
        <v>0</v>
      </c>
    </row>
    <row r="57023" spans="1:7" x14ac:dyDescent="0.3">
      <c r="A57023" s="13" t="s">
        <v>310</v>
      </c>
      <c r="B57023" s="14" t="s">
        <v>1</v>
      </c>
      <c r="C57023" s="14" t="s">
        <v>51</v>
      </c>
      <c r="D57023" s="14" t="s">
        <v>311</v>
      </c>
      <c r="E57023" s="15">
        <v>45459</v>
      </c>
      <c r="F57023" s="14" t="s">
        <v>53</v>
      </c>
      <c r="G57023" s="16">
        <v>0</v>
      </c>
    </row>
    <row r="57024" spans="1:7" x14ac:dyDescent="0.3">
      <c r="A57024" s="13" t="s">
        <v>310</v>
      </c>
      <c r="B57024" s="14" t="s">
        <v>1</v>
      </c>
      <c r="C57024" s="14" t="s">
        <v>51</v>
      </c>
      <c r="D57024" s="14" t="s">
        <v>311</v>
      </c>
      <c r="E57024" s="15">
        <v>45460</v>
      </c>
      <c r="F57024" s="14" t="s">
        <v>53</v>
      </c>
      <c r="G57024" s="16">
        <v>0</v>
      </c>
    </row>
    <row r="57025" spans="1:7" x14ac:dyDescent="0.3">
      <c r="A57025" s="13" t="s">
        <v>310</v>
      </c>
      <c r="B57025" s="14" t="s">
        <v>1</v>
      </c>
      <c r="C57025" s="14" t="s">
        <v>51</v>
      </c>
      <c r="D57025" s="14" t="s">
        <v>311</v>
      </c>
      <c r="E57025" s="15">
        <v>45461</v>
      </c>
      <c r="F57025" s="14" t="s">
        <v>53</v>
      </c>
      <c r="G57025" s="16">
        <v>0</v>
      </c>
    </row>
    <row r="57026" spans="1:7" x14ac:dyDescent="0.3">
      <c r="A57026" s="13" t="s">
        <v>310</v>
      </c>
      <c r="B57026" s="14" t="s">
        <v>1</v>
      </c>
      <c r="C57026" s="14" t="s">
        <v>51</v>
      </c>
      <c r="D57026" s="14" t="s">
        <v>311</v>
      </c>
      <c r="E57026" s="15">
        <v>45462</v>
      </c>
      <c r="F57026" s="14" t="s">
        <v>53</v>
      </c>
      <c r="G57026" s="16">
        <v>0</v>
      </c>
    </row>
    <row r="57027" spans="1:7" x14ac:dyDescent="0.3">
      <c r="A57027" s="13" t="s">
        <v>310</v>
      </c>
      <c r="B57027" s="14" t="s">
        <v>1</v>
      </c>
      <c r="C57027" s="14" t="s">
        <v>51</v>
      </c>
      <c r="D57027" s="14" t="s">
        <v>311</v>
      </c>
      <c r="E57027" s="15">
        <v>45463</v>
      </c>
      <c r="F57027" s="14" t="s">
        <v>53</v>
      </c>
      <c r="G57027" s="16">
        <v>0</v>
      </c>
    </row>
    <row r="57028" spans="1:7" x14ac:dyDescent="0.3">
      <c r="A57028" s="13" t="s">
        <v>310</v>
      </c>
      <c r="B57028" s="14" t="s">
        <v>1</v>
      </c>
      <c r="C57028" s="14" t="s">
        <v>51</v>
      </c>
      <c r="D57028" s="14" t="s">
        <v>311</v>
      </c>
      <c r="E57028" s="15">
        <v>45464</v>
      </c>
      <c r="F57028" s="14" t="s">
        <v>53</v>
      </c>
      <c r="G57028" s="16">
        <v>0</v>
      </c>
    </row>
    <row r="57029" spans="1:7" x14ac:dyDescent="0.3">
      <c r="A57029" s="13" t="s">
        <v>310</v>
      </c>
      <c r="B57029" s="14" t="s">
        <v>1</v>
      </c>
      <c r="C57029" s="14" t="s">
        <v>51</v>
      </c>
      <c r="D57029" s="14" t="s">
        <v>311</v>
      </c>
      <c r="E57029" s="15">
        <v>45465</v>
      </c>
      <c r="F57029" s="14" t="s">
        <v>53</v>
      </c>
      <c r="G57029" s="16">
        <v>0</v>
      </c>
    </row>
    <row r="57030" spans="1:7" x14ac:dyDescent="0.3">
      <c r="A57030" s="13" t="s">
        <v>310</v>
      </c>
      <c r="B57030" s="14" t="s">
        <v>1</v>
      </c>
      <c r="C57030" s="14" t="s">
        <v>51</v>
      </c>
      <c r="D57030" s="14" t="s">
        <v>311</v>
      </c>
      <c r="E57030" s="15">
        <v>45466</v>
      </c>
      <c r="F57030" s="14" t="s">
        <v>53</v>
      </c>
      <c r="G57030" s="16">
        <v>0</v>
      </c>
    </row>
    <row r="57031" spans="1:7" x14ac:dyDescent="0.3">
      <c r="A57031" s="13" t="s">
        <v>310</v>
      </c>
      <c r="B57031" s="14" t="s">
        <v>1</v>
      </c>
      <c r="C57031" s="14" t="s">
        <v>51</v>
      </c>
      <c r="D57031" s="14" t="s">
        <v>311</v>
      </c>
      <c r="E57031" s="15">
        <v>45467</v>
      </c>
      <c r="F57031" s="14" t="s">
        <v>53</v>
      </c>
      <c r="G57031" s="16">
        <v>0</v>
      </c>
    </row>
    <row r="57032" spans="1:7" x14ac:dyDescent="0.3">
      <c r="A57032" s="13" t="s">
        <v>310</v>
      </c>
      <c r="B57032" s="14" t="s">
        <v>1</v>
      </c>
      <c r="C57032" s="14" t="s">
        <v>51</v>
      </c>
      <c r="D57032" s="14" t="s">
        <v>311</v>
      </c>
      <c r="E57032" s="15">
        <v>45468</v>
      </c>
      <c r="F57032" s="14" t="s">
        <v>53</v>
      </c>
      <c r="G57032" s="16">
        <v>0</v>
      </c>
    </row>
    <row r="57033" spans="1:7" x14ac:dyDescent="0.3">
      <c r="A57033" s="13" t="s">
        <v>310</v>
      </c>
      <c r="B57033" s="14" t="s">
        <v>1</v>
      </c>
      <c r="C57033" s="14" t="s">
        <v>51</v>
      </c>
      <c r="D57033" s="14" t="s">
        <v>311</v>
      </c>
      <c r="E57033" s="15">
        <v>45469</v>
      </c>
      <c r="F57033" s="14" t="s">
        <v>53</v>
      </c>
      <c r="G57033" s="16">
        <v>0</v>
      </c>
    </row>
    <row r="57034" spans="1:7" x14ac:dyDescent="0.3">
      <c r="A57034" s="13" t="s">
        <v>310</v>
      </c>
      <c r="B57034" s="14" t="s">
        <v>1</v>
      </c>
      <c r="C57034" s="14" t="s">
        <v>51</v>
      </c>
      <c r="D57034" s="14" t="s">
        <v>311</v>
      </c>
      <c r="E57034" s="15">
        <v>45470</v>
      </c>
      <c r="F57034" s="14" t="s">
        <v>53</v>
      </c>
      <c r="G57034" s="16">
        <v>0</v>
      </c>
    </row>
    <row r="57035" spans="1:7" x14ac:dyDescent="0.3">
      <c r="A57035" s="13" t="s">
        <v>310</v>
      </c>
      <c r="B57035" s="14" t="s">
        <v>1</v>
      </c>
      <c r="C57035" s="14" t="s">
        <v>51</v>
      </c>
      <c r="D57035" s="14" t="s">
        <v>311</v>
      </c>
      <c r="E57035" s="15">
        <v>45471</v>
      </c>
      <c r="F57035" s="14" t="s">
        <v>53</v>
      </c>
      <c r="G57035" s="16">
        <v>0</v>
      </c>
    </row>
    <row r="57036" spans="1:7" x14ac:dyDescent="0.3">
      <c r="A57036" s="13" t="s">
        <v>310</v>
      </c>
      <c r="B57036" s="14" t="s">
        <v>1</v>
      </c>
      <c r="C57036" s="14" t="s">
        <v>51</v>
      </c>
      <c r="D57036" s="14" t="s">
        <v>311</v>
      </c>
      <c r="E57036" s="15">
        <v>45472</v>
      </c>
      <c r="F57036" s="14" t="s">
        <v>53</v>
      </c>
      <c r="G57036" s="16">
        <v>0</v>
      </c>
    </row>
    <row r="57037" spans="1:7" x14ac:dyDescent="0.3">
      <c r="A57037" s="13" t="s">
        <v>310</v>
      </c>
      <c r="B57037" s="14" t="s">
        <v>1</v>
      </c>
      <c r="C57037" s="14" t="s">
        <v>51</v>
      </c>
      <c r="D57037" s="14" t="s">
        <v>311</v>
      </c>
      <c r="E57037" s="15">
        <v>45473</v>
      </c>
      <c r="F57037" s="14" t="s">
        <v>53</v>
      </c>
      <c r="G57037" s="16">
        <v>0</v>
      </c>
    </row>
    <row r="57038" spans="1:7" x14ac:dyDescent="0.3">
      <c r="A57038" s="13" t="s">
        <v>310</v>
      </c>
      <c r="B57038" s="14" t="s">
        <v>1</v>
      </c>
      <c r="C57038" s="14" t="s">
        <v>51</v>
      </c>
      <c r="D57038" s="14" t="s">
        <v>311</v>
      </c>
      <c r="E57038" s="15">
        <v>45474</v>
      </c>
      <c r="F57038" s="14" t="s">
        <v>53</v>
      </c>
      <c r="G57038" s="16">
        <v>0</v>
      </c>
    </row>
    <row r="57039" spans="1:7" x14ac:dyDescent="0.3">
      <c r="A57039" s="13" t="s">
        <v>310</v>
      </c>
      <c r="B57039" s="14" t="s">
        <v>1</v>
      </c>
      <c r="C57039" s="14" t="s">
        <v>51</v>
      </c>
      <c r="D57039" s="14" t="s">
        <v>311</v>
      </c>
      <c r="E57039" s="15">
        <v>45475</v>
      </c>
      <c r="F57039" s="14" t="s">
        <v>53</v>
      </c>
      <c r="G57039" s="16">
        <v>0</v>
      </c>
    </row>
    <row r="57040" spans="1:7" x14ac:dyDescent="0.3">
      <c r="A57040" s="13" t="s">
        <v>310</v>
      </c>
      <c r="B57040" s="14" t="s">
        <v>1</v>
      </c>
      <c r="C57040" s="14" t="s">
        <v>51</v>
      </c>
      <c r="D57040" s="14" t="s">
        <v>311</v>
      </c>
      <c r="E57040" s="15">
        <v>45476</v>
      </c>
      <c r="F57040" s="14" t="s">
        <v>53</v>
      </c>
      <c r="G57040" s="16">
        <v>0</v>
      </c>
    </row>
    <row r="57041" spans="1:7" x14ac:dyDescent="0.3">
      <c r="A57041" s="13" t="s">
        <v>310</v>
      </c>
      <c r="B57041" s="14" t="s">
        <v>1</v>
      </c>
      <c r="C57041" s="14" t="s">
        <v>51</v>
      </c>
      <c r="D57041" s="14" t="s">
        <v>311</v>
      </c>
      <c r="E57041" s="15">
        <v>45477</v>
      </c>
      <c r="F57041" s="14" t="s">
        <v>53</v>
      </c>
      <c r="G57041" s="16">
        <v>0</v>
      </c>
    </row>
    <row r="57042" spans="1:7" x14ac:dyDescent="0.3">
      <c r="A57042" s="13" t="s">
        <v>310</v>
      </c>
      <c r="B57042" s="14" t="s">
        <v>1</v>
      </c>
      <c r="C57042" s="14" t="s">
        <v>51</v>
      </c>
      <c r="D57042" s="14" t="s">
        <v>311</v>
      </c>
      <c r="E57042" s="15">
        <v>45478</v>
      </c>
      <c r="F57042" s="14" t="s">
        <v>53</v>
      </c>
      <c r="G57042" s="16">
        <v>0</v>
      </c>
    </row>
    <row r="57043" spans="1:7" x14ac:dyDescent="0.3">
      <c r="A57043" s="13" t="s">
        <v>310</v>
      </c>
      <c r="B57043" s="14" t="s">
        <v>1</v>
      </c>
      <c r="C57043" s="14" t="s">
        <v>51</v>
      </c>
      <c r="D57043" s="14" t="s">
        <v>311</v>
      </c>
      <c r="E57043" s="15">
        <v>45479</v>
      </c>
      <c r="F57043" s="14" t="s">
        <v>53</v>
      </c>
      <c r="G57043" s="16">
        <v>0</v>
      </c>
    </row>
    <row r="57044" spans="1:7" x14ac:dyDescent="0.3">
      <c r="A57044" s="13" t="s">
        <v>310</v>
      </c>
      <c r="B57044" s="14" t="s">
        <v>1</v>
      </c>
      <c r="C57044" s="14" t="s">
        <v>51</v>
      </c>
      <c r="D57044" s="14" t="s">
        <v>311</v>
      </c>
      <c r="E57044" s="15">
        <v>45480</v>
      </c>
      <c r="F57044" s="14" t="s">
        <v>53</v>
      </c>
      <c r="G57044" s="16">
        <v>0</v>
      </c>
    </row>
    <row r="57045" spans="1:7" x14ac:dyDescent="0.3">
      <c r="A57045" s="13" t="s">
        <v>310</v>
      </c>
      <c r="B57045" s="14" t="s">
        <v>1</v>
      </c>
      <c r="C57045" s="14" t="s">
        <v>51</v>
      </c>
      <c r="D57045" s="14" t="s">
        <v>311</v>
      </c>
      <c r="E57045" s="15">
        <v>45481</v>
      </c>
      <c r="F57045" s="14" t="s">
        <v>53</v>
      </c>
      <c r="G57045" s="16">
        <v>0</v>
      </c>
    </row>
    <row r="57046" spans="1:7" x14ac:dyDescent="0.3">
      <c r="A57046" s="13" t="s">
        <v>310</v>
      </c>
      <c r="B57046" s="14" t="s">
        <v>1</v>
      </c>
      <c r="C57046" s="14" t="s">
        <v>51</v>
      </c>
      <c r="D57046" s="14" t="s">
        <v>311</v>
      </c>
      <c r="E57046" s="15">
        <v>45482</v>
      </c>
      <c r="F57046" s="14" t="s">
        <v>53</v>
      </c>
      <c r="G57046" s="16">
        <v>0</v>
      </c>
    </row>
    <row r="57047" spans="1:7" x14ac:dyDescent="0.3">
      <c r="A57047" s="13" t="s">
        <v>310</v>
      </c>
      <c r="B57047" s="14" t="s">
        <v>1</v>
      </c>
      <c r="C57047" s="14" t="s">
        <v>51</v>
      </c>
      <c r="D57047" s="14" t="s">
        <v>311</v>
      </c>
      <c r="E57047" s="15">
        <v>45483</v>
      </c>
      <c r="F57047" s="14" t="s">
        <v>53</v>
      </c>
      <c r="G57047" s="16">
        <v>0</v>
      </c>
    </row>
    <row r="57048" spans="1:7" x14ac:dyDescent="0.3">
      <c r="A57048" s="13" t="s">
        <v>310</v>
      </c>
      <c r="B57048" s="14" t="s">
        <v>1</v>
      </c>
      <c r="C57048" s="14" t="s">
        <v>51</v>
      </c>
      <c r="D57048" s="14" t="s">
        <v>311</v>
      </c>
      <c r="E57048" s="15">
        <v>45484</v>
      </c>
      <c r="F57048" s="14" t="s">
        <v>53</v>
      </c>
      <c r="G57048" s="16">
        <v>0</v>
      </c>
    </row>
    <row r="57049" spans="1:7" x14ac:dyDescent="0.3">
      <c r="A57049" s="13" t="s">
        <v>310</v>
      </c>
      <c r="B57049" s="14" t="s">
        <v>1</v>
      </c>
      <c r="C57049" s="14" t="s">
        <v>51</v>
      </c>
      <c r="D57049" s="14" t="s">
        <v>311</v>
      </c>
      <c r="E57049" s="15">
        <v>45485</v>
      </c>
      <c r="F57049" s="14" t="s">
        <v>53</v>
      </c>
      <c r="G57049" s="16">
        <v>0</v>
      </c>
    </row>
    <row r="57050" spans="1:7" x14ac:dyDescent="0.3">
      <c r="A57050" s="13" t="s">
        <v>310</v>
      </c>
      <c r="B57050" s="14" t="s">
        <v>1</v>
      </c>
      <c r="C57050" s="14" t="s">
        <v>51</v>
      </c>
      <c r="D57050" s="14" t="s">
        <v>311</v>
      </c>
      <c r="E57050" s="15">
        <v>45486</v>
      </c>
      <c r="F57050" s="14" t="s">
        <v>53</v>
      </c>
      <c r="G57050" s="16">
        <v>0</v>
      </c>
    </row>
    <row r="57051" spans="1:7" x14ac:dyDescent="0.3">
      <c r="A57051" s="13" t="s">
        <v>310</v>
      </c>
      <c r="B57051" s="14" t="s">
        <v>1</v>
      </c>
      <c r="C57051" s="14" t="s">
        <v>51</v>
      </c>
      <c r="D57051" s="14" t="s">
        <v>311</v>
      </c>
      <c r="E57051" s="15">
        <v>45487</v>
      </c>
      <c r="F57051" s="14" t="s">
        <v>53</v>
      </c>
      <c r="G57051" s="16">
        <v>0</v>
      </c>
    </row>
    <row r="57052" spans="1:7" x14ac:dyDescent="0.3">
      <c r="A57052" s="13" t="s">
        <v>310</v>
      </c>
      <c r="B57052" s="14" t="s">
        <v>1</v>
      </c>
      <c r="C57052" s="14" t="s">
        <v>51</v>
      </c>
      <c r="D57052" s="14" t="s">
        <v>311</v>
      </c>
      <c r="E57052" s="15">
        <v>45488</v>
      </c>
      <c r="F57052" s="14" t="s">
        <v>53</v>
      </c>
      <c r="G57052" s="16">
        <v>0</v>
      </c>
    </row>
    <row r="57053" spans="1:7" x14ac:dyDescent="0.3">
      <c r="A57053" s="13" t="s">
        <v>310</v>
      </c>
      <c r="B57053" s="14" t="s">
        <v>1</v>
      </c>
      <c r="C57053" s="14" t="s">
        <v>51</v>
      </c>
      <c r="D57053" s="14" t="s">
        <v>311</v>
      </c>
      <c r="E57053" s="15">
        <v>45489</v>
      </c>
      <c r="F57053" s="14" t="s">
        <v>53</v>
      </c>
      <c r="G57053" s="16">
        <v>0</v>
      </c>
    </row>
    <row r="57054" spans="1:7" x14ac:dyDescent="0.3">
      <c r="A57054" s="13" t="s">
        <v>310</v>
      </c>
      <c r="B57054" s="14" t="s">
        <v>1</v>
      </c>
      <c r="C57054" s="14" t="s">
        <v>51</v>
      </c>
      <c r="D57054" s="14" t="s">
        <v>311</v>
      </c>
      <c r="E57054" s="15">
        <v>45490</v>
      </c>
      <c r="F57054" s="14" t="s">
        <v>53</v>
      </c>
      <c r="G57054" s="16">
        <v>0</v>
      </c>
    </row>
    <row r="57055" spans="1:7" x14ac:dyDescent="0.3">
      <c r="A57055" s="13" t="s">
        <v>310</v>
      </c>
      <c r="B57055" s="14" t="s">
        <v>1</v>
      </c>
      <c r="C57055" s="14" t="s">
        <v>51</v>
      </c>
      <c r="D57055" s="14" t="s">
        <v>311</v>
      </c>
      <c r="E57055" s="15">
        <v>45491</v>
      </c>
      <c r="F57055" s="14" t="s">
        <v>53</v>
      </c>
      <c r="G57055" s="16">
        <v>0</v>
      </c>
    </row>
    <row r="57056" spans="1:7" x14ac:dyDescent="0.3">
      <c r="A57056" s="13" t="s">
        <v>310</v>
      </c>
      <c r="B57056" s="14" t="s">
        <v>1</v>
      </c>
      <c r="C57056" s="14" t="s">
        <v>51</v>
      </c>
      <c r="D57056" s="14" t="s">
        <v>311</v>
      </c>
      <c r="E57056" s="15">
        <v>45492</v>
      </c>
      <c r="F57056" s="14" t="s">
        <v>53</v>
      </c>
      <c r="G57056" s="16">
        <v>0</v>
      </c>
    </row>
    <row r="57057" spans="1:7" x14ac:dyDescent="0.3">
      <c r="A57057" s="13" t="s">
        <v>310</v>
      </c>
      <c r="B57057" s="14" t="s">
        <v>1</v>
      </c>
      <c r="C57057" s="14" t="s">
        <v>51</v>
      </c>
      <c r="D57057" s="14" t="s">
        <v>311</v>
      </c>
      <c r="E57057" s="15">
        <v>45493</v>
      </c>
      <c r="F57057" s="14" t="s">
        <v>53</v>
      </c>
      <c r="G57057" s="16">
        <v>0</v>
      </c>
    </row>
    <row r="57058" spans="1:7" x14ac:dyDescent="0.3">
      <c r="A57058" s="13" t="s">
        <v>310</v>
      </c>
      <c r="B57058" s="14" t="s">
        <v>1</v>
      </c>
      <c r="C57058" s="14" t="s">
        <v>51</v>
      </c>
      <c r="D57058" s="14" t="s">
        <v>311</v>
      </c>
      <c r="E57058" s="15">
        <v>45494</v>
      </c>
      <c r="F57058" s="14" t="s">
        <v>53</v>
      </c>
      <c r="G57058" s="16">
        <v>0</v>
      </c>
    </row>
    <row r="57059" spans="1:7" x14ac:dyDescent="0.3">
      <c r="A57059" s="13" t="s">
        <v>310</v>
      </c>
      <c r="B57059" s="14" t="s">
        <v>1</v>
      </c>
      <c r="C57059" s="14" t="s">
        <v>51</v>
      </c>
      <c r="D57059" s="14" t="s">
        <v>311</v>
      </c>
      <c r="E57059" s="15">
        <v>45495</v>
      </c>
      <c r="F57059" s="14" t="s">
        <v>53</v>
      </c>
      <c r="G57059" s="16">
        <v>0</v>
      </c>
    </row>
    <row r="57060" spans="1:7" x14ac:dyDescent="0.3">
      <c r="A57060" s="13" t="s">
        <v>310</v>
      </c>
      <c r="B57060" s="14" t="s">
        <v>1</v>
      </c>
      <c r="C57060" s="14" t="s">
        <v>51</v>
      </c>
      <c r="D57060" s="14" t="s">
        <v>311</v>
      </c>
      <c r="E57060" s="15">
        <v>45496</v>
      </c>
      <c r="F57060" s="14" t="s">
        <v>53</v>
      </c>
      <c r="G57060" s="16">
        <v>0</v>
      </c>
    </row>
    <row r="57061" spans="1:7" x14ac:dyDescent="0.3">
      <c r="A57061" s="13" t="s">
        <v>310</v>
      </c>
      <c r="B57061" s="14" t="s">
        <v>1</v>
      </c>
      <c r="C57061" s="14" t="s">
        <v>51</v>
      </c>
      <c r="D57061" s="14" t="s">
        <v>311</v>
      </c>
      <c r="E57061" s="15">
        <v>45497</v>
      </c>
      <c r="F57061" s="14" t="s">
        <v>53</v>
      </c>
      <c r="G57061" s="16">
        <v>0</v>
      </c>
    </row>
    <row r="57062" spans="1:7" x14ac:dyDescent="0.3">
      <c r="A57062" s="13" t="s">
        <v>310</v>
      </c>
      <c r="B57062" s="14" t="s">
        <v>1</v>
      </c>
      <c r="C57062" s="14" t="s">
        <v>51</v>
      </c>
      <c r="D57062" s="14" t="s">
        <v>311</v>
      </c>
      <c r="E57062" s="15">
        <v>45498</v>
      </c>
      <c r="F57062" s="14" t="s">
        <v>53</v>
      </c>
      <c r="G57062" s="16">
        <v>0</v>
      </c>
    </row>
    <row r="57063" spans="1:7" x14ac:dyDescent="0.3">
      <c r="A57063" s="13" t="s">
        <v>310</v>
      </c>
      <c r="B57063" s="14" t="s">
        <v>1</v>
      </c>
      <c r="C57063" s="14" t="s">
        <v>51</v>
      </c>
      <c r="D57063" s="14" t="s">
        <v>311</v>
      </c>
      <c r="E57063" s="15">
        <v>45499</v>
      </c>
      <c r="F57063" s="14" t="s">
        <v>53</v>
      </c>
      <c r="G57063" s="16">
        <v>0</v>
      </c>
    </row>
    <row r="57064" spans="1:7" x14ac:dyDescent="0.3">
      <c r="A57064" s="13" t="s">
        <v>310</v>
      </c>
      <c r="B57064" s="14" t="s">
        <v>1</v>
      </c>
      <c r="C57064" s="14" t="s">
        <v>51</v>
      </c>
      <c r="D57064" s="14" t="s">
        <v>311</v>
      </c>
      <c r="E57064" s="15">
        <v>45500</v>
      </c>
      <c r="F57064" s="14" t="s">
        <v>53</v>
      </c>
      <c r="G57064" s="16">
        <v>0</v>
      </c>
    </row>
    <row r="57065" spans="1:7" x14ac:dyDescent="0.3">
      <c r="A57065" s="13" t="s">
        <v>310</v>
      </c>
      <c r="B57065" s="14" t="s">
        <v>1</v>
      </c>
      <c r="C57065" s="14" t="s">
        <v>51</v>
      </c>
      <c r="D57065" s="14" t="s">
        <v>311</v>
      </c>
      <c r="E57065" s="15">
        <v>45501</v>
      </c>
      <c r="F57065" s="14" t="s">
        <v>53</v>
      </c>
      <c r="G57065" s="16">
        <v>0</v>
      </c>
    </row>
    <row r="57066" spans="1:7" x14ac:dyDescent="0.3">
      <c r="A57066" s="13" t="s">
        <v>310</v>
      </c>
      <c r="B57066" s="14" t="s">
        <v>1</v>
      </c>
      <c r="C57066" s="14" t="s">
        <v>51</v>
      </c>
      <c r="D57066" s="14" t="s">
        <v>311</v>
      </c>
      <c r="E57066" s="15">
        <v>45502</v>
      </c>
      <c r="F57066" s="14" t="s">
        <v>53</v>
      </c>
      <c r="G57066" s="16">
        <v>0</v>
      </c>
    </row>
    <row r="57067" spans="1:7" x14ac:dyDescent="0.3">
      <c r="A57067" s="13" t="s">
        <v>310</v>
      </c>
      <c r="B57067" s="14" t="s">
        <v>1</v>
      </c>
      <c r="C57067" s="14" t="s">
        <v>51</v>
      </c>
      <c r="D57067" s="14" t="s">
        <v>311</v>
      </c>
      <c r="E57067" s="15">
        <v>45503</v>
      </c>
      <c r="F57067" s="14" t="s">
        <v>53</v>
      </c>
      <c r="G57067" s="16">
        <v>0</v>
      </c>
    </row>
    <row r="57068" spans="1:7" x14ac:dyDescent="0.3">
      <c r="A57068" s="13" t="s">
        <v>310</v>
      </c>
      <c r="B57068" s="14" t="s">
        <v>1</v>
      </c>
      <c r="C57068" s="14" t="s">
        <v>51</v>
      </c>
      <c r="D57068" s="14" t="s">
        <v>311</v>
      </c>
      <c r="E57068" s="15">
        <v>45504</v>
      </c>
      <c r="F57068" s="14" t="s">
        <v>53</v>
      </c>
      <c r="G57068" s="16">
        <v>0</v>
      </c>
    </row>
    <row r="57069" spans="1:7" x14ac:dyDescent="0.3">
      <c r="A57069" s="13" t="s">
        <v>310</v>
      </c>
      <c r="B57069" s="14" t="s">
        <v>1</v>
      </c>
      <c r="C57069" s="14" t="s">
        <v>51</v>
      </c>
      <c r="D57069" s="14" t="s">
        <v>311</v>
      </c>
      <c r="E57069" s="15">
        <v>45505</v>
      </c>
      <c r="F57069" s="14" t="s">
        <v>53</v>
      </c>
      <c r="G57069" s="16">
        <v>0</v>
      </c>
    </row>
    <row r="57070" spans="1:7" x14ac:dyDescent="0.3">
      <c r="A57070" s="13" t="s">
        <v>310</v>
      </c>
      <c r="B57070" s="14" t="s">
        <v>1</v>
      </c>
      <c r="C57070" s="14" t="s">
        <v>51</v>
      </c>
      <c r="D57070" s="14" t="s">
        <v>311</v>
      </c>
      <c r="E57070" s="15">
        <v>45506</v>
      </c>
      <c r="F57070" s="14" t="s">
        <v>53</v>
      </c>
      <c r="G57070" s="16">
        <v>0</v>
      </c>
    </row>
    <row r="57071" spans="1:7" x14ac:dyDescent="0.3">
      <c r="A57071" s="13" t="s">
        <v>310</v>
      </c>
      <c r="B57071" s="14" t="s">
        <v>1</v>
      </c>
      <c r="C57071" s="14" t="s">
        <v>51</v>
      </c>
      <c r="D57071" s="14" t="s">
        <v>311</v>
      </c>
      <c r="E57071" s="15">
        <v>45507</v>
      </c>
      <c r="F57071" s="14" t="s">
        <v>53</v>
      </c>
      <c r="G57071" s="16">
        <v>0</v>
      </c>
    </row>
    <row r="57072" spans="1:7" x14ac:dyDescent="0.3">
      <c r="A57072" s="13" t="s">
        <v>310</v>
      </c>
      <c r="B57072" s="14" t="s">
        <v>1</v>
      </c>
      <c r="C57072" s="14" t="s">
        <v>51</v>
      </c>
      <c r="D57072" s="14" t="s">
        <v>311</v>
      </c>
      <c r="E57072" s="15">
        <v>45508</v>
      </c>
      <c r="F57072" s="14" t="s">
        <v>53</v>
      </c>
      <c r="G57072" s="16">
        <v>0</v>
      </c>
    </row>
    <row r="57073" spans="1:7" x14ac:dyDescent="0.3">
      <c r="A57073" s="13" t="s">
        <v>310</v>
      </c>
      <c r="B57073" s="14" t="s">
        <v>1</v>
      </c>
      <c r="C57073" s="14" t="s">
        <v>51</v>
      </c>
      <c r="D57073" s="14" t="s">
        <v>311</v>
      </c>
      <c r="E57073" s="15">
        <v>45509</v>
      </c>
      <c r="F57073" s="14" t="s">
        <v>53</v>
      </c>
      <c r="G57073" s="16">
        <v>0</v>
      </c>
    </row>
    <row r="57074" spans="1:7" x14ac:dyDescent="0.3">
      <c r="A57074" s="13" t="s">
        <v>310</v>
      </c>
      <c r="B57074" s="14" t="s">
        <v>1</v>
      </c>
      <c r="C57074" s="14" t="s">
        <v>51</v>
      </c>
      <c r="D57074" s="14" t="s">
        <v>311</v>
      </c>
      <c r="E57074" s="15">
        <v>45510</v>
      </c>
      <c r="F57074" s="14" t="s">
        <v>53</v>
      </c>
      <c r="G57074" s="16">
        <v>0</v>
      </c>
    </row>
    <row r="57075" spans="1:7" x14ac:dyDescent="0.3">
      <c r="A57075" s="13" t="s">
        <v>310</v>
      </c>
      <c r="B57075" s="14" t="s">
        <v>1</v>
      </c>
      <c r="C57075" s="14" t="s">
        <v>51</v>
      </c>
      <c r="D57075" s="14" t="s">
        <v>311</v>
      </c>
      <c r="E57075" s="15">
        <v>45511</v>
      </c>
      <c r="F57075" s="14" t="s">
        <v>53</v>
      </c>
      <c r="G57075" s="16">
        <v>0</v>
      </c>
    </row>
    <row r="57076" spans="1:7" x14ac:dyDescent="0.3">
      <c r="A57076" s="13" t="s">
        <v>310</v>
      </c>
      <c r="B57076" s="14" t="s">
        <v>1</v>
      </c>
      <c r="C57076" s="14" t="s">
        <v>51</v>
      </c>
      <c r="D57076" s="14" t="s">
        <v>311</v>
      </c>
      <c r="E57076" s="15">
        <v>45512</v>
      </c>
      <c r="F57076" s="14" t="s">
        <v>53</v>
      </c>
      <c r="G57076" s="16">
        <v>0</v>
      </c>
    </row>
    <row r="57077" spans="1:7" x14ac:dyDescent="0.3">
      <c r="A57077" s="13" t="s">
        <v>310</v>
      </c>
      <c r="B57077" s="14" t="s">
        <v>1</v>
      </c>
      <c r="C57077" s="14" t="s">
        <v>51</v>
      </c>
      <c r="D57077" s="14" t="s">
        <v>311</v>
      </c>
      <c r="E57077" s="15">
        <v>45513</v>
      </c>
      <c r="F57077" s="14" t="s">
        <v>53</v>
      </c>
      <c r="G57077" s="16">
        <v>0</v>
      </c>
    </row>
    <row r="57078" spans="1:7" x14ac:dyDescent="0.3">
      <c r="A57078" s="13" t="s">
        <v>310</v>
      </c>
      <c r="B57078" s="14" t="s">
        <v>1</v>
      </c>
      <c r="C57078" s="14" t="s">
        <v>51</v>
      </c>
      <c r="D57078" s="14" t="s">
        <v>311</v>
      </c>
      <c r="E57078" s="15">
        <v>45514</v>
      </c>
      <c r="F57078" s="14" t="s">
        <v>53</v>
      </c>
      <c r="G57078" s="16">
        <v>0</v>
      </c>
    </row>
    <row r="57079" spans="1:7" x14ac:dyDescent="0.3">
      <c r="A57079" s="13" t="s">
        <v>310</v>
      </c>
      <c r="B57079" s="14" t="s">
        <v>1</v>
      </c>
      <c r="C57079" s="14" t="s">
        <v>51</v>
      </c>
      <c r="D57079" s="14" t="s">
        <v>311</v>
      </c>
      <c r="E57079" s="15">
        <v>45515</v>
      </c>
      <c r="F57079" s="14" t="s">
        <v>53</v>
      </c>
      <c r="G57079" s="16">
        <v>0</v>
      </c>
    </row>
    <row r="57080" spans="1:7" x14ac:dyDescent="0.3">
      <c r="A57080" s="13" t="s">
        <v>310</v>
      </c>
      <c r="B57080" s="14" t="s">
        <v>1</v>
      </c>
      <c r="C57080" s="14" t="s">
        <v>51</v>
      </c>
      <c r="D57080" s="14" t="s">
        <v>311</v>
      </c>
      <c r="E57080" s="15">
        <v>45516</v>
      </c>
      <c r="F57080" s="14" t="s">
        <v>53</v>
      </c>
      <c r="G57080" s="16">
        <v>0</v>
      </c>
    </row>
    <row r="57081" spans="1:7" x14ac:dyDescent="0.3">
      <c r="A57081" s="13" t="s">
        <v>310</v>
      </c>
      <c r="B57081" s="14" t="s">
        <v>1</v>
      </c>
      <c r="C57081" s="14" t="s">
        <v>51</v>
      </c>
      <c r="D57081" s="14" t="s">
        <v>311</v>
      </c>
      <c r="E57081" s="15">
        <v>45517</v>
      </c>
      <c r="F57081" s="14" t="s">
        <v>53</v>
      </c>
      <c r="G57081" s="16">
        <v>0</v>
      </c>
    </row>
    <row r="57082" spans="1:7" x14ac:dyDescent="0.3">
      <c r="A57082" s="13" t="s">
        <v>310</v>
      </c>
      <c r="B57082" s="14" t="s">
        <v>1</v>
      </c>
      <c r="C57082" s="14" t="s">
        <v>51</v>
      </c>
      <c r="D57082" s="14" t="s">
        <v>311</v>
      </c>
      <c r="E57082" s="15">
        <v>45518</v>
      </c>
      <c r="F57082" s="14" t="s">
        <v>53</v>
      </c>
      <c r="G57082" s="16">
        <v>0</v>
      </c>
    </row>
    <row r="57083" spans="1:7" x14ac:dyDescent="0.3">
      <c r="A57083" s="13" t="s">
        <v>310</v>
      </c>
      <c r="B57083" s="14" t="s">
        <v>1</v>
      </c>
      <c r="C57083" s="14" t="s">
        <v>51</v>
      </c>
      <c r="D57083" s="14" t="s">
        <v>311</v>
      </c>
      <c r="E57083" s="15">
        <v>45519</v>
      </c>
      <c r="F57083" s="14" t="s">
        <v>53</v>
      </c>
      <c r="G57083" s="16">
        <v>0</v>
      </c>
    </row>
    <row r="57084" spans="1:7" x14ac:dyDescent="0.3">
      <c r="A57084" s="13" t="s">
        <v>310</v>
      </c>
      <c r="B57084" s="14" t="s">
        <v>1</v>
      </c>
      <c r="C57084" s="14" t="s">
        <v>51</v>
      </c>
      <c r="D57084" s="14" t="s">
        <v>311</v>
      </c>
      <c r="E57084" s="15">
        <v>45520</v>
      </c>
      <c r="F57084" s="14" t="s">
        <v>53</v>
      </c>
      <c r="G57084" s="16">
        <v>0</v>
      </c>
    </row>
    <row r="57085" spans="1:7" x14ac:dyDescent="0.3">
      <c r="A57085" s="13" t="s">
        <v>310</v>
      </c>
      <c r="B57085" s="14" t="s">
        <v>1</v>
      </c>
      <c r="C57085" s="14" t="s">
        <v>51</v>
      </c>
      <c r="D57085" s="14" t="s">
        <v>311</v>
      </c>
      <c r="E57085" s="15">
        <v>45521</v>
      </c>
      <c r="F57085" s="14" t="s">
        <v>53</v>
      </c>
      <c r="G57085" s="16">
        <v>0</v>
      </c>
    </row>
    <row r="57086" spans="1:7" x14ac:dyDescent="0.3">
      <c r="A57086" s="13" t="s">
        <v>310</v>
      </c>
      <c r="B57086" s="14" t="s">
        <v>1</v>
      </c>
      <c r="C57086" s="14" t="s">
        <v>51</v>
      </c>
      <c r="D57086" s="14" t="s">
        <v>311</v>
      </c>
      <c r="E57086" s="15">
        <v>45522</v>
      </c>
      <c r="F57086" s="14" t="s">
        <v>53</v>
      </c>
      <c r="G57086" s="16">
        <v>0</v>
      </c>
    </row>
    <row r="57087" spans="1:7" x14ac:dyDescent="0.3">
      <c r="A57087" s="13" t="s">
        <v>310</v>
      </c>
      <c r="B57087" s="14" t="s">
        <v>1</v>
      </c>
      <c r="C57087" s="14" t="s">
        <v>51</v>
      </c>
      <c r="D57087" s="14" t="s">
        <v>311</v>
      </c>
      <c r="E57087" s="15">
        <v>45523</v>
      </c>
      <c r="F57087" s="14" t="s">
        <v>53</v>
      </c>
      <c r="G57087" s="16">
        <v>0</v>
      </c>
    </row>
    <row r="57088" spans="1:7" x14ac:dyDescent="0.3">
      <c r="A57088" s="13" t="s">
        <v>310</v>
      </c>
      <c r="B57088" s="14" t="s">
        <v>1</v>
      </c>
      <c r="C57088" s="14" t="s">
        <v>51</v>
      </c>
      <c r="D57088" s="14" t="s">
        <v>311</v>
      </c>
      <c r="E57088" s="15">
        <v>45524</v>
      </c>
      <c r="F57088" s="14" t="s">
        <v>53</v>
      </c>
      <c r="G57088" s="16">
        <v>0</v>
      </c>
    </row>
    <row r="57089" spans="1:7" x14ac:dyDescent="0.3">
      <c r="A57089" s="13" t="s">
        <v>310</v>
      </c>
      <c r="B57089" s="14" t="s">
        <v>1</v>
      </c>
      <c r="C57089" s="14" t="s">
        <v>51</v>
      </c>
      <c r="D57089" s="14" t="s">
        <v>311</v>
      </c>
      <c r="E57089" s="15">
        <v>45525</v>
      </c>
      <c r="F57089" s="14" t="s">
        <v>53</v>
      </c>
      <c r="G57089" s="16">
        <v>0</v>
      </c>
    </row>
    <row r="57090" spans="1:7" x14ac:dyDescent="0.3">
      <c r="A57090" s="13" t="s">
        <v>310</v>
      </c>
      <c r="B57090" s="14" t="s">
        <v>1</v>
      </c>
      <c r="C57090" s="14" t="s">
        <v>51</v>
      </c>
      <c r="D57090" s="14" t="s">
        <v>311</v>
      </c>
      <c r="E57090" s="15">
        <v>45526</v>
      </c>
      <c r="F57090" s="14" t="s">
        <v>53</v>
      </c>
      <c r="G57090" s="16">
        <v>0</v>
      </c>
    </row>
    <row r="57091" spans="1:7" x14ac:dyDescent="0.3">
      <c r="A57091" s="13" t="s">
        <v>310</v>
      </c>
      <c r="B57091" s="14" t="s">
        <v>1</v>
      </c>
      <c r="C57091" s="14" t="s">
        <v>51</v>
      </c>
      <c r="D57091" s="14" t="s">
        <v>311</v>
      </c>
      <c r="E57091" s="15">
        <v>45527</v>
      </c>
      <c r="F57091" s="14" t="s">
        <v>53</v>
      </c>
      <c r="G57091" s="16">
        <v>0</v>
      </c>
    </row>
    <row r="57092" spans="1:7" x14ac:dyDescent="0.3">
      <c r="A57092" s="13" t="s">
        <v>310</v>
      </c>
      <c r="B57092" s="14" t="s">
        <v>1</v>
      </c>
      <c r="C57092" s="14" t="s">
        <v>51</v>
      </c>
      <c r="D57092" s="14" t="s">
        <v>311</v>
      </c>
      <c r="E57092" s="15">
        <v>45528</v>
      </c>
      <c r="F57092" s="14" t="s">
        <v>53</v>
      </c>
      <c r="G57092" s="16">
        <v>0</v>
      </c>
    </row>
    <row r="57093" spans="1:7" x14ac:dyDescent="0.3">
      <c r="A57093" s="13" t="s">
        <v>310</v>
      </c>
      <c r="B57093" s="14" t="s">
        <v>1</v>
      </c>
      <c r="C57093" s="14" t="s">
        <v>51</v>
      </c>
      <c r="D57093" s="14" t="s">
        <v>311</v>
      </c>
      <c r="E57093" s="15">
        <v>45529</v>
      </c>
      <c r="F57093" s="14" t="s">
        <v>53</v>
      </c>
      <c r="G57093" s="16">
        <v>0</v>
      </c>
    </row>
    <row r="57094" spans="1:7" x14ac:dyDescent="0.3">
      <c r="A57094" s="13" t="s">
        <v>310</v>
      </c>
      <c r="B57094" s="14" t="s">
        <v>1</v>
      </c>
      <c r="C57094" s="14" t="s">
        <v>51</v>
      </c>
      <c r="D57094" s="14" t="s">
        <v>311</v>
      </c>
      <c r="E57094" s="15">
        <v>45530</v>
      </c>
      <c r="F57094" s="14" t="s">
        <v>53</v>
      </c>
      <c r="G57094" s="16">
        <v>0</v>
      </c>
    </row>
    <row r="57095" spans="1:7" x14ac:dyDescent="0.3">
      <c r="A57095" s="13" t="s">
        <v>310</v>
      </c>
      <c r="B57095" s="14" t="s">
        <v>1</v>
      </c>
      <c r="C57095" s="14" t="s">
        <v>51</v>
      </c>
      <c r="D57095" s="14" t="s">
        <v>311</v>
      </c>
      <c r="E57095" s="15">
        <v>45531</v>
      </c>
      <c r="F57095" s="14" t="s">
        <v>53</v>
      </c>
      <c r="G57095" s="16">
        <v>0</v>
      </c>
    </row>
    <row r="57096" spans="1:7" x14ac:dyDescent="0.3">
      <c r="A57096" s="13" t="s">
        <v>310</v>
      </c>
      <c r="B57096" s="14" t="s">
        <v>1</v>
      </c>
      <c r="C57096" s="14" t="s">
        <v>51</v>
      </c>
      <c r="D57096" s="14" t="s">
        <v>311</v>
      </c>
      <c r="E57096" s="15">
        <v>45532</v>
      </c>
      <c r="F57096" s="14" t="s">
        <v>53</v>
      </c>
      <c r="G57096" s="16">
        <v>0</v>
      </c>
    </row>
    <row r="57097" spans="1:7" x14ac:dyDescent="0.3">
      <c r="A57097" s="13" t="s">
        <v>310</v>
      </c>
      <c r="B57097" s="14" t="s">
        <v>1</v>
      </c>
      <c r="C57097" s="14" t="s">
        <v>51</v>
      </c>
      <c r="D57097" s="14" t="s">
        <v>311</v>
      </c>
      <c r="E57097" s="15">
        <v>45533</v>
      </c>
      <c r="F57097" s="14" t="s">
        <v>53</v>
      </c>
      <c r="G57097" s="16">
        <v>0</v>
      </c>
    </row>
    <row r="57098" spans="1:7" x14ac:dyDescent="0.3">
      <c r="A57098" s="13" t="s">
        <v>310</v>
      </c>
      <c r="B57098" s="14" t="s">
        <v>1</v>
      </c>
      <c r="C57098" s="14" t="s">
        <v>51</v>
      </c>
      <c r="D57098" s="14" t="s">
        <v>311</v>
      </c>
      <c r="E57098" s="15">
        <v>45534</v>
      </c>
      <c r="F57098" s="14" t="s">
        <v>53</v>
      </c>
      <c r="G57098" s="16">
        <v>0</v>
      </c>
    </row>
    <row r="57099" spans="1:7" x14ac:dyDescent="0.3">
      <c r="A57099" s="13" t="s">
        <v>310</v>
      </c>
      <c r="B57099" s="14" t="s">
        <v>1</v>
      </c>
      <c r="C57099" s="14" t="s">
        <v>51</v>
      </c>
      <c r="D57099" s="14" t="s">
        <v>311</v>
      </c>
      <c r="E57099" s="15">
        <v>45535</v>
      </c>
      <c r="F57099" s="14" t="s">
        <v>53</v>
      </c>
      <c r="G57099" s="16">
        <v>0</v>
      </c>
    </row>
    <row r="57100" spans="1:7" x14ac:dyDescent="0.3">
      <c r="A57100" s="13" t="s">
        <v>310</v>
      </c>
      <c r="B57100" s="14" t="s">
        <v>1</v>
      </c>
      <c r="C57100" s="14" t="s">
        <v>51</v>
      </c>
      <c r="D57100" s="14" t="s">
        <v>311</v>
      </c>
      <c r="E57100" s="15">
        <v>45536</v>
      </c>
      <c r="F57100" s="14" t="s">
        <v>53</v>
      </c>
      <c r="G57100" s="16">
        <v>0</v>
      </c>
    </row>
    <row r="57101" spans="1:7" x14ac:dyDescent="0.3">
      <c r="A57101" s="13" t="s">
        <v>310</v>
      </c>
      <c r="B57101" s="14" t="s">
        <v>1</v>
      </c>
      <c r="C57101" s="14" t="s">
        <v>51</v>
      </c>
      <c r="D57101" s="14" t="s">
        <v>311</v>
      </c>
      <c r="E57101" s="15">
        <v>45537</v>
      </c>
      <c r="F57101" s="14" t="s">
        <v>53</v>
      </c>
      <c r="G57101" s="16">
        <v>0</v>
      </c>
    </row>
    <row r="57102" spans="1:7" x14ac:dyDescent="0.3">
      <c r="A57102" s="13" t="s">
        <v>310</v>
      </c>
      <c r="B57102" s="14" t="s">
        <v>1</v>
      </c>
      <c r="C57102" s="14" t="s">
        <v>51</v>
      </c>
      <c r="D57102" s="14" t="s">
        <v>311</v>
      </c>
      <c r="E57102" s="15">
        <v>45538</v>
      </c>
      <c r="F57102" s="14" t="s">
        <v>53</v>
      </c>
      <c r="G57102" s="16">
        <v>0</v>
      </c>
    </row>
    <row r="57103" spans="1:7" x14ac:dyDescent="0.3">
      <c r="A57103" s="13" t="s">
        <v>310</v>
      </c>
      <c r="B57103" s="14" t="s">
        <v>1</v>
      </c>
      <c r="C57103" s="14" t="s">
        <v>51</v>
      </c>
      <c r="D57103" s="14" t="s">
        <v>311</v>
      </c>
      <c r="E57103" s="15">
        <v>45539</v>
      </c>
      <c r="F57103" s="14" t="s">
        <v>53</v>
      </c>
      <c r="G57103" s="16">
        <v>0</v>
      </c>
    </row>
    <row r="57104" spans="1:7" x14ac:dyDescent="0.3">
      <c r="A57104" s="13" t="s">
        <v>310</v>
      </c>
      <c r="B57104" s="14" t="s">
        <v>1</v>
      </c>
      <c r="C57104" s="14" t="s">
        <v>51</v>
      </c>
      <c r="D57104" s="14" t="s">
        <v>311</v>
      </c>
      <c r="E57104" s="15">
        <v>45540</v>
      </c>
      <c r="F57104" s="14" t="s">
        <v>53</v>
      </c>
      <c r="G57104" s="16">
        <v>0</v>
      </c>
    </row>
    <row r="57105" spans="1:7" x14ac:dyDescent="0.3">
      <c r="A57105" s="13" t="s">
        <v>310</v>
      </c>
      <c r="B57105" s="14" t="s">
        <v>1</v>
      </c>
      <c r="C57105" s="14" t="s">
        <v>51</v>
      </c>
      <c r="D57105" s="14" t="s">
        <v>311</v>
      </c>
      <c r="E57105" s="15">
        <v>45541</v>
      </c>
      <c r="F57105" s="14" t="s">
        <v>53</v>
      </c>
      <c r="G57105" s="16">
        <v>0</v>
      </c>
    </row>
    <row r="57106" spans="1:7" x14ac:dyDescent="0.3">
      <c r="A57106" s="13" t="s">
        <v>310</v>
      </c>
      <c r="B57106" s="14" t="s">
        <v>1</v>
      </c>
      <c r="C57106" s="14" t="s">
        <v>51</v>
      </c>
      <c r="D57106" s="14" t="s">
        <v>311</v>
      </c>
      <c r="E57106" s="15">
        <v>45542</v>
      </c>
      <c r="F57106" s="14" t="s">
        <v>53</v>
      </c>
      <c r="G57106" s="16">
        <v>0</v>
      </c>
    </row>
    <row r="57107" spans="1:7" x14ac:dyDescent="0.3">
      <c r="A57107" s="13" t="s">
        <v>310</v>
      </c>
      <c r="B57107" s="14" t="s">
        <v>1</v>
      </c>
      <c r="C57107" s="14" t="s">
        <v>51</v>
      </c>
      <c r="D57107" s="14" t="s">
        <v>311</v>
      </c>
      <c r="E57107" s="15">
        <v>45543</v>
      </c>
      <c r="F57107" s="14" t="s">
        <v>53</v>
      </c>
      <c r="G57107" s="16">
        <v>0</v>
      </c>
    </row>
    <row r="57108" spans="1:7" x14ac:dyDescent="0.3">
      <c r="A57108" s="13" t="s">
        <v>310</v>
      </c>
      <c r="B57108" s="14" t="s">
        <v>1</v>
      </c>
      <c r="C57108" s="14" t="s">
        <v>51</v>
      </c>
      <c r="D57108" s="14" t="s">
        <v>311</v>
      </c>
      <c r="E57108" s="15">
        <v>45544</v>
      </c>
      <c r="F57108" s="14" t="s">
        <v>53</v>
      </c>
      <c r="G57108" s="16">
        <v>0</v>
      </c>
    </row>
    <row r="57109" spans="1:7" x14ac:dyDescent="0.3">
      <c r="A57109" s="13" t="s">
        <v>310</v>
      </c>
      <c r="B57109" s="14" t="s">
        <v>1</v>
      </c>
      <c r="C57109" s="14" t="s">
        <v>51</v>
      </c>
      <c r="D57109" s="14" t="s">
        <v>311</v>
      </c>
      <c r="E57109" s="15">
        <v>45545</v>
      </c>
      <c r="F57109" s="14" t="s">
        <v>53</v>
      </c>
      <c r="G57109" s="16">
        <v>0</v>
      </c>
    </row>
    <row r="57110" spans="1:7" x14ac:dyDescent="0.3">
      <c r="A57110" s="13" t="s">
        <v>310</v>
      </c>
      <c r="B57110" s="14" t="s">
        <v>1</v>
      </c>
      <c r="C57110" s="14" t="s">
        <v>51</v>
      </c>
      <c r="D57110" s="14" t="s">
        <v>311</v>
      </c>
      <c r="E57110" s="15">
        <v>45546</v>
      </c>
      <c r="F57110" s="14" t="s">
        <v>53</v>
      </c>
      <c r="G57110" s="16">
        <v>0</v>
      </c>
    </row>
    <row r="57111" spans="1:7" x14ac:dyDescent="0.3">
      <c r="A57111" s="13" t="s">
        <v>310</v>
      </c>
      <c r="B57111" s="14" t="s">
        <v>1</v>
      </c>
      <c r="C57111" s="14" t="s">
        <v>51</v>
      </c>
      <c r="D57111" s="14" t="s">
        <v>311</v>
      </c>
      <c r="E57111" s="15">
        <v>45547</v>
      </c>
      <c r="F57111" s="14" t="s">
        <v>53</v>
      </c>
      <c r="G57111" s="16">
        <v>0</v>
      </c>
    </row>
    <row r="57112" spans="1:7" x14ac:dyDescent="0.3">
      <c r="A57112" s="13" t="s">
        <v>310</v>
      </c>
      <c r="B57112" s="14" t="s">
        <v>1</v>
      </c>
      <c r="C57112" s="14" t="s">
        <v>51</v>
      </c>
      <c r="D57112" s="14" t="s">
        <v>311</v>
      </c>
      <c r="E57112" s="15">
        <v>45548</v>
      </c>
      <c r="F57112" s="14" t="s">
        <v>53</v>
      </c>
      <c r="G57112" s="16">
        <v>0</v>
      </c>
    </row>
    <row r="57113" spans="1:7" x14ac:dyDescent="0.3">
      <c r="A57113" s="13" t="s">
        <v>310</v>
      </c>
      <c r="B57113" s="14" t="s">
        <v>1</v>
      </c>
      <c r="C57113" s="14" t="s">
        <v>51</v>
      </c>
      <c r="D57113" s="14" t="s">
        <v>311</v>
      </c>
      <c r="E57113" s="15">
        <v>45549</v>
      </c>
      <c r="F57113" s="14" t="s">
        <v>53</v>
      </c>
      <c r="G57113" s="16">
        <v>0</v>
      </c>
    </row>
    <row r="57114" spans="1:7" x14ac:dyDescent="0.3">
      <c r="A57114" s="13" t="s">
        <v>310</v>
      </c>
      <c r="B57114" s="14" t="s">
        <v>1</v>
      </c>
      <c r="C57114" s="14" t="s">
        <v>51</v>
      </c>
      <c r="D57114" s="14" t="s">
        <v>311</v>
      </c>
      <c r="E57114" s="15">
        <v>45550</v>
      </c>
      <c r="F57114" s="14" t="s">
        <v>53</v>
      </c>
      <c r="G57114" s="16">
        <v>0</v>
      </c>
    </row>
    <row r="57115" spans="1:7" x14ac:dyDescent="0.3">
      <c r="A57115" s="13" t="s">
        <v>310</v>
      </c>
      <c r="B57115" s="14" t="s">
        <v>1</v>
      </c>
      <c r="C57115" s="14" t="s">
        <v>51</v>
      </c>
      <c r="D57115" s="14" t="s">
        <v>311</v>
      </c>
      <c r="E57115" s="15">
        <v>45551</v>
      </c>
      <c r="F57115" s="14" t="s">
        <v>53</v>
      </c>
      <c r="G57115" s="16">
        <v>0</v>
      </c>
    </row>
    <row r="57116" spans="1:7" x14ac:dyDescent="0.3">
      <c r="A57116" s="13" t="s">
        <v>310</v>
      </c>
      <c r="B57116" s="14" t="s">
        <v>1</v>
      </c>
      <c r="C57116" s="14" t="s">
        <v>51</v>
      </c>
      <c r="D57116" s="14" t="s">
        <v>311</v>
      </c>
      <c r="E57116" s="15">
        <v>45552</v>
      </c>
      <c r="F57116" s="14" t="s">
        <v>53</v>
      </c>
      <c r="G57116" s="16">
        <v>0</v>
      </c>
    </row>
    <row r="57117" spans="1:7" x14ac:dyDescent="0.3">
      <c r="A57117" s="13" t="s">
        <v>310</v>
      </c>
      <c r="B57117" s="14" t="s">
        <v>1</v>
      </c>
      <c r="C57117" s="14" t="s">
        <v>51</v>
      </c>
      <c r="D57117" s="14" t="s">
        <v>311</v>
      </c>
      <c r="E57117" s="15">
        <v>45553</v>
      </c>
      <c r="F57117" s="14" t="s">
        <v>53</v>
      </c>
      <c r="G57117" s="16">
        <v>0</v>
      </c>
    </row>
    <row r="57118" spans="1:7" x14ac:dyDescent="0.3">
      <c r="A57118" s="13" t="s">
        <v>310</v>
      </c>
      <c r="B57118" s="14" t="s">
        <v>1</v>
      </c>
      <c r="C57118" s="14" t="s">
        <v>51</v>
      </c>
      <c r="D57118" s="14" t="s">
        <v>311</v>
      </c>
      <c r="E57118" s="15">
        <v>45554</v>
      </c>
      <c r="F57118" s="14" t="s">
        <v>53</v>
      </c>
      <c r="G57118" s="16">
        <v>0</v>
      </c>
    </row>
    <row r="57119" spans="1:7" x14ac:dyDescent="0.3">
      <c r="A57119" s="13" t="s">
        <v>310</v>
      </c>
      <c r="B57119" s="14" t="s">
        <v>1</v>
      </c>
      <c r="C57119" s="14" t="s">
        <v>51</v>
      </c>
      <c r="D57119" s="14" t="s">
        <v>311</v>
      </c>
      <c r="E57119" s="15">
        <v>45555</v>
      </c>
      <c r="F57119" s="14" t="s">
        <v>53</v>
      </c>
      <c r="G57119" s="16">
        <v>0</v>
      </c>
    </row>
    <row r="57120" spans="1:7" x14ac:dyDescent="0.3">
      <c r="A57120" s="13" t="s">
        <v>310</v>
      </c>
      <c r="B57120" s="14" t="s">
        <v>1</v>
      </c>
      <c r="C57120" s="14" t="s">
        <v>51</v>
      </c>
      <c r="D57120" s="14" t="s">
        <v>311</v>
      </c>
      <c r="E57120" s="15">
        <v>45556</v>
      </c>
      <c r="F57120" s="14" t="s">
        <v>53</v>
      </c>
      <c r="G57120" s="16">
        <v>0</v>
      </c>
    </row>
    <row r="57121" spans="1:7" x14ac:dyDescent="0.3">
      <c r="A57121" s="13" t="s">
        <v>310</v>
      </c>
      <c r="B57121" s="14" t="s">
        <v>1</v>
      </c>
      <c r="C57121" s="14" t="s">
        <v>51</v>
      </c>
      <c r="D57121" s="14" t="s">
        <v>311</v>
      </c>
      <c r="E57121" s="15">
        <v>45557</v>
      </c>
      <c r="F57121" s="14" t="s">
        <v>53</v>
      </c>
      <c r="G57121" s="16">
        <v>0</v>
      </c>
    </row>
    <row r="57122" spans="1:7" x14ac:dyDescent="0.3">
      <c r="A57122" s="13" t="s">
        <v>310</v>
      </c>
      <c r="B57122" s="14" t="s">
        <v>1</v>
      </c>
      <c r="C57122" s="14" t="s">
        <v>51</v>
      </c>
      <c r="D57122" s="14" t="s">
        <v>311</v>
      </c>
      <c r="E57122" s="15">
        <v>45558</v>
      </c>
      <c r="F57122" s="14" t="s">
        <v>53</v>
      </c>
      <c r="G57122" s="16">
        <v>0</v>
      </c>
    </row>
    <row r="57123" spans="1:7" x14ac:dyDescent="0.3">
      <c r="A57123" s="13" t="s">
        <v>310</v>
      </c>
      <c r="B57123" s="14" t="s">
        <v>1</v>
      </c>
      <c r="C57123" s="14" t="s">
        <v>51</v>
      </c>
      <c r="D57123" s="14" t="s">
        <v>311</v>
      </c>
      <c r="E57123" s="15">
        <v>45559</v>
      </c>
      <c r="F57123" s="14" t="s">
        <v>53</v>
      </c>
      <c r="G57123" s="16">
        <v>0</v>
      </c>
    </row>
    <row r="57124" spans="1:7" x14ac:dyDescent="0.3">
      <c r="A57124" s="13" t="s">
        <v>310</v>
      </c>
      <c r="B57124" s="14" t="s">
        <v>1</v>
      </c>
      <c r="C57124" s="14" t="s">
        <v>51</v>
      </c>
      <c r="D57124" s="14" t="s">
        <v>311</v>
      </c>
      <c r="E57124" s="15">
        <v>45560</v>
      </c>
      <c r="F57124" s="14" t="s">
        <v>53</v>
      </c>
      <c r="G57124" s="16">
        <v>0</v>
      </c>
    </row>
    <row r="57125" spans="1:7" x14ac:dyDescent="0.3">
      <c r="A57125" s="13" t="s">
        <v>310</v>
      </c>
      <c r="B57125" s="14" t="s">
        <v>1</v>
      </c>
      <c r="C57125" s="14" t="s">
        <v>51</v>
      </c>
      <c r="D57125" s="14" t="s">
        <v>311</v>
      </c>
      <c r="E57125" s="15">
        <v>45561</v>
      </c>
      <c r="F57125" s="14" t="s">
        <v>53</v>
      </c>
      <c r="G57125" s="16">
        <v>0</v>
      </c>
    </row>
    <row r="57126" spans="1:7" x14ac:dyDescent="0.3">
      <c r="A57126" s="13" t="s">
        <v>310</v>
      </c>
      <c r="B57126" s="14" t="s">
        <v>1</v>
      </c>
      <c r="C57126" s="14" t="s">
        <v>51</v>
      </c>
      <c r="D57126" s="14" t="s">
        <v>311</v>
      </c>
      <c r="E57126" s="15">
        <v>45562</v>
      </c>
      <c r="F57126" s="14" t="s">
        <v>53</v>
      </c>
      <c r="G57126" s="16">
        <v>0</v>
      </c>
    </row>
    <row r="57127" spans="1:7" x14ac:dyDescent="0.3">
      <c r="A57127" s="13" t="s">
        <v>310</v>
      </c>
      <c r="B57127" s="14" t="s">
        <v>1</v>
      </c>
      <c r="C57127" s="14" t="s">
        <v>51</v>
      </c>
      <c r="D57127" s="14" t="s">
        <v>311</v>
      </c>
      <c r="E57127" s="15">
        <v>45563</v>
      </c>
      <c r="F57127" s="14" t="s">
        <v>53</v>
      </c>
      <c r="G57127" s="16">
        <v>0</v>
      </c>
    </row>
    <row r="57128" spans="1:7" x14ac:dyDescent="0.3">
      <c r="A57128" s="13" t="s">
        <v>310</v>
      </c>
      <c r="B57128" s="14" t="s">
        <v>1</v>
      </c>
      <c r="C57128" s="14" t="s">
        <v>51</v>
      </c>
      <c r="D57128" s="14" t="s">
        <v>311</v>
      </c>
      <c r="E57128" s="15">
        <v>45564</v>
      </c>
      <c r="F57128" s="14" t="s">
        <v>53</v>
      </c>
      <c r="G57128" s="16">
        <v>0</v>
      </c>
    </row>
    <row r="57129" spans="1:7" x14ac:dyDescent="0.3">
      <c r="A57129" s="13" t="s">
        <v>310</v>
      </c>
      <c r="B57129" s="14" t="s">
        <v>1</v>
      </c>
      <c r="C57129" s="14" t="s">
        <v>51</v>
      </c>
      <c r="D57129" s="14" t="s">
        <v>311</v>
      </c>
      <c r="E57129" s="15">
        <v>45565</v>
      </c>
      <c r="F57129" s="14" t="s">
        <v>53</v>
      </c>
      <c r="G57129" s="16">
        <v>0</v>
      </c>
    </row>
    <row r="57130" spans="1:7" x14ac:dyDescent="0.3">
      <c r="A57130" s="13" t="s">
        <v>310</v>
      </c>
      <c r="B57130" s="14" t="s">
        <v>1</v>
      </c>
      <c r="C57130" s="14" t="s">
        <v>51</v>
      </c>
      <c r="D57130" s="14" t="s">
        <v>311</v>
      </c>
      <c r="E57130" s="15">
        <v>45566</v>
      </c>
      <c r="F57130" s="14" t="s">
        <v>53</v>
      </c>
      <c r="G57130" s="16">
        <v>0</v>
      </c>
    </row>
    <row r="57131" spans="1:7" x14ac:dyDescent="0.3">
      <c r="A57131" s="13" t="s">
        <v>310</v>
      </c>
      <c r="B57131" s="14" t="s">
        <v>1</v>
      </c>
      <c r="C57131" s="14" t="s">
        <v>51</v>
      </c>
      <c r="D57131" s="14" t="s">
        <v>311</v>
      </c>
      <c r="E57131" s="15">
        <v>45567</v>
      </c>
      <c r="F57131" s="14" t="s">
        <v>53</v>
      </c>
      <c r="G57131" s="16">
        <v>0</v>
      </c>
    </row>
    <row r="57132" spans="1:7" x14ac:dyDescent="0.3">
      <c r="A57132" s="13" t="s">
        <v>310</v>
      </c>
      <c r="B57132" s="14" t="s">
        <v>1</v>
      </c>
      <c r="C57132" s="14" t="s">
        <v>51</v>
      </c>
      <c r="D57132" s="14" t="s">
        <v>311</v>
      </c>
      <c r="E57132" s="15">
        <v>45568</v>
      </c>
      <c r="F57132" s="14" t="s">
        <v>53</v>
      </c>
      <c r="G57132" s="16">
        <v>0</v>
      </c>
    </row>
    <row r="57133" spans="1:7" x14ac:dyDescent="0.3">
      <c r="A57133" s="13" t="s">
        <v>310</v>
      </c>
      <c r="B57133" s="14" t="s">
        <v>1</v>
      </c>
      <c r="C57133" s="14" t="s">
        <v>51</v>
      </c>
      <c r="D57133" s="14" t="s">
        <v>311</v>
      </c>
      <c r="E57133" s="15">
        <v>45569</v>
      </c>
      <c r="F57133" s="14" t="s">
        <v>53</v>
      </c>
      <c r="G57133" s="16">
        <v>0</v>
      </c>
    </row>
    <row r="57134" spans="1:7" x14ac:dyDescent="0.3">
      <c r="A57134" s="13" t="s">
        <v>310</v>
      </c>
      <c r="B57134" s="14" t="s">
        <v>1</v>
      </c>
      <c r="C57134" s="14" t="s">
        <v>51</v>
      </c>
      <c r="D57134" s="14" t="s">
        <v>311</v>
      </c>
      <c r="E57134" s="15">
        <v>45570</v>
      </c>
      <c r="F57134" s="14" t="s">
        <v>53</v>
      </c>
      <c r="G57134" s="16">
        <v>0</v>
      </c>
    </row>
    <row r="57135" spans="1:7" x14ac:dyDescent="0.3">
      <c r="A57135" s="13" t="s">
        <v>310</v>
      </c>
      <c r="B57135" s="14" t="s">
        <v>1</v>
      </c>
      <c r="C57135" s="14" t="s">
        <v>51</v>
      </c>
      <c r="D57135" s="14" t="s">
        <v>311</v>
      </c>
      <c r="E57135" s="15">
        <v>45571</v>
      </c>
      <c r="F57135" s="14" t="s">
        <v>53</v>
      </c>
      <c r="G57135" s="16">
        <v>0</v>
      </c>
    </row>
    <row r="57136" spans="1:7" x14ac:dyDescent="0.3">
      <c r="A57136" s="13" t="s">
        <v>310</v>
      </c>
      <c r="B57136" s="14" t="s">
        <v>1</v>
      </c>
      <c r="C57136" s="14" t="s">
        <v>51</v>
      </c>
      <c r="D57136" s="14" t="s">
        <v>311</v>
      </c>
      <c r="E57136" s="15">
        <v>45572</v>
      </c>
      <c r="F57136" s="14" t="s">
        <v>53</v>
      </c>
      <c r="G57136" s="16">
        <v>0</v>
      </c>
    </row>
    <row r="57137" spans="1:7" x14ac:dyDescent="0.3">
      <c r="A57137" s="13" t="s">
        <v>310</v>
      </c>
      <c r="B57137" s="14" t="s">
        <v>1</v>
      </c>
      <c r="C57137" s="14" t="s">
        <v>51</v>
      </c>
      <c r="D57137" s="14" t="s">
        <v>311</v>
      </c>
      <c r="E57137" s="15">
        <v>45573</v>
      </c>
      <c r="F57137" s="14" t="s">
        <v>53</v>
      </c>
      <c r="G57137" s="16">
        <v>0</v>
      </c>
    </row>
    <row r="57138" spans="1:7" x14ac:dyDescent="0.3">
      <c r="A57138" s="13" t="s">
        <v>310</v>
      </c>
      <c r="B57138" s="14" t="s">
        <v>1</v>
      </c>
      <c r="C57138" s="14" t="s">
        <v>51</v>
      </c>
      <c r="D57138" s="14" t="s">
        <v>311</v>
      </c>
      <c r="E57138" s="15">
        <v>45574</v>
      </c>
      <c r="F57138" s="14" t="s">
        <v>53</v>
      </c>
      <c r="G57138" s="16">
        <v>0</v>
      </c>
    </row>
    <row r="57139" spans="1:7" x14ac:dyDescent="0.3">
      <c r="A57139" s="13" t="s">
        <v>310</v>
      </c>
      <c r="B57139" s="14" t="s">
        <v>1</v>
      </c>
      <c r="C57139" s="14" t="s">
        <v>51</v>
      </c>
      <c r="D57139" s="14" t="s">
        <v>311</v>
      </c>
      <c r="E57139" s="15">
        <v>45575</v>
      </c>
      <c r="F57139" s="14" t="s">
        <v>53</v>
      </c>
      <c r="G57139" s="16">
        <v>0</v>
      </c>
    </row>
    <row r="57140" spans="1:7" x14ac:dyDescent="0.3">
      <c r="A57140" s="13" t="s">
        <v>310</v>
      </c>
      <c r="B57140" s="14" t="s">
        <v>1</v>
      </c>
      <c r="C57140" s="14" t="s">
        <v>51</v>
      </c>
      <c r="D57140" s="14" t="s">
        <v>311</v>
      </c>
      <c r="E57140" s="15">
        <v>45576</v>
      </c>
      <c r="F57140" s="14" t="s">
        <v>53</v>
      </c>
      <c r="G57140" s="16">
        <v>0</v>
      </c>
    </row>
    <row r="57141" spans="1:7" x14ac:dyDescent="0.3">
      <c r="A57141" s="13" t="s">
        <v>310</v>
      </c>
      <c r="B57141" s="14" t="s">
        <v>1</v>
      </c>
      <c r="C57141" s="14" t="s">
        <v>51</v>
      </c>
      <c r="D57141" s="14" t="s">
        <v>311</v>
      </c>
      <c r="E57141" s="15">
        <v>45577</v>
      </c>
      <c r="F57141" s="14" t="s">
        <v>53</v>
      </c>
      <c r="G57141" s="16">
        <v>0</v>
      </c>
    </row>
    <row r="57142" spans="1:7" x14ac:dyDescent="0.3">
      <c r="A57142" s="13" t="s">
        <v>310</v>
      </c>
      <c r="B57142" s="14" t="s">
        <v>1</v>
      </c>
      <c r="C57142" s="14" t="s">
        <v>51</v>
      </c>
      <c r="D57142" s="14" t="s">
        <v>311</v>
      </c>
      <c r="E57142" s="15">
        <v>45578</v>
      </c>
      <c r="F57142" s="14" t="s">
        <v>53</v>
      </c>
      <c r="G57142" s="16">
        <v>0</v>
      </c>
    </row>
    <row r="57143" spans="1:7" x14ac:dyDescent="0.3">
      <c r="A57143" s="13" t="s">
        <v>310</v>
      </c>
      <c r="B57143" s="14" t="s">
        <v>1</v>
      </c>
      <c r="C57143" s="14" t="s">
        <v>51</v>
      </c>
      <c r="D57143" s="14" t="s">
        <v>311</v>
      </c>
      <c r="E57143" s="15">
        <v>45579</v>
      </c>
      <c r="F57143" s="14" t="s">
        <v>53</v>
      </c>
      <c r="G57143" s="16">
        <v>0</v>
      </c>
    </row>
    <row r="57144" spans="1:7" x14ac:dyDescent="0.3">
      <c r="A57144" s="13" t="s">
        <v>310</v>
      </c>
      <c r="B57144" s="14" t="s">
        <v>1</v>
      </c>
      <c r="C57144" s="14" t="s">
        <v>51</v>
      </c>
      <c r="D57144" s="14" t="s">
        <v>311</v>
      </c>
      <c r="E57144" s="15">
        <v>45580</v>
      </c>
      <c r="F57144" s="14" t="s">
        <v>53</v>
      </c>
      <c r="G57144" s="16">
        <v>0</v>
      </c>
    </row>
    <row r="57145" spans="1:7" x14ac:dyDescent="0.3">
      <c r="A57145" s="13" t="s">
        <v>310</v>
      </c>
      <c r="B57145" s="14" t="s">
        <v>1</v>
      </c>
      <c r="C57145" s="14" t="s">
        <v>51</v>
      </c>
      <c r="D57145" s="14" t="s">
        <v>311</v>
      </c>
      <c r="E57145" s="15">
        <v>45581</v>
      </c>
      <c r="F57145" s="14" t="s">
        <v>53</v>
      </c>
      <c r="G57145" s="16">
        <v>0</v>
      </c>
    </row>
    <row r="57146" spans="1:7" x14ac:dyDescent="0.3">
      <c r="A57146" s="13" t="s">
        <v>310</v>
      </c>
      <c r="B57146" s="14" t="s">
        <v>1</v>
      </c>
      <c r="C57146" s="14" t="s">
        <v>51</v>
      </c>
      <c r="D57146" s="14" t="s">
        <v>311</v>
      </c>
      <c r="E57146" s="15">
        <v>45582</v>
      </c>
      <c r="F57146" s="14" t="s">
        <v>53</v>
      </c>
      <c r="G57146" s="16">
        <v>0</v>
      </c>
    </row>
    <row r="57147" spans="1:7" x14ac:dyDescent="0.3">
      <c r="A57147" s="13" t="s">
        <v>310</v>
      </c>
      <c r="B57147" s="14" t="s">
        <v>1</v>
      </c>
      <c r="C57147" s="14" t="s">
        <v>51</v>
      </c>
      <c r="D57147" s="14" t="s">
        <v>311</v>
      </c>
      <c r="E57147" s="15">
        <v>45583</v>
      </c>
      <c r="F57147" s="14" t="s">
        <v>53</v>
      </c>
      <c r="G57147" s="16">
        <v>0</v>
      </c>
    </row>
    <row r="57148" spans="1:7" x14ac:dyDescent="0.3">
      <c r="A57148" s="13" t="s">
        <v>310</v>
      </c>
      <c r="B57148" s="14" t="s">
        <v>1</v>
      </c>
      <c r="C57148" s="14" t="s">
        <v>51</v>
      </c>
      <c r="D57148" s="14" t="s">
        <v>311</v>
      </c>
      <c r="E57148" s="15">
        <v>45584</v>
      </c>
      <c r="F57148" s="14" t="s">
        <v>53</v>
      </c>
      <c r="G57148" s="16">
        <v>0</v>
      </c>
    </row>
    <row r="57149" spans="1:7" x14ac:dyDescent="0.3">
      <c r="A57149" s="13" t="s">
        <v>310</v>
      </c>
      <c r="B57149" s="14" t="s">
        <v>1</v>
      </c>
      <c r="C57149" s="14" t="s">
        <v>51</v>
      </c>
      <c r="D57149" s="14" t="s">
        <v>311</v>
      </c>
      <c r="E57149" s="15">
        <v>45585</v>
      </c>
      <c r="F57149" s="14" t="s">
        <v>53</v>
      </c>
      <c r="G57149" s="16">
        <v>0</v>
      </c>
    </row>
    <row r="57150" spans="1:7" x14ac:dyDescent="0.3">
      <c r="A57150" s="13" t="s">
        <v>310</v>
      </c>
      <c r="B57150" s="14" t="s">
        <v>1</v>
      </c>
      <c r="C57150" s="14" t="s">
        <v>51</v>
      </c>
      <c r="D57150" s="14" t="s">
        <v>311</v>
      </c>
      <c r="E57150" s="15">
        <v>45586</v>
      </c>
      <c r="F57150" s="14" t="s">
        <v>53</v>
      </c>
      <c r="G57150" s="16">
        <v>0</v>
      </c>
    </row>
    <row r="57151" spans="1:7" x14ac:dyDescent="0.3">
      <c r="A57151" s="13" t="s">
        <v>310</v>
      </c>
      <c r="B57151" s="14" t="s">
        <v>1</v>
      </c>
      <c r="C57151" s="14" t="s">
        <v>51</v>
      </c>
      <c r="D57151" s="14" t="s">
        <v>311</v>
      </c>
      <c r="E57151" s="15">
        <v>45587</v>
      </c>
      <c r="F57151" s="14" t="s">
        <v>53</v>
      </c>
      <c r="G57151" s="16">
        <v>0</v>
      </c>
    </row>
    <row r="57152" spans="1:7" x14ac:dyDescent="0.3">
      <c r="A57152" s="13" t="s">
        <v>310</v>
      </c>
      <c r="B57152" s="14" t="s">
        <v>1</v>
      </c>
      <c r="C57152" s="14" t="s">
        <v>51</v>
      </c>
      <c r="D57152" s="14" t="s">
        <v>311</v>
      </c>
      <c r="E57152" s="15">
        <v>45588</v>
      </c>
      <c r="F57152" s="14" t="s">
        <v>53</v>
      </c>
      <c r="G57152" s="16">
        <v>0</v>
      </c>
    </row>
    <row r="57153" spans="1:7" x14ac:dyDescent="0.3">
      <c r="A57153" s="13" t="s">
        <v>310</v>
      </c>
      <c r="B57153" s="14" t="s">
        <v>1</v>
      </c>
      <c r="C57153" s="14" t="s">
        <v>51</v>
      </c>
      <c r="D57153" s="14" t="s">
        <v>311</v>
      </c>
      <c r="E57153" s="15">
        <v>45589</v>
      </c>
      <c r="F57153" s="14" t="s">
        <v>53</v>
      </c>
      <c r="G57153" s="16">
        <v>0</v>
      </c>
    </row>
    <row r="57154" spans="1:7" x14ac:dyDescent="0.3">
      <c r="A57154" s="13" t="s">
        <v>310</v>
      </c>
      <c r="B57154" s="14" t="s">
        <v>1</v>
      </c>
      <c r="C57154" s="14" t="s">
        <v>51</v>
      </c>
      <c r="D57154" s="14" t="s">
        <v>311</v>
      </c>
      <c r="E57154" s="15">
        <v>45590</v>
      </c>
      <c r="F57154" s="14" t="s">
        <v>53</v>
      </c>
      <c r="G57154" s="16">
        <v>0</v>
      </c>
    </row>
    <row r="57155" spans="1:7" x14ac:dyDescent="0.3">
      <c r="A57155" s="13" t="s">
        <v>310</v>
      </c>
      <c r="B57155" s="14" t="s">
        <v>1</v>
      </c>
      <c r="C57155" s="14" t="s">
        <v>51</v>
      </c>
      <c r="D57155" s="14" t="s">
        <v>311</v>
      </c>
      <c r="E57155" s="15">
        <v>45591</v>
      </c>
      <c r="F57155" s="14" t="s">
        <v>53</v>
      </c>
      <c r="G57155" s="16">
        <v>0</v>
      </c>
    </row>
    <row r="57156" spans="1:7" x14ac:dyDescent="0.3">
      <c r="A57156" s="13" t="s">
        <v>310</v>
      </c>
      <c r="B57156" s="14" t="s">
        <v>1</v>
      </c>
      <c r="C57156" s="14" t="s">
        <v>51</v>
      </c>
      <c r="D57156" s="14" t="s">
        <v>311</v>
      </c>
      <c r="E57156" s="15">
        <v>45592</v>
      </c>
      <c r="F57156" s="14" t="s">
        <v>53</v>
      </c>
      <c r="G57156" s="16">
        <v>0</v>
      </c>
    </row>
    <row r="57157" spans="1:7" x14ac:dyDescent="0.3">
      <c r="A57157" s="13" t="s">
        <v>310</v>
      </c>
      <c r="B57157" s="14" t="s">
        <v>1</v>
      </c>
      <c r="C57157" s="14" t="s">
        <v>51</v>
      </c>
      <c r="D57157" s="14" t="s">
        <v>311</v>
      </c>
      <c r="E57157" s="15">
        <v>45593</v>
      </c>
      <c r="F57157" s="14" t="s">
        <v>53</v>
      </c>
      <c r="G57157" s="16">
        <v>0</v>
      </c>
    </row>
    <row r="57158" spans="1:7" x14ac:dyDescent="0.3">
      <c r="A57158" s="13" t="s">
        <v>310</v>
      </c>
      <c r="B57158" s="14" t="s">
        <v>1</v>
      </c>
      <c r="C57158" s="14" t="s">
        <v>51</v>
      </c>
      <c r="D57158" s="14" t="s">
        <v>311</v>
      </c>
      <c r="E57158" s="15">
        <v>45594</v>
      </c>
      <c r="F57158" s="14" t="s">
        <v>53</v>
      </c>
      <c r="G57158" s="16">
        <v>0</v>
      </c>
    </row>
    <row r="57159" spans="1:7" x14ac:dyDescent="0.3">
      <c r="A57159" s="13" t="s">
        <v>310</v>
      </c>
      <c r="B57159" s="14" t="s">
        <v>1</v>
      </c>
      <c r="C57159" s="14" t="s">
        <v>51</v>
      </c>
      <c r="D57159" s="14" t="s">
        <v>311</v>
      </c>
      <c r="E57159" s="15">
        <v>45595</v>
      </c>
      <c r="F57159" s="14" t="s">
        <v>53</v>
      </c>
      <c r="G57159" s="16">
        <v>0</v>
      </c>
    </row>
    <row r="57160" spans="1:7" x14ac:dyDescent="0.3">
      <c r="A57160" s="13" t="s">
        <v>310</v>
      </c>
      <c r="B57160" s="14" t="s">
        <v>1</v>
      </c>
      <c r="C57160" s="14" t="s">
        <v>51</v>
      </c>
      <c r="D57160" s="14" t="s">
        <v>311</v>
      </c>
      <c r="E57160" s="15">
        <v>45596</v>
      </c>
      <c r="F57160" s="14" t="s">
        <v>53</v>
      </c>
      <c r="G57160" s="16">
        <v>0</v>
      </c>
    </row>
    <row r="57161" spans="1:7" x14ac:dyDescent="0.3">
      <c r="A57161" s="13" t="s">
        <v>310</v>
      </c>
      <c r="B57161" s="14" t="s">
        <v>1</v>
      </c>
      <c r="C57161" s="14" t="s">
        <v>51</v>
      </c>
      <c r="D57161" s="14" t="s">
        <v>311</v>
      </c>
      <c r="E57161" s="15">
        <v>45597</v>
      </c>
      <c r="F57161" s="14" t="s">
        <v>53</v>
      </c>
      <c r="G57161" s="16">
        <v>0</v>
      </c>
    </row>
    <row r="57162" spans="1:7" x14ac:dyDescent="0.3">
      <c r="A57162" s="13" t="s">
        <v>310</v>
      </c>
      <c r="B57162" s="14" t="s">
        <v>1</v>
      </c>
      <c r="C57162" s="14" t="s">
        <v>51</v>
      </c>
      <c r="D57162" s="14" t="s">
        <v>311</v>
      </c>
      <c r="E57162" s="15">
        <v>45598</v>
      </c>
      <c r="F57162" s="14" t="s">
        <v>53</v>
      </c>
      <c r="G57162" s="16">
        <v>0</v>
      </c>
    </row>
    <row r="57163" spans="1:7" x14ac:dyDescent="0.3">
      <c r="A57163" s="13" t="s">
        <v>310</v>
      </c>
      <c r="B57163" s="14" t="s">
        <v>1</v>
      </c>
      <c r="C57163" s="14" t="s">
        <v>51</v>
      </c>
      <c r="D57163" s="14" t="s">
        <v>311</v>
      </c>
      <c r="E57163" s="15">
        <v>45599</v>
      </c>
      <c r="F57163" s="14" t="s">
        <v>53</v>
      </c>
      <c r="G57163" s="16">
        <v>0</v>
      </c>
    </row>
    <row r="57164" spans="1:7" x14ac:dyDescent="0.3">
      <c r="A57164" s="13" t="s">
        <v>310</v>
      </c>
      <c r="B57164" s="14" t="s">
        <v>1</v>
      </c>
      <c r="C57164" s="14" t="s">
        <v>51</v>
      </c>
      <c r="D57164" s="14" t="s">
        <v>311</v>
      </c>
      <c r="E57164" s="15">
        <v>45600</v>
      </c>
      <c r="F57164" s="14" t="s">
        <v>53</v>
      </c>
      <c r="G57164" s="16">
        <v>0</v>
      </c>
    </row>
    <row r="57165" spans="1:7" x14ac:dyDescent="0.3">
      <c r="A57165" s="13" t="s">
        <v>310</v>
      </c>
      <c r="B57165" s="14" t="s">
        <v>1</v>
      </c>
      <c r="C57165" s="14" t="s">
        <v>51</v>
      </c>
      <c r="D57165" s="14" t="s">
        <v>311</v>
      </c>
      <c r="E57165" s="15">
        <v>45601</v>
      </c>
      <c r="F57165" s="14" t="s">
        <v>53</v>
      </c>
      <c r="G57165" s="16">
        <v>0</v>
      </c>
    </row>
    <row r="57166" spans="1:7" x14ac:dyDescent="0.3">
      <c r="A57166" s="13" t="s">
        <v>310</v>
      </c>
      <c r="B57166" s="14" t="s">
        <v>1</v>
      </c>
      <c r="C57166" s="14" t="s">
        <v>51</v>
      </c>
      <c r="D57166" s="14" t="s">
        <v>311</v>
      </c>
      <c r="E57166" s="15">
        <v>45602</v>
      </c>
      <c r="F57166" s="14" t="s">
        <v>53</v>
      </c>
      <c r="G57166" s="16">
        <v>0</v>
      </c>
    </row>
    <row r="57167" spans="1:7" x14ac:dyDescent="0.3">
      <c r="A57167" s="13" t="s">
        <v>310</v>
      </c>
      <c r="B57167" s="14" t="s">
        <v>1</v>
      </c>
      <c r="C57167" s="14" t="s">
        <v>51</v>
      </c>
      <c r="D57167" s="14" t="s">
        <v>311</v>
      </c>
      <c r="E57167" s="15">
        <v>45603</v>
      </c>
      <c r="F57167" s="14" t="s">
        <v>53</v>
      </c>
      <c r="G57167" s="16">
        <v>0</v>
      </c>
    </row>
    <row r="57168" spans="1:7" x14ac:dyDescent="0.3">
      <c r="A57168" s="13" t="s">
        <v>310</v>
      </c>
      <c r="B57168" s="14" t="s">
        <v>1</v>
      </c>
      <c r="C57168" s="14" t="s">
        <v>51</v>
      </c>
      <c r="D57168" s="14" t="s">
        <v>311</v>
      </c>
      <c r="E57168" s="15">
        <v>45604</v>
      </c>
      <c r="F57168" s="14" t="s">
        <v>53</v>
      </c>
      <c r="G57168" s="16">
        <v>0</v>
      </c>
    </row>
    <row r="57169" spans="1:7" x14ac:dyDescent="0.3">
      <c r="A57169" s="13" t="s">
        <v>310</v>
      </c>
      <c r="B57169" s="14" t="s">
        <v>1</v>
      </c>
      <c r="C57169" s="14" t="s">
        <v>51</v>
      </c>
      <c r="D57169" s="14" t="s">
        <v>311</v>
      </c>
      <c r="E57169" s="15">
        <v>45605</v>
      </c>
      <c r="F57169" s="14" t="s">
        <v>53</v>
      </c>
      <c r="G57169" s="16">
        <v>0</v>
      </c>
    </row>
    <row r="57170" spans="1:7" x14ac:dyDescent="0.3">
      <c r="A57170" s="13" t="s">
        <v>310</v>
      </c>
      <c r="B57170" s="14" t="s">
        <v>1</v>
      </c>
      <c r="C57170" s="14" t="s">
        <v>51</v>
      </c>
      <c r="D57170" s="14" t="s">
        <v>311</v>
      </c>
      <c r="E57170" s="15">
        <v>45606</v>
      </c>
      <c r="F57170" s="14" t="s">
        <v>53</v>
      </c>
      <c r="G57170" s="16">
        <v>0</v>
      </c>
    </row>
    <row r="57171" spans="1:7" x14ac:dyDescent="0.3">
      <c r="A57171" s="13" t="s">
        <v>310</v>
      </c>
      <c r="B57171" s="14" t="s">
        <v>1</v>
      </c>
      <c r="C57171" s="14" t="s">
        <v>51</v>
      </c>
      <c r="D57171" s="14" t="s">
        <v>311</v>
      </c>
      <c r="E57171" s="15">
        <v>45607</v>
      </c>
      <c r="F57171" s="14" t="s">
        <v>53</v>
      </c>
      <c r="G57171" s="16">
        <v>0</v>
      </c>
    </row>
    <row r="57172" spans="1:7" x14ac:dyDescent="0.3">
      <c r="A57172" s="13" t="s">
        <v>310</v>
      </c>
      <c r="B57172" s="14" t="s">
        <v>1</v>
      </c>
      <c r="C57172" s="14" t="s">
        <v>51</v>
      </c>
      <c r="D57172" s="14" t="s">
        <v>311</v>
      </c>
      <c r="E57172" s="15">
        <v>45608</v>
      </c>
      <c r="F57172" s="14" t="s">
        <v>53</v>
      </c>
      <c r="G57172" s="16">
        <v>0</v>
      </c>
    </row>
    <row r="57173" spans="1:7" x14ac:dyDescent="0.3">
      <c r="A57173" s="13" t="s">
        <v>310</v>
      </c>
      <c r="B57173" s="14" t="s">
        <v>1</v>
      </c>
      <c r="C57173" s="14" t="s">
        <v>51</v>
      </c>
      <c r="D57173" s="14" t="s">
        <v>311</v>
      </c>
      <c r="E57173" s="15">
        <v>45609</v>
      </c>
      <c r="F57173" s="14" t="s">
        <v>53</v>
      </c>
      <c r="G57173" s="16">
        <v>0</v>
      </c>
    </row>
    <row r="57174" spans="1:7" x14ac:dyDescent="0.3">
      <c r="A57174" s="13" t="s">
        <v>310</v>
      </c>
      <c r="B57174" s="14" t="s">
        <v>1</v>
      </c>
      <c r="C57174" s="14" t="s">
        <v>51</v>
      </c>
      <c r="D57174" s="14" t="s">
        <v>311</v>
      </c>
      <c r="E57174" s="15">
        <v>45610</v>
      </c>
      <c r="F57174" s="14" t="s">
        <v>53</v>
      </c>
      <c r="G57174" s="16">
        <v>0</v>
      </c>
    </row>
    <row r="57175" spans="1:7" x14ac:dyDescent="0.3">
      <c r="A57175" s="13" t="s">
        <v>310</v>
      </c>
      <c r="B57175" s="14" t="s">
        <v>1</v>
      </c>
      <c r="C57175" s="14" t="s">
        <v>51</v>
      </c>
      <c r="D57175" s="14" t="s">
        <v>311</v>
      </c>
      <c r="E57175" s="15">
        <v>45611</v>
      </c>
      <c r="F57175" s="14" t="s">
        <v>53</v>
      </c>
      <c r="G57175" s="16">
        <v>0</v>
      </c>
    </row>
    <row r="57176" spans="1:7" x14ac:dyDescent="0.3">
      <c r="A57176" s="13" t="s">
        <v>310</v>
      </c>
      <c r="B57176" s="14" t="s">
        <v>1</v>
      </c>
      <c r="C57176" s="14" t="s">
        <v>51</v>
      </c>
      <c r="D57176" s="14" t="s">
        <v>311</v>
      </c>
      <c r="E57176" s="15">
        <v>45612</v>
      </c>
      <c r="F57176" s="14" t="s">
        <v>53</v>
      </c>
      <c r="G57176" s="16">
        <v>0</v>
      </c>
    </row>
    <row r="57177" spans="1:7" x14ac:dyDescent="0.3">
      <c r="A57177" s="13" t="s">
        <v>310</v>
      </c>
      <c r="B57177" s="14" t="s">
        <v>1</v>
      </c>
      <c r="C57177" s="14" t="s">
        <v>51</v>
      </c>
      <c r="D57177" s="14" t="s">
        <v>311</v>
      </c>
      <c r="E57177" s="15">
        <v>45613</v>
      </c>
      <c r="F57177" s="14" t="s">
        <v>53</v>
      </c>
      <c r="G57177" s="16">
        <v>0</v>
      </c>
    </row>
    <row r="57178" spans="1:7" x14ac:dyDescent="0.3">
      <c r="A57178" s="13" t="s">
        <v>310</v>
      </c>
      <c r="B57178" s="14" t="s">
        <v>1</v>
      </c>
      <c r="C57178" s="14" t="s">
        <v>51</v>
      </c>
      <c r="D57178" s="14" t="s">
        <v>311</v>
      </c>
      <c r="E57178" s="15">
        <v>45614</v>
      </c>
      <c r="F57178" s="14" t="s">
        <v>53</v>
      </c>
      <c r="G57178" s="16">
        <v>0</v>
      </c>
    </row>
    <row r="57179" spans="1:7" x14ac:dyDescent="0.3">
      <c r="A57179" s="13" t="s">
        <v>310</v>
      </c>
      <c r="B57179" s="14" t="s">
        <v>1</v>
      </c>
      <c r="C57179" s="14" t="s">
        <v>51</v>
      </c>
      <c r="D57179" s="14" t="s">
        <v>311</v>
      </c>
      <c r="E57179" s="15">
        <v>45615</v>
      </c>
      <c r="F57179" s="14" t="s">
        <v>53</v>
      </c>
      <c r="G57179" s="16">
        <v>0</v>
      </c>
    </row>
    <row r="57180" spans="1:7" x14ac:dyDescent="0.3">
      <c r="A57180" s="13" t="s">
        <v>310</v>
      </c>
      <c r="B57180" s="14" t="s">
        <v>1</v>
      </c>
      <c r="C57180" s="14" t="s">
        <v>51</v>
      </c>
      <c r="D57180" s="14" t="s">
        <v>311</v>
      </c>
      <c r="E57180" s="15">
        <v>45616</v>
      </c>
      <c r="F57180" s="14" t="s">
        <v>53</v>
      </c>
      <c r="G57180" s="16">
        <v>0</v>
      </c>
    </row>
    <row r="57181" spans="1:7" x14ac:dyDescent="0.3">
      <c r="A57181" s="13" t="s">
        <v>310</v>
      </c>
      <c r="B57181" s="14" t="s">
        <v>1</v>
      </c>
      <c r="C57181" s="14" t="s">
        <v>51</v>
      </c>
      <c r="D57181" s="14" t="s">
        <v>311</v>
      </c>
      <c r="E57181" s="15">
        <v>45617</v>
      </c>
      <c r="F57181" s="14" t="s">
        <v>53</v>
      </c>
      <c r="G57181" s="16">
        <v>0</v>
      </c>
    </row>
    <row r="57182" spans="1:7" x14ac:dyDescent="0.3">
      <c r="A57182" s="13" t="s">
        <v>310</v>
      </c>
      <c r="B57182" s="14" t="s">
        <v>1</v>
      </c>
      <c r="C57182" s="14" t="s">
        <v>51</v>
      </c>
      <c r="D57182" s="14" t="s">
        <v>311</v>
      </c>
      <c r="E57182" s="15">
        <v>45618</v>
      </c>
      <c r="F57182" s="14" t="s">
        <v>53</v>
      </c>
      <c r="G57182" s="16">
        <v>0</v>
      </c>
    </row>
    <row r="57183" spans="1:7" x14ac:dyDescent="0.3">
      <c r="A57183" s="13" t="s">
        <v>310</v>
      </c>
      <c r="B57183" s="14" t="s">
        <v>1</v>
      </c>
      <c r="C57183" s="14" t="s">
        <v>51</v>
      </c>
      <c r="D57183" s="14" t="s">
        <v>311</v>
      </c>
      <c r="E57183" s="15">
        <v>45619</v>
      </c>
      <c r="F57183" s="14" t="s">
        <v>53</v>
      </c>
      <c r="G57183" s="16">
        <v>0</v>
      </c>
    </row>
    <row r="57184" spans="1:7" x14ac:dyDescent="0.3">
      <c r="A57184" s="13" t="s">
        <v>310</v>
      </c>
      <c r="B57184" s="14" t="s">
        <v>1</v>
      </c>
      <c r="C57184" s="14" t="s">
        <v>51</v>
      </c>
      <c r="D57184" s="14" t="s">
        <v>311</v>
      </c>
      <c r="E57184" s="15">
        <v>45620</v>
      </c>
      <c r="F57184" s="14" t="s">
        <v>53</v>
      </c>
      <c r="G57184" s="16">
        <v>0</v>
      </c>
    </row>
    <row r="57185" spans="1:7" x14ac:dyDescent="0.3">
      <c r="A57185" s="13" t="s">
        <v>310</v>
      </c>
      <c r="B57185" s="14" t="s">
        <v>1</v>
      </c>
      <c r="C57185" s="14" t="s">
        <v>51</v>
      </c>
      <c r="D57185" s="14" t="s">
        <v>311</v>
      </c>
      <c r="E57185" s="15">
        <v>45621</v>
      </c>
      <c r="F57185" s="14" t="s">
        <v>53</v>
      </c>
      <c r="G57185" s="16">
        <v>0</v>
      </c>
    </row>
    <row r="57186" spans="1:7" x14ac:dyDescent="0.3">
      <c r="A57186" s="13" t="s">
        <v>310</v>
      </c>
      <c r="B57186" s="14" t="s">
        <v>1</v>
      </c>
      <c r="C57186" s="14" t="s">
        <v>51</v>
      </c>
      <c r="D57186" s="14" t="s">
        <v>311</v>
      </c>
      <c r="E57186" s="15">
        <v>45622</v>
      </c>
      <c r="F57186" s="14" t="s">
        <v>53</v>
      </c>
      <c r="G57186" s="16">
        <v>0</v>
      </c>
    </row>
    <row r="57187" spans="1:7" x14ac:dyDescent="0.3">
      <c r="A57187" s="13" t="s">
        <v>310</v>
      </c>
      <c r="B57187" s="14" t="s">
        <v>1</v>
      </c>
      <c r="C57187" s="14" t="s">
        <v>51</v>
      </c>
      <c r="D57187" s="14" t="s">
        <v>311</v>
      </c>
      <c r="E57187" s="15">
        <v>45623</v>
      </c>
      <c r="F57187" s="14" t="s">
        <v>53</v>
      </c>
      <c r="G57187" s="16">
        <v>0</v>
      </c>
    </row>
    <row r="57188" spans="1:7" x14ac:dyDescent="0.3">
      <c r="A57188" s="13" t="s">
        <v>310</v>
      </c>
      <c r="B57188" s="14" t="s">
        <v>1</v>
      </c>
      <c r="C57188" s="14" t="s">
        <v>51</v>
      </c>
      <c r="D57188" s="14" t="s">
        <v>311</v>
      </c>
      <c r="E57188" s="15">
        <v>45624</v>
      </c>
      <c r="F57188" s="14" t="s">
        <v>53</v>
      </c>
      <c r="G57188" s="16">
        <v>0</v>
      </c>
    </row>
    <row r="57189" spans="1:7" x14ac:dyDescent="0.3">
      <c r="A57189" s="13" t="s">
        <v>310</v>
      </c>
      <c r="B57189" s="14" t="s">
        <v>1</v>
      </c>
      <c r="C57189" s="14" t="s">
        <v>51</v>
      </c>
      <c r="D57189" s="14" t="s">
        <v>311</v>
      </c>
      <c r="E57189" s="15">
        <v>45625</v>
      </c>
      <c r="F57189" s="14" t="s">
        <v>53</v>
      </c>
      <c r="G57189" s="16">
        <v>0</v>
      </c>
    </row>
    <row r="57190" spans="1:7" x14ac:dyDescent="0.3">
      <c r="A57190" s="13" t="s">
        <v>310</v>
      </c>
      <c r="B57190" s="14" t="s">
        <v>1</v>
      </c>
      <c r="C57190" s="14" t="s">
        <v>51</v>
      </c>
      <c r="D57190" s="14" t="s">
        <v>311</v>
      </c>
      <c r="E57190" s="15">
        <v>45626</v>
      </c>
      <c r="F57190" s="14" t="s">
        <v>53</v>
      </c>
      <c r="G57190" s="16">
        <v>0</v>
      </c>
    </row>
    <row r="57191" spans="1:7" x14ac:dyDescent="0.3">
      <c r="A57191" s="13" t="s">
        <v>310</v>
      </c>
      <c r="B57191" s="14" t="s">
        <v>1</v>
      </c>
      <c r="C57191" s="14" t="s">
        <v>51</v>
      </c>
      <c r="D57191" s="14" t="s">
        <v>311</v>
      </c>
      <c r="E57191" s="15">
        <v>45627</v>
      </c>
      <c r="F57191" s="14" t="s">
        <v>53</v>
      </c>
      <c r="G57191" s="16">
        <v>0</v>
      </c>
    </row>
    <row r="57192" spans="1:7" x14ac:dyDescent="0.3">
      <c r="A57192" s="13" t="s">
        <v>310</v>
      </c>
      <c r="B57192" s="14" t="s">
        <v>1</v>
      </c>
      <c r="C57192" s="14" t="s">
        <v>51</v>
      </c>
      <c r="D57192" s="14" t="s">
        <v>311</v>
      </c>
      <c r="E57192" s="15">
        <v>45628</v>
      </c>
      <c r="F57192" s="14" t="s">
        <v>53</v>
      </c>
      <c r="G57192" s="16">
        <v>0</v>
      </c>
    </row>
    <row r="57193" spans="1:7" x14ac:dyDescent="0.3">
      <c r="A57193" s="13" t="s">
        <v>310</v>
      </c>
      <c r="B57193" s="14" t="s">
        <v>1</v>
      </c>
      <c r="C57193" s="14" t="s">
        <v>51</v>
      </c>
      <c r="D57193" s="14" t="s">
        <v>311</v>
      </c>
      <c r="E57193" s="15">
        <v>45629</v>
      </c>
      <c r="F57193" s="14" t="s">
        <v>53</v>
      </c>
      <c r="G57193" s="16">
        <v>0</v>
      </c>
    </row>
    <row r="57194" spans="1:7" x14ac:dyDescent="0.3">
      <c r="A57194" s="13" t="s">
        <v>310</v>
      </c>
      <c r="B57194" s="14" t="s">
        <v>1</v>
      </c>
      <c r="C57194" s="14" t="s">
        <v>51</v>
      </c>
      <c r="D57194" s="14" t="s">
        <v>311</v>
      </c>
      <c r="E57194" s="15">
        <v>45630</v>
      </c>
      <c r="F57194" s="14" t="s">
        <v>53</v>
      </c>
      <c r="G57194" s="16">
        <v>0</v>
      </c>
    </row>
    <row r="57195" spans="1:7" x14ac:dyDescent="0.3">
      <c r="A57195" s="13" t="s">
        <v>310</v>
      </c>
      <c r="B57195" s="14" t="s">
        <v>1</v>
      </c>
      <c r="C57195" s="14" t="s">
        <v>51</v>
      </c>
      <c r="D57195" s="14" t="s">
        <v>311</v>
      </c>
      <c r="E57195" s="15">
        <v>45631</v>
      </c>
      <c r="F57195" s="14" t="s">
        <v>53</v>
      </c>
      <c r="G57195" s="16">
        <v>0</v>
      </c>
    </row>
    <row r="57196" spans="1:7" x14ac:dyDescent="0.3">
      <c r="A57196" s="13" t="s">
        <v>310</v>
      </c>
      <c r="B57196" s="14" t="s">
        <v>1</v>
      </c>
      <c r="C57196" s="14" t="s">
        <v>51</v>
      </c>
      <c r="D57196" s="14" t="s">
        <v>311</v>
      </c>
      <c r="E57196" s="15">
        <v>45632</v>
      </c>
      <c r="F57196" s="14" t="s">
        <v>53</v>
      </c>
      <c r="G57196" s="16">
        <v>0</v>
      </c>
    </row>
    <row r="57197" spans="1:7" x14ac:dyDescent="0.3">
      <c r="A57197" s="13" t="s">
        <v>310</v>
      </c>
      <c r="B57197" s="14" t="s">
        <v>1</v>
      </c>
      <c r="C57197" s="14" t="s">
        <v>51</v>
      </c>
      <c r="D57197" s="14" t="s">
        <v>311</v>
      </c>
      <c r="E57197" s="15">
        <v>45633</v>
      </c>
      <c r="F57197" s="14" t="s">
        <v>53</v>
      </c>
      <c r="G57197" s="16">
        <v>0</v>
      </c>
    </row>
    <row r="57198" spans="1:7" x14ac:dyDescent="0.3">
      <c r="A57198" s="13" t="s">
        <v>310</v>
      </c>
      <c r="B57198" s="14" t="s">
        <v>1</v>
      </c>
      <c r="C57198" s="14" t="s">
        <v>51</v>
      </c>
      <c r="D57198" s="14" t="s">
        <v>311</v>
      </c>
      <c r="E57198" s="15">
        <v>45634</v>
      </c>
      <c r="F57198" s="14" t="s">
        <v>53</v>
      </c>
      <c r="G57198" s="16">
        <v>0</v>
      </c>
    </row>
    <row r="57199" spans="1:7" x14ac:dyDescent="0.3">
      <c r="A57199" s="13" t="s">
        <v>310</v>
      </c>
      <c r="B57199" s="14" t="s">
        <v>1</v>
      </c>
      <c r="C57199" s="14" t="s">
        <v>51</v>
      </c>
      <c r="D57199" s="14" t="s">
        <v>311</v>
      </c>
      <c r="E57199" s="15">
        <v>45635</v>
      </c>
      <c r="F57199" s="14" t="s">
        <v>53</v>
      </c>
      <c r="G57199" s="16">
        <v>0</v>
      </c>
    </row>
    <row r="57200" spans="1:7" x14ac:dyDescent="0.3">
      <c r="A57200" s="13" t="s">
        <v>310</v>
      </c>
      <c r="B57200" s="14" t="s">
        <v>1</v>
      </c>
      <c r="C57200" s="14" t="s">
        <v>51</v>
      </c>
      <c r="D57200" s="14" t="s">
        <v>311</v>
      </c>
      <c r="E57200" s="15">
        <v>45636</v>
      </c>
      <c r="F57200" s="14" t="s">
        <v>53</v>
      </c>
      <c r="G57200" s="16">
        <v>0</v>
      </c>
    </row>
    <row r="57201" spans="1:7" x14ac:dyDescent="0.3">
      <c r="A57201" s="13" t="s">
        <v>310</v>
      </c>
      <c r="B57201" s="14" t="s">
        <v>1</v>
      </c>
      <c r="C57201" s="14" t="s">
        <v>51</v>
      </c>
      <c r="D57201" s="14" t="s">
        <v>311</v>
      </c>
      <c r="E57201" s="15">
        <v>45637</v>
      </c>
      <c r="F57201" s="14" t="s">
        <v>53</v>
      </c>
      <c r="G57201" s="16">
        <v>0</v>
      </c>
    </row>
    <row r="57202" spans="1:7" x14ac:dyDescent="0.3">
      <c r="A57202" s="13" t="s">
        <v>310</v>
      </c>
      <c r="B57202" s="14" t="s">
        <v>1</v>
      </c>
      <c r="C57202" s="14" t="s">
        <v>51</v>
      </c>
      <c r="D57202" s="14" t="s">
        <v>311</v>
      </c>
      <c r="E57202" s="15">
        <v>45638</v>
      </c>
      <c r="F57202" s="14" t="s">
        <v>53</v>
      </c>
      <c r="G57202" s="16">
        <v>0</v>
      </c>
    </row>
    <row r="57203" spans="1:7" x14ac:dyDescent="0.3">
      <c r="A57203" s="13" t="s">
        <v>310</v>
      </c>
      <c r="B57203" s="14" t="s">
        <v>1</v>
      </c>
      <c r="C57203" s="14" t="s">
        <v>51</v>
      </c>
      <c r="D57203" s="14" t="s">
        <v>311</v>
      </c>
      <c r="E57203" s="15">
        <v>45639</v>
      </c>
      <c r="F57203" s="14" t="s">
        <v>53</v>
      </c>
      <c r="G57203" s="16">
        <v>0</v>
      </c>
    </row>
    <row r="57204" spans="1:7" x14ac:dyDescent="0.3">
      <c r="A57204" s="13" t="s">
        <v>310</v>
      </c>
      <c r="B57204" s="14" t="s">
        <v>1</v>
      </c>
      <c r="C57204" s="14" t="s">
        <v>51</v>
      </c>
      <c r="D57204" s="14" t="s">
        <v>311</v>
      </c>
      <c r="E57204" s="15">
        <v>45640</v>
      </c>
      <c r="F57204" s="14" t="s">
        <v>53</v>
      </c>
      <c r="G57204" s="16">
        <v>0</v>
      </c>
    </row>
    <row r="57205" spans="1:7" x14ac:dyDescent="0.3">
      <c r="A57205" s="13" t="s">
        <v>310</v>
      </c>
      <c r="B57205" s="14" t="s">
        <v>1</v>
      </c>
      <c r="C57205" s="14" t="s">
        <v>51</v>
      </c>
      <c r="D57205" s="14" t="s">
        <v>311</v>
      </c>
      <c r="E57205" s="15">
        <v>45641</v>
      </c>
      <c r="F57205" s="14" t="s">
        <v>53</v>
      </c>
      <c r="G57205" s="16">
        <v>0</v>
      </c>
    </row>
    <row r="57206" spans="1:7" x14ac:dyDescent="0.3">
      <c r="A57206" s="13" t="s">
        <v>310</v>
      </c>
      <c r="B57206" s="14" t="s">
        <v>1</v>
      </c>
      <c r="C57206" s="14" t="s">
        <v>51</v>
      </c>
      <c r="D57206" s="14" t="s">
        <v>311</v>
      </c>
      <c r="E57206" s="15">
        <v>45642</v>
      </c>
      <c r="F57206" s="14" t="s">
        <v>53</v>
      </c>
      <c r="G57206" s="16">
        <v>0</v>
      </c>
    </row>
    <row r="57207" spans="1:7" x14ac:dyDescent="0.3">
      <c r="A57207" s="13" t="s">
        <v>310</v>
      </c>
      <c r="B57207" s="14" t="s">
        <v>1</v>
      </c>
      <c r="C57207" s="14" t="s">
        <v>51</v>
      </c>
      <c r="D57207" s="14" t="s">
        <v>311</v>
      </c>
      <c r="E57207" s="15">
        <v>45643</v>
      </c>
      <c r="F57207" s="14" t="s">
        <v>53</v>
      </c>
      <c r="G57207" s="16">
        <v>0</v>
      </c>
    </row>
    <row r="57208" spans="1:7" x14ac:dyDescent="0.3">
      <c r="A57208" s="13" t="s">
        <v>310</v>
      </c>
      <c r="B57208" s="14" t="s">
        <v>1</v>
      </c>
      <c r="C57208" s="14" t="s">
        <v>51</v>
      </c>
      <c r="D57208" s="14" t="s">
        <v>311</v>
      </c>
      <c r="E57208" s="15">
        <v>45644</v>
      </c>
      <c r="F57208" s="14" t="s">
        <v>53</v>
      </c>
      <c r="G57208" s="16">
        <v>0</v>
      </c>
    </row>
    <row r="57209" spans="1:7" x14ac:dyDescent="0.3">
      <c r="A57209" s="13" t="s">
        <v>310</v>
      </c>
      <c r="B57209" s="14" t="s">
        <v>1</v>
      </c>
      <c r="C57209" s="14" t="s">
        <v>51</v>
      </c>
      <c r="D57209" s="14" t="s">
        <v>311</v>
      </c>
      <c r="E57209" s="15">
        <v>45645</v>
      </c>
      <c r="F57209" s="14" t="s">
        <v>53</v>
      </c>
      <c r="G57209" s="16">
        <v>0</v>
      </c>
    </row>
    <row r="57210" spans="1:7" x14ac:dyDescent="0.3">
      <c r="A57210" s="13" t="s">
        <v>310</v>
      </c>
      <c r="B57210" s="14" t="s">
        <v>1</v>
      </c>
      <c r="C57210" s="14" t="s">
        <v>51</v>
      </c>
      <c r="D57210" s="14" t="s">
        <v>311</v>
      </c>
      <c r="E57210" s="15">
        <v>45646</v>
      </c>
      <c r="F57210" s="14" t="s">
        <v>53</v>
      </c>
      <c r="G57210" s="16">
        <v>0</v>
      </c>
    </row>
    <row r="57211" spans="1:7" x14ac:dyDescent="0.3">
      <c r="A57211" s="13" t="s">
        <v>310</v>
      </c>
      <c r="B57211" s="14" t="s">
        <v>1</v>
      </c>
      <c r="C57211" s="14" t="s">
        <v>51</v>
      </c>
      <c r="D57211" s="14" t="s">
        <v>311</v>
      </c>
      <c r="E57211" s="15">
        <v>45647</v>
      </c>
      <c r="F57211" s="14" t="s">
        <v>53</v>
      </c>
      <c r="G57211" s="16">
        <v>0</v>
      </c>
    </row>
    <row r="57212" spans="1:7" x14ac:dyDescent="0.3">
      <c r="A57212" s="13" t="s">
        <v>310</v>
      </c>
      <c r="B57212" s="14" t="s">
        <v>1</v>
      </c>
      <c r="C57212" s="14" t="s">
        <v>51</v>
      </c>
      <c r="D57212" s="14" t="s">
        <v>311</v>
      </c>
      <c r="E57212" s="15">
        <v>45648</v>
      </c>
      <c r="F57212" s="14" t="s">
        <v>53</v>
      </c>
      <c r="G57212" s="16">
        <v>0</v>
      </c>
    </row>
    <row r="57213" spans="1:7" x14ac:dyDescent="0.3">
      <c r="A57213" s="13" t="s">
        <v>310</v>
      </c>
      <c r="B57213" s="14" t="s">
        <v>1</v>
      </c>
      <c r="C57213" s="14" t="s">
        <v>51</v>
      </c>
      <c r="D57213" s="14" t="s">
        <v>311</v>
      </c>
      <c r="E57213" s="15">
        <v>45649</v>
      </c>
      <c r="F57213" s="14" t="s">
        <v>53</v>
      </c>
      <c r="G57213" s="16">
        <v>0</v>
      </c>
    </row>
    <row r="57214" spans="1:7" x14ac:dyDescent="0.3">
      <c r="A57214" s="13" t="s">
        <v>310</v>
      </c>
      <c r="B57214" s="14" t="s">
        <v>1</v>
      </c>
      <c r="C57214" s="14" t="s">
        <v>51</v>
      </c>
      <c r="D57214" s="14" t="s">
        <v>311</v>
      </c>
      <c r="E57214" s="15">
        <v>45650</v>
      </c>
      <c r="F57214" s="14" t="s">
        <v>53</v>
      </c>
      <c r="G57214" s="16">
        <v>0</v>
      </c>
    </row>
    <row r="57215" spans="1:7" x14ac:dyDescent="0.3">
      <c r="A57215" s="13" t="s">
        <v>310</v>
      </c>
      <c r="B57215" s="14" t="s">
        <v>1</v>
      </c>
      <c r="C57215" s="14" t="s">
        <v>51</v>
      </c>
      <c r="D57215" s="14" t="s">
        <v>311</v>
      </c>
      <c r="E57215" s="15">
        <v>45651</v>
      </c>
      <c r="F57215" s="14" t="s">
        <v>53</v>
      </c>
      <c r="G57215" s="16">
        <v>0</v>
      </c>
    </row>
    <row r="57216" spans="1:7" x14ac:dyDescent="0.3">
      <c r="A57216" s="13" t="s">
        <v>310</v>
      </c>
      <c r="B57216" s="14" t="s">
        <v>1</v>
      </c>
      <c r="C57216" s="14" t="s">
        <v>51</v>
      </c>
      <c r="D57216" s="14" t="s">
        <v>311</v>
      </c>
      <c r="E57216" s="15">
        <v>45652</v>
      </c>
      <c r="F57216" s="14" t="s">
        <v>53</v>
      </c>
      <c r="G57216" s="16">
        <v>0</v>
      </c>
    </row>
    <row r="57217" spans="1:7" x14ac:dyDescent="0.3">
      <c r="A57217" s="13" t="s">
        <v>310</v>
      </c>
      <c r="B57217" s="14" t="s">
        <v>1</v>
      </c>
      <c r="C57217" s="14" t="s">
        <v>51</v>
      </c>
      <c r="D57217" s="14" t="s">
        <v>311</v>
      </c>
      <c r="E57217" s="15">
        <v>45653</v>
      </c>
      <c r="F57217" s="14" t="s">
        <v>53</v>
      </c>
      <c r="G57217" s="16">
        <v>0</v>
      </c>
    </row>
    <row r="57218" spans="1:7" x14ac:dyDescent="0.3">
      <c r="A57218" s="13" t="s">
        <v>310</v>
      </c>
      <c r="B57218" s="14" t="s">
        <v>1</v>
      </c>
      <c r="C57218" s="14" t="s">
        <v>51</v>
      </c>
      <c r="D57218" s="14" t="s">
        <v>311</v>
      </c>
      <c r="E57218" s="15">
        <v>45654</v>
      </c>
      <c r="F57218" s="14" t="s">
        <v>53</v>
      </c>
      <c r="G57218" s="16">
        <v>0</v>
      </c>
    </row>
    <row r="57219" spans="1:7" x14ac:dyDescent="0.3">
      <c r="A57219" s="13" t="s">
        <v>310</v>
      </c>
      <c r="B57219" s="14" t="s">
        <v>1</v>
      </c>
      <c r="C57219" s="14" t="s">
        <v>51</v>
      </c>
      <c r="D57219" s="14" t="s">
        <v>311</v>
      </c>
      <c r="E57219" s="15">
        <v>45655</v>
      </c>
      <c r="F57219" s="14" t="s">
        <v>53</v>
      </c>
      <c r="G57219" s="16">
        <v>0</v>
      </c>
    </row>
    <row r="57220" spans="1:7" x14ac:dyDescent="0.3">
      <c r="A57220" s="13" t="s">
        <v>310</v>
      </c>
      <c r="B57220" s="14" t="s">
        <v>1</v>
      </c>
      <c r="C57220" s="14" t="s">
        <v>51</v>
      </c>
      <c r="D57220" s="14" t="s">
        <v>311</v>
      </c>
      <c r="E57220" s="15">
        <v>45656</v>
      </c>
      <c r="F57220" s="14" t="s">
        <v>53</v>
      </c>
      <c r="G57220" s="16">
        <v>0</v>
      </c>
    </row>
    <row r="57221" spans="1:7" x14ac:dyDescent="0.3">
      <c r="A57221" s="13" t="s">
        <v>310</v>
      </c>
      <c r="B57221" s="14" t="s">
        <v>1</v>
      </c>
      <c r="C57221" s="14" t="s">
        <v>51</v>
      </c>
      <c r="D57221" s="14" t="s">
        <v>311</v>
      </c>
      <c r="E57221" s="15">
        <v>45657</v>
      </c>
      <c r="F57221" s="14" t="s">
        <v>53</v>
      </c>
      <c r="G57221" s="16">
        <v>0</v>
      </c>
    </row>
    <row r="57222" spans="1:7" x14ac:dyDescent="0.3">
      <c r="A57222" s="13" t="s">
        <v>310</v>
      </c>
      <c r="B57222" s="14" t="s">
        <v>1</v>
      </c>
      <c r="C57222" s="14" t="s">
        <v>51</v>
      </c>
      <c r="D57222" s="14" t="s">
        <v>311</v>
      </c>
      <c r="E57222" s="15">
        <v>45658</v>
      </c>
      <c r="F57222" s="14" t="s">
        <v>53</v>
      </c>
      <c r="G57222" s="16">
        <v>0</v>
      </c>
    </row>
    <row r="57223" spans="1:7" x14ac:dyDescent="0.3">
      <c r="A57223" s="13" t="s">
        <v>310</v>
      </c>
      <c r="B57223" s="14" t="s">
        <v>1</v>
      </c>
      <c r="C57223" s="14" t="s">
        <v>51</v>
      </c>
      <c r="D57223" s="14" t="s">
        <v>311</v>
      </c>
      <c r="E57223" s="15">
        <v>45659</v>
      </c>
      <c r="F57223" s="14" t="s">
        <v>53</v>
      </c>
      <c r="G57223" s="16">
        <v>0</v>
      </c>
    </row>
    <row r="57224" spans="1:7" x14ac:dyDescent="0.3">
      <c r="A57224" s="13" t="s">
        <v>310</v>
      </c>
      <c r="B57224" s="14" t="s">
        <v>1</v>
      </c>
      <c r="C57224" s="14" t="s">
        <v>51</v>
      </c>
      <c r="D57224" s="14" t="s">
        <v>311</v>
      </c>
      <c r="E57224" s="15">
        <v>45660</v>
      </c>
      <c r="F57224" s="14" t="s">
        <v>53</v>
      </c>
      <c r="G57224" s="16">
        <v>0</v>
      </c>
    </row>
    <row r="57225" spans="1:7" x14ac:dyDescent="0.3">
      <c r="A57225" s="13" t="s">
        <v>310</v>
      </c>
      <c r="B57225" s="14" t="s">
        <v>1</v>
      </c>
      <c r="C57225" s="14" t="s">
        <v>51</v>
      </c>
      <c r="D57225" s="14" t="s">
        <v>311</v>
      </c>
      <c r="E57225" s="15">
        <v>45661</v>
      </c>
      <c r="F57225" s="14" t="s">
        <v>53</v>
      </c>
      <c r="G57225" s="16">
        <v>0</v>
      </c>
    </row>
    <row r="57226" spans="1:7" x14ac:dyDescent="0.3">
      <c r="A57226" s="13" t="s">
        <v>310</v>
      </c>
      <c r="B57226" s="14" t="s">
        <v>1</v>
      </c>
      <c r="C57226" s="14" t="s">
        <v>51</v>
      </c>
      <c r="D57226" s="14" t="s">
        <v>311</v>
      </c>
      <c r="E57226" s="15">
        <v>45662</v>
      </c>
      <c r="F57226" s="14" t="s">
        <v>53</v>
      </c>
      <c r="G57226" s="16">
        <v>0</v>
      </c>
    </row>
    <row r="57227" spans="1:7" x14ac:dyDescent="0.3">
      <c r="A57227" s="13" t="s">
        <v>310</v>
      </c>
      <c r="B57227" s="14" t="s">
        <v>1</v>
      </c>
      <c r="C57227" s="14" t="s">
        <v>51</v>
      </c>
      <c r="D57227" s="14" t="s">
        <v>311</v>
      </c>
      <c r="E57227" s="15">
        <v>45663</v>
      </c>
      <c r="F57227" s="14" t="s">
        <v>53</v>
      </c>
      <c r="G57227" s="16">
        <v>0</v>
      </c>
    </row>
    <row r="57228" spans="1:7" x14ac:dyDescent="0.3">
      <c r="A57228" s="13" t="s">
        <v>310</v>
      </c>
      <c r="B57228" s="14" t="s">
        <v>1</v>
      </c>
      <c r="C57228" s="14" t="s">
        <v>51</v>
      </c>
      <c r="D57228" s="14" t="s">
        <v>311</v>
      </c>
      <c r="E57228" s="15">
        <v>45664</v>
      </c>
      <c r="F57228" s="14" t="s">
        <v>53</v>
      </c>
      <c r="G57228" s="16">
        <v>0</v>
      </c>
    </row>
    <row r="57229" spans="1:7" x14ac:dyDescent="0.3">
      <c r="A57229" s="13" t="s">
        <v>310</v>
      </c>
      <c r="B57229" s="14" t="s">
        <v>1</v>
      </c>
      <c r="C57229" s="14" t="s">
        <v>51</v>
      </c>
      <c r="D57229" s="14" t="s">
        <v>311</v>
      </c>
      <c r="E57229" s="15">
        <v>45665</v>
      </c>
      <c r="F57229" s="14" t="s">
        <v>53</v>
      </c>
      <c r="G57229" s="16">
        <v>0</v>
      </c>
    </row>
    <row r="57230" spans="1:7" x14ac:dyDescent="0.3">
      <c r="A57230" s="13" t="s">
        <v>310</v>
      </c>
      <c r="B57230" s="14" t="s">
        <v>1</v>
      </c>
      <c r="C57230" s="14" t="s">
        <v>51</v>
      </c>
      <c r="D57230" s="14" t="s">
        <v>311</v>
      </c>
      <c r="E57230" s="15">
        <v>45666</v>
      </c>
      <c r="F57230" s="14" t="s">
        <v>53</v>
      </c>
      <c r="G57230" s="16">
        <v>0</v>
      </c>
    </row>
    <row r="57231" spans="1:7" x14ac:dyDescent="0.3">
      <c r="A57231" s="13" t="s">
        <v>310</v>
      </c>
      <c r="B57231" s="14" t="s">
        <v>1</v>
      </c>
      <c r="C57231" s="14" t="s">
        <v>51</v>
      </c>
      <c r="D57231" s="14" t="s">
        <v>311</v>
      </c>
      <c r="E57231" s="15">
        <v>45667</v>
      </c>
      <c r="F57231" s="14" t="s">
        <v>53</v>
      </c>
      <c r="G57231" s="16">
        <v>0</v>
      </c>
    </row>
    <row r="57232" spans="1:7" x14ac:dyDescent="0.3">
      <c r="A57232" s="13" t="s">
        <v>310</v>
      </c>
      <c r="B57232" s="14" t="s">
        <v>1</v>
      </c>
      <c r="C57232" s="14" t="s">
        <v>51</v>
      </c>
      <c r="D57232" s="14" t="s">
        <v>311</v>
      </c>
      <c r="E57232" s="15">
        <v>45668</v>
      </c>
      <c r="F57232" s="14" t="s">
        <v>53</v>
      </c>
      <c r="G57232" s="16">
        <v>0</v>
      </c>
    </row>
    <row r="57233" spans="1:7" x14ac:dyDescent="0.3">
      <c r="A57233" s="13" t="s">
        <v>310</v>
      </c>
      <c r="B57233" s="14" t="s">
        <v>1</v>
      </c>
      <c r="C57233" s="14" t="s">
        <v>51</v>
      </c>
      <c r="D57233" s="14" t="s">
        <v>311</v>
      </c>
      <c r="E57233" s="15">
        <v>45669</v>
      </c>
      <c r="F57233" s="14" t="s">
        <v>53</v>
      </c>
      <c r="G57233" s="16">
        <v>0</v>
      </c>
    </row>
    <row r="57234" spans="1:7" x14ac:dyDescent="0.3">
      <c r="A57234" s="13" t="s">
        <v>310</v>
      </c>
      <c r="B57234" s="14" t="s">
        <v>1</v>
      </c>
      <c r="C57234" s="14" t="s">
        <v>51</v>
      </c>
      <c r="D57234" s="14" t="s">
        <v>311</v>
      </c>
      <c r="E57234" s="15">
        <v>45670</v>
      </c>
      <c r="F57234" s="14" t="s">
        <v>53</v>
      </c>
      <c r="G57234" s="16">
        <v>0</v>
      </c>
    </row>
    <row r="57235" spans="1:7" x14ac:dyDescent="0.3">
      <c r="A57235" s="13" t="s">
        <v>310</v>
      </c>
      <c r="B57235" s="14" t="s">
        <v>1</v>
      </c>
      <c r="C57235" s="14" t="s">
        <v>51</v>
      </c>
      <c r="D57235" s="14" t="s">
        <v>311</v>
      </c>
      <c r="E57235" s="15">
        <v>45671</v>
      </c>
      <c r="F57235" s="14" t="s">
        <v>53</v>
      </c>
      <c r="G57235" s="16">
        <v>0</v>
      </c>
    </row>
    <row r="57236" spans="1:7" x14ac:dyDescent="0.3">
      <c r="A57236" s="13" t="s">
        <v>310</v>
      </c>
      <c r="B57236" s="14" t="s">
        <v>1</v>
      </c>
      <c r="C57236" s="14" t="s">
        <v>51</v>
      </c>
      <c r="D57236" s="14" t="s">
        <v>311</v>
      </c>
      <c r="E57236" s="15">
        <v>45672</v>
      </c>
      <c r="F57236" s="14" t="s">
        <v>53</v>
      </c>
      <c r="G57236" s="16">
        <v>0</v>
      </c>
    </row>
    <row r="57237" spans="1:7" x14ac:dyDescent="0.3">
      <c r="A57237" s="13" t="s">
        <v>310</v>
      </c>
      <c r="B57237" s="14" t="s">
        <v>1</v>
      </c>
      <c r="C57237" s="14" t="s">
        <v>51</v>
      </c>
      <c r="D57237" s="14" t="s">
        <v>311</v>
      </c>
      <c r="E57237" s="15">
        <v>45673</v>
      </c>
      <c r="F57237" s="14" t="s">
        <v>53</v>
      </c>
      <c r="G57237" s="16">
        <v>0</v>
      </c>
    </row>
    <row r="57238" spans="1:7" x14ac:dyDescent="0.3">
      <c r="A57238" s="13" t="s">
        <v>310</v>
      </c>
      <c r="B57238" s="14" t="s">
        <v>1</v>
      </c>
      <c r="C57238" s="14" t="s">
        <v>51</v>
      </c>
      <c r="D57238" s="14" t="s">
        <v>311</v>
      </c>
      <c r="E57238" s="15">
        <v>45674</v>
      </c>
      <c r="F57238" s="14" t="s">
        <v>53</v>
      </c>
      <c r="G57238" s="16">
        <v>0</v>
      </c>
    </row>
    <row r="57239" spans="1:7" x14ac:dyDescent="0.3">
      <c r="A57239" s="13" t="s">
        <v>310</v>
      </c>
      <c r="B57239" s="14" t="s">
        <v>1</v>
      </c>
      <c r="C57239" s="14" t="s">
        <v>51</v>
      </c>
      <c r="D57239" s="14" t="s">
        <v>311</v>
      </c>
      <c r="E57239" s="15">
        <v>45675</v>
      </c>
      <c r="F57239" s="14" t="s">
        <v>53</v>
      </c>
      <c r="G57239" s="16">
        <v>0</v>
      </c>
    </row>
    <row r="57240" spans="1:7" x14ac:dyDescent="0.3">
      <c r="A57240" s="13" t="s">
        <v>310</v>
      </c>
      <c r="B57240" s="14" t="s">
        <v>1</v>
      </c>
      <c r="C57240" s="14" t="s">
        <v>51</v>
      </c>
      <c r="D57240" s="14" t="s">
        <v>311</v>
      </c>
      <c r="E57240" s="15">
        <v>45676</v>
      </c>
      <c r="F57240" s="14" t="s">
        <v>53</v>
      </c>
      <c r="G57240" s="16">
        <v>0</v>
      </c>
    </row>
    <row r="57241" spans="1:7" x14ac:dyDescent="0.3">
      <c r="A57241" s="13" t="s">
        <v>310</v>
      </c>
      <c r="B57241" s="14" t="s">
        <v>1</v>
      </c>
      <c r="C57241" s="14" t="s">
        <v>51</v>
      </c>
      <c r="D57241" s="14" t="s">
        <v>311</v>
      </c>
      <c r="E57241" s="15">
        <v>45677</v>
      </c>
      <c r="F57241" s="14" t="s">
        <v>53</v>
      </c>
      <c r="G57241" s="16">
        <v>0</v>
      </c>
    </row>
    <row r="57242" spans="1:7" x14ac:dyDescent="0.3">
      <c r="A57242" s="13" t="s">
        <v>310</v>
      </c>
      <c r="B57242" s="14" t="s">
        <v>1</v>
      </c>
      <c r="C57242" s="14" t="s">
        <v>51</v>
      </c>
      <c r="D57242" s="14" t="s">
        <v>311</v>
      </c>
      <c r="E57242" s="15">
        <v>45678</v>
      </c>
      <c r="F57242" s="14" t="s">
        <v>53</v>
      </c>
      <c r="G57242" s="16">
        <v>0</v>
      </c>
    </row>
    <row r="57243" spans="1:7" x14ac:dyDescent="0.3">
      <c r="A57243" s="13" t="s">
        <v>310</v>
      </c>
      <c r="B57243" s="14" t="s">
        <v>1</v>
      </c>
      <c r="C57243" s="14" t="s">
        <v>51</v>
      </c>
      <c r="D57243" s="14" t="s">
        <v>311</v>
      </c>
      <c r="E57243" s="15">
        <v>45679</v>
      </c>
      <c r="F57243" s="14" t="s">
        <v>53</v>
      </c>
      <c r="G57243" s="16">
        <v>0</v>
      </c>
    </row>
    <row r="57244" spans="1:7" x14ac:dyDescent="0.3">
      <c r="A57244" s="13" t="s">
        <v>310</v>
      </c>
      <c r="B57244" s="14" t="s">
        <v>1</v>
      </c>
      <c r="C57244" s="14" t="s">
        <v>51</v>
      </c>
      <c r="D57244" s="14" t="s">
        <v>311</v>
      </c>
      <c r="E57244" s="15">
        <v>45680</v>
      </c>
      <c r="F57244" s="14" t="s">
        <v>53</v>
      </c>
      <c r="G57244" s="16">
        <v>0</v>
      </c>
    </row>
    <row r="57245" spans="1:7" x14ac:dyDescent="0.3">
      <c r="A57245" s="13" t="s">
        <v>310</v>
      </c>
      <c r="B57245" s="14" t="s">
        <v>1</v>
      </c>
      <c r="C57245" s="14" t="s">
        <v>51</v>
      </c>
      <c r="D57245" s="14" t="s">
        <v>311</v>
      </c>
      <c r="E57245" s="15">
        <v>45681</v>
      </c>
      <c r="F57245" s="14" t="s">
        <v>53</v>
      </c>
      <c r="G57245" s="16">
        <v>0</v>
      </c>
    </row>
    <row r="57246" spans="1:7" x14ac:dyDescent="0.3">
      <c r="A57246" s="13" t="s">
        <v>310</v>
      </c>
      <c r="B57246" s="14" t="s">
        <v>1</v>
      </c>
      <c r="C57246" s="14" t="s">
        <v>51</v>
      </c>
      <c r="D57246" s="14" t="s">
        <v>311</v>
      </c>
      <c r="E57246" s="15">
        <v>45682</v>
      </c>
      <c r="F57246" s="14" t="s">
        <v>53</v>
      </c>
      <c r="G57246" s="16">
        <v>0</v>
      </c>
    </row>
    <row r="57247" spans="1:7" x14ac:dyDescent="0.3">
      <c r="A57247" s="13" t="s">
        <v>310</v>
      </c>
      <c r="B57247" s="14" t="s">
        <v>1</v>
      </c>
      <c r="C57247" s="14" t="s">
        <v>51</v>
      </c>
      <c r="D57247" s="14" t="s">
        <v>311</v>
      </c>
      <c r="E57247" s="15">
        <v>45683</v>
      </c>
      <c r="F57247" s="14" t="s">
        <v>53</v>
      </c>
      <c r="G57247" s="16">
        <v>0</v>
      </c>
    </row>
    <row r="57248" spans="1:7" x14ac:dyDescent="0.3">
      <c r="A57248" s="13" t="s">
        <v>310</v>
      </c>
      <c r="B57248" s="14" t="s">
        <v>1</v>
      </c>
      <c r="C57248" s="14" t="s">
        <v>51</v>
      </c>
      <c r="D57248" s="14" t="s">
        <v>311</v>
      </c>
      <c r="E57248" s="15">
        <v>45684</v>
      </c>
      <c r="F57248" s="14" t="s">
        <v>53</v>
      </c>
      <c r="G57248" s="16">
        <v>0</v>
      </c>
    </row>
    <row r="57249" spans="1:7" x14ac:dyDescent="0.3">
      <c r="A57249" s="13" t="s">
        <v>310</v>
      </c>
      <c r="B57249" s="14" t="s">
        <v>1</v>
      </c>
      <c r="C57249" s="14" t="s">
        <v>51</v>
      </c>
      <c r="D57249" s="14" t="s">
        <v>311</v>
      </c>
      <c r="E57249" s="15">
        <v>45685</v>
      </c>
      <c r="F57249" s="14" t="s">
        <v>53</v>
      </c>
      <c r="G57249" s="16">
        <v>0</v>
      </c>
    </row>
    <row r="57250" spans="1:7" x14ac:dyDescent="0.3">
      <c r="A57250" s="13" t="s">
        <v>310</v>
      </c>
      <c r="B57250" s="14" t="s">
        <v>1</v>
      </c>
      <c r="C57250" s="14" t="s">
        <v>51</v>
      </c>
      <c r="D57250" s="14" t="s">
        <v>311</v>
      </c>
      <c r="E57250" s="15">
        <v>45686</v>
      </c>
      <c r="F57250" s="14" t="s">
        <v>53</v>
      </c>
      <c r="G57250" s="16">
        <v>0</v>
      </c>
    </row>
    <row r="57251" spans="1:7" x14ac:dyDescent="0.3">
      <c r="A57251" s="13" t="s">
        <v>310</v>
      </c>
      <c r="B57251" s="14" t="s">
        <v>1</v>
      </c>
      <c r="C57251" s="14" t="s">
        <v>51</v>
      </c>
      <c r="D57251" s="14" t="s">
        <v>311</v>
      </c>
      <c r="E57251" s="15">
        <v>45687</v>
      </c>
      <c r="F57251" s="14" t="s">
        <v>53</v>
      </c>
      <c r="G57251" s="16">
        <v>0</v>
      </c>
    </row>
    <row r="57252" spans="1:7" x14ac:dyDescent="0.3">
      <c r="A57252" s="13" t="s">
        <v>310</v>
      </c>
      <c r="B57252" s="14" t="s">
        <v>1</v>
      </c>
      <c r="C57252" s="14" t="s">
        <v>51</v>
      </c>
      <c r="D57252" s="14" t="s">
        <v>311</v>
      </c>
      <c r="E57252" s="15">
        <v>45688</v>
      </c>
      <c r="F57252" s="14" t="s">
        <v>53</v>
      </c>
      <c r="G57252" s="16">
        <v>0</v>
      </c>
    </row>
    <row r="57253" spans="1:7" x14ac:dyDescent="0.3">
      <c r="A57253" s="13" t="s">
        <v>310</v>
      </c>
      <c r="B57253" s="14" t="s">
        <v>1</v>
      </c>
      <c r="C57253" s="14" t="s">
        <v>51</v>
      </c>
      <c r="D57253" s="14" t="s">
        <v>311</v>
      </c>
      <c r="E57253" s="15">
        <v>45689</v>
      </c>
      <c r="F57253" s="14" t="s">
        <v>53</v>
      </c>
      <c r="G57253" s="16">
        <v>0</v>
      </c>
    </row>
    <row r="57254" spans="1:7" x14ac:dyDescent="0.3">
      <c r="A57254" s="13" t="s">
        <v>310</v>
      </c>
      <c r="B57254" s="14" t="s">
        <v>1</v>
      </c>
      <c r="C57254" s="14" t="s">
        <v>51</v>
      </c>
      <c r="D57254" s="14" t="s">
        <v>311</v>
      </c>
      <c r="E57254" s="15">
        <v>45690</v>
      </c>
      <c r="F57254" s="14" t="s">
        <v>53</v>
      </c>
      <c r="G57254" s="16">
        <v>0</v>
      </c>
    </row>
    <row r="57255" spans="1:7" x14ac:dyDescent="0.3">
      <c r="A57255" s="13" t="s">
        <v>310</v>
      </c>
      <c r="B57255" s="14" t="s">
        <v>1</v>
      </c>
      <c r="C57255" s="14" t="s">
        <v>51</v>
      </c>
      <c r="D57255" s="14" t="s">
        <v>311</v>
      </c>
      <c r="E57255" s="15">
        <v>45691</v>
      </c>
      <c r="F57255" s="14" t="s">
        <v>53</v>
      </c>
      <c r="G57255" s="16">
        <v>0</v>
      </c>
    </row>
    <row r="57256" spans="1:7" x14ac:dyDescent="0.3">
      <c r="A57256" s="13" t="s">
        <v>310</v>
      </c>
      <c r="B57256" s="14" t="s">
        <v>1</v>
      </c>
      <c r="C57256" s="14" t="s">
        <v>51</v>
      </c>
      <c r="D57256" s="14" t="s">
        <v>311</v>
      </c>
      <c r="E57256" s="15">
        <v>45692</v>
      </c>
      <c r="F57256" s="14" t="s">
        <v>53</v>
      </c>
      <c r="G57256" s="16">
        <v>0</v>
      </c>
    </row>
    <row r="57257" spans="1:7" x14ac:dyDescent="0.3">
      <c r="A57257" s="13" t="s">
        <v>310</v>
      </c>
      <c r="B57257" s="14" t="s">
        <v>1</v>
      </c>
      <c r="C57257" s="14" t="s">
        <v>51</v>
      </c>
      <c r="D57257" s="14" t="s">
        <v>311</v>
      </c>
      <c r="E57257" s="15">
        <v>45693</v>
      </c>
      <c r="F57257" s="14" t="s">
        <v>53</v>
      </c>
      <c r="G57257" s="16">
        <v>0</v>
      </c>
    </row>
    <row r="57258" spans="1:7" x14ac:dyDescent="0.3">
      <c r="A57258" s="13" t="s">
        <v>310</v>
      </c>
      <c r="B57258" s="14" t="s">
        <v>1</v>
      </c>
      <c r="C57258" s="14" t="s">
        <v>51</v>
      </c>
      <c r="D57258" s="14" t="s">
        <v>311</v>
      </c>
      <c r="E57258" s="15">
        <v>45694</v>
      </c>
      <c r="F57258" s="14" t="s">
        <v>53</v>
      </c>
      <c r="G57258" s="16">
        <v>0</v>
      </c>
    </row>
    <row r="57259" spans="1:7" x14ac:dyDescent="0.3">
      <c r="A57259" s="13" t="s">
        <v>310</v>
      </c>
      <c r="B57259" s="14" t="s">
        <v>1</v>
      </c>
      <c r="C57259" s="14" t="s">
        <v>51</v>
      </c>
      <c r="D57259" s="14" t="s">
        <v>311</v>
      </c>
      <c r="E57259" s="15">
        <v>45695</v>
      </c>
      <c r="F57259" s="14" t="s">
        <v>53</v>
      </c>
      <c r="G57259" s="16">
        <v>0</v>
      </c>
    </row>
    <row r="57260" spans="1:7" x14ac:dyDescent="0.3">
      <c r="A57260" s="13" t="s">
        <v>310</v>
      </c>
      <c r="B57260" s="14" t="s">
        <v>1</v>
      </c>
      <c r="C57260" s="14" t="s">
        <v>51</v>
      </c>
      <c r="D57260" s="14" t="s">
        <v>311</v>
      </c>
      <c r="E57260" s="15">
        <v>45696</v>
      </c>
      <c r="F57260" s="14" t="s">
        <v>53</v>
      </c>
      <c r="G57260" s="16">
        <v>0</v>
      </c>
    </row>
    <row r="57261" spans="1:7" x14ac:dyDescent="0.3">
      <c r="A57261" s="13" t="s">
        <v>310</v>
      </c>
      <c r="B57261" s="14" t="s">
        <v>1</v>
      </c>
      <c r="C57261" s="14" t="s">
        <v>51</v>
      </c>
      <c r="D57261" s="14" t="s">
        <v>311</v>
      </c>
      <c r="E57261" s="15">
        <v>45697</v>
      </c>
      <c r="F57261" s="14" t="s">
        <v>53</v>
      </c>
      <c r="G57261" s="16">
        <v>0</v>
      </c>
    </row>
    <row r="57262" spans="1:7" x14ac:dyDescent="0.3">
      <c r="A57262" s="13" t="s">
        <v>310</v>
      </c>
      <c r="B57262" s="14" t="s">
        <v>1</v>
      </c>
      <c r="C57262" s="14" t="s">
        <v>51</v>
      </c>
      <c r="D57262" s="14" t="s">
        <v>311</v>
      </c>
      <c r="E57262" s="15">
        <v>45698</v>
      </c>
      <c r="F57262" s="14" t="s">
        <v>53</v>
      </c>
      <c r="G57262" s="16">
        <v>0</v>
      </c>
    </row>
    <row r="57263" spans="1:7" x14ac:dyDescent="0.3">
      <c r="A57263" s="13" t="s">
        <v>310</v>
      </c>
      <c r="B57263" s="14" t="s">
        <v>1</v>
      </c>
      <c r="C57263" s="14" t="s">
        <v>51</v>
      </c>
      <c r="D57263" s="14" t="s">
        <v>311</v>
      </c>
      <c r="E57263" s="15">
        <v>45699</v>
      </c>
      <c r="F57263" s="14" t="s">
        <v>53</v>
      </c>
      <c r="G57263" s="16">
        <v>0</v>
      </c>
    </row>
    <row r="57264" spans="1:7" x14ac:dyDescent="0.3">
      <c r="A57264" s="13" t="s">
        <v>310</v>
      </c>
      <c r="B57264" s="14" t="s">
        <v>1</v>
      </c>
      <c r="C57264" s="14" t="s">
        <v>51</v>
      </c>
      <c r="D57264" s="14" t="s">
        <v>311</v>
      </c>
      <c r="E57264" s="15">
        <v>45700</v>
      </c>
      <c r="F57264" s="14" t="s">
        <v>53</v>
      </c>
      <c r="G57264" s="16">
        <v>0</v>
      </c>
    </row>
    <row r="57265" spans="1:7" x14ac:dyDescent="0.3">
      <c r="A57265" s="13" t="s">
        <v>310</v>
      </c>
      <c r="B57265" s="14" t="s">
        <v>1</v>
      </c>
      <c r="C57265" s="14" t="s">
        <v>51</v>
      </c>
      <c r="D57265" s="14" t="s">
        <v>311</v>
      </c>
      <c r="E57265" s="15">
        <v>45701</v>
      </c>
      <c r="F57265" s="14" t="s">
        <v>53</v>
      </c>
      <c r="G57265" s="16">
        <v>0</v>
      </c>
    </row>
    <row r="57266" spans="1:7" x14ac:dyDescent="0.3">
      <c r="A57266" s="13" t="s">
        <v>310</v>
      </c>
      <c r="B57266" s="14" t="s">
        <v>1</v>
      </c>
      <c r="C57266" s="14" t="s">
        <v>51</v>
      </c>
      <c r="D57266" s="14" t="s">
        <v>311</v>
      </c>
      <c r="E57266" s="15">
        <v>45702</v>
      </c>
      <c r="F57266" s="14" t="s">
        <v>53</v>
      </c>
      <c r="G57266" s="16">
        <v>0</v>
      </c>
    </row>
    <row r="57267" spans="1:7" x14ac:dyDescent="0.3">
      <c r="A57267" s="13" t="s">
        <v>310</v>
      </c>
      <c r="B57267" s="14" t="s">
        <v>1</v>
      </c>
      <c r="C57267" s="14" t="s">
        <v>51</v>
      </c>
      <c r="D57267" s="14" t="s">
        <v>311</v>
      </c>
      <c r="E57267" s="15">
        <v>45703</v>
      </c>
      <c r="F57267" s="14" t="s">
        <v>53</v>
      </c>
      <c r="G57267" s="16">
        <v>0</v>
      </c>
    </row>
    <row r="57268" spans="1:7" x14ac:dyDescent="0.3">
      <c r="A57268" s="13" t="s">
        <v>310</v>
      </c>
      <c r="B57268" s="14" t="s">
        <v>1</v>
      </c>
      <c r="C57268" s="14" t="s">
        <v>51</v>
      </c>
      <c r="D57268" s="14" t="s">
        <v>311</v>
      </c>
      <c r="E57268" s="15">
        <v>45704</v>
      </c>
      <c r="F57268" s="14" t="s">
        <v>53</v>
      </c>
      <c r="G57268" s="16">
        <v>0</v>
      </c>
    </row>
    <row r="57269" spans="1:7" x14ac:dyDescent="0.3">
      <c r="A57269" s="13" t="s">
        <v>310</v>
      </c>
      <c r="B57269" s="14" t="s">
        <v>1</v>
      </c>
      <c r="C57269" s="14" t="s">
        <v>51</v>
      </c>
      <c r="D57269" s="14" t="s">
        <v>311</v>
      </c>
      <c r="E57269" s="15">
        <v>45705</v>
      </c>
      <c r="F57269" s="14" t="s">
        <v>53</v>
      </c>
      <c r="G57269" s="16">
        <v>0</v>
      </c>
    </row>
    <row r="57270" spans="1:7" x14ac:dyDescent="0.3">
      <c r="A57270" s="13" t="s">
        <v>310</v>
      </c>
      <c r="B57270" s="14" t="s">
        <v>1</v>
      </c>
      <c r="C57270" s="14" t="s">
        <v>51</v>
      </c>
      <c r="D57270" s="14" t="s">
        <v>311</v>
      </c>
      <c r="E57270" s="15">
        <v>45706</v>
      </c>
      <c r="F57270" s="14" t="s">
        <v>53</v>
      </c>
      <c r="G57270" s="16">
        <v>0</v>
      </c>
    </row>
    <row r="57271" spans="1:7" x14ac:dyDescent="0.3">
      <c r="A57271" s="13" t="s">
        <v>310</v>
      </c>
      <c r="B57271" s="14" t="s">
        <v>1</v>
      </c>
      <c r="C57271" s="14" t="s">
        <v>51</v>
      </c>
      <c r="D57271" s="14" t="s">
        <v>311</v>
      </c>
      <c r="E57271" s="15">
        <v>45707</v>
      </c>
      <c r="F57271" s="14" t="s">
        <v>53</v>
      </c>
      <c r="G57271" s="16">
        <v>0</v>
      </c>
    </row>
    <row r="57272" spans="1:7" x14ac:dyDescent="0.3">
      <c r="A57272" s="13" t="s">
        <v>310</v>
      </c>
      <c r="B57272" s="14" t="s">
        <v>1</v>
      </c>
      <c r="C57272" s="14" t="s">
        <v>51</v>
      </c>
      <c r="D57272" s="14" t="s">
        <v>311</v>
      </c>
      <c r="E57272" s="15">
        <v>45708</v>
      </c>
      <c r="F57272" s="14" t="s">
        <v>53</v>
      </c>
      <c r="G57272" s="16">
        <v>0</v>
      </c>
    </row>
    <row r="57273" spans="1:7" x14ac:dyDescent="0.3">
      <c r="A57273" s="13" t="s">
        <v>310</v>
      </c>
      <c r="B57273" s="14" t="s">
        <v>1</v>
      </c>
      <c r="C57273" s="14" t="s">
        <v>51</v>
      </c>
      <c r="D57273" s="14" t="s">
        <v>311</v>
      </c>
      <c r="E57273" s="15">
        <v>45709</v>
      </c>
      <c r="F57273" s="14" t="s">
        <v>53</v>
      </c>
      <c r="G57273" s="16">
        <v>0</v>
      </c>
    </row>
    <row r="57274" spans="1:7" x14ac:dyDescent="0.3">
      <c r="A57274" s="13" t="s">
        <v>310</v>
      </c>
      <c r="B57274" s="14" t="s">
        <v>1</v>
      </c>
      <c r="C57274" s="14" t="s">
        <v>51</v>
      </c>
      <c r="D57274" s="14" t="s">
        <v>311</v>
      </c>
      <c r="E57274" s="15">
        <v>45710</v>
      </c>
      <c r="F57274" s="14" t="s">
        <v>53</v>
      </c>
      <c r="G57274" s="16">
        <v>0</v>
      </c>
    </row>
    <row r="57275" spans="1:7" x14ac:dyDescent="0.3">
      <c r="A57275" s="13" t="s">
        <v>310</v>
      </c>
      <c r="B57275" s="14" t="s">
        <v>1</v>
      </c>
      <c r="C57275" s="14" t="s">
        <v>51</v>
      </c>
      <c r="D57275" s="14" t="s">
        <v>311</v>
      </c>
      <c r="E57275" s="15">
        <v>45711</v>
      </c>
      <c r="F57275" s="14" t="s">
        <v>53</v>
      </c>
      <c r="G57275" s="16">
        <v>0</v>
      </c>
    </row>
    <row r="57276" spans="1:7" x14ac:dyDescent="0.3">
      <c r="A57276" s="13" t="s">
        <v>310</v>
      </c>
      <c r="B57276" s="14" t="s">
        <v>1</v>
      </c>
      <c r="C57276" s="14" t="s">
        <v>51</v>
      </c>
      <c r="D57276" s="14" t="s">
        <v>311</v>
      </c>
      <c r="E57276" s="15">
        <v>45712</v>
      </c>
      <c r="F57276" s="14" t="s">
        <v>53</v>
      </c>
      <c r="G57276" s="16">
        <v>0</v>
      </c>
    </row>
    <row r="57277" spans="1:7" x14ac:dyDescent="0.3">
      <c r="A57277" s="13" t="s">
        <v>310</v>
      </c>
      <c r="B57277" s="14" t="s">
        <v>1</v>
      </c>
      <c r="C57277" s="14" t="s">
        <v>51</v>
      </c>
      <c r="D57277" s="14" t="s">
        <v>311</v>
      </c>
      <c r="E57277" s="15">
        <v>45713</v>
      </c>
      <c r="F57277" s="14" t="s">
        <v>53</v>
      </c>
      <c r="G57277" s="16">
        <v>0</v>
      </c>
    </row>
    <row r="57278" spans="1:7" x14ac:dyDescent="0.3">
      <c r="A57278" s="13" t="s">
        <v>310</v>
      </c>
      <c r="B57278" s="14" t="s">
        <v>1</v>
      </c>
      <c r="C57278" s="14" t="s">
        <v>51</v>
      </c>
      <c r="D57278" s="14" t="s">
        <v>311</v>
      </c>
      <c r="E57278" s="15">
        <v>45714</v>
      </c>
      <c r="F57278" s="14" t="s">
        <v>53</v>
      </c>
      <c r="G57278" s="16">
        <v>0</v>
      </c>
    </row>
    <row r="57279" spans="1:7" x14ac:dyDescent="0.3">
      <c r="A57279" s="13" t="s">
        <v>310</v>
      </c>
      <c r="B57279" s="14" t="s">
        <v>1</v>
      </c>
      <c r="C57279" s="14" t="s">
        <v>51</v>
      </c>
      <c r="D57279" s="14" t="s">
        <v>311</v>
      </c>
      <c r="E57279" s="15">
        <v>45715</v>
      </c>
      <c r="F57279" s="14" t="s">
        <v>53</v>
      </c>
      <c r="G57279" s="16">
        <v>0</v>
      </c>
    </row>
    <row r="57280" spans="1:7" x14ac:dyDescent="0.3">
      <c r="A57280" s="13" t="s">
        <v>310</v>
      </c>
      <c r="B57280" s="14" t="s">
        <v>1</v>
      </c>
      <c r="C57280" s="14" t="s">
        <v>51</v>
      </c>
      <c r="D57280" s="14" t="s">
        <v>311</v>
      </c>
      <c r="E57280" s="15">
        <v>45716</v>
      </c>
      <c r="F57280" s="14" t="s">
        <v>53</v>
      </c>
      <c r="G57280" s="16">
        <v>0</v>
      </c>
    </row>
    <row r="57281" spans="1:7" x14ac:dyDescent="0.3">
      <c r="A57281" s="13" t="s">
        <v>310</v>
      </c>
      <c r="B57281" s="14" t="s">
        <v>1</v>
      </c>
      <c r="C57281" s="14" t="s">
        <v>51</v>
      </c>
      <c r="D57281" s="14" t="s">
        <v>311</v>
      </c>
      <c r="E57281" s="15">
        <v>45717</v>
      </c>
      <c r="F57281" s="14" t="s">
        <v>53</v>
      </c>
      <c r="G57281" s="16">
        <v>0</v>
      </c>
    </row>
    <row r="57282" spans="1:7" x14ac:dyDescent="0.3">
      <c r="A57282" s="13" t="s">
        <v>310</v>
      </c>
      <c r="B57282" s="14" t="s">
        <v>1</v>
      </c>
      <c r="C57282" s="14" t="s">
        <v>51</v>
      </c>
      <c r="D57282" s="14" t="s">
        <v>311</v>
      </c>
      <c r="E57282" s="15">
        <v>45718</v>
      </c>
      <c r="F57282" s="14" t="s">
        <v>53</v>
      </c>
      <c r="G57282" s="16">
        <v>0</v>
      </c>
    </row>
    <row r="57283" spans="1:7" x14ac:dyDescent="0.3">
      <c r="A57283" s="13" t="s">
        <v>310</v>
      </c>
      <c r="B57283" s="14" t="s">
        <v>1</v>
      </c>
      <c r="C57283" s="14" t="s">
        <v>51</v>
      </c>
      <c r="D57283" s="14" t="s">
        <v>311</v>
      </c>
      <c r="E57283" s="15">
        <v>45719</v>
      </c>
      <c r="F57283" s="14" t="s">
        <v>53</v>
      </c>
      <c r="G57283" s="16">
        <v>0</v>
      </c>
    </row>
    <row r="57284" spans="1:7" x14ac:dyDescent="0.3">
      <c r="A57284" s="13" t="s">
        <v>310</v>
      </c>
      <c r="B57284" s="14" t="s">
        <v>1</v>
      </c>
      <c r="C57284" s="14" t="s">
        <v>51</v>
      </c>
      <c r="D57284" s="14" t="s">
        <v>311</v>
      </c>
      <c r="E57284" s="15">
        <v>45720</v>
      </c>
      <c r="F57284" s="14" t="s">
        <v>53</v>
      </c>
      <c r="G57284" s="16">
        <v>0</v>
      </c>
    </row>
    <row r="57285" spans="1:7" x14ac:dyDescent="0.3">
      <c r="A57285" s="13" t="s">
        <v>310</v>
      </c>
      <c r="B57285" s="14" t="s">
        <v>1</v>
      </c>
      <c r="C57285" s="14" t="s">
        <v>51</v>
      </c>
      <c r="D57285" s="14" t="s">
        <v>311</v>
      </c>
      <c r="E57285" s="15">
        <v>45721</v>
      </c>
      <c r="F57285" s="14" t="s">
        <v>53</v>
      </c>
      <c r="G57285" s="16">
        <v>0</v>
      </c>
    </row>
    <row r="57286" spans="1:7" x14ac:dyDescent="0.3">
      <c r="A57286" s="13" t="s">
        <v>310</v>
      </c>
      <c r="B57286" s="14" t="s">
        <v>1</v>
      </c>
      <c r="C57286" s="14" t="s">
        <v>51</v>
      </c>
      <c r="D57286" s="14" t="s">
        <v>311</v>
      </c>
      <c r="E57286" s="15">
        <v>45722</v>
      </c>
      <c r="F57286" s="14" t="s">
        <v>53</v>
      </c>
      <c r="G57286" s="16">
        <v>0</v>
      </c>
    </row>
    <row r="57287" spans="1:7" x14ac:dyDescent="0.3">
      <c r="A57287" s="13" t="s">
        <v>310</v>
      </c>
      <c r="B57287" s="14" t="s">
        <v>1</v>
      </c>
      <c r="C57287" s="14" t="s">
        <v>51</v>
      </c>
      <c r="D57287" s="14" t="s">
        <v>311</v>
      </c>
      <c r="E57287" s="15">
        <v>45723</v>
      </c>
      <c r="F57287" s="14" t="s">
        <v>53</v>
      </c>
      <c r="G57287" s="16">
        <v>0</v>
      </c>
    </row>
    <row r="57288" spans="1:7" x14ac:dyDescent="0.3">
      <c r="A57288" s="13" t="s">
        <v>310</v>
      </c>
      <c r="B57288" s="14" t="s">
        <v>1</v>
      </c>
      <c r="C57288" s="14" t="s">
        <v>51</v>
      </c>
      <c r="D57288" s="14" t="s">
        <v>311</v>
      </c>
      <c r="E57288" s="15">
        <v>45724</v>
      </c>
      <c r="F57288" s="14" t="s">
        <v>53</v>
      </c>
      <c r="G57288" s="16">
        <v>0</v>
      </c>
    </row>
    <row r="57289" spans="1:7" x14ac:dyDescent="0.3">
      <c r="A57289" s="13" t="s">
        <v>310</v>
      </c>
      <c r="B57289" s="14" t="s">
        <v>1</v>
      </c>
      <c r="C57289" s="14" t="s">
        <v>51</v>
      </c>
      <c r="D57289" s="14" t="s">
        <v>311</v>
      </c>
      <c r="E57289" s="15">
        <v>45725</v>
      </c>
      <c r="F57289" s="14" t="s">
        <v>53</v>
      </c>
      <c r="G57289" s="16">
        <v>0</v>
      </c>
    </row>
    <row r="57290" spans="1:7" x14ac:dyDescent="0.3">
      <c r="A57290" s="13" t="s">
        <v>310</v>
      </c>
      <c r="B57290" s="14" t="s">
        <v>1</v>
      </c>
      <c r="C57290" s="14" t="s">
        <v>51</v>
      </c>
      <c r="D57290" s="14" t="s">
        <v>311</v>
      </c>
      <c r="E57290" s="15">
        <v>45726</v>
      </c>
      <c r="F57290" s="14" t="s">
        <v>53</v>
      </c>
      <c r="G57290" s="16">
        <v>0</v>
      </c>
    </row>
    <row r="57291" spans="1:7" x14ac:dyDescent="0.3">
      <c r="A57291" s="13" t="s">
        <v>310</v>
      </c>
      <c r="B57291" s="14" t="s">
        <v>1</v>
      </c>
      <c r="C57291" s="14" t="s">
        <v>51</v>
      </c>
      <c r="D57291" s="14" t="s">
        <v>311</v>
      </c>
      <c r="E57291" s="15">
        <v>45727</v>
      </c>
      <c r="F57291" s="14" t="s">
        <v>53</v>
      </c>
      <c r="G57291" s="16">
        <v>0</v>
      </c>
    </row>
    <row r="57292" spans="1:7" x14ac:dyDescent="0.3">
      <c r="A57292" s="13" t="s">
        <v>310</v>
      </c>
      <c r="B57292" s="14" t="s">
        <v>1</v>
      </c>
      <c r="C57292" s="14" t="s">
        <v>51</v>
      </c>
      <c r="D57292" s="14" t="s">
        <v>311</v>
      </c>
      <c r="E57292" s="15">
        <v>45728</v>
      </c>
      <c r="F57292" s="14" t="s">
        <v>53</v>
      </c>
      <c r="G57292" s="16">
        <v>0</v>
      </c>
    </row>
    <row r="57293" spans="1:7" x14ac:dyDescent="0.3">
      <c r="A57293" s="13" t="s">
        <v>310</v>
      </c>
      <c r="B57293" s="14" t="s">
        <v>1</v>
      </c>
      <c r="C57293" s="14" t="s">
        <v>51</v>
      </c>
      <c r="D57293" s="14" t="s">
        <v>311</v>
      </c>
      <c r="E57293" s="15">
        <v>45729</v>
      </c>
      <c r="F57293" s="14" t="s">
        <v>53</v>
      </c>
      <c r="G57293" s="16">
        <v>0</v>
      </c>
    </row>
    <row r="57294" spans="1:7" x14ac:dyDescent="0.3">
      <c r="A57294" s="13" t="s">
        <v>310</v>
      </c>
      <c r="B57294" s="14" t="s">
        <v>1</v>
      </c>
      <c r="C57294" s="14" t="s">
        <v>51</v>
      </c>
      <c r="D57294" s="14" t="s">
        <v>311</v>
      </c>
      <c r="E57294" s="15">
        <v>45730</v>
      </c>
      <c r="F57294" s="14" t="s">
        <v>53</v>
      </c>
      <c r="G57294" s="16">
        <v>0</v>
      </c>
    </row>
    <row r="57295" spans="1:7" x14ac:dyDescent="0.3">
      <c r="A57295" s="13" t="s">
        <v>310</v>
      </c>
      <c r="B57295" s="14" t="s">
        <v>1</v>
      </c>
      <c r="C57295" s="14" t="s">
        <v>51</v>
      </c>
      <c r="D57295" s="14" t="s">
        <v>311</v>
      </c>
      <c r="E57295" s="15">
        <v>45731</v>
      </c>
      <c r="F57295" s="14" t="s">
        <v>53</v>
      </c>
      <c r="G57295" s="16">
        <v>0</v>
      </c>
    </row>
    <row r="57296" spans="1:7" x14ac:dyDescent="0.3">
      <c r="A57296" s="13" t="s">
        <v>310</v>
      </c>
      <c r="B57296" s="14" t="s">
        <v>1</v>
      </c>
      <c r="C57296" s="14" t="s">
        <v>51</v>
      </c>
      <c r="D57296" s="14" t="s">
        <v>311</v>
      </c>
      <c r="E57296" s="15">
        <v>45732</v>
      </c>
      <c r="F57296" s="14" t="s">
        <v>53</v>
      </c>
      <c r="G57296" s="16">
        <v>0</v>
      </c>
    </row>
    <row r="57297" spans="1:7" x14ac:dyDescent="0.3">
      <c r="A57297" s="13" t="s">
        <v>310</v>
      </c>
      <c r="B57297" s="14" t="s">
        <v>1</v>
      </c>
      <c r="C57297" s="14" t="s">
        <v>51</v>
      </c>
      <c r="D57297" s="14" t="s">
        <v>311</v>
      </c>
      <c r="E57297" s="15">
        <v>45733</v>
      </c>
      <c r="F57297" s="14" t="s">
        <v>53</v>
      </c>
      <c r="G57297" s="16">
        <v>0</v>
      </c>
    </row>
    <row r="57298" spans="1:7" x14ac:dyDescent="0.3">
      <c r="A57298" s="13" t="s">
        <v>310</v>
      </c>
      <c r="B57298" s="14" t="s">
        <v>1</v>
      </c>
      <c r="C57298" s="14" t="s">
        <v>51</v>
      </c>
      <c r="D57298" s="14" t="s">
        <v>311</v>
      </c>
      <c r="E57298" s="15">
        <v>45734</v>
      </c>
      <c r="F57298" s="14" t="s">
        <v>53</v>
      </c>
      <c r="G57298" s="16">
        <v>0</v>
      </c>
    </row>
    <row r="57299" spans="1:7" x14ac:dyDescent="0.3">
      <c r="A57299" s="13" t="s">
        <v>310</v>
      </c>
      <c r="B57299" s="14" t="s">
        <v>1</v>
      </c>
      <c r="C57299" s="14" t="s">
        <v>51</v>
      </c>
      <c r="D57299" s="14" t="s">
        <v>311</v>
      </c>
      <c r="E57299" s="15">
        <v>45735</v>
      </c>
      <c r="F57299" s="14" t="s">
        <v>53</v>
      </c>
      <c r="G57299" s="16">
        <v>0</v>
      </c>
    </row>
    <row r="57300" spans="1:7" x14ac:dyDescent="0.3">
      <c r="A57300" s="13" t="s">
        <v>310</v>
      </c>
      <c r="B57300" s="14" t="s">
        <v>1</v>
      </c>
      <c r="C57300" s="14" t="s">
        <v>51</v>
      </c>
      <c r="D57300" s="14" t="s">
        <v>311</v>
      </c>
      <c r="E57300" s="15">
        <v>45736</v>
      </c>
      <c r="F57300" s="14" t="s">
        <v>53</v>
      </c>
      <c r="G57300" s="16">
        <v>0</v>
      </c>
    </row>
    <row r="57301" spans="1:7" x14ac:dyDescent="0.3">
      <c r="A57301" s="13" t="s">
        <v>310</v>
      </c>
      <c r="B57301" s="14" t="s">
        <v>1</v>
      </c>
      <c r="C57301" s="14" t="s">
        <v>51</v>
      </c>
      <c r="D57301" s="14" t="s">
        <v>311</v>
      </c>
      <c r="E57301" s="15">
        <v>45737</v>
      </c>
      <c r="F57301" s="14" t="s">
        <v>53</v>
      </c>
      <c r="G57301" s="16">
        <v>0</v>
      </c>
    </row>
    <row r="57302" spans="1:7" x14ac:dyDescent="0.3">
      <c r="A57302" s="13" t="s">
        <v>310</v>
      </c>
      <c r="B57302" s="14" t="s">
        <v>1</v>
      </c>
      <c r="C57302" s="14" t="s">
        <v>51</v>
      </c>
      <c r="D57302" s="14" t="s">
        <v>311</v>
      </c>
      <c r="E57302" s="15">
        <v>45738</v>
      </c>
      <c r="F57302" s="14" t="s">
        <v>53</v>
      </c>
      <c r="G57302" s="16">
        <v>0</v>
      </c>
    </row>
    <row r="57303" spans="1:7" x14ac:dyDescent="0.3">
      <c r="A57303" s="13" t="s">
        <v>310</v>
      </c>
      <c r="B57303" s="14" t="s">
        <v>1</v>
      </c>
      <c r="C57303" s="14" t="s">
        <v>51</v>
      </c>
      <c r="D57303" s="14" t="s">
        <v>311</v>
      </c>
      <c r="E57303" s="15">
        <v>45739</v>
      </c>
      <c r="F57303" s="14" t="s">
        <v>53</v>
      </c>
      <c r="G57303" s="16">
        <v>0</v>
      </c>
    </row>
    <row r="57304" spans="1:7" x14ac:dyDescent="0.3">
      <c r="A57304" s="13" t="s">
        <v>310</v>
      </c>
      <c r="B57304" s="14" t="s">
        <v>1</v>
      </c>
      <c r="C57304" s="14" t="s">
        <v>51</v>
      </c>
      <c r="D57304" s="14" t="s">
        <v>311</v>
      </c>
      <c r="E57304" s="15">
        <v>45740</v>
      </c>
      <c r="F57304" s="14" t="s">
        <v>53</v>
      </c>
      <c r="G57304" s="16">
        <v>0</v>
      </c>
    </row>
    <row r="57305" spans="1:7" x14ac:dyDescent="0.3">
      <c r="A57305" s="13" t="s">
        <v>310</v>
      </c>
      <c r="B57305" s="14" t="s">
        <v>1</v>
      </c>
      <c r="C57305" s="14" t="s">
        <v>51</v>
      </c>
      <c r="D57305" s="14" t="s">
        <v>311</v>
      </c>
      <c r="E57305" s="15">
        <v>45741</v>
      </c>
      <c r="F57305" s="14" t="s">
        <v>53</v>
      </c>
      <c r="G57305" s="16">
        <v>0</v>
      </c>
    </row>
    <row r="57306" spans="1:7" x14ac:dyDescent="0.3">
      <c r="A57306" s="13" t="s">
        <v>310</v>
      </c>
      <c r="B57306" s="14" t="s">
        <v>1</v>
      </c>
      <c r="C57306" s="14" t="s">
        <v>51</v>
      </c>
      <c r="D57306" s="14" t="s">
        <v>311</v>
      </c>
      <c r="E57306" s="15">
        <v>45742</v>
      </c>
      <c r="F57306" s="14" t="s">
        <v>53</v>
      </c>
      <c r="G57306" s="16">
        <v>0</v>
      </c>
    </row>
    <row r="57307" spans="1:7" x14ac:dyDescent="0.3">
      <c r="A57307" s="13" t="s">
        <v>310</v>
      </c>
      <c r="B57307" s="14" t="s">
        <v>1</v>
      </c>
      <c r="C57307" s="14" t="s">
        <v>51</v>
      </c>
      <c r="D57307" s="14" t="s">
        <v>311</v>
      </c>
      <c r="E57307" s="15">
        <v>45743</v>
      </c>
      <c r="F57307" s="14" t="s">
        <v>53</v>
      </c>
      <c r="G57307" s="16">
        <v>0</v>
      </c>
    </row>
    <row r="57308" spans="1:7" x14ac:dyDescent="0.3">
      <c r="A57308" s="13" t="s">
        <v>310</v>
      </c>
      <c r="B57308" s="14" t="s">
        <v>1</v>
      </c>
      <c r="C57308" s="14" t="s">
        <v>51</v>
      </c>
      <c r="D57308" s="14" t="s">
        <v>311</v>
      </c>
      <c r="E57308" s="15">
        <v>45744</v>
      </c>
      <c r="F57308" s="14" t="s">
        <v>53</v>
      </c>
      <c r="G57308" s="16">
        <v>0</v>
      </c>
    </row>
    <row r="57309" spans="1:7" x14ac:dyDescent="0.3">
      <c r="A57309" s="13" t="s">
        <v>310</v>
      </c>
      <c r="B57309" s="14" t="s">
        <v>1</v>
      </c>
      <c r="C57309" s="14" t="s">
        <v>51</v>
      </c>
      <c r="D57309" s="14" t="s">
        <v>311</v>
      </c>
      <c r="E57309" s="15">
        <v>45745</v>
      </c>
      <c r="F57309" s="14" t="s">
        <v>53</v>
      </c>
      <c r="G57309" s="16">
        <v>0</v>
      </c>
    </row>
    <row r="57310" spans="1:7" x14ac:dyDescent="0.3">
      <c r="A57310" s="13" t="s">
        <v>310</v>
      </c>
      <c r="B57310" s="14" t="s">
        <v>1</v>
      </c>
      <c r="C57310" s="14" t="s">
        <v>51</v>
      </c>
      <c r="D57310" s="14" t="s">
        <v>311</v>
      </c>
      <c r="E57310" s="15">
        <v>45746</v>
      </c>
      <c r="F57310" s="14" t="s">
        <v>53</v>
      </c>
      <c r="G57310" s="16">
        <v>0</v>
      </c>
    </row>
    <row r="57311" spans="1:7" x14ac:dyDescent="0.3">
      <c r="A57311" s="13" t="s">
        <v>310</v>
      </c>
      <c r="B57311" s="14" t="s">
        <v>1</v>
      </c>
      <c r="C57311" s="14" t="s">
        <v>51</v>
      </c>
      <c r="D57311" s="14" t="s">
        <v>311</v>
      </c>
      <c r="E57311" s="15">
        <v>45747</v>
      </c>
      <c r="F57311" s="14" t="s">
        <v>53</v>
      </c>
      <c r="G57311" s="16">
        <v>0</v>
      </c>
    </row>
    <row r="57312" spans="1:7" x14ac:dyDescent="0.3">
      <c r="A57312" s="13" t="s">
        <v>312</v>
      </c>
      <c r="B57312" s="14" t="s">
        <v>1</v>
      </c>
      <c r="C57312" s="14" t="s">
        <v>59</v>
      </c>
      <c r="D57312" s="14" t="s">
        <v>313</v>
      </c>
      <c r="E57312" s="15">
        <v>45383</v>
      </c>
      <c r="F57312" s="14" t="s">
        <v>25</v>
      </c>
      <c r="G57312" s="16">
        <v>0</v>
      </c>
    </row>
    <row r="57313" spans="1:7" x14ac:dyDescent="0.3">
      <c r="A57313" s="13" t="s">
        <v>312</v>
      </c>
      <c r="B57313" s="14" t="s">
        <v>1</v>
      </c>
      <c r="C57313" s="14" t="s">
        <v>59</v>
      </c>
      <c r="D57313" s="14" t="s">
        <v>313</v>
      </c>
      <c r="E57313" s="15">
        <v>45384</v>
      </c>
      <c r="F57313" s="14" t="s">
        <v>25</v>
      </c>
      <c r="G57313" s="16">
        <v>0</v>
      </c>
    </row>
    <row r="57314" spans="1:7" x14ac:dyDescent="0.3">
      <c r="A57314" s="13" t="s">
        <v>312</v>
      </c>
      <c r="B57314" s="14" t="s">
        <v>1</v>
      </c>
      <c r="C57314" s="14" t="s">
        <v>59</v>
      </c>
      <c r="D57314" s="14" t="s">
        <v>313</v>
      </c>
      <c r="E57314" s="15">
        <v>45385</v>
      </c>
      <c r="F57314" s="14" t="s">
        <v>25</v>
      </c>
      <c r="G57314" s="16">
        <v>0</v>
      </c>
    </row>
    <row r="57315" spans="1:7" x14ac:dyDescent="0.3">
      <c r="A57315" s="13" t="s">
        <v>312</v>
      </c>
      <c r="B57315" s="14" t="s">
        <v>1</v>
      </c>
      <c r="C57315" s="14" t="s">
        <v>59</v>
      </c>
      <c r="D57315" s="14" t="s">
        <v>313</v>
      </c>
      <c r="E57315" s="15">
        <v>45386</v>
      </c>
      <c r="F57315" s="14" t="s">
        <v>25</v>
      </c>
      <c r="G57315" s="16">
        <v>0</v>
      </c>
    </row>
    <row r="57316" spans="1:7" x14ac:dyDescent="0.3">
      <c r="A57316" s="13" t="s">
        <v>312</v>
      </c>
      <c r="B57316" s="14" t="s">
        <v>1</v>
      </c>
      <c r="C57316" s="14" t="s">
        <v>59</v>
      </c>
      <c r="D57316" s="14" t="s">
        <v>313</v>
      </c>
      <c r="E57316" s="15">
        <v>45387</v>
      </c>
      <c r="F57316" s="14" t="s">
        <v>25</v>
      </c>
      <c r="G57316" s="16">
        <v>4.6333430370934162E-4</v>
      </c>
    </row>
    <row r="57317" spans="1:7" x14ac:dyDescent="0.3">
      <c r="A57317" s="13" t="s">
        <v>312</v>
      </c>
      <c r="B57317" s="14" t="s">
        <v>1</v>
      </c>
      <c r="C57317" s="14" t="s">
        <v>59</v>
      </c>
      <c r="D57317" s="14" t="s">
        <v>313</v>
      </c>
      <c r="E57317" s="15">
        <v>45388</v>
      </c>
      <c r="F57317" s="14" t="s">
        <v>25</v>
      </c>
      <c r="G57317" s="16">
        <v>4.6333430370934162E-4</v>
      </c>
    </row>
    <row r="57318" spans="1:7" x14ac:dyDescent="0.3">
      <c r="A57318" s="13" t="s">
        <v>312</v>
      </c>
      <c r="B57318" s="14" t="s">
        <v>1</v>
      </c>
      <c r="C57318" s="14" t="s">
        <v>59</v>
      </c>
      <c r="D57318" s="14" t="s">
        <v>313</v>
      </c>
      <c r="E57318" s="15">
        <v>45389</v>
      </c>
      <c r="F57318" s="14" t="s">
        <v>25</v>
      </c>
      <c r="G57318" s="16">
        <v>4.6333430370934162E-4</v>
      </c>
    </row>
    <row r="57319" spans="1:7" x14ac:dyDescent="0.3">
      <c r="A57319" s="13" t="s">
        <v>312</v>
      </c>
      <c r="B57319" s="14" t="s">
        <v>1</v>
      </c>
      <c r="C57319" s="14" t="s">
        <v>59</v>
      </c>
      <c r="D57319" s="14" t="s">
        <v>313</v>
      </c>
      <c r="E57319" s="15">
        <v>45390</v>
      </c>
      <c r="F57319" s="14" t="s">
        <v>25</v>
      </c>
      <c r="G57319" s="16">
        <v>0</v>
      </c>
    </row>
    <row r="57320" spans="1:7" x14ac:dyDescent="0.3">
      <c r="A57320" s="13" t="s">
        <v>312</v>
      </c>
      <c r="B57320" s="14" t="s">
        <v>1</v>
      </c>
      <c r="C57320" s="14" t="s">
        <v>59</v>
      </c>
      <c r="D57320" s="14" t="s">
        <v>313</v>
      </c>
      <c r="E57320" s="15">
        <v>45391</v>
      </c>
      <c r="F57320" s="14" t="s">
        <v>25</v>
      </c>
      <c r="G57320" s="16">
        <v>0</v>
      </c>
    </row>
    <row r="57321" spans="1:7" x14ac:dyDescent="0.3">
      <c r="A57321" s="13" t="s">
        <v>312</v>
      </c>
      <c r="B57321" s="14" t="s">
        <v>1</v>
      </c>
      <c r="C57321" s="14" t="s">
        <v>59</v>
      </c>
      <c r="D57321" s="14" t="s">
        <v>313</v>
      </c>
      <c r="E57321" s="15">
        <v>45392</v>
      </c>
      <c r="F57321" s="14" t="s">
        <v>25</v>
      </c>
      <c r="G57321" s="16">
        <v>0</v>
      </c>
    </row>
    <row r="57322" spans="1:7" x14ac:dyDescent="0.3">
      <c r="A57322" s="13" t="s">
        <v>312</v>
      </c>
      <c r="B57322" s="14" t="s">
        <v>1</v>
      </c>
      <c r="C57322" s="14" t="s">
        <v>59</v>
      </c>
      <c r="D57322" s="14" t="s">
        <v>313</v>
      </c>
      <c r="E57322" s="15">
        <v>45393</v>
      </c>
      <c r="F57322" s="14" t="s">
        <v>25</v>
      </c>
      <c r="G57322" s="16">
        <v>0</v>
      </c>
    </row>
    <row r="57323" spans="1:7" x14ac:dyDescent="0.3">
      <c r="A57323" s="13" t="s">
        <v>312</v>
      </c>
      <c r="B57323" s="14" t="s">
        <v>1</v>
      </c>
      <c r="C57323" s="14" t="s">
        <v>59</v>
      </c>
      <c r="D57323" s="14" t="s">
        <v>313</v>
      </c>
      <c r="E57323" s="15">
        <v>45394</v>
      </c>
      <c r="F57323" s="14" t="s">
        <v>25</v>
      </c>
      <c r="G57323" s="16">
        <v>0</v>
      </c>
    </row>
    <row r="57324" spans="1:7" x14ac:dyDescent="0.3">
      <c r="A57324" s="13" t="s">
        <v>312</v>
      </c>
      <c r="B57324" s="14" t="s">
        <v>1</v>
      </c>
      <c r="C57324" s="14" t="s">
        <v>59</v>
      </c>
      <c r="D57324" s="14" t="s">
        <v>313</v>
      </c>
      <c r="E57324" s="15">
        <v>45395</v>
      </c>
      <c r="F57324" s="14" t="s">
        <v>25</v>
      </c>
      <c r="G57324" s="16">
        <v>0</v>
      </c>
    </row>
    <row r="57325" spans="1:7" x14ac:dyDescent="0.3">
      <c r="A57325" s="13" t="s">
        <v>312</v>
      </c>
      <c r="B57325" s="14" t="s">
        <v>1</v>
      </c>
      <c r="C57325" s="14" t="s">
        <v>59</v>
      </c>
      <c r="D57325" s="14" t="s">
        <v>313</v>
      </c>
      <c r="E57325" s="15">
        <v>45396</v>
      </c>
      <c r="F57325" s="14" t="s">
        <v>25</v>
      </c>
      <c r="G57325" s="16">
        <v>0</v>
      </c>
    </row>
    <row r="57326" spans="1:7" x14ac:dyDescent="0.3">
      <c r="A57326" s="13" t="s">
        <v>312</v>
      </c>
      <c r="B57326" s="14" t="s">
        <v>1</v>
      </c>
      <c r="C57326" s="14" t="s">
        <v>59</v>
      </c>
      <c r="D57326" s="14" t="s">
        <v>313</v>
      </c>
      <c r="E57326" s="15">
        <v>45397</v>
      </c>
      <c r="F57326" s="14" t="s">
        <v>25</v>
      </c>
      <c r="G57326" s="16">
        <v>0</v>
      </c>
    </row>
    <row r="57327" spans="1:7" x14ac:dyDescent="0.3">
      <c r="A57327" s="13" t="s">
        <v>312</v>
      </c>
      <c r="B57327" s="14" t="s">
        <v>1</v>
      </c>
      <c r="C57327" s="14" t="s">
        <v>59</v>
      </c>
      <c r="D57327" s="14" t="s">
        <v>313</v>
      </c>
      <c r="E57327" s="15">
        <v>45398</v>
      </c>
      <c r="F57327" s="14" t="s">
        <v>25</v>
      </c>
      <c r="G57327" s="16">
        <v>0</v>
      </c>
    </row>
    <row r="57328" spans="1:7" x14ac:dyDescent="0.3">
      <c r="A57328" s="13" t="s">
        <v>312</v>
      </c>
      <c r="B57328" s="14" t="s">
        <v>1</v>
      </c>
      <c r="C57328" s="14" t="s">
        <v>59</v>
      </c>
      <c r="D57328" s="14" t="s">
        <v>313</v>
      </c>
      <c r="E57328" s="15">
        <v>45399</v>
      </c>
      <c r="F57328" s="14" t="s">
        <v>25</v>
      </c>
      <c r="G57328" s="16">
        <v>0</v>
      </c>
    </row>
    <row r="57329" spans="1:7" x14ac:dyDescent="0.3">
      <c r="A57329" s="13" t="s">
        <v>312</v>
      </c>
      <c r="B57329" s="14" t="s">
        <v>1</v>
      </c>
      <c r="C57329" s="14" t="s">
        <v>59</v>
      </c>
      <c r="D57329" s="14" t="s">
        <v>313</v>
      </c>
      <c r="E57329" s="15">
        <v>45400</v>
      </c>
      <c r="F57329" s="14" t="s">
        <v>25</v>
      </c>
      <c r="G57329" s="16">
        <v>0</v>
      </c>
    </row>
    <row r="57330" spans="1:7" x14ac:dyDescent="0.3">
      <c r="A57330" s="13" t="s">
        <v>312</v>
      </c>
      <c r="B57330" s="14" t="s">
        <v>1</v>
      </c>
      <c r="C57330" s="14" t="s">
        <v>59</v>
      </c>
      <c r="D57330" s="14" t="s">
        <v>313</v>
      </c>
      <c r="E57330" s="15">
        <v>45401</v>
      </c>
      <c r="F57330" s="14" t="s">
        <v>25</v>
      </c>
      <c r="G57330" s="16">
        <v>0</v>
      </c>
    </row>
    <row r="57331" spans="1:7" x14ac:dyDescent="0.3">
      <c r="A57331" s="13" t="s">
        <v>312</v>
      </c>
      <c r="B57331" s="14" t="s">
        <v>1</v>
      </c>
      <c r="C57331" s="14" t="s">
        <v>59</v>
      </c>
      <c r="D57331" s="14" t="s">
        <v>313</v>
      </c>
      <c r="E57331" s="15">
        <v>45402</v>
      </c>
      <c r="F57331" s="14" t="s">
        <v>25</v>
      </c>
      <c r="G57331" s="16">
        <v>0</v>
      </c>
    </row>
    <row r="57332" spans="1:7" x14ac:dyDescent="0.3">
      <c r="A57332" s="13" t="s">
        <v>312</v>
      </c>
      <c r="B57332" s="14" t="s">
        <v>1</v>
      </c>
      <c r="C57332" s="14" t="s">
        <v>59</v>
      </c>
      <c r="D57332" s="14" t="s">
        <v>313</v>
      </c>
      <c r="E57332" s="15">
        <v>45403</v>
      </c>
      <c r="F57332" s="14" t="s">
        <v>25</v>
      </c>
      <c r="G57332" s="16">
        <v>0</v>
      </c>
    </row>
    <row r="57333" spans="1:7" x14ac:dyDescent="0.3">
      <c r="A57333" s="13" t="s">
        <v>312</v>
      </c>
      <c r="B57333" s="14" t="s">
        <v>1</v>
      </c>
      <c r="C57333" s="14" t="s">
        <v>59</v>
      </c>
      <c r="D57333" s="14" t="s">
        <v>313</v>
      </c>
      <c r="E57333" s="15">
        <v>45404</v>
      </c>
      <c r="F57333" s="14" t="s">
        <v>25</v>
      </c>
      <c r="G57333" s="16">
        <v>0</v>
      </c>
    </row>
    <row r="57334" spans="1:7" x14ac:dyDescent="0.3">
      <c r="A57334" s="13" t="s">
        <v>312</v>
      </c>
      <c r="B57334" s="14" t="s">
        <v>1</v>
      </c>
      <c r="C57334" s="14" t="s">
        <v>59</v>
      </c>
      <c r="D57334" s="14" t="s">
        <v>313</v>
      </c>
      <c r="E57334" s="15">
        <v>45405</v>
      </c>
      <c r="F57334" s="14" t="s">
        <v>25</v>
      </c>
      <c r="G57334" s="16">
        <v>0</v>
      </c>
    </row>
    <row r="57335" spans="1:7" x14ac:dyDescent="0.3">
      <c r="A57335" s="13" t="s">
        <v>312</v>
      </c>
      <c r="B57335" s="14" t="s">
        <v>1</v>
      </c>
      <c r="C57335" s="14" t="s">
        <v>59</v>
      </c>
      <c r="D57335" s="14" t="s">
        <v>313</v>
      </c>
      <c r="E57335" s="15">
        <v>45406</v>
      </c>
      <c r="F57335" s="14" t="s">
        <v>25</v>
      </c>
      <c r="G57335" s="16">
        <v>0</v>
      </c>
    </row>
    <row r="57336" spans="1:7" x14ac:dyDescent="0.3">
      <c r="A57336" s="13" t="s">
        <v>312</v>
      </c>
      <c r="B57336" s="14" t="s">
        <v>1</v>
      </c>
      <c r="C57336" s="14" t="s">
        <v>59</v>
      </c>
      <c r="D57336" s="14" t="s">
        <v>313</v>
      </c>
      <c r="E57336" s="15">
        <v>45407</v>
      </c>
      <c r="F57336" s="14" t="s">
        <v>25</v>
      </c>
      <c r="G57336" s="16">
        <v>0</v>
      </c>
    </row>
    <row r="57337" spans="1:7" x14ac:dyDescent="0.3">
      <c r="A57337" s="13" t="s">
        <v>312</v>
      </c>
      <c r="B57337" s="14" t="s">
        <v>1</v>
      </c>
      <c r="C57337" s="14" t="s">
        <v>59</v>
      </c>
      <c r="D57337" s="14" t="s">
        <v>313</v>
      </c>
      <c r="E57337" s="15">
        <v>45408</v>
      </c>
      <c r="F57337" s="14" t="s">
        <v>25</v>
      </c>
      <c r="G57337" s="16">
        <v>0</v>
      </c>
    </row>
    <row r="57338" spans="1:7" x14ac:dyDescent="0.3">
      <c r="A57338" s="13" t="s">
        <v>312</v>
      </c>
      <c r="B57338" s="14" t="s">
        <v>1</v>
      </c>
      <c r="C57338" s="14" t="s">
        <v>59</v>
      </c>
      <c r="D57338" s="14" t="s">
        <v>313</v>
      </c>
      <c r="E57338" s="15">
        <v>45409</v>
      </c>
      <c r="F57338" s="14" t="s">
        <v>25</v>
      </c>
      <c r="G57338" s="16">
        <v>0</v>
      </c>
    </row>
    <row r="57339" spans="1:7" x14ac:dyDescent="0.3">
      <c r="A57339" s="13" t="s">
        <v>312</v>
      </c>
      <c r="B57339" s="14" t="s">
        <v>1</v>
      </c>
      <c r="C57339" s="14" t="s">
        <v>59</v>
      </c>
      <c r="D57339" s="14" t="s">
        <v>313</v>
      </c>
      <c r="E57339" s="15">
        <v>45410</v>
      </c>
      <c r="F57339" s="14" t="s">
        <v>25</v>
      </c>
      <c r="G57339" s="16">
        <v>0</v>
      </c>
    </row>
    <row r="57340" spans="1:7" x14ac:dyDescent="0.3">
      <c r="A57340" s="13" t="s">
        <v>312</v>
      </c>
      <c r="B57340" s="14" t="s">
        <v>1</v>
      </c>
      <c r="C57340" s="14" t="s">
        <v>59</v>
      </c>
      <c r="D57340" s="14" t="s">
        <v>313</v>
      </c>
      <c r="E57340" s="15">
        <v>45411</v>
      </c>
      <c r="F57340" s="14" t="s">
        <v>25</v>
      </c>
      <c r="G57340" s="16">
        <v>0</v>
      </c>
    </row>
    <row r="57341" spans="1:7" x14ac:dyDescent="0.3">
      <c r="A57341" s="13" t="s">
        <v>312</v>
      </c>
      <c r="B57341" s="14" t="s">
        <v>1</v>
      </c>
      <c r="C57341" s="14" t="s">
        <v>59</v>
      </c>
      <c r="D57341" s="14" t="s">
        <v>313</v>
      </c>
      <c r="E57341" s="15">
        <v>45412</v>
      </c>
      <c r="F57341" s="14" t="s">
        <v>25</v>
      </c>
      <c r="G57341" s="16">
        <v>0</v>
      </c>
    </row>
    <row r="57342" spans="1:7" x14ac:dyDescent="0.3">
      <c r="A57342" s="13" t="s">
        <v>312</v>
      </c>
      <c r="B57342" s="14" t="s">
        <v>1</v>
      </c>
      <c r="C57342" s="14" t="s">
        <v>59</v>
      </c>
      <c r="D57342" s="14" t="s">
        <v>313</v>
      </c>
      <c r="E57342" s="15">
        <v>45413</v>
      </c>
      <c r="F57342" s="14" t="s">
        <v>25</v>
      </c>
      <c r="G57342" s="16">
        <v>0</v>
      </c>
    </row>
    <row r="57343" spans="1:7" x14ac:dyDescent="0.3">
      <c r="A57343" s="13" t="s">
        <v>312</v>
      </c>
      <c r="B57343" s="14" t="s">
        <v>1</v>
      </c>
      <c r="C57343" s="14" t="s">
        <v>59</v>
      </c>
      <c r="D57343" s="14" t="s">
        <v>313</v>
      </c>
      <c r="E57343" s="15">
        <v>45414</v>
      </c>
      <c r="F57343" s="14" t="s">
        <v>25</v>
      </c>
      <c r="G57343" s="16">
        <v>0</v>
      </c>
    </row>
    <row r="57344" spans="1:7" x14ac:dyDescent="0.3">
      <c r="A57344" s="13" t="s">
        <v>312</v>
      </c>
      <c r="B57344" s="14" t="s">
        <v>1</v>
      </c>
      <c r="C57344" s="14" t="s">
        <v>59</v>
      </c>
      <c r="D57344" s="14" t="s">
        <v>313</v>
      </c>
      <c r="E57344" s="15">
        <v>45415</v>
      </c>
      <c r="F57344" s="14" t="s">
        <v>25</v>
      </c>
      <c r="G57344" s="16">
        <v>0</v>
      </c>
    </row>
    <row r="57345" spans="1:7" x14ac:dyDescent="0.3">
      <c r="A57345" s="13" t="s">
        <v>312</v>
      </c>
      <c r="B57345" s="14" t="s">
        <v>1</v>
      </c>
      <c r="C57345" s="14" t="s">
        <v>59</v>
      </c>
      <c r="D57345" s="14" t="s">
        <v>313</v>
      </c>
      <c r="E57345" s="15">
        <v>45416</v>
      </c>
      <c r="F57345" s="14" t="s">
        <v>25</v>
      </c>
      <c r="G57345" s="16">
        <v>0</v>
      </c>
    </row>
    <row r="57346" spans="1:7" x14ac:dyDescent="0.3">
      <c r="A57346" s="13" t="s">
        <v>312</v>
      </c>
      <c r="B57346" s="14" t="s">
        <v>1</v>
      </c>
      <c r="C57346" s="14" t="s">
        <v>59</v>
      </c>
      <c r="D57346" s="14" t="s">
        <v>313</v>
      </c>
      <c r="E57346" s="15">
        <v>45417</v>
      </c>
      <c r="F57346" s="14" t="s">
        <v>25</v>
      </c>
      <c r="G57346" s="16">
        <v>0</v>
      </c>
    </row>
    <row r="57347" spans="1:7" x14ac:dyDescent="0.3">
      <c r="A57347" s="13" t="s">
        <v>312</v>
      </c>
      <c r="B57347" s="14" t="s">
        <v>1</v>
      </c>
      <c r="C57347" s="14" t="s">
        <v>59</v>
      </c>
      <c r="D57347" s="14" t="s">
        <v>313</v>
      </c>
      <c r="E57347" s="15">
        <v>45418</v>
      </c>
      <c r="F57347" s="14" t="s">
        <v>25</v>
      </c>
      <c r="G57347" s="16">
        <v>0</v>
      </c>
    </row>
    <row r="57348" spans="1:7" x14ac:dyDescent="0.3">
      <c r="A57348" s="13" t="s">
        <v>312</v>
      </c>
      <c r="B57348" s="14" t="s">
        <v>1</v>
      </c>
      <c r="C57348" s="14" t="s">
        <v>59</v>
      </c>
      <c r="D57348" s="14" t="s">
        <v>313</v>
      </c>
      <c r="E57348" s="15">
        <v>45419</v>
      </c>
      <c r="F57348" s="14" t="s">
        <v>25</v>
      </c>
      <c r="G57348" s="16">
        <v>0</v>
      </c>
    </row>
    <row r="57349" spans="1:7" x14ac:dyDescent="0.3">
      <c r="A57349" s="13" t="s">
        <v>312</v>
      </c>
      <c r="B57349" s="14" t="s">
        <v>1</v>
      </c>
      <c r="C57349" s="14" t="s">
        <v>59</v>
      </c>
      <c r="D57349" s="14" t="s">
        <v>313</v>
      </c>
      <c r="E57349" s="15">
        <v>45420</v>
      </c>
      <c r="F57349" s="14" t="s">
        <v>25</v>
      </c>
      <c r="G57349" s="16">
        <v>0</v>
      </c>
    </row>
    <row r="57350" spans="1:7" x14ac:dyDescent="0.3">
      <c r="A57350" s="13" t="s">
        <v>312</v>
      </c>
      <c r="B57350" s="14" t="s">
        <v>1</v>
      </c>
      <c r="C57350" s="14" t="s">
        <v>59</v>
      </c>
      <c r="D57350" s="14" t="s">
        <v>313</v>
      </c>
      <c r="E57350" s="15">
        <v>45421</v>
      </c>
      <c r="F57350" s="14" t="s">
        <v>25</v>
      </c>
      <c r="G57350" s="16">
        <v>0</v>
      </c>
    </row>
    <row r="57351" spans="1:7" x14ac:dyDescent="0.3">
      <c r="A57351" s="13" t="s">
        <v>312</v>
      </c>
      <c r="B57351" s="14" t="s">
        <v>1</v>
      </c>
      <c r="C57351" s="14" t="s">
        <v>59</v>
      </c>
      <c r="D57351" s="14" t="s">
        <v>313</v>
      </c>
      <c r="E57351" s="15">
        <v>45422</v>
      </c>
      <c r="F57351" s="14" t="s">
        <v>25</v>
      </c>
      <c r="G57351" s="16">
        <v>0</v>
      </c>
    </row>
    <row r="57352" spans="1:7" x14ac:dyDescent="0.3">
      <c r="A57352" s="13" t="s">
        <v>312</v>
      </c>
      <c r="B57352" s="14" t="s">
        <v>1</v>
      </c>
      <c r="C57352" s="14" t="s">
        <v>59</v>
      </c>
      <c r="D57352" s="14" t="s">
        <v>313</v>
      </c>
      <c r="E57352" s="15">
        <v>45423</v>
      </c>
      <c r="F57352" s="14" t="s">
        <v>25</v>
      </c>
      <c r="G57352" s="16">
        <v>0</v>
      </c>
    </row>
    <row r="57353" spans="1:7" x14ac:dyDescent="0.3">
      <c r="A57353" s="13" t="s">
        <v>312</v>
      </c>
      <c r="B57353" s="14" t="s">
        <v>1</v>
      </c>
      <c r="C57353" s="14" t="s">
        <v>59</v>
      </c>
      <c r="D57353" s="14" t="s">
        <v>313</v>
      </c>
      <c r="E57353" s="15">
        <v>45424</v>
      </c>
      <c r="F57353" s="14" t="s">
        <v>25</v>
      </c>
      <c r="G57353" s="16">
        <v>0</v>
      </c>
    </row>
    <row r="57354" spans="1:7" x14ac:dyDescent="0.3">
      <c r="A57354" s="13" t="s">
        <v>312</v>
      </c>
      <c r="B57354" s="14" t="s">
        <v>1</v>
      </c>
      <c r="C57354" s="14" t="s">
        <v>59</v>
      </c>
      <c r="D57354" s="14" t="s">
        <v>313</v>
      </c>
      <c r="E57354" s="15">
        <v>45425</v>
      </c>
      <c r="F57354" s="14" t="s">
        <v>25</v>
      </c>
      <c r="G57354" s="16">
        <v>0</v>
      </c>
    </row>
    <row r="57355" spans="1:7" x14ac:dyDescent="0.3">
      <c r="A57355" s="13" t="s">
        <v>312</v>
      </c>
      <c r="B57355" s="14" t="s">
        <v>1</v>
      </c>
      <c r="C57355" s="14" t="s">
        <v>59</v>
      </c>
      <c r="D57355" s="14" t="s">
        <v>313</v>
      </c>
      <c r="E57355" s="15">
        <v>45426</v>
      </c>
      <c r="F57355" s="14" t="s">
        <v>25</v>
      </c>
      <c r="G57355" s="16">
        <v>0</v>
      </c>
    </row>
    <row r="57356" spans="1:7" x14ac:dyDescent="0.3">
      <c r="A57356" s="13" t="s">
        <v>312</v>
      </c>
      <c r="B57356" s="14" t="s">
        <v>1</v>
      </c>
      <c r="C57356" s="14" t="s">
        <v>59</v>
      </c>
      <c r="D57356" s="14" t="s">
        <v>313</v>
      </c>
      <c r="E57356" s="15">
        <v>45427</v>
      </c>
      <c r="F57356" s="14" t="s">
        <v>25</v>
      </c>
      <c r="G57356" s="16">
        <v>0</v>
      </c>
    </row>
    <row r="57357" spans="1:7" x14ac:dyDescent="0.3">
      <c r="A57357" s="13" t="s">
        <v>312</v>
      </c>
      <c r="B57357" s="14" t="s">
        <v>1</v>
      </c>
      <c r="C57357" s="14" t="s">
        <v>59</v>
      </c>
      <c r="D57357" s="14" t="s">
        <v>313</v>
      </c>
      <c r="E57357" s="15">
        <v>45428</v>
      </c>
      <c r="F57357" s="14" t="s">
        <v>25</v>
      </c>
      <c r="G57357" s="16">
        <v>0</v>
      </c>
    </row>
    <row r="57358" spans="1:7" x14ac:dyDescent="0.3">
      <c r="A57358" s="13" t="s">
        <v>312</v>
      </c>
      <c r="B57358" s="14" t="s">
        <v>1</v>
      </c>
      <c r="C57358" s="14" t="s">
        <v>59</v>
      </c>
      <c r="D57358" s="14" t="s">
        <v>313</v>
      </c>
      <c r="E57358" s="15">
        <v>45429</v>
      </c>
      <c r="F57358" s="14" t="s">
        <v>25</v>
      </c>
      <c r="G57358" s="16">
        <v>6.8628157593832798E-2</v>
      </c>
    </row>
    <row r="57359" spans="1:7" x14ac:dyDescent="0.3">
      <c r="A57359" s="13" t="s">
        <v>312</v>
      </c>
      <c r="B57359" s="14" t="s">
        <v>1</v>
      </c>
      <c r="C57359" s="14" t="s">
        <v>59</v>
      </c>
      <c r="D57359" s="14" t="s">
        <v>313</v>
      </c>
      <c r="E57359" s="15">
        <v>45430</v>
      </c>
      <c r="F57359" s="14" t="s">
        <v>25</v>
      </c>
      <c r="G57359" s="16">
        <v>6.8628157593832798E-2</v>
      </c>
    </row>
    <row r="57360" spans="1:7" x14ac:dyDescent="0.3">
      <c r="A57360" s="13" t="s">
        <v>312</v>
      </c>
      <c r="B57360" s="14" t="s">
        <v>1</v>
      </c>
      <c r="C57360" s="14" t="s">
        <v>59</v>
      </c>
      <c r="D57360" s="14" t="s">
        <v>313</v>
      </c>
      <c r="E57360" s="15">
        <v>45431</v>
      </c>
      <c r="F57360" s="14" t="s">
        <v>25</v>
      </c>
      <c r="G57360" s="16">
        <v>6.8628157593832798E-2</v>
      </c>
    </row>
    <row r="57361" spans="1:7" x14ac:dyDescent="0.3">
      <c r="A57361" s="13" t="s">
        <v>312</v>
      </c>
      <c r="B57361" s="14" t="s">
        <v>1</v>
      </c>
      <c r="C57361" s="14" t="s">
        <v>59</v>
      </c>
      <c r="D57361" s="14" t="s">
        <v>313</v>
      </c>
      <c r="E57361" s="15">
        <v>45432</v>
      </c>
      <c r="F57361" s="14" t="s">
        <v>25</v>
      </c>
      <c r="G57361" s="16">
        <v>6.8628157593832798E-2</v>
      </c>
    </row>
    <row r="57362" spans="1:7" x14ac:dyDescent="0.3">
      <c r="A57362" s="13" t="s">
        <v>312</v>
      </c>
      <c r="B57362" s="14" t="s">
        <v>1</v>
      </c>
      <c r="C57362" s="14" t="s">
        <v>59</v>
      </c>
      <c r="D57362" s="14" t="s">
        <v>313</v>
      </c>
      <c r="E57362" s="15">
        <v>45433</v>
      </c>
      <c r="F57362" s="14" t="s">
        <v>25</v>
      </c>
      <c r="G57362" s="16">
        <v>6.6601766040010738E-2</v>
      </c>
    </row>
    <row r="57363" spans="1:7" x14ac:dyDescent="0.3">
      <c r="A57363" s="13" t="s">
        <v>312</v>
      </c>
      <c r="B57363" s="14" t="s">
        <v>1</v>
      </c>
      <c r="C57363" s="14" t="s">
        <v>59</v>
      </c>
      <c r="D57363" s="14" t="s">
        <v>313</v>
      </c>
      <c r="E57363" s="15">
        <v>45434</v>
      </c>
      <c r="F57363" s="14" t="s">
        <v>25</v>
      </c>
      <c r="G57363" s="16">
        <v>5.8124888910302784E-2</v>
      </c>
    </row>
    <row r="57364" spans="1:7" x14ac:dyDescent="0.3">
      <c r="A57364" s="13" t="s">
        <v>312</v>
      </c>
      <c r="B57364" s="14" t="s">
        <v>1</v>
      </c>
      <c r="C57364" s="14" t="s">
        <v>59</v>
      </c>
      <c r="D57364" s="14" t="s">
        <v>313</v>
      </c>
      <c r="E57364" s="15">
        <v>45435</v>
      </c>
      <c r="F57364" s="14" t="s">
        <v>25</v>
      </c>
      <c r="G57364" s="16">
        <v>5.5862471811042549E-2</v>
      </c>
    </row>
    <row r="57365" spans="1:7" x14ac:dyDescent="0.3">
      <c r="A57365" s="13" t="s">
        <v>312</v>
      </c>
      <c r="B57365" s="14" t="s">
        <v>1</v>
      </c>
      <c r="C57365" s="14" t="s">
        <v>59</v>
      </c>
      <c r="D57365" s="14" t="s">
        <v>313</v>
      </c>
      <c r="E57365" s="15">
        <v>45436</v>
      </c>
      <c r="F57365" s="14" t="s">
        <v>25</v>
      </c>
      <c r="G57365" s="16">
        <v>5.3722104052633834E-2</v>
      </c>
    </row>
    <row r="57366" spans="1:7" x14ac:dyDescent="0.3">
      <c r="A57366" s="13" t="s">
        <v>312</v>
      </c>
      <c r="B57366" s="14" t="s">
        <v>1</v>
      </c>
      <c r="C57366" s="14" t="s">
        <v>59</v>
      </c>
      <c r="D57366" s="14" t="s">
        <v>313</v>
      </c>
      <c r="E57366" s="15">
        <v>45437</v>
      </c>
      <c r="F57366" s="14" t="s">
        <v>25</v>
      </c>
      <c r="G57366" s="16">
        <v>5.3722104052633834E-2</v>
      </c>
    </row>
    <row r="57367" spans="1:7" x14ac:dyDescent="0.3">
      <c r="A57367" s="13" t="s">
        <v>312</v>
      </c>
      <c r="B57367" s="14" t="s">
        <v>1</v>
      </c>
      <c r="C57367" s="14" t="s">
        <v>59</v>
      </c>
      <c r="D57367" s="14" t="s">
        <v>313</v>
      </c>
      <c r="E57367" s="15">
        <v>45438</v>
      </c>
      <c r="F57367" s="14" t="s">
        <v>25</v>
      </c>
      <c r="G57367" s="16">
        <v>5.3722104052633834E-2</v>
      </c>
    </row>
    <row r="57368" spans="1:7" x14ac:dyDescent="0.3">
      <c r="A57368" s="13" t="s">
        <v>312</v>
      </c>
      <c r="B57368" s="14" t="s">
        <v>1</v>
      </c>
      <c r="C57368" s="14" t="s">
        <v>59</v>
      </c>
      <c r="D57368" s="14" t="s">
        <v>313</v>
      </c>
      <c r="E57368" s="15">
        <v>45439</v>
      </c>
      <c r="F57368" s="14" t="s">
        <v>25</v>
      </c>
      <c r="G57368" s="16">
        <v>5.1489199328503654E-2</v>
      </c>
    </row>
    <row r="57369" spans="1:7" x14ac:dyDescent="0.3">
      <c r="A57369" s="13" t="s">
        <v>312</v>
      </c>
      <c r="B57369" s="14" t="s">
        <v>1</v>
      </c>
      <c r="C57369" s="14" t="s">
        <v>59</v>
      </c>
      <c r="D57369" s="14" t="s">
        <v>313</v>
      </c>
      <c r="E57369" s="15">
        <v>45440</v>
      </c>
      <c r="F57369" s="14" t="s">
        <v>25</v>
      </c>
      <c r="G57369" s="16">
        <v>4.4901612908817848E-2</v>
      </c>
    </row>
    <row r="57370" spans="1:7" x14ac:dyDescent="0.3">
      <c r="A57370" s="13" t="s">
        <v>312</v>
      </c>
      <c r="B57370" s="14" t="s">
        <v>1</v>
      </c>
      <c r="C57370" s="14" t="s">
        <v>59</v>
      </c>
      <c r="D57370" s="14" t="s">
        <v>313</v>
      </c>
      <c r="E57370" s="15">
        <v>45441</v>
      </c>
      <c r="F57370" s="14" t="s">
        <v>25</v>
      </c>
      <c r="G57370" s="16">
        <v>4.2778546873151566E-2</v>
      </c>
    </row>
    <row r="57371" spans="1:7" x14ac:dyDescent="0.3">
      <c r="A57371" s="13" t="s">
        <v>312</v>
      </c>
      <c r="B57371" s="14" t="s">
        <v>1</v>
      </c>
      <c r="C57371" s="14" t="s">
        <v>59</v>
      </c>
      <c r="D57371" s="14" t="s">
        <v>313</v>
      </c>
      <c r="E57371" s="15">
        <v>45442</v>
      </c>
      <c r="F57371" s="14" t="s">
        <v>25</v>
      </c>
      <c r="G57371" s="16">
        <v>4.0162078530011545E-2</v>
      </c>
    </row>
    <row r="57372" spans="1:7" x14ac:dyDescent="0.3">
      <c r="A57372" s="13" t="s">
        <v>312</v>
      </c>
      <c r="B57372" s="14" t="s">
        <v>1</v>
      </c>
      <c r="C57372" s="14" t="s">
        <v>59</v>
      </c>
      <c r="D57372" s="14" t="s">
        <v>313</v>
      </c>
      <c r="E57372" s="15">
        <v>45443</v>
      </c>
      <c r="F57372" s="14" t="s">
        <v>25</v>
      </c>
      <c r="G57372" s="16">
        <v>3.7973989276472192E-2</v>
      </c>
    </row>
    <row r="57373" spans="1:7" x14ac:dyDescent="0.3">
      <c r="A57373" s="13" t="s">
        <v>312</v>
      </c>
      <c r="B57373" s="14" t="s">
        <v>1</v>
      </c>
      <c r="C57373" s="14" t="s">
        <v>59</v>
      </c>
      <c r="D57373" s="14" t="s">
        <v>313</v>
      </c>
      <c r="E57373" s="15">
        <v>45444</v>
      </c>
      <c r="F57373" s="14" t="s">
        <v>25</v>
      </c>
      <c r="G57373" s="16">
        <v>3.7973989276472192E-2</v>
      </c>
    </row>
    <row r="57374" spans="1:7" x14ac:dyDescent="0.3">
      <c r="A57374" s="13" t="s">
        <v>312</v>
      </c>
      <c r="B57374" s="14" t="s">
        <v>1</v>
      </c>
      <c r="C57374" s="14" t="s">
        <v>59</v>
      </c>
      <c r="D57374" s="14" t="s">
        <v>313</v>
      </c>
      <c r="E57374" s="15">
        <v>45445</v>
      </c>
      <c r="F57374" s="14" t="s">
        <v>25</v>
      </c>
      <c r="G57374" s="16">
        <v>3.7973989276472192E-2</v>
      </c>
    </row>
    <row r="57375" spans="1:7" x14ac:dyDescent="0.3">
      <c r="A57375" s="13" t="s">
        <v>312</v>
      </c>
      <c r="B57375" s="14" t="s">
        <v>1</v>
      </c>
      <c r="C57375" s="14" t="s">
        <v>59</v>
      </c>
      <c r="D57375" s="14" t="s">
        <v>313</v>
      </c>
      <c r="E57375" s="15">
        <v>45446</v>
      </c>
      <c r="F57375" s="14" t="s">
        <v>25</v>
      </c>
      <c r="G57375" s="16">
        <v>3.7973989276472192E-2</v>
      </c>
    </row>
    <row r="57376" spans="1:7" x14ac:dyDescent="0.3">
      <c r="A57376" s="13" t="s">
        <v>312</v>
      </c>
      <c r="B57376" s="14" t="s">
        <v>1</v>
      </c>
      <c r="C57376" s="14" t="s">
        <v>59</v>
      </c>
      <c r="D57376" s="14" t="s">
        <v>313</v>
      </c>
      <c r="E57376" s="15">
        <v>45447</v>
      </c>
      <c r="F57376" s="14" t="s">
        <v>25</v>
      </c>
      <c r="G57376" s="16">
        <v>3.5348963060328899E-2</v>
      </c>
    </row>
    <row r="57377" spans="1:7" x14ac:dyDescent="0.3">
      <c r="A57377" s="13" t="s">
        <v>312</v>
      </c>
      <c r="B57377" s="14" t="s">
        <v>1</v>
      </c>
      <c r="C57377" s="14" t="s">
        <v>59</v>
      </c>
      <c r="D57377" s="14" t="s">
        <v>313</v>
      </c>
      <c r="E57377" s="15">
        <v>45448</v>
      </c>
      <c r="F57377" s="14" t="s">
        <v>25</v>
      </c>
      <c r="G57377" s="16">
        <v>7.8860921656058139E-2</v>
      </c>
    </row>
    <row r="57378" spans="1:7" x14ac:dyDescent="0.3">
      <c r="A57378" s="13" t="s">
        <v>312</v>
      </c>
      <c r="B57378" s="14" t="s">
        <v>1</v>
      </c>
      <c r="C57378" s="14" t="s">
        <v>59</v>
      </c>
      <c r="D57378" s="14" t="s">
        <v>313</v>
      </c>
      <c r="E57378" s="15">
        <v>45449</v>
      </c>
      <c r="F57378" s="14" t="s">
        <v>25</v>
      </c>
      <c r="G57378" s="16">
        <v>7.6330821087434969E-2</v>
      </c>
    </row>
    <row r="57379" spans="1:7" x14ac:dyDescent="0.3">
      <c r="A57379" s="13" t="s">
        <v>312</v>
      </c>
      <c r="B57379" s="14" t="s">
        <v>1</v>
      </c>
      <c r="C57379" s="14" t="s">
        <v>59</v>
      </c>
      <c r="D57379" s="14" t="s">
        <v>313</v>
      </c>
      <c r="E57379" s="15">
        <v>45450</v>
      </c>
      <c r="F57379" s="14" t="s">
        <v>25</v>
      </c>
      <c r="G57379" s="16">
        <v>7.4728821178342661E-2</v>
      </c>
    </row>
    <row r="57380" spans="1:7" x14ac:dyDescent="0.3">
      <c r="A57380" s="13" t="s">
        <v>312</v>
      </c>
      <c r="B57380" s="14" t="s">
        <v>1</v>
      </c>
      <c r="C57380" s="14" t="s">
        <v>59</v>
      </c>
      <c r="D57380" s="14" t="s">
        <v>313</v>
      </c>
      <c r="E57380" s="15">
        <v>45451</v>
      </c>
      <c r="F57380" s="14" t="s">
        <v>25</v>
      </c>
      <c r="G57380" s="16">
        <v>7.4728821178342661E-2</v>
      </c>
    </row>
    <row r="57381" spans="1:7" x14ac:dyDescent="0.3">
      <c r="A57381" s="13" t="s">
        <v>312</v>
      </c>
      <c r="B57381" s="14" t="s">
        <v>1</v>
      </c>
      <c r="C57381" s="14" t="s">
        <v>59</v>
      </c>
      <c r="D57381" s="14" t="s">
        <v>313</v>
      </c>
      <c r="E57381" s="15">
        <v>45452</v>
      </c>
      <c r="F57381" s="14" t="s">
        <v>25</v>
      </c>
      <c r="G57381" s="16">
        <v>7.4728821178342661E-2</v>
      </c>
    </row>
    <row r="57382" spans="1:7" x14ac:dyDescent="0.3">
      <c r="A57382" s="13" t="s">
        <v>312</v>
      </c>
      <c r="B57382" s="14" t="s">
        <v>1</v>
      </c>
      <c r="C57382" s="14" t="s">
        <v>59</v>
      </c>
      <c r="D57382" s="14" t="s">
        <v>313</v>
      </c>
      <c r="E57382" s="15">
        <v>45453</v>
      </c>
      <c r="F57382" s="14" t="s">
        <v>25</v>
      </c>
      <c r="G57382" s="16">
        <v>7.2565459145371158E-2</v>
      </c>
    </row>
    <row r="57383" spans="1:7" x14ac:dyDescent="0.3">
      <c r="A57383" s="13" t="s">
        <v>312</v>
      </c>
      <c r="B57383" s="14" t="s">
        <v>1</v>
      </c>
      <c r="C57383" s="14" t="s">
        <v>59</v>
      </c>
      <c r="D57383" s="14" t="s">
        <v>313</v>
      </c>
      <c r="E57383" s="15">
        <v>45454</v>
      </c>
      <c r="F57383" s="14" t="s">
        <v>25</v>
      </c>
      <c r="G57383" s="16">
        <v>6.6087746910248629E-2</v>
      </c>
    </row>
    <row r="57384" spans="1:7" x14ac:dyDescent="0.3">
      <c r="A57384" s="13" t="s">
        <v>312</v>
      </c>
      <c r="B57384" s="14" t="s">
        <v>1</v>
      </c>
      <c r="C57384" s="14" t="s">
        <v>59</v>
      </c>
      <c r="D57384" s="14" t="s">
        <v>313</v>
      </c>
      <c r="E57384" s="15">
        <v>45455</v>
      </c>
      <c r="F57384" s="14" t="s">
        <v>25</v>
      </c>
      <c r="G57384" s="16">
        <v>6.3673257097677682E-2</v>
      </c>
    </row>
    <row r="57385" spans="1:7" x14ac:dyDescent="0.3">
      <c r="A57385" s="13" t="s">
        <v>312</v>
      </c>
      <c r="B57385" s="14" t="s">
        <v>1</v>
      </c>
      <c r="C57385" s="14" t="s">
        <v>59</v>
      </c>
      <c r="D57385" s="14" t="s">
        <v>313</v>
      </c>
      <c r="E57385" s="15">
        <v>45456</v>
      </c>
      <c r="F57385" s="14" t="s">
        <v>25</v>
      </c>
      <c r="G57385" s="16">
        <v>6.1484206590332366E-2</v>
      </c>
    </row>
    <row r="57386" spans="1:7" x14ac:dyDescent="0.3">
      <c r="A57386" s="13" t="s">
        <v>312</v>
      </c>
      <c r="B57386" s="14" t="s">
        <v>1</v>
      </c>
      <c r="C57386" s="14" t="s">
        <v>59</v>
      </c>
      <c r="D57386" s="14" t="s">
        <v>313</v>
      </c>
      <c r="E57386" s="15">
        <v>45457</v>
      </c>
      <c r="F57386" s="14" t="s">
        <v>25</v>
      </c>
      <c r="G57386" s="16">
        <v>9.8130394710125302E-2</v>
      </c>
    </row>
    <row r="57387" spans="1:7" x14ac:dyDescent="0.3">
      <c r="A57387" s="13" t="s">
        <v>312</v>
      </c>
      <c r="B57387" s="14" t="s">
        <v>1</v>
      </c>
      <c r="C57387" s="14" t="s">
        <v>59</v>
      </c>
      <c r="D57387" s="14" t="s">
        <v>313</v>
      </c>
      <c r="E57387" s="15">
        <v>45458</v>
      </c>
      <c r="F57387" s="14" t="s">
        <v>25</v>
      </c>
      <c r="G57387" s="16">
        <v>9.8130394710125302E-2</v>
      </c>
    </row>
    <row r="57388" spans="1:7" x14ac:dyDescent="0.3">
      <c r="A57388" s="13" t="s">
        <v>312</v>
      </c>
      <c r="B57388" s="14" t="s">
        <v>1</v>
      </c>
      <c r="C57388" s="14" t="s">
        <v>59</v>
      </c>
      <c r="D57388" s="14" t="s">
        <v>313</v>
      </c>
      <c r="E57388" s="15">
        <v>45459</v>
      </c>
      <c r="F57388" s="14" t="s">
        <v>25</v>
      </c>
      <c r="G57388" s="16">
        <v>9.8130394710125302E-2</v>
      </c>
    </row>
    <row r="57389" spans="1:7" x14ac:dyDescent="0.3">
      <c r="A57389" s="13" t="s">
        <v>312</v>
      </c>
      <c r="B57389" s="14" t="s">
        <v>1</v>
      </c>
      <c r="C57389" s="14" t="s">
        <v>59</v>
      </c>
      <c r="D57389" s="14" t="s">
        <v>313</v>
      </c>
      <c r="E57389" s="15">
        <v>45460</v>
      </c>
      <c r="F57389" s="14" t="s">
        <v>25</v>
      </c>
      <c r="G57389" s="16">
        <v>9.5862626870108394E-2</v>
      </c>
    </row>
    <row r="57390" spans="1:7" x14ac:dyDescent="0.3">
      <c r="A57390" s="13" t="s">
        <v>312</v>
      </c>
      <c r="B57390" s="14" t="s">
        <v>1</v>
      </c>
      <c r="C57390" s="14" t="s">
        <v>59</v>
      </c>
      <c r="D57390" s="14" t="s">
        <v>313</v>
      </c>
      <c r="E57390" s="15">
        <v>45461</v>
      </c>
      <c r="F57390" s="14" t="s">
        <v>25</v>
      </c>
      <c r="G57390" s="16">
        <v>8.8734410358505808E-2</v>
      </c>
    </row>
    <row r="57391" spans="1:7" x14ac:dyDescent="0.3">
      <c r="A57391" s="13" t="s">
        <v>312</v>
      </c>
      <c r="B57391" s="14" t="s">
        <v>1</v>
      </c>
      <c r="C57391" s="14" t="s">
        <v>59</v>
      </c>
      <c r="D57391" s="14" t="s">
        <v>313</v>
      </c>
      <c r="E57391" s="15">
        <v>45462</v>
      </c>
      <c r="F57391" s="14" t="s">
        <v>25</v>
      </c>
      <c r="G57391" s="16">
        <v>8.6567551460073125E-2</v>
      </c>
    </row>
    <row r="57392" spans="1:7" x14ac:dyDescent="0.3">
      <c r="A57392" s="13" t="s">
        <v>312</v>
      </c>
      <c r="B57392" s="14" t="s">
        <v>1</v>
      </c>
      <c r="C57392" s="14" t="s">
        <v>59</v>
      </c>
      <c r="D57392" s="14" t="s">
        <v>313</v>
      </c>
      <c r="E57392" s="15">
        <v>45463</v>
      </c>
      <c r="F57392" s="14" t="s">
        <v>25</v>
      </c>
      <c r="G57392" s="16">
        <v>8.5019508885378486E-2</v>
      </c>
    </row>
    <row r="57393" spans="1:7" x14ac:dyDescent="0.3">
      <c r="A57393" s="13" t="s">
        <v>312</v>
      </c>
      <c r="B57393" s="14" t="s">
        <v>1</v>
      </c>
      <c r="C57393" s="14" t="s">
        <v>59</v>
      </c>
      <c r="D57393" s="14" t="s">
        <v>313</v>
      </c>
      <c r="E57393" s="15">
        <v>45464</v>
      </c>
      <c r="F57393" s="14" t="s">
        <v>25</v>
      </c>
      <c r="G57393" s="16">
        <v>8.303749934654503E-2</v>
      </c>
    </row>
    <row r="57394" spans="1:7" x14ac:dyDescent="0.3">
      <c r="A57394" s="13" t="s">
        <v>312</v>
      </c>
      <c r="B57394" s="14" t="s">
        <v>1</v>
      </c>
      <c r="C57394" s="14" t="s">
        <v>59</v>
      </c>
      <c r="D57394" s="14" t="s">
        <v>313</v>
      </c>
      <c r="E57394" s="15">
        <v>45465</v>
      </c>
      <c r="F57394" s="14" t="s">
        <v>25</v>
      </c>
      <c r="G57394" s="16">
        <v>8.303749934654503E-2</v>
      </c>
    </row>
    <row r="57395" spans="1:7" x14ac:dyDescent="0.3">
      <c r="A57395" s="13" t="s">
        <v>312</v>
      </c>
      <c r="B57395" s="14" t="s">
        <v>1</v>
      </c>
      <c r="C57395" s="14" t="s">
        <v>59</v>
      </c>
      <c r="D57395" s="14" t="s">
        <v>313</v>
      </c>
      <c r="E57395" s="15">
        <v>45466</v>
      </c>
      <c r="F57395" s="14" t="s">
        <v>25</v>
      </c>
      <c r="G57395" s="16">
        <v>8.303749934654503E-2</v>
      </c>
    </row>
    <row r="57396" spans="1:7" x14ac:dyDescent="0.3">
      <c r="A57396" s="13" t="s">
        <v>312</v>
      </c>
      <c r="B57396" s="14" t="s">
        <v>1</v>
      </c>
      <c r="C57396" s="14" t="s">
        <v>59</v>
      </c>
      <c r="D57396" s="14" t="s">
        <v>313</v>
      </c>
      <c r="E57396" s="15">
        <v>45467</v>
      </c>
      <c r="F57396" s="14" t="s">
        <v>25</v>
      </c>
      <c r="G57396" s="16">
        <v>8.0726924734518563E-2</v>
      </c>
    </row>
    <row r="57397" spans="1:7" x14ac:dyDescent="0.3">
      <c r="A57397" s="13" t="s">
        <v>312</v>
      </c>
      <c r="B57397" s="14" t="s">
        <v>1</v>
      </c>
      <c r="C57397" s="14" t="s">
        <v>59</v>
      </c>
      <c r="D57397" s="14" t="s">
        <v>313</v>
      </c>
      <c r="E57397" s="15">
        <v>45468</v>
      </c>
      <c r="F57397" s="14" t="s">
        <v>25</v>
      </c>
      <c r="G57397" s="16">
        <v>7.4253061534431883E-2</v>
      </c>
    </row>
    <row r="57398" spans="1:7" x14ac:dyDescent="0.3">
      <c r="A57398" s="13" t="s">
        <v>312</v>
      </c>
      <c r="B57398" s="14" t="s">
        <v>1</v>
      </c>
      <c r="C57398" s="14" t="s">
        <v>59</v>
      </c>
      <c r="D57398" s="14" t="s">
        <v>313</v>
      </c>
      <c r="E57398" s="15">
        <v>45469</v>
      </c>
      <c r="F57398" s="14" t="s">
        <v>25</v>
      </c>
      <c r="G57398" s="16">
        <v>7.2259963679262823E-2</v>
      </c>
    </row>
    <row r="57399" spans="1:7" x14ac:dyDescent="0.3">
      <c r="A57399" s="13" t="s">
        <v>312</v>
      </c>
      <c r="B57399" s="14" t="s">
        <v>1</v>
      </c>
      <c r="C57399" s="14" t="s">
        <v>59</v>
      </c>
      <c r="D57399" s="14" t="s">
        <v>313</v>
      </c>
      <c r="E57399" s="15">
        <v>45470</v>
      </c>
      <c r="F57399" s="14" t="s">
        <v>25</v>
      </c>
      <c r="G57399" s="16">
        <v>7.0152562805015195E-2</v>
      </c>
    </row>
    <row r="57400" spans="1:7" x14ac:dyDescent="0.3">
      <c r="A57400" s="13" t="s">
        <v>312</v>
      </c>
      <c r="B57400" s="14" t="s">
        <v>1</v>
      </c>
      <c r="C57400" s="14" t="s">
        <v>59</v>
      </c>
      <c r="D57400" s="14" t="s">
        <v>313</v>
      </c>
      <c r="E57400" s="15">
        <v>45471</v>
      </c>
      <c r="F57400" s="14" t="s">
        <v>25</v>
      </c>
      <c r="G57400" s="16">
        <v>6.7965569331334449E-2</v>
      </c>
    </row>
    <row r="57401" spans="1:7" x14ac:dyDescent="0.3">
      <c r="A57401" s="13" t="s">
        <v>312</v>
      </c>
      <c r="B57401" s="14" t="s">
        <v>1</v>
      </c>
      <c r="C57401" s="14" t="s">
        <v>59</v>
      </c>
      <c r="D57401" s="14" t="s">
        <v>313</v>
      </c>
      <c r="E57401" s="15">
        <v>45472</v>
      </c>
      <c r="F57401" s="14" t="s">
        <v>25</v>
      </c>
      <c r="G57401" s="16">
        <v>6.7965569331334449E-2</v>
      </c>
    </row>
    <row r="57402" spans="1:7" x14ac:dyDescent="0.3">
      <c r="A57402" s="13" t="s">
        <v>312</v>
      </c>
      <c r="B57402" s="14" t="s">
        <v>1</v>
      </c>
      <c r="C57402" s="14" t="s">
        <v>59</v>
      </c>
      <c r="D57402" s="14" t="s">
        <v>313</v>
      </c>
      <c r="E57402" s="15">
        <v>45473</v>
      </c>
      <c r="F57402" s="14" t="s">
        <v>25</v>
      </c>
      <c r="G57402" s="16">
        <v>6.7965569331334449E-2</v>
      </c>
    </row>
    <row r="57403" spans="1:7" x14ac:dyDescent="0.3">
      <c r="A57403" s="13" t="s">
        <v>312</v>
      </c>
      <c r="B57403" s="14" t="s">
        <v>1</v>
      </c>
      <c r="C57403" s="14" t="s">
        <v>59</v>
      </c>
      <c r="D57403" s="14" t="s">
        <v>313</v>
      </c>
      <c r="E57403" s="15">
        <v>45474</v>
      </c>
      <c r="F57403" s="14" t="s">
        <v>25</v>
      </c>
      <c r="G57403" s="16">
        <v>6.606298055540967E-2</v>
      </c>
    </row>
    <row r="57404" spans="1:7" x14ac:dyDescent="0.3">
      <c r="A57404" s="13" t="s">
        <v>312</v>
      </c>
      <c r="B57404" s="14" t="s">
        <v>1</v>
      </c>
      <c r="C57404" s="14" t="s">
        <v>59</v>
      </c>
      <c r="D57404" s="14" t="s">
        <v>313</v>
      </c>
      <c r="E57404" s="15">
        <v>45475</v>
      </c>
      <c r="F57404" s="14" t="s">
        <v>25</v>
      </c>
      <c r="G57404" s="16">
        <v>6.5851909713431425E-2</v>
      </c>
    </row>
    <row r="57405" spans="1:7" x14ac:dyDescent="0.3">
      <c r="A57405" s="13" t="s">
        <v>312</v>
      </c>
      <c r="B57405" s="14" t="s">
        <v>1</v>
      </c>
      <c r="C57405" s="14" t="s">
        <v>59</v>
      </c>
      <c r="D57405" s="14" t="s">
        <v>313</v>
      </c>
      <c r="E57405" s="15">
        <v>45476</v>
      </c>
      <c r="F57405" s="14" t="s">
        <v>25</v>
      </c>
      <c r="G57405" s="16">
        <v>6.3495115286534398E-2</v>
      </c>
    </row>
    <row r="57406" spans="1:7" x14ac:dyDescent="0.3">
      <c r="A57406" s="13" t="s">
        <v>312</v>
      </c>
      <c r="B57406" s="14" t="s">
        <v>1</v>
      </c>
      <c r="C57406" s="14" t="s">
        <v>59</v>
      </c>
      <c r="D57406" s="14" t="s">
        <v>313</v>
      </c>
      <c r="E57406" s="15">
        <v>45477</v>
      </c>
      <c r="F57406" s="14" t="s">
        <v>25</v>
      </c>
      <c r="G57406" s="16">
        <v>6.1217504593964057E-2</v>
      </c>
    </row>
    <row r="57407" spans="1:7" x14ac:dyDescent="0.3">
      <c r="A57407" s="13" t="s">
        <v>312</v>
      </c>
      <c r="B57407" s="14" t="s">
        <v>1</v>
      </c>
      <c r="C57407" s="14" t="s">
        <v>59</v>
      </c>
      <c r="D57407" s="14" t="s">
        <v>313</v>
      </c>
      <c r="E57407" s="15">
        <v>45478</v>
      </c>
      <c r="F57407" s="14" t="s">
        <v>25</v>
      </c>
      <c r="G57407" s="16">
        <v>5.8742664261439585E-2</v>
      </c>
    </row>
    <row r="57408" spans="1:7" x14ac:dyDescent="0.3">
      <c r="A57408" s="13" t="s">
        <v>312</v>
      </c>
      <c r="B57408" s="14" t="s">
        <v>1</v>
      </c>
      <c r="C57408" s="14" t="s">
        <v>59</v>
      </c>
      <c r="D57408" s="14" t="s">
        <v>313</v>
      </c>
      <c r="E57408" s="15">
        <v>45479</v>
      </c>
      <c r="F57408" s="14" t="s">
        <v>25</v>
      </c>
      <c r="G57408" s="16">
        <v>5.8742664261439585E-2</v>
      </c>
    </row>
    <row r="57409" spans="1:7" x14ac:dyDescent="0.3">
      <c r="A57409" s="13" t="s">
        <v>312</v>
      </c>
      <c r="B57409" s="14" t="s">
        <v>1</v>
      </c>
      <c r="C57409" s="14" t="s">
        <v>59</v>
      </c>
      <c r="D57409" s="14" t="s">
        <v>313</v>
      </c>
      <c r="E57409" s="15">
        <v>45480</v>
      </c>
      <c r="F57409" s="14" t="s">
        <v>25</v>
      </c>
      <c r="G57409" s="16">
        <v>5.8742664261439585E-2</v>
      </c>
    </row>
    <row r="57410" spans="1:7" x14ac:dyDescent="0.3">
      <c r="A57410" s="13" t="s">
        <v>312</v>
      </c>
      <c r="B57410" s="14" t="s">
        <v>1</v>
      </c>
      <c r="C57410" s="14" t="s">
        <v>59</v>
      </c>
      <c r="D57410" s="14" t="s">
        <v>313</v>
      </c>
      <c r="E57410" s="15">
        <v>45481</v>
      </c>
      <c r="F57410" s="14" t="s">
        <v>25</v>
      </c>
      <c r="G57410" s="16">
        <v>5.6631365655300858E-2</v>
      </c>
    </row>
    <row r="57411" spans="1:7" x14ac:dyDescent="0.3">
      <c r="A57411" s="13" t="s">
        <v>312</v>
      </c>
      <c r="B57411" s="14" t="s">
        <v>1</v>
      </c>
      <c r="C57411" s="14" t="s">
        <v>59</v>
      </c>
      <c r="D57411" s="14" t="s">
        <v>313</v>
      </c>
      <c r="E57411" s="15">
        <v>45482</v>
      </c>
      <c r="F57411" s="14" t="s">
        <v>25</v>
      </c>
      <c r="G57411" s="16">
        <v>4.9945352939350623E-2</v>
      </c>
    </row>
    <row r="57412" spans="1:7" x14ac:dyDescent="0.3">
      <c r="A57412" s="13" t="s">
        <v>312</v>
      </c>
      <c r="B57412" s="14" t="s">
        <v>1</v>
      </c>
      <c r="C57412" s="14" t="s">
        <v>59</v>
      </c>
      <c r="D57412" s="14" t="s">
        <v>313</v>
      </c>
      <c r="E57412" s="15">
        <v>45483</v>
      </c>
      <c r="F57412" s="14" t="s">
        <v>25</v>
      </c>
      <c r="G57412" s="16">
        <v>4.7815624630540648E-2</v>
      </c>
    </row>
    <row r="57413" spans="1:7" x14ac:dyDescent="0.3">
      <c r="A57413" s="13" t="s">
        <v>312</v>
      </c>
      <c r="B57413" s="14" t="s">
        <v>1</v>
      </c>
      <c r="C57413" s="14" t="s">
        <v>59</v>
      </c>
      <c r="D57413" s="14" t="s">
        <v>313</v>
      </c>
      <c r="E57413" s="15">
        <v>45484</v>
      </c>
      <c r="F57413" s="14" t="s">
        <v>25</v>
      </c>
      <c r="G57413" s="16">
        <v>4.5424212991562664E-2</v>
      </c>
    </row>
    <row r="57414" spans="1:7" x14ac:dyDescent="0.3">
      <c r="A57414" s="13" t="s">
        <v>312</v>
      </c>
      <c r="B57414" s="14" t="s">
        <v>1</v>
      </c>
      <c r="C57414" s="14" t="s">
        <v>59</v>
      </c>
      <c r="D57414" s="14" t="s">
        <v>313</v>
      </c>
      <c r="E57414" s="15">
        <v>45485</v>
      </c>
      <c r="F57414" s="14" t="s">
        <v>25</v>
      </c>
      <c r="G57414" s="16">
        <v>5.0288426547998775E-2</v>
      </c>
    </row>
    <row r="57415" spans="1:7" x14ac:dyDescent="0.3">
      <c r="A57415" s="13" t="s">
        <v>312</v>
      </c>
      <c r="B57415" s="14" t="s">
        <v>1</v>
      </c>
      <c r="C57415" s="14" t="s">
        <v>59</v>
      </c>
      <c r="D57415" s="14" t="s">
        <v>313</v>
      </c>
      <c r="E57415" s="15">
        <v>45486</v>
      </c>
      <c r="F57415" s="14" t="s">
        <v>25</v>
      </c>
      <c r="G57415" s="16">
        <v>5.0288426547998775E-2</v>
      </c>
    </row>
    <row r="57416" spans="1:7" x14ac:dyDescent="0.3">
      <c r="A57416" s="13" t="s">
        <v>312</v>
      </c>
      <c r="B57416" s="14" t="s">
        <v>1</v>
      </c>
      <c r="C57416" s="14" t="s">
        <v>59</v>
      </c>
      <c r="D57416" s="14" t="s">
        <v>313</v>
      </c>
      <c r="E57416" s="15">
        <v>45487</v>
      </c>
      <c r="F57416" s="14" t="s">
        <v>25</v>
      </c>
      <c r="G57416" s="16">
        <v>5.0288426547998775E-2</v>
      </c>
    </row>
    <row r="57417" spans="1:7" x14ac:dyDescent="0.3">
      <c r="A57417" s="13" t="s">
        <v>312</v>
      </c>
      <c r="B57417" s="14" t="s">
        <v>1</v>
      </c>
      <c r="C57417" s="14" t="s">
        <v>59</v>
      </c>
      <c r="D57417" s="14" t="s">
        <v>313</v>
      </c>
      <c r="E57417" s="15">
        <v>45488</v>
      </c>
      <c r="F57417" s="14" t="s">
        <v>25</v>
      </c>
      <c r="G57417" s="16">
        <v>4.8133661431505541E-2</v>
      </c>
    </row>
    <row r="57418" spans="1:7" x14ac:dyDescent="0.3">
      <c r="A57418" s="13" t="s">
        <v>312</v>
      </c>
      <c r="B57418" s="14" t="s">
        <v>1</v>
      </c>
      <c r="C57418" s="14" t="s">
        <v>59</v>
      </c>
      <c r="D57418" s="14" t="s">
        <v>313</v>
      </c>
      <c r="E57418" s="15">
        <v>45489</v>
      </c>
      <c r="F57418" s="14" t="s">
        <v>25</v>
      </c>
      <c r="G57418" s="16">
        <v>4.1249610708296275E-2</v>
      </c>
    </row>
    <row r="57419" spans="1:7" x14ac:dyDescent="0.3">
      <c r="A57419" s="13" t="s">
        <v>312</v>
      </c>
      <c r="B57419" s="14" t="s">
        <v>1</v>
      </c>
      <c r="C57419" s="14" t="s">
        <v>59</v>
      </c>
      <c r="D57419" s="14" t="s">
        <v>313</v>
      </c>
      <c r="E57419" s="15">
        <v>45490</v>
      </c>
      <c r="F57419" s="14" t="s">
        <v>25</v>
      </c>
      <c r="G57419" s="16">
        <v>3.8564974561630952E-2</v>
      </c>
    </row>
    <row r="57420" spans="1:7" x14ac:dyDescent="0.3">
      <c r="A57420" s="13" t="s">
        <v>312</v>
      </c>
      <c r="B57420" s="14" t="s">
        <v>1</v>
      </c>
      <c r="C57420" s="14" t="s">
        <v>59</v>
      </c>
      <c r="D57420" s="14" t="s">
        <v>313</v>
      </c>
      <c r="E57420" s="15">
        <v>45491</v>
      </c>
      <c r="F57420" s="14" t="s">
        <v>25</v>
      </c>
      <c r="G57420" s="16">
        <v>3.6528269669536373E-2</v>
      </c>
    </row>
    <row r="57421" spans="1:7" x14ac:dyDescent="0.3">
      <c r="A57421" s="13" t="s">
        <v>312</v>
      </c>
      <c r="B57421" s="14" t="s">
        <v>1</v>
      </c>
      <c r="C57421" s="14" t="s">
        <v>59</v>
      </c>
      <c r="D57421" s="14" t="s">
        <v>313</v>
      </c>
      <c r="E57421" s="15">
        <v>45492</v>
      </c>
      <c r="F57421" s="14" t="s">
        <v>25</v>
      </c>
      <c r="G57421" s="16">
        <v>3.4342027757251113E-2</v>
      </c>
    </row>
    <row r="57422" spans="1:7" x14ac:dyDescent="0.3">
      <c r="A57422" s="13" t="s">
        <v>312</v>
      </c>
      <c r="B57422" s="14" t="s">
        <v>1</v>
      </c>
      <c r="C57422" s="14" t="s">
        <v>59</v>
      </c>
      <c r="D57422" s="14" t="s">
        <v>313</v>
      </c>
      <c r="E57422" s="15">
        <v>45493</v>
      </c>
      <c r="F57422" s="14" t="s">
        <v>25</v>
      </c>
      <c r="G57422" s="16">
        <v>3.4342027757251113E-2</v>
      </c>
    </row>
    <row r="57423" spans="1:7" x14ac:dyDescent="0.3">
      <c r="A57423" s="13" t="s">
        <v>312</v>
      </c>
      <c r="B57423" s="14" t="s">
        <v>1</v>
      </c>
      <c r="C57423" s="14" t="s">
        <v>59</v>
      </c>
      <c r="D57423" s="14" t="s">
        <v>313</v>
      </c>
      <c r="E57423" s="15">
        <v>45494</v>
      </c>
      <c r="F57423" s="14" t="s">
        <v>25</v>
      </c>
      <c r="G57423" s="16">
        <v>3.4342027757251113E-2</v>
      </c>
    </row>
    <row r="57424" spans="1:7" x14ac:dyDescent="0.3">
      <c r="A57424" s="13" t="s">
        <v>312</v>
      </c>
      <c r="B57424" s="14" t="s">
        <v>1</v>
      </c>
      <c r="C57424" s="14" t="s">
        <v>59</v>
      </c>
      <c r="D57424" s="14" t="s">
        <v>313</v>
      </c>
      <c r="E57424" s="15">
        <v>45495</v>
      </c>
      <c r="F57424" s="14" t="s">
        <v>25</v>
      </c>
      <c r="G57424" s="16">
        <v>3.2112098570024401E-2</v>
      </c>
    </row>
    <row r="57425" spans="1:7" x14ac:dyDescent="0.3">
      <c r="A57425" s="13" t="s">
        <v>312</v>
      </c>
      <c r="B57425" s="14" t="s">
        <v>1</v>
      </c>
      <c r="C57425" s="14" t="s">
        <v>59</v>
      </c>
      <c r="D57425" s="14" t="s">
        <v>313</v>
      </c>
      <c r="E57425" s="15">
        <v>45496</v>
      </c>
      <c r="F57425" s="14" t="s">
        <v>25</v>
      </c>
      <c r="G57425" s="16">
        <v>2.5468113351592606E-2</v>
      </c>
    </row>
    <row r="57426" spans="1:7" x14ac:dyDescent="0.3">
      <c r="A57426" s="13" t="s">
        <v>312</v>
      </c>
      <c r="B57426" s="14" t="s">
        <v>1</v>
      </c>
      <c r="C57426" s="14" t="s">
        <v>59</v>
      </c>
      <c r="D57426" s="14" t="s">
        <v>313</v>
      </c>
      <c r="E57426" s="15">
        <v>45497</v>
      </c>
      <c r="F57426" s="14" t="s">
        <v>25</v>
      </c>
      <c r="G57426" s="16">
        <v>2.3081020113723771E-2</v>
      </c>
    </row>
    <row r="57427" spans="1:7" x14ac:dyDescent="0.3">
      <c r="A57427" s="13" t="s">
        <v>312</v>
      </c>
      <c r="B57427" s="14" t="s">
        <v>1</v>
      </c>
      <c r="C57427" s="14" t="s">
        <v>59</v>
      </c>
      <c r="D57427" s="14" t="s">
        <v>313</v>
      </c>
      <c r="E57427" s="15">
        <v>45498</v>
      </c>
      <c r="F57427" s="14" t="s">
        <v>25</v>
      </c>
      <c r="G57427" s="16">
        <v>2.0787510285761677E-2</v>
      </c>
    </row>
    <row r="57428" spans="1:7" x14ac:dyDescent="0.3">
      <c r="A57428" s="13" t="s">
        <v>312</v>
      </c>
      <c r="B57428" s="14" t="s">
        <v>1</v>
      </c>
      <c r="C57428" s="14" t="s">
        <v>59</v>
      </c>
      <c r="D57428" s="14" t="s">
        <v>313</v>
      </c>
      <c r="E57428" s="15">
        <v>45499</v>
      </c>
      <c r="F57428" s="14" t="s">
        <v>25</v>
      </c>
      <c r="G57428" s="16">
        <v>1.8622342924989811E-2</v>
      </c>
    </row>
    <row r="57429" spans="1:7" x14ac:dyDescent="0.3">
      <c r="A57429" s="13" t="s">
        <v>312</v>
      </c>
      <c r="B57429" s="14" t="s">
        <v>1</v>
      </c>
      <c r="C57429" s="14" t="s">
        <v>59</v>
      </c>
      <c r="D57429" s="14" t="s">
        <v>313</v>
      </c>
      <c r="E57429" s="15">
        <v>45500</v>
      </c>
      <c r="F57429" s="14" t="s">
        <v>25</v>
      </c>
      <c r="G57429" s="16">
        <v>1.8622342924989811E-2</v>
      </c>
    </row>
    <row r="57430" spans="1:7" x14ac:dyDescent="0.3">
      <c r="A57430" s="13" t="s">
        <v>312</v>
      </c>
      <c r="B57430" s="14" t="s">
        <v>1</v>
      </c>
      <c r="C57430" s="14" t="s">
        <v>59</v>
      </c>
      <c r="D57430" s="14" t="s">
        <v>313</v>
      </c>
      <c r="E57430" s="15">
        <v>45501</v>
      </c>
      <c r="F57430" s="14" t="s">
        <v>25</v>
      </c>
      <c r="G57430" s="16">
        <v>1.8622342924989811E-2</v>
      </c>
    </row>
    <row r="57431" spans="1:7" x14ac:dyDescent="0.3">
      <c r="A57431" s="13" t="s">
        <v>312</v>
      </c>
      <c r="B57431" s="14" t="s">
        <v>1</v>
      </c>
      <c r="C57431" s="14" t="s">
        <v>59</v>
      </c>
      <c r="D57431" s="14" t="s">
        <v>313</v>
      </c>
      <c r="E57431" s="15">
        <v>45502</v>
      </c>
      <c r="F57431" s="14" t="s">
        <v>25</v>
      </c>
      <c r="G57431" s="16">
        <v>2.2444952339631809E-2</v>
      </c>
    </row>
    <row r="57432" spans="1:7" x14ac:dyDescent="0.3">
      <c r="A57432" s="13" t="s">
        <v>312</v>
      </c>
      <c r="B57432" s="14" t="s">
        <v>1</v>
      </c>
      <c r="C57432" s="14" t="s">
        <v>59</v>
      </c>
      <c r="D57432" s="14" t="s">
        <v>313</v>
      </c>
      <c r="E57432" s="15">
        <v>45503</v>
      </c>
      <c r="F57432" s="14" t="s">
        <v>25</v>
      </c>
      <c r="G57432" s="16">
        <v>1.5734378322071654E-2</v>
      </c>
    </row>
    <row r="57433" spans="1:7" x14ac:dyDescent="0.3">
      <c r="A57433" s="13" t="s">
        <v>312</v>
      </c>
      <c r="B57433" s="14" t="s">
        <v>1</v>
      </c>
      <c r="C57433" s="14" t="s">
        <v>59</v>
      </c>
      <c r="D57433" s="14" t="s">
        <v>313</v>
      </c>
      <c r="E57433" s="15">
        <v>45504</v>
      </c>
      <c r="F57433" s="14" t="s">
        <v>25</v>
      </c>
      <c r="G57433" s="16">
        <v>1.3481223961248267E-2</v>
      </c>
    </row>
    <row r="57434" spans="1:7" x14ac:dyDescent="0.3">
      <c r="A57434" s="13" t="s">
        <v>312</v>
      </c>
      <c r="B57434" s="14" t="s">
        <v>1</v>
      </c>
      <c r="C57434" s="14" t="s">
        <v>59</v>
      </c>
      <c r="D57434" s="14" t="s">
        <v>313</v>
      </c>
      <c r="E57434" s="15">
        <v>45505</v>
      </c>
      <c r="F57434" s="14" t="s">
        <v>25</v>
      </c>
      <c r="G57434" s="16">
        <v>1.3481223961248267E-2</v>
      </c>
    </row>
    <row r="57435" spans="1:7" x14ac:dyDescent="0.3">
      <c r="A57435" s="13" t="s">
        <v>312</v>
      </c>
      <c r="B57435" s="14" t="s">
        <v>1</v>
      </c>
      <c r="C57435" s="14" t="s">
        <v>59</v>
      </c>
      <c r="D57435" s="14" t="s">
        <v>313</v>
      </c>
      <c r="E57435" s="15">
        <v>45506</v>
      </c>
      <c r="F57435" s="14" t="s">
        <v>25</v>
      </c>
      <c r="G57435" s="16">
        <v>1.1037741216868456E-2</v>
      </c>
    </row>
    <row r="57436" spans="1:7" x14ac:dyDescent="0.3">
      <c r="A57436" s="13" t="s">
        <v>312</v>
      </c>
      <c r="B57436" s="14" t="s">
        <v>1</v>
      </c>
      <c r="C57436" s="14" t="s">
        <v>59</v>
      </c>
      <c r="D57436" s="14" t="s">
        <v>313</v>
      </c>
      <c r="E57436" s="15">
        <v>45507</v>
      </c>
      <c r="F57436" s="14" t="s">
        <v>25</v>
      </c>
      <c r="G57436" s="16">
        <v>1.1037741216868456E-2</v>
      </c>
    </row>
    <row r="57437" spans="1:7" x14ac:dyDescent="0.3">
      <c r="A57437" s="13" t="s">
        <v>312</v>
      </c>
      <c r="B57437" s="14" t="s">
        <v>1</v>
      </c>
      <c r="C57437" s="14" t="s">
        <v>59</v>
      </c>
      <c r="D57437" s="14" t="s">
        <v>313</v>
      </c>
      <c r="E57437" s="15">
        <v>45508</v>
      </c>
      <c r="F57437" s="14" t="s">
        <v>25</v>
      </c>
      <c r="G57437" s="16">
        <v>1.1037741216868456E-2</v>
      </c>
    </row>
    <row r="57438" spans="1:7" x14ac:dyDescent="0.3">
      <c r="A57438" s="13" t="s">
        <v>312</v>
      </c>
      <c r="B57438" s="14" t="s">
        <v>1</v>
      </c>
      <c r="C57438" s="14" t="s">
        <v>59</v>
      </c>
      <c r="D57438" s="14" t="s">
        <v>313</v>
      </c>
      <c r="E57438" s="15">
        <v>45509</v>
      </c>
      <c r="F57438" s="14" t="s">
        <v>25</v>
      </c>
      <c r="G57438" s="16">
        <v>1.1037741216868456E-2</v>
      </c>
    </row>
    <row r="57439" spans="1:7" x14ac:dyDescent="0.3">
      <c r="A57439" s="13" t="s">
        <v>312</v>
      </c>
      <c r="B57439" s="14" t="s">
        <v>1</v>
      </c>
      <c r="C57439" s="14" t="s">
        <v>59</v>
      </c>
      <c r="D57439" s="14" t="s">
        <v>313</v>
      </c>
      <c r="E57439" s="15">
        <v>45510</v>
      </c>
      <c r="F57439" s="14" t="s">
        <v>25</v>
      </c>
      <c r="G57439" s="16">
        <v>7.7571407725783692E-2</v>
      </c>
    </row>
    <row r="57440" spans="1:7" x14ac:dyDescent="0.3">
      <c r="A57440" s="13" t="s">
        <v>312</v>
      </c>
      <c r="B57440" s="14" t="s">
        <v>1</v>
      </c>
      <c r="C57440" s="14" t="s">
        <v>59</v>
      </c>
      <c r="D57440" s="14" t="s">
        <v>313</v>
      </c>
      <c r="E57440" s="15">
        <v>45511</v>
      </c>
      <c r="F57440" s="14" t="s">
        <v>25</v>
      </c>
      <c r="G57440" s="16">
        <v>6.9706514059012417E-2</v>
      </c>
    </row>
    <row r="57441" spans="1:7" x14ac:dyDescent="0.3">
      <c r="A57441" s="13" t="s">
        <v>312</v>
      </c>
      <c r="B57441" s="14" t="s">
        <v>1</v>
      </c>
      <c r="C57441" s="14" t="s">
        <v>59</v>
      </c>
      <c r="D57441" s="14" t="s">
        <v>313</v>
      </c>
      <c r="E57441" s="15">
        <v>45512</v>
      </c>
      <c r="F57441" s="14" t="s">
        <v>25</v>
      </c>
      <c r="G57441" s="16">
        <v>8.454852576228486E-2</v>
      </c>
    </row>
    <row r="57442" spans="1:7" x14ac:dyDescent="0.3">
      <c r="A57442" s="13" t="s">
        <v>312</v>
      </c>
      <c r="B57442" s="14" t="s">
        <v>1</v>
      </c>
      <c r="C57442" s="14" t="s">
        <v>59</v>
      </c>
      <c r="D57442" s="14" t="s">
        <v>313</v>
      </c>
      <c r="E57442" s="15">
        <v>45513</v>
      </c>
      <c r="F57442" s="14" t="s">
        <v>25</v>
      </c>
      <c r="G57442" s="16">
        <v>8.2262851512078128E-2</v>
      </c>
    </row>
    <row r="57443" spans="1:7" x14ac:dyDescent="0.3">
      <c r="A57443" s="13" t="s">
        <v>312</v>
      </c>
      <c r="B57443" s="14" t="s">
        <v>1</v>
      </c>
      <c r="C57443" s="14" t="s">
        <v>59</v>
      </c>
      <c r="D57443" s="14" t="s">
        <v>313</v>
      </c>
      <c r="E57443" s="15">
        <v>45514</v>
      </c>
      <c r="F57443" s="14" t="s">
        <v>25</v>
      </c>
      <c r="G57443" s="16">
        <v>8.2262851512078128E-2</v>
      </c>
    </row>
    <row r="57444" spans="1:7" x14ac:dyDescent="0.3">
      <c r="A57444" s="13" t="s">
        <v>312</v>
      </c>
      <c r="B57444" s="14" t="s">
        <v>1</v>
      </c>
      <c r="C57444" s="14" t="s">
        <v>59</v>
      </c>
      <c r="D57444" s="14" t="s">
        <v>313</v>
      </c>
      <c r="E57444" s="15">
        <v>45515</v>
      </c>
      <c r="F57444" s="14" t="s">
        <v>25</v>
      </c>
      <c r="G57444" s="16">
        <v>8.2262851512078128E-2</v>
      </c>
    </row>
    <row r="57445" spans="1:7" x14ac:dyDescent="0.3">
      <c r="A57445" s="13" t="s">
        <v>312</v>
      </c>
      <c r="B57445" s="14" t="s">
        <v>1</v>
      </c>
      <c r="C57445" s="14" t="s">
        <v>59</v>
      </c>
      <c r="D57445" s="14" t="s">
        <v>313</v>
      </c>
      <c r="E57445" s="15">
        <v>45516</v>
      </c>
      <c r="F57445" s="14" t="s">
        <v>25</v>
      </c>
      <c r="G57445" s="16">
        <v>8.0085023169177108E-2</v>
      </c>
    </row>
    <row r="57446" spans="1:7" x14ac:dyDescent="0.3">
      <c r="A57446" s="13" t="s">
        <v>312</v>
      </c>
      <c r="B57446" s="14" t="s">
        <v>1</v>
      </c>
      <c r="C57446" s="14" t="s">
        <v>59</v>
      </c>
      <c r="D57446" s="14" t="s">
        <v>313</v>
      </c>
      <c r="E57446" s="15">
        <v>45517</v>
      </c>
      <c r="F57446" s="14" t="s">
        <v>25</v>
      </c>
      <c r="G57446" s="16">
        <v>7.3480313881642306E-2</v>
      </c>
    </row>
    <row r="57447" spans="1:7" x14ac:dyDescent="0.3">
      <c r="A57447" s="13" t="s">
        <v>312</v>
      </c>
      <c r="B57447" s="14" t="s">
        <v>1</v>
      </c>
      <c r="C57447" s="14" t="s">
        <v>59</v>
      </c>
      <c r="D57447" s="14" t="s">
        <v>313</v>
      </c>
      <c r="E57447" s="15">
        <v>45518</v>
      </c>
      <c r="F57447" s="14" t="s">
        <v>25</v>
      </c>
      <c r="G57447" s="16">
        <v>7.1336372399119871E-2</v>
      </c>
    </row>
    <row r="57448" spans="1:7" x14ac:dyDescent="0.3">
      <c r="A57448" s="13" t="s">
        <v>312</v>
      </c>
      <c r="B57448" s="14" t="s">
        <v>1</v>
      </c>
      <c r="C57448" s="14" t="s">
        <v>59</v>
      </c>
      <c r="D57448" s="14" t="s">
        <v>313</v>
      </c>
      <c r="E57448" s="15">
        <v>45519</v>
      </c>
      <c r="F57448" s="14" t="s">
        <v>25</v>
      </c>
      <c r="G57448" s="16">
        <v>6.9845270128753814E-2</v>
      </c>
    </row>
    <row r="57449" spans="1:7" x14ac:dyDescent="0.3">
      <c r="A57449" s="13" t="s">
        <v>312</v>
      </c>
      <c r="B57449" s="14" t="s">
        <v>1</v>
      </c>
      <c r="C57449" s="14" t="s">
        <v>59</v>
      </c>
      <c r="D57449" s="14" t="s">
        <v>313</v>
      </c>
      <c r="E57449" s="15">
        <v>45520</v>
      </c>
      <c r="F57449" s="14" t="s">
        <v>25</v>
      </c>
      <c r="G57449" s="16">
        <v>6.7098300941049113E-2</v>
      </c>
    </row>
    <row r="57450" spans="1:7" x14ac:dyDescent="0.3">
      <c r="A57450" s="13" t="s">
        <v>312</v>
      </c>
      <c r="B57450" s="14" t="s">
        <v>1</v>
      </c>
      <c r="C57450" s="14" t="s">
        <v>59</v>
      </c>
      <c r="D57450" s="14" t="s">
        <v>313</v>
      </c>
      <c r="E57450" s="15">
        <v>45521</v>
      </c>
      <c r="F57450" s="14" t="s">
        <v>25</v>
      </c>
      <c r="G57450" s="16">
        <v>6.7098300941049113E-2</v>
      </c>
    </row>
    <row r="57451" spans="1:7" x14ac:dyDescent="0.3">
      <c r="A57451" s="13" t="s">
        <v>312</v>
      </c>
      <c r="B57451" s="14" t="s">
        <v>1</v>
      </c>
      <c r="C57451" s="14" t="s">
        <v>59</v>
      </c>
      <c r="D57451" s="14" t="s">
        <v>313</v>
      </c>
      <c r="E57451" s="15">
        <v>45522</v>
      </c>
      <c r="F57451" s="14" t="s">
        <v>25</v>
      </c>
      <c r="G57451" s="16">
        <v>6.7098300941049113E-2</v>
      </c>
    </row>
    <row r="57452" spans="1:7" x14ac:dyDescent="0.3">
      <c r="A57452" s="13" t="s">
        <v>312</v>
      </c>
      <c r="B57452" s="14" t="s">
        <v>1</v>
      </c>
      <c r="C57452" s="14" t="s">
        <v>59</v>
      </c>
      <c r="D57452" s="14" t="s">
        <v>313</v>
      </c>
      <c r="E57452" s="15">
        <v>45523</v>
      </c>
      <c r="F57452" s="14" t="s">
        <v>25</v>
      </c>
      <c r="G57452" s="16">
        <v>6.4641967421242688E-2</v>
      </c>
    </row>
    <row r="57453" spans="1:7" x14ac:dyDescent="0.3">
      <c r="A57453" s="13" t="s">
        <v>312</v>
      </c>
      <c r="B57453" s="14" t="s">
        <v>1</v>
      </c>
      <c r="C57453" s="14" t="s">
        <v>59</v>
      </c>
      <c r="D57453" s="14" t="s">
        <v>313</v>
      </c>
      <c r="E57453" s="15">
        <v>45524</v>
      </c>
      <c r="F57453" s="14" t="s">
        <v>25</v>
      </c>
      <c r="G57453" s="16">
        <v>5.738980117935185E-2</v>
      </c>
    </row>
    <row r="57454" spans="1:7" x14ac:dyDescent="0.3">
      <c r="A57454" s="13" t="s">
        <v>312</v>
      </c>
      <c r="B57454" s="14" t="s">
        <v>1</v>
      </c>
      <c r="C57454" s="14" t="s">
        <v>59</v>
      </c>
      <c r="D57454" s="14" t="s">
        <v>313</v>
      </c>
      <c r="E57454" s="15">
        <v>45525</v>
      </c>
      <c r="F57454" s="14" t="s">
        <v>25</v>
      </c>
      <c r="G57454" s="16">
        <v>5.502479771396683E-2</v>
      </c>
    </row>
    <row r="57455" spans="1:7" x14ac:dyDescent="0.3">
      <c r="A57455" s="13" t="s">
        <v>312</v>
      </c>
      <c r="B57455" s="14" t="s">
        <v>1</v>
      </c>
      <c r="C57455" s="14" t="s">
        <v>59</v>
      </c>
      <c r="D57455" s="14" t="s">
        <v>313</v>
      </c>
      <c r="E57455" s="15">
        <v>45526</v>
      </c>
      <c r="F57455" s="14" t="s">
        <v>25</v>
      </c>
      <c r="G57455" s="16">
        <v>7.5704426766597901E-2</v>
      </c>
    </row>
    <row r="57456" spans="1:7" x14ac:dyDescent="0.3">
      <c r="A57456" s="13" t="s">
        <v>312</v>
      </c>
      <c r="B57456" s="14" t="s">
        <v>1</v>
      </c>
      <c r="C57456" s="14" t="s">
        <v>59</v>
      </c>
      <c r="D57456" s="14" t="s">
        <v>313</v>
      </c>
      <c r="E57456" s="15">
        <v>45527</v>
      </c>
      <c r="F57456" s="14" t="s">
        <v>25</v>
      </c>
      <c r="G57456" s="16">
        <v>7.3101858459083791E-2</v>
      </c>
    </row>
    <row r="57457" spans="1:7" x14ac:dyDescent="0.3">
      <c r="A57457" s="13" t="s">
        <v>312</v>
      </c>
      <c r="B57457" s="14" t="s">
        <v>1</v>
      </c>
      <c r="C57457" s="14" t="s">
        <v>59</v>
      </c>
      <c r="D57457" s="14" t="s">
        <v>313</v>
      </c>
      <c r="E57457" s="15">
        <v>45528</v>
      </c>
      <c r="F57457" s="14" t="s">
        <v>25</v>
      </c>
      <c r="G57457" s="16">
        <v>7.3101858459083791E-2</v>
      </c>
    </row>
    <row r="57458" spans="1:7" x14ac:dyDescent="0.3">
      <c r="A57458" s="13" t="s">
        <v>312</v>
      </c>
      <c r="B57458" s="14" t="s">
        <v>1</v>
      </c>
      <c r="C57458" s="14" t="s">
        <v>59</v>
      </c>
      <c r="D57458" s="14" t="s">
        <v>313</v>
      </c>
      <c r="E57458" s="15">
        <v>45529</v>
      </c>
      <c r="F57458" s="14" t="s">
        <v>25</v>
      </c>
      <c r="G57458" s="16">
        <v>7.3101858459083791E-2</v>
      </c>
    </row>
    <row r="57459" spans="1:7" x14ac:dyDescent="0.3">
      <c r="A57459" s="13" t="s">
        <v>312</v>
      </c>
      <c r="B57459" s="14" t="s">
        <v>1</v>
      </c>
      <c r="C57459" s="14" t="s">
        <v>59</v>
      </c>
      <c r="D57459" s="14" t="s">
        <v>313</v>
      </c>
      <c r="E57459" s="15">
        <v>45530</v>
      </c>
      <c r="F57459" s="14" t="s">
        <v>25</v>
      </c>
      <c r="G57459" s="16">
        <v>7.6217759366891374E-2</v>
      </c>
    </row>
    <row r="57460" spans="1:7" x14ac:dyDescent="0.3">
      <c r="A57460" s="13" t="s">
        <v>312</v>
      </c>
      <c r="B57460" s="14" t="s">
        <v>1</v>
      </c>
      <c r="C57460" s="14" t="s">
        <v>59</v>
      </c>
      <c r="D57460" s="14" t="s">
        <v>313</v>
      </c>
      <c r="E57460" s="15">
        <v>45531</v>
      </c>
      <c r="F57460" s="14" t="s">
        <v>25</v>
      </c>
      <c r="G57460" s="16">
        <v>6.8976894402780195E-2</v>
      </c>
    </row>
    <row r="57461" spans="1:7" x14ac:dyDescent="0.3">
      <c r="A57461" s="13" t="s">
        <v>312</v>
      </c>
      <c r="B57461" s="14" t="s">
        <v>1</v>
      </c>
      <c r="C57461" s="14" t="s">
        <v>59</v>
      </c>
      <c r="D57461" s="14" t="s">
        <v>313</v>
      </c>
      <c r="E57461" s="15">
        <v>45532</v>
      </c>
      <c r="F57461" s="14" t="s">
        <v>25</v>
      </c>
      <c r="G57461" s="16">
        <v>6.6801698644016722E-2</v>
      </c>
    </row>
    <row r="57462" spans="1:7" x14ac:dyDescent="0.3">
      <c r="A57462" s="13" t="s">
        <v>312</v>
      </c>
      <c r="B57462" s="14" t="s">
        <v>1</v>
      </c>
      <c r="C57462" s="14" t="s">
        <v>59</v>
      </c>
      <c r="D57462" s="14" t="s">
        <v>313</v>
      </c>
      <c r="E57462" s="15">
        <v>45533</v>
      </c>
      <c r="F57462" s="14" t="s">
        <v>25</v>
      </c>
      <c r="G57462" s="16">
        <v>6.4933633986485967E-2</v>
      </c>
    </row>
    <row r="57463" spans="1:7" x14ac:dyDescent="0.3">
      <c r="A57463" s="13" t="s">
        <v>312</v>
      </c>
      <c r="B57463" s="14" t="s">
        <v>1</v>
      </c>
      <c r="C57463" s="14" t="s">
        <v>59</v>
      </c>
      <c r="D57463" s="14" t="s">
        <v>313</v>
      </c>
      <c r="E57463" s="15">
        <v>45534</v>
      </c>
      <c r="F57463" s="14" t="s">
        <v>25</v>
      </c>
      <c r="G57463" s="16">
        <v>6.2861305754201596E-2</v>
      </c>
    </row>
    <row r="57464" spans="1:7" x14ac:dyDescent="0.3">
      <c r="A57464" s="13" t="s">
        <v>312</v>
      </c>
      <c r="B57464" s="14" t="s">
        <v>1</v>
      </c>
      <c r="C57464" s="14" t="s">
        <v>59</v>
      </c>
      <c r="D57464" s="14" t="s">
        <v>313</v>
      </c>
      <c r="E57464" s="15">
        <v>45535</v>
      </c>
      <c r="F57464" s="14" t="s">
        <v>25</v>
      </c>
      <c r="G57464" s="16">
        <v>6.2861305754201596E-2</v>
      </c>
    </row>
    <row r="57465" spans="1:7" x14ac:dyDescent="0.3">
      <c r="A57465" s="13" t="s">
        <v>312</v>
      </c>
      <c r="B57465" s="14" t="s">
        <v>1</v>
      </c>
      <c r="C57465" s="14" t="s">
        <v>59</v>
      </c>
      <c r="D57465" s="14" t="s">
        <v>313</v>
      </c>
      <c r="E57465" s="15">
        <v>45536</v>
      </c>
      <c r="F57465" s="14" t="s">
        <v>25</v>
      </c>
      <c r="G57465" s="16">
        <v>6.2861305754201596E-2</v>
      </c>
    </row>
    <row r="57466" spans="1:7" x14ac:dyDescent="0.3">
      <c r="A57466" s="13" t="s">
        <v>312</v>
      </c>
      <c r="B57466" s="14" t="s">
        <v>1</v>
      </c>
      <c r="C57466" s="14" t="s">
        <v>59</v>
      </c>
      <c r="D57466" s="14" t="s">
        <v>313</v>
      </c>
      <c r="E57466" s="15">
        <v>45537</v>
      </c>
      <c r="F57466" s="14" t="s">
        <v>25</v>
      </c>
      <c r="G57466" s="16">
        <v>6.0720369584375183E-2</v>
      </c>
    </row>
    <row r="57467" spans="1:7" x14ac:dyDescent="0.3">
      <c r="A57467" s="13" t="s">
        <v>312</v>
      </c>
      <c r="B57467" s="14" t="s">
        <v>1</v>
      </c>
      <c r="C57467" s="14" t="s">
        <v>59</v>
      </c>
      <c r="D57467" s="14" t="s">
        <v>313</v>
      </c>
      <c r="E57467" s="15">
        <v>45538</v>
      </c>
      <c r="F57467" s="14" t="s">
        <v>25</v>
      </c>
      <c r="G57467" s="16">
        <v>5.7407630408896307E-2</v>
      </c>
    </row>
    <row r="57468" spans="1:7" x14ac:dyDescent="0.3">
      <c r="A57468" s="13" t="s">
        <v>312</v>
      </c>
      <c r="B57468" s="14" t="s">
        <v>1</v>
      </c>
      <c r="C57468" s="14" t="s">
        <v>59</v>
      </c>
      <c r="D57468" s="14" t="s">
        <v>313</v>
      </c>
      <c r="E57468" s="15">
        <v>45539</v>
      </c>
      <c r="F57468" s="14" t="s">
        <v>25</v>
      </c>
      <c r="G57468" s="16">
        <v>5.4910020315779261E-2</v>
      </c>
    </row>
    <row r="57469" spans="1:7" x14ac:dyDescent="0.3">
      <c r="A57469" s="13" t="s">
        <v>312</v>
      </c>
      <c r="B57469" s="14" t="s">
        <v>1</v>
      </c>
      <c r="C57469" s="14" t="s">
        <v>59</v>
      </c>
      <c r="D57469" s="14" t="s">
        <v>313</v>
      </c>
      <c r="E57469" s="15">
        <v>45540</v>
      </c>
      <c r="F57469" s="14" t="s">
        <v>25</v>
      </c>
      <c r="G57469" s="16">
        <v>5.2535730747746145E-2</v>
      </c>
    </row>
    <row r="57470" spans="1:7" x14ac:dyDescent="0.3">
      <c r="A57470" s="13" t="s">
        <v>312</v>
      </c>
      <c r="B57470" s="14" t="s">
        <v>1</v>
      </c>
      <c r="C57470" s="14" t="s">
        <v>59</v>
      </c>
      <c r="D57470" s="14" t="s">
        <v>313</v>
      </c>
      <c r="E57470" s="15">
        <v>45541</v>
      </c>
      <c r="F57470" s="14" t="s">
        <v>25</v>
      </c>
      <c r="G57470" s="16">
        <v>5.0245599711912572E-2</v>
      </c>
    </row>
    <row r="57471" spans="1:7" x14ac:dyDescent="0.3">
      <c r="A57471" s="13" t="s">
        <v>312</v>
      </c>
      <c r="B57471" s="14" t="s">
        <v>1</v>
      </c>
      <c r="C57471" s="14" t="s">
        <v>59</v>
      </c>
      <c r="D57471" s="14" t="s">
        <v>313</v>
      </c>
      <c r="E57471" s="15">
        <v>45542</v>
      </c>
      <c r="F57471" s="14" t="s">
        <v>25</v>
      </c>
      <c r="G57471" s="16">
        <v>5.0245599711912572E-2</v>
      </c>
    </row>
    <row r="57472" spans="1:7" x14ac:dyDescent="0.3">
      <c r="A57472" s="13" t="s">
        <v>312</v>
      </c>
      <c r="B57472" s="14" t="s">
        <v>1</v>
      </c>
      <c r="C57472" s="14" t="s">
        <v>59</v>
      </c>
      <c r="D57472" s="14" t="s">
        <v>313</v>
      </c>
      <c r="E57472" s="15">
        <v>45543</v>
      </c>
      <c r="F57472" s="14" t="s">
        <v>25</v>
      </c>
      <c r="G57472" s="16">
        <v>5.0245599711912572E-2</v>
      </c>
    </row>
    <row r="57473" spans="1:7" x14ac:dyDescent="0.3">
      <c r="A57473" s="13" t="s">
        <v>312</v>
      </c>
      <c r="B57473" s="14" t="s">
        <v>1</v>
      </c>
      <c r="C57473" s="14" t="s">
        <v>59</v>
      </c>
      <c r="D57473" s="14" t="s">
        <v>313</v>
      </c>
      <c r="E57473" s="15">
        <v>45544</v>
      </c>
      <c r="F57473" s="14" t="s">
        <v>25</v>
      </c>
      <c r="G57473" s="16">
        <v>4.8410027920648149E-2</v>
      </c>
    </row>
    <row r="57474" spans="1:7" x14ac:dyDescent="0.3">
      <c r="A57474" s="13" t="s">
        <v>312</v>
      </c>
      <c r="B57474" s="14" t="s">
        <v>1</v>
      </c>
      <c r="C57474" s="14" t="s">
        <v>59</v>
      </c>
      <c r="D57474" s="14" t="s">
        <v>313</v>
      </c>
      <c r="E57474" s="15">
        <v>45545</v>
      </c>
      <c r="F57474" s="14" t="s">
        <v>25</v>
      </c>
      <c r="G57474" s="16">
        <v>4.1586674929234374E-2</v>
      </c>
    </row>
    <row r="57475" spans="1:7" x14ac:dyDescent="0.3">
      <c r="A57475" s="13" t="s">
        <v>312</v>
      </c>
      <c r="B57475" s="14" t="s">
        <v>1</v>
      </c>
      <c r="C57475" s="14" t="s">
        <v>59</v>
      </c>
      <c r="D57475" s="14" t="s">
        <v>313</v>
      </c>
      <c r="E57475" s="15">
        <v>45546</v>
      </c>
      <c r="F57475" s="14" t="s">
        <v>25</v>
      </c>
      <c r="G57475" s="16">
        <v>3.9616422290096535E-2</v>
      </c>
    </row>
    <row r="57476" spans="1:7" x14ac:dyDescent="0.3">
      <c r="A57476" s="13" t="s">
        <v>312</v>
      </c>
      <c r="B57476" s="14" t="s">
        <v>1</v>
      </c>
      <c r="C57476" s="14" t="s">
        <v>59</v>
      </c>
      <c r="D57476" s="14" t="s">
        <v>313</v>
      </c>
      <c r="E57476" s="15">
        <v>45547</v>
      </c>
      <c r="F57476" s="14" t="s">
        <v>25</v>
      </c>
      <c r="G57476" s="16">
        <v>3.7342388991284441E-2</v>
      </c>
    </row>
    <row r="57477" spans="1:7" x14ac:dyDescent="0.3">
      <c r="A57477" s="13" t="s">
        <v>312</v>
      </c>
      <c r="B57477" s="14" t="s">
        <v>1</v>
      </c>
      <c r="C57477" s="14" t="s">
        <v>59</v>
      </c>
      <c r="D57477" s="14" t="s">
        <v>313</v>
      </c>
      <c r="E57477" s="15">
        <v>45548</v>
      </c>
      <c r="F57477" s="14" t="s">
        <v>25</v>
      </c>
      <c r="G57477" s="16">
        <v>7.6539411439918173E-2</v>
      </c>
    </row>
    <row r="57478" spans="1:7" x14ac:dyDescent="0.3">
      <c r="A57478" s="13" t="s">
        <v>312</v>
      </c>
      <c r="B57478" s="14" t="s">
        <v>1</v>
      </c>
      <c r="C57478" s="14" t="s">
        <v>59</v>
      </c>
      <c r="D57478" s="14" t="s">
        <v>313</v>
      </c>
      <c r="E57478" s="15">
        <v>45549</v>
      </c>
      <c r="F57478" s="14" t="s">
        <v>25</v>
      </c>
      <c r="G57478" s="16">
        <v>7.6539411439918173E-2</v>
      </c>
    </row>
    <row r="57479" spans="1:7" x14ac:dyDescent="0.3">
      <c r="A57479" s="13" t="s">
        <v>312</v>
      </c>
      <c r="B57479" s="14" t="s">
        <v>1</v>
      </c>
      <c r="C57479" s="14" t="s">
        <v>59</v>
      </c>
      <c r="D57479" s="14" t="s">
        <v>313</v>
      </c>
      <c r="E57479" s="15">
        <v>45550</v>
      </c>
      <c r="F57479" s="14" t="s">
        <v>25</v>
      </c>
      <c r="G57479" s="16">
        <v>7.6539411439918173E-2</v>
      </c>
    </row>
    <row r="57480" spans="1:7" x14ac:dyDescent="0.3">
      <c r="A57480" s="13" t="s">
        <v>312</v>
      </c>
      <c r="B57480" s="14" t="s">
        <v>1</v>
      </c>
      <c r="C57480" s="14" t="s">
        <v>59</v>
      </c>
      <c r="D57480" s="14" t="s">
        <v>313</v>
      </c>
      <c r="E57480" s="15">
        <v>45551</v>
      </c>
      <c r="F57480" s="14" t="s">
        <v>25</v>
      </c>
      <c r="G57480" s="16">
        <v>7.3940296497958996E-2</v>
      </c>
    </row>
    <row r="57481" spans="1:7" x14ac:dyDescent="0.3">
      <c r="A57481" s="13" t="s">
        <v>312</v>
      </c>
      <c r="B57481" s="14" t="s">
        <v>1</v>
      </c>
      <c r="C57481" s="14" t="s">
        <v>59</v>
      </c>
      <c r="D57481" s="14" t="s">
        <v>313</v>
      </c>
      <c r="E57481" s="15">
        <v>45552</v>
      </c>
      <c r="F57481" s="14" t="s">
        <v>25</v>
      </c>
      <c r="G57481" s="16">
        <v>6.7368124543286972E-2</v>
      </c>
    </row>
    <row r="57482" spans="1:7" x14ac:dyDescent="0.3">
      <c r="A57482" s="13" t="s">
        <v>312</v>
      </c>
      <c r="B57482" s="14" t="s">
        <v>1</v>
      </c>
      <c r="C57482" s="14" t="s">
        <v>59</v>
      </c>
      <c r="D57482" s="14" t="s">
        <v>313</v>
      </c>
      <c r="E57482" s="15">
        <v>45553</v>
      </c>
      <c r="F57482" s="14" t="s">
        <v>25</v>
      </c>
      <c r="G57482" s="16">
        <v>6.5034567369179383E-2</v>
      </c>
    </row>
    <row r="57483" spans="1:7" x14ac:dyDescent="0.3">
      <c r="A57483" s="13" t="s">
        <v>312</v>
      </c>
      <c r="B57483" s="14" t="s">
        <v>1</v>
      </c>
      <c r="C57483" s="14" t="s">
        <v>59</v>
      </c>
      <c r="D57483" s="14" t="s">
        <v>313</v>
      </c>
      <c r="E57483" s="15">
        <v>45554</v>
      </c>
      <c r="F57483" s="14" t="s">
        <v>25</v>
      </c>
      <c r="G57483" s="16">
        <v>6.2883857952662617E-2</v>
      </c>
    </row>
    <row r="57484" spans="1:7" x14ac:dyDescent="0.3">
      <c r="A57484" s="13" t="s">
        <v>312</v>
      </c>
      <c r="B57484" s="14" t="s">
        <v>1</v>
      </c>
      <c r="C57484" s="14" t="s">
        <v>59</v>
      </c>
      <c r="D57484" s="14" t="s">
        <v>313</v>
      </c>
      <c r="E57484" s="15">
        <v>45555</v>
      </c>
      <c r="F57484" s="14" t="s">
        <v>25</v>
      </c>
      <c r="G57484" s="16">
        <v>6.0798932542340554E-2</v>
      </c>
    </row>
    <row r="57485" spans="1:7" x14ac:dyDescent="0.3">
      <c r="A57485" s="13" t="s">
        <v>312</v>
      </c>
      <c r="B57485" s="14" t="s">
        <v>1</v>
      </c>
      <c r="C57485" s="14" t="s">
        <v>59</v>
      </c>
      <c r="D57485" s="14" t="s">
        <v>313</v>
      </c>
      <c r="E57485" s="15">
        <v>45556</v>
      </c>
      <c r="F57485" s="14" t="s">
        <v>25</v>
      </c>
      <c r="G57485" s="16">
        <v>6.0798932542340554E-2</v>
      </c>
    </row>
    <row r="57486" spans="1:7" x14ac:dyDescent="0.3">
      <c r="A57486" s="13" t="s">
        <v>312</v>
      </c>
      <c r="B57486" s="14" t="s">
        <v>1</v>
      </c>
      <c r="C57486" s="14" t="s">
        <v>59</v>
      </c>
      <c r="D57486" s="14" t="s">
        <v>313</v>
      </c>
      <c r="E57486" s="15">
        <v>45557</v>
      </c>
      <c r="F57486" s="14" t="s">
        <v>25</v>
      </c>
      <c r="G57486" s="16">
        <v>6.0798932542340554E-2</v>
      </c>
    </row>
    <row r="57487" spans="1:7" x14ac:dyDescent="0.3">
      <c r="A57487" s="13" t="s">
        <v>312</v>
      </c>
      <c r="B57487" s="14" t="s">
        <v>1</v>
      </c>
      <c r="C57487" s="14" t="s">
        <v>59</v>
      </c>
      <c r="D57487" s="14" t="s">
        <v>313</v>
      </c>
      <c r="E57487" s="15">
        <v>45558</v>
      </c>
      <c r="F57487" s="14" t="s">
        <v>25</v>
      </c>
      <c r="G57487" s="16">
        <v>5.8347524155039923E-2</v>
      </c>
    </row>
    <row r="57488" spans="1:7" x14ac:dyDescent="0.3">
      <c r="A57488" s="13" t="s">
        <v>312</v>
      </c>
      <c r="B57488" s="14" t="s">
        <v>1</v>
      </c>
      <c r="C57488" s="14" t="s">
        <v>59</v>
      </c>
      <c r="D57488" s="14" t="s">
        <v>313</v>
      </c>
      <c r="E57488" s="15">
        <v>45559</v>
      </c>
      <c r="F57488" s="14" t="s">
        <v>25</v>
      </c>
      <c r="G57488" s="16">
        <v>5.1306538268446958E-2</v>
      </c>
    </row>
    <row r="57489" spans="1:7" x14ac:dyDescent="0.3">
      <c r="A57489" s="13" t="s">
        <v>312</v>
      </c>
      <c r="B57489" s="14" t="s">
        <v>1</v>
      </c>
      <c r="C57489" s="14" t="s">
        <v>59</v>
      </c>
      <c r="D57489" s="14" t="s">
        <v>313</v>
      </c>
      <c r="E57489" s="15">
        <v>45560</v>
      </c>
      <c r="F57489" s="14" t="s">
        <v>25</v>
      </c>
      <c r="G57489" s="16">
        <v>4.9455845714465041E-2</v>
      </c>
    </row>
    <row r="57490" spans="1:7" x14ac:dyDescent="0.3">
      <c r="A57490" s="13" t="s">
        <v>312</v>
      </c>
      <c r="B57490" s="14" t="s">
        <v>1</v>
      </c>
      <c r="C57490" s="14" t="s">
        <v>59</v>
      </c>
      <c r="D57490" s="14" t="s">
        <v>313</v>
      </c>
      <c r="E57490" s="15">
        <v>45561</v>
      </c>
      <c r="F57490" s="14" t="s">
        <v>25</v>
      </c>
      <c r="G57490" s="16">
        <v>4.8006385843829387E-2</v>
      </c>
    </row>
    <row r="57491" spans="1:7" x14ac:dyDescent="0.3">
      <c r="A57491" s="13" t="s">
        <v>312</v>
      </c>
      <c r="B57491" s="14" t="s">
        <v>1</v>
      </c>
      <c r="C57491" s="14" t="s">
        <v>59</v>
      </c>
      <c r="D57491" s="14" t="s">
        <v>313</v>
      </c>
      <c r="E57491" s="15">
        <v>45562</v>
      </c>
      <c r="F57491" s="14" t="s">
        <v>25</v>
      </c>
      <c r="G57491" s="16">
        <v>4.5535294204469015E-2</v>
      </c>
    </row>
    <row r="57492" spans="1:7" x14ac:dyDescent="0.3">
      <c r="A57492" s="13" t="s">
        <v>312</v>
      </c>
      <c r="B57492" s="14" t="s">
        <v>1</v>
      </c>
      <c r="C57492" s="14" t="s">
        <v>59</v>
      </c>
      <c r="D57492" s="14" t="s">
        <v>313</v>
      </c>
      <c r="E57492" s="15">
        <v>45563</v>
      </c>
      <c r="F57492" s="14" t="s">
        <v>25</v>
      </c>
      <c r="G57492" s="16">
        <v>4.5535294204469015E-2</v>
      </c>
    </row>
    <row r="57493" spans="1:7" x14ac:dyDescent="0.3">
      <c r="A57493" s="13" t="s">
        <v>312</v>
      </c>
      <c r="B57493" s="14" t="s">
        <v>1</v>
      </c>
      <c r="C57493" s="14" t="s">
        <v>59</v>
      </c>
      <c r="D57493" s="14" t="s">
        <v>313</v>
      </c>
      <c r="E57493" s="15">
        <v>45564</v>
      </c>
      <c r="F57493" s="14" t="s">
        <v>25</v>
      </c>
      <c r="G57493" s="16">
        <v>4.5535294204469015E-2</v>
      </c>
    </row>
    <row r="57494" spans="1:7" x14ac:dyDescent="0.3">
      <c r="A57494" s="13" t="s">
        <v>312</v>
      </c>
      <c r="B57494" s="14" t="s">
        <v>1</v>
      </c>
      <c r="C57494" s="14" t="s">
        <v>59</v>
      </c>
      <c r="D57494" s="14" t="s">
        <v>313</v>
      </c>
      <c r="E57494" s="15">
        <v>45565</v>
      </c>
      <c r="F57494" s="14" t="s">
        <v>25</v>
      </c>
      <c r="G57494" s="16">
        <v>4.3536671091359926E-2</v>
      </c>
    </row>
    <row r="57495" spans="1:7" x14ac:dyDescent="0.3">
      <c r="A57495" s="13" t="s">
        <v>312</v>
      </c>
      <c r="B57495" s="14" t="s">
        <v>1</v>
      </c>
      <c r="C57495" s="14" t="s">
        <v>59</v>
      </c>
      <c r="D57495" s="14" t="s">
        <v>313</v>
      </c>
      <c r="E57495" s="15">
        <v>45566</v>
      </c>
      <c r="F57495" s="14" t="s">
        <v>25</v>
      </c>
      <c r="G57495" s="16">
        <v>3.6688440468554358E-2</v>
      </c>
    </row>
    <row r="57496" spans="1:7" x14ac:dyDescent="0.3">
      <c r="A57496" s="13" t="s">
        <v>312</v>
      </c>
      <c r="B57496" s="14" t="s">
        <v>1</v>
      </c>
      <c r="C57496" s="14" t="s">
        <v>59</v>
      </c>
      <c r="D57496" s="14" t="s">
        <v>313</v>
      </c>
      <c r="E57496" s="15">
        <v>45567</v>
      </c>
      <c r="F57496" s="14" t="s">
        <v>25</v>
      </c>
      <c r="G57496" s="16">
        <v>3.8606031517713128E-2</v>
      </c>
    </row>
    <row r="57497" spans="1:7" x14ac:dyDescent="0.3">
      <c r="A57497" s="13" t="s">
        <v>312</v>
      </c>
      <c r="B57497" s="14" t="s">
        <v>1</v>
      </c>
      <c r="C57497" s="14" t="s">
        <v>59</v>
      </c>
      <c r="D57497" s="14" t="s">
        <v>313</v>
      </c>
      <c r="E57497" s="15">
        <v>45568</v>
      </c>
      <c r="F57497" s="14" t="s">
        <v>25</v>
      </c>
      <c r="G57497" s="16">
        <v>3.6462054690559888E-2</v>
      </c>
    </row>
    <row r="57498" spans="1:7" x14ac:dyDescent="0.3">
      <c r="A57498" s="13" t="s">
        <v>312</v>
      </c>
      <c r="B57498" s="14" t="s">
        <v>1</v>
      </c>
      <c r="C57498" s="14" t="s">
        <v>59</v>
      </c>
      <c r="D57498" s="14" t="s">
        <v>313</v>
      </c>
      <c r="E57498" s="15">
        <v>45569</v>
      </c>
      <c r="F57498" s="14" t="s">
        <v>25</v>
      </c>
      <c r="G57498" s="16">
        <v>3.4396091822132012E-2</v>
      </c>
    </row>
    <row r="57499" spans="1:7" x14ac:dyDescent="0.3">
      <c r="A57499" s="13" t="s">
        <v>312</v>
      </c>
      <c r="B57499" s="14" t="s">
        <v>1</v>
      </c>
      <c r="C57499" s="14" t="s">
        <v>59</v>
      </c>
      <c r="D57499" s="14" t="s">
        <v>313</v>
      </c>
      <c r="E57499" s="15">
        <v>45570</v>
      </c>
      <c r="F57499" s="14" t="s">
        <v>25</v>
      </c>
      <c r="G57499" s="16">
        <v>3.4396091822132012E-2</v>
      </c>
    </row>
    <row r="57500" spans="1:7" x14ac:dyDescent="0.3">
      <c r="A57500" s="13" t="s">
        <v>312</v>
      </c>
      <c r="B57500" s="14" t="s">
        <v>1</v>
      </c>
      <c r="C57500" s="14" t="s">
        <v>59</v>
      </c>
      <c r="D57500" s="14" t="s">
        <v>313</v>
      </c>
      <c r="E57500" s="15">
        <v>45571</v>
      </c>
      <c r="F57500" s="14" t="s">
        <v>25</v>
      </c>
      <c r="G57500" s="16">
        <v>3.4396091822132012E-2</v>
      </c>
    </row>
    <row r="57501" spans="1:7" x14ac:dyDescent="0.3">
      <c r="A57501" s="13" t="s">
        <v>312</v>
      </c>
      <c r="B57501" s="14" t="s">
        <v>1</v>
      </c>
      <c r="C57501" s="14" t="s">
        <v>59</v>
      </c>
      <c r="D57501" s="14" t="s">
        <v>313</v>
      </c>
      <c r="E57501" s="15">
        <v>45572</v>
      </c>
      <c r="F57501" s="14" t="s">
        <v>25</v>
      </c>
      <c r="G57501" s="16">
        <v>3.1994345295090466E-2</v>
      </c>
    </row>
    <row r="57502" spans="1:7" x14ac:dyDescent="0.3">
      <c r="A57502" s="13" t="s">
        <v>312</v>
      </c>
      <c r="B57502" s="14" t="s">
        <v>1</v>
      </c>
      <c r="C57502" s="14" t="s">
        <v>59</v>
      </c>
      <c r="D57502" s="14" t="s">
        <v>313</v>
      </c>
      <c r="E57502" s="15">
        <v>45573</v>
      </c>
      <c r="F57502" s="14" t="s">
        <v>25</v>
      </c>
      <c r="G57502" s="16">
        <v>2.5292951517463521E-2</v>
      </c>
    </row>
    <row r="57503" spans="1:7" x14ac:dyDescent="0.3">
      <c r="A57503" s="13" t="s">
        <v>312</v>
      </c>
      <c r="B57503" s="14" t="s">
        <v>1</v>
      </c>
      <c r="C57503" s="14" t="s">
        <v>59</v>
      </c>
      <c r="D57503" s="14" t="s">
        <v>313</v>
      </c>
      <c r="E57503" s="15">
        <v>45574</v>
      </c>
      <c r="F57503" s="14" t="s">
        <v>25</v>
      </c>
      <c r="G57503" s="16">
        <v>3.5483607904779044E-2</v>
      </c>
    </row>
    <row r="57504" spans="1:7" x14ac:dyDescent="0.3">
      <c r="A57504" s="13" t="s">
        <v>312</v>
      </c>
      <c r="B57504" s="14" t="s">
        <v>1</v>
      </c>
      <c r="C57504" s="14" t="s">
        <v>59</v>
      </c>
      <c r="D57504" s="14" t="s">
        <v>313</v>
      </c>
      <c r="E57504" s="15">
        <v>45575</v>
      </c>
      <c r="F57504" s="14" t="s">
        <v>25</v>
      </c>
      <c r="G57504" s="16">
        <v>3.3042260251235231E-2</v>
      </c>
    </row>
    <row r="57505" spans="1:7" x14ac:dyDescent="0.3">
      <c r="A57505" s="13" t="s">
        <v>312</v>
      </c>
      <c r="B57505" s="14" t="s">
        <v>1</v>
      </c>
      <c r="C57505" s="14" t="s">
        <v>59</v>
      </c>
      <c r="D57505" s="14" t="s">
        <v>313</v>
      </c>
      <c r="E57505" s="15">
        <v>45576</v>
      </c>
      <c r="F57505" s="14" t="s">
        <v>25</v>
      </c>
      <c r="G57505" s="16">
        <v>3.0814711991668471E-2</v>
      </c>
    </row>
    <row r="57506" spans="1:7" x14ac:dyDescent="0.3">
      <c r="A57506" s="13" t="s">
        <v>312</v>
      </c>
      <c r="B57506" s="14" t="s">
        <v>1</v>
      </c>
      <c r="C57506" s="14" t="s">
        <v>59</v>
      </c>
      <c r="D57506" s="14" t="s">
        <v>313</v>
      </c>
      <c r="E57506" s="15">
        <v>45577</v>
      </c>
      <c r="F57506" s="14" t="s">
        <v>25</v>
      </c>
      <c r="G57506" s="16">
        <v>3.0814711991668471E-2</v>
      </c>
    </row>
    <row r="57507" spans="1:7" x14ac:dyDescent="0.3">
      <c r="A57507" s="13" t="s">
        <v>312</v>
      </c>
      <c r="B57507" s="14" t="s">
        <v>1</v>
      </c>
      <c r="C57507" s="14" t="s">
        <v>59</v>
      </c>
      <c r="D57507" s="14" t="s">
        <v>313</v>
      </c>
      <c r="E57507" s="15">
        <v>45578</v>
      </c>
      <c r="F57507" s="14" t="s">
        <v>25</v>
      </c>
      <c r="G57507" s="16">
        <v>3.0814711991668471E-2</v>
      </c>
    </row>
    <row r="57508" spans="1:7" x14ac:dyDescent="0.3">
      <c r="A57508" s="13" t="s">
        <v>312</v>
      </c>
      <c r="B57508" s="14" t="s">
        <v>1</v>
      </c>
      <c r="C57508" s="14" t="s">
        <v>59</v>
      </c>
      <c r="D57508" s="14" t="s">
        <v>313</v>
      </c>
      <c r="E57508" s="15">
        <v>45579</v>
      </c>
      <c r="F57508" s="14" t="s">
        <v>25</v>
      </c>
      <c r="G57508" s="16">
        <v>2.8726085710120714E-2</v>
      </c>
    </row>
    <row r="57509" spans="1:7" x14ac:dyDescent="0.3">
      <c r="A57509" s="13" t="s">
        <v>312</v>
      </c>
      <c r="B57509" s="14" t="s">
        <v>1</v>
      </c>
      <c r="C57509" s="14" t="s">
        <v>59</v>
      </c>
      <c r="D57509" s="14" t="s">
        <v>313</v>
      </c>
      <c r="E57509" s="15">
        <v>45580</v>
      </c>
      <c r="F57509" s="14" t="s">
        <v>25</v>
      </c>
      <c r="G57509" s="16">
        <v>2.1805560195826818E-2</v>
      </c>
    </row>
    <row r="57510" spans="1:7" x14ac:dyDescent="0.3">
      <c r="A57510" s="13" t="s">
        <v>312</v>
      </c>
      <c r="B57510" s="14" t="s">
        <v>1</v>
      </c>
      <c r="C57510" s="14" t="s">
        <v>59</v>
      </c>
      <c r="D57510" s="14" t="s">
        <v>313</v>
      </c>
      <c r="E57510" s="15">
        <v>45581</v>
      </c>
      <c r="F57510" s="14" t="s">
        <v>25</v>
      </c>
      <c r="G57510" s="16">
        <v>1.9616523037773347E-2</v>
      </c>
    </row>
    <row r="57511" spans="1:7" x14ac:dyDescent="0.3">
      <c r="A57511" s="13" t="s">
        <v>312</v>
      </c>
      <c r="B57511" s="14" t="s">
        <v>1</v>
      </c>
      <c r="C57511" s="14" t="s">
        <v>59</v>
      </c>
      <c r="D57511" s="14" t="s">
        <v>313</v>
      </c>
      <c r="E57511" s="15">
        <v>45582</v>
      </c>
      <c r="F57511" s="14" t="s">
        <v>25</v>
      </c>
      <c r="G57511" s="16">
        <v>1.7327819991261789E-2</v>
      </c>
    </row>
    <row r="57512" spans="1:7" x14ac:dyDescent="0.3">
      <c r="A57512" s="13" t="s">
        <v>312</v>
      </c>
      <c r="B57512" s="14" t="s">
        <v>1</v>
      </c>
      <c r="C57512" s="14" t="s">
        <v>59</v>
      </c>
      <c r="D57512" s="14" t="s">
        <v>313</v>
      </c>
      <c r="E57512" s="15">
        <v>45583</v>
      </c>
      <c r="F57512" s="14" t="s">
        <v>25</v>
      </c>
      <c r="G57512" s="16">
        <v>1.5024444089577973E-2</v>
      </c>
    </row>
    <row r="57513" spans="1:7" x14ac:dyDescent="0.3">
      <c r="A57513" s="13" t="s">
        <v>312</v>
      </c>
      <c r="B57513" s="14" t="s">
        <v>1</v>
      </c>
      <c r="C57513" s="14" t="s">
        <v>59</v>
      </c>
      <c r="D57513" s="14" t="s">
        <v>313</v>
      </c>
      <c r="E57513" s="15">
        <v>45584</v>
      </c>
      <c r="F57513" s="14" t="s">
        <v>25</v>
      </c>
      <c r="G57513" s="16">
        <v>1.5024444089577973E-2</v>
      </c>
    </row>
    <row r="57514" spans="1:7" x14ac:dyDescent="0.3">
      <c r="A57514" s="13" t="s">
        <v>312</v>
      </c>
      <c r="B57514" s="14" t="s">
        <v>1</v>
      </c>
      <c r="C57514" s="14" t="s">
        <v>59</v>
      </c>
      <c r="D57514" s="14" t="s">
        <v>313</v>
      </c>
      <c r="E57514" s="15">
        <v>45585</v>
      </c>
      <c r="F57514" s="14" t="s">
        <v>25</v>
      </c>
      <c r="G57514" s="16">
        <v>1.5024444089577973E-2</v>
      </c>
    </row>
    <row r="57515" spans="1:7" x14ac:dyDescent="0.3">
      <c r="A57515" s="13" t="s">
        <v>312</v>
      </c>
      <c r="B57515" s="14" t="s">
        <v>1</v>
      </c>
      <c r="C57515" s="14" t="s">
        <v>59</v>
      </c>
      <c r="D57515" s="14" t="s">
        <v>313</v>
      </c>
      <c r="E57515" s="15">
        <v>45586</v>
      </c>
      <c r="F57515" s="14" t="s">
        <v>25</v>
      </c>
      <c r="G57515" s="16">
        <v>1.2761712714134345E-2</v>
      </c>
    </row>
    <row r="57516" spans="1:7" x14ac:dyDescent="0.3">
      <c r="A57516" s="13" t="s">
        <v>312</v>
      </c>
      <c r="B57516" s="14" t="s">
        <v>1</v>
      </c>
      <c r="C57516" s="14" t="s">
        <v>59</v>
      </c>
      <c r="D57516" s="14" t="s">
        <v>313</v>
      </c>
      <c r="E57516" s="15">
        <v>45587</v>
      </c>
      <c r="F57516" s="14" t="s">
        <v>25</v>
      </c>
      <c r="G57516" s="16">
        <v>5.8655832649116236E-3</v>
      </c>
    </row>
    <row r="57517" spans="1:7" x14ac:dyDescent="0.3">
      <c r="A57517" s="13" t="s">
        <v>312</v>
      </c>
      <c r="B57517" s="14" t="s">
        <v>1</v>
      </c>
      <c r="C57517" s="14" t="s">
        <v>59</v>
      </c>
      <c r="D57517" s="14" t="s">
        <v>313</v>
      </c>
      <c r="E57517" s="15">
        <v>45588</v>
      </c>
      <c r="F57517" s="14" t="s">
        <v>25</v>
      </c>
      <c r="G57517" s="16">
        <v>3.5934405742304941E-3</v>
      </c>
    </row>
    <row r="57518" spans="1:7" x14ac:dyDescent="0.3">
      <c r="A57518" s="13" t="s">
        <v>312</v>
      </c>
      <c r="B57518" s="14" t="s">
        <v>1</v>
      </c>
      <c r="C57518" s="14" t="s">
        <v>59</v>
      </c>
      <c r="D57518" s="14" t="s">
        <v>313</v>
      </c>
      <c r="E57518" s="15">
        <v>45589</v>
      </c>
      <c r="F57518" s="14" t="s">
        <v>25</v>
      </c>
      <c r="G57518" s="16">
        <v>1.3219095134206272E-3</v>
      </c>
    </row>
    <row r="57519" spans="1:7" x14ac:dyDescent="0.3">
      <c r="A57519" s="13" t="s">
        <v>312</v>
      </c>
      <c r="B57519" s="14" t="s">
        <v>1</v>
      </c>
      <c r="C57519" s="14" t="s">
        <v>59</v>
      </c>
      <c r="D57519" s="14" t="s">
        <v>313</v>
      </c>
      <c r="E57519" s="15">
        <v>45590</v>
      </c>
      <c r="F57519" s="14" t="s">
        <v>25</v>
      </c>
      <c r="G57519" s="16">
        <v>0</v>
      </c>
    </row>
    <row r="57520" spans="1:7" x14ac:dyDescent="0.3">
      <c r="A57520" s="13" t="s">
        <v>312</v>
      </c>
      <c r="B57520" s="14" t="s">
        <v>1</v>
      </c>
      <c r="C57520" s="14" t="s">
        <v>59</v>
      </c>
      <c r="D57520" s="14" t="s">
        <v>313</v>
      </c>
      <c r="E57520" s="15">
        <v>45591</v>
      </c>
      <c r="F57520" s="14" t="s">
        <v>25</v>
      </c>
      <c r="G57520" s="16">
        <v>0</v>
      </c>
    </row>
    <row r="57521" spans="1:7" x14ac:dyDescent="0.3">
      <c r="A57521" s="13" t="s">
        <v>312</v>
      </c>
      <c r="B57521" s="14" t="s">
        <v>1</v>
      </c>
      <c r="C57521" s="14" t="s">
        <v>59</v>
      </c>
      <c r="D57521" s="14" t="s">
        <v>313</v>
      </c>
      <c r="E57521" s="15">
        <v>45592</v>
      </c>
      <c r="F57521" s="14" t="s">
        <v>25</v>
      </c>
      <c r="G57521" s="16">
        <v>0</v>
      </c>
    </row>
    <row r="57522" spans="1:7" x14ac:dyDescent="0.3">
      <c r="A57522" s="13" t="s">
        <v>312</v>
      </c>
      <c r="B57522" s="14" t="s">
        <v>1</v>
      </c>
      <c r="C57522" s="14" t="s">
        <v>59</v>
      </c>
      <c r="D57522" s="14" t="s">
        <v>313</v>
      </c>
      <c r="E57522" s="15">
        <v>45593</v>
      </c>
      <c r="F57522" s="14" t="s">
        <v>25</v>
      </c>
      <c r="G57522" s="16">
        <v>0</v>
      </c>
    </row>
    <row r="57523" spans="1:7" x14ac:dyDescent="0.3">
      <c r="A57523" s="13" t="s">
        <v>312</v>
      </c>
      <c r="B57523" s="14" t="s">
        <v>1</v>
      </c>
      <c r="C57523" s="14" t="s">
        <v>59</v>
      </c>
      <c r="D57523" s="14" t="s">
        <v>313</v>
      </c>
      <c r="E57523" s="15">
        <v>45594</v>
      </c>
      <c r="F57523" s="14" t="s">
        <v>25</v>
      </c>
      <c r="G57523" s="16">
        <v>0</v>
      </c>
    </row>
    <row r="57524" spans="1:7" x14ac:dyDescent="0.3">
      <c r="A57524" s="13" t="s">
        <v>312</v>
      </c>
      <c r="B57524" s="14" t="s">
        <v>1</v>
      </c>
      <c r="C57524" s="14" t="s">
        <v>59</v>
      </c>
      <c r="D57524" s="14" t="s">
        <v>313</v>
      </c>
      <c r="E57524" s="15">
        <v>45595</v>
      </c>
      <c r="F57524" s="14" t="s">
        <v>25</v>
      </c>
      <c r="G57524" s="16">
        <v>0</v>
      </c>
    </row>
    <row r="57525" spans="1:7" x14ac:dyDescent="0.3">
      <c r="A57525" s="13" t="s">
        <v>312</v>
      </c>
      <c r="B57525" s="14" t="s">
        <v>1</v>
      </c>
      <c r="C57525" s="14" t="s">
        <v>59</v>
      </c>
      <c r="D57525" s="14" t="s">
        <v>313</v>
      </c>
      <c r="E57525" s="15">
        <v>45596</v>
      </c>
      <c r="F57525" s="14" t="s">
        <v>25</v>
      </c>
      <c r="G57525" s="16">
        <v>0</v>
      </c>
    </row>
    <row r="57526" spans="1:7" x14ac:dyDescent="0.3">
      <c r="A57526" s="13" t="s">
        <v>312</v>
      </c>
      <c r="B57526" s="14" t="s">
        <v>1</v>
      </c>
      <c r="C57526" s="14" t="s">
        <v>59</v>
      </c>
      <c r="D57526" s="14" t="s">
        <v>313</v>
      </c>
      <c r="E57526" s="15">
        <v>45597</v>
      </c>
      <c r="F57526" s="14" t="s">
        <v>25</v>
      </c>
      <c r="G57526" s="16">
        <v>0</v>
      </c>
    </row>
    <row r="57527" spans="1:7" x14ac:dyDescent="0.3">
      <c r="A57527" s="13" t="s">
        <v>312</v>
      </c>
      <c r="B57527" s="14" t="s">
        <v>1</v>
      </c>
      <c r="C57527" s="14" t="s">
        <v>59</v>
      </c>
      <c r="D57527" s="14" t="s">
        <v>313</v>
      </c>
      <c r="E57527" s="15">
        <v>45598</v>
      </c>
      <c r="F57527" s="14" t="s">
        <v>25</v>
      </c>
      <c r="G57527" s="16">
        <v>0</v>
      </c>
    </row>
    <row r="57528" spans="1:7" x14ac:dyDescent="0.3">
      <c r="A57528" s="13" t="s">
        <v>312</v>
      </c>
      <c r="B57528" s="14" t="s">
        <v>1</v>
      </c>
      <c r="C57528" s="14" t="s">
        <v>59</v>
      </c>
      <c r="D57528" s="14" t="s">
        <v>313</v>
      </c>
      <c r="E57528" s="15">
        <v>45599</v>
      </c>
      <c r="F57528" s="14" t="s">
        <v>25</v>
      </c>
      <c r="G57528" s="16">
        <v>0</v>
      </c>
    </row>
    <row r="57529" spans="1:7" x14ac:dyDescent="0.3">
      <c r="A57529" s="13" t="s">
        <v>312</v>
      </c>
      <c r="B57529" s="14" t="s">
        <v>1</v>
      </c>
      <c r="C57529" s="14" t="s">
        <v>59</v>
      </c>
      <c r="D57529" s="14" t="s">
        <v>313</v>
      </c>
      <c r="E57529" s="15">
        <v>45600</v>
      </c>
      <c r="F57529" s="14" t="s">
        <v>25</v>
      </c>
      <c r="G57529" s="16">
        <v>0</v>
      </c>
    </row>
    <row r="57530" spans="1:7" x14ac:dyDescent="0.3">
      <c r="A57530" s="13" t="s">
        <v>312</v>
      </c>
      <c r="B57530" s="14" t="s">
        <v>1</v>
      </c>
      <c r="C57530" s="14" t="s">
        <v>59</v>
      </c>
      <c r="D57530" s="14" t="s">
        <v>313</v>
      </c>
      <c r="E57530" s="15">
        <v>45601</v>
      </c>
      <c r="F57530" s="14" t="s">
        <v>25</v>
      </c>
      <c r="G57530" s="16">
        <v>0</v>
      </c>
    </row>
    <row r="57531" spans="1:7" x14ac:dyDescent="0.3">
      <c r="A57531" s="13" t="s">
        <v>312</v>
      </c>
      <c r="B57531" s="14" t="s">
        <v>1</v>
      </c>
      <c r="C57531" s="14" t="s">
        <v>59</v>
      </c>
      <c r="D57531" s="14" t="s">
        <v>313</v>
      </c>
      <c r="E57531" s="15">
        <v>45602</v>
      </c>
      <c r="F57531" s="14" t="s">
        <v>25</v>
      </c>
      <c r="G57531" s="16">
        <v>0</v>
      </c>
    </row>
    <row r="57532" spans="1:7" x14ac:dyDescent="0.3">
      <c r="A57532" s="13" t="s">
        <v>312</v>
      </c>
      <c r="B57532" s="14" t="s">
        <v>1</v>
      </c>
      <c r="C57532" s="14" t="s">
        <v>59</v>
      </c>
      <c r="D57532" s="14" t="s">
        <v>313</v>
      </c>
      <c r="E57532" s="15">
        <v>45603</v>
      </c>
      <c r="F57532" s="14" t="s">
        <v>25</v>
      </c>
      <c r="G57532" s="16">
        <v>0</v>
      </c>
    </row>
    <row r="57533" spans="1:7" x14ac:dyDescent="0.3">
      <c r="A57533" s="13" t="s">
        <v>312</v>
      </c>
      <c r="B57533" s="14" t="s">
        <v>1</v>
      </c>
      <c r="C57533" s="14" t="s">
        <v>59</v>
      </c>
      <c r="D57533" s="14" t="s">
        <v>313</v>
      </c>
      <c r="E57533" s="15">
        <v>45604</v>
      </c>
      <c r="F57533" s="14" t="s">
        <v>25</v>
      </c>
      <c r="G57533" s="16">
        <v>0</v>
      </c>
    </row>
    <row r="57534" spans="1:7" x14ac:dyDescent="0.3">
      <c r="A57534" s="13" t="s">
        <v>312</v>
      </c>
      <c r="B57534" s="14" t="s">
        <v>1</v>
      </c>
      <c r="C57534" s="14" t="s">
        <v>59</v>
      </c>
      <c r="D57534" s="14" t="s">
        <v>313</v>
      </c>
      <c r="E57534" s="15">
        <v>45605</v>
      </c>
      <c r="F57534" s="14" t="s">
        <v>25</v>
      </c>
      <c r="G57534" s="16">
        <v>0</v>
      </c>
    </row>
    <row r="57535" spans="1:7" x14ac:dyDescent="0.3">
      <c r="A57535" s="13" t="s">
        <v>312</v>
      </c>
      <c r="B57535" s="14" t="s">
        <v>1</v>
      </c>
      <c r="C57535" s="14" t="s">
        <v>59</v>
      </c>
      <c r="D57535" s="14" t="s">
        <v>313</v>
      </c>
      <c r="E57535" s="15">
        <v>45606</v>
      </c>
      <c r="F57535" s="14" t="s">
        <v>25</v>
      </c>
      <c r="G57535" s="16">
        <v>0</v>
      </c>
    </row>
    <row r="57536" spans="1:7" x14ac:dyDescent="0.3">
      <c r="A57536" s="13" t="s">
        <v>312</v>
      </c>
      <c r="B57536" s="14" t="s">
        <v>1</v>
      </c>
      <c r="C57536" s="14" t="s">
        <v>59</v>
      </c>
      <c r="D57536" s="14" t="s">
        <v>313</v>
      </c>
      <c r="E57536" s="15">
        <v>45607</v>
      </c>
      <c r="F57536" s="14" t="s">
        <v>25</v>
      </c>
      <c r="G57536" s="16">
        <v>0</v>
      </c>
    </row>
    <row r="57537" spans="1:7" x14ac:dyDescent="0.3">
      <c r="A57537" s="13" t="s">
        <v>312</v>
      </c>
      <c r="B57537" s="14" t="s">
        <v>1</v>
      </c>
      <c r="C57537" s="14" t="s">
        <v>59</v>
      </c>
      <c r="D57537" s="14" t="s">
        <v>313</v>
      </c>
      <c r="E57537" s="15">
        <v>45608</v>
      </c>
      <c r="F57537" s="14" t="s">
        <v>25</v>
      </c>
      <c r="G57537" s="16">
        <v>0</v>
      </c>
    </row>
    <row r="57538" spans="1:7" x14ac:dyDescent="0.3">
      <c r="A57538" s="13" t="s">
        <v>312</v>
      </c>
      <c r="B57538" s="14" t="s">
        <v>1</v>
      </c>
      <c r="C57538" s="14" t="s">
        <v>59</v>
      </c>
      <c r="D57538" s="14" t="s">
        <v>313</v>
      </c>
      <c r="E57538" s="15">
        <v>45609</v>
      </c>
      <c r="F57538" s="14" t="s">
        <v>25</v>
      </c>
      <c r="G57538" s="16">
        <v>0</v>
      </c>
    </row>
    <row r="57539" spans="1:7" x14ac:dyDescent="0.3">
      <c r="A57539" s="13" t="s">
        <v>312</v>
      </c>
      <c r="B57539" s="14" t="s">
        <v>1</v>
      </c>
      <c r="C57539" s="14" t="s">
        <v>59</v>
      </c>
      <c r="D57539" s="14" t="s">
        <v>313</v>
      </c>
      <c r="E57539" s="15">
        <v>45610</v>
      </c>
      <c r="F57539" s="14" t="s">
        <v>25</v>
      </c>
      <c r="G57539" s="16">
        <v>0</v>
      </c>
    </row>
    <row r="57540" spans="1:7" x14ac:dyDescent="0.3">
      <c r="A57540" s="13" t="s">
        <v>312</v>
      </c>
      <c r="B57540" s="14" t="s">
        <v>1</v>
      </c>
      <c r="C57540" s="14" t="s">
        <v>59</v>
      </c>
      <c r="D57540" s="14" t="s">
        <v>313</v>
      </c>
      <c r="E57540" s="15">
        <v>45611</v>
      </c>
      <c r="F57540" s="14" t="s">
        <v>25</v>
      </c>
      <c r="G57540" s="16">
        <v>0.12223155932154862</v>
      </c>
    </row>
    <row r="57541" spans="1:7" x14ac:dyDescent="0.3">
      <c r="A57541" s="13" t="s">
        <v>312</v>
      </c>
      <c r="B57541" s="14" t="s">
        <v>1</v>
      </c>
      <c r="C57541" s="14" t="s">
        <v>59</v>
      </c>
      <c r="D57541" s="14" t="s">
        <v>313</v>
      </c>
      <c r="E57541" s="15">
        <v>45612</v>
      </c>
      <c r="F57541" s="14" t="s">
        <v>25</v>
      </c>
      <c r="G57541" s="16">
        <v>0.12223155932154862</v>
      </c>
    </row>
    <row r="57542" spans="1:7" x14ac:dyDescent="0.3">
      <c r="A57542" s="13" t="s">
        <v>312</v>
      </c>
      <c r="B57542" s="14" t="s">
        <v>1</v>
      </c>
      <c r="C57542" s="14" t="s">
        <v>59</v>
      </c>
      <c r="D57542" s="14" t="s">
        <v>313</v>
      </c>
      <c r="E57542" s="15">
        <v>45613</v>
      </c>
      <c r="F57542" s="14" t="s">
        <v>25</v>
      </c>
      <c r="G57542" s="16">
        <v>0.12223155932154862</v>
      </c>
    </row>
    <row r="57543" spans="1:7" x14ac:dyDescent="0.3">
      <c r="A57543" s="13" t="s">
        <v>312</v>
      </c>
      <c r="B57543" s="14" t="s">
        <v>1</v>
      </c>
      <c r="C57543" s="14" t="s">
        <v>59</v>
      </c>
      <c r="D57543" s="14" t="s">
        <v>313</v>
      </c>
      <c r="E57543" s="15">
        <v>45614</v>
      </c>
      <c r="F57543" s="14" t="s">
        <v>25</v>
      </c>
      <c r="G57543" s="16">
        <v>0.11927640840759439</v>
      </c>
    </row>
    <row r="57544" spans="1:7" x14ac:dyDescent="0.3">
      <c r="A57544" s="13" t="s">
        <v>312</v>
      </c>
      <c r="B57544" s="14" t="s">
        <v>1</v>
      </c>
      <c r="C57544" s="14" t="s">
        <v>59</v>
      </c>
      <c r="D57544" s="14" t="s">
        <v>313</v>
      </c>
      <c r="E57544" s="15">
        <v>45615</v>
      </c>
      <c r="F57544" s="14" t="s">
        <v>25</v>
      </c>
      <c r="G57544" s="16">
        <v>0.11243102650625382</v>
      </c>
    </row>
    <row r="57545" spans="1:7" x14ac:dyDescent="0.3">
      <c r="A57545" s="13" t="s">
        <v>312</v>
      </c>
      <c r="B57545" s="14" t="s">
        <v>1</v>
      </c>
      <c r="C57545" s="14" t="s">
        <v>59</v>
      </c>
      <c r="D57545" s="14" t="s">
        <v>313</v>
      </c>
      <c r="E57545" s="15">
        <v>45616</v>
      </c>
      <c r="F57545" s="14" t="s">
        <v>25</v>
      </c>
      <c r="G57545" s="16">
        <v>0.11038793420546199</v>
      </c>
    </row>
    <row r="57546" spans="1:7" x14ac:dyDescent="0.3">
      <c r="A57546" s="13" t="s">
        <v>312</v>
      </c>
      <c r="B57546" s="14" t="s">
        <v>1</v>
      </c>
      <c r="C57546" s="14" t="s">
        <v>59</v>
      </c>
      <c r="D57546" s="14" t="s">
        <v>313</v>
      </c>
      <c r="E57546" s="15">
        <v>45617</v>
      </c>
      <c r="F57546" s="14" t="s">
        <v>25</v>
      </c>
      <c r="G57546" s="16">
        <v>0.10843674569217202</v>
      </c>
    </row>
    <row r="57547" spans="1:7" x14ac:dyDescent="0.3">
      <c r="A57547" s="13" t="s">
        <v>312</v>
      </c>
      <c r="B57547" s="14" t="s">
        <v>1</v>
      </c>
      <c r="C57547" s="14" t="s">
        <v>59</v>
      </c>
      <c r="D57547" s="14" t="s">
        <v>313</v>
      </c>
      <c r="E57547" s="15">
        <v>45618</v>
      </c>
      <c r="F57547" s="14" t="s">
        <v>25</v>
      </c>
      <c r="G57547" s="16">
        <v>0.10704222771080475</v>
      </c>
    </row>
    <row r="57548" spans="1:7" x14ac:dyDescent="0.3">
      <c r="A57548" s="13" t="s">
        <v>312</v>
      </c>
      <c r="B57548" s="14" t="s">
        <v>1</v>
      </c>
      <c r="C57548" s="14" t="s">
        <v>59</v>
      </c>
      <c r="D57548" s="14" t="s">
        <v>313</v>
      </c>
      <c r="E57548" s="15">
        <v>45619</v>
      </c>
      <c r="F57548" s="14" t="s">
        <v>25</v>
      </c>
      <c r="G57548" s="16">
        <v>0.10704222771080475</v>
      </c>
    </row>
    <row r="57549" spans="1:7" x14ac:dyDescent="0.3">
      <c r="A57549" s="13" t="s">
        <v>312</v>
      </c>
      <c r="B57549" s="14" t="s">
        <v>1</v>
      </c>
      <c r="C57549" s="14" t="s">
        <v>59</v>
      </c>
      <c r="D57549" s="14" t="s">
        <v>313</v>
      </c>
      <c r="E57549" s="15">
        <v>45620</v>
      </c>
      <c r="F57549" s="14" t="s">
        <v>25</v>
      </c>
      <c r="G57549" s="16">
        <v>0.10704222771080475</v>
      </c>
    </row>
    <row r="57550" spans="1:7" x14ac:dyDescent="0.3">
      <c r="A57550" s="13" t="s">
        <v>312</v>
      </c>
      <c r="B57550" s="14" t="s">
        <v>1</v>
      </c>
      <c r="C57550" s="14" t="s">
        <v>59</v>
      </c>
      <c r="D57550" s="14" t="s">
        <v>313</v>
      </c>
      <c r="E57550" s="15">
        <v>45621</v>
      </c>
      <c r="F57550" s="14" t="s">
        <v>25</v>
      </c>
      <c r="G57550" s="16">
        <v>0.1038336334608319</v>
      </c>
    </row>
    <row r="57551" spans="1:7" x14ac:dyDescent="0.3">
      <c r="A57551" s="13" t="s">
        <v>312</v>
      </c>
      <c r="B57551" s="14" t="s">
        <v>1</v>
      </c>
      <c r="C57551" s="14" t="s">
        <v>59</v>
      </c>
      <c r="D57551" s="14" t="s">
        <v>313</v>
      </c>
      <c r="E57551" s="15">
        <v>45622</v>
      </c>
      <c r="F57551" s="14" t="s">
        <v>25</v>
      </c>
      <c r="G57551" s="16">
        <v>9.7072435363005916E-2</v>
      </c>
    </row>
    <row r="57552" spans="1:7" x14ac:dyDescent="0.3">
      <c r="A57552" s="13" t="s">
        <v>312</v>
      </c>
      <c r="B57552" s="14" t="s">
        <v>1</v>
      </c>
      <c r="C57552" s="14" t="s">
        <v>59</v>
      </c>
      <c r="D57552" s="14" t="s">
        <v>313</v>
      </c>
      <c r="E57552" s="15">
        <v>45623</v>
      </c>
      <c r="F57552" s="14" t="s">
        <v>25</v>
      </c>
      <c r="G57552" s="16">
        <v>9.4306492229144528E-2</v>
      </c>
    </row>
    <row r="57553" spans="1:7" x14ac:dyDescent="0.3">
      <c r="A57553" s="13" t="s">
        <v>312</v>
      </c>
      <c r="B57553" s="14" t="s">
        <v>1</v>
      </c>
      <c r="C57553" s="14" t="s">
        <v>59</v>
      </c>
      <c r="D57553" s="14" t="s">
        <v>313</v>
      </c>
      <c r="E57553" s="15">
        <v>45624</v>
      </c>
      <c r="F57553" s="14" t="s">
        <v>25</v>
      </c>
      <c r="G57553" s="16">
        <v>0.14781294535704873</v>
      </c>
    </row>
    <row r="57554" spans="1:7" x14ac:dyDescent="0.3">
      <c r="A57554" s="13" t="s">
        <v>312</v>
      </c>
      <c r="B57554" s="14" t="s">
        <v>1</v>
      </c>
      <c r="C57554" s="14" t="s">
        <v>59</v>
      </c>
      <c r="D57554" s="14" t="s">
        <v>313</v>
      </c>
      <c r="E57554" s="15">
        <v>45625</v>
      </c>
      <c r="F57554" s="14" t="s">
        <v>25</v>
      </c>
      <c r="G57554" s="16">
        <v>0.14520497238195024</v>
      </c>
    </row>
    <row r="57555" spans="1:7" x14ac:dyDescent="0.3">
      <c r="A57555" s="13" t="s">
        <v>312</v>
      </c>
      <c r="B57555" s="14" t="s">
        <v>1</v>
      </c>
      <c r="C57555" s="14" t="s">
        <v>59</v>
      </c>
      <c r="D57555" s="14" t="s">
        <v>313</v>
      </c>
      <c r="E57555" s="15">
        <v>45626</v>
      </c>
      <c r="F57555" s="14" t="s">
        <v>25</v>
      </c>
      <c r="G57555" s="16">
        <v>0.14520497238195024</v>
      </c>
    </row>
    <row r="57556" spans="1:7" x14ac:dyDescent="0.3">
      <c r="A57556" s="13" t="s">
        <v>312</v>
      </c>
      <c r="B57556" s="14" t="s">
        <v>1</v>
      </c>
      <c r="C57556" s="14" t="s">
        <v>59</v>
      </c>
      <c r="D57556" s="14" t="s">
        <v>313</v>
      </c>
      <c r="E57556" s="15">
        <v>45627</v>
      </c>
      <c r="F57556" s="14" t="s">
        <v>25</v>
      </c>
      <c r="G57556" s="16">
        <v>0.14520497238195024</v>
      </c>
    </row>
    <row r="57557" spans="1:7" x14ac:dyDescent="0.3">
      <c r="A57557" s="13" t="s">
        <v>312</v>
      </c>
      <c r="B57557" s="14" t="s">
        <v>1</v>
      </c>
      <c r="C57557" s="14" t="s">
        <v>59</v>
      </c>
      <c r="D57557" s="14" t="s">
        <v>313</v>
      </c>
      <c r="E57557" s="15">
        <v>45628</v>
      </c>
      <c r="F57557" s="14" t="s">
        <v>25</v>
      </c>
      <c r="G57557" s="16">
        <v>0.1438561070209165</v>
      </c>
    </row>
    <row r="57558" spans="1:7" x14ac:dyDescent="0.3">
      <c r="A57558" s="13" t="s">
        <v>312</v>
      </c>
      <c r="B57558" s="14" t="s">
        <v>1</v>
      </c>
      <c r="C57558" s="14" t="s">
        <v>59</v>
      </c>
      <c r="D57558" s="14" t="s">
        <v>313</v>
      </c>
      <c r="E57558" s="15">
        <v>45629</v>
      </c>
      <c r="F57558" s="14" t="s">
        <v>25</v>
      </c>
      <c r="G57558" s="16">
        <v>0.13683259398703732</v>
      </c>
    </row>
    <row r="57559" spans="1:7" x14ac:dyDescent="0.3">
      <c r="A57559" s="13" t="s">
        <v>312</v>
      </c>
      <c r="B57559" s="14" t="s">
        <v>1</v>
      </c>
      <c r="C57559" s="14" t="s">
        <v>59</v>
      </c>
      <c r="D57559" s="14" t="s">
        <v>313</v>
      </c>
      <c r="E57559" s="15">
        <v>45630</v>
      </c>
      <c r="F57559" s="14" t="s">
        <v>25</v>
      </c>
      <c r="G57559" s="16">
        <v>0.13338933211068907</v>
      </c>
    </row>
    <row r="57560" spans="1:7" x14ac:dyDescent="0.3">
      <c r="A57560" s="13" t="s">
        <v>312</v>
      </c>
      <c r="B57560" s="14" t="s">
        <v>1</v>
      </c>
      <c r="C57560" s="14" t="s">
        <v>59</v>
      </c>
      <c r="D57560" s="14" t="s">
        <v>313</v>
      </c>
      <c r="E57560" s="15">
        <v>45631</v>
      </c>
      <c r="F57560" s="14" t="s">
        <v>25</v>
      </c>
      <c r="G57560" s="16">
        <v>0.13027023828635104</v>
      </c>
    </row>
    <row r="57561" spans="1:7" x14ac:dyDescent="0.3">
      <c r="A57561" s="13" t="s">
        <v>312</v>
      </c>
      <c r="B57561" s="14" t="s">
        <v>1</v>
      </c>
      <c r="C57561" s="14" t="s">
        <v>59</v>
      </c>
      <c r="D57561" s="14" t="s">
        <v>313</v>
      </c>
      <c r="E57561" s="15">
        <v>45632</v>
      </c>
      <c r="F57561" s="14" t="s">
        <v>25</v>
      </c>
      <c r="G57561" s="16">
        <v>0.1279626497559328</v>
      </c>
    </row>
    <row r="57562" spans="1:7" x14ac:dyDescent="0.3">
      <c r="A57562" s="13" t="s">
        <v>312</v>
      </c>
      <c r="B57562" s="14" t="s">
        <v>1</v>
      </c>
      <c r="C57562" s="14" t="s">
        <v>59</v>
      </c>
      <c r="D57562" s="14" t="s">
        <v>313</v>
      </c>
      <c r="E57562" s="15">
        <v>45633</v>
      </c>
      <c r="F57562" s="14" t="s">
        <v>25</v>
      </c>
      <c r="G57562" s="16">
        <v>0.1279626497559328</v>
      </c>
    </row>
    <row r="57563" spans="1:7" x14ac:dyDescent="0.3">
      <c r="A57563" s="13" t="s">
        <v>312</v>
      </c>
      <c r="B57563" s="14" t="s">
        <v>1</v>
      </c>
      <c r="C57563" s="14" t="s">
        <v>59</v>
      </c>
      <c r="D57563" s="14" t="s">
        <v>313</v>
      </c>
      <c r="E57563" s="15">
        <v>45634</v>
      </c>
      <c r="F57563" s="14" t="s">
        <v>25</v>
      </c>
      <c r="G57563" s="16">
        <v>0.1279626497559328</v>
      </c>
    </row>
    <row r="57564" spans="1:7" x14ac:dyDescent="0.3">
      <c r="A57564" s="13" t="s">
        <v>312</v>
      </c>
      <c r="B57564" s="14" t="s">
        <v>1</v>
      </c>
      <c r="C57564" s="14" t="s">
        <v>59</v>
      </c>
      <c r="D57564" s="14" t="s">
        <v>313</v>
      </c>
      <c r="E57564" s="15">
        <v>45635</v>
      </c>
      <c r="F57564" s="14" t="s">
        <v>25</v>
      </c>
      <c r="G57564" s="16">
        <v>0.12568908636619672</v>
      </c>
    </row>
    <row r="57565" spans="1:7" x14ac:dyDescent="0.3">
      <c r="A57565" s="13" t="s">
        <v>312</v>
      </c>
      <c r="B57565" s="14" t="s">
        <v>1</v>
      </c>
      <c r="C57565" s="14" t="s">
        <v>59</v>
      </c>
      <c r="D57565" s="14" t="s">
        <v>313</v>
      </c>
      <c r="E57565" s="15">
        <v>45636</v>
      </c>
      <c r="F57565" s="14" t="s">
        <v>25</v>
      </c>
      <c r="G57565" s="16">
        <v>0.11926146973550353</v>
      </c>
    </row>
    <row r="57566" spans="1:7" x14ac:dyDescent="0.3">
      <c r="A57566" s="13" t="s">
        <v>312</v>
      </c>
      <c r="B57566" s="14" t="s">
        <v>1</v>
      </c>
      <c r="C57566" s="14" t="s">
        <v>59</v>
      </c>
      <c r="D57566" s="14" t="s">
        <v>313</v>
      </c>
      <c r="E57566" s="15">
        <v>45637</v>
      </c>
      <c r="F57566" s="14" t="s">
        <v>25</v>
      </c>
      <c r="G57566" s="16">
        <v>0.11716435591711778</v>
      </c>
    </row>
    <row r="57567" spans="1:7" x14ac:dyDescent="0.3">
      <c r="A57567" s="13" t="s">
        <v>312</v>
      </c>
      <c r="B57567" s="14" t="s">
        <v>1</v>
      </c>
      <c r="C57567" s="14" t="s">
        <v>59</v>
      </c>
      <c r="D57567" s="14" t="s">
        <v>313</v>
      </c>
      <c r="E57567" s="15">
        <v>45638</v>
      </c>
      <c r="F57567" s="14" t="s">
        <v>25</v>
      </c>
      <c r="G57567" s="16">
        <v>0.11586966729749015</v>
      </c>
    </row>
    <row r="57568" spans="1:7" x14ac:dyDescent="0.3">
      <c r="A57568" s="13" t="s">
        <v>312</v>
      </c>
      <c r="B57568" s="14" t="s">
        <v>1</v>
      </c>
      <c r="C57568" s="14" t="s">
        <v>59</v>
      </c>
      <c r="D57568" s="14" t="s">
        <v>313</v>
      </c>
      <c r="E57568" s="15">
        <v>45639</v>
      </c>
      <c r="F57568" s="14" t="s">
        <v>25</v>
      </c>
      <c r="G57568" s="16">
        <v>0.15538725304713388</v>
      </c>
    </row>
    <row r="57569" spans="1:7" x14ac:dyDescent="0.3">
      <c r="A57569" s="13" t="s">
        <v>312</v>
      </c>
      <c r="B57569" s="14" t="s">
        <v>1</v>
      </c>
      <c r="C57569" s="14" t="s">
        <v>59</v>
      </c>
      <c r="D57569" s="14" t="s">
        <v>313</v>
      </c>
      <c r="E57569" s="15">
        <v>45640</v>
      </c>
      <c r="F57569" s="14" t="s">
        <v>25</v>
      </c>
      <c r="G57569" s="16">
        <v>0.15538725304713388</v>
      </c>
    </row>
    <row r="57570" spans="1:7" x14ac:dyDescent="0.3">
      <c r="A57570" s="13" t="s">
        <v>312</v>
      </c>
      <c r="B57570" s="14" t="s">
        <v>1</v>
      </c>
      <c r="C57570" s="14" t="s">
        <v>59</v>
      </c>
      <c r="D57570" s="14" t="s">
        <v>313</v>
      </c>
      <c r="E57570" s="15">
        <v>45641</v>
      </c>
      <c r="F57570" s="14" t="s">
        <v>25</v>
      </c>
      <c r="G57570" s="16">
        <v>0.15538725304713388</v>
      </c>
    </row>
    <row r="57571" spans="1:7" x14ac:dyDescent="0.3">
      <c r="A57571" s="13" t="s">
        <v>312</v>
      </c>
      <c r="B57571" s="14" t="s">
        <v>1</v>
      </c>
      <c r="C57571" s="14" t="s">
        <v>59</v>
      </c>
      <c r="D57571" s="14" t="s">
        <v>313</v>
      </c>
      <c r="E57571" s="15">
        <v>45642</v>
      </c>
      <c r="F57571" s="14" t="s">
        <v>25</v>
      </c>
      <c r="G57571" s="16">
        <v>0.15331665620755827</v>
      </c>
    </row>
    <row r="57572" spans="1:7" x14ac:dyDescent="0.3">
      <c r="A57572" s="13" t="s">
        <v>312</v>
      </c>
      <c r="B57572" s="14" t="s">
        <v>1</v>
      </c>
      <c r="C57572" s="14" t="s">
        <v>59</v>
      </c>
      <c r="D57572" s="14" t="s">
        <v>313</v>
      </c>
      <c r="E57572" s="15">
        <v>45643</v>
      </c>
      <c r="F57572" s="14" t="s">
        <v>25</v>
      </c>
      <c r="G57572" s="16">
        <v>0.14619285260828579</v>
      </c>
    </row>
    <row r="57573" spans="1:7" x14ac:dyDescent="0.3">
      <c r="A57573" s="13" t="s">
        <v>312</v>
      </c>
      <c r="B57573" s="14" t="s">
        <v>1</v>
      </c>
      <c r="C57573" s="14" t="s">
        <v>59</v>
      </c>
      <c r="D57573" s="14" t="s">
        <v>313</v>
      </c>
      <c r="E57573" s="15">
        <v>45644</v>
      </c>
      <c r="F57573" s="14" t="s">
        <v>25</v>
      </c>
      <c r="G57573" s="16">
        <v>0.14520714519417896</v>
      </c>
    </row>
    <row r="57574" spans="1:7" x14ac:dyDescent="0.3">
      <c r="A57574" s="13" t="s">
        <v>312</v>
      </c>
      <c r="B57574" s="14" t="s">
        <v>1</v>
      </c>
      <c r="C57574" s="14" t="s">
        <v>59</v>
      </c>
      <c r="D57574" s="14" t="s">
        <v>313</v>
      </c>
      <c r="E57574" s="15">
        <v>45645</v>
      </c>
      <c r="F57574" s="14" t="s">
        <v>25</v>
      </c>
      <c r="G57574" s="16">
        <v>0.14257126338443729</v>
      </c>
    </row>
    <row r="57575" spans="1:7" x14ac:dyDescent="0.3">
      <c r="A57575" s="13" t="s">
        <v>312</v>
      </c>
      <c r="B57575" s="14" t="s">
        <v>1</v>
      </c>
      <c r="C57575" s="14" t="s">
        <v>59</v>
      </c>
      <c r="D57575" s="14" t="s">
        <v>313</v>
      </c>
      <c r="E57575" s="15">
        <v>45646</v>
      </c>
      <c r="F57575" s="14" t="s">
        <v>25</v>
      </c>
      <c r="G57575" s="16">
        <v>0.13939018822854413</v>
      </c>
    </row>
    <row r="57576" spans="1:7" x14ac:dyDescent="0.3">
      <c r="A57576" s="13" t="s">
        <v>312</v>
      </c>
      <c r="B57576" s="14" t="s">
        <v>1</v>
      </c>
      <c r="C57576" s="14" t="s">
        <v>59</v>
      </c>
      <c r="D57576" s="14" t="s">
        <v>313</v>
      </c>
      <c r="E57576" s="15">
        <v>45647</v>
      </c>
      <c r="F57576" s="14" t="s">
        <v>25</v>
      </c>
      <c r="G57576" s="16">
        <v>0.13939018822854413</v>
      </c>
    </row>
    <row r="57577" spans="1:7" x14ac:dyDescent="0.3">
      <c r="A57577" s="13" t="s">
        <v>312</v>
      </c>
      <c r="B57577" s="14" t="s">
        <v>1</v>
      </c>
      <c r="C57577" s="14" t="s">
        <v>59</v>
      </c>
      <c r="D57577" s="14" t="s">
        <v>313</v>
      </c>
      <c r="E57577" s="15">
        <v>45648</v>
      </c>
      <c r="F57577" s="14" t="s">
        <v>25</v>
      </c>
      <c r="G57577" s="16">
        <v>0.13939018822854413</v>
      </c>
    </row>
    <row r="57578" spans="1:7" x14ac:dyDescent="0.3">
      <c r="A57578" s="13" t="s">
        <v>312</v>
      </c>
      <c r="B57578" s="14" t="s">
        <v>1</v>
      </c>
      <c r="C57578" s="14" t="s">
        <v>59</v>
      </c>
      <c r="D57578" s="14" t="s">
        <v>313</v>
      </c>
      <c r="E57578" s="15">
        <v>45649</v>
      </c>
      <c r="F57578" s="14" t="s">
        <v>25</v>
      </c>
      <c r="G57578" s="16">
        <v>0.13798051230179018</v>
      </c>
    </row>
    <row r="57579" spans="1:7" x14ac:dyDescent="0.3">
      <c r="A57579" s="13" t="s">
        <v>312</v>
      </c>
      <c r="B57579" s="14" t="s">
        <v>1</v>
      </c>
      <c r="C57579" s="14" t="s">
        <v>59</v>
      </c>
      <c r="D57579" s="14" t="s">
        <v>313</v>
      </c>
      <c r="E57579" s="15">
        <v>45650</v>
      </c>
      <c r="F57579" s="14" t="s">
        <v>25</v>
      </c>
      <c r="G57579" s="16">
        <v>0.13138138803085192</v>
      </c>
    </row>
    <row r="57580" spans="1:7" x14ac:dyDescent="0.3">
      <c r="A57580" s="13" t="s">
        <v>312</v>
      </c>
      <c r="B57580" s="14" t="s">
        <v>1</v>
      </c>
      <c r="C57580" s="14" t="s">
        <v>59</v>
      </c>
      <c r="D57580" s="14" t="s">
        <v>313</v>
      </c>
      <c r="E57580" s="15">
        <v>45651</v>
      </c>
      <c r="F57580" s="14" t="s">
        <v>25</v>
      </c>
      <c r="G57580" s="16">
        <v>0.13138138803085192</v>
      </c>
    </row>
    <row r="57581" spans="1:7" x14ac:dyDescent="0.3">
      <c r="A57581" s="13" t="s">
        <v>312</v>
      </c>
      <c r="B57581" s="14" t="s">
        <v>1</v>
      </c>
      <c r="C57581" s="14" t="s">
        <v>59</v>
      </c>
      <c r="D57581" s="14" t="s">
        <v>313</v>
      </c>
      <c r="E57581" s="15">
        <v>45652</v>
      </c>
      <c r="F57581" s="14" t="s">
        <v>25</v>
      </c>
      <c r="G57581" s="16">
        <v>0.13138138803085192</v>
      </c>
    </row>
    <row r="57582" spans="1:7" x14ac:dyDescent="0.3">
      <c r="A57582" s="13" t="s">
        <v>312</v>
      </c>
      <c r="B57582" s="14" t="s">
        <v>1</v>
      </c>
      <c r="C57582" s="14" t="s">
        <v>59</v>
      </c>
      <c r="D57582" s="14" t="s">
        <v>313</v>
      </c>
      <c r="E57582" s="15">
        <v>45653</v>
      </c>
      <c r="F57582" s="14" t="s">
        <v>25</v>
      </c>
      <c r="G57582" s="16">
        <v>0.13138138803085192</v>
      </c>
    </row>
    <row r="57583" spans="1:7" x14ac:dyDescent="0.3">
      <c r="A57583" s="13" t="s">
        <v>312</v>
      </c>
      <c r="B57583" s="14" t="s">
        <v>1</v>
      </c>
      <c r="C57583" s="14" t="s">
        <v>59</v>
      </c>
      <c r="D57583" s="14" t="s">
        <v>313</v>
      </c>
      <c r="E57583" s="15">
        <v>45654</v>
      </c>
      <c r="F57583" s="14" t="s">
        <v>25</v>
      </c>
      <c r="G57583" s="16">
        <v>0.13138138803085192</v>
      </c>
    </row>
    <row r="57584" spans="1:7" x14ac:dyDescent="0.3">
      <c r="A57584" s="13" t="s">
        <v>312</v>
      </c>
      <c r="B57584" s="14" t="s">
        <v>1</v>
      </c>
      <c r="C57584" s="14" t="s">
        <v>59</v>
      </c>
      <c r="D57584" s="14" t="s">
        <v>313</v>
      </c>
      <c r="E57584" s="15">
        <v>45655</v>
      </c>
      <c r="F57584" s="14" t="s">
        <v>25</v>
      </c>
      <c r="G57584" s="16">
        <v>0.13138138803085192</v>
      </c>
    </row>
    <row r="57585" spans="1:7" x14ac:dyDescent="0.3">
      <c r="A57585" s="13" t="s">
        <v>312</v>
      </c>
      <c r="B57585" s="14" t="s">
        <v>1</v>
      </c>
      <c r="C57585" s="14" t="s">
        <v>59</v>
      </c>
      <c r="D57585" s="14" t="s">
        <v>313</v>
      </c>
      <c r="E57585" s="15">
        <v>45656</v>
      </c>
      <c r="F57585" s="14" t="s">
        <v>25</v>
      </c>
      <c r="G57585" s="16">
        <v>0.12959624327512173</v>
      </c>
    </row>
    <row r="57586" spans="1:7" x14ac:dyDescent="0.3">
      <c r="A57586" s="13" t="s">
        <v>312</v>
      </c>
      <c r="B57586" s="14" t="s">
        <v>1</v>
      </c>
      <c r="C57586" s="14" t="s">
        <v>59</v>
      </c>
      <c r="D57586" s="14" t="s">
        <v>313</v>
      </c>
      <c r="E57586" s="15">
        <v>45657</v>
      </c>
      <c r="F57586" s="14" t="s">
        <v>25</v>
      </c>
      <c r="G57586" s="16">
        <v>0.11637321686054188</v>
      </c>
    </row>
    <row r="57587" spans="1:7" x14ac:dyDescent="0.3">
      <c r="A57587" s="13" t="s">
        <v>312</v>
      </c>
      <c r="B57587" s="14" t="s">
        <v>1</v>
      </c>
      <c r="C57587" s="14" t="s">
        <v>59</v>
      </c>
      <c r="D57587" s="14" t="s">
        <v>313</v>
      </c>
      <c r="E57587" s="15">
        <v>45658</v>
      </c>
      <c r="F57587" s="14" t="s">
        <v>25</v>
      </c>
      <c r="G57587" s="16">
        <v>0.11637321686054188</v>
      </c>
    </row>
    <row r="57588" spans="1:7" x14ac:dyDescent="0.3">
      <c r="A57588" s="13" t="s">
        <v>312</v>
      </c>
      <c r="B57588" s="14" t="s">
        <v>1</v>
      </c>
      <c r="C57588" s="14" t="s">
        <v>59</v>
      </c>
      <c r="D57588" s="14" t="s">
        <v>313</v>
      </c>
      <c r="E57588" s="15">
        <v>45659</v>
      </c>
      <c r="F57588" s="14" t="s">
        <v>25</v>
      </c>
      <c r="G57588" s="16">
        <v>0.11637321686054188</v>
      </c>
    </row>
    <row r="57589" spans="1:7" x14ac:dyDescent="0.3">
      <c r="A57589" s="13" t="s">
        <v>312</v>
      </c>
      <c r="B57589" s="14" t="s">
        <v>1</v>
      </c>
      <c r="C57589" s="14" t="s">
        <v>59</v>
      </c>
      <c r="D57589" s="14" t="s">
        <v>313</v>
      </c>
      <c r="E57589" s="15">
        <v>45660</v>
      </c>
      <c r="F57589" s="14" t="s">
        <v>25</v>
      </c>
      <c r="G57589" s="16">
        <v>0.11422829369810682</v>
      </c>
    </row>
    <row r="57590" spans="1:7" x14ac:dyDescent="0.3">
      <c r="A57590" s="13" t="s">
        <v>312</v>
      </c>
      <c r="B57590" s="14" t="s">
        <v>1</v>
      </c>
      <c r="C57590" s="14" t="s">
        <v>59</v>
      </c>
      <c r="D57590" s="14" t="s">
        <v>313</v>
      </c>
      <c r="E57590" s="15">
        <v>45661</v>
      </c>
      <c r="F57590" s="14" t="s">
        <v>25</v>
      </c>
      <c r="G57590" s="16">
        <v>0.11422829369810682</v>
      </c>
    </row>
    <row r="57591" spans="1:7" x14ac:dyDescent="0.3">
      <c r="A57591" s="13" t="s">
        <v>312</v>
      </c>
      <c r="B57591" s="14" t="s">
        <v>1</v>
      </c>
      <c r="C57591" s="14" t="s">
        <v>59</v>
      </c>
      <c r="D57591" s="14" t="s">
        <v>313</v>
      </c>
      <c r="E57591" s="15">
        <v>45662</v>
      </c>
      <c r="F57591" s="14" t="s">
        <v>25</v>
      </c>
      <c r="G57591" s="16">
        <v>0.11422829369810682</v>
      </c>
    </row>
    <row r="57592" spans="1:7" x14ac:dyDescent="0.3">
      <c r="A57592" s="13" t="s">
        <v>312</v>
      </c>
      <c r="B57592" s="14" t="s">
        <v>1</v>
      </c>
      <c r="C57592" s="14" t="s">
        <v>59</v>
      </c>
      <c r="D57592" s="14" t="s">
        <v>313</v>
      </c>
      <c r="E57592" s="15">
        <v>45663</v>
      </c>
      <c r="F57592" s="14" t="s">
        <v>25</v>
      </c>
      <c r="G57592" s="16">
        <v>0.10696407709576951</v>
      </c>
    </row>
    <row r="57593" spans="1:7" x14ac:dyDescent="0.3">
      <c r="A57593" s="13" t="s">
        <v>312</v>
      </c>
      <c r="B57593" s="14" t="s">
        <v>1</v>
      </c>
      <c r="C57593" s="14" t="s">
        <v>59</v>
      </c>
      <c r="D57593" s="14" t="s">
        <v>313</v>
      </c>
      <c r="E57593" s="15">
        <v>45664</v>
      </c>
      <c r="F57593" s="14" t="s">
        <v>25</v>
      </c>
      <c r="G57593" s="16">
        <v>0.10294224523453163</v>
      </c>
    </row>
    <row r="57594" spans="1:7" x14ac:dyDescent="0.3">
      <c r="A57594" s="13" t="s">
        <v>312</v>
      </c>
      <c r="B57594" s="14" t="s">
        <v>1</v>
      </c>
      <c r="C57594" s="14" t="s">
        <v>59</v>
      </c>
      <c r="D57594" s="14" t="s">
        <v>313</v>
      </c>
      <c r="E57594" s="15">
        <v>45665</v>
      </c>
      <c r="F57594" s="14" t="s">
        <v>25</v>
      </c>
      <c r="G57594" s="16">
        <v>0.10080464536690109</v>
      </c>
    </row>
    <row r="57595" spans="1:7" x14ac:dyDescent="0.3">
      <c r="A57595" s="13" t="s">
        <v>312</v>
      </c>
      <c r="B57595" s="14" t="s">
        <v>1</v>
      </c>
      <c r="C57595" s="14" t="s">
        <v>59</v>
      </c>
      <c r="D57595" s="14" t="s">
        <v>313</v>
      </c>
      <c r="E57595" s="15">
        <v>45666</v>
      </c>
      <c r="F57595" s="14" t="s">
        <v>25</v>
      </c>
      <c r="G57595" s="16">
        <v>9.863415474010899E-2</v>
      </c>
    </row>
    <row r="57596" spans="1:7" x14ac:dyDescent="0.3">
      <c r="A57596" s="13" t="s">
        <v>312</v>
      </c>
      <c r="B57596" s="14" t="s">
        <v>1</v>
      </c>
      <c r="C57596" s="14" t="s">
        <v>59</v>
      </c>
      <c r="D57596" s="14" t="s">
        <v>313</v>
      </c>
      <c r="E57596" s="15">
        <v>45667</v>
      </c>
      <c r="F57596" s="14" t="s">
        <v>25</v>
      </c>
      <c r="G57596" s="16">
        <v>9.6827164894306511E-2</v>
      </c>
    </row>
    <row r="57597" spans="1:7" x14ac:dyDescent="0.3">
      <c r="A57597" s="13" t="s">
        <v>312</v>
      </c>
      <c r="B57597" s="14" t="s">
        <v>1</v>
      </c>
      <c r="C57597" s="14" t="s">
        <v>59</v>
      </c>
      <c r="D57597" s="14" t="s">
        <v>313</v>
      </c>
      <c r="E57597" s="15">
        <v>45668</v>
      </c>
      <c r="F57597" s="14" t="s">
        <v>25</v>
      </c>
      <c r="G57597" s="16">
        <v>9.6827164894306511E-2</v>
      </c>
    </row>
    <row r="57598" spans="1:7" x14ac:dyDescent="0.3">
      <c r="A57598" s="13" t="s">
        <v>312</v>
      </c>
      <c r="B57598" s="14" t="s">
        <v>1</v>
      </c>
      <c r="C57598" s="14" t="s">
        <v>59</v>
      </c>
      <c r="D57598" s="14" t="s">
        <v>313</v>
      </c>
      <c r="E57598" s="15">
        <v>45669</v>
      </c>
      <c r="F57598" s="14" t="s">
        <v>25</v>
      </c>
      <c r="G57598" s="16">
        <v>9.6827164894306511E-2</v>
      </c>
    </row>
    <row r="57599" spans="1:7" x14ac:dyDescent="0.3">
      <c r="A57599" s="13" t="s">
        <v>312</v>
      </c>
      <c r="B57599" s="14" t="s">
        <v>1</v>
      </c>
      <c r="C57599" s="14" t="s">
        <v>59</v>
      </c>
      <c r="D57599" s="14" t="s">
        <v>313</v>
      </c>
      <c r="E57599" s="15">
        <v>45670</v>
      </c>
      <c r="F57599" s="14" t="s">
        <v>25</v>
      </c>
      <c r="G57599" s="16">
        <v>9.4543755733710266E-2</v>
      </c>
    </row>
    <row r="57600" spans="1:7" x14ac:dyDescent="0.3">
      <c r="A57600" s="13" t="s">
        <v>312</v>
      </c>
      <c r="B57600" s="14" t="s">
        <v>1</v>
      </c>
      <c r="C57600" s="14" t="s">
        <v>59</v>
      </c>
      <c r="D57600" s="14" t="s">
        <v>313</v>
      </c>
      <c r="E57600" s="15">
        <v>45671</v>
      </c>
      <c r="F57600" s="14" t="s">
        <v>25</v>
      </c>
      <c r="G57600" s="16">
        <v>8.7349247198862473E-2</v>
      </c>
    </row>
    <row r="57601" spans="1:7" x14ac:dyDescent="0.3">
      <c r="A57601" s="13" t="s">
        <v>312</v>
      </c>
      <c r="B57601" s="14" t="s">
        <v>1</v>
      </c>
      <c r="C57601" s="14" t="s">
        <v>59</v>
      </c>
      <c r="D57601" s="14" t="s">
        <v>313</v>
      </c>
      <c r="E57601" s="15">
        <v>45672</v>
      </c>
      <c r="F57601" s="14" t="s">
        <v>25</v>
      </c>
      <c r="G57601" s="16">
        <v>9.8708796027588239E-2</v>
      </c>
    </row>
    <row r="57602" spans="1:7" x14ac:dyDescent="0.3">
      <c r="A57602" s="13" t="s">
        <v>312</v>
      </c>
      <c r="B57602" s="14" t="s">
        <v>1</v>
      </c>
      <c r="C57602" s="14" t="s">
        <v>59</v>
      </c>
      <c r="D57602" s="14" t="s">
        <v>313</v>
      </c>
      <c r="E57602" s="15">
        <v>45673</v>
      </c>
      <c r="F57602" s="14" t="s">
        <v>25</v>
      </c>
      <c r="G57602" s="16">
        <v>9.6231974641749485E-2</v>
      </c>
    </row>
    <row r="57603" spans="1:7" x14ac:dyDescent="0.3">
      <c r="A57603" s="13" t="s">
        <v>312</v>
      </c>
      <c r="B57603" s="14" t="s">
        <v>1</v>
      </c>
      <c r="C57603" s="14" t="s">
        <v>59</v>
      </c>
      <c r="D57603" s="14" t="s">
        <v>313</v>
      </c>
      <c r="E57603" s="15">
        <v>45674</v>
      </c>
      <c r="F57603" s="14" t="s">
        <v>25</v>
      </c>
      <c r="G57603" s="16">
        <v>9.4407046143783424E-2</v>
      </c>
    </row>
    <row r="57604" spans="1:7" x14ac:dyDescent="0.3">
      <c r="A57604" s="13" t="s">
        <v>312</v>
      </c>
      <c r="B57604" s="14" t="s">
        <v>1</v>
      </c>
      <c r="C57604" s="14" t="s">
        <v>59</v>
      </c>
      <c r="D57604" s="14" t="s">
        <v>313</v>
      </c>
      <c r="E57604" s="15">
        <v>45675</v>
      </c>
      <c r="F57604" s="14" t="s">
        <v>25</v>
      </c>
      <c r="G57604" s="16">
        <v>9.4407046143783424E-2</v>
      </c>
    </row>
    <row r="57605" spans="1:7" x14ac:dyDescent="0.3">
      <c r="A57605" s="13" t="s">
        <v>312</v>
      </c>
      <c r="B57605" s="14" t="s">
        <v>1</v>
      </c>
      <c r="C57605" s="14" t="s">
        <v>59</v>
      </c>
      <c r="D57605" s="14" t="s">
        <v>313</v>
      </c>
      <c r="E57605" s="15">
        <v>45676</v>
      </c>
      <c r="F57605" s="14" t="s">
        <v>25</v>
      </c>
      <c r="G57605" s="16">
        <v>9.4407046143783424E-2</v>
      </c>
    </row>
    <row r="57606" spans="1:7" x14ac:dyDescent="0.3">
      <c r="A57606" s="13" t="s">
        <v>312</v>
      </c>
      <c r="B57606" s="14" t="s">
        <v>1</v>
      </c>
      <c r="C57606" s="14" t="s">
        <v>59</v>
      </c>
      <c r="D57606" s="14" t="s">
        <v>313</v>
      </c>
      <c r="E57606" s="15">
        <v>45677</v>
      </c>
      <c r="F57606" s="14" t="s">
        <v>25</v>
      </c>
      <c r="G57606" s="16">
        <v>9.1231399938162788E-2</v>
      </c>
    </row>
    <row r="57607" spans="1:7" x14ac:dyDescent="0.3">
      <c r="A57607" s="13" t="s">
        <v>312</v>
      </c>
      <c r="B57607" s="14" t="s">
        <v>1</v>
      </c>
      <c r="C57607" s="14" t="s">
        <v>59</v>
      </c>
      <c r="D57607" s="14" t="s">
        <v>313</v>
      </c>
      <c r="E57607" s="15">
        <v>45678</v>
      </c>
      <c r="F57607" s="14" t="s">
        <v>25</v>
      </c>
      <c r="G57607" s="16">
        <v>8.436095704688587E-2</v>
      </c>
    </row>
    <row r="57608" spans="1:7" x14ac:dyDescent="0.3">
      <c r="A57608" s="13" t="s">
        <v>312</v>
      </c>
      <c r="B57608" s="14" t="s">
        <v>1</v>
      </c>
      <c r="C57608" s="14" t="s">
        <v>59</v>
      </c>
      <c r="D57608" s="14" t="s">
        <v>313</v>
      </c>
      <c r="E57608" s="15">
        <v>45679</v>
      </c>
      <c r="F57608" s="14" t="s">
        <v>25</v>
      </c>
      <c r="G57608" s="16">
        <v>8.2118341642955256E-2</v>
      </c>
    </row>
    <row r="57609" spans="1:7" x14ac:dyDescent="0.3">
      <c r="A57609" s="13" t="s">
        <v>312</v>
      </c>
      <c r="B57609" s="14" t="s">
        <v>1</v>
      </c>
      <c r="C57609" s="14" t="s">
        <v>59</v>
      </c>
      <c r="D57609" s="14" t="s">
        <v>313</v>
      </c>
      <c r="E57609" s="15">
        <v>45680</v>
      </c>
      <c r="F57609" s="14" t="s">
        <v>25</v>
      </c>
      <c r="G57609" s="16">
        <v>7.9864274882422551E-2</v>
      </c>
    </row>
    <row r="57610" spans="1:7" x14ac:dyDescent="0.3">
      <c r="A57610" s="13" t="s">
        <v>312</v>
      </c>
      <c r="B57610" s="14" t="s">
        <v>1</v>
      </c>
      <c r="C57610" s="14" t="s">
        <v>59</v>
      </c>
      <c r="D57610" s="14" t="s">
        <v>313</v>
      </c>
      <c r="E57610" s="15">
        <v>45681</v>
      </c>
      <c r="F57610" s="14" t="s">
        <v>25</v>
      </c>
      <c r="G57610" s="16">
        <v>7.7424618233036452E-2</v>
      </c>
    </row>
    <row r="57611" spans="1:7" x14ac:dyDescent="0.3">
      <c r="A57611" s="13" t="s">
        <v>312</v>
      </c>
      <c r="B57611" s="14" t="s">
        <v>1</v>
      </c>
      <c r="C57611" s="14" t="s">
        <v>59</v>
      </c>
      <c r="D57611" s="14" t="s">
        <v>313</v>
      </c>
      <c r="E57611" s="15">
        <v>45682</v>
      </c>
      <c r="F57611" s="14" t="s">
        <v>25</v>
      </c>
      <c r="G57611" s="16">
        <v>7.7424618233036452E-2</v>
      </c>
    </row>
    <row r="57612" spans="1:7" x14ac:dyDescent="0.3">
      <c r="A57612" s="13" t="s">
        <v>312</v>
      </c>
      <c r="B57612" s="14" t="s">
        <v>1</v>
      </c>
      <c r="C57612" s="14" t="s">
        <v>59</v>
      </c>
      <c r="D57612" s="14" t="s">
        <v>313</v>
      </c>
      <c r="E57612" s="15">
        <v>45683</v>
      </c>
      <c r="F57612" s="14" t="s">
        <v>25</v>
      </c>
      <c r="G57612" s="16">
        <v>7.7424618233036452E-2</v>
      </c>
    </row>
    <row r="57613" spans="1:7" x14ac:dyDescent="0.3">
      <c r="A57613" s="13" t="s">
        <v>312</v>
      </c>
      <c r="B57613" s="14" t="s">
        <v>1</v>
      </c>
      <c r="C57613" s="14" t="s">
        <v>59</v>
      </c>
      <c r="D57613" s="14" t="s">
        <v>313</v>
      </c>
      <c r="E57613" s="15">
        <v>45684</v>
      </c>
      <c r="F57613" s="14" t="s">
        <v>25</v>
      </c>
      <c r="G57613" s="16">
        <v>7.4794006532804533E-2</v>
      </c>
    </row>
    <row r="57614" spans="1:7" x14ac:dyDescent="0.3">
      <c r="A57614" s="13" t="s">
        <v>312</v>
      </c>
      <c r="B57614" s="14" t="s">
        <v>1</v>
      </c>
      <c r="C57614" s="14" t="s">
        <v>59</v>
      </c>
      <c r="D57614" s="14" t="s">
        <v>313</v>
      </c>
      <c r="E57614" s="15">
        <v>45685</v>
      </c>
      <c r="F57614" s="14" t="s">
        <v>25</v>
      </c>
      <c r="G57614" s="16">
        <v>6.8000861873591611E-2</v>
      </c>
    </row>
    <row r="57615" spans="1:7" x14ac:dyDescent="0.3">
      <c r="A57615" s="13" t="s">
        <v>312</v>
      </c>
      <c r="B57615" s="14" t="s">
        <v>1</v>
      </c>
      <c r="C57615" s="14" t="s">
        <v>59</v>
      </c>
      <c r="D57615" s="14" t="s">
        <v>313</v>
      </c>
      <c r="E57615" s="15">
        <v>45686</v>
      </c>
      <c r="F57615" s="14" t="s">
        <v>25</v>
      </c>
      <c r="G57615" s="16">
        <v>6.5884844941319576E-2</v>
      </c>
    </row>
    <row r="57616" spans="1:7" x14ac:dyDescent="0.3">
      <c r="A57616" s="13" t="s">
        <v>312</v>
      </c>
      <c r="B57616" s="14" t="s">
        <v>1</v>
      </c>
      <c r="C57616" s="14" t="s">
        <v>59</v>
      </c>
      <c r="D57616" s="14" t="s">
        <v>313</v>
      </c>
      <c r="E57616" s="15">
        <v>45687</v>
      </c>
      <c r="F57616" s="14" t="s">
        <v>25</v>
      </c>
      <c r="G57616" s="16">
        <v>6.3762025024624899E-2</v>
      </c>
    </row>
    <row r="57617" spans="1:7" x14ac:dyDescent="0.3">
      <c r="A57617" s="13" t="s">
        <v>312</v>
      </c>
      <c r="B57617" s="14" t="s">
        <v>1</v>
      </c>
      <c r="C57617" s="14" t="s">
        <v>59</v>
      </c>
      <c r="D57617" s="14" t="s">
        <v>313</v>
      </c>
      <c r="E57617" s="15">
        <v>45688</v>
      </c>
      <c r="F57617" s="14" t="s">
        <v>25</v>
      </c>
      <c r="G57617" s="16">
        <v>6.1530289017533948E-2</v>
      </c>
    </row>
    <row r="57618" spans="1:7" x14ac:dyDescent="0.3">
      <c r="A57618" s="13" t="s">
        <v>312</v>
      </c>
      <c r="B57618" s="14" t="s">
        <v>1</v>
      </c>
      <c r="C57618" s="14" t="s">
        <v>59</v>
      </c>
      <c r="D57618" s="14" t="s">
        <v>313</v>
      </c>
      <c r="E57618" s="15">
        <v>45689</v>
      </c>
      <c r="F57618" s="14" t="s">
        <v>25</v>
      </c>
      <c r="G57618" s="16">
        <v>6.1530289017533948E-2</v>
      </c>
    </row>
    <row r="57619" spans="1:7" x14ac:dyDescent="0.3">
      <c r="A57619" s="13" t="s">
        <v>312</v>
      </c>
      <c r="B57619" s="14" t="s">
        <v>1</v>
      </c>
      <c r="C57619" s="14" t="s">
        <v>59</v>
      </c>
      <c r="D57619" s="14" t="s">
        <v>313</v>
      </c>
      <c r="E57619" s="15">
        <v>45690</v>
      </c>
      <c r="F57619" s="14" t="s">
        <v>25</v>
      </c>
      <c r="G57619" s="16">
        <v>6.1530289017533948E-2</v>
      </c>
    </row>
    <row r="57620" spans="1:7" x14ac:dyDescent="0.3">
      <c r="A57620" s="13" t="s">
        <v>312</v>
      </c>
      <c r="B57620" s="14" t="s">
        <v>1</v>
      </c>
      <c r="C57620" s="14" t="s">
        <v>59</v>
      </c>
      <c r="D57620" s="14" t="s">
        <v>313</v>
      </c>
      <c r="E57620" s="15">
        <v>45691</v>
      </c>
      <c r="F57620" s="14" t="s">
        <v>25</v>
      </c>
      <c r="G57620" s="16">
        <v>6.1530289017533948E-2</v>
      </c>
    </row>
    <row r="57621" spans="1:7" x14ac:dyDescent="0.3">
      <c r="A57621" s="13" t="s">
        <v>312</v>
      </c>
      <c r="B57621" s="14" t="s">
        <v>1</v>
      </c>
      <c r="C57621" s="14" t="s">
        <v>59</v>
      </c>
      <c r="D57621" s="14" t="s">
        <v>313</v>
      </c>
      <c r="E57621" s="15">
        <v>45692</v>
      </c>
      <c r="F57621" s="14" t="s">
        <v>25</v>
      </c>
      <c r="G57621" s="16">
        <v>5.8842852586877492E-2</v>
      </c>
    </row>
    <row r="57622" spans="1:7" x14ac:dyDescent="0.3">
      <c r="A57622" s="13" t="s">
        <v>312</v>
      </c>
      <c r="B57622" s="14" t="s">
        <v>1</v>
      </c>
      <c r="C57622" s="14" t="s">
        <v>59</v>
      </c>
      <c r="D57622" s="14" t="s">
        <v>313</v>
      </c>
      <c r="E57622" s="15">
        <v>45693</v>
      </c>
      <c r="F57622" s="14" t="s">
        <v>25</v>
      </c>
      <c r="G57622" s="16">
        <v>7.9529137583101553E-2</v>
      </c>
    </row>
    <row r="57623" spans="1:7" x14ac:dyDescent="0.3">
      <c r="A57623" s="13" t="s">
        <v>312</v>
      </c>
      <c r="B57623" s="14" t="s">
        <v>1</v>
      </c>
      <c r="C57623" s="14" t="s">
        <v>59</v>
      </c>
      <c r="D57623" s="14" t="s">
        <v>313</v>
      </c>
      <c r="E57623" s="15">
        <v>45694</v>
      </c>
      <c r="F57623" s="14" t="s">
        <v>25</v>
      </c>
      <c r="G57623" s="16">
        <v>7.7487742257149772E-2</v>
      </c>
    </row>
    <row r="57624" spans="1:7" x14ac:dyDescent="0.3">
      <c r="A57624" s="13" t="s">
        <v>312</v>
      </c>
      <c r="B57624" s="14" t="s">
        <v>1</v>
      </c>
      <c r="C57624" s="14" t="s">
        <v>59</v>
      </c>
      <c r="D57624" s="14" t="s">
        <v>313</v>
      </c>
      <c r="E57624" s="15">
        <v>45695</v>
      </c>
      <c r="F57624" s="14" t="s">
        <v>25</v>
      </c>
      <c r="G57624" s="16">
        <v>8.7211612835835436E-2</v>
      </c>
    </row>
    <row r="57625" spans="1:7" x14ac:dyDescent="0.3">
      <c r="A57625" s="13" t="s">
        <v>312</v>
      </c>
      <c r="B57625" s="14" t="s">
        <v>1</v>
      </c>
      <c r="C57625" s="14" t="s">
        <v>59</v>
      </c>
      <c r="D57625" s="14" t="s">
        <v>313</v>
      </c>
      <c r="E57625" s="15">
        <v>45696</v>
      </c>
      <c r="F57625" s="14" t="s">
        <v>25</v>
      </c>
      <c r="G57625" s="16">
        <v>8.7211612835835436E-2</v>
      </c>
    </row>
    <row r="57626" spans="1:7" x14ac:dyDescent="0.3">
      <c r="A57626" s="13" t="s">
        <v>312</v>
      </c>
      <c r="B57626" s="14" t="s">
        <v>1</v>
      </c>
      <c r="C57626" s="14" t="s">
        <v>59</v>
      </c>
      <c r="D57626" s="14" t="s">
        <v>313</v>
      </c>
      <c r="E57626" s="15">
        <v>45697</v>
      </c>
      <c r="F57626" s="14" t="s">
        <v>25</v>
      </c>
      <c r="G57626" s="16">
        <v>8.7211612835835436E-2</v>
      </c>
    </row>
    <row r="57627" spans="1:7" x14ac:dyDescent="0.3">
      <c r="A57627" s="13" t="s">
        <v>312</v>
      </c>
      <c r="B57627" s="14" t="s">
        <v>1</v>
      </c>
      <c r="C57627" s="14" t="s">
        <v>59</v>
      </c>
      <c r="D57627" s="14" t="s">
        <v>313</v>
      </c>
      <c r="E57627" s="15">
        <v>45698</v>
      </c>
      <c r="F57627" s="14" t="s">
        <v>25</v>
      </c>
      <c r="G57627" s="16">
        <v>8.5024728223895216E-2</v>
      </c>
    </row>
    <row r="57628" spans="1:7" x14ac:dyDescent="0.3">
      <c r="A57628" s="13" t="s">
        <v>312</v>
      </c>
      <c r="B57628" s="14" t="s">
        <v>1</v>
      </c>
      <c r="C57628" s="14" t="s">
        <v>59</v>
      </c>
      <c r="D57628" s="14" t="s">
        <v>313</v>
      </c>
      <c r="E57628" s="15">
        <v>45699</v>
      </c>
      <c r="F57628" s="14" t="s">
        <v>25</v>
      </c>
      <c r="G57628" s="16">
        <v>7.8224657748760737E-2</v>
      </c>
    </row>
    <row r="57629" spans="1:7" x14ac:dyDescent="0.3">
      <c r="A57629" s="13" t="s">
        <v>312</v>
      </c>
      <c r="B57629" s="14" t="s">
        <v>1</v>
      </c>
      <c r="C57629" s="14" t="s">
        <v>59</v>
      </c>
      <c r="D57629" s="14" t="s">
        <v>313</v>
      </c>
      <c r="E57629" s="15">
        <v>45700</v>
      </c>
      <c r="F57629" s="14" t="s">
        <v>25</v>
      </c>
      <c r="G57629" s="16">
        <v>7.595699116079789E-2</v>
      </c>
    </row>
    <row r="57630" spans="1:7" x14ac:dyDescent="0.3">
      <c r="A57630" s="13" t="s">
        <v>312</v>
      </c>
      <c r="B57630" s="14" t="s">
        <v>1</v>
      </c>
      <c r="C57630" s="14" t="s">
        <v>59</v>
      </c>
      <c r="D57630" s="14" t="s">
        <v>313</v>
      </c>
      <c r="E57630" s="15">
        <v>45701</v>
      </c>
      <c r="F57630" s="14" t="s">
        <v>25</v>
      </c>
      <c r="G57630" s="16">
        <v>7.2784627682467615E-2</v>
      </c>
    </row>
    <row r="57631" spans="1:7" x14ac:dyDescent="0.3">
      <c r="A57631" s="13" t="s">
        <v>312</v>
      </c>
      <c r="B57631" s="14" t="s">
        <v>1</v>
      </c>
      <c r="C57631" s="14" t="s">
        <v>59</v>
      </c>
      <c r="D57631" s="14" t="s">
        <v>313</v>
      </c>
      <c r="E57631" s="15">
        <v>45702</v>
      </c>
      <c r="F57631" s="14" t="s">
        <v>25</v>
      </c>
      <c r="G57631" s="16">
        <v>7.0208143065395717E-2</v>
      </c>
    </row>
    <row r="57632" spans="1:7" x14ac:dyDescent="0.3">
      <c r="A57632" s="13" t="s">
        <v>312</v>
      </c>
      <c r="B57632" s="14" t="s">
        <v>1</v>
      </c>
      <c r="C57632" s="14" t="s">
        <v>59</v>
      </c>
      <c r="D57632" s="14" t="s">
        <v>313</v>
      </c>
      <c r="E57632" s="15">
        <v>45703</v>
      </c>
      <c r="F57632" s="14" t="s">
        <v>25</v>
      </c>
      <c r="G57632" s="16">
        <v>7.0208143065395717E-2</v>
      </c>
    </row>
    <row r="57633" spans="1:7" x14ac:dyDescent="0.3">
      <c r="A57633" s="13" t="s">
        <v>312</v>
      </c>
      <c r="B57633" s="14" t="s">
        <v>1</v>
      </c>
      <c r="C57633" s="14" t="s">
        <v>59</v>
      </c>
      <c r="D57633" s="14" t="s">
        <v>313</v>
      </c>
      <c r="E57633" s="15">
        <v>45704</v>
      </c>
      <c r="F57633" s="14" t="s">
        <v>25</v>
      </c>
      <c r="G57633" s="16">
        <v>7.0208143065395717E-2</v>
      </c>
    </row>
    <row r="57634" spans="1:7" x14ac:dyDescent="0.3">
      <c r="A57634" s="13" t="s">
        <v>312</v>
      </c>
      <c r="B57634" s="14" t="s">
        <v>1</v>
      </c>
      <c r="C57634" s="14" t="s">
        <v>59</v>
      </c>
      <c r="D57634" s="14" t="s">
        <v>313</v>
      </c>
      <c r="E57634" s="15">
        <v>45705</v>
      </c>
      <c r="F57634" s="14" t="s">
        <v>25</v>
      </c>
      <c r="G57634" s="16">
        <v>6.8019217914772542E-2</v>
      </c>
    </row>
    <row r="57635" spans="1:7" x14ac:dyDescent="0.3">
      <c r="A57635" s="13" t="s">
        <v>312</v>
      </c>
      <c r="B57635" s="14" t="s">
        <v>1</v>
      </c>
      <c r="C57635" s="14" t="s">
        <v>59</v>
      </c>
      <c r="D57635" s="14" t="s">
        <v>313</v>
      </c>
      <c r="E57635" s="15">
        <v>45706</v>
      </c>
      <c r="F57635" s="14" t="s">
        <v>25</v>
      </c>
      <c r="G57635" s="16">
        <v>6.1185954327530524E-2</v>
      </c>
    </row>
    <row r="57636" spans="1:7" x14ac:dyDescent="0.3">
      <c r="A57636" s="13" t="s">
        <v>312</v>
      </c>
      <c r="B57636" s="14" t="s">
        <v>1</v>
      </c>
      <c r="C57636" s="14" t="s">
        <v>59</v>
      </c>
      <c r="D57636" s="14" t="s">
        <v>313</v>
      </c>
      <c r="E57636" s="15">
        <v>45707</v>
      </c>
      <c r="F57636" s="14" t="s">
        <v>25</v>
      </c>
      <c r="G57636" s="16">
        <v>6.2782707248277808E-2</v>
      </c>
    </row>
    <row r="57637" spans="1:7" x14ac:dyDescent="0.3">
      <c r="A57637" s="13" t="s">
        <v>312</v>
      </c>
      <c r="B57637" s="14" t="s">
        <v>1</v>
      </c>
      <c r="C57637" s="14" t="s">
        <v>59</v>
      </c>
      <c r="D57637" s="14" t="s">
        <v>313</v>
      </c>
      <c r="E57637" s="15">
        <v>45708</v>
      </c>
      <c r="F57637" s="14" t="s">
        <v>25</v>
      </c>
      <c r="G57637" s="16">
        <v>5.9992629571091194E-2</v>
      </c>
    </row>
    <row r="57638" spans="1:7" x14ac:dyDescent="0.3">
      <c r="A57638" s="13" t="s">
        <v>312</v>
      </c>
      <c r="B57638" s="14" t="s">
        <v>1</v>
      </c>
      <c r="C57638" s="14" t="s">
        <v>59</v>
      </c>
      <c r="D57638" s="14" t="s">
        <v>313</v>
      </c>
      <c r="E57638" s="15">
        <v>45709</v>
      </c>
      <c r="F57638" s="14" t="s">
        <v>25</v>
      </c>
      <c r="G57638" s="16">
        <v>5.7674136495189876E-2</v>
      </c>
    </row>
    <row r="57639" spans="1:7" x14ac:dyDescent="0.3">
      <c r="A57639" s="13" t="s">
        <v>312</v>
      </c>
      <c r="B57639" s="14" t="s">
        <v>1</v>
      </c>
      <c r="C57639" s="14" t="s">
        <v>59</v>
      </c>
      <c r="D57639" s="14" t="s">
        <v>313</v>
      </c>
      <c r="E57639" s="15">
        <v>45710</v>
      </c>
      <c r="F57639" s="14" t="s">
        <v>25</v>
      </c>
      <c r="G57639" s="16">
        <v>5.7674136495189876E-2</v>
      </c>
    </row>
    <row r="57640" spans="1:7" x14ac:dyDescent="0.3">
      <c r="A57640" s="13" t="s">
        <v>312</v>
      </c>
      <c r="B57640" s="14" t="s">
        <v>1</v>
      </c>
      <c r="C57640" s="14" t="s">
        <v>59</v>
      </c>
      <c r="D57640" s="14" t="s">
        <v>313</v>
      </c>
      <c r="E57640" s="15">
        <v>45711</v>
      </c>
      <c r="F57640" s="14" t="s">
        <v>25</v>
      </c>
      <c r="G57640" s="16">
        <v>5.7674136495189876E-2</v>
      </c>
    </row>
    <row r="57641" spans="1:7" x14ac:dyDescent="0.3">
      <c r="A57641" s="13" t="s">
        <v>312</v>
      </c>
      <c r="B57641" s="14" t="s">
        <v>1</v>
      </c>
      <c r="C57641" s="14" t="s">
        <v>59</v>
      </c>
      <c r="D57641" s="14" t="s">
        <v>313</v>
      </c>
      <c r="E57641" s="15">
        <v>45712</v>
      </c>
      <c r="F57641" s="14" t="s">
        <v>25</v>
      </c>
      <c r="G57641" s="16">
        <v>6.4584468978943446E-2</v>
      </c>
    </row>
    <row r="57642" spans="1:7" x14ac:dyDescent="0.3">
      <c r="A57642" s="13" t="s">
        <v>312</v>
      </c>
      <c r="B57642" s="14" t="s">
        <v>1</v>
      </c>
      <c r="C57642" s="14" t="s">
        <v>59</v>
      </c>
      <c r="D57642" s="14" t="s">
        <v>313</v>
      </c>
      <c r="E57642" s="15">
        <v>45713</v>
      </c>
      <c r="F57642" s="14" t="s">
        <v>25</v>
      </c>
      <c r="G57642" s="16">
        <v>5.7365562615689848E-2</v>
      </c>
    </row>
    <row r="57643" spans="1:7" x14ac:dyDescent="0.3">
      <c r="A57643" s="13" t="s">
        <v>312</v>
      </c>
      <c r="B57643" s="14" t="s">
        <v>1</v>
      </c>
      <c r="C57643" s="14" t="s">
        <v>59</v>
      </c>
      <c r="D57643" s="14" t="s">
        <v>313</v>
      </c>
      <c r="E57643" s="15">
        <v>45714</v>
      </c>
      <c r="F57643" s="14" t="s">
        <v>25</v>
      </c>
      <c r="G57643" s="16">
        <v>5.5163799739249793E-2</v>
      </c>
    </row>
    <row r="57644" spans="1:7" x14ac:dyDescent="0.3">
      <c r="A57644" s="13" t="s">
        <v>312</v>
      </c>
      <c r="B57644" s="14" t="s">
        <v>1</v>
      </c>
      <c r="C57644" s="14" t="s">
        <v>59</v>
      </c>
      <c r="D57644" s="14" t="s">
        <v>313</v>
      </c>
      <c r="E57644" s="15">
        <v>45715</v>
      </c>
      <c r="F57644" s="14" t="s">
        <v>25</v>
      </c>
      <c r="G57644" s="16">
        <v>5.3133531408977398E-2</v>
      </c>
    </row>
    <row r="57645" spans="1:7" x14ac:dyDescent="0.3">
      <c r="A57645" s="13" t="s">
        <v>312</v>
      </c>
      <c r="B57645" s="14" t="s">
        <v>1</v>
      </c>
      <c r="C57645" s="14" t="s">
        <v>59</v>
      </c>
      <c r="D57645" s="14" t="s">
        <v>313</v>
      </c>
      <c r="E57645" s="15">
        <v>45716</v>
      </c>
      <c r="F57645" s="14" t="s">
        <v>25</v>
      </c>
      <c r="G57645" s="16">
        <v>5.1018600080673673E-2</v>
      </c>
    </row>
    <row r="57646" spans="1:7" x14ac:dyDescent="0.3">
      <c r="A57646" s="13" t="s">
        <v>312</v>
      </c>
      <c r="B57646" s="14" t="s">
        <v>1</v>
      </c>
      <c r="C57646" s="14" t="s">
        <v>59</v>
      </c>
      <c r="D57646" s="14" t="s">
        <v>313</v>
      </c>
      <c r="E57646" s="15">
        <v>45717</v>
      </c>
      <c r="F57646" s="14" t="s">
        <v>25</v>
      </c>
      <c r="G57646" s="16">
        <v>5.1018600080673673E-2</v>
      </c>
    </row>
    <row r="57647" spans="1:7" x14ac:dyDescent="0.3">
      <c r="A57647" s="13" t="s">
        <v>312</v>
      </c>
      <c r="B57647" s="14" t="s">
        <v>1</v>
      </c>
      <c r="C57647" s="14" t="s">
        <v>59</v>
      </c>
      <c r="D57647" s="14" t="s">
        <v>313</v>
      </c>
      <c r="E57647" s="15">
        <v>45718</v>
      </c>
      <c r="F57647" s="14" t="s">
        <v>25</v>
      </c>
      <c r="G57647" s="16">
        <v>5.1018600080673673E-2</v>
      </c>
    </row>
    <row r="57648" spans="1:7" x14ac:dyDescent="0.3">
      <c r="A57648" s="13" t="s">
        <v>312</v>
      </c>
      <c r="B57648" s="14" t="s">
        <v>1</v>
      </c>
      <c r="C57648" s="14" t="s">
        <v>59</v>
      </c>
      <c r="D57648" s="14" t="s">
        <v>313</v>
      </c>
      <c r="E57648" s="15">
        <v>45719</v>
      </c>
      <c r="F57648" s="14" t="s">
        <v>25</v>
      </c>
      <c r="G57648" s="16">
        <v>4.8338350221942702E-2</v>
      </c>
    </row>
    <row r="57649" spans="1:7" x14ac:dyDescent="0.3">
      <c r="A57649" s="13" t="s">
        <v>312</v>
      </c>
      <c r="B57649" s="14" t="s">
        <v>1</v>
      </c>
      <c r="C57649" s="14" t="s">
        <v>59</v>
      </c>
      <c r="D57649" s="14" t="s">
        <v>313</v>
      </c>
      <c r="E57649" s="15">
        <v>45720</v>
      </c>
      <c r="F57649" s="14" t="s">
        <v>25</v>
      </c>
      <c r="G57649" s="16">
        <v>4.3201244939240782E-2</v>
      </c>
    </row>
    <row r="57650" spans="1:7" x14ac:dyDescent="0.3">
      <c r="A57650" s="13" t="s">
        <v>312</v>
      </c>
      <c r="B57650" s="14" t="s">
        <v>1</v>
      </c>
      <c r="C57650" s="14" t="s">
        <v>59</v>
      </c>
      <c r="D57650" s="14" t="s">
        <v>313</v>
      </c>
      <c r="E57650" s="15">
        <v>45721</v>
      </c>
      <c r="F57650" s="14" t="s">
        <v>25</v>
      </c>
      <c r="G57650" s="16">
        <v>4.0971323766921579E-2</v>
      </c>
    </row>
    <row r="57651" spans="1:7" x14ac:dyDescent="0.3">
      <c r="A57651" s="13" t="s">
        <v>312</v>
      </c>
      <c r="B57651" s="14" t="s">
        <v>1</v>
      </c>
      <c r="C57651" s="14" t="s">
        <v>59</v>
      </c>
      <c r="D57651" s="14" t="s">
        <v>313</v>
      </c>
      <c r="E57651" s="15">
        <v>45722</v>
      </c>
      <c r="F57651" s="14" t="s">
        <v>25</v>
      </c>
      <c r="G57651" s="16">
        <v>3.8380030198681456E-2</v>
      </c>
    </row>
    <row r="57652" spans="1:7" x14ac:dyDescent="0.3">
      <c r="A57652" s="13" t="s">
        <v>312</v>
      </c>
      <c r="B57652" s="14" t="s">
        <v>1</v>
      </c>
      <c r="C57652" s="14" t="s">
        <v>59</v>
      </c>
      <c r="D57652" s="14" t="s">
        <v>313</v>
      </c>
      <c r="E57652" s="15">
        <v>45723</v>
      </c>
      <c r="F57652" s="14" t="s">
        <v>25</v>
      </c>
      <c r="G57652" s="16">
        <v>3.5951188971829307E-2</v>
      </c>
    </row>
    <row r="57653" spans="1:7" x14ac:dyDescent="0.3">
      <c r="A57653" s="13" t="s">
        <v>312</v>
      </c>
      <c r="B57653" s="14" t="s">
        <v>1</v>
      </c>
      <c r="C57653" s="14" t="s">
        <v>59</v>
      </c>
      <c r="D57653" s="14" t="s">
        <v>313</v>
      </c>
      <c r="E57653" s="15">
        <v>45724</v>
      </c>
      <c r="F57653" s="14" t="s">
        <v>25</v>
      </c>
      <c r="G57653" s="16">
        <v>3.5951188971829307E-2</v>
      </c>
    </row>
    <row r="57654" spans="1:7" x14ac:dyDescent="0.3">
      <c r="A57654" s="13" t="s">
        <v>312</v>
      </c>
      <c r="B57654" s="14" t="s">
        <v>1</v>
      </c>
      <c r="C57654" s="14" t="s">
        <v>59</v>
      </c>
      <c r="D57654" s="14" t="s">
        <v>313</v>
      </c>
      <c r="E57654" s="15">
        <v>45725</v>
      </c>
      <c r="F57654" s="14" t="s">
        <v>25</v>
      </c>
      <c r="G57654" s="16">
        <v>3.5951188971829307E-2</v>
      </c>
    </row>
    <row r="57655" spans="1:7" x14ac:dyDescent="0.3">
      <c r="A57655" s="13" t="s">
        <v>312</v>
      </c>
      <c r="B57655" s="14" t="s">
        <v>1</v>
      </c>
      <c r="C57655" s="14" t="s">
        <v>59</v>
      </c>
      <c r="D57655" s="14" t="s">
        <v>313</v>
      </c>
      <c r="E57655" s="15">
        <v>45726</v>
      </c>
      <c r="F57655" s="14" t="s">
        <v>25</v>
      </c>
      <c r="G57655" s="16">
        <v>3.372292564708549E-2</v>
      </c>
    </row>
    <row r="57656" spans="1:7" x14ac:dyDescent="0.3">
      <c r="A57656" s="13" t="s">
        <v>312</v>
      </c>
      <c r="B57656" s="14" t="s">
        <v>1</v>
      </c>
      <c r="C57656" s="14" t="s">
        <v>59</v>
      </c>
      <c r="D57656" s="14" t="s">
        <v>313</v>
      </c>
      <c r="E57656" s="15">
        <v>45727</v>
      </c>
      <c r="F57656" s="14" t="s">
        <v>25</v>
      </c>
      <c r="G57656" s="16">
        <v>2.695882731821914E-2</v>
      </c>
    </row>
    <row r="57657" spans="1:7" x14ac:dyDescent="0.3">
      <c r="A57657" s="13" t="s">
        <v>312</v>
      </c>
      <c r="B57657" s="14" t="s">
        <v>1</v>
      </c>
      <c r="C57657" s="14" t="s">
        <v>59</v>
      </c>
      <c r="D57657" s="14" t="s">
        <v>313</v>
      </c>
      <c r="E57657" s="15">
        <v>45728</v>
      </c>
      <c r="F57657" s="14" t="s">
        <v>25</v>
      </c>
      <c r="G57657" s="16">
        <v>2.4662791269696477E-2</v>
      </c>
    </row>
    <row r="57658" spans="1:7" x14ac:dyDescent="0.3">
      <c r="A57658" s="13" t="s">
        <v>312</v>
      </c>
      <c r="B57658" s="14" t="s">
        <v>1</v>
      </c>
      <c r="C57658" s="14" t="s">
        <v>59</v>
      </c>
      <c r="D57658" s="14" t="s">
        <v>313</v>
      </c>
      <c r="E57658" s="15">
        <v>45729</v>
      </c>
      <c r="F57658" s="14" t="s">
        <v>25</v>
      </c>
      <c r="G57658" s="16">
        <v>2.2428046551090378E-2</v>
      </c>
    </row>
    <row r="57659" spans="1:7" x14ac:dyDescent="0.3">
      <c r="A57659" s="13" t="s">
        <v>312</v>
      </c>
      <c r="B57659" s="14" t="s">
        <v>1</v>
      </c>
      <c r="C57659" s="14" t="s">
        <v>59</v>
      </c>
      <c r="D57659" s="14" t="s">
        <v>313</v>
      </c>
      <c r="E57659" s="15">
        <v>45730</v>
      </c>
      <c r="F57659" s="14" t="s">
        <v>25</v>
      </c>
      <c r="G57659" s="16">
        <v>3.1552542226242715E-2</v>
      </c>
    </row>
    <row r="57660" spans="1:7" x14ac:dyDescent="0.3">
      <c r="A57660" s="13" t="s">
        <v>312</v>
      </c>
      <c r="B57660" s="14" t="s">
        <v>1</v>
      </c>
      <c r="C57660" s="14" t="s">
        <v>59</v>
      </c>
      <c r="D57660" s="14" t="s">
        <v>313</v>
      </c>
      <c r="E57660" s="15">
        <v>45731</v>
      </c>
      <c r="F57660" s="14" t="s">
        <v>25</v>
      </c>
      <c r="G57660" s="16">
        <v>3.1552542226242715E-2</v>
      </c>
    </row>
    <row r="57661" spans="1:7" x14ac:dyDescent="0.3">
      <c r="A57661" s="13" t="s">
        <v>312</v>
      </c>
      <c r="B57661" s="14" t="s">
        <v>1</v>
      </c>
      <c r="C57661" s="14" t="s">
        <v>59</v>
      </c>
      <c r="D57661" s="14" t="s">
        <v>313</v>
      </c>
      <c r="E57661" s="15">
        <v>45732</v>
      </c>
      <c r="F57661" s="14" t="s">
        <v>25</v>
      </c>
      <c r="G57661" s="16">
        <v>3.1552542226242715E-2</v>
      </c>
    </row>
    <row r="57662" spans="1:7" x14ac:dyDescent="0.3">
      <c r="A57662" s="13" t="s">
        <v>312</v>
      </c>
      <c r="B57662" s="14" t="s">
        <v>1</v>
      </c>
      <c r="C57662" s="14" t="s">
        <v>59</v>
      </c>
      <c r="D57662" s="14" t="s">
        <v>313</v>
      </c>
      <c r="E57662" s="15">
        <v>45733</v>
      </c>
      <c r="F57662" s="14" t="s">
        <v>25</v>
      </c>
      <c r="G57662" s="16">
        <v>3.1552542226242715E-2</v>
      </c>
    </row>
    <row r="57663" spans="1:7" x14ac:dyDescent="0.3">
      <c r="A57663" s="13" t="s">
        <v>312</v>
      </c>
      <c r="B57663" s="14" t="s">
        <v>1</v>
      </c>
      <c r="C57663" s="14" t="s">
        <v>59</v>
      </c>
      <c r="D57663" s="14" t="s">
        <v>313</v>
      </c>
      <c r="E57663" s="15">
        <v>45734</v>
      </c>
      <c r="F57663" s="14" t="s">
        <v>25</v>
      </c>
      <c r="G57663" s="16">
        <v>2.9037380451673929E-2</v>
      </c>
    </row>
    <row r="57664" spans="1:7" x14ac:dyDescent="0.3">
      <c r="A57664" s="13" t="s">
        <v>312</v>
      </c>
      <c r="B57664" s="14" t="s">
        <v>1</v>
      </c>
      <c r="C57664" s="14" t="s">
        <v>59</v>
      </c>
      <c r="D57664" s="14" t="s">
        <v>313</v>
      </c>
      <c r="E57664" s="15">
        <v>45735</v>
      </c>
      <c r="F57664" s="14" t="s">
        <v>25</v>
      </c>
      <c r="G57664" s="16">
        <v>2.0203515438741347E-2</v>
      </c>
    </row>
    <row r="57665" spans="1:7" x14ac:dyDescent="0.3">
      <c r="A57665" s="13" t="s">
        <v>312</v>
      </c>
      <c r="B57665" s="14" t="s">
        <v>1</v>
      </c>
      <c r="C57665" s="14" t="s">
        <v>59</v>
      </c>
      <c r="D57665" s="14" t="s">
        <v>313</v>
      </c>
      <c r="E57665" s="15">
        <v>45736</v>
      </c>
      <c r="F57665" s="14" t="s">
        <v>25</v>
      </c>
      <c r="G57665" s="16">
        <v>1.8046196937760123E-2</v>
      </c>
    </row>
    <row r="57666" spans="1:7" x14ac:dyDescent="0.3">
      <c r="A57666" s="13" t="s">
        <v>312</v>
      </c>
      <c r="B57666" s="14" t="s">
        <v>1</v>
      </c>
      <c r="C57666" s="14" t="s">
        <v>59</v>
      </c>
      <c r="D57666" s="14" t="s">
        <v>313</v>
      </c>
      <c r="E57666" s="15">
        <v>45737</v>
      </c>
      <c r="F57666" s="14" t="s">
        <v>25</v>
      </c>
      <c r="G57666" s="16">
        <v>3.4596041163599253E-2</v>
      </c>
    </row>
    <row r="57667" spans="1:7" x14ac:dyDescent="0.3">
      <c r="A57667" s="13" t="s">
        <v>312</v>
      </c>
      <c r="B57667" s="14" t="s">
        <v>1</v>
      </c>
      <c r="C57667" s="14" t="s">
        <v>59</v>
      </c>
      <c r="D57667" s="14" t="s">
        <v>313</v>
      </c>
      <c r="E57667" s="15">
        <v>45738</v>
      </c>
      <c r="F57667" s="14" t="s">
        <v>25</v>
      </c>
      <c r="G57667" s="16">
        <v>3.4596041163599253E-2</v>
      </c>
    </row>
    <row r="57668" spans="1:7" x14ac:dyDescent="0.3">
      <c r="A57668" s="13" t="s">
        <v>312</v>
      </c>
      <c r="B57668" s="14" t="s">
        <v>1</v>
      </c>
      <c r="C57668" s="14" t="s">
        <v>59</v>
      </c>
      <c r="D57668" s="14" t="s">
        <v>313</v>
      </c>
      <c r="E57668" s="15">
        <v>45739</v>
      </c>
      <c r="F57668" s="14" t="s">
        <v>25</v>
      </c>
      <c r="G57668" s="16">
        <v>3.4596041163599253E-2</v>
      </c>
    </row>
    <row r="57669" spans="1:7" x14ac:dyDescent="0.3">
      <c r="A57669" s="13" t="s">
        <v>312</v>
      </c>
      <c r="B57669" s="14" t="s">
        <v>1</v>
      </c>
      <c r="C57669" s="14" t="s">
        <v>59</v>
      </c>
      <c r="D57669" s="14" t="s">
        <v>313</v>
      </c>
      <c r="E57669" s="15">
        <v>45740</v>
      </c>
      <c r="F57669" s="14" t="s">
        <v>25</v>
      </c>
      <c r="G57669" s="16">
        <v>3.232942174900124E-2</v>
      </c>
    </row>
    <row r="57670" spans="1:7" x14ac:dyDescent="0.3">
      <c r="A57670" s="13" t="s">
        <v>312</v>
      </c>
      <c r="B57670" s="14" t="s">
        <v>1</v>
      </c>
      <c r="C57670" s="14" t="s">
        <v>59</v>
      </c>
      <c r="D57670" s="14" t="s">
        <v>313</v>
      </c>
      <c r="E57670" s="15">
        <v>45741</v>
      </c>
      <c r="F57670" s="14" t="s">
        <v>25</v>
      </c>
      <c r="G57670" s="16">
        <v>2.559777130953695E-2</v>
      </c>
    </row>
    <row r="57671" spans="1:7" x14ac:dyDescent="0.3">
      <c r="A57671" s="13" t="s">
        <v>312</v>
      </c>
      <c r="B57671" s="14" t="s">
        <v>1</v>
      </c>
      <c r="C57671" s="14" t="s">
        <v>59</v>
      </c>
      <c r="D57671" s="14" t="s">
        <v>313</v>
      </c>
      <c r="E57671" s="15">
        <v>45742</v>
      </c>
      <c r="F57671" s="14" t="s">
        <v>25</v>
      </c>
      <c r="G57671" s="16">
        <v>2.3366457982080157E-2</v>
      </c>
    </row>
    <row r="57672" spans="1:7" x14ac:dyDescent="0.3">
      <c r="A57672" s="13" t="s">
        <v>312</v>
      </c>
      <c r="B57672" s="14" t="s">
        <v>1</v>
      </c>
      <c r="C57672" s="14" t="s">
        <v>59</v>
      </c>
      <c r="D57672" s="14" t="s">
        <v>313</v>
      </c>
      <c r="E57672" s="15">
        <v>45743</v>
      </c>
      <c r="F57672" s="14" t="s">
        <v>25</v>
      </c>
      <c r="G57672" s="16">
        <v>2.1044246560481553E-2</v>
      </c>
    </row>
    <row r="57673" spans="1:7" x14ac:dyDescent="0.3">
      <c r="A57673" s="13" t="s">
        <v>312</v>
      </c>
      <c r="B57673" s="14" t="s">
        <v>1</v>
      </c>
      <c r="C57673" s="14" t="s">
        <v>59</v>
      </c>
      <c r="D57673" s="14" t="s">
        <v>313</v>
      </c>
      <c r="E57673" s="15">
        <v>45744</v>
      </c>
      <c r="F57673" s="14" t="s">
        <v>25</v>
      </c>
      <c r="G57673" s="16">
        <v>1.8777560612300563E-2</v>
      </c>
    </row>
    <row r="57674" spans="1:7" x14ac:dyDescent="0.3">
      <c r="A57674" s="13" t="s">
        <v>312</v>
      </c>
      <c r="B57674" s="14" t="s">
        <v>1</v>
      </c>
      <c r="C57674" s="14" t="s">
        <v>59</v>
      </c>
      <c r="D57674" s="14" t="s">
        <v>313</v>
      </c>
      <c r="E57674" s="15">
        <v>45745</v>
      </c>
      <c r="F57674" s="14" t="s">
        <v>25</v>
      </c>
      <c r="G57674" s="16">
        <v>1.8777560612300563E-2</v>
      </c>
    </row>
    <row r="57675" spans="1:7" x14ac:dyDescent="0.3">
      <c r="A57675" s="13" t="s">
        <v>312</v>
      </c>
      <c r="B57675" s="14" t="s">
        <v>1</v>
      </c>
      <c r="C57675" s="14" t="s">
        <v>59</v>
      </c>
      <c r="D57675" s="14" t="s">
        <v>313</v>
      </c>
      <c r="E57675" s="15">
        <v>45746</v>
      </c>
      <c r="F57675" s="14" t="s">
        <v>25</v>
      </c>
      <c r="G57675" s="16">
        <v>1.8777560612300563E-2</v>
      </c>
    </row>
    <row r="57676" spans="1:7" x14ac:dyDescent="0.3">
      <c r="A57676" s="13" t="s">
        <v>312</v>
      </c>
      <c r="B57676" s="14" t="s">
        <v>1</v>
      </c>
      <c r="C57676" s="14" t="s">
        <v>59</v>
      </c>
      <c r="D57676" s="14" t="s">
        <v>313</v>
      </c>
      <c r="E57676" s="15">
        <v>45747</v>
      </c>
      <c r="F57676" s="14" t="s">
        <v>25</v>
      </c>
      <c r="G57676" s="16">
        <v>1.6606129043853442E-2</v>
      </c>
    </row>
    <row r="57677" spans="1:7" x14ac:dyDescent="0.3">
      <c r="A57677" s="13" t="s">
        <v>314</v>
      </c>
      <c r="B57677" s="14" t="s">
        <v>1</v>
      </c>
      <c r="C57677" s="14" t="s">
        <v>101</v>
      </c>
      <c r="D57677" s="14" t="s">
        <v>244</v>
      </c>
      <c r="E57677" s="15">
        <v>45383</v>
      </c>
      <c r="F57677" s="14" t="s">
        <v>61</v>
      </c>
      <c r="G57677" s="16">
        <v>0</v>
      </c>
    </row>
    <row r="57678" spans="1:7" x14ac:dyDescent="0.3">
      <c r="A57678" s="13" t="s">
        <v>314</v>
      </c>
      <c r="B57678" s="14" t="s">
        <v>1</v>
      </c>
      <c r="C57678" s="14" t="s">
        <v>101</v>
      </c>
      <c r="D57678" s="14" t="s">
        <v>244</v>
      </c>
      <c r="E57678" s="15">
        <v>45384</v>
      </c>
      <c r="F57678" s="14" t="s">
        <v>61</v>
      </c>
      <c r="G57678" s="16">
        <v>0</v>
      </c>
    </row>
    <row r="57679" spans="1:7" x14ac:dyDescent="0.3">
      <c r="A57679" s="13" t="s">
        <v>314</v>
      </c>
      <c r="B57679" s="14" t="s">
        <v>1</v>
      </c>
      <c r="C57679" s="14" t="s">
        <v>101</v>
      </c>
      <c r="D57679" s="14" t="s">
        <v>244</v>
      </c>
      <c r="E57679" s="15">
        <v>45385</v>
      </c>
      <c r="F57679" s="14" t="s">
        <v>61</v>
      </c>
      <c r="G57679" s="16">
        <v>0</v>
      </c>
    </row>
    <row r="57680" spans="1:7" x14ac:dyDescent="0.3">
      <c r="A57680" s="13" t="s">
        <v>314</v>
      </c>
      <c r="B57680" s="14" t="s">
        <v>1</v>
      </c>
      <c r="C57680" s="14" t="s">
        <v>101</v>
      </c>
      <c r="D57680" s="14" t="s">
        <v>244</v>
      </c>
      <c r="E57680" s="15">
        <v>45386</v>
      </c>
      <c r="F57680" s="14" t="s">
        <v>61</v>
      </c>
      <c r="G57680" s="16">
        <v>0</v>
      </c>
    </row>
    <row r="57681" spans="1:7" x14ac:dyDescent="0.3">
      <c r="A57681" s="13" t="s">
        <v>314</v>
      </c>
      <c r="B57681" s="14" t="s">
        <v>1</v>
      </c>
      <c r="C57681" s="14" t="s">
        <v>101</v>
      </c>
      <c r="D57681" s="14" t="s">
        <v>244</v>
      </c>
      <c r="E57681" s="15">
        <v>45387</v>
      </c>
      <c r="F57681" s="14" t="s">
        <v>61</v>
      </c>
      <c r="G57681" s="16">
        <v>3.9145371669830889E-3</v>
      </c>
    </row>
    <row r="57682" spans="1:7" x14ac:dyDescent="0.3">
      <c r="A57682" s="13" t="s">
        <v>314</v>
      </c>
      <c r="B57682" s="14" t="s">
        <v>1</v>
      </c>
      <c r="C57682" s="14" t="s">
        <v>101</v>
      </c>
      <c r="D57682" s="14" t="s">
        <v>244</v>
      </c>
      <c r="E57682" s="15">
        <v>45388</v>
      </c>
      <c r="F57682" s="14" t="s">
        <v>61</v>
      </c>
      <c r="G57682" s="16">
        <v>3.9145371669830889E-3</v>
      </c>
    </row>
    <row r="57683" spans="1:7" x14ac:dyDescent="0.3">
      <c r="A57683" s="13" t="s">
        <v>314</v>
      </c>
      <c r="B57683" s="14" t="s">
        <v>1</v>
      </c>
      <c r="C57683" s="14" t="s">
        <v>101</v>
      </c>
      <c r="D57683" s="14" t="s">
        <v>244</v>
      </c>
      <c r="E57683" s="15">
        <v>45389</v>
      </c>
      <c r="F57683" s="14" t="s">
        <v>61</v>
      </c>
      <c r="G57683" s="16">
        <v>3.9145371669830889E-3</v>
      </c>
    </row>
    <row r="57684" spans="1:7" x14ac:dyDescent="0.3">
      <c r="A57684" s="13" t="s">
        <v>314</v>
      </c>
      <c r="B57684" s="14" t="s">
        <v>1</v>
      </c>
      <c r="C57684" s="14" t="s">
        <v>101</v>
      </c>
      <c r="D57684" s="14" t="s">
        <v>244</v>
      </c>
      <c r="E57684" s="15">
        <v>45390</v>
      </c>
      <c r="F57684" s="14" t="s">
        <v>61</v>
      </c>
      <c r="G57684" s="16">
        <v>6.0952341059922381E-3</v>
      </c>
    </row>
    <row r="57685" spans="1:7" x14ac:dyDescent="0.3">
      <c r="A57685" s="13" t="s">
        <v>314</v>
      </c>
      <c r="B57685" s="14" t="s">
        <v>1</v>
      </c>
      <c r="C57685" s="14" t="s">
        <v>101</v>
      </c>
      <c r="D57685" s="14" t="s">
        <v>244</v>
      </c>
      <c r="E57685" s="15">
        <v>45391</v>
      </c>
      <c r="F57685" s="14" t="s">
        <v>61</v>
      </c>
      <c r="G57685" s="16">
        <v>2.9138754646033625E-3</v>
      </c>
    </row>
    <row r="57686" spans="1:7" x14ac:dyDescent="0.3">
      <c r="A57686" s="13" t="s">
        <v>314</v>
      </c>
      <c r="B57686" s="14" t="s">
        <v>1</v>
      </c>
      <c r="C57686" s="14" t="s">
        <v>101</v>
      </c>
      <c r="D57686" s="14" t="s">
        <v>244</v>
      </c>
      <c r="E57686" s="15">
        <v>45392</v>
      </c>
      <c r="F57686" s="14" t="s">
        <v>61</v>
      </c>
      <c r="G57686" s="16">
        <v>4.2271696739289277E-3</v>
      </c>
    </row>
    <row r="57687" spans="1:7" x14ac:dyDescent="0.3">
      <c r="A57687" s="13" t="s">
        <v>314</v>
      </c>
      <c r="B57687" s="14" t="s">
        <v>1</v>
      </c>
      <c r="C57687" s="14" t="s">
        <v>101</v>
      </c>
      <c r="D57687" s="14" t="s">
        <v>244</v>
      </c>
      <c r="E57687" s="15">
        <v>45393</v>
      </c>
      <c r="F57687" s="14" t="s">
        <v>61</v>
      </c>
      <c r="G57687" s="16">
        <v>5.5168330214422617E-3</v>
      </c>
    </row>
    <row r="57688" spans="1:7" x14ac:dyDescent="0.3">
      <c r="A57688" s="13" t="s">
        <v>314</v>
      </c>
      <c r="B57688" s="14" t="s">
        <v>1</v>
      </c>
      <c r="C57688" s="14" t="s">
        <v>101</v>
      </c>
      <c r="D57688" s="14" t="s">
        <v>244</v>
      </c>
      <c r="E57688" s="15">
        <v>45394</v>
      </c>
      <c r="F57688" s="14" t="s">
        <v>61</v>
      </c>
      <c r="G57688" s="16">
        <v>9.4416756963741758E-2</v>
      </c>
    </row>
    <row r="57689" spans="1:7" x14ac:dyDescent="0.3">
      <c r="A57689" s="13" t="s">
        <v>314</v>
      </c>
      <c r="B57689" s="14" t="s">
        <v>1</v>
      </c>
      <c r="C57689" s="14" t="s">
        <v>101</v>
      </c>
      <c r="D57689" s="14" t="s">
        <v>244</v>
      </c>
      <c r="E57689" s="15">
        <v>45395</v>
      </c>
      <c r="F57689" s="14" t="s">
        <v>61</v>
      </c>
      <c r="G57689" s="16">
        <v>9.4416756963741758E-2</v>
      </c>
    </row>
    <row r="57690" spans="1:7" x14ac:dyDescent="0.3">
      <c r="A57690" s="13" t="s">
        <v>314</v>
      </c>
      <c r="B57690" s="14" t="s">
        <v>1</v>
      </c>
      <c r="C57690" s="14" t="s">
        <v>101</v>
      </c>
      <c r="D57690" s="14" t="s">
        <v>244</v>
      </c>
      <c r="E57690" s="15">
        <v>45396</v>
      </c>
      <c r="F57690" s="14" t="s">
        <v>61</v>
      </c>
      <c r="G57690" s="16">
        <v>9.4416756963741758E-2</v>
      </c>
    </row>
    <row r="57691" spans="1:7" x14ac:dyDescent="0.3">
      <c r="A57691" s="13" t="s">
        <v>314</v>
      </c>
      <c r="B57691" s="14" t="s">
        <v>1</v>
      </c>
      <c r="C57691" s="14" t="s">
        <v>101</v>
      </c>
      <c r="D57691" s="14" t="s">
        <v>244</v>
      </c>
      <c r="E57691" s="15">
        <v>45397</v>
      </c>
      <c r="F57691" s="14" t="s">
        <v>61</v>
      </c>
      <c r="G57691" s="16">
        <v>9.6022542150338536E-2</v>
      </c>
    </row>
    <row r="57692" spans="1:7" x14ac:dyDescent="0.3">
      <c r="A57692" s="13" t="s">
        <v>314</v>
      </c>
      <c r="B57692" s="14" t="s">
        <v>1</v>
      </c>
      <c r="C57692" s="14" t="s">
        <v>101</v>
      </c>
      <c r="D57692" s="14" t="s">
        <v>244</v>
      </c>
      <c r="E57692" s="15">
        <v>45398</v>
      </c>
      <c r="F57692" s="14" t="s">
        <v>61</v>
      </c>
      <c r="G57692" s="16">
        <v>9.3071005370138932E-2</v>
      </c>
    </row>
    <row r="57693" spans="1:7" x14ac:dyDescent="0.3">
      <c r="A57693" s="13" t="s">
        <v>314</v>
      </c>
      <c r="B57693" s="14" t="s">
        <v>1</v>
      </c>
      <c r="C57693" s="14" t="s">
        <v>101</v>
      </c>
      <c r="D57693" s="14" t="s">
        <v>244</v>
      </c>
      <c r="E57693" s="15">
        <v>45399</v>
      </c>
      <c r="F57693" s="14" t="s">
        <v>61</v>
      </c>
      <c r="G57693" s="16">
        <v>9.5105656905710836E-2</v>
      </c>
    </row>
    <row r="57694" spans="1:7" x14ac:dyDescent="0.3">
      <c r="A57694" s="13" t="s">
        <v>314</v>
      </c>
      <c r="B57694" s="14" t="s">
        <v>1</v>
      </c>
      <c r="C57694" s="14" t="s">
        <v>101</v>
      </c>
      <c r="D57694" s="14" t="s">
        <v>244</v>
      </c>
      <c r="E57694" s="15">
        <v>45400</v>
      </c>
      <c r="F57694" s="14" t="s">
        <v>61</v>
      </c>
      <c r="G57694" s="16">
        <v>9.6791892237310662E-2</v>
      </c>
    </row>
    <row r="57695" spans="1:7" x14ac:dyDescent="0.3">
      <c r="A57695" s="13" t="s">
        <v>314</v>
      </c>
      <c r="B57695" s="14" t="s">
        <v>1</v>
      </c>
      <c r="C57695" s="14" t="s">
        <v>101</v>
      </c>
      <c r="D57695" s="14" t="s">
        <v>244</v>
      </c>
      <c r="E57695" s="15">
        <v>45401</v>
      </c>
      <c r="F57695" s="14" t="s">
        <v>61</v>
      </c>
      <c r="G57695" s="16">
        <v>0.10424531320599849</v>
      </c>
    </row>
    <row r="57696" spans="1:7" x14ac:dyDescent="0.3">
      <c r="A57696" s="13" t="s">
        <v>314</v>
      </c>
      <c r="B57696" s="14" t="s">
        <v>1</v>
      </c>
      <c r="C57696" s="14" t="s">
        <v>101</v>
      </c>
      <c r="D57696" s="14" t="s">
        <v>244</v>
      </c>
      <c r="E57696" s="15">
        <v>45402</v>
      </c>
      <c r="F57696" s="14" t="s">
        <v>61</v>
      </c>
      <c r="G57696" s="16">
        <v>0.10424531320599849</v>
      </c>
    </row>
    <row r="57697" spans="1:7" x14ac:dyDescent="0.3">
      <c r="A57697" s="13" t="s">
        <v>314</v>
      </c>
      <c r="B57697" s="14" t="s">
        <v>1</v>
      </c>
      <c r="C57697" s="14" t="s">
        <v>101</v>
      </c>
      <c r="D57697" s="14" t="s">
        <v>244</v>
      </c>
      <c r="E57697" s="15">
        <v>45403</v>
      </c>
      <c r="F57697" s="14" t="s">
        <v>61</v>
      </c>
      <c r="G57697" s="16">
        <v>0.10424531320599849</v>
      </c>
    </row>
    <row r="57698" spans="1:7" x14ac:dyDescent="0.3">
      <c r="A57698" s="13" t="s">
        <v>314</v>
      </c>
      <c r="B57698" s="14" t="s">
        <v>1</v>
      </c>
      <c r="C57698" s="14" t="s">
        <v>101</v>
      </c>
      <c r="D57698" s="14" t="s">
        <v>244</v>
      </c>
      <c r="E57698" s="15">
        <v>45404</v>
      </c>
      <c r="F57698" s="14" t="s">
        <v>61</v>
      </c>
      <c r="G57698" s="16">
        <v>0.10566607773269264</v>
      </c>
    </row>
    <row r="57699" spans="1:7" x14ac:dyDescent="0.3">
      <c r="A57699" s="13" t="s">
        <v>314</v>
      </c>
      <c r="B57699" s="14" t="s">
        <v>1</v>
      </c>
      <c r="C57699" s="14" t="s">
        <v>101</v>
      </c>
      <c r="D57699" s="14" t="s">
        <v>244</v>
      </c>
      <c r="E57699" s="15">
        <v>45405</v>
      </c>
      <c r="F57699" s="14" t="s">
        <v>61</v>
      </c>
      <c r="G57699" s="16">
        <v>0.17410417265708292</v>
      </c>
    </row>
    <row r="57700" spans="1:7" x14ac:dyDescent="0.3">
      <c r="A57700" s="13" t="s">
        <v>314</v>
      </c>
      <c r="B57700" s="14" t="s">
        <v>1</v>
      </c>
      <c r="C57700" s="14" t="s">
        <v>101</v>
      </c>
      <c r="D57700" s="14" t="s">
        <v>244</v>
      </c>
      <c r="E57700" s="15">
        <v>45406</v>
      </c>
      <c r="F57700" s="14" t="s">
        <v>61</v>
      </c>
      <c r="G57700" s="16">
        <v>0.17972560960068731</v>
      </c>
    </row>
    <row r="57701" spans="1:7" x14ac:dyDescent="0.3">
      <c r="A57701" s="13" t="s">
        <v>314</v>
      </c>
      <c r="B57701" s="14" t="s">
        <v>1</v>
      </c>
      <c r="C57701" s="14" t="s">
        <v>101</v>
      </c>
      <c r="D57701" s="14" t="s">
        <v>244</v>
      </c>
      <c r="E57701" s="15">
        <v>45407</v>
      </c>
      <c r="F57701" s="14" t="s">
        <v>61</v>
      </c>
      <c r="G57701" s="16">
        <v>0.17656941593101053</v>
      </c>
    </row>
    <row r="57702" spans="1:7" x14ac:dyDescent="0.3">
      <c r="A57702" s="13" t="s">
        <v>314</v>
      </c>
      <c r="B57702" s="14" t="s">
        <v>1</v>
      </c>
      <c r="C57702" s="14" t="s">
        <v>101</v>
      </c>
      <c r="D57702" s="14" t="s">
        <v>244</v>
      </c>
      <c r="E57702" s="15">
        <v>45408</v>
      </c>
      <c r="F57702" s="14" t="s">
        <v>61</v>
      </c>
      <c r="G57702" s="16">
        <v>0.18011643109155995</v>
      </c>
    </row>
    <row r="57703" spans="1:7" x14ac:dyDescent="0.3">
      <c r="A57703" s="13" t="s">
        <v>314</v>
      </c>
      <c r="B57703" s="14" t="s">
        <v>1</v>
      </c>
      <c r="C57703" s="14" t="s">
        <v>101</v>
      </c>
      <c r="D57703" s="14" t="s">
        <v>244</v>
      </c>
      <c r="E57703" s="15">
        <v>45409</v>
      </c>
      <c r="F57703" s="14" t="s">
        <v>61</v>
      </c>
      <c r="G57703" s="16">
        <v>0.18011643109155995</v>
      </c>
    </row>
    <row r="57704" spans="1:7" x14ac:dyDescent="0.3">
      <c r="A57704" s="13" t="s">
        <v>314</v>
      </c>
      <c r="B57704" s="14" t="s">
        <v>1</v>
      </c>
      <c r="C57704" s="14" t="s">
        <v>101</v>
      </c>
      <c r="D57704" s="14" t="s">
        <v>244</v>
      </c>
      <c r="E57704" s="15">
        <v>45410</v>
      </c>
      <c r="F57704" s="14" t="s">
        <v>61</v>
      </c>
      <c r="G57704" s="16">
        <v>0.18011643109155995</v>
      </c>
    </row>
    <row r="57705" spans="1:7" x14ac:dyDescent="0.3">
      <c r="A57705" s="13" t="s">
        <v>314</v>
      </c>
      <c r="B57705" s="14" t="s">
        <v>1</v>
      </c>
      <c r="C57705" s="14" t="s">
        <v>101</v>
      </c>
      <c r="D57705" s="14" t="s">
        <v>244</v>
      </c>
      <c r="E57705" s="15">
        <v>45411</v>
      </c>
      <c r="F57705" s="14" t="s">
        <v>61</v>
      </c>
      <c r="G57705" s="16">
        <v>0.18108529970320125</v>
      </c>
    </row>
    <row r="57706" spans="1:7" x14ac:dyDescent="0.3">
      <c r="A57706" s="13" t="s">
        <v>314</v>
      </c>
      <c r="B57706" s="14" t="s">
        <v>1</v>
      </c>
      <c r="C57706" s="14" t="s">
        <v>101</v>
      </c>
      <c r="D57706" s="14" t="s">
        <v>244</v>
      </c>
      <c r="E57706" s="15">
        <v>45412</v>
      </c>
      <c r="F57706" s="14" t="s">
        <v>61</v>
      </c>
      <c r="G57706" s="16">
        <v>0.18545559372068182</v>
      </c>
    </row>
    <row r="57707" spans="1:7" x14ac:dyDescent="0.3">
      <c r="A57707" s="13" t="s">
        <v>314</v>
      </c>
      <c r="B57707" s="14" t="s">
        <v>1</v>
      </c>
      <c r="C57707" s="14" t="s">
        <v>101</v>
      </c>
      <c r="D57707" s="14" t="s">
        <v>244</v>
      </c>
      <c r="E57707" s="15">
        <v>45413</v>
      </c>
      <c r="F57707" s="14" t="s">
        <v>61</v>
      </c>
      <c r="G57707" s="16">
        <v>0.33003642649212472</v>
      </c>
    </row>
    <row r="57708" spans="1:7" x14ac:dyDescent="0.3">
      <c r="A57708" s="13" t="s">
        <v>314</v>
      </c>
      <c r="B57708" s="14" t="s">
        <v>1</v>
      </c>
      <c r="C57708" s="14" t="s">
        <v>101</v>
      </c>
      <c r="D57708" s="14" t="s">
        <v>244</v>
      </c>
      <c r="E57708" s="15">
        <v>45414</v>
      </c>
      <c r="F57708" s="14" t="s">
        <v>61</v>
      </c>
      <c r="G57708" s="16">
        <v>0.33005589187691403</v>
      </c>
    </row>
    <row r="57709" spans="1:7" x14ac:dyDescent="0.3">
      <c r="A57709" s="13" t="s">
        <v>314</v>
      </c>
      <c r="B57709" s="14" t="s">
        <v>1</v>
      </c>
      <c r="C57709" s="14" t="s">
        <v>101</v>
      </c>
      <c r="D57709" s="14" t="s">
        <v>244</v>
      </c>
      <c r="E57709" s="15">
        <v>45415</v>
      </c>
      <c r="F57709" s="14" t="s">
        <v>61</v>
      </c>
      <c r="G57709" s="16">
        <v>0.33043583957388445</v>
      </c>
    </row>
    <row r="57710" spans="1:7" x14ac:dyDescent="0.3">
      <c r="A57710" s="13" t="s">
        <v>314</v>
      </c>
      <c r="B57710" s="14" t="s">
        <v>1</v>
      </c>
      <c r="C57710" s="14" t="s">
        <v>101</v>
      </c>
      <c r="D57710" s="14" t="s">
        <v>244</v>
      </c>
      <c r="E57710" s="15">
        <v>45416</v>
      </c>
      <c r="F57710" s="14" t="s">
        <v>61</v>
      </c>
      <c r="G57710" s="16">
        <v>0.33043583957388445</v>
      </c>
    </row>
    <row r="57711" spans="1:7" x14ac:dyDescent="0.3">
      <c r="A57711" s="13" t="s">
        <v>314</v>
      </c>
      <c r="B57711" s="14" t="s">
        <v>1</v>
      </c>
      <c r="C57711" s="14" t="s">
        <v>101</v>
      </c>
      <c r="D57711" s="14" t="s">
        <v>244</v>
      </c>
      <c r="E57711" s="15">
        <v>45417</v>
      </c>
      <c r="F57711" s="14" t="s">
        <v>61</v>
      </c>
      <c r="G57711" s="16">
        <v>0.33043583957388445</v>
      </c>
    </row>
    <row r="57712" spans="1:7" x14ac:dyDescent="0.3">
      <c r="A57712" s="13" t="s">
        <v>314</v>
      </c>
      <c r="B57712" s="14" t="s">
        <v>1</v>
      </c>
      <c r="C57712" s="14" t="s">
        <v>101</v>
      </c>
      <c r="D57712" s="14" t="s">
        <v>244</v>
      </c>
      <c r="E57712" s="15">
        <v>45418</v>
      </c>
      <c r="F57712" s="14" t="s">
        <v>61</v>
      </c>
      <c r="G57712" s="16">
        <v>0.33043583957388445</v>
      </c>
    </row>
    <row r="57713" spans="1:7" x14ac:dyDescent="0.3">
      <c r="A57713" s="13" t="s">
        <v>314</v>
      </c>
      <c r="B57713" s="14" t="s">
        <v>1</v>
      </c>
      <c r="C57713" s="14" t="s">
        <v>101</v>
      </c>
      <c r="D57713" s="14" t="s">
        <v>244</v>
      </c>
      <c r="E57713" s="15">
        <v>45419</v>
      </c>
      <c r="F57713" s="14" t="s">
        <v>61</v>
      </c>
      <c r="G57713" s="16">
        <v>0.34786023364368024</v>
      </c>
    </row>
    <row r="57714" spans="1:7" x14ac:dyDescent="0.3">
      <c r="A57714" s="13" t="s">
        <v>314</v>
      </c>
      <c r="B57714" s="14" t="s">
        <v>1</v>
      </c>
      <c r="C57714" s="14" t="s">
        <v>101</v>
      </c>
      <c r="D57714" s="14" t="s">
        <v>244</v>
      </c>
      <c r="E57714" s="15">
        <v>45420</v>
      </c>
      <c r="F57714" s="14" t="s">
        <v>61</v>
      </c>
      <c r="G57714" s="16">
        <v>0.40144119796879157</v>
      </c>
    </row>
    <row r="57715" spans="1:7" x14ac:dyDescent="0.3">
      <c r="A57715" s="13" t="s">
        <v>314</v>
      </c>
      <c r="B57715" s="14" t="s">
        <v>1</v>
      </c>
      <c r="C57715" s="14" t="s">
        <v>101</v>
      </c>
      <c r="D57715" s="14" t="s">
        <v>244</v>
      </c>
      <c r="E57715" s="15">
        <v>45421</v>
      </c>
      <c r="F57715" s="14" t="s">
        <v>61</v>
      </c>
      <c r="G57715" s="16">
        <v>0.45920706634219077</v>
      </c>
    </row>
    <row r="57716" spans="1:7" x14ac:dyDescent="0.3">
      <c r="A57716" s="13" t="s">
        <v>314</v>
      </c>
      <c r="B57716" s="14" t="s">
        <v>1</v>
      </c>
      <c r="C57716" s="14" t="s">
        <v>101</v>
      </c>
      <c r="D57716" s="14" t="s">
        <v>244</v>
      </c>
      <c r="E57716" s="15">
        <v>45422</v>
      </c>
      <c r="F57716" s="14" t="s">
        <v>61</v>
      </c>
      <c r="G57716" s="16">
        <v>0.47721631205167653</v>
      </c>
    </row>
    <row r="57717" spans="1:7" x14ac:dyDescent="0.3">
      <c r="A57717" s="13" t="s">
        <v>314</v>
      </c>
      <c r="B57717" s="14" t="s">
        <v>1</v>
      </c>
      <c r="C57717" s="14" t="s">
        <v>101</v>
      </c>
      <c r="D57717" s="14" t="s">
        <v>244</v>
      </c>
      <c r="E57717" s="15">
        <v>45423</v>
      </c>
      <c r="F57717" s="14" t="s">
        <v>61</v>
      </c>
      <c r="G57717" s="16">
        <v>0.47721631205167653</v>
      </c>
    </row>
    <row r="57718" spans="1:7" x14ac:dyDescent="0.3">
      <c r="A57718" s="13" t="s">
        <v>314</v>
      </c>
      <c r="B57718" s="14" t="s">
        <v>1</v>
      </c>
      <c r="C57718" s="14" t="s">
        <v>101</v>
      </c>
      <c r="D57718" s="14" t="s">
        <v>244</v>
      </c>
      <c r="E57718" s="15">
        <v>45424</v>
      </c>
      <c r="F57718" s="14" t="s">
        <v>61</v>
      </c>
      <c r="G57718" s="16">
        <v>0.47721631205167653</v>
      </c>
    </row>
    <row r="57719" spans="1:7" x14ac:dyDescent="0.3">
      <c r="A57719" s="13" t="s">
        <v>314</v>
      </c>
      <c r="B57719" s="14" t="s">
        <v>1</v>
      </c>
      <c r="C57719" s="14" t="s">
        <v>101</v>
      </c>
      <c r="D57719" s="14" t="s">
        <v>244</v>
      </c>
      <c r="E57719" s="15">
        <v>45425</v>
      </c>
      <c r="F57719" s="14" t="s">
        <v>61</v>
      </c>
      <c r="G57719" s="16">
        <v>0.48069955069078674</v>
      </c>
    </row>
    <row r="57720" spans="1:7" x14ac:dyDescent="0.3">
      <c r="A57720" s="13" t="s">
        <v>314</v>
      </c>
      <c r="B57720" s="14" t="s">
        <v>1</v>
      </c>
      <c r="C57720" s="14" t="s">
        <v>101</v>
      </c>
      <c r="D57720" s="14" t="s">
        <v>244</v>
      </c>
      <c r="E57720" s="15">
        <v>45426</v>
      </c>
      <c r="F57720" s="14" t="s">
        <v>61</v>
      </c>
      <c r="G57720" s="16">
        <v>0.46925457955807437</v>
      </c>
    </row>
    <row r="57721" spans="1:7" x14ac:dyDescent="0.3">
      <c r="A57721" s="13" t="s">
        <v>314</v>
      </c>
      <c r="B57721" s="14" t="s">
        <v>1</v>
      </c>
      <c r="C57721" s="14" t="s">
        <v>101</v>
      </c>
      <c r="D57721" s="14" t="s">
        <v>244</v>
      </c>
      <c r="E57721" s="15">
        <v>45427</v>
      </c>
      <c r="F57721" s="14" t="s">
        <v>61</v>
      </c>
      <c r="G57721" s="16">
        <v>0.4677616463461779</v>
      </c>
    </row>
    <row r="57722" spans="1:7" x14ac:dyDescent="0.3">
      <c r="A57722" s="13" t="s">
        <v>314</v>
      </c>
      <c r="B57722" s="14" t="s">
        <v>1</v>
      </c>
      <c r="C57722" s="14" t="s">
        <v>101</v>
      </c>
      <c r="D57722" s="14" t="s">
        <v>244</v>
      </c>
      <c r="E57722" s="15">
        <v>45428</v>
      </c>
      <c r="F57722" s="14" t="s">
        <v>61</v>
      </c>
      <c r="G57722" s="16">
        <v>0.50999360263381732</v>
      </c>
    </row>
    <row r="57723" spans="1:7" x14ac:dyDescent="0.3">
      <c r="A57723" s="13" t="s">
        <v>314</v>
      </c>
      <c r="B57723" s="14" t="s">
        <v>1</v>
      </c>
      <c r="C57723" s="14" t="s">
        <v>101</v>
      </c>
      <c r="D57723" s="14" t="s">
        <v>244</v>
      </c>
      <c r="E57723" s="15">
        <v>45429</v>
      </c>
      <c r="F57723" s="14" t="s">
        <v>61</v>
      </c>
      <c r="G57723" s="16">
        <v>0.54554305937978043</v>
      </c>
    </row>
    <row r="57724" spans="1:7" x14ac:dyDescent="0.3">
      <c r="A57724" s="13" t="s">
        <v>314</v>
      </c>
      <c r="B57724" s="14" t="s">
        <v>1</v>
      </c>
      <c r="C57724" s="14" t="s">
        <v>101</v>
      </c>
      <c r="D57724" s="14" t="s">
        <v>244</v>
      </c>
      <c r="E57724" s="15">
        <v>45430</v>
      </c>
      <c r="F57724" s="14" t="s">
        <v>61</v>
      </c>
      <c r="G57724" s="16">
        <v>0.54554305937978043</v>
      </c>
    </row>
    <row r="57725" spans="1:7" x14ac:dyDescent="0.3">
      <c r="A57725" s="13" t="s">
        <v>314</v>
      </c>
      <c r="B57725" s="14" t="s">
        <v>1</v>
      </c>
      <c r="C57725" s="14" t="s">
        <v>101</v>
      </c>
      <c r="D57725" s="14" t="s">
        <v>244</v>
      </c>
      <c r="E57725" s="15">
        <v>45431</v>
      </c>
      <c r="F57725" s="14" t="s">
        <v>61</v>
      </c>
      <c r="G57725" s="16">
        <v>0.54554305937978043</v>
      </c>
    </row>
    <row r="57726" spans="1:7" x14ac:dyDescent="0.3">
      <c r="A57726" s="13" t="s">
        <v>314</v>
      </c>
      <c r="B57726" s="14" t="s">
        <v>1</v>
      </c>
      <c r="C57726" s="14" t="s">
        <v>101</v>
      </c>
      <c r="D57726" s="14" t="s">
        <v>244</v>
      </c>
      <c r="E57726" s="15">
        <v>45432</v>
      </c>
      <c r="F57726" s="14" t="s">
        <v>61</v>
      </c>
      <c r="G57726" s="16">
        <v>0.54756686285270728</v>
      </c>
    </row>
    <row r="57727" spans="1:7" x14ac:dyDescent="0.3">
      <c r="A57727" s="13" t="s">
        <v>314</v>
      </c>
      <c r="B57727" s="14" t="s">
        <v>1</v>
      </c>
      <c r="C57727" s="14" t="s">
        <v>101</v>
      </c>
      <c r="D57727" s="14" t="s">
        <v>244</v>
      </c>
      <c r="E57727" s="15">
        <v>45433</v>
      </c>
      <c r="F57727" s="14" t="s">
        <v>61</v>
      </c>
      <c r="G57727" s="16">
        <v>0.54439224291865129</v>
      </c>
    </row>
    <row r="57728" spans="1:7" x14ac:dyDescent="0.3">
      <c r="A57728" s="13" t="s">
        <v>314</v>
      </c>
      <c r="B57728" s="14" t="s">
        <v>1</v>
      </c>
      <c r="C57728" s="14" t="s">
        <v>101</v>
      </c>
      <c r="D57728" s="14" t="s">
        <v>244</v>
      </c>
      <c r="E57728" s="15">
        <v>45434</v>
      </c>
      <c r="F57728" s="14" t="s">
        <v>61</v>
      </c>
      <c r="G57728" s="16">
        <v>0.54718527524161431</v>
      </c>
    </row>
    <row r="57729" spans="1:7" x14ac:dyDescent="0.3">
      <c r="A57729" s="13" t="s">
        <v>314</v>
      </c>
      <c r="B57729" s="14" t="s">
        <v>1</v>
      </c>
      <c r="C57729" s="14" t="s">
        <v>101</v>
      </c>
      <c r="D57729" s="14" t="s">
        <v>244</v>
      </c>
      <c r="E57729" s="15">
        <v>45435</v>
      </c>
      <c r="F57729" s="14" t="s">
        <v>61</v>
      </c>
      <c r="G57729" s="16">
        <v>0.54891675606978418</v>
      </c>
    </row>
    <row r="57730" spans="1:7" x14ac:dyDescent="0.3">
      <c r="A57730" s="13" t="s">
        <v>314</v>
      </c>
      <c r="B57730" s="14" t="s">
        <v>1</v>
      </c>
      <c r="C57730" s="14" t="s">
        <v>101</v>
      </c>
      <c r="D57730" s="14" t="s">
        <v>244</v>
      </c>
      <c r="E57730" s="15">
        <v>45436</v>
      </c>
      <c r="F57730" s="14" t="s">
        <v>61</v>
      </c>
      <c r="G57730" s="16">
        <v>0.55745306360194524</v>
      </c>
    </row>
    <row r="57731" spans="1:7" x14ac:dyDescent="0.3">
      <c r="A57731" s="13" t="s">
        <v>314</v>
      </c>
      <c r="B57731" s="14" t="s">
        <v>1</v>
      </c>
      <c r="C57731" s="14" t="s">
        <v>101</v>
      </c>
      <c r="D57731" s="14" t="s">
        <v>244</v>
      </c>
      <c r="E57731" s="15">
        <v>45437</v>
      </c>
      <c r="F57731" s="14" t="s">
        <v>61</v>
      </c>
      <c r="G57731" s="16">
        <v>0.55745306360194524</v>
      </c>
    </row>
    <row r="57732" spans="1:7" x14ac:dyDescent="0.3">
      <c r="A57732" s="13" t="s">
        <v>314</v>
      </c>
      <c r="B57732" s="14" t="s">
        <v>1</v>
      </c>
      <c r="C57732" s="14" t="s">
        <v>101</v>
      </c>
      <c r="D57732" s="14" t="s">
        <v>244</v>
      </c>
      <c r="E57732" s="15">
        <v>45438</v>
      </c>
      <c r="F57732" s="14" t="s">
        <v>61</v>
      </c>
      <c r="G57732" s="16">
        <v>0.55745306360194524</v>
      </c>
    </row>
    <row r="57733" spans="1:7" x14ac:dyDescent="0.3">
      <c r="A57733" s="13" t="s">
        <v>314</v>
      </c>
      <c r="B57733" s="14" t="s">
        <v>1</v>
      </c>
      <c r="C57733" s="14" t="s">
        <v>101</v>
      </c>
      <c r="D57733" s="14" t="s">
        <v>244</v>
      </c>
      <c r="E57733" s="15">
        <v>45439</v>
      </c>
      <c r="F57733" s="14" t="s">
        <v>61</v>
      </c>
      <c r="G57733" s="16">
        <v>0.55822180797543042</v>
      </c>
    </row>
    <row r="57734" spans="1:7" x14ac:dyDescent="0.3">
      <c r="A57734" s="13" t="s">
        <v>314</v>
      </c>
      <c r="B57734" s="14" t="s">
        <v>1</v>
      </c>
      <c r="C57734" s="14" t="s">
        <v>101</v>
      </c>
      <c r="D57734" s="14" t="s">
        <v>244</v>
      </c>
      <c r="E57734" s="15">
        <v>45440</v>
      </c>
      <c r="F57734" s="14" t="s">
        <v>61</v>
      </c>
      <c r="G57734" s="16">
        <v>0.55486990007689818</v>
      </c>
    </row>
    <row r="57735" spans="1:7" x14ac:dyDescent="0.3">
      <c r="A57735" s="13" t="s">
        <v>314</v>
      </c>
      <c r="B57735" s="14" t="s">
        <v>1</v>
      </c>
      <c r="C57735" s="14" t="s">
        <v>101</v>
      </c>
      <c r="D57735" s="14" t="s">
        <v>244</v>
      </c>
      <c r="E57735" s="15">
        <v>45441</v>
      </c>
      <c r="F57735" s="14" t="s">
        <v>61</v>
      </c>
      <c r="G57735" s="16">
        <v>0.59114317615408341</v>
      </c>
    </row>
    <row r="57736" spans="1:7" x14ac:dyDescent="0.3">
      <c r="A57736" s="13" t="s">
        <v>314</v>
      </c>
      <c r="B57736" s="14" t="s">
        <v>1</v>
      </c>
      <c r="C57736" s="14" t="s">
        <v>101</v>
      </c>
      <c r="D57736" s="14" t="s">
        <v>244</v>
      </c>
      <c r="E57736" s="15">
        <v>45442</v>
      </c>
      <c r="F57736" s="14" t="s">
        <v>61</v>
      </c>
      <c r="G57736" s="16">
        <v>0.59066711009912731</v>
      </c>
    </row>
    <row r="57737" spans="1:7" x14ac:dyDescent="0.3">
      <c r="A57737" s="13" t="s">
        <v>314</v>
      </c>
      <c r="B57737" s="14" t="s">
        <v>1</v>
      </c>
      <c r="C57737" s="14" t="s">
        <v>101</v>
      </c>
      <c r="D57737" s="14" t="s">
        <v>244</v>
      </c>
      <c r="E57737" s="15">
        <v>45443</v>
      </c>
      <c r="F57737" s="14" t="s">
        <v>61</v>
      </c>
      <c r="G57737" s="16">
        <v>0.59595588599159444</v>
      </c>
    </row>
    <row r="57738" spans="1:7" x14ac:dyDescent="0.3">
      <c r="A57738" s="13" t="s">
        <v>314</v>
      </c>
      <c r="B57738" s="14" t="s">
        <v>1</v>
      </c>
      <c r="C57738" s="14" t="s">
        <v>101</v>
      </c>
      <c r="D57738" s="14" t="s">
        <v>244</v>
      </c>
      <c r="E57738" s="15">
        <v>45444</v>
      </c>
      <c r="F57738" s="14" t="s">
        <v>61</v>
      </c>
      <c r="G57738" s="16">
        <v>0.59595588599159444</v>
      </c>
    </row>
    <row r="57739" spans="1:7" x14ac:dyDescent="0.3">
      <c r="A57739" s="13" t="s">
        <v>314</v>
      </c>
      <c r="B57739" s="14" t="s">
        <v>1</v>
      </c>
      <c r="C57739" s="14" t="s">
        <v>101</v>
      </c>
      <c r="D57739" s="14" t="s">
        <v>244</v>
      </c>
      <c r="E57739" s="15">
        <v>45445</v>
      </c>
      <c r="F57739" s="14" t="s">
        <v>61</v>
      </c>
      <c r="G57739" s="16">
        <v>0.59595588599159444</v>
      </c>
    </row>
    <row r="57740" spans="1:7" x14ac:dyDescent="0.3">
      <c r="A57740" s="13" t="s">
        <v>314</v>
      </c>
      <c r="B57740" s="14" t="s">
        <v>1</v>
      </c>
      <c r="C57740" s="14" t="s">
        <v>101</v>
      </c>
      <c r="D57740" s="14" t="s">
        <v>244</v>
      </c>
      <c r="E57740" s="15">
        <v>45446</v>
      </c>
      <c r="F57740" s="14" t="s">
        <v>61</v>
      </c>
      <c r="G57740" s="16">
        <v>0.59595588599159444</v>
      </c>
    </row>
    <row r="57741" spans="1:7" x14ac:dyDescent="0.3">
      <c r="A57741" s="13" t="s">
        <v>314</v>
      </c>
      <c r="B57741" s="14" t="s">
        <v>1</v>
      </c>
      <c r="C57741" s="14" t="s">
        <v>101</v>
      </c>
      <c r="D57741" s="14" t="s">
        <v>244</v>
      </c>
      <c r="E57741" s="15">
        <v>45447</v>
      </c>
      <c r="F57741" s="14" t="s">
        <v>61</v>
      </c>
      <c r="G57741" s="16">
        <v>0.62744045774155832</v>
      </c>
    </row>
    <row r="57742" spans="1:7" x14ac:dyDescent="0.3">
      <c r="A57742" s="13" t="s">
        <v>314</v>
      </c>
      <c r="B57742" s="14" t="s">
        <v>1</v>
      </c>
      <c r="C57742" s="14" t="s">
        <v>101</v>
      </c>
      <c r="D57742" s="14" t="s">
        <v>244</v>
      </c>
      <c r="E57742" s="15">
        <v>45448</v>
      </c>
      <c r="F57742" s="14" t="s">
        <v>61</v>
      </c>
      <c r="G57742" s="16">
        <v>0.63758284503109086</v>
      </c>
    </row>
    <row r="57743" spans="1:7" x14ac:dyDescent="0.3">
      <c r="A57743" s="13" t="s">
        <v>314</v>
      </c>
      <c r="B57743" s="14" t="s">
        <v>1</v>
      </c>
      <c r="C57743" s="14" t="s">
        <v>101</v>
      </c>
      <c r="D57743" s="14" t="s">
        <v>244</v>
      </c>
      <c r="E57743" s="15">
        <v>45449</v>
      </c>
      <c r="F57743" s="14" t="s">
        <v>61</v>
      </c>
      <c r="G57743" s="16">
        <v>0.64803626370270606</v>
      </c>
    </row>
    <row r="57744" spans="1:7" x14ac:dyDescent="0.3">
      <c r="A57744" s="13" t="s">
        <v>314</v>
      </c>
      <c r="B57744" s="14" t="s">
        <v>1</v>
      </c>
      <c r="C57744" s="14" t="s">
        <v>101</v>
      </c>
      <c r="D57744" s="14" t="s">
        <v>244</v>
      </c>
      <c r="E57744" s="15">
        <v>45450</v>
      </c>
      <c r="F57744" s="14" t="s">
        <v>61</v>
      </c>
      <c r="G57744" s="16">
        <v>0.6590746859105292</v>
      </c>
    </row>
    <row r="57745" spans="1:7" x14ac:dyDescent="0.3">
      <c r="A57745" s="13" t="s">
        <v>314</v>
      </c>
      <c r="B57745" s="14" t="s">
        <v>1</v>
      </c>
      <c r="C57745" s="14" t="s">
        <v>101</v>
      </c>
      <c r="D57745" s="14" t="s">
        <v>244</v>
      </c>
      <c r="E57745" s="15">
        <v>45451</v>
      </c>
      <c r="F57745" s="14" t="s">
        <v>61</v>
      </c>
      <c r="G57745" s="16">
        <v>0.6590746859105292</v>
      </c>
    </row>
    <row r="57746" spans="1:7" x14ac:dyDescent="0.3">
      <c r="A57746" s="13" t="s">
        <v>314</v>
      </c>
      <c r="B57746" s="14" t="s">
        <v>1</v>
      </c>
      <c r="C57746" s="14" t="s">
        <v>101</v>
      </c>
      <c r="D57746" s="14" t="s">
        <v>244</v>
      </c>
      <c r="E57746" s="15">
        <v>45452</v>
      </c>
      <c r="F57746" s="14" t="s">
        <v>61</v>
      </c>
      <c r="G57746" s="16">
        <v>0.6590746859105292</v>
      </c>
    </row>
    <row r="57747" spans="1:7" x14ac:dyDescent="0.3">
      <c r="A57747" s="13" t="s">
        <v>314</v>
      </c>
      <c r="B57747" s="14" t="s">
        <v>1</v>
      </c>
      <c r="C57747" s="14" t="s">
        <v>101</v>
      </c>
      <c r="D57747" s="14" t="s">
        <v>244</v>
      </c>
      <c r="E57747" s="15">
        <v>45453</v>
      </c>
      <c r="F57747" s="14" t="s">
        <v>61</v>
      </c>
      <c r="G57747" s="16">
        <v>0.669832649161622</v>
      </c>
    </row>
    <row r="57748" spans="1:7" x14ac:dyDescent="0.3">
      <c r="A57748" s="13" t="s">
        <v>314</v>
      </c>
      <c r="B57748" s="14" t="s">
        <v>1</v>
      </c>
      <c r="C57748" s="14" t="s">
        <v>101</v>
      </c>
      <c r="D57748" s="14" t="s">
        <v>244</v>
      </c>
      <c r="E57748" s="15">
        <v>45454</v>
      </c>
      <c r="F57748" s="14" t="s">
        <v>61</v>
      </c>
      <c r="G57748" s="16">
        <v>0.73226957668228143</v>
      </c>
    </row>
    <row r="57749" spans="1:7" x14ac:dyDescent="0.3">
      <c r="A57749" s="13" t="s">
        <v>314</v>
      </c>
      <c r="B57749" s="14" t="s">
        <v>1</v>
      </c>
      <c r="C57749" s="14" t="s">
        <v>101</v>
      </c>
      <c r="D57749" s="14" t="s">
        <v>244</v>
      </c>
      <c r="E57749" s="15">
        <v>45455</v>
      </c>
      <c r="F57749" s="14" t="s">
        <v>61</v>
      </c>
      <c r="G57749" s="16">
        <v>0.7288796539861665</v>
      </c>
    </row>
    <row r="57750" spans="1:7" x14ac:dyDescent="0.3">
      <c r="A57750" s="13" t="s">
        <v>314</v>
      </c>
      <c r="B57750" s="14" t="s">
        <v>1</v>
      </c>
      <c r="C57750" s="14" t="s">
        <v>101</v>
      </c>
      <c r="D57750" s="14" t="s">
        <v>244</v>
      </c>
      <c r="E57750" s="15">
        <v>45456</v>
      </c>
      <c r="F57750" s="14" t="s">
        <v>61</v>
      </c>
      <c r="G57750" s="16">
        <v>0.73510335036374919</v>
      </c>
    </row>
    <row r="57751" spans="1:7" x14ac:dyDescent="0.3">
      <c r="A57751" s="13" t="s">
        <v>314</v>
      </c>
      <c r="B57751" s="14" t="s">
        <v>1</v>
      </c>
      <c r="C57751" s="14" t="s">
        <v>101</v>
      </c>
      <c r="D57751" s="14" t="s">
        <v>244</v>
      </c>
      <c r="E57751" s="15">
        <v>45457</v>
      </c>
      <c r="F57751" s="14" t="s">
        <v>61</v>
      </c>
      <c r="G57751" s="16">
        <v>0.74391630899201533</v>
      </c>
    </row>
    <row r="57752" spans="1:7" x14ac:dyDescent="0.3">
      <c r="A57752" s="13" t="s">
        <v>314</v>
      </c>
      <c r="B57752" s="14" t="s">
        <v>1</v>
      </c>
      <c r="C57752" s="14" t="s">
        <v>101</v>
      </c>
      <c r="D57752" s="14" t="s">
        <v>244</v>
      </c>
      <c r="E57752" s="15">
        <v>45458</v>
      </c>
      <c r="F57752" s="14" t="s">
        <v>61</v>
      </c>
      <c r="G57752" s="16">
        <v>0.74391630899201533</v>
      </c>
    </row>
    <row r="57753" spans="1:7" x14ac:dyDescent="0.3">
      <c r="A57753" s="13" t="s">
        <v>314</v>
      </c>
      <c r="B57753" s="14" t="s">
        <v>1</v>
      </c>
      <c r="C57753" s="14" t="s">
        <v>101</v>
      </c>
      <c r="D57753" s="14" t="s">
        <v>244</v>
      </c>
      <c r="E57753" s="15">
        <v>45459</v>
      </c>
      <c r="F57753" s="14" t="s">
        <v>61</v>
      </c>
      <c r="G57753" s="16">
        <v>0.74391630899201533</v>
      </c>
    </row>
    <row r="57754" spans="1:7" x14ac:dyDescent="0.3">
      <c r="A57754" s="13" t="s">
        <v>314</v>
      </c>
      <c r="B57754" s="14" t="s">
        <v>1</v>
      </c>
      <c r="C57754" s="14" t="s">
        <v>101</v>
      </c>
      <c r="D57754" s="14" t="s">
        <v>244</v>
      </c>
      <c r="E57754" s="15">
        <v>45460</v>
      </c>
      <c r="F57754" s="14" t="s">
        <v>61</v>
      </c>
      <c r="G57754" s="16">
        <v>0.74518288727721183</v>
      </c>
    </row>
    <row r="57755" spans="1:7" x14ac:dyDescent="0.3">
      <c r="A57755" s="13" t="s">
        <v>314</v>
      </c>
      <c r="B57755" s="14" t="s">
        <v>1</v>
      </c>
      <c r="C57755" s="14" t="s">
        <v>101</v>
      </c>
      <c r="D57755" s="14" t="s">
        <v>244</v>
      </c>
      <c r="E57755" s="15">
        <v>45461</v>
      </c>
      <c r="F57755" s="14" t="s">
        <v>61</v>
      </c>
      <c r="G57755" s="16">
        <v>0.76272529222677132</v>
      </c>
    </row>
    <row r="57756" spans="1:7" x14ac:dyDescent="0.3">
      <c r="A57756" s="13" t="s">
        <v>314</v>
      </c>
      <c r="B57756" s="14" t="s">
        <v>1</v>
      </c>
      <c r="C57756" s="14" t="s">
        <v>101</v>
      </c>
      <c r="D57756" s="14" t="s">
        <v>244</v>
      </c>
      <c r="E57756" s="15">
        <v>45462</v>
      </c>
      <c r="F57756" s="14" t="s">
        <v>61</v>
      </c>
      <c r="G57756" s="16">
        <v>0.77003355150991548</v>
      </c>
    </row>
    <row r="57757" spans="1:7" x14ac:dyDescent="0.3">
      <c r="A57757" s="13" t="s">
        <v>314</v>
      </c>
      <c r="B57757" s="14" t="s">
        <v>1</v>
      </c>
      <c r="C57757" s="14" t="s">
        <v>101</v>
      </c>
      <c r="D57757" s="14" t="s">
        <v>244</v>
      </c>
      <c r="E57757" s="15">
        <v>45463</v>
      </c>
      <c r="F57757" s="14" t="s">
        <v>61</v>
      </c>
      <c r="G57757" s="16">
        <v>0.77443802372442072</v>
      </c>
    </row>
    <row r="57758" spans="1:7" x14ac:dyDescent="0.3">
      <c r="A57758" s="13" t="s">
        <v>314</v>
      </c>
      <c r="B57758" s="14" t="s">
        <v>1</v>
      </c>
      <c r="C57758" s="14" t="s">
        <v>101</v>
      </c>
      <c r="D57758" s="14" t="s">
        <v>244</v>
      </c>
      <c r="E57758" s="15">
        <v>45464</v>
      </c>
      <c r="F57758" s="14" t="s">
        <v>61</v>
      </c>
      <c r="G57758" s="16">
        <v>0.78097605952550364</v>
      </c>
    </row>
    <row r="57759" spans="1:7" x14ac:dyDescent="0.3">
      <c r="A57759" s="13" t="s">
        <v>314</v>
      </c>
      <c r="B57759" s="14" t="s">
        <v>1</v>
      </c>
      <c r="C57759" s="14" t="s">
        <v>101</v>
      </c>
      <c r="D57759" s="14" t="s">
        <v>244</v>
      </c>
      <c r="E57759" s="15">
        <v>45465</v>
      </c>
      <c r="F57759" s="14" t="s">
        <v>61</v>
      </c>
      <c r="G57759" s="16">
        <v>0.78097605952550364</v>
      </c>
    </row>
    <row r="57760" spans="1:7" x14ac:dyDescent="0.3">
      <c r="A57760" s="13" t="s">
        <v>314</v>
      </c>
      <c r="B57760" s="14" t="s">
        <v>1</v>
      </c>
      <c r="C57760" s="14" t="s">
        <v>101</v>
      </c>
      <c r="D57760" s="14" t="s">
        <v>244</v>
      </c>
      <c r="E57760" s="15">
        <v>45466</v>
      </c>
      <c r="F57760" s="14" t="s">
        <v>61</v>
      </c>
      <c r="G57760" s="16">
        <v>0.78097605952550364</v>
      </c>
    </row>
    <row r="57761" spans="1:7" x14ac:dyDescent="0.3">
      <c r="A57761" s="13" t="s">
        <v>314</v>
      </c>
      <c r="B57761" s="14" t="s">
        <v>1</v>
      </c>
      <c r="C57761" s="14" t="s">
        <v>101</v>
      </c>
      <c r="D57761" s="14" t="s">
        <v>244</v>
      </c>
      <c r="E57761" s="15">
        <v>45467</v>
      </c>
      <c r="F57761" s="14" t="s">
        <v>61</v>
      </c>
      <c r="G57761" s="16">
        <v>0.7794749541748861</v>
      </c>
    </row>
    <row r="57762" spans="1:7" x14ac:dyDescent="0.3">
      <c r="A57762" s="13" t="s">
        <v>314</v>
      </c>
      <c r="B57762" s="14" t="s">
        <v>1</v>
      </c>
      <c r="C57762" s="14" t="s">
        <v>101</v>
      </c>
      <c r="D57762" s="14" t="s">
        <v>244</v>
      </c>
      <c r="E57762" s="15">
        <v>45468</v>
      </c>
      <c r="F57762" s="14" t="s">
        <v>61</v>
      </c>
      <c r="G57762" s="16">
        <v>0.77777592858809008</v>
      </c>
    </row>
    <row r="57763" spans="1:7" x14ac:dyDescent="0.3">
      <c r="A57763" s="13" t="s">
        <v>314</v>
      </c>
      <c r="B57763" s="14" t="s">
        <v>1</v>
      </c>
      <c r="C57763" s="14" t="s">
        <v>101</v>
      </c>
      <c r="D57763" s="14" t="s">
        <v>244</v>
      </c>
      <c r="E57763" s="15">
        <v>45469</v>
      </c>
      <c r="F57763" s="14" t="s">
        <v>61</v>
      </c>
      <c r="G57763" s="16">
        <v>0.78162169811625315</v>
      </c>
    </row>
    <row r="57764" spans="1:7" x14ac:dyDescent="0.3">
      <c r="A57764" s="13" t="s">
        <v>314</v>
      </c>
      <c r="B57764" s="14" t="s">
        <v>1</v>
      </c>
      <c r="C57764" s="14" t="s">
        <v>101</v>
      </c>
      <c r="D57764" s="14" t="s">
        <v>244</v>
      </c>
      <c r="E57764" s="15">
        <v>45470</v>
      </c>
      <c r="F57764" s="14" t="s">
        <v>61</v>
      </c>
      <c r="G57764" s="16">
        <v>0.78121083467716357</v>
      </c>
    </row>
    <row r="57765" spans="1:7" x14ac:dyDescent="0.3">
      <c r="A57765" s="13" t="s">
        <v>314</v>
      </c>
      <c r="B57765" s="14" t="s">
        <v>1</v>
      </c>
      <c r="C57765" s="14" t="s">
        <v>101</v>
      </c>
      <c r="D57765" s="14" t="s">
        <v>244</v>
      </c>
      <c r="E57765" s="15">
        <v>45471</v>
      </c>
      <c r="F57765" s="14" t="s">
        <v>61</v>
      </c>
      <c r="G57765" s="16">
        <v>0.79492242714721661</v>
      </c>
    </row>
    <row r="57766" spans="1:7" x14ac:dyDescent="0.3">
      <c r="A57766" s="13" t="s">
        <v>314</v>
      </c>
      <c r="B57766" s="14" t="s">
        <v>1</v>
      </c>
      <c r="C57766" s="14" t="s">
        <v>101</v>
      </c>
      <c r="D57766" s="14" t="s">
        <v>244</v>
      </c>
      <c r="E57766" s="15">
        <v>45472</v>
      </c>
      <c r="F57766" s="14" t="s">
        <v>61</v>
      </c>
      <c r="G57766" s="16">
        <v>0.79492242714721661</v>
      </c>
    </row>
    <row r="57767" spans="1:7" x14ac:dyDescent="0.3">
      <c r="A57767" s="13" t="s">
        <v>314</v>
      </c>
      <c r="B57767" s="14" t="s">
        <v>1</v>
      </c>
      <c r="C57767" s="14" t="s">
        <v>101</v>
      </c>
      <c r="D57767" s="14" t="s">
        <v>244</v>
      </c>
      <c r="E57767" s="15">
        <v>45473</v>
      </c>
      <c r="F57767" s="14" t="s">
        <v>61</v>
      </c>
      <c r="G57767" s="16">
        <v>0.79492242714721661</v>
      </c>
    </row>
    <row r="57768" spans="1:7" x14ac:dyDescent="0.3">
      <c r="A57768" s="13" t="s">
        <v>314</v>
      </c>
      <c r="B57768" s="14" t="s">
        <v>1</v>
      </c>
      <c r="C57768" s="14" t="s">
        <v>101</v>
      </c>
      <c r="D57768" s="14" t="s">
        <v>244</v>
      </c>
      <c r="E57768" s="15">
        <v>45474</v>
      </c>
      <c r="F57768" s="14" t="s">
        <v>61</v>
      </c>
      <c r="G57768" s="16">
        <v>0.80004302218400225</v>
      </c>
    </row>
    <row r="57769" spans="1:7" x14ac:dyDescent="0.3">
      <c r="A57769" s="13" t="s">
        <v>314</v>
      </c>
      <c r="B57769" s="14" t="s">
        <v>1</v>
      </c>
      <c r="C57769" s="14" t="s">
        <v>101</v>
      </c>
      <c r="D57769" s="14" t="s">
        <v>244</v>
      </c>
      <c r="E57769" s="15">
        <v>45475</v>
      </c>
      <c r="F57769" s="14" t="s">
        <v>61</v>
      </c>
      <c r="G57769" s="16">
        <v>0.79674186173307793</v>
      </c>
    </row>
    <row r="57770" spans="1:7" x14ac:dyDescent="0.3">
      <c r="A57770" s="13" t="s">
        <v>314</v>
      </c>
      <c r="B57770" s="14" t="s">
        <v>1</v>
      </c>
      <c r="C57770" s="14" t="s">
        <v>101</v>
      </c>
      <c r="D57770" s="14" t="s">
        <v>244</v>
      </c>
      <c r="E57770" s="15">
        <v>45476</v>
      </c>
      <c r="F57770" s="14" t="s">
        <v>61</v>
      </c>
      <c r="G57770" s="16">
        <v>0.7950058712961714</v>
      </c>
    </row>
    <row r="57771" spans="1:7" x14ac:dyDescent="0.3">
      <c r="A57771" s="13" t="s">
        <v>314</v>
      </c>
      <c r="B57771" s="14" t="s">
        <v>1</v>
      </c>
      <c r="C57771" s="14" t="s">
        <v>101</v>
      </c>
      <c r="D57771" s="14" t="s">
        <v>244</v>
      </c>
      <c r="E57771" s="15">
        <v>45477</v>
      </c>
      <c r="F57771" s="14" t="s">
        <v>61</v>
      </c>
      <c r="G57771" s="16">
        <v>0.79866054303026646</v>
      </c>
    </row>
    <row r="57772" spans="1:7" x14ac:dyDescent="0.3">
      <c r="A57772" s="13" t="s">
        <v>314</v>
      </c>
      <c r="B57772" s="14" t="s">
        <v>1</v>
      </c>
      <c r="C57772" s="14" t="s">
        <v>101</v>
      </c>
      <c r="D57772" s="14" t="s">
        <v>244</v>
      </c>
      <c r="E57772" s="15">
        <v>45478</v>
      </c>
      <c r="F57772" s="14" t="s">
        <v>61</v>
      </c>
      <c r="G57772" s="16">
        <v>0.79777192551159659</v>
      </c>
    </row>
    <row r="57773" spans="1:7" x14ac:dyDescent="0.3">
      <c r="A57773" s="13" t="s">
        <v>314</v>
      </c>
      <c r="B57773" s="14" t="s">
        <v>1</v>
      </c>
      <c r="C57773" s="14" t="s">
        <v>101</v>
      </c>
      <c r="D57773" s="14" t="s">
        <v>244</v>
      </c>
      <c r="E57773" s="15">
        <v>45479</v>
      </c>
      <c r="F57773" s="14" t="s">
        <v>61</v>
      </c>
      <c r="G57773" s="16">
        <v>0.79777192551159659</v>
      </c>
    </row>
    <row r="57774" spans="1:7" x14ac:dyDescent="0.3">
      <c r="A57774" s="13" t="s">
        <v>314</v>
      </c>
      <c r="B57774" s="14" t="s">
        <v>1</v>
      </c>
      <c r="C57774" s="14" t="s">
        <v>101</v>
      </c>
      <c r="D57774" s="14" t="s">
        <v>244</v>
      </c>
      <c r="E57774" s="15">
        <v>45480</v>
      </c>
      <c r="F57774" s="14" t="s">
        <v>61</v>
      </c>
      <c r="G57774" s="16">
        <v>0.79777192551159659</v>
      </c>
    </row>
    <row r="57775" spans="1:7" x14ac:dyDescent="0.3">
      <c r="A57775" s="13" t="s">
        <v>314</v>
      </c>
      <c r="B57775" s="14" t="s">
        <v>1</v>
      </c>
      <c r="C57775" s="14" t="s">
        <v>101</v>
      </c>
      <c r="D57775" s="14" t="s">
        <v>244</v>
      </c>
      <c r="E57775" s="15">
        <v>45481</v>
      </c>
      <c r="F57775" s="14" t="s">
        <v>61</v>
      </c>
      <c r="G57775" s="16">
        <v>0.80106083206855783</v>
      </c>
    </row>
    <row r="57776" spans="1:7" x14ac:dyDescent="0.3">
      <c r="A57776" s="13" t="s">
        <v>314</v>
      </c>
      <c r="B57776" s="14" t="s">
        <v>1</v>
      </c>
      <c r="C57776" s="14" t="s">
        <v>101</v>
      </c>
      <c r="D57776" s="14" t="s">
        <v>244</v>
      </c>
      <c r="E57776" s="15">
        <v>45482</v>
      </c>
      <c r="F57776" s="14" t="s">
        <v>61</v>
      </c>
      <c r="G57776" s="16">
        <v>0.79812034892953521</v>
      </c>
    </row>
    <row r="57777" spans="1:7" x14ac:dyDescent="0.3">
      <c r="A57777" s="13" t="s">
        <v>314</v>
      </c>
      <c r="B57777" s="14" t="s">
        <v>1</v>
      </c>
      <c r="C57777" s="14" t="s">
        <v>101</v>
      </c>
      <c r="D57777" s="14" t="s">
        <v>244</v>
      </c>
      <c r="E57777" s="15">
        <v>45483</v>
      </c>
      <c r="F57777" s="14" t="s">
        <v>61</v>
      </c>
      <c r="G57777" s="16">
        <v>0.79811199140090316</v>
      </c>
    </row>
    <row r="57778" spans="1:7" x14ac:dyDescent="0.3">
      <c r="A57778" s="13" t="s">
        <v>314</v>
      </c>
      <c r="B57778" s="14" t="s">
        <v>1</v>
      </c>
      <c r="C57778" s="14" t="s">
        <v>101</v>
      </c>
      <c r="D57778" s="14" t="s">
        <v>244</v>
      </c>
      <c r="E57778" s="15">
        <v>45484</v>
      </c>
      <c r="F57778" s="14" t="s">
        <v>61</v>
      </c>
      <c r="G57778" s="16">
        <v>0.79644002910696554</v>
      </c>
    </row>
    <row r="57779" spans="1:7" x14ac:dyDescent="0.3">
      <c r="A57779" s="13" t="s">
        <v>314</v>
      </c>
      <c r="B57779" s="14" t="s">
        <v>1</v>
      </c>
      <c r="C57779" s="14" t="s">
        <v>101</v>
      </c>
      <c r="D57779" s="14" t="s">
        <v>244</v>
      </c>
      <c r="E57779" s="15">
        <v>45485</v>
      </c>
      <c r="F57779" s="14" t="s">
        <v>61</v>
      </c>
      <c r="G57779" s="16">
        <v>0.80265732037749182</v>
      </c>
    </row>
    <row r="57780" spans="1:7" x14ac:dyDescent="0.3">
      <c r="A57780" s="13" t="s">
        <v>314</v>
      </c>
      <c r="B57780" s="14" t="s">
        <v>1</v>
      </c>
      <c r="C57780" s="14" t="s">
        <v>101</v>
      </c>
      <c r="D57780" s="14" t="s">
        <v>244</v>
      </c>
      <c r="E57780" s="15">
        <v>45486</v>
      </c>
      <c r="F57780" s="14" t="s">
        <v>61</v>
      </c>
      <c r="G57780" s="16">
        <v>0.80265732037749182</v>
      </c>
    </row>
    <row r="57781" spans="1:7" x14ac:dyDescent="0.3">
      <c r="A57781" s="13" t="s">
        <v>314</v>
      </c>
      <c r="B57781" s="14" t="s">
        <v>1</v>
      </c>
      <c r="C57781" s="14" t="s">
        <v>101</v>
      </c>
      <c r="D57781" s="14" t="s">
        <v>244</v>
      </c>
      <c r="E57781" s="15">
        <v>45487</v>
      </c>
      <c r="F57781" s="14" t="s">
        <v>61</v>
      </c>
      <c r="G57781" s="16">
        <v>0.80265732037749182</v>
      </c>
    </row>
    <row r="57782" spans="1:7" x14ac:dyDescent="0.3">
      <c r="A57782" s="13" t="s">
        <v>314</v>
      </c>
      <c r="B57782" s="14" t="s">
        <v>1</v>
      </c>
      <c r="C57782" s="14" t="s">
        <v>101</v>
      </c>
      <c r="D57782" s="14" t="s">
        <v>244</v>
      </c>
      <c r="E57782" s="15">
        <v>45488</v>
      </c>
      <c r="F57782" s="14" t="s">
        <v>61</v>
      </c>
      <c r="G57782" s="16">
        <v>0.80954604512480732</v>
      </c>
    </row>
    <row r="57783" spans="1:7" x14ac:dyDescent="0.3">
      <c r="A57783" s="13" t="s">
        <v>314</v>
      </c>
      <c r="B57783" s="14" t="s">
        <v>1</v>
      </c>
      <c r="C57783" s="14" t="s">
        <v>101</v>
      </c>
      <c r="D57783" s="14" t="s">
        <v>244</v>
      </c>
      <c r="E57783" s="15">
        <v>45489</v>
      </c>
      <c r="F57783" s="14" t="s">
        <v>61</v>
      </c>
      <c r="G57783" s="16">
        <v>0.80532526017056294</v>
      </c>
    </row>
    <row r="57784" spans="1:7" x14ac:dyDescent="0.3">
      <c r="A57784" s="13" t="s">
        <v>314</v>
      </c>
      <c r="B57784" s="14" t="s">
        <v>1</v>
      </c>
      <c r="C57784" s="14" t="s">
        <v>101</v>
      </c>
      <c r="D57784" s="14" t="s">
        <v>244</v>
      </c>
      <c r="E57784" s="15">
        <v>45490</v>
      </c>
      <c r="F57784" s="14" t="s">
        <v>61</v>
      </c>
      <c r="G57784" s="16">
        <v>0.80353068237184933</v>
      </c>
    </row>
    <row r="57785" spans="1:7" x14ac:dyDescent="0.3">
      <c r="A57785" s="13" t="s">
        <v>314</v>
      </c>
      <c r="B57785" s="14" t="s">
        <v>1</v>
      </c>
      <c r="C57785" s="14" t="s">
        <v>101</v>
      </c>
      <c r="D57785" s="14" t="s">
        <v>244</v>
      </c>
      <c r="E57785" s="15">
        <v>45491</v>
      </c>
      <c r="F57785" s="14" t="s">
        <v>61</v>
      </c>
      <c r="G57785" s="16">
        <v>0.80797857628054126</v>
      </c>
    </row>
    <row r="57786" spans="1:7" x14ac:dyDescent="0.3">
      <c r="A57786" s="13" t="s">
        <v>314</v>
      </c>
      <c r="B57786" s="14" t="s">
        <v>1</v>
      </c>
      <c r="C57786" s="14" t="s">
        <v>101</v>
      </c>
      <c r="D57786" s="14" t="s">
        <v>244</v>
      </c>
      <c r="E57786" s="15">
        <v>45492</v>
      </c>
      <c r="F57786" s="14" t="s">
        <v>61</v>
      </c>
      <c r="G57786" s="16">
        <v>0.81756630302792199</v>
      </c>
    </row>
    <row r="57787" spans="1:7" x14ac:dyDescent="0.3">
      <c r="A57787" s="13" t="s">
        <v>314</v>
      </c>
      <c r="B57787" s="14" t="s">
        <v>1</v>
      </c>
      <c r="C57787" s="14" t="s">
        <v>101</v>
      </c>
      <c r="D57787" s="14" t="s">
        <v>244</v>
      </c>
      <c r="E57787" s="15">
        <v>45493</v>
      </c>
      <c r="F57787" s="14" t="s">
        <v>61</v>
      </c>
      <c r="G57787" s="16">
        <v>0.81756630302792199</v>
      </c>
    </row>
    <row r="57788" spans="1:7" x14ac:dyDescent="0.3">
      <c r="A57788" s="13" t="s">
        <v>314</v>
      </c>
      <c r="B57788" s="14" t="s">
        <v>1</v>
      </c>
      <c r="C57788" s="14" t="s">
        <v>101</v>
      </c>
      <c r="D57788" s="14" t="s">
        <v>244</v>
      </c>
      <c r="E57788" s="15">
        <v>45494</v>
      </c>
      <c r="F57788" s="14" t="s">
        <v>61</v>
      </c>
      <c r="G57788" s="16">
        <v>0.81756630302792199</v>
      </c>
    </row>
    <row r="57789" spans="1:7" x14ac:dyDescent="0.3">
      <c r="A57789" s="13" t="s">
        <v>314</v>
      </c>
      <c r="B57789" s="14" t="s">
        <v>1</v>
      </c>
      <c r="C57789" s="14" t="s">
        <v>101</v>
      </c>
      <c r="D57789" s="14" t="s">
        <v>244</v>
      </c>
      <c r="E57789" s="15">
        <v>45495</v>
      </c>
      <c r="F57789" s="14" t="s">
        <v>61</v>
      </c>
      <c r="G57789" s="16">
        <v>0.81769501058634697</v>
      </c>
    </row>
    <row r="57790" spans="1:7" x14ac:dyDescent="0.3">
      <c r="A57790" s="13" t="s">
        <v>314</v>
      </c>
      <c r="B57790" s="14" t="s">
        <v>1</v>
      </c>
      <c r="C57790" s="14" t="s">
        <v>101</v>
      </c>
      <c r="D57790" s="14" t="s">
        <v>244</v>
      </c>
      <c r="E57790" s="15">
        <v>45496</v>
      </c>
      <c r="F57790" s="14" t="s">
        <v>61</v>
      </c>
      <c r="G57790" s="16">
        <v>0.81692744979276277</v>
      </c>
    </row>
    <row r="57791" spans="1:7" x14ac:dyDescent="0.3">
      <c r="A57791" s="13" t="s">
        <v>314</v>
      </c>
      <c r="B57791" s="14" t="s">
        <v>1</v>
      </c>
      <c r="C57791" s="14" t="s">
        <v>101</v>
      </c>
      <c r="D57791" s="14" t="s">
        <v>244</v>
      </c>
      <c r="E57791" s="15">
        <v>45497</v>
      </c>
      <c r="F57791" s="14" t="s">
        <v>61</v>
      </c>
      <c r="G57791" s="16">
        <v>0.81901554254679731</v>
      </c>
    </row>
    <row r="57792" spans="1:7" x14ac:dyDescent="0.3">
      <c r="A57792" s="13" t="s">
        <v>314</v>
      </c>
      <c r="B57792" s="14" t="s">
        <v>1</v>
      </c>
      <c r="C57792" s="14" t="s">
        <v>101</v>
      </c>
      <c r="D57792" s="14" t="s">
        <v>244</v>
      </c>
      <c r="E57792" s="15">
        <v>45498</v>
      </c>
      <c r="F57792" s="14" t="s">
        <v>61</v>
      </c>
      <c r="G57792" s="16">
        <v>0.81968353630305968</v>
      </c>
    </row>
    <row r="57793" spans="1:7" x14ac:dyDescent="0.3">
      <c r="A57793" s="13" t="s">
        <v>314</v>
      </c>
      <c r="B57793" s="14" t="s">
        <v>1</v>
      </c>
      <c r="C57793" s="14" t="s">
        <v>101</v>
      </c>
      <c r="D57793" s="14" t="s">
        <v>244</v>
      </c>
      <c r="E57793" s="15">
        <v>45499</v>
      </c>
      <c r="F57793" s="14" t="s">
        <v>61</v>
      </c>
      <c r="G57793" s="16">
        <v>0.88053624872321112</v>
      </c>
    </row>
    <row r="57794" spans="1:7" x14ac:dyDescent="0.3">
      <c r="A57794" s="13" t="s">
        <v>314</v>
      </c>
      <c r="B57794" s="14" t="s">
        <v>1</v>
      </c>
      <c r="C57794" s="14" t="s">
        <v>101</v>
      </c>
      <c r="D57794" s="14" t="s">
        <v>244</v>
      </c>
      <c r="E57794" s="15">
        <v>45500</v>
      </c>
      <c r="F57794" s="14" t="s">
        <v>61</v>
      </c>
      <c r="G57794" s="16">
        <v>0.88053624872321112</v>
      </c>
    </row>
    <row r="57795" spans="1:7" x14ac:dyDescent="0.3">
      <c r="A57795" s="13" t="s">
        <v>314</v>
      </c>
      <c r="B57795" s="14" t="s">
        <v>1</v>
      </c>
      <c r="C57795" s="14" t="s">
        <v>101</v>
      </c>
      <c r="D57795" s="14" t="s">
        <v>244</v>
      </c>
      <c r="E57795" s="15">
        <v>45501</v>
      </c>
      <c r="F57795" s="14" t="s">
        <v>61</v>
      </c>
      <c r="G57795" s="16">
        <v>0.88053624872321112</v>
      </c>
    </row>
    <row r="57796" spans="1:7" x14ac:dyDescent="0.3">
      <c r="A57796" s="13" t="s">
        <v>314</v>
      </c>
      <c r="B57796" s="14" t="s">
        <v>1</v>
      </c>
      <c r="C57796" s="14" t="s">
        <v>101</v>
      </c>
      <c r="D57796" s="14" t="s">
        <v>244</v>
      </c>
      <c r="E57796" s="15">
        <v>45502</v>
      </c>
      <c r="F57796" s="14" t="s">
        <v>61</v>
      </c>
      <c r="G57796" s="16">
        <v>0.89188974661955944</v>
      </c>
    </row>
    <row r="57797" spans="1:7" x14ac:dyDescent="0.3">
      <c r="A57797" s="13" t="s">
        <v>314</v>
      </c>
      <c r="B57797" s="14" t="s">
        <v>1</v>
      </c>
      <c r="C57797" s="14" t="s">
        <v>101</v>
      </c>
      <c r="D57797" s="14" t="s">
        <v>244</v>
      </c>
      <c r="E57797" s="15">
        <v>45503</v>
      </c>
      <c r="F57797" s="14" t="s">
        <v>61</v>
      </c>
      <c r="G57797" s="16">
        <v>0.88995699750562018</v>
      </c>
    </row>
    <row r="57798" spans="1:7" x14ac:dyDescent="0.3">
      <c r="A57798" s="13" t="s">
        <v>314</v>
      </c>
      <c r="B57798" s="14" t="s">
        <v>1</v>
      </c>
      <c r="C57798" s="14" t="s">
        <v>101</v>
      </c>
      <c r="D57798" s="14" t="s">
        <v>244</v>
      </c>
      <c r="E57798" s="15">
        <v>45504</v>
      </c>
      <c r="F57798" s="14" t="s">
        <v>61</v>
      </c>
      <c r="G57798" s="16">
        <v>0.89020501171320121</v>
      </c>
    </row>
    <row r="57799" spans="1:7" x14ac:dyDescent="0.3">
      <c r="A57799" s="13" t="s">
        <v>314</v>
      </c>
      <c r="B57799" s="14" t="s">
        <v>1</v>
      </c>
      <c r="C57799" s="14" t="s">
        <v>101</v>
      </c>
      <c r="D57799" s="14" t="s">
        <v>244</v>
      </c>
      <c r="E57799" s="15">
        <v>45505</v>
      </c>
      <c r="F57799" s="14" t="s">
        <v>61</v>
      </c>
      <c r="G57799" s="16">
        <v>0.90366875159549842</v>
      </c>
    </row>
    <row r="57800" spans="1:7" x14ac:dyDescent="0.3">
      <c r="A57800" s="13" t="s">
        <v>314</v>
      </c>
      <c r="B57800" s="14" t="s">
        <v>1</v>
      </c>
      <c r="C57800" s="14" t="s">
        <v>101</v>
      </c>
      <c r="D57800" s="14" t="s">
        <v>244</v>
      </c>
      <c r="E57800" s="15">
        <v>45506</v>
      </c>
      <c r="F57800" s="14" t="s">
        <v>61</v>
      </c>
      <c r="G57800" s="16">
        <v>0.89524961897196931</v>
      </c>
    </row>
    <row r="57801" spans="1:7" x14ac:dyDescent="0.3">
      <c r="A57801" s="13" t="s">
        <v>314</v>
      </c>
      <c r="B57801" s="14" t="s">
        <v>1</v>
      </c>
      <c r="C57801" s="14" t="s">
        <v>101</v>
      </c>
      <c r="D57801" s="14" t="s">
        <v>244</v>
      </c>
      <c r="E57801" s="15">
        <v>45507</v>
      </c>
      <c r="F57801" s="14" t="s">
        <v>61</v>
      </c>
      <c r="G57801" s="16">
        <v>0.89524961897196931</v>
      </c>
    </row>
    <row r="57802" spans="1:7" x14ac:dyDescent="0.3">
      <c r="A57802" s="13" t="s">
        <v>314</v>
      </c>
      <c r="B57802" s="14" t="s">
        <v>1</v>
      </c>
      <c r="C57802" s="14" t="s">
        <v>101</v>
      </c>
      <c r="D57802" s="14" t="s">
        <v>244</v>
      </c>
      <c r="E57802" s="15">
        <v>45508</v>
      </c>
      <c r="F57802" s="14" t="s">
        <v>61</v>
      </c>
      <c r="G57802" s="16">
        <v>0.89524961897196931</v>
      </c>
    </row>
    <row r="57803" spans="1:7" x14ac:dyDescent="0.3">
      <c r="A57803" s="13" t="s">
        <v>314</v>
      </c>
      <c r="B57803" s="14" t="s">
        <v>1</v>
      </c>
      <c r="C57803" s="14" t="s">
        <v>101</v>
      </c>
      <c r="D57803" s="14" t="s">
        <v>244</v>
      </c>
      <c r="E57803" s="15">
        <v>45509</v>
      </c>
      <c r="F57803" s="14" t="s">
        <v>61</v>
      </c>
      <c r="G57803" s="16">
        <v>0.89524961897196931</v>
      </c>
    </row>
    <row r="57804" spans="1:7" x14ac:dyDescent="0.3">
      <c r="A57804" s="13" t="s">
        <v>314</v>
      </c>
      <c r="B57804" s="14" t="s">
        <v>1</v>
      </c>
      <c r="C57804" s="14" t="s">
        <v>101</v>
      </c>
      <c r="D57804" s="14" t="s">
        <v>244</v>
      </c>
      <c r="E57804" s="15">
        <v>45510</v>
      </c>
      <c r="F57804" s="14" t="s">
        <v>61</v>
      </c>
      <c r="G57804" s="16">
        <v>0.89469229062179911</v>
      </c>
    </row>
    <row r="57805" spans="1:7" x14ac:dyDescent="0.3">
      <c r="A57805" s="13" t="s">
        <v>314</v>
      </c>
      <c r="B57805" s="14" t="s">
        <v>1</v>
      </c>
      <c r="C57805" s="14" t="s">
        <v>101</v>
      </c>
      <c r="D57805" s="14" t="s">
        <v>244</v>
      </c>
      <c r="E57805" s="15">
        <v>45511</v>
      </c>
      <c r="F57805" s="14" t="s">
        <v>61</v>
      </c>
      <c r="G57805" s="16">
        <v>0.88988900045945551</v>
      </c>
    </row>
    <row r="57806" spans="1:7" x14ac:dyDescent="0.3">
      <c r="A57806" s="13" t="s">
        <v>314</v>
      </c>
      <c r="B57806" s="14" t="s">
        <v>1</v>
      </c>
      <c r="C57806" s="14" t="s">
        <v>101</v>
      </c>
      <c r="D57806" s="14" t="s">
        <v>244</v>
      </c>
      <c r="E57806" s="15">
        <v>45512</v>
      </c>
      <c r="F57806" s="14" t="s">
        <v>61</v>
      </c>
      <c r="G57806" s="16">
        <v>0.89135581701313638</v>
      </c>
    </row>
    <row r="57807" spans="1:7" x14ac:dyDescent="0.3">
      <c r="A57807" s="13" t="s">
        <v>314</v>
      </c>
      <c r="B57807" s="14" t="s">
        <v>1</v>
      </c>
      <c r="C57807" s="14" t="s">
        <v>101</v>
      </c>
      <c r="D57807" s="14" t="s">
        <v>244</v>
      </c>
      <c r="E57807" s="15">
        <v>45513</v>
      </c>
      <c r="F57807" s="14" t="s">
        <v>61</v>
      </c>
      <c r="G57807" s="16">
        <v>0.89272594435826436</v>
      </c>
    </row>
    <row r="57808" spans="1:7" x14ac:dyDescent="0.3">
      <c r="A57808" s="13" t="s">
        <v>314</v>
      </c>
      <c r="B57808" s="14" t="s">
        <v>1</v>
      </c>
      <c r="C57808" s="14" t="s">
        <v>101</v>
      </c>
      <c r="D57808" s="14" t="s">
        <v>244</v>
      </c>
      <c r="E57808" s="15">
        <v>45514</v>
      </c>
      <c r="F57808" s="14" t="s">
        <v>61</v>
      </c>
      <c r="G57808" s="16">
        <v>0.89272594435826436</v>
      </c>
    </row>
    <row r="57809" spans="1:7" x14ac:dyDescent="0.3">
      <c r="A57809" s="13" t="s">
        <v>314</v>
      </c>
      <c r="B57809" s="14" t="s">
        <v>1</v>
      </c>
      <c r="C57809" s="14" t="s">
        <v>101</v>
      </c>
      <c r="D57809" s="14" t="s">
        <v>244</v>
      </c>
      <c r="E57809" s="15">
        <v>45515</v>
      </c>
      <c r="F57809" s="14" t="s">
        <v>61</v>
      </c>
      <c r="G57809" s="16">
        <v>0.89272594435826436</v>
      </c>
    </row>
    <row r="57810" spans="1:7" x14ac:dyDescent="0.3">
      <c r="A57810" s="13" t="s">
        <v>314</v>
      </c>
      <c r="B57810" s="14" t="s">
        <v>1</v>
      </c>
      <c r="C57810" s="14" t="s">
        <v>101</v>
      </c>
      <c r="D57810" s="14" t="s">
        <v>244</v>
      </c>
      <c r="E57810" s="15">
        <v>45516</v>
      </c>
      <c r="F57810" s="14" t="s">
        <v>61</v>
      </c>
      <c r="G57810" s="16">
        <v>0.89256241111605206</v>
      </c>
    </row>
    <row r="57811" spans="1:7" x14ac:dyDescent="0.3">
      <c r="A57811" s="13" t="s">
        <v>314</v>
      </c>
      <c r="B57811" s="14" t="s">
        <v>1</v>
      </c>
      <c r="C57811" s="14" t="s">
        <v>101</v>
      </c>
      <c r="D57811" s="14" t="s">
        <v>244</v>
      </c>
      <c r="E57811" s="15">
        <v>45517</v>
      </c>
      <c r="F57811" s="14" t="s">
        <v>61</v>
      </c>
      <c r="G57811" s="16">
        <v>0.88385524807883231</v>
      </c>
    </row>
    <row r="57812" spans="1:7" x14ac:dyDescent="0.3">
      <c r="A57812" s="13" t="s">
        <v>314</v>
      </c>
      <c r="B57812" s="14" t="s">
        <v>1</v>
      </c>
      <c r="C57812" s="14" t="s">
        <v>101</v>
      </c>
      <c r="D57812" s="14" t="s">
        <v>244</v>
      </c>
      <c r="E57812" s="15">
        <v>45518</v>
      </c>
      <c r="F57812" s="14" t="s">
        <v>61</v>
      </c>
      <c r="G57812" s="16">
        <v>0.89387280999831464</v>
      </c>
    </row>
    <row r="57813" spans="1:7" x14ac:dyDescent="0.3">
      <c r="A57813" s="13" t="s">
        <v>314</v>
      </c>
      <c r="B57813" s="14" t="s">
        <v>1</v>
      </c>
      <c r="C57813" s="14" t="s">
        <v>101</v>
      </c>
      <c r="D57813" s="14" t="s">
        <v>244</v>
      </c>
      <c r="E57813" s="15">
        <v>45519</v>
      </c>
      <c r="F57813" s="14" t="s">
        <v>61</v>
      </c>
      <c r="G57813" s="16">
        <v>0.89822080103571422</v>
      </c>
    </row>
    <row r="57814" spans="1:7" x14ac:dyDescent="0.3">
      <c r="A57814" s="13" t="s">
        <v>314</v>
      </c>
      <c r="B57814" s="14" t="s">
        <v>1</v>
      </c>
      <c r="C57814" s="14" t="s">
        <v>101</v>
      </c>
      <c r="D57814" s="14" t="s">
        <v>244</v>
      </c>
      <c r="E57814" s="15">
        <v>45520</v>
      </c>
      <c r="F57814" s="14" t="s">
        <v>61</v>
      </c>
      <c r="G57814" s="16">
        <v>0.91200790655480357</v>
      </c>
    </row>
    <row r="57815" spans="1:7" x14ac:dyDescent="0.3">
      <c r="A57815" s="13" t="s">
        <v>314</v>
      </c>
      <c r="B57815" s="14" t="s">
        <v>1</v>
      </c>
      <c r="C57815" s="14" t="s">
        <v>101</v>
      </c>
      <c r="D57815" s="14" t="s">
        <v>244</v>
      </c>
      <c r="E57815" s="15">
        <v>45521</v>
      </c>
      <c r="F57815" s="14" t="s">
        <v>61</v>
      </c>
      <c r="G57815" s="16">
        <v>0.91200790655480357</v>
      </c>
    </row>
    <row r="57816" spans="1:7" x14ac:dyDescent="0.3">
      <c r="A57816" s="13" t="s">
        <v>314</v>
      </c>
      <c r="B57816" s="14" t="s">
        <v>1</v>
      </c>
      <c r="C57816" s="14" t="s">
        <v>101</v>
      </c>
      <c r="D57816" s="14" t="s">
        <v>244</v>
      </c>
      <c r="E57816" s="15">
        <v>45522</v>
      </c>
      <c r="F57816" s="14" t="s">
        <v>61</v>
      </c>
      <c r="G57816" s="16">
        <v>0.91200790655480357</v>
      </c>
    </row>
    <row r="57817" spans="1:7" x14ac:dyDescent="0.3">
      <c r="A57817" s="13" t="s">
        <v>314</v>
      </c>
      <c r="B57817" s="14" t="s">
        <v>1</v>
      </c>
      <c r="C57817" s="14" t="s">
        <v>101</v>
      </c>
      <c r="D57817" s="14" t="s">
        <v>244</v>
      </c>
      <c r="E57817" s="15">
        <v>45523</v>
      </c>
      <c r="F57817" s="14" t="s">
        <v>61</v>
      </c>
      <c r="G57817" s="16">
        <v>0.91489066158230437</v>
      </c>
    </row>
    <row r="57818" spans="1:7" x14ac:dyDescent="0.3">
      <c r="A57818" s="13" t="s">
        <v>314</v>
      </c>
      <c r="B57818" s="14" t="s">
        <v>1</v>
      </c>
      <c r="C57818" s="14" t="s">
        <v>101</v>
      </c>
      <c r="D57818" s="14" t="s">
        <v>244</v>
      </c>
      <c r="E57818" s="15">
        <v>45524</v>
      </c>
      <c r="F57818" s="14" t="s">
        <v>61</v>
      </c>
      <c r="G57818" s="16">
        <v>0.90755455510603</v>
      </c>
    </row>
    <row r="57819" spans="1:7" x14ac:dyDescent="0.3">
      <c r="A57819" s="13" t="s">
        <v>314</v>
      </c>
      <c r="B57819" s="14" t="s">
        <v>1</v>
      </c>
      <c r="C57819" s="14" t="s">
        <v>101</v>
      </c>
      <c r="D57819" s="14" t="s">
        <v>244</v>
      </c>
      <c r="E57819" s="15">
        <v>45525</v>
      </c>
      <c r="F57819" s="14" t="s">
        <v>61</v>
      </c>
      <c r="G57819" s="16">
        <v>0.90660618613612109</v>
      </c>
    </row>
    <row r="57820" spans="1:7" x14ac:dyDescent="0.3">
      <c r="A57820" s="13" t="s">
        <v>314</v>
      </c>
      <c r="B57820" s="14" t="s">
        <v>1</v>
      </c>
      <c r="C57820" s="14" t="s">
        <v>101</v>
      </c>
      <c r="D57820" s="14" t="s">
        <v>244</v>
      </c>
      <c r="E57820" s="15">
        <v>45526</v>
      </c>
      <c r="F57820" s="14" t="s">
        <v>61</v>
      </c>
      <c r="G57820" s="16">
        <v>0.96568146692466261</v>
      </c>
    </row>
    <row r="57821" spans="1:7" x14ac:dyDescent="0.3">
      <c r="A57821" s="13" t="s">
        <v>314</v>
      </c>
      <c r="B57821" s="14" t="s">
        <v>1</v>
      </c>
      <c r="C57821" s="14" t="s">
        <v>101</v>
      </c>
      <c r="D57821" s="14" t="s">
        <v>244</v>
      </c>
      <c r="E57821" s="15">
        <v>45527</v>
      </c>
      <c r="F57821" s="14" t="s">
        <v>61</v>
      </c>
      <c r="G57821" s="16">
        <v>0.95975316713498715</v>
      </c>
    </row>
    <row r="57822" spans="1:7" x14ac:dyDescent="0.3">
      <c r="A57822" s="13" t="s">
        <v>314</v>
      </c>
      <c r="B57822" s="14" t="s">
        <v>1</v>
      </c>
      <c r="C57822" s="14" t="s">
        <v>101</v>
      </c>
      <c r="D57822" s="14" t="s">
        <v>244</v>
      </c>
      <c r="E57822" s="15">
        <v>45528</v>
      </c>
      <c r="F57822" s="14" t="s">
        <v>61</v>
      </c>
      <c r="G57822" s="16">
        <v>0.95975316713498715</v>
      </c>
    </row>
    <row r="57823" spans="1:7" x14ac:dyDescent="0.3">
      <c r="A57823" s="13" t="s">
        <v>314</v>
      </c>
      <c r="B57823" s="14" t="s">
        <v>1</v>
      </c>
      <c r="C57823" s="14" t="s">
        <v>101</v>
      </c>
      <c r="D57823" s="14" t="s">
        <v>244</v>
      </c>
      <c r="E57823" s="15">
        <v>45529</v>
      </c>
      <c r="F57823" s="14" t="s">
        <v>61</v>
      </c>
      <c r="G57823" s="16">
        <v>0.95975316713498715</v>
      </c>
    </row>
    <row r="57824" spans="1:7" x14ac:dyDescent="0.3">
      <c r="A57824" s="13" t="s">
        <v>314</v>
      </c>
      <c r="B57824" s="14" t="s">
        <v>1</v>
      </c>
      <c r="C57824" s="14" t="s">
        <v>101</v>
      </c>
      <c r="D57824" s="14" t="s">
        <v>244</v>
      </c>
      <c r="E57824" s="15">
        <v>45530</v>
      </c>
      <c r="F57824" s="14" t="s">
        <v>61</v>
      </c>
      <c r="G57824" s="16">
        <v>0.97192727680377466</v>
      </c>
    </row>
    <row r="57825" spans="1:7" x14ac:dyDescent="0.3">
      <c r="A57825" s="13" t="s">
        <v>314</v>
      </c>
      <c r="B57825" s="14" t="s">
        <v>1</v>
      </c>
      <c r="C57825" s="14" t="s">
        <v>101</v>
      </c>
      <c r="D57825" s="14" t="s">
        <v>244</v>
      </c>
      <c r="E57825" s="15">
        <v>45531</v>
      </c>
      <c r="F57825" s="14" t="s">
        <v>61</v>
      </c>
      <c r="G57825" s="16">
        <v>0.96589484251961943</v>
      </c>
    </row>
    <row r="57826" spans="1:7" x14ac:dyDescent="0.3">
      <c r="A57826" s="13" t="s">
        <v>314</v>
      </c>
      <c r="B57826" s="14" t="s">
        <v>1</v>
      </c>
      <c r="C57826" s="14" t="s">
        <v>101</v>
      </c>
      <c r="D57826" s="14" t="s">
        <v>244</v>
      </c>
      <c r="E57826" s="15">
        <v>45532</v>
      </c>
      <c r="F57826" s="14" t="s">
        <v>61</v>
      </c>
      <c r="G57826" s="16">
        <v>0.97235076382261199</v>
      </c>
    </row>
    <row r="57827" spans="1:7" x14ac:dyDescent="0.3">
      <c r="A57827" s="13" t="s">
        <v>314</v>
      </c>
      <c r="B57827" s="14" t="s">
        <v>1</v>
      </c>
      <c r="C57827" s="14" t="s">
        <v>101</v>
      </c>
      <c r="D57827" s="14" t="s">
        <v>244</v>
      </c>
      <c r="E57827" s="15">
        <v>45533</v>
      </c>
      <c r="F57827" s="14" t="s">
        <v>61</v>
      </c>
      <c r="G57827" s="16">
        <v>0.97708557504014226</v>
      </c>
    </row>
    <row r="57828" spans="1:7" x14ac:dyDescent="0.3">
      <c r="A57828" s="13" t="s">
        <v>314</v>
      </c>
      <c r="B57828" s="14" t="s">
        <v>1</v>
      </c>
      <c r="C57828" s="14" t="s">
        <v>101</v>
      </c>
      <c r="D57828" s="14" t="s">
        <v>244</v>
      </c>
      <c r="E57828" s="15">
        <v>45534</v>
      </c>
      <c r="F57828" s="14" t="s">
        <v>61</v>
      </c>
      <c r="G57828" s="16">
        <v>0.98662353679391779</v>
      </c>
    </row>
    <row r="57829" spans="1:7" x14ac:dyDescent="0.3">
      <c r="A57829" s="13" t="s">
        <v>314</v>
      </c>
      <c r="B57829" s="14" t="s">
        <v>1</v>
      </c>
      <c r="C57829" s="14" t="s">
        <v>101</v>
      </c>
      <c r="D57829" s="14" t="s">
        <v>244</v>
      </c>
      <c r="E57829" s="15">
        <v>45535</v>
      </c>
      <c r="F57829" s="14" t="s">
        <v>61</v>
      </c>
      <c r="G57829" s="16">
        <v>0.98662353679391779</v>
      </c>
    </row>
    <row r="57830" spans="1:7" x14ac:dyDescent="0.3">
      <c r="A57830" s="13" t="s">
        <v>314</v>
      </c>
      <c r="B57830" s="14" t="s">
        <v>1</v>
      </c>
      <c r="C57830" s="14" t="s">
        <v>101</v>
      </c>
      <c r="D57830" s="14" t="s">
        <v>244</v>
      </c>
      <c r="E57830" s="15">
        <v>45536</v>
      </c>
      <c r="F57830" s="14" t="s">
        <v>61</v>
      </c>
      <c r="G57830" s="16">
        <v>0.98662353679391779</v>
      </c>
    </row>
    <row r="57831" spans="1:7" x14ac:dyDescent="0.3">
      <c r="A57831" s="13" t="s">
        <v>314</v>
      </c>
      <c r="B57831" s="14" t="s">
        <v>1</v>
      </c>
      <c r="C57831" s="14" t="s">
        <v>101</v>
      </c>
      <c r="D57831" s="14" t="s">
        <v>244</v>
      </c>
      <c r="E57831" s="15">
        <v>45537</v>
      </c>
      <c r="F57831" s="14" t="s">
        <v>61</v>
      </c>
      <c r="G57831" s="16">
        <v>1.0456237211930213</v>
      </c>
    </row>
    <row r="57832" spans="1:7" x14ac:dyDescent="0.3">
      <c r="A57832" s="13" t="s">
        <v>314</v>
      </c>
      <c r="B57832" s="14" t="s">
        <v>1</v>
      </c>
      <c r="C57832" s="14" t="s">
        <v>101</v>
      </c>
      <c r="D57832" s="14" t="s">
        <v>244</v>
      </c>
      <c r="E57832" s="15">
        <v>45538</v>
      </c>
      <c r="F57832" s="14" t="s">
        <v>61</v>
      </c>
      <c r="G57832" s="16">
        <v>1.0448280097421609</v>
      </c>
    </row>
    <row r="57833" spans="1:7" x14ac:dyDescent="0.3">
      <c r="A57833" s="13" t="s">
        <v>314</v>
      </c>
      <c r="B57833" s="14" t="s">
        <v>1</v>
      </c>
      <c r="C57833" s="14" t="s">
        <v>101</v>
      </c>
      <c r="D57833" s="14" t="s">
        <v>244</v>
      </c>
      <c r="E57833" s="15">
        <v>45539</v>
      </c>
      <c r="F57833" s="14" t="s">
        <v>61</v>
      </c>
      <c r="G57833" s="16">
        <v>1.0420158844935474</v>
      </c>
    </row>
    <row r="57834" spans="1:7" x14ac:dyDescent="0.3">
      <c r="A57834" s="13" t="s">
        <v>314</v>
      </c>
      <c r="B57834" s="14" t="s">
        <v>1</v>
      </c>
      <c r="C57834" s="14" t="s">
        <v>101</v>
      </c>
      <c r="D57834" s="14" t="s">
        <v>244</v>
      </c>
      <c r="E57834" s="15">
        <v>45540</v>
      </c>
      <c r="F57834" s="14" t="s">
        <v>61</v>
      </c>
      <c r="G57834" s="16">
        <v>1.0540146764454286</v>
      </c>
    </row>
    <row r="57835" spans="1:7" x14ac:dyDescent="0.3">
      <c r="A57835" s="13" t="s">
        <v>314</v>
      </c>
      <c r="B57835" s="14" t="s">
        <v>1</v>
      </c>
      <c r="C57835" s="14" t="s">
        <v>101</v>
      </c>
      <c r="D57835" s="14" t="s">
        <v>244</v>
      </c>
      <c r="E57835" s="15">
        <v>45541</v>
      </c>
      <c r="F57835" s="14" t="s">
        <v>61</v>
      </c>
      <c r="G57835" s="16">
        <v>1.0572368928565048</v>
      </c>
    </row>
    <row r="57836" spans="1:7" x14ac:dyDescent="0.3">
      <c r="A57836" s="13" t="s">
        <v>314</v>
      </c>
      <c r="B57836" s="14" t="s">
        <v>1</v>
      </c>
      <c r="C57836" s="14" t="s">
        <v>101</v>
      </c>
      <c r="D57836" s="14" t="s">
        <v>244</v>
      </c>
      <c r="E57836" s="15">
        <v>45542</v>
      </c>
      <c r="F57836" s="14" t="s">
        <v>61</v>
      </c>
      <c r="G57836" s="16">
        <v>1.0572368928565048</v>
      </c>
    </row>
    <row r="57837" spans="1:7" x14ac:dyDescent="0.3">
      <c r="A57837" s="13" t="s">
        <v>314</v>
      </c>
      <c r="B57837" s="14" t="s">
        <v>1</v>
      </c>
      <c r="C57837" s="14" t="s">
        <v>101</v>
      </c>
      <c r="D57837" s="14" t="s">
        <v>244</v>
      </c>
      <c r="E57837" s="15">
        <v>45543</v>
      </c>
      <c r="F57837" s="14" t="s">
        <v>61</v>
      </c>
      <c r="G57837" s="16">
        <v>1.0572368928565048</v>
      </c>
    </row>
    <row r="57838" spans="1:7" x14ac:dyDescent="0.3">
      <c r="A57838" s="13" t="s">
        <v>314</v>
      </c>
      <c r="B57838" s="14" t="s">
        <v>1</v>
      </c>
      <c r="C57838" s="14" t="s">
        <v>101</v>
      </c>
      <c r="D57838" s="14" t="s">
        <v>244</v>
      </c>
      <c r="E57838" s="15">
        <v>45544</v>
      </c>
      <c r="F57838" s="14" t="s">
        <v>61</v>
      </c>
      <c r="G57838" s="16">
        <v>1.0693174766595819</v>
      </c>
    </row>
    <row r="57839" spans="1:7" x14ac:dyDescent="0.3">
      <c r="A57839" s="13" t="s">
        <v>314</v>
      </c>
      <c r="B57839" s="14" t="s">
        <v>1</v>
      </c>
      <c r="C57839" s="14" t="s">
        <v>101</v>
      </c>
      <c r="D57839" s="14" t="s">
        <v>244</v>
      </c>
      <c r="E57839" s="15">
        <v>45545</v>
      </c>
      <c r="F57839" s="14" t="s">
        <v>61</v>
      </c>
      <c r="G57839" s="16">
        <v>1.0668025082521626</v>
      </c>
    </row>
    <row r="57840" spans="1:7" x14ac:dyDescent="0.3">
      <c r="A57840" s="13" t="s">
        <v>314</v>
      </c>
      <c r="B57840" s="14" t="s">
        <v>1</v>
      </c>
      <c r="C57840" s="14" t="s">
        <v>101</v>
      </c>
      <c r="D57840" s="14" t="s">
        <v>244</v>
      </c>
      <c r="E57840" s="15">
        <v>45546</v>
      </c>
      <c r="F57840" s="14" t="s">
        <v>61</v>
      </c>
      <c r="G57840" s="16">
        <v>1.0684157373481675</v>
      </c>
    </row>
    <row r="57841" spans="1:7" x14ac:dyDescent="0.3">
      <c r="A57841" s="13" t="s">
        <v>314</v>
      </c>
      <c r="B57841" s="14" t="s">
        <v>1</v>
      </c>
      <c r="C57841" s="14" t="s">
        <v>101</v>
      </c>
      <c r="D57841" s="14" t="s">
        <v>244</v>
      </c>
      <c r="E57841" s="15">
        <v>45547</v>
      </c>
      <c r="F57841" s="14" t="s">
        <v>61</v>
      </c>
      <c r="G57841" s="16">
        <v>1.0898744977294281</v>
      </c>
    </row>
    <row r="57842" spans="1:7" x14ac:dyDescent="0.3">
      <c r="A57842" s="13" t="s">
        <v>314</v>
      </c>
      <c r="B57842" s="14" t="s">
        <v>1</v>
      </c>
      <c r="C57842" s="14" t="s">
        <v>101</v>
      </c>
      <c r="D57842" s="14" t="s">
        <v>244</v>
      </c>
      <c r="E57842" s="15">
        <v>45548</v>
      </c>
      <c r="F57842" s="14" t="s">
        <v>61</v>
      </c>
      <c r="G57842" s="16">
        <v>1.0882039161553554</v>
      </c>
    </row>
    <row r="57843" spans="1:7" x14ac:dyDescent="0.3">
      <c r="A57843" s="13" t="s">
        <v>314</v>
      </c>
      <c r="B57843" s="14" t="s">
        <v>1</v>
      </c>
      <c r="C57843" s="14" t="s">
        <v>101</v>
      </c>
      <c r="D57843" s="14" t="s">
        <v>244</v>
      </c>
      <c r="E57843" s="15">
        <v>45549</v>
      </c>
      <c r="F57843" s="14" t="s">
        <v>61</v>
      </c>
      <c r="G57843" s="16">
        <v>1.0882039161553554</v>
      </c>
    </row>
    <row r="57844" spans="1:7" x14ac:dyDescent="0.3">
      <c r="A57844" s="13" t="s">
        <v>314</v>
      </c>
      <c r="B57844" s="14" t="s">
        <v>1</v>
      </c>
      <c r="C57844" s="14" t="s">
        <v>101</v>
      </c>
      <c r="D57844" s="14" t="s">
        <v>244</v>
      </c>
      <c r="E57844" s="15">
        <v>45550</v>
      </c>
      <c r="F57844" s="14" t="s">
        <v>61</v>
      </c>
      <c r="G57844" s="16">
        <v>1.0882039161553554</v>
      </c>
    </row>
    <row r="57845" spans="1:7" x14ac:dyDescent="0.3">
      <c r="A57845" s="13" t="s">
        <v>314</v>
      </c>
      <c r="B57845" s="14" t="s">
        <v>1</v>
      </c>
      <c r="C57845" s="14" t="s">
        <v>101</v>
      </c>
      <c r="D57845" s="14" t="s">
        <v>244</v>
      </c>
      <c r="E57845" s="15">
        <v>45551</v>
      </c>
      <c r="F57845" s="14" t="s">
        <v>61</v>
      </c>
      <c r="G57845" s="16">
        <v>1.0928629511048318</v>
      </c>
    </row>
    <row r="57846" spans="1:7" x14ac:dyDescent="0.3">
      <c r="A57846" s="13" t="s">
        <v>314</v>
      </c>
      <c r="B57846" s="14" t="s">
        <v>1</v>
      </c>
      <c r="C57846" s="14" t="s">
        <v>101</v>
      </c>
      <c r="D57846" s="14" t="s">
        <v>244</v>
      </c>
      <c r="E57846" s="15">
        <v>45552</v>
      </c>
      <c r="F57846" s="14" t="s">
        <v>61</v>
      </c>
      <c r="G57846" s="16">
        <v>1.090496373576078</v>
      </c>
    </row>
    <row r="57847" spans="1:7" x14ac:dyDescent="0.3">
      <c r="A57847" s="13" t="s">
        <v>314</v>
      </c>
      <c r="B57847" s="14" t="s">
        <v>1</v>
      </c>
      <c r="C57847" s="14" t="s">
        <v>101</v>
      </c>
      <c r="D57847" s="14" t="s">
        <v>244</v>
      </c>
      <c r="E57847" s="15">
        <v>45553</v>
      </c>
      <c r="F57847" s="14" t="s">
        <v>61</v>
      </c>
      <c r="G57847" s="16">
        <v>1.0996754720476423</v>
      </c>
    </row>
    <row r="57848" spans="1:7" x14ac:dyDescent="0.3">
      <c r="A57848" s="13" t="s">
        <v>314</v>
      </c>
      <c r="B57848" s="14" t="s">
        <v>1</v>
      </c>
      <c r="C57848" s="14" t="s">
        <v>101</v>
      </c>
      <c r="D57848" s="14" t="s">
        <v>244</v>
      </c>
      <c r="E57848" s="15">
        <v>45554</v>
      </c>
      <c r="F57848" s="14" t="s">
        <v>61</v>
      </c>
      <c r="G57848" s="16">
        <v>1.096270114025468</v>
      </c>
    </row>
    <row r="57849" spans="1:7" x14ac:dyDescent="0.3">
      <c r="A57849" s="13" t="s">
        <v>314</v>
      </c>
      <c r="B57849" s="14" t="s">
        <v>1</v>
      </c>
      <c r="C57849" s="14" t="s">
        <v>101</v>
      </c>
      <c r="D57849" s="14" t="s">
        <v>244</v>
      </c>
      <c r="E57849" s="15">
        <v>45555</v>
      </c>
      <c r="F57849" s="14" t="s">
        <v>61</v>
      </c>
      <c r="G57849" s="16">
        <v>1.1032922618515728</v>
      </c>
    </row>
    <row r="57850" spans="1:7" x14ac:dyDescent="0.3">
      <c r="A57850" s="13" t="s">
        <v>314</v>
      </c>
      <c r="B57850" s="14" t="s">
        <v>1</v>
      </c>
      <c r="C57850" s="14" t="s">
        <v>101</v>
      </c>
      <c r="D57850" s="14" t="s">
        <v>244</v>
      </c>
      <c r="E57850" s="15">
        <v>45556</v>
      </c>
      <c r="F57850" s="14" t="s">
        <v>61</v>
      </c>
      <c r="G57850" s="16">
        <v>1.1032922618515728</v>
      </c>
    </row>
    <row r="57851" spans="1:7" x14ac:dyDescent="0.3">
      <c r="A57851" s="13" t="s">
        <v>314</v>
      </c>
      <c r="B57851" s="14" t="s">
        <v>1</v>
      </c>
      <c r="C57851" s="14" t="s">
        <v>101</v>
      </c>
      <c r="D57851" s="14" t="s">
        <v>244</v>
      </c>
      <c r="E57851" s="15">
        <v>45557</v>
      </c>
      <c r="F57851" s="14" t="s">
        <v>61</v>
      </c>
      <c r="G57851" s="16">
        <v>1.1032922618515728</v>
      </c>
    </row>
    <row r="57852" spans="1:7" x14ac:dyDescent="0.3">
      <c r="A57852" s="13" t="s">
        <v>314</v>
      </c>
      <c r="B57852" s="14" t="s">
        <v>1</v>
      </c>
      <c r="C57852" s="14" t="s">
        <v>101</v>
      </c>
      <c r="D57852" s="14" t="s">
        <v>244</v>
      </c>
      <c r="E57852" s="15">
        <v>45558</v>
      </c>
      <c r="F57852" s="14" t="s">
        <v>61</v>
      </c>
      <c r="G57852" s="16">
        <v>1.1090965887293838</v>
      </c>
    </row>
    <row r="57853" spans="1:7" x14ac:dyDescent="0.3">
      <c r="A57853" s="13" t="s">
        <v>314</v>
      </c>
      <c r="B57853" s="14" t="s">
        <v>1</v>
      </c>
      <c r="C57853" s="14" t="s">
        <v>101</v>
      </c>
      <c r="D57853" s="14" t="s">
        <v>244</v>
      </c>
      <c r="E57853" s="15">
        <v>45559</v>
      </c>
      <c r="F57853" s="14" t="s">
        <v>61</v>
      </c>
      <c r="G57853" s="16">
        <v>1.0980842773370081</v>
      </c>
    </row>
    <row r="57854" spans="1:7" x14ac:dyDescent="0.3">
      <c r="A57854" s="13" t="s">
        <v>314</v>
      </c>
      <c r="B57854" s="14" t="s">
        <v>1</v>
      </c>
      <c r="C57854" s="14" t="s">
        <v>101</v>
      </c>
      <c r="D57854" s="14" t="s">
        <v>244</v>
      </c>
      <c r="E57854" s="15">
        <v>45560</v>
      </c>
      <c r="F57854" s="14" t="s">
        <v>61</v>
      </c>
      <c r="G57854" s="16">
        <v>1.116782758670833</v>
      </c>
    </row>
    <row r="57855" spans="1:7" x14ac:dyDescent="0.3">
      <c r="A57855" s="13" t="s">
        <v>314</v>
      </c>
      <c r="B57855" s="14" t="s">
        <v>1</v>
      </c>
      <c r="C57855" s="14" t="s">
        <v>101</v>
      </c>
      <c r="D57855" s="14" t="s">
        <v>244</v>
      </c>
      <c r="E57855" s="15">
        <v>45561</v>
      </c>
      <c r="F57855" s="14" t="s">
        <v>61</v>
      </c>
      <c r="G57855" s="16">
        <v>1.1133034235643395</v>
      </c>
    </row>
    <row r="57856" spans="1:7" x14ac:dyDescent="0.3">
      <c r="A57856" s="13" t="s">
        <v>314</v>
      </c>
      <c r="B57856" s="14" t="s">
        <v>1</v>
      </c>
      <c r="C57856" s="14" t="s">
        <v>101</v>
      </c>
      <c r="D57856" s="14" t="s">
        <v>244</v>
      </c>
      <c r="E57856" s="15">
        <v>45562</v>
      </c>
      <c r="F57856" s="14" t="s">
        <v>61</v>
      </c>
      <c r="G57856" s="16">
        <v>1.1152971392566109</v>
      </c>
    </row>
    <row r="57857" spans="1:7" x14ac:dyDescent="0.3">
      <c r="A57857" s="13" t="s">
        <v>314</v>
      </c>
      <c r="B57857" s="14" t="s">
        <v>1</v>
      </c>
      <c r="C57857" s="14" t="s">
        <v>101</v>
      </c>
      <c r="D57857" s="14" t="s">
        <v>244</v>
      </c>
      <c r="E57857" s="15">
        <v>45563</v>
      </c>
      <c r="F57857" s="14" t="s">
        <v>61</v>
      </c>
      <c r="G57857" s="16">
        <v>1.1152971392566109</v>
      </c>
    </row>
    <row r="57858" spans="1:7" x14ac:dyDescent="0.3">
      <c r="A57858" s="13" t="s">
        <v>314</v>
      </c>
      <c r="B57858" s="14" t="s">
        <v>1</v>
      </c>
      <c r="C57858" s="14" t="s">
        <v>101</v>
      </c>
      <c r="D57858" s="14" t="s">
        <v>244</v>
      </c>
      <c r="E57858" s="15">
        <v>45564</v>
      </c>
      <c r="F57858" s="14" t="s">
        <v>61</v>
      </c>
      <c r="G57858" s="16">
        <v>1.1152971392566109</v>
      </c>
    </row>
    <row r="57859" spans="1:7" x14ac:dyDescent="0.3">
      <c r="A57859" s="13" t="s">
        <v>314</v>
      </c>
      <c r="B57859" s="14" t="s">
        <v>1</v>
      </c>
      <c r="C57859" s="14" t="s">
        <v>101</v>
      </c>
      <c r="D57859" s="14" t="s">
        <v>244</v>
      </c>
      <c r="E57859" s="15">
        <v>45565</v>
      </c>
      <c r="F57859" s="14" t="s">
        <v>61</v>
      </c>
      <c r="G57859" s="16">
        <v>1.2179619797753498</v>
      </c>
    </row>
    <row r="57860" spans="1:7" x14ac:dyDescent="0.3">
      <c r="A57860" s="13" t="s">
        <v>314</v>
      </c>
      <c r="B57860" s="14" t="s">
        <v>1</v>
      </c>
      <c r="C57860" s="14" t="s">
        <v>101</v>
      </c>
      <c r="D57860" s="14" t="s">
        <v>244</v>
      </c>
      <c r="E57860" s="15">
        <v>45566</v>
      </c>
      <c r="F57860" s="14" t="s">
        <v>61</v>
      </c>
      <c r="G57860" s="16">
        <v>1.2246919003496559</v>
      </c>
    </row>
    <row r="57861" spans="1:7" x14ac:dyDescent="0.3">
      <c r="A57861" s="13" t="s">
        <v>314</v>
      </c>
      <c r="B57861" s="14" t="s">
        <v>1</v>
      </c>
      <c r="C57861" s="14" t="s">
        <v>101</v>
      </c>
      <c r="D57861" s="14" t="s">
        <v>244</v>
      </c>
      <c r="E57861" s="15">
        <v>45567</v>
      </c>
      <c r="F57861" s="14" t="s">
        <v>61</v>
      </c>
      <c r="G57861" s="16">
        <v>1.227417009142012</v>
      </c>
    </row>
    <row r="57862" spans="1:7" x14ac:dyDescent="0.3">
      <c r="A57862" s="13" t="s">
        <v>314</v>
      </c>
      <c r="B57862" s="14" t="s">
        <v>1</v>
      </c>
      <c r="C57862" s="14" t="s">
        <v>101</v>
      </c>
      <c r="D57862" s="14" t="s">
        <v>244</v>
      </c>
      <c r="E57862" s="15">
        <v>45568</v>
      </c>
      <c r="F57862" s="14" t="s">
        <v>61</v>
      </c>
      <c r="G57862" s="16">
        <v>1.2273670308842572</v>
      </c>
    </row>
    <row r="57863" spans="1:7" x14ac:dyDescent="0.3">
      <c r="A57863" s="13" t="s">
        <v>314</v>
      </c>
      <c r="B57863" s="14" t="s">
        <v>1</v>
      </c>
      <c r="C57863" s="14" t="s">
        <v>101</v>
      </c>
      <c r="D57863" s="14" t="s">
        <v>244</v>
      </c>
      <c r="E57863" s="15">
        <v>45569</v>
      </c>
      <c r="F57863" s="14" t="s">
        <v>61</v>
      </c>
      <c r="G57863" s="16">
        <v>1.2342225224107757</v>
      </c>
    </row>
    <row r="57864" spans="1:7" x14ac:dyDescent="0.3">
      <c r="A57864" s="13" t="s">
        <v>314</v>
      </c>
      <c r="B57864" s="14" t="s">
        <v>1</v>
      </c>
      <c r="C57864" s="14" t="s">
        <v>101</v>
      </c>
      <c r="D57864" s="14" t="s">
        <v>244</v>
      </c>
      <c r="E57864" s="15">
        <v>45570</v>
      </c>
      <c r="F57864" s="14" t="s">
        <v>61</v>
      </c>
      <c r="G57864" s="16">
        <v>1.2342225224107757</v>
      </c>
    </row>
    <row r="57865" spans="1:7" x14ac:dyDescent="0.3">
      <c r="A57865" s="13" t="s">
        <v>314</v>
      </c>
      <c r="B57865" s="14" t="s">
        <v>1</v>
      </c>
      <c r="C57865" s="14" t="s">
        <v>101</v>
      </c>
      <c r="D57865" s="14" t="s">
        <v>244</v>
      </c>
      <c r="E57865" s="15">
        <v>45571</v>
      </c>
      <c r="F57865" s="14" t="s">
        <v>61</v>
      </c>
      <c r="G57865" s="16">
        <v>1.2342225224107757</v>
      </c>
    </row>
    <row r="57866" spans="1:7" x14ac:dyDescent="0.3">
      <c r="A57866" s="13" t="s">
        <v>314</v>
      </c>
      <c r="B57866" s="14" t="s">
        <v>1</v>
      </c>
      <c r="C57866" s="14" t="s">
        <v>101</v>
      </c>
      <c r="D57866" s="14" t="s">
        <v>244</v>
      </c>
      <c r="E57866" s="15">
        <v>45572</v>
      </c>
      <c r="F57866" s="14" t="s">
        <v>61</v>
      </c>
      <c r="G57866" s="16">
        <v>1.2395392319519545</v>
      </c>
    </row>
    <row r="57867" spans="1:7" x14ac:dyDescent="0.3">
      <c r="A57867" s="13" t="s">
        <v>314</v>
      </c>
      <c r="B57867" s="14" t="s">
        <v>1</v>
      </c>
      <c r="C57867" s="14" t="s">
        <v>101</v>
      </c>
      <c r="D57867" s="14" t="s">
        <v>244</v>
      </c>
      <c r="E57867" s="15">
        <v>45573</v>
      </c>
      <c r="F57867" s="14" t="s">
        <v>61</v>
      </c>
      <c r="G57867" s="16">
        <v>1.2345925462381506</v>
      </c>
    </row>
    <row r="57868" spans="1:7" x14ac:dyDescent="0.3">
      <c r="A57868" s="13" t="s">
        <v>314</v>
      </c>
      <c r="B57868" s="14" t="s">
        <v>1</v>
      </c>
      <c r="C57868" s="14" t="s">
        <v>101</v>
      </c>
      <c r="D57868" s="14" t="s">
        <v>244</v>
      </c>
      <c r="E57868" s="15">
        <v>45574</v>
      </c>
      <c r="F57868" s="14" t="s">
        <v>61</v>
      </c>
      <c r="G57868" s="16">
        <v>1.2403751778071053</v>
      </c>
    </row>
    <row r="57869" spans="1:7" x14ac:dyDescent="0.3">
      <c r="A57869" s="13" t="s">
        <v>314</v>
      </c>
      <c r="B57869" s="14" t="s">
        <v>1</v>
      </c>
      <c r="C57869" s="14" t="s">
        <v>101</v>
      </c>
      <c r="D57869" s="14" t="s">
        <v>244</v>
      </c>
      <c r="E57869" s="15">
        <v>45575</v>
      </c>
      <c r="F57869" s="14" t="s">
        <v>61</v>
      </c>
      <c r="G57869" s="16">
        <v>1.2416837656579296</v>
      </c>
    </row>
    <row r="57870" spans="1:7" x14ac:dyDescent="0.3">
      <c r="A57870" s="13" t="s">
        <v>314</v>
      </c>
      <c r="B57870" s="14" t="s">
        <v>1</v>
      </c>
      <c r="C57870" s="14" t="s">
        <v>101</v>
      </c>
      <c r="D57870" s="14" t="s">
        <v>244</v>
      </c>
      <c r="E57870" s="15">
        <v>45576</v>
      </c>
      <c r="F57870" s="14" t="s">
        <v>61</v>
      </c>
      <c r="G57870" s="16">
        <v>1.2519330583237169</v>
      </c>
    </row>
    <row r="57871" spans="1:7" x14ac:dyDescent="0.3">
      <c r="A57871" s="13" t="s">
        <v>314</v>
      </c>
      <c r="B57871" s="14" t="s">
        <v>1</v>
      </c>
      <c r="C57871" s="14" t="s">
        <v>101</v>
      </c>
      <c r="D57871" s="14" t="s">
        <v>244</v>
      </c>
      <c r="E57871" s="15">
        <v>45577</v>
      </c>
      <c r="F57871" s="14" t="s">
        <v>61</v>
      </c>
      <c r="G57871" s="16">
        <v>1.2519330583237169</v>
      </c>
    </row>
    <row r="57872" spans="1:7" x14ac:dyDescent="0.3">
      <c r="A57872" s="13" t="s">
        <v>314</v>
      </c>
      <c r="B57872" s="14" t="s">
        <v>1</v>
      </c>
      <c r="C57872" s="14" t="s">
        <v>101</v>
      </c>
      <c r="D57872" s="14" t="s">
        <v>244</v>
      </c>
      <c r="E57872" s="15">
        <v>45578</v>
      </c>
      <c r="F57872" s="14" t="s">
        <v>61</v>
      </c>
      <c r="G57872" s="16">
        <v>1.2519330583237169</v>
      </c>
    </row>
    <row r="57873" spans="1:7" x14ac:dyDescent="0.3">
      <c r="A57873" s="13" t="s">
        <v>314</v>
      </c>
      <c r="B57873" s="14" t="s">
        <v>1</v>
      </c>
      <c r="C57873" s="14" t="s">
        <v>101</v>
      </c>
      <c r="D57873" s="14" t="s">
        <v>244</v>
      </c>
      <c r="E57873" s="15">
        <v>45579</v>
      </c>
      <c r="F57873" s="14" t="s">
        <v>61</v>
      </c>
      <c r="G57873" s="16">
        <v>1.2609115757163822</v>
      </c>
    </row>
    <row r="57874" spans="1:7" x14ac:dyDescent="0.3">
      <c r="A57874" s="13" t="s">
        <v>314</v>
      </c>
      <c r="B57874" s="14" t="s">
        <v>1</v>
      </c>
      <c r="C57874" s="14" t="s">
        <v>101</v>
      </c>
      <c r="D57874" s="14" t="s">
        <v>244</v>
      </c>
      <c r="E57874" s="15">
        <v>45580</v>
      </c>
      <c r="F57874" s="14" t="s">
        <v>61</v>
      </c>
      <c r="G57874" s="16">
        <v>1.2586730561967225</v>
      </c>
    </row>
    <row r="57875" spans="1:7" x14ac:dyDescent="0.3">
      <c r="A57875" s="13" t="s">
        <v>314</v>
      </c>
      <c r="B57875" s="14" t="s">
        <v>1</v>
      </c>
      <c r="C57875" s="14" t="s">
        <v>101</v>
      </c>
      <c r="D57875" s="14" t="s">
        <v>244</v>
      </c>
      <c r="E57875" s="15">
        <v>45581</v>
      </c>
      <c r="F57875" s="14" t="s">
        <v>61</v>
      </c>
      <c r="G57875" s="16">
        <v>1.2630080613487988</v>
      </c>
    </row>
    <row r="57876" spans="1:7" x14ac:dyDescent="0.3">
      <c r="A57876" s="13" t="s">
        <v>314</v>
      </c>
      <c r="B57876" s="14" t="s">
        <v>1</v>
      </c>
      <c r="C57876" s="14" t="s">
        <v>101</v>
      </c>
      <c r="D57876" s="14" t="s">
        <v>244</v>
      </c>
      <c r="E57876" s="15">
        <v>45582</v>
      </c>
      <c r="F57876" s="14" t="s">
        <v>61</v>
      </c>
      <c r="G57876" s="16">
        <v>1.2674852886019925</v>
      </c>
    </row>
    <row r="57877" spans="1:7" x14ac:dyDescent="0.3">
      <c r="A57877" s="13" t="s">
        <v>314</v>
      </c>
      <c r="B57877" s="14" t="s">
        <v>1</v>
      </c>
      <c r="C57877" s="14" t="s">
        <v>101</v>
      </c>
      <c r="D57877" s="14" t="s">
        <v>244</v>
      </c>
      <c r="E57877" s="15">
        <v>45583</v>
      </c>
      <c r="F57877" s="14" t="s">
        <v>61</v>
      </c>
      <c r="G57877" s="16">
        <v>1.2642737358623759</v>
      </c>
    </row>
    <row r="57878" spans="1:7" x14ac:dyDescent="0.3">
      <c r="A57878" s="13" t="s">
        <v>314</v>
      </c>
      <c r="B57878" s="14" t="s">
        <v>1</v>
      </c>
      <c r="C57878" s="14" t="s">
        <v>101</v>
      </c>
      <c r="D57878" s="14" t="s">
        <v>244</v>
      </c>
      <c r="E57878" s="15">
        <v>45584</v>
      </c>
      <c r="F57878" s="14" t="s">
        <v>61</v>
      </c>
      <c r="G57878" s="16">
        <v>1.2642737358623759</v>
      </c>
    </row>
    <row r="57879" spans="1:7" x14ac:dyDescent="0.3">
      <c r="A57879" s="13" t="s">
        <v>314</v>
      </c>
      <c r="B57879" s="14" t="s">
        <v>1</v>
      </c>
      <c r="C57879" s="14" t="s">
        <v>101</v>
      </c>
      <c r="D57879" s="14" t="s">
        <v>244</v>
      </c>
      <c r="E57879" s="15">
        <v>45585</v>
      </c>
      <c r="F57879" s="14" t="s">
        <v>61</v>
      </c>
      <c r="G57879" s="16">
        <v>1.2642737358623759</v>
      </c>
    </row>
    <row r="57880" spans="1:7" x14ac:dyDescent="0.3">
      <c r="A57880" s="13" t="s">
        <v>314</v>
      </c>
      <c r="B57880" s="14" t="s">
        <v>1</v>
      </c>
      <c r="C57880" s="14" t="s">
        <v>101</v>
      </c>
      <c r="D57880" s="14" t="s">
        <v>244</v>
      </c>
      <c r="E57880" s="15">
        <v>45586</v>
      </c>
      <c r="F57880" s="14" t="s">
        <v>61</v>
      </c>
      <c r="G57880" s="16">
        <v>1.2723345114869959</v>
      </c>
    </row>
    <row r="57881" spans="1:7" x14ac:dyDescent="0.3">
      <c r="A57881" s="13" t="s">
        <v>314</v>
      </c>
      <c r="B57881" s="14" t="s">
        <v>1</v>
      </c>
      <c r="C57881" s="14" t="s">
        <v>101</v>
      </c>
      <c r="D57881" s="14" t="s">
        <v>244</v>
      </c>
      <c r="E57881" s="15">
        <v>45587</v>
      </c>
      <c r="F57881" s="14" t="s">
        <v>61</v>
      </c>
      <c r="G57881" s="16">
        <v>1.2696477620384781</v>
      </c>
    </row>
    <row r="57882" spans="1:7" x14ac:dyDescent="0.3">
      <c r="A57882" s="13" t="s">
        <v>314</v>
      </c>
      <c r="B57882" s="14" t="s">
        <v>1</v>
      </c>
      <c r="C57882" s="14" t="s">
        <v>101</v>
      </c>
      <c r="D57882" s="14" t="s">
        <v>244</v>
      </c>
      <c r="E57882" s="15">
        <v>45588</v>
      </c>
      <c r="F57882" s="14" t="s">
        <v>61</v>
      </c>
      <c r="G57882" s="16">
        <v>1.2726190963485167</v>
      </c>
    </row>
    <row r="57883" spans="1:7" x14ac:dyDescent="0.3">
      <c r="A57883" s="13" t="s">
        <v>314</v>
      </c>
      <c r="B57883" s="14" t="s">
        <v>1</v>
      </c>
      <c r="C57883" s="14" t="s">
        <v>101</v>
      </c>
      <c r="D57883" s="14" t="s">
        <v>244</v>
      </c>
      <c r="E57883" s="15">
        <v>45589</v>
      </c>
      <c r="F57883" s="14" t="s">
        <v>61</v>
      </c>
      <c r="G57883" s="16">
        <v>1.2685212392496688</v>
      </c>
    </row>
    <row r="57884" spans="1:7" x14ac:dyDescent="0.3">
      <c r="A57884" s="13" t="s">
        <v>314</v>
      </c>
      <c r="B57884" s="14" t="s">
        <v>1</v>
      </c>
      <c r="C57884" s="14" t="s">
        <v>101</v>
      </c>
      <c r="D57884" s="14" t="s">
        <v>244</v>
      </c>
      <c r="E57884" s="15">
        <v>45590</v>
      </c>
      <c r="F57884" s="14" t="s">
        <v>61</v>
      </c>
      <c r="G57884" s="16">
        <v>1.2731431047208532</v>
      </c>
    </row>
    <row r="57885" spans="1:7" x14ac:dyDescent="0.3">
      <c r="A57885" s="13" t="s">
        <v>314</v>
      </c>
      <c r="B57885" s="14" t="s">
        <v>1</v>
      </c>
      <c r="C57885" s="14" t="s">
        <v>101</v>
      </c>
      <c r="D57885" s="14" t="s">
        <v>244</v>
      </c>
      <c r="E57885" s="15">
        <v>45591</v>
      </c>
      <c r="F57885" s="14" t="s">
        <v>61</v>
      </c>
      <c r="G57885" s="16">
        <v>1.2731431047208532</v>
      </c>
    </row>
    <row r="57886" spans="1:7" x14ac:dyDescent="0.3">
      <c r="A57886" s="13" t="s">
        <v>314</v>
      </c>
      <c r="B57886" s="14" t="s">
        <v>1</v>
      </c>
      <c r="C57886" s="14" t="s">
        <v>101</v>
      </c>
      <c r="D57886" s="14" t="s">
        <v>244</v>
      </c>
      <c r="E57886" s="15">
        <v>45592</v>
      </c>
      <c r="F57886" s="14" t="s">
        <v>61</v>
      </c>
      <c r="G57886" s="16">
        <v>1.2731431047208532</v>
      </c>
    </row>
    <row r="57887" spans="1:7" x14ac:dyDescent="0.3">
      <c r="A57887" s="13" t="s">
        <v>314</v>
      </c>
      <c r="B57887" s="14" t="s">
        <v>1</v>
      </c>
      <c r="C57887" s="14" t="s">
        <v>101</v>
      </c>
      <c r="D57887" s="14" t="s">
        <v>244</v>
      </c>
      <c r="E57887" s="15">
        <v>45593</v>
      </c>
      <c r="F57887" s="14" t="s">
        <v>61</v>
      </c>
      <c r="G57887" s="16">
        <v>1.2731431047208532</v>
      </c>
    </row>
    <row r="57888" spans="1:7" x14ac:dyDescent="0.3">
      <c r="A57888" s="13" t="s">
        <v>314</v>
      </c>
      <c r="B57888" s="14" t="s">
        <v>1</v>
      </c>
      <c r="C57888" s="14" t="s">
        <v>101</v>
      </c>
      <c r="D57888" s="14" t="s">
        <v>244</v>
      </c>
      <c r="E57888" s="15">
        <v>45594</v>
      </c>
      <c r="F57888" s="14" t="s">
        <v>61</v>
      </c>
      <c r="G57888" s="16">
        <v>1.272477319785553</v>
      </c>
    </row>
    <row r="57889" spans="1:7" x14ac:dyDescent="0.3">
      <c r="A57889" s="13" t="s">
        <v>314</v>
      </c>
      <c r="B57889" s="14" t="s">
        <v>1</v>
      </c>
      <c r="C57889" s="14" t="s">
        <v>101</v>
      </c>
      <c r="D57889" s="14" t="s">
        <v>244</v>
      </c>
      <c r="E57889" s="15">
        <v>45595</v>
      </c>
      <c r="F57889" s="14" t="s">
        <v>61</v>
      </c>
      <c r="G57889" s="16">
        <v>1.2611437909626269</v>
      </c>
    </row>
    <row r="57890" spans="1:7" x14ac:dyDescent="0.3">
      <c r="A57890" s="13" t="s">
        <v>314</v>
      </c>
      <c r="B57890" s="14" t="s">
        <v>1</v>
      </c>
      <c r="C57890" s="14" t="s">
        <v>101</v>
      </c>
      <c r="D57890" s="14" t="s">
        <v>244</v>
      </c>
      <c r="E57890" s="15">
        <v>45596</v>
      </c>
      <c r="F57890" s="14" t="s">
        <v>61</v>
      </c>
      <c r="G57890" s="16">
        <v>1.2589005417244017</v>
      </c>
    </row>
    <row r="57891" spans="1:7" x14ac:dyDescent="0.3">
      <c r="A57891" s="13" t="s">
        <v>314</v>
      </c>
      <c r="B57891" s="14" t="s">
        <v>1</v>
      </c>
      <c r="C57891" s="14" t="s">
        <v>101</v>
      </c>
      <c r="D57891" s="14" t="s">
        <v>244</v>
      </c>
      <c r="E57891" s="15">
        <v>45597</v>
      </c>
      <c r="F57891" s="14" t="s">
        <v>61</v>
      </c>
      <c r="G57891" s="16">
        <v>1.2792724270548181</v>
      </c>
    </row>
    <row r="57892" spans="1:7" x14ac:dyDescent="0.3">
      <c r="A57892" s="13" t="s">
        <v>314</v>
      </c>
      <c r="B57892" s="14" t="s">
        <v>1</v>
      </c>
      <c r="C57892" s="14" t="s">
        <v>101</v>
      </c>
      <c r="D57892" s="14" t="s">
        <v>244</v>
      </c>
      <c r="E57892" s="15">
        <v>45598</v>
      </c>
      <c r="F57892" s="14" t="s">
        <v>61</v>
      </c>
      <c r="G57892" s="16">
        <v>1.2792724270548181</v>
      </c>
    </row>
    <row r="57893" spans="1:7" x14ac:dyDescent="0.3">
      <c r="A57893" s="13" t="s">
        <v>314</v>
      </c>
      <c r="B57893" s="14" t="s">
        <v>1</v>
      </c>
      <c r="C57893" s="14" t="s">
        <v>101</v>
      </c>
      <c r="D57893" s="14" t="s">
        <v>244</v>
      </c>
      <c r="E57893" s="15">
        <v>45599</v>
      </c>
      <c r="F57893" s="14" t="s">
        <v>61</v>
      </c>
      <c r="G57893" s="16">
        <v>1.2792724270548181</v>
      </c>
    </row>
    <row r="57894" spans="1:7" x14ac:dyDescent="0.3">
      <c r="A57894" s="13" t="s">
        <v>314</v>
      </c>
      <c r="B57894" s="14" t="s">
        <v>1</v>
      </c>
      <c r="C57894" s="14" t="s">
        <v>101</v>
      </c>
      <c r="D57894" s="14" t="s">
        <v>244</v>
      </c>
      <c r="E57894" s="15">
        <v>45600</v>
      </c>
      <c r="F57894" s="14" t="s">
        <v>61</v>
      </c>
      <c r="G57894" s="16">
        <v>1.2755994231836387</v>
      </c>
    </row>
    <row r="57895" spans="1:7" x14ac:dyDescent="0.3">
      <c r="A57895" s="13" t="s">
        <v>314</v>
      </c>
      <c r="B57895" s="14" t="s">
        <v>1</v>
      </c>
      <c r="C57895" s="14" t="s">
        <v>101</v>
      </c>
      <c r="D57895" s="14" t="s">
        <v>244</v>
      </c>
      <c r="E57895" s="15">
        <v>45601</v>
      </c>
      <c r="F57895" s="14" t="s">
        <v>61</v>
      </c>
      <c r="G57895" s="16">
        <v>1.2649987828237637</v>
      </c>
    </row>
    <row r="57896" spans="1:7" x14ac:dyDescent="0.3">
      <c r="A57896" s="13" t="s">
        <v>314</v>
      </c>
      <c r="B57896" s="14" t="s">
        <v>1</v>
      </c>
      <c r="C57896" s="14" t="s">
        <v>101</v>
      </c>
      <c r="D57896" s="14" t="s">
        <v>244</v>
      </c>
      <c r="E57896" s="15">
        <v>45602</v>
      </c>
      <c r="F57896" s="14" t="s">
        <v>61</v>
      </c>
      <c r="G57896" s="16">
        <v>1.2898429494116541</v>
      </c>
    </row>
    <row r="57897" spans="1:7" x14ac:dyDescent="0.3">
      <c r="A57897" s="13" t="s">
        <v>314</v>
      </c>
      <c r="B57897" s="14" t="s">
        <v>1</v>
      </c>
      <c r="C57897" s="14" t="s">
        <v>101</v>
      </c>
      <c r="D57897" s="14" t="s">
        <v>244</v>
      </c>
      <c r="E57897" s="15">
        <v>45603</v>
      </c>
      <c r="F57897" s="14" t="s">
        <v>61</v>
      </c>
      <c r="G57897" s="16">
        <v>1.2816212203979165</v>
      </c>
    </row>
    <row r="57898" spans="1:7" x14ac:dyDescent="0.3">
      <c r="A57898" s="13" t="s">
        <v>314</v>
      </c>
      <c r="B57898" s="14" t="s">
        <v>1</v>
      </c>
      <c r="C57898" s="14" t="s">
        <v>101</v>
      </c>
      <c r="D57898" s="14" t="s">
        <v>244</v>
      </c>
      <c r="E57898" s="15">
        <v>45604</v>
      </c>
      <c r="F57898" s="14" t="s">
        <v>61</v>
      </c>
      <c r="G57898" s="16">
        <v>1.2929279983264452</v>
      </c>
    </row>
    <row r="57899" spans="1:7" x14ac:dyDescent="0.3">
      <c r="A57899" s="13" t="s">
        <v>314</v>
      </c>
      <c r="B57899" s="14" t="s">
        <v>1</v>
      </c>
      <c r="C57899" s="14" t="s">
        <v>101</v>
      </c>
      <c r="D57899" s="14" t="s">
        <v>244</v>
      </c>
      <c r="E57899" s="15">
        <v>45605</v>
      </c>
      <c r="F57899" s="14" t="s">
        <v>61</v>
      </c>
      <c r="G57899" s="16">
        <v>1.2929279983264452</v>
      </c>
    </row>
    <row r="57900" spans="1:7" x14ac:dyDescent="0.3">
      <c r="A57900" s="13" t="s">
        <v>314</v>
      </c>
      <c r="B57900" s="14" t="s">
        <v>1</v>
      </c>
      <c r="C57900" s="14" t="s">
        <v>101</v>
      </c>
      <c r="D57900" s="14" t="s">
        <v>244</v>
      </c>
      <c r="E57900" s="15">
        <v>45606</v>
      </c>
      <c r="F57900" s="14" t="s">
        <v>61</v>
      </c>
      <c r="G57900" s="16">
        <v>1.2929279983264452</v>
      </c>
    </row>
    <row r="57901" spans="1:7" x14ac:dyDescent="0.3">
      <c r="A57901" s="13" t="s">
        <v>314</v>
      </c>
      <c r="B57901" s="14" t="s">
        <v>1</v>
      </c>
      <c r="C57901" s="14" t="s">
        <v>101</v>
      </c>
      <c r="D57901" s="14" t="s">
        <v>244</v>
      </c>
      <c r="E57901" s="15">
        <v>45607</v>
      </c>
      <c r="F57901" s="14" t="s">
        <v>61</v>
      </c>
      <c r="G57901" s="16">
        <v>1.3013370550947365</v>
      </c>
    </row>
    <row r="57902" spans="1:7" x14ac:dyDescent="0.3">
      <c r="A57902" s="13" t="s">
        <v>314</v>
      </c>
      <c r="B57902" s="14" t="s">
        <v>1</v>
      </c>
      <c r="C57902" s="14" t="s">
        <v>101</v>
      </c>
      <c r="D57902" s="14" t="s">
        <v>244</v>
      </c>
      <c r="E57902" s="15">
        <v>45608</v>
      </c>
      <c r="F57902" s="14" t="s">
        <v>61</v>
      </c>
      <c r="G57902" s="16">
        <v>1.3011573408040003</v>
      </c>
    </row>
    <row r="57903" spans="1:7" x14ac:dyDescent="0.3">
      <c r="A57903" s="13" t="s">
        <v>314</v>
      </c>
      <c r="B57903" s="14" t="s">
        <v>1</v>
      </c>
      <c r="C57903" s="14" t="s">
        <v>101</v>
      </c>
      <c r="D57903" s="14" t="s">
        <v>244</v>
      </c>
      <c r="E57903" s="15">
        <v>45609</v>
      </c>
      <c r="F57903" s="14" t="s">
        <v>61</v>
      </c>
      <c r="G57903" s="16">
        <v>1.327290199875468</v>
      </c>
    </row>
    <row r="57904" spans="1:7" x14ac:dyDescent="0.3">
      <c r="A57904" s="13" t="s">
        <v>314</v>
      </c>
      <c r="B57904" s="14" t="s">
        <v>1</v>
      </c>
      <c r="C57904" s="14" t="s">
        <v>101</v>
      </c>
      <c r="D57904" s="14" t="s">
        <v>244</v>
      </c>
      <c r="E57904" s="15">
        <v>45610</v>
      </c>
      <c r="F57904" s="14" t="s">
        <v>61</v>
      </c>
      <c r="G57904" s="16">
        <v>1.3358334049083735</v>
      </c>
    </row>
    <row r="57905" spans="1:7" x14ac:dyDescent="0.3">
      <c r="A57905" s="13" t="s">
        <v>314</v>
      </c>
      <c r="B57905" s="14" t="s">
        <v>1</v>
      </c>
      <c r="C57905" s="14" t="s">
        <v>101</v>
      </c>
      <c r="D57905" s="14" t="s">
        <v>244</v>
      </c>
      <c r="E57905" s="15">
        <v>45611</v>
      </c>
      <c r="F57905" s="14" t="s">
        <v>61</v>
      </c>
      <c r="G57905" s="16">
        <v>1.3355034791041467</v>
      </c>
    </row>
    <row r="57906" spans="1:7" x14ac:dyDescent="0.3">
      <c r="A57906" s="13" t="s">
        <v>314</v>
      </c>
      <c r="B57906" s="14" t="s">
        <v>1</v>
      </c>
      <c r="C57906" s="14" t="s">
        <v>101</v>
      </c>
      <c r="D57906" s="14" t="s">
        <v>244</v>
      </c>
      <c r="E57906" s="15">
        <v>45612</v>
      </c>
      <c r="F57906" s="14" t="s">
        <v>61</v>
      </c>
      <c r="G57906" s="16">
        <v>1.3355034791041467</v>
      </c>
    </row>
    <row r="57907" spans="1:7" x14ac:dyDescent="0.3">
      <c r="A57907" s="13" t="s">
        <v>314</v>
      </c>
      <c r="B57907" s="14" t="s">
        <v>1</v>
      </c>
      <c r="C57907" s="14" t="s">
        <v>101</v>
      </c>
      <c r="D57907" s="14" t="s">
        <v>244</v>
      </c>
      <c r="E57907" s="15">
        <v>45613</v>
      </c>
      <c r="F57907" s="14" t="s">
        <v>61</v>
      </c>
      <c r="G57907" s="16">
        <v>1.3355034791041467</v>
      </c>
    </row>
    <row r="57908" spans="1:7" x14ac:dyDescent="0.3">
      <c r="A57908" s="13" t="s">
        <v>314</v>
      </c>
      <c r="B57908" s="14" t="s">
        <v>1</v>
      </c>
      <c r="C57908" s="14" t="s">
        <v>101</v>
      </c>
      <c r="D57908" s="14" t="s">
        <v>244</v>
      </c>
      <c r="E57908" s="15">
        <v>45614</v>
      </c>
      <c r="F57908" s="14" t="s">
        <v>61</v>
      </c>
      <c r="G57908" s="16">
        <v>1.3703643460292638</v>
      </c>
    </row>
    <row r="57909" spans="1:7" x14ac:dyDescent="0.3">
      <c r="A57909" s="13" t="s">
        <v>314</v>
      </c>
      <c r="B57909" s="14" t="s">
        <v>1</v>
      </c>
      <c r="C57909" s="14" t="s">
        <v>101</v>
      </c>
      <c r="D57909" s="14" t="s">
        <v>244</v>
      </c>
      <c r="E57909" s="15">
        <v>45615</v>
      </c>
      <c r="F57909" s="14" t="s">
        <v>61</v>
      </c>
      <c r="G57909" s="16">
        <v>1.3670164829677127</v>
      </c>
    </row>
    <row r="57910" spans="1:7" x14ac:dyDescent="0.3">
      <c r="A57910" s="13" t="s">
        <v>314</v>
      </c>
      <c r="B57910" s="14" t="s">
        <v>1</v>
      </c>
      <c r="C57910" s="14" t="s">
        <v>101</v>
      </c>
      <c r="D57910" s="14" t="s">
        <v>244</v>
      </c>
      <c r="E57910" s="15">
        <v>45616</v>
      </c>
      <c r="F57910" s="14" t="s">
        <v>61</v>
      </c>
      <c r="G57910" s="16">
        <v>1.3747563760996115</v>
      </c>
    </row>
    <row r="57911" spans="1:7" x14ac:dyDescent="0.3">
      <c r="A57911" s="13" t="s">
        <v>314</v>
      </c>
      <c r="B57911" s="14" t="s">
        <v>1</v>
      </c>
      <c r="C57911" s="14" t="s">
        <v>101</v>
      </c>
      <c r="D57911" s="14" t="s">
        <v>244</v>
      </c>
      <c r="E57911" s="15">
        <v>45617</v>
      </c>
      <c r="F57911" s="14" t="s">
        <v>61</v>
      </c>
      <c r="G57911" s="16">
        <v>1.384973142924391</v>
      </c>
    </row>
    <row r="57912" spans="1:7" x14ac:dyDescent="0.3">
      <c r="A57912" s="13" t="s">
        <v>314</v>
      </c>
      <c r="B57912" s="14" t="s">
        <v>1</v>
      </c>
      <c r="C57912" s="14" t="s">
        <v>101</v>
      </c>
      <c r="D57912" s="14" t="s">
        <v>244</v>
      </c>
      <c r="E57912" s="15">
        <v>45618</v>
      </c>
      <c r="F57912" s="14" t="s">
        <v>61</v>
      </c>
      <c r="G57912" s="16">
        <v>1.393171445596505</v>
      </c>
    </row>
    <row r="57913" spans="1:7" x14ac:dyDescent="0.3">
      <c r="A57913" s="13" t="s">
        <v>314</v>
      </c>
      <c r="B57913" s="14" t="s">
        <v>1</v>
      </c>
      <c r="C57913" s="14" t="s">
        <v>101</v>
      </c>
      <c r="D57913" s="14" t="s">
        <v>244</v>
      </c>
      <c r="E57913" s="15">
        <v>45619</v>
      </c>
      <c r="F57913" s="14" t="s">
        <v>61</v>
      </c>
      <c r="G57913" s="16">
        <v>1.393171445596505</v>
      </c>
    </row>
    <row r="57914" spans="1:7" x14ac:dyDescent="0.3">
      <c r="A57914" s="13" t="s">
        <v>314</v>
      </c>
      <c r="B57914" s="14" t="s">
        <v>1</v>
      </c>
      <c r="C57914" s="14" t="s">
        <v>101</v>
      </c>
      <c r="D57914" s="14" t="s">
        <v>244</v>
      </c>
      <c r="E57914" s="15">
        <v>45620</v>
      </c>
      <c r="F57914" s="14" t="s">
        <v>61</v>
      </c>
      <c r="G57914" s="16">
        <v>1.393171445596505</v>
      </c>
    </row>
    <row r="57915" spans="1:7" x14ac:dyDescent="0.3">
      <c r="A57915" s="13" t="s">
        <v>314</v>
      </c>
      <c r="B57915" s="14" t="s">
        <v>1</v>
      </c>
      <c r="C57915" s="14" t="s">
        <v>101</v>
      </c>
      <c r="D57915" s="14" t="s">
        <v>244</v>
      </c>
      <c r="E57915" s="15">
        <v>45621</v>
      </c>
      <c r="F57915" s="14" t="s">
        <v>61</v>
      </c>
      <c r="G57915" s="16">
        <v>1.3953326582631196</v>
      </c>
    </row>
    <row r="57916" spans="1:7" x14ac:dyDescent="0.3">
      <c r="A57916" s="13" t="s">
        <v>314</v>
      </c>
      <c r="B57916" s="14" t="s">
        <v>1</v>
      </c>
      <c r="C57916" s="14" t="s">
        <v>101</v>
      </c>
      <c r="D57916" s="14" t="s">
        <v>244</v>
      </c>
      <c r="E57916" s="15">
        <v>45622</v>
      </c>
      <c r="F57916" s="14" t="s">
        <v>61</v>
      </c>
      <c r="G57916" s="16">
        <v>1.3920959607179935</v>
      </c>
    </row>
    <row r="57917" spans="1:7" x14ac:dyDescent="0.3">
      <c r="A57917" s="13" t="s">
        <v>314</v>
      </c>
      <c r="B57917" s="14" t="s">
        <v>1</v>
      </c>
      <c r="C57917" s="14" t="s">
        <v>101</v>
      </c>
      <c r="D57917" s="14" t="s">
        <v>244</v>
      </c>
      <c r="E57917" s="15">
        <v>45623</v>
      </c>
      <c r="F57917" s="14" t="s">
        <v>61</v>
      </c>
      <c r="G57917" s="16">
        <v>1.3888801456037532</v>
      </c>
    </row>
    <row r="57918" spans="1:7" x14ac:dyDescent="0.3">
      <c r="A57918" s="13" t="s">
        <v>314</v>
      </c>
      <c r="B57918" s="14" t="s">
        <v>1</v>
      </c>
      <c r="C57918" s="14" t="s">
        <v>101</v>
      </c>
      <c r="D57918" s="14" t="s">
        <v>244</v>
      </c>
      <c r="E57918" s="15">
        <v>45624</v>
      </c>
      <c r="F57918" s="14" t="s">
        <v>61</v>
      </c>
      <c r="G57918" s="16">
        <v>1.3892970652874377</v>
      </c>
    </row>
    <row r="57919" spans="1:7" x14ac:dyDescent="0.3">
      <c r="A57919" s="13" t="s">
        <v>314</v>
      </c>
      <c r="B57919" s="14" t="s">
        <v>1</v>
      </c>
      <c r="C57919" s="14" t="s">
        <v>101</v>
      </c>
      <c r="D57919" s="14" t="s">
        <v>244</v>
      </c>
      <c r="E57919" s="15">
        <v>45625</v>
      </c>
      <c r="F57919" s="14" t="s">
        <v>61</v>
      </c>
      <c r="G57919" s="16">
        <v>1.3875890014668946</v>
      </c>
    </row>
    <row r="57920" spans="1:7" x14ac:dyDescent="0.3">
      <c r="A57920" s="13" t="s">
        <v>314</v>
      </c>
      <c r="B57920" s="14" t="s">
        <v>1</v>
      </c>
      <c r="C57920" s="14" t="s">
        <v>101</v>
      </c>
      <c r="D57920" s="14" t="s">
        <v>244</v>
      </c>
      <c r="E57920" s="15">
        <v>45626</v>
      </c>
      <c r="F57920" s="14" t="s">
        <v>61</v>
      </c>
      <c r="G57920" s="16">
        <v>1.3875890014668946</v>
      </c>
    </row>
    <row r="57921" spans="1:7" x14ac:dyDescent="0.3">
      <c r="A57921" s="13" t="s">
        <v>314</v>
      </c>
      <c r="B57921" s="14" t="s">
        <v>1</v>
      </c>
      <c r="C57921" s="14" t="s">
        <v>101</v>
      </c>
      <c r="D57921" s="14" t="s">
        <v>244</v>
      </c>
      <c r="E57921" s="15">
        <v>45627</v>
      </c>
      <c r="F57921" s="14" t="s">
        <v>61</v>
      </c>
      <c r="G57921" s="16">
        <v>1.3875890014668946</v>
      </c>
    </row>
    <row r="57922" spans="1:7" x14ac:dyDescent="0.3">
      <c r="A57922" s="13" t="s">
        <v>314</v>
      </c>
      <c r="B57922" s="14" t="s">
        <v>1</v>
      </c>
      <c r="C57922" s="14" t="s">
        <v>101</v>
      </c>
      <c r="D57922" s="14" t="s">
        <v>244</v>
      </c>
      <c r="E57922" s="15">
        <v>45628</v>
      </c>
      <c r="F57922" s="14" t="s">
        <v>61</v>
      </c>
      <c r="G57922" s="16">
        <v>1.4394746691853393</v>
      </c>
    </row>
    <row r="57923" spans="1:7" x14ac:dyDescent="0.3">
      <c r="A57923" s="13" t="s">
        <v>314</v>
      </c>
      <c r="B57923" s="14" t="s">
        <v>1</v>
      </c>
      <c r="C57923" s="14" t="s">
        <v>101</v>
      </c>
      <c r="D57923" s="14" t="s">
        <v>244</v>
      </c>
      <c r="E57923" s="15">
        <v>45629</v>
      </c>
      <c r="F57923" s="14" t="s">
        <v>61</v>
      </c>
      <c r="G57923" s="16">
        <v>1.4352711765305719</v>
      </c>
    </row>
    <row r="57924" spans="1:7" x14ac:dyDescent="0.3">
      <c r="A57924" s="13" t="s">
        <v>314</v>
      </c>
      <c r="B57924" s="14" t="s">
        <v>1</v>
      </c>
      <c r="C57924" s="14" t="s">
        <v>101</v>
      </c>
      <c r="D57924" s="14" t="s">
        <v>244</v>
      </c>
      <c r="E57924" s="15">
        <v>45630</v>
      </c>
      <c r="F57924" s="14" t="s">
        <v>61</v>
      </c>
      <c r="G57924" s="16">
        <v>1.4503830937131021</v>
      </c>
    </row>
    <row r="57925" spans="1:7" x14ac:dyDescent="0.3">
      <c r="A57925" s="13" t="s">
        <v>314</v>
      </c>
      <c r="B57925" s="14" t="s">
        <v>1</v>
      </c>
      <c r="C57925" s="14" t="s">
        <v>101</v>
      </c>
      <c r="D57925" s="14" t="s">
        <v>244</v>
      </c>
      <c r="E57925" s="15">
        <v>45631</v>
      </c>
      <c r="F57925" s="14" t="s">
        <v>61</v>
      </c>
      <c r="G57925" s="16">
        <v>1.4410390758427254</v>
      </c>
    </row>
    <row r="57926" spans="1:7" x14ac:dyDescent="0.3">
      <c r="A57926" s="13" t="s">
        <v>314</v>
      </c>
      <c r="B57926" s="14" t="s">
        <v>1</v>
      </c>
      <c r="C57926" s="14" t="s">
        <v>101</v>
      </c>
      <c r="D57926" s="14" t="s">
        <v>244</v>
      </c>
      <c r="E57926" s="15">
        <v>45632</v>
      </c>
      <c r="F57926" s="14" t="s">
        <v>61</v>
      </c>
      <c r="G57926" s="16">
        <v>1.4443527603137616</v>
      </c>
    </row>
    <row r="57927" spans="1:7" x14ac:dyDescent="0.3">
      <c r="A57927" s="13" t="s">
        <v>314</v>
      </c>
      <c r="B57927" s="14" t="s">
        <v>1</v>
      </c>
      <c r="C57927" s="14" t="s">
        <v>101</v>
      </c>
      <c r="D57927" s="14" t="s">
        <v>244</v>
      </c>
      <c r="E57927" s="15">
        <v>45633</v>
      </c>
      <c r="F57927" s="14" t="s">
        <v>61</v>
      </c>
      <c r="G57927" s="16">
        <v>1.4443527603137616</v>
      </c>
    </row>
    <row r="57928" spans="1:7" x14ac:dyDescent="0.3">
      <c r="A57928" s="13" t="s">
        <v>314</v>
      </c>
      <c r="B57928" s="14" t="s">
        <v>1</v>
      </c>
      <c r="C57928" s="14" t="s">
        <v>101</v>
      </c>
      <c r="D57928" s="14" t="s">
        <v>244</v>
      </c>
      <c r="E57928" s="15">
        <v>45634</v>
      </c>
      <c r="F57928" s="14" t="s">
        <v>61</v>
      </c>
      <c r="G57928" s="16">
        <v>1.4443527603137616</v>
      </c>
    </row>
    <row r="57929" spans="1:7" x14ac:dyDescent="0.3">
      <c r="A57929" s="13" t="s">
        <v>314</v>
      </c>
      <c r="B57929" s="14" t="s">
        <v>1</v>
      </c>
      <c r="C57929" s="14" t="s">
        <v>101</v>
      </c>
      <c r="D57929" s="14" t="s">
        <v>244</v>
      </c>
      <c r="E57929" s="15">
        <v>45635</v>
      </c>
      <c r="F57929" s="14" t="s">
        <v>61</v>
      </c>
      <c r="G57929" s="16">
        <v>1.460036121589422</v>
      </c>
    </row>
    <row r="57930" spans="1:7" x14ac:dyDescent="0.3">
      <c r="A57930" s="13" t="s">
        <v>314</v>
      </c>
      <c r="B57930" s="14" t="s">
        <v>1</v>
      </c>
      <c r="C57930" s="14" t="s">
        <v>101</v>
      </c>
      <c r="D57930" s="14" t="s">
        <v>244</v>
      </c>
      <c r="E57930" s="15">
        <v>45636</v>
      </c>
      <c r="F57930" s="14" t="s">
        <v>61</v>
      </c>
      <c r="G57930" s="16">
        <v>1.4595626985125125</v>
      </c>
    </row>
    <row r="57931" spans="1:7" x14ac:dyDescent="0.3">
      <c r="A57931" s="13" t="s">
        <v>314</v>
      </c>
      <c r="B57931" s="14" t="s">
        <v>1</v>
      </c>
      <c r="C57931" s="14" t="s">
        <v>101</v>
      </c>
      <c r="D57931" s="14" t="s">
        <v>244</v>
      </c>
      <c r="E57931" s="15">
        <v>45637</v>
      </c>
      <c r="F57931" s="14" t="s">
        <v>61</v>
      </c>
      <c r="G57931" s="16">
        <v>1.4650515141617009</v>
      </c>
    </row>
    <row r="57932" spans="1:7" x14ac:dyDescent="0.3">
      <c r="A57932" s="13" t="s">
        <v>314</v>
      </c>
      <c r="B57932" s="14" t="s">
        <v>1</v>
      </c>
      <c r="C57932" s="14" t="s">
        <v>101</v>
      </c>
      <c r="D57932" s="14" t="s">
        <v>244</v>
      </c>
      <c r="E57932" s="15">
        <v>45638</v>
      </c>
      <c r="F57932" s="14" t="s">
        <v>61</v>
      </c>
      <c r="G57932" s="16">
        <v>1.4736104649781785</v>
      </c>
    </row>
    <row r="57933" spans="1:7" x14ac:dyDescent="0.3">
      <c r="A57933" s="13" t="s">
        <v>314</v>
      </c>
      <c r="B57933" s="14" t="s">
        <v>1</v>
      </c>
      <c r="C57933" s="14" t="s">
        <v>101</v>
      </c>
      <c r="D57933" s="14" t="s">
        <v>244</v>
      </c>
      <c r="E57933" s="15">
        <v>45639</v>
      </c>
      <c r="F57933" s="14" t="s">
        <v>61</v>
      </c>
      <c r="G57933" s="16">
        <v>1.4697059833638439</v>
      </c>
    </row>
    <row r="57934" spans="1:7" x14ac:dyDescent="0.3">
      <c r="A57934" s="13" t="s">
        <v>314</v>
      </c>
      <c r="B57934" s="14" t="s">
        <v>1</v>
      </c>
      <c r="C57934" s="14" t="s">
        <v>101</v>
      </c>
      <c r="D57934" s="14" t="s">
        <v>244</v>
      </c>
      <c r="E57934" s="15">
        <v>45640</v>
      </c>
      <c r="F57934" s="14" t="s">
        <v>61</v>
      </c>
      <c r="G57934" s="16">
        <v>1.4697059833638439</v>
      </c>
    </row>
    <row r="57935" spans="1:7" x14ac:dyDescent="0.3">
      <c r="A57935" s="13" t="s">
        <v>314</v>
      </c>
      <c r="B57935" s="14" t="s">
        <v>1</v>
      </c>
      <c r="C57935" s="14" t="s">
        <v>101</v>
      </c>
      <c r="D57935" s="14" t="s">
        <v>244</v>
      </c>
      <c r="E57935" s="15">
        <v>45641</v>
      </c>
      <c r="F57935" s="14" t="s">
        <v>61</v>
      </c>
      <c r="G57935" s="16">
        <v>1.4697059833638439</v>
      </c>
    </row>
    <row r="57936" spans="1:7" x14ac:dyDescent="0.3">
      <c r="A57936" s="13" t="s">
        <v>314</v>
      </c>
      <c r="B57936" s="14" t="s">
        <v>1</v>
      </c>
      <c r="C57936" s="14" t="s">
        <v>101</v>
      </c>
      <c r="D57936" s="14" t="s">
        <v>244</v>
      </c>
      <c r="E57936" s="15">
        <v>45642</v>
      </c>
      <c r="F57936" s="14" t="s">
        <v>61</v>
      </c>
      <c r="G57936" s="16">
        <v>1.4711178184076481</v>
      </c>
    </row>
    <row r="57937" spans="1:7" x14ac:dyDescent="0.3">
      <c r="A57937" s="13" t="s">
        <v>314</v>
      </c>
      <c r="B57937" s="14" t="s">
        <v>1</v>
      </c>
      <c r="C57937" s="14" t="s">
        <v>101</v>
      </c>
      <c r="D57937" s="14" t="s">
        <v>244</v>
      </c>
      <c r="E57937" s="15">
        <v>45643</v>
      </c>
      <c r="F57937" s="14" t="s">
        <v>61</v>
      </c>
      <c r="G57937" s="16">
        <v>1.4698705370146041</v>
      </c>
    </row>
    <row r="57938" spans="1:7" x14ac:dyDescent="0.3">
      <c r="A57938" s="13" t="s">
        <v>314</v>
      </c>
      <c r="B57938" s="14" t="s">
        <v>1</v>
      </c>
      <c r="C57938" s="14" t="s">
        <v>101</v>
      </c>
      <c r="D57938" s="14" t="s">
        <v>244</v>
      </c>
      <c r="E57938" s="15">
        <v>45644</v>
      </c>
      <c r="F57938" s="14" t="s">
        <v>61</v>
      </c>
      <c r="G57938" s="16">
        <v>1.4985178772433103</v>
      </c>
    </row>
    <row r="57939" spans="1:7" x14ac:dyDescent="0.3">
      <c r="A57939" s="13" t="s">
        <v>314</v>
      </c>
      <c r="B57939" s="14" t="s">
        <v>1</v>
      </c>
      <c r="C57939" s="14" t="s">
        <v>101</v>
      </c>
      <c r="D57939" s="14" t="s">
        <v>244</v>
      </c>
      <c r="E57939" s="15">
        <v>45645</v>
      </c>
      <c r="F57939" s="14" t="s">
        <v>61</v>
      </c>
      <c r="G57939" s="16">
        <v>1.4980120463977451</v>
      </c>
    </row>
    <row r="57940" spans="1:7" x14ac:dyDescent="0.3">
      <c r="A57940" s="13" t="s">
        <v>314</v>
      </c>
      <c r="B57940" s="14" t="s">
        <v>1</v>
      </c>
      <c r="C57940" s="14" t="s">
        <v>101</v>
      </c>
      <c r="D57940" s="14" t="s">
        <v>244</v>
      </c>
      <c r="E57940" s="15">
        <v>45646</v>
      </c>
      <c r="F57940" s="14" t="s">
        <v>61</v>
      </c>
      <c r="G57940" s="16">
        <v>1.4979852090266992</v>
      </c>
    </row>
    <row r="57941" spans="1:7" x14ac:dyDescent="0.3">
      <c r="A57941" s="13" t="s">
        <v>314</v>
      </c>
      <c r="B57941" s="14" t="s">
        <v>1</v>
      </c>
      <c r="C57941" s="14" t="s">
        <v>101</v>
      </c>
      <c r="D57941" s="14" t="s">
        <v>244</v>
      </c>
      <c r="E57941" s="15">
        <v>45647</v>
      </c>
      <c r="F57941" s="14" t="s">
        <v>61</v>
      </c>
      <c r="G57941" s="16">
        <v>1.4979852090266992</v>
      </c>
    </row>
    <row r="57942" spans="1:7" x14ac:dyDescent="0.3">
      <c r="A57942" s="13" t="s">
        <v>314</v>
      </c>
      <c r="B57942" s="14" t="s">
        <v>1</v>
      </c>
      <c r="C57942" s="14" t="s">
        <v>101</v>
      </c>
      <c r="D57942" s="14" t="s">
        <v>244</v>
      </c>
      <c r="E57942" s="15">
        <v>45648</v>
      </c>
      <c r="F57942" s="14" t="s">
        <v>61</v>
      </c>
      <c r="G57942" s="16">
        <v>1.4979852090266992</v>
      </c>
    </row>
    <row r="57943" spans="1:7" x14ac:dyDescent="0.3">
      <c r="A57943" s="13" t="s">
        <v>314</v>
      </c>
      <c r="B57943" s="14" t="s">
        <v>1</v>
      </c>
      <c r="C57943" s="14" t="s">
        <v>101</v>
      </c>
      <c r="D57943" s="14" t="s">
        <v>244</v>
      </c>
      <c r="E57943" s="15">
        <v>45649</v>
      </c>
      <c r="F57943" s="14" t="s">
        <v>61</v>
      </c>
      <c r="G57943" s="16">
        <v>1.5066245295389891</v>
      </c>
    </row>
    <row r="57944" spans="1:7" x14ac:dyDescent="0.3">
      <c r="A57944" s="13" t="s">
        <v>314</v>
      </c>
      <c r="B57944" s="14" t="s">
        <v>1</v>
      </c>
      <c r="C57944" s="14" t="s">
        <v>101</v>
      </c>
      <c r="D57944" s="14" t="s">
        <v>244</v>
      </c>
      <c r="E57944" s="15">
        <v>45650</v>
      </c>
      <c r="F57944" s="14" t="s">
        <v>61</v>
      </c>
      <c r="G57944" s="16">
        <v>1.5096374902640992</v>
      </c>
    </row>
    <row r="57945" spans="1:7" x14ac:dyDescent="0.3">
      <c r="A57945" s="13" t="s">
        <v>314</v>
      </c>
      <c r="B57945" s="14" t="s">
        <v>1</v>
      </c>
      <c r="C57945" s="14" t="s">
        <v>101</v>
      </c>
      <c r="D57945" s="14" t="s">
        <v>244</v>
      </c>
      <c r="E57945" s="15">
        <v>45651</v>
      </c>
      <c r="F57945" s="14" t="s">
        <v>61</v>
      </c>
      <c r="G57945" s="16">
        <v>1.5096374902640992</v>
      </c>
    </row>
    <row r="57946" spans="1:7" x14ac:dyDescent="0.3">
      <c r="A57946" s="13" t="s">
        <v>314</v>
      </c>
      <c r="B57946" s="14" t="s">
        <v>1</v>
      </c>
      <c r="C57946" s="14" t="s">
        <v>101</v>
      </c>
      <c r="D57946" s="14" t="s">
        <v>244</v>
      </c>
      <c r="E57946" s="15">
        <v>45652</v>
      </c>
      <c r="F57946" s="14" t="s">
        <v>61</v>
      </c>
      <c r="G57946" s="16">
        <v>1.5096374902640992</v>
      </c>
    </row>
    <row r="57947" spans="1:7" x14ac:dyDescent="0.3">
      <c r="A57947" s="13" t="s">
        <v>314</v>
      </c>
      <c r="B57947" s="14" t="s">
        <v>1</v>
      </c>
      <c r="C57947" s="14" t="s">
        <v>101</v>
      </c>
      <c r="D57947" s="14" t="s">
        <v>244</v>
      </c>
      <c r="E57947" s="15">
        <v>45653</v>
      </c>
      <c r="F57947" s="14" t="s">
        <v>61</v>
      </c>
      <c r="G57947" s="16">
        <v>1.5096374902640992</v>
      </c>
    </row>
    <row r="57948" spans="1:7" x14ac:dyDescent="0.3">
      <c r="A57948" s="13" t="s">
        <v>314</v>
      </c>
      <c r="B57948" s="14" t="s">
        <v>1</v>
      </c>
      <c r="C57948" s="14" t="s">
        <v>101</v>
      </c>
      <c r="D57948" s="14" t="s">
        <v>244</v>
      </c>
      <c r="E57948" s="15">
        <v>45654</v>
      </c>
      <c r="F57948" s="14" t="s">
        <v>61</v>
      </c>
      <c r="G57948" s="16">
        <v>1.5096374902640992</v>
      </c>
    </row>
    <row r="57949" spans="1:7" x14ac:dyDescent="0.3">
      <c r="A57949" s="13" t="s">
        <v>314</v>
      </c>
      <c r="B57949" s="14" t="s">
        <v>1</v>
      </c>
      <c r="C57949" s="14" t="s">
        <v>101</v>
      </c>
      <c r="D57949" s="14" t="s">
        <v>244</v>
      </c>
      <c r="E57949" s="15">
        <v>45655</v>
      </c>
      <c r="F57949" s="14" t="s">
        <v>61</v>
      </c>
      <c r="G57949" s="16">
        <v>1.5096374902640992</v>
      </c>
    </row>
    <row r="57950" spans="1:7" x14ac:dyDescent="0.3">
      <c r="A57950" s="13" t="s">
        <v>314</v>
      </c>
      <c r="B57950" s="14" t="s">
        <v>1</v>
      </c>
      <c r="C57950" s="14" t="s">
        <v>101</v>
      </c>
      <c r="D57950" s="14" t="s">
        <v>244</v>
      </c>
      <c r="E57950" s="15">
        <v>45656</v>
      </c>
      <c r="F57950" s="14" t="s">
        <v>61</v>
      </c>
      <c r="G57950" s="16">
        <v>1.5095370808385276</v>
      </c>
    </row>
    <row r="57951" spans="1:7" x14ac:dyDescent="0.3">
      <c r="A57951" s="13" t="s">
        <v>314</v>
      </c>
      <c r="B57951" s="14" t="s">
        <v>1</v>
      </c>
      <c r="C57951" s="14" t="s">
        <v>101</v>
      </c>
      <c r="D57951" s="14" t="s">
        <v>244</v>
      </c>
      <c r="E57951" s="15">
        <v>45657</v>
      </c>
      <c r="F57951" s="14" t="s">
        <v>61</v>
      </c>
      <c r="G57951" s="16">
        <v>1.5217735820661544</v>
      </c>
    </row>
    <row r="57952" spans="1:7" x14ac:dyDescent="0.3">
      <c r="A57952" s="13" t="s">
        <v>314</v>
      </c>
      <c r="B57952" s="14" t="s">
        <v>1</v>
      </c>
      <c r="C57952" s="14" t="s">
        <v>101</v>
      </c>
      <c r="D57952" s="14" t="s">
        <v>244</v>
      </c>
      <c r="E57952" s="15">
        <v>45658</v>
      </c>
      <c r="F57952" s="14" t="s">
        <v>61</v>
      </c>
      <c r="G57952" s="16">
        <v>1.5217735820661544</v>
      </c>
    </row>
    <row r="57953" spans="1:7" x14ac:dyDescent="0.3">
      <c r="A57953" s="13" t="s">
        <v>314</v>
      </c>
      <c r="B57953" s="14" t="s">
        <v>1</v>
      </c>
      <c r="C57953" s="14" t="s">
        <v>101</v>
      </c>
      <c r="D57953" s="14" t="s">
        <v>244</v>
      </c>
      <c r="E57953" s="15">
        <v>45659</v>
      </c>
      <c r="F57953" s="14" t="s">
        <v>61</v>
      </c>
      <c r="G57953" s="16">
        <v>1.5429073995608356</v>
      </c>
    </row>
    <row r="57954" spans="1:7" x14ac:dyDescent="0.3">
      <c r="A57954" s="13" t="s">
        <v>314</v>
      </c>
      <c r="B57954" s="14" t="s">
        <v>1</v>
      </c>
      <c r="C57954" s="14" t="s">
        <v>101</v>
      </c>
      <c r="D57954" s="14" t="s">
        <v>244</v>
      </c>
      <c r="E57954" s="15">
        <v>45660</v>
      </c>
      <c r="F57954" s="14" t="s">
        <v>61</v>
      </c>
      <c r="G57954" s="16">
        <v>1.5348816883048513</v>
      </c>
    </row>
    <row r="57955" spans="1:7" x14ac:dyDescent="0.3">
      <c r="A57955" s="13" t="s">
        <v>314</v>
      </c>
      <c r="B57955" s="14" t="s">
        <v>1</v>
      </c>
      <c r="C57955" s="14" t="s">
        <v>101</v>
      </c>
      <c r="D57955" s="14" t="s">
        <v>244</v>
      </c>
      <c r="E57955" s="15">
        <v>45661</v>
      </c>
      <c r="F57955" s="14" t="s">
        <v>61</v>
      </c>
      <c r="G57955" s="16">
        <v>1.5348816883048513</v>
      </c>
    </row>
    <row r="57956" spans="1:7" x14ac:dyDescent="0.3">
      <c r="A57956" s="13" t="s">
        <v>314</v>
      </c>
      <c r="B57956" s="14" t="s">
        <v>1</v>
      </c>
      <c r="C57956" s="14" t="s">
        <v>101</v>
      </c>
      <c r="D57956" s="14" t="s">
        <v>244</v>
      </c>
      <c r="E57956" s="15">
        <v>45662</v>
      </c>
      <c r="F57956" s="14" t="s">
        <v>61</v>
      </c>
      <c r="G57956" s="16">
        <v>1.5348816883048513</v>
      </c>
    </row>
    <row r="57957" spans="1:7" x14ac:dyDescent="0.3">
      <c r="A57957" s="13" t="s">
        <v>314</v>
      </c>
      <c r="B57957" s="14" t="s">
        <v>1</v>
      </c>
      <c r="C57957" s="14" t="s">
        <v>101</v>
      </c>
      <c r="D57957" s="14" t="s">
        <v>244</v>
      </c>
      <c r="E57957" s="15">
        <v>45663</v>
      </c>
      <c r="F57957" s="14" t="s">
        <v>61</v>
      </c>
      <c r="G57957" s="16">
        <v>1.5241278354516494</v>
      </c>
    </row>
    <row r="57958" spans="1:7" x14ac:dyDescent="0.3">
      <c r="A57958" s="13" t="s">
        <v>314</v>
      </c>
      <c r="B57958" s="14" t="s">
        <v>1</v>
      </c>
      <c r="C57958" s="14" t="s">
        <v>101</v>
      </c>
      <c r="D57958" s="14" t="s">
        <v>244</v>
      </c>
      <c r="E57958" s="15">
        <v>45664</v>
      </c>
      <c r="F57958" s="14" t="s">
        <v>61</v>
      </c>
      <c r="G57958" s="16">
        <v>1.5219847685261034</v>
      </c>
    </row>
    <row r="57959" spans="1:7" x14ac:dyDescent="0.3">
      <c r="A57959" s="13" t="s">
        <v>314</v>
      </c>
      <c r="B57959" s="14" t="s">
        <v>1</v>
      </c>
      <c r="C57959" s="14" t="s">
        <v>101</v>
      </c>
      <c r="D57959" s="14" t="s">
        <v>244</v>
      </c>
      <c r="E57959" s="15">
        <v>45665</v>
      </c>
      <c r="F57959" s="14" t="s">
        <v>61</v>
      </c>
      <c r="G57959" s="16">
        <v>1.5262980075729724</v>
      </c>
    </row>
    <row r="57960" spans="1:7" x14ac:dyDescent="0.3">
      <c r="A57960" s="13" t="s">
        <v>314</v>
      </c>
      <c r="B57960" s="14" t="s">
        <v>1</v>
      </c>
      <c r="C57960" s="14" t="s">
        <v>101</v>
      </c>
      <c r="D57960" s="14" t="s">
        <v>244</v>
      </c>
      <c r="E57960" s="15">
        <v>45666</v>
      </c>
      <c r="F57960" s="14" t="s">
        <v>61</v>
      </c>
      <c r="G57960" s="16">
        <v>1.5303007913901365</v>
      </c>
    </row>
    <row r="57961" spans="1:7" x14ac:dyDescent="0.3">
      <c r="A57961" s="13" t="s">
        <v>314</v>
      </c>
      <c r="B57961" s="14" t="s">
        <v>1</v>
      </c>
      <c r="C57961" s="14" t="s">
        <v>101</v>
      </c>
      <c r="D57961" s="14" t="s">
        <v>244</v>
      </c>
      <c r="E57961" s="15">
        <v>45667</v>
      </c>
      <c r="F57961" s="14" t="s">
        <v>61</v>
      </c>
      <c r="G57961" s="16">
        <v>1.550434547101331</v>
      </c>
    </row>
    <row r="57962" spans="1:7" x14ac:dyDescent="0.3">
      <c r="A57962" s="13" t="s">
        <v>314</v>
      </c>
      <c r="B57962" s="14" t="s">
        <v>1</v>
      </c>
      <c r="C57962" s="14" t="s">
        <v>101</v>
      </c>
      <c r="D57962" s="14" t="s">
        <v>244</v>
      </c>
      <c r="E57962" s="15">
        <v>45668</v>
      </c>
      <c r="F57962" s="14" t="s">
        <v>61</v>
      </c>
      <c r="G57962" s="16">
        <v>1.550434547101331</v>
      </c>
    </row>
    <row r="57963" spans="1:7" x14ac:dyDescent="0.3">
      <c r="A57963" s="13" t="s">
        <v>314</v>
      </c>
      <c r="B57963" s="14" t="s">
        <v>1</v>
      </c>
      <c r="C57963" s="14" t="s">
        <v>101</v>
      </c>
      <c r="D57963" s="14" t="s">
        <v>244</v>
      </c>
      <c r="E57963" s="15">
        <v>45669</v>
      </c>
      <c r="F57963" s="14" t="s">
        <v>61</v>
      </c>
      <c r="G57963" s="16">
        <v>1.550434547101331</v>
      </c>
    </row>
    <row r="57964" spans="1:7" x14ac:dyDescent="0.3">
      <c r="A57964" s="13" t="s">
        <v>314</v>
      </c>
      <c r="B57964" s="14" t="s">
        <v>1</v>
      </c>
      <c r="C57964" s="14" t="s">
        <v>101</v>
      </c>
      <c r="D57964" s="14" t="s">
        <v>244</v>
      </c>
      <c r="E57964" s="15">
        <v>45670</v>
      </c>
      <c r="F57964" s="14" t="s">
        <v>61</v>
      </c>
      <c r="G57964" s="16">
        <v>1.5518834190758126</v>
      </c>
    </row>
    <row r="57965" spans="1:7" x14ac:dyDescent="0.3">
      <c r="A57965" s="13" t="s">
        <v>314</v>
      </c>
      <c r="B57965" s="14" t="s">
        <v>1</v>
      </c>
      <c r="C57965" s="14" t="s">
        <v>101</v>
      </c>
      <c r="D57965" s="14" t="s">
        <v>244</v>
      </c>
      <c r="E57965" s="15">
        <v>45671</v>
      </c>
      <c r="F57965" s="14" t="s">
        <v>61</v>
      </c>
      <c r="G57965" s="16">
        <v>1.5388475134778119</v>
      </c>
    </row>
    <row r="57966" spans="1:7" x14ac:dyDescent="0.3">
      <c r="A57966" s="13" t="s">
        <v>314</v>
      </c>
      <c r="B57966" s="14" t="s">
        <v>1</v>
      </c>
      <c r="C57966" s="14" t="s">
        <v>101</v>
      </c>
      <c r="D57966" s="14" t="s">
        <v>244</v>
      </c>
      <c r="E57966" s="15">
        <v>45672</v>
      </c>
      <c r="F57966" s="14" t="s">
        <v>61</v>
      </c>
      <c r="G57966" s="16">
        <v>1.543146510123206</v>
      </c>
    </row>
    <row r="57967" spans="1:7" x14ac:dyDescent="0.3">
      <c r="A57967" s="13" t="s">
        <v>314</v>
      </c>
      <c r="B57967" s="14" t="s">
        <v>1</v>
      </c>
      <c r="C57967" s="14" t="s">
        <v>101</v>
      </c>
      <c r="D57967" s="14" t="s">
        <v>244</v>
      </c>
      <c r="E57967" s="15">
        <v>45673</v>
      </c>
      <c r="F57967" s="14" t="s">
        <v>61</v>
      </c>
      <c r="G57967" s="16">
        <v>1.5430006356224018</v>
      </c>
    </row>
    <row r="57968" spans="1:7" x14ac:dyDescent="0.3">
      <c r="A57968" s="13" t="s">
        <v>314</v>
      </c>
      <c r="B57968" s="14" t="s">
        <v>1</v>
      </c>
      <c r="C57968" s="14" t="s">
        <v>101</v>
      </c>
      <c r="D57968" s="14" t="s">
        <v>244</v>
      </c>
      <c r="E57968" s="15">
        <v>45674</v>
      </c>
      <c r="F57968" s="14" t="s">
        <v>61</v>
      </c>
      <c r="G57968" s="16">
        <v>1.5483034822976653</v>
      </c>
    </row>
    <row r="57969" spans="1:7" x14ac:dyDescent="0.3">
      <c r="A57969" s="13" t="s">
        <v>314</v>
      </c>
      <c r="B57969" s="14" t="s">
        <v>1</v>
      </c>
      <c r="C57969" s="14" t="s">
        <v>101</v>
      </c>
      <c r="D57969" s="14" t="s">
        <v>244</v>
      </c>
      <c r="E57969" s="15">
        <v>45675</v>
      </c>
      <c r="F57969" s="14" t="s">
        <v>61</v>
      </c>
      <c r="G57969" s="16">
        <v>1.5483034822976653</v>
      </c>
    </row>
    <row r="57970" spans="1:7" x14ac:dyDescent="0.3">
      <c r="A57970" s="13" t="s">
        <v>314</v>
      </c>
      <c r="B57970" s="14" t="s">
        <v>1</v>
      </c>
      <c r="C57970" s="14" t="s">
        <v>101</v>
      </c>
      <c r="D57970" s="14" t="s">
        <v>244</v>
      </c>
      <c r="E57970" s="15">
        <v>45676</v>
      </c>
      <c r="F57970" s="14" t="s">
        <v>61</v>
      </c>
      <c r="G57970" s="16">
        <v>1.5483034822976653</v>
      </c>
    </row>
    <row r="57971" spans="1:7" x14ac:dyDescent="0.3">
      <c r="A57971" s="13" t="s">
        <v>314</v>
      </c>
      <c r="B57971" s="14" t="s">
        <v>1</v>
      </c>
      <c r="C57971" s="14" t="s">
        <v>101</v>
      </c>
      <c r="D57971" s="14" t="s">
        <v>244</v>
      </c>
      <c r="E57971" s="15">
        <v>45677</v>
      </c>
      <c r="F57971" s="14" t="s">
        <v>61</v>
      </c>
      <c r="G57971" s="16">
        <v>1.532741576597406</v>
      </c>
    </row>
    <row r="57972" spans="1:7" x14ac:dyDescent="0.3">
      <c r="A57972" s="13" t="s">
        <v>314</v>
      </c>
      <c r="B57972" s="14" t="s">
        <v>1</v>
      </c>
      <c r="C57972" s="14" t="s">
        <v>101</v>
      </c>
      <c r="D57972" s="14" t="s">
        <v>244</v>
      </c>
      <c r="E57972" s="15">
        <v>45678</v>
      </c>
      <c r="F57972" s="14" t="s">
        <v>61</v>
      </c>
      <c r="G57972" s="16">
        <v>1.5271159647693242</v>
      </c>
    </row>
    <row r="57973" spans="1:7" x14ac:dyDescent="0.3">
      <c r="A57973" s="13" t="s">
        <v>314</v>
      </c>
      <c r="B57973" s="14" t="s">
        <v>1</v>
      </c>
      <c r="C57973" s="14" t="s">
        <v>101</v>
      </c>
      <c r="D57973" s="14" t="s">
        <v>244</v>
      </c>
      <c r="E57973" s="15">
        <v>45679</v>
      </c>
      <c r="F57973" s="14" t="s">
        <v>61</v>
      </c>
      <c r="G57973" s="16">
        <v>1.5388001074839284</v>
      </c>
    </row>
    <row r="57974" spans="1:7" x14ac:dyDescent="0.3">
      <c r="A57974" s="13" t="s">
        <v>314</v>
      </c>
      <c r="B57974" s="14" t="s">
        <v>1</v>
      </c>
      <c r="C57974" s="14" t="s">
        <v>101</v>
      </c>
      <c r="D57974" s="14" t="s">
        <v>244</v>
      </c>
      <c r="E57974" s="15">
        <v>45680</v>
      </c>
      <c r="F57974" s="14" t="s">
        <v>61</v>
      </c>
      <c r="G57974" s="16">
        <v>1.5389935245826831</v>
      </c>
    </row>
    <row r="57975" spans="1:7" x14ac:dyDescent="0.3">
      <c r="A57975" s="13" t="s">
        <v>314</v>
      </c>
      <c r="B57975" s="14" t="s">
        <v>1</v>
      </c>
      <c r="C57975" s="14" t="s">
        <v>101</v>
      </c>
      <c r="D57975" s="14" t="s">
        <v>244</v>
      </c>
      <c r="E57975" s="15">
        <v>45681</v>
      </c>
      <c r="F57975" s="14" t="s">
        <v>61</v>
      </c>
      <c r="G57975" s="16">
        <v>1.5285969803475452</v>
      </c>
    </row>
    <row r="57976" spans="1:7" x14ac:dyDescent="0.3">
      <c r="A57976" s="13" t="s">
        <v>314</v>
      </c>
      <c r="B57976" s="14" t="s">
        <v>1</v>
      </c>
      <c r="C57976" s="14" t="s">
        <v>101</v>
      </c>
      <c r="D57976" s="14" t="s">
        <v>244</v>
      </c>
      <c r="E57976" s="15">
        <v>45682</v>
      </c>
      <c r="F57976" s="14" t="s">
        <v>61</v>
      </c>
      <c r="G57976" s="16">
        <v>1.5285969803475452</v>
      </c>
    </row>
    <row r="57977" spans="1:7" x14ac:dyDescent="0.3">
      <c r="A57977" s="13" t="s">
        <v>314</v>
      </c>
      <c r="B57977" s="14" t="s">
        <v>1</v>
      </c>
      <c r="C57977" s="14" t="s">
        <v>101</v>
      </c>
      <c r="D57977" s="14" t="s">
        <v>244</v>
      </c>
      <c r="E57977" s="15">
        <v>45683</v>
      </c>
      <c r="F57977" s="14" t="s">
        <v>61</v>
      </c>
      <c r="G57977" s="16">
        <v>1.5285969803475452</v>
      </c>
    </row>
    <row r="57978" spans="1:7" x14ac:dyDescent="0.3">
      <c r="A57978" s="13" t="s">
        <v>314</v>
      </c>
      <c r="B57978" s="14" t="s">
        <v>1</v>
      </c>
      <c r="C57978" s="14" t="s">
        <v>101</v>
      </c>
      <c r="D57978" s="14" t="s">
        <v>244</v>
      </c>
      <c r="E57978" s="15">
        <v>45684</v>
      </c>
      <c r="F57978" s="14" t="s">
        <v>61</v>
      </c>
      <c r="G57978" s="16">
        <v>1.5300639922670853</v>
      </c>
    </row>
    <row r="57979" spans="1:7" x14ac:dyDescent="0.3">
      <c r="A57979" s="13" t="s">
        <v>314</v>
      </c>
      <c r="B57979" s="14" t="s">
        <v>1</v>
      </c>
      <c r="C57979" s="14" t="s">
        <v>101</v>
      </c>
      <c r="D57979" s="14" t="s">
        <v>244</v>
      </c>
      <c r="E57979" s="15">
        <v>45685</v>
      </c>
      <c r="F57979" s="14" t="s">
        <v>61</v>
      </c>
      <c r="G57979" s="16">
        <v>1.5348442119024643</v>
      </c>
    </row>
    <row r="57980" spans="1:7" x14ac:dyDescent="0.3">
      <c r="A57980" s="13" t="s">
        <v>314</v>
      </c>
      <c r="B57980" s="14" t="s">
        <v>1</v>
      </c>
      <c r="C57980" s="14" t="s">
        <v>101</v>
      </c>
      <c r="D57980" s="14" t="s">
        <v>244</v>
      </c>
      <c r="E57980" s="15">
        <v>45686</v>
      </c>
      <c r="F57980" s="14" t="s">
        <v>61</v>
      </c>
      <c r="G57980" s="16">
        <v>1.5374851902222895</v>
      </c>
    </row>
    <row r="57981" spans="1:7" x14ac:dyDescent="0.3">
      <c r="A57981" s="13" t="s">
        <v>314</v>
      </c>
      <c r="B57981" s="14" t="s">
        <v>1</v>
      </c>
      <c r="C57981" s="14" t="s">
        <v>101</v>
      </c>
      <c r="D57981" s="14" t="s">
        <v>244</v>
      </c>
      <c r="E57981" s="15">
        <v>45687</v>
      </c>
      <c r="F57981" s="14" t="s">
        <v>61</v>
      </c>
      <c r="G57981" s="16">
        <v>1.5431288441412523</v>
      </c>
    </row>
    <row r="57982" spans="1:7" x14ac:dyDescent="0.3">
      <c r="A57982" s="13" t="s">
        <v>314</v>
      </c>
      <c r="B57982" s="14" t="s">
        <v>1</v>
      </c>
      <c r="C57982" s="14" t="s">
        <v>101</v>
      </c>
      <c r="D57982" s="14" t="s">
        <v>244</v>
      </c>
      <c r="E57982" s="15">
        <v>45688</v>
      </c>
      <c r="F57982" s="14" t="s">
        <v>61</v>
      </c>
      <c r="G57982" s="16">
        <v>1.5481373850274165</v>
      </c>
    </row>
    <row r="57983" spans="1:7" x14ac:dyDescent="0.3">
      <c r="A57983" s="13" t="s">
        <v>314</v>
      </c>
      <c r="B57983" s="14" t="s">
        <v>1</v>
      </c>
      <c r="C57983" s="14" t="s">
        <v>101</v>
      </c>
      <c r="D57983" s="14" t="s">
        <v>244</v>
      </c>
      <c r="E57983" s="15">
        <v>45689</v>
      </c>
      <c r="F57983" s="14" t="s">
        <v>61</v>
      </c>
      <c r="G57983" s="16">
        <v>1.5481373850274165</v>
      </c>
    </row>
    <row r="57984" spans="1:7" x14ac:dyDescent="0.3">
      <c r="A57984" s="13" t="s">
        <v>314</v>
      </c>
      <c r="B57984" s="14" t="s">
        <v>1</v>
      </c>
      <c r="C57984" s="14" t="s">
        <v>101</v>
      </c>
      <c r="D57984" s="14" t="s">
        <v>244</v>
      </c>
      <c r="E57984" s="15">
        <v>45690</v>
      </c>
      <c r="F57984" s="14" t="s">
        <v>61</v>
      </c>
      <c r="G57984" s="16">
        <v>1.5481373850274165</v>
      </c>
    </row>
    <row r="57985" spans="1:7" x14ac:dyDescent="0.3">
      <c r="A57985" s="13" t="s">
        <v>314</v>
      </c>
      <c r="B57985" s="14" t="s">
        <v>1</v>
      </c>
      <c r="C57985" s="14" t="s">
        <v>101</v>
      </c>
      <c r="D57985" s="14" t="s">
        <v>244</v>
      </c>
      <c r="E57985" s="15">
        <v>45691</v>
      </c>
      <c r="F57985" s="14" t="s">
        <v>61</v>
      </c>
      <c r="G57985" s="16">
        <v>1.5481373850274165</v>
      </c>
    </row>
    <row r="57986" spans="1:7" x14ac:dyDescent="0.3">
      <c r="A57986" s="13" t="s">
        <v>314</v>
      </c>
      <c r="B57986" s="14" t="s">
        <v>1</v>
      </c>
      <c r="C57986" s="14" t="s">
        <v>101</v>
      </c>
      <c r="D57986" s="14" t="s">
        <v>244</v>
      </c>
      <c r="E57986" s="15">
        <v>45692</v>
      </c>
      <c r="F57986" s="14" t="s">
        <v>61</v>
      </c>
      <c r="G57986" s="16">
        <v>1.5467743117117057</v>
      </c>
    </row>
    <row r="57987" spans="1:7" x14ac:dyDescent="0.3">
      <c r="A57987" s="13" t="s">
        <v>314</v>
      </c>
      <c r="B57987" s="14" t="s">
        <v>1</v>
      </c>
      <c r="C57987" s="14" t="s">
        <v>101</v>
      </c>
      <c r="D57987" s="14" t="s">
        <v>244</v>
      </c>
      <c r="E57987" s="15">
        <v>45693</v>
      </c>
      <c r="F57987" s="14" t="s">
        <v>61</v>
      </c>
      <c r="G57987" s="16">
        <v>1.5384248081739749</v>
      </c>
    </row>
    <row r="57988" spans="1:7" x14ac:dyDescent="0.3">
      <c r="A57988" s="13" t="s">
        <v>314</v>
      </c>
      <c r="B57988" s="14" t="s">
        <v>1</v>
      </c>
      <c r="C57988" s="14" t="s">
        <v>101</v>
      </c>
      <c r="D57988" s="14" t="s">
        <v>244</v>
      </c>
      <c r="E57988" s="15">
        <v>45694</v>
      </c>
      <c r="F57988" s="14" t="s">
        <v>61</v>
      </c>
      <c r="G57988" s="16">
        <v>1.5421434362775039</v>
      </c>
    </row>
    <row r="57989" spans="1:7" x14ac:dyDescent="0.3">
      <c r="A57989" s="13" t="s">
        <v>314</v>
      </c>
      <c r="B57989" s="14" t="s">
        <v>1</v>
      </c>
      <c r="C57989" s="14" t="s">
        <v>101</v>
      </c>
      <c r="D57989" s="14" t="s">
        <v>244</v>
      </c>
      <c r="E57989" s="15">
        <v>45695</v>
      </c>
      <c r="F57989" s="14" t="s">
        <v>61</v>
      </c>
      <c r="G57989" s="16">
        <v>1.5517961398698785</v>
      </c>
    </row>
    <row r="57990" spans="1:7" x14ac:dyDescent="0.3">
      <c r="A57990" s="13" t="s">
        <v>314</v>
      </c>
      <c r="B57990" s="14" t="s">
        <v>1</v>
      </c>
      <c r="C57990" s="14" t="s">
        <v>101</v>
      </c>
      <c r="D57990" s="14" t="s">
        <v>244</v>
      </c>
      <c r="E57990" s="15">
        <v>45696</v>
      </c>
      <c r="F57990" s="14" t="s">
        <v>61</v>
      </c>
      <c r="G57990" s="16">
        <v>1.5517961398698785</v>
      </c>
    </row>
    <row r="57991" spans="1:7" x14ac:dyDescent="0.3">
      <c r="A57991" s="13" t="s">
        <v>314</v>
      </c>
      <c r="B57991" s="14" t="s">
        <v>1</v>
      </c>
      <c r="C57991" s="14" t="s">
        <v>101</v>
      </c>
      <c r="D57991" s="14" t="s">
        <v>244</v>
      </c>
      <c r="E57991" s="15">
        <v>45697</v>
      </c>
      <c r="F57991" s="14" t="s">
        <v>61</v>
      </c>
      <c r="G57991" s="16">
        <v>1.5517961398698785</v>
      </c>
    </row>
    <row r="57992" spans="1:7" x14ac:dyDescent="0.3">
      <c r="A57992" s="13" t="s">
        <v>314</v>
      </c>
      <c r="B57992" s="14" t="s">
        <v>1</v>
      </c>
      <c r="C57992" s="14" t="s">
        <v>101</v>
      </c>
      <c r="D57992" s="14" t="s">
        <v>244</v>
      </c>
      <c r="E57992" s="15">
        <v>45698</v>
      </c>
      <c r="F57992" s="14" t="s">
        <v>61</v>
      </c>
      <c r="G57992" s="16">
        <v>1.5789429464117339</v>
      </c>
    </row>
    <row r="57993" spans="1:7" x14ac:dyDescent="0.3">
      <c r="A57993" s="13" t="s">
        <v>314</v>
      </c>
      <c r="B57993" s="14" t="s">
        <v>1</v>
      </c>
      <c r="C57993" s="14" t="s">
        <v>101</v>
      </c>
      <c r="D57993" s="14" t="s">
        <v>244</v>
      </c>
      <c r="E57993" s="15">
        <v>45699</v>
      </c>
      <c r="F57993" s="14" t="s">
        <v>61</v>
      </c>
      <c r="G57993" s="16">
        <v>1.5910348831544046</v>
      </c>
    </row>
    <row r="57994" spans="1:7" x14ac:dyDescent="0.3">
      <c r="A57994" s="13" t="s">
        <v>314</v>
      </c>
      <c r="B57994" s="14" t="s">
        <v>1</v>
      </c>
      <c r="C57994" s="14" t="s">
        <v>101</v>
      </c>
      <c r="D57994" s="14" t="s">
        <v>244</v>
      </c>
      <c r="E57994" s="15">
        <v>45700</v>
      </c>
      <c r="F57994" s="14" t="s">
        <v>61</v>
      </c>
      <c r="G57994" s="16">
        <v>1.5890605703475187</v>
      </c>
    </row>
    <row r="57995" spans="1:7" x14ac:dyDescent="0.3">
      <c r="A57995" s="13" t="s">
        <v>314</v>
      </c>
      <c r="B57995" s="14" t="s">
        <v>1</v>
      </c>
      <c r="C57995" s="14" t="s">
        <v>101</v>
      </c>
      <c r="D57995" s="14" t="s">
        <v>244</v>
      </c>
      <c r="E57995" s="15">
        <v>45701</v>
      </c>
      <c r="F57995" s="14" t="s">
        <v>61</v>
      </c>
      <c r="G57995" s="16">
        <v>1.5803380307999213</v>
      </c>
    </row>
    <row r="57996" spans="1:7" x14ac:dyDescent="0.3">
      <c r="A57996" s="13" t="s">
        <v>314</v>
      </c>
      <c r="B57996" s="14" t="s">
        <v>1</v>
      </c>
      <c r="C57996" s="14" t="s">
        <v>101</v>
      </c>
      <c r="D57996" s="14" t="s">
        <v>244</v>
      </c>
      <c r="E57996" s="15">
        <v>45702</v>
      </c>
      <c r="F57996" s="14" t="s">
        <v>61</v>
      </c>
      <c r="G57996" s="16">
        <v>1.5768533954225108</v>
      </c>
    </row>
    <row r="57997" spans="1:7" x14ac:dyDescent="0.3">
      <c r="A57997" s="13" t="s">
        <v>314</v>
      </c>
      <c r="B57997" s="14" t="s">
        <v>1</v>
      </c>
      <c r="C57997" s="14" t="s">
        <v>101</v>
      </c>
      <c r="D57997" s="14" t="s">
        <v>244</v>
      </c>
      <c r="E57997" s="15">
        <v>45703</v>
      </c>
      <c r="F57997" s="14" t="s">
        <v>61</v>
      </c>
      <c r="G57997" s="16">
        <v>1.5768533954225108</v>
      </c>
    </row>
    <row r="57998" spans="1:7" x14ac:dyDescent="0.3">
      <c r="A57998" s="13" t="s">
        <v>314</v>
      </c>
      <c r="B57998" s="14" t="s">
        <v>1</v>
      </c>
      <c r="C57998" s="14" t="s">
        <v>101</v>
      </c>
      <c r="D57998" s="14" t="s">
        <v>244</v>
      </c>
      <c r="E57998" s="15">
        <v>45704</v>
      </c>
      <c r="F57998" s="14" t="s">
        <v>61</v>
      </c>
      <c r="G57998" s="16">
        <v>1.5768533954225108</v>
      </c>
    </row>
    <row r="57999" spans="1:7" x14ac:dyDescent="0.3">
      <c r="A57999" s="13" t="s">
        <v>314</v>
      </c>
      <c r="B57999" s="14" t="s">
        <v>1</v>
      </c>
      <c r="C57999" s="14" t="s">
        <v>101</v>
      </c>
      <c r="D57999" s="14" t="s">
        <v>244</v>
      </c>
      <c r="E57999" s="15">
        <v>45705</v>
      </c>
      <c r="F57999" s="14" t="s">
        <v>61</v>
      </c>
      <c r="G57999" s="16">
        <v>1.6085549989763246</v>
      </c>
    </row>
    <row r="58000" spans="1:7" x14ac:dyDescent="0.3">
      <c r="A58000" s="13" t="s">
        <v>314</v>
      </c>
      <c r="B58000" s="14" t="s">
        <v>1</v>
      </c>
      <c r="C58000" s="14" t="s">
        <v>101</v>
      </c>
      <c r="D58000" s="14" t="s">
        <v>244</v>
      </c>
      <c r="E58000" s="15">
        <v>45706</v>
      </c>
      <c r="F58000" s="14" t="s">
        <v>61</v>
      </c>
      <c r="G58000" s="16">
        <v>1.6101994146931726</v>
      </c>
    </row>
    <row r="58001" spans="1:7" x14ac:dyDescent="0.3">
      <c r="A58001" s="13" t="s">
        <v>314</v>
      </c>
      <c r="B58001" s="14" t="s">
        <v>1</v>
      </c>
      <c r="C58001" s="14" t="s">
        <v>101</v>
      </c>
      <c r="D58001" s="14" t="s">
        <v>244</v>
      </c>
      <c r="E58001" s="15">
        <v>45707</v>
      </c>
      <c r="F58001" s="14" t="s">
        <v>61</v>
      </c>
      <c r="G58001" s="16">
        <v>1.6231035036710308</v>
      </c>
    </row>
    <row r="58002" spans="1:7" x14ac:dyDescent="0.3">
      <c r="A58002" s="13" t="s">
        <v>314</v>
      </c>
      <c r="B58002" s="14" t="s">
        <v>1</v>
      </c>
      <c r="C58002" s="14" t="s">
        <v>101</v>
      </c>
      <c r="D58002" s="14" t="s">
        <v>244</v>
      </c>
      <c r="E58002" s="15">
        <v>45708</v>
      </c>
      <c r="F58002" s="14" t="s">
        <v>61</v>
      </c>
      <c r="G58002" s="16">
        <v>1.6117851554089146</v>
      </c>
    </row>
    <row r="58003" spans="1:7" x14ac:dyDescent="0.3">
      <c r="A58003" s="13" t="s">
        <v>314</v>
      </c>
      <c r="B58003" s="14" t="s">
        <v>1</v>
      </c>
      <c r="C58003" s="14" t="s">
        <v>101</v>
      </c>
      <c r="D58003" s="14" t="s">
        <v>244</v>
      </c>
      <c r="E58003" s="15">
        <v>45709</v>
      </c>
      <c r="F58003" s="14" t="s">
        <v>61</v>
      </c>
      <c r="G58003" s="16">
        <v>1.6195371190256911</v>
      </c>
    </row>
    <row r="58004" spans="1:7" x14ac:dyDescent="0.3">
      <c r="A58004" s="13" t="s">
        <v>314</v>
      </c>
      <c r="B58004" s="14" t="s">
        <v>1</v>
      </c>
      <c r="C58004" s="14" t="s">
        <v>101</v>
      </c>
      <c r="D58004" s="14" t="s">
        <v>244</v>
      </c>
      <c r="E58004" s="15">
        <v>45710</v>
      </c>
      <c r="F58004" s="14" t="s">
        <v>61</v>
      </c>
      <c r="G58004" s="16">
        <v>1.6195371190256911</v>
      </c>
    </row>
    <row r="58005" spans="1:7" x14ac:dyDescent="0.3">
      <c r="A58005" s="13" t="s">
        <v>314</v>
      </c>
      <c r="B58005" s="14" t="s">
        <v>1</v>
      </c>
      <c r="C58005" s="14" t="s">
        <v>101</v>
      </c>
      <c r="D58005" s="14" t="s">
        <v>244</v>
      </c>
      <c r="E58005" s="15">
        <v>45711</v>
      </c>
      <c r="F58005" s="14" t="s">
        <v>61</v>
      </c>
      <c r="G58005" s="16">
        <v>1.6195371190256911</v>
      </c>
    </row>
    <row r="58006" spans="1:7" x14ac:dyDescent="0.3">
      <c r="A58006" s="13" t="s">
        <v>314</v>
      </c>
      <c r="B58006" s="14" t="s">
        <v>1</v>
      </c>
      <c r="C58006" s="14" t="s">
        <v>101</v>
      </c>
      <c r="D58006" s="14" t="s">
        <v>244</v>
      </c>
      <c r="E58006" s="15">
        <v>45712</v>
      </c>
      <c r="F58006" s="14" t="s">
        <v>61</v>
      </c>
      <c r="G58006" s="16">
        <v>1.6301335085964304</v>
      </c>
    </row>
    <row r="58007" spans="1:7" x14ac:dyDescent="0.3">
      <c r="A58007" s="13" t="s">
        <v>314</v>
      </c>
      <c r="B58007" s="14" t="s">
        <v>1</v>
      </c>
      <c r="C58007" s="14" t="s">
        <v>101</v>
      </c>
      <c r="D58007" s="14" t="s">
        <v>244</v>
      </c>
      <c r="E58007" s="15">
        <v>45713</v>
      </c>
      <c r="F58007" s="14" t="s">
        <v>61</v>
      </c>
      <c r="G58007" s="16">
        <v>1.6194116314661666</v>
      </c>
    </row>
    <row r="58008" spans="1:7" x14ac:dyDescent="0.3">
      <c r="A58008" s="13" t="s">
        <v>314</v>
      </c>
      <c r="B58008" s="14" t="s">
        <v>1</v>
      </c>
      <c r="C58008" s="14" t="s">
        <v>101</v>
      </c>
      <c r="D58008" s="14" t="s">
        <v>244</v>
      </c>
      <c r="E58008" s="15">
        <v>45714</v>
      </c>
      <c r="F58008" s="14" t="s">
        <v>61</v>
      </c>
      <c r="G58008" s="16">
        <v>1.6249855690704047</v>
      </c>
    </row>
    <row r="58009" spans="1:7" x14ac:dyDescent="0.3">
      <c r="A58009" s="13" t="s">
        <v>314</v>
      </c>
      <c r="B58009" s="14" t="s">
        <v>1</v>
      </c>
      <c r="C58009" s="14" t="s">
        <v>101</v>
      </c>
      <c r="D58009" s="14" t="s">
        <v>244</v>
      </c>
      <c r="E58009" s="15">
        <v>45715</v>
      </c>
      <c r="F58009" s="14" t="s">
        <v>61</v>
      </c>
      <c r="G58009" s="16">
        <v>1.6481314500916244</v>
      </c>
    </row>
    <row r="58010" spans="1:7" x14ac:dyDescent="0.3">
      <c r="A58010" s="13" t="s">
        <v>314</v>
      </c>
      <c r="B58010" s="14" t="s">
        <v>1</v>
      </c>
      <c r="C58010" s="14" t="s">
        <v>101</v>
      </c>
      <c r="D58010" s="14" t="s">
        <v>244</v>
      </c>
      <c r="E58010" s="15">
        <v>45716</v>
      </c>
      <c r="F58010" s="14" t="s">
        <v>61</v>
      </c>
      <c r="G58010" s="16">
        <v>1.653061542031564</v>
      </c>
    </row>
    <row r="58011" spans="1:7" x14ac:dyDescent="0.3">
      <c r="A58011" s="13" t="s">
        <v>314</v>
      </c>
      <c r="B58011" s="14" t="s">
        <v>1</v>
      </c>
      <c r="C58011" s="14" t="s">
        <v>101</v>
      </c>
      <c r="D58011" s="14" t="s">
        <v>244</v>
      </c>
      <c r="E58011" s="15">
        <v>45717</v>
      </c>
      <c r="F58011" s="14" t="s">
        <v>61</v>
      </c>
      <c r="G58011" s="16">
        <v>1.653061542031564</v>
      </c>
    </row>
    <row r="58012" spans="1:7" x14ac:dyDescent="0.3">
      <c r="A58012" s="13" t="s">
        <v>314</v>
      </c>
      <c r="B58012" s="14" t="s">
        <v>1</v>
      </c>
      <c r="C58012" s="14" t="s">
        <v>101</v>
      </c>
      <c r="D58012" s="14" t="s">
        <v>244</v>
      </c>
      <c r="E58012" s="15">
        <v>45718</v>
      </c>
      <c r="F58012" s="14" t="s">
        <v>61</v>
      </c>
      <c r="G58012" s="16">
        <v>1.653061542031564</v>
      </c>
    </row>
    <row r="58013" spans="1:7" x14ac:dyDescent="0.3">
      <c r="A58013" s="13" t="s">
        <v>314</v>
      </c>
      <c r="B58013" s="14" t="s">
        <v>1</v>
      </c>
      <c r="C58013" s="14" t="s">
        <v>101</v>
      </c>
      <c r="D58013" s="14" t="s">
        <v>244</v>
      </c>
      <c r="E58013" s="15">
        <v>45719</v>
      </c>
      <c r="F58013" s="14" t="s">
        <v>61</v>
      </c>
      <c r="G58013" s="16">
        <v>1.6777917946859058</v>
      </c>
    </row>
    <row r="58014" spans="1:7" x14ac:dyDescent="0.3">
      <c r="A58014" s="13" t="s">
        <v>314</v>
      </c>
      <c r="B58014" s="14" t="s">
        <v>1</v>
      </c>
      <c r="C58014" s="14" t="s">
        <v>101</v>
      </c>
      <c r="D58014" s="14" t="s">
        <v>244</v>
      </c>
      <c r="E58014" s="15">
        <v>45720</v>
      </c>
      <c r="F58014" s="14" t="s">
        <v>61</v>
      </c>
      <c r="G58014" s="16">
        <v>1.6534032080045153</v>
      </c>
    </row>
    <row r="58015" spans="1:7" x14ac:dyDescent="0.3">
      <c r="A58015" s="13" t="s">
        <v>314</v>
      </c>
      <c r="B58015" s="14" t="s">
        <v>1</v>
      </c>
      <c r="C58015" s="14" t="s">
        <v>101</v>
      </c>
      <c r="D58015" s="14" t="s">
        <v>244</v>
      </c>
      <c r="E58015" s="15">
        <v>45721</v>
      </c>
      <c r="F58015" s="14" t="s">
        <v>61</v>
      </c>
      <c r="G58015" s="16">
        <v>1.6297853174261392</v>
      </c>
    </row>
    <row r="58016" spans="1:7" x14ac:dyDescent="0.3">
      <c r="A58016" s="13" t="s">
        <v>314</v>
      </c>
      <c r="B58016" s="14" t="s">
        <v>1</v>
      </c>
      <c r="C58016" s="14" t="s">
        <v>101</v>
      </c>
      <c r="D58016" s="14" t="s">
        <v>244</v>
      </c>
      <c r="E58016" s="15">
        <v>45722</v>
      </c>
      <c r="F58016" s="14" t="s">
        <v>61</v>
      </c>
      <c r="G58016" s="16">
        <v>1.6318245331632284</v>
      </c>
    </row>
    <row r="58017" spans="1:7" x14ac:dyDescent="0.3">
      <c r="A58017" s="13" t="s">
        <v>314</v>
      </c>
      <c r="B58017" s="14" t="s">
        <v>1</v>
      </c>
      <c r="C58017" s="14" t="s">
        <v>101</v>
      </c>
      <c r="D58017" s="14" t="s">
        <v>244</v>
      </c>
      <c r="E58017" s="15">
        <v>45723</v>
      </c>
      <c r="F58017" s="14" t="s">
        <v>61</v>
      </c>
      <c r="G58017" s="16">
        <v>1.6257616362354632</v>
      </c>
    </row>
    <row r="58018" spans="1:7" x14ac:dyDescent="0.3">
      <c r="A58018" s="13" t="s">
        <v>314</v>
      </c>
      <c r="B58018" s="14" t="s">
        <v>1</v>
      </c>
      <c r="C58018" s="14" t="s">
        <v>101</v>
      </c>
      <c r="D58018" s="14" t="s">
        <v>244</v>
      </c>
      <c r="E58018" s="15">
        <v>45724</v>
      </c>
      <c r="F58018" s="14" t="s">
        <v>61</v>
      </c>
      <c r="G58018" s="16">
        <v>1.6257616362354632</v>
      </c>
    </row>
    <row r="58019" spans="1:7" x14ac:dyDescent="0.3">
      <c r="A58019" s="13" t="s">
        <v>314</v>
      </c>
      <c r="B58019" s="14" t="s">
        <v>1</v>
      </c>
      <c r="C58019" s="14" t="s">
        <v>101</v>
      </c>
      <c r="D58019" s="14" t="s">
        <v>244</v>
      </c>
      <c r="E58019" s="15">
        <v>45725</v>
      </c>
      <c r="F58019" s="14" t="s">
        <v>61</v>
      </c>
      <c r="G58019" s="16">
        <v>1.6257616362354632</v>
      </c>
    </row>
    <row r="58020" spans="1:7" x14ac:dyDescent="0.3">
      <c r="A58020" s="13" t="s">
        <v>314</v>
      </c>
      <c r="B58020" s="14" t="s">
        <v>1</v>
      </c>
      <c r="C58020" s="14" t="s">
        <v>101</v>
      </c>
      <c r="D58020" s="14" t="s">
        <v>244</v>
      </c>
      <c r="E58020" s="15">
        <v>45726</v>
      </c>
      <c r="F58020" s="14" t="s">
        <v>61</v>
      </c>
      <c r="G58020" s="16">
        <v>1.6383401624352036</v>
      </c>
    </row>
    <row r="58021" spans="1:7" x14ac:dyDescent="0.3">
      <c r="A58021" s="13" t="s">
        <v>314</v>
      </c>
      <c r="B58021" s="14" t="s">
        <v>1</v>
      </c>
      <c r="C58021" s="14" t="s">
        <v>101</v>
      </c>
      <c r="D58021" s="14" t="s">
        <v>244</v>
      </c>
      <c r="E58021" s="15">
        <v>45727</v>
      </c>
      <c r="F58021" s="14" t="s">
        <v>61</v>
      </c>
      <c r="G58021" s="16">
        <v>1.6294122866212883</v>
      </c>
    </row>
    <row r="58022" spans="1:7" x14ac:dyDescent="0.3">
      <c r="A58022" s="13" t="s">
        <v>314</v>
      </c>
      <c r="B58022" s="14" t="s">
        <v>1</v>
      </c>
      <c r="C58022" s="14" t="s">
        <v>101</v>
      </c>
      <c r="D58022" s="14" t="s">
        <v>244</v>
      </c>
      <c r="E58022" s="15">
        <v>45728</v>
      </c>
      <c r="F58022" s="14" t="s">
        <v>61</v>
      </c>
      <c r="G58022" s="16">
        <v>1.6375481346011629</v>
      </c>
    </row>
    <row r="58023" spans="1:7" x14ac:dyDescent="0.3">
      <c r="A58023" s="13" t="s">
        <v>314</v>
      </c>
      <c r="B58023" s="14" t="s">
        <v>1</v>
      </c>
      <c r="C58023" s="14" t="s">
        <v>101</v>
      </c>
      <c r="D58023" s="14" t="s">
        <v>244</v>
      </c>
      <c r="E58023" s="15">
        <v>45729</v>
      </c>
      <c r="F58023" s="14" t="s">
        <v>61</v>
      </c>
      <c r="G58023" s="16">
        <v>1.6510256020473033</v>
      </c>
    </row>
    <row r="58024" spans="1:7" x14ac:dyDescent="0.3">
      <c r="A58024" s="13" t="s">
        <v>314</v>
      </c>
      <c r="B58024" s="14" t="s">
        <v>1</v>
      </c>
      <c r="C58024" s="14" t="s">
        <v>101</v>
      </c>
      <c r="D58024" s="14" t="s">
        <v>244</v>
      </c>
      <c r="E58024" s="15">
        <v>45730</v>
      </c>
      <c r="F58024" s="14" t="s">
        <v>61</v>
      </c>
      <c r="G58024" s="16">
        <v>1.6615439657443722</v>
      </c>
    </row>
    <row r="58025" spans="1:7" x14ac:dyDescent="0.3">
      <c r="A58025" s="13" t="s">
        <v>314</v>
      </c>
      <c r="B58025" s="14" t="s">
        <v>1</v>
      </c>
      <c r="C58025" s="14" t="s">
        <v>101</v>
      </c>
      <c r="D58025" s="14" t="s">
        <v>244</v>
      </c>
      <c r="E58025" s="15">
        <v>45731</v>
      </c>
      <c r="F58025" s="14" t="s">
        <v>61</v>
      </c>
      <c r="G58025" s="16">
        <v>1.6615439657443722</v>
      </c>
    </row>
    <row r="58026" spans="1:7" x14ac:dyDescent="0.3">
      <c r="A58026" s="13" t="s">
        <v>314</v>
      </c>
      <c r="B58026" s="14" t="s">
        <v>1</v>
      </c>
      <c r="C58026" s="14" t="s">
        <v>101</v>
      </c>
      <c r="D58026" s="14" t="s">
        <v>244</v>
      </c>
      <c r="E58026" s="15">
        <v>45732</v>
      </c>
      <c r="F58026" s="14" t="s">
        <v>61</v>
      </c>
      <c r="G58026" s="16">
        <v>1.6615439657443722</v>
      </c>
    </row>
    <row r="58027" spans="1:7" x14ac:dyDescent="0.3">
      <c r="A58027" s="13" t="s">
        <v>314</v>
      </c>
      <c r="B58027" s="14" t="s">
        <v>1</v>
      </c>
      <c r="C58027" s="14" t="s">
        <v>101</v>
      </c>
      <c r="D58027" s="14" t="s">
        <v>244</v>
      </c>
      <c r="E58027" s="15">
        <v>45733</v>
      </c>
      <c r="F58027" s="14" t="s">
        <v>61</v>
      </c>
      <c r="G58027" s="16">
        <v>1.6615439657443722</v>
      </c>
    </row>
    <row r="58028" spans="1:7" x14ac:dyDescent="0.3">
      <c r="A58028" s="13" t="s">
        <v>314</v>
      </c>
      <c r="B58028" s="14" t="s">
        <v>1</v>
      </c>
      <c r="C58028" s="14" t="s">
        <v>101</v>
      </c>
      <c r="D58028" s="14" t="s">
        <v>244</v>
      </c>
      <c r="E58028" s="15">
        <v>45734</v>
      </c>
      <c r="F58028" s="14" t="s">
        <v>61</v>
      </c>
      <c r="G58028" s="16">
        <v>1.6668720935794017</v>
      </c>
    </row>
    <row r="58029" spans="1:7" x14ac:dyDescent="0.3">
      <c r="A58029" s="13" t="s">
        <v>314</v>
      </c>
      <c r="B58029" s="14" t="s">
        <v>1</v>
      </c>
      <c r="C58029" s="14" t="s">
        <v>101</v>
      </c>
      <c r="D58029" s="14" t="s">
        <v>244</v>
      </c>
      <c r="E58029" s="15">
        <v>45735</v>
      </c>
      <c r="F58029" s="14" t="s">
        <v>61</v>
      </c>
      <c r="G58029" s="16">
        <v>1.6928120279815806</v>
      </c>
    </row>
    <row r="58030" spans="1:7" x14ac:dyDescent="0.3">
      <c r="A58030" s="13" t="s">
        <v>314</v>
      </c>
      <c r="B58030" s="14" t="s">
        <v>1</v>
      </c>
      <c r="C58030" s="14" t="s">
        <v>101</v>
      </c>
      <c r="D58030" s="14" t="s">
        <v>244</v>
      </c>
      <c r="E58030" s="15">
        <v>45736</v>
      </c>
      <c r="F58030" s="14" t="s">
        <v>61</v>
      </c>
      <c r="G58030" s="16">
        <v>1.7063887216544324</v>
      </c>
    </row>
    <row r="58031" spans="1:7" x14ac:dyDescent="0.3">
      <c r="A58031" s="13" t="s">
        <v>314</v>
      </c>
      <c r="B58031" s="14" t="s">
        <v>1</v>
      </c>
      <c r="C58031" s="14" t="s">
        <v>101</v>
      </c>
      <c r="D58031" s="14" t="s">
        <v>244</v>
      </c>
      <c r="E58031" s="15">
        <v>45737</v>
      </c>
      <c r="F58031" s="14" t="s">
        <v>61</v>
      </c>
      <c r="G58031" s="16">
        <v>1.7160343903758097</v>
      </c>
    </row>
    <row r="58032" spans="1:7" x14ac:dyDescent="0.3">
      <c r="A58032" s="13" t="s">
        <v>314</v>
      </c>
      <c r="B58032" s="14" t="s">
        <v>1</v>
      </c>
      <c r="C58032" s="14" t="s">
        <v>101</v>
      </c>
      <c r="D58032" s="14" t="s">
        <v>244</v>
      </c>
      <c r="E58032" s="15">
        <v>45738</v>
      </c>
      <c r="F58032" s="14" t="s">
        <v>61</v>
      </c>
      <c r="G58032" s="16">
        <v>1.7160343903758097</v>
      </c>
    </row>
    <row r="58033" spans="1:7" x14ac:dyDescent="0.3">
      <c r="A58033" s="13" t="s">
        <v>314</v>
      </c>
      <c r="B58033" s="14" t="s">
        <v>1</v>
      </c>
      <c r="C58033" s="14" t="s">
        <v>101</v>
      </c>
      <c r="D58033" s="14" t="s">
        <v>244</v>
      </c>
      <c r="E58033" s="15">
        <v>45739</v>
      </c>
      <c r="F58033" s="14" t="s">
        <v>61</v>
      </c>
      <c r="G58033" s="16">
        <v>1.7160343903758097</v>
      </c>
    </row>
    <row r="58034" spans="1:7" x14ac:dyDescent="0.3">
      <c r="A58034" s="13" t="s">
        <v>314</v>
      </c>
      <c r="B58034" s="14" t="s">
        <v>1</v>
      </c>
      <c r="C58034" s="14" t="s">
        <v>101</v>
      </c>
      <c r="D58034" s="14" t="s">
        <v>244</v>
      </c>
      <c r="E58034" s="15">
        <v>45740</v>
      </c>
      <c r="F58034" s="14" t="s">
        <v>61</v>
      </c>
      <c r="G58034" s="16">
        <v>1.7217997095566111</v>
      </c>
    </row>
    <row r="58035" spans="1:7" x14ac:dyDescent="0.3">
      <c r="A58035" s="13" t="s">
        <v>314</v>
      </c>
      <c r="B58035" s="14" t="s">
        <v>1</v>
      </c>
      <c r="C58035" s="14" t="s">
        <v>101</v>
      </c>
      <c r="D58035" s="14" t="s">
        <v>244</v>
      </c>
      <c r="E58035" s="15">
        <v>45741</v>
      </c>
      <c r="F58035" s="14" t="s">
        <v>61</v>
      </c>
      <c r="G58035" s="16">
        <v>1.726828753531952</v>
      </c>
    </row>
    <row r="58036" spans="1:7" x14ac:dyDescent="0.3">
      <c r="A58036" s="13" t="s">
        <v>314</v>
      </c>
      <c r="B58036" s="14" t="s">
        <v>1</v>
      </c>
      <c r="C58036" s="14" t="s">
        <v>101</v>
      </c>
      <c r="D58036" s="14" t="s">
        <v>244</v>
      </c>
      <c r="E58036" s="15">
        <v>45742</v>
      </c>
      <c r="F58036" s="14" t="s">
        <v>61</v>
      </c>
      <c r="G58036" s="16">
        <v>1.7456437684064905</v>
      </c>
    </row>
    <row r="58037" spans="1:7" x14ac:dyDescent="0.3">
      <c r="A58037" s="13" t="s">
        <v>314</v>
      </c>
      <c r="B58037" s="14" t="s">
        <v>1</v>
      </c>
      <c r="C58037" s="14" t="s">
        <v>101</v>
      </c>
      <c r="D58037" s="14" t="s">
        <v>244</v>
      </c>
      <c r="E58037" s="15">
        <v>45743</v>
      </c>
      <c r="F58037" s="14" t="s">
        <v>61</v>
      </c>
      <c r="G58037" s="16">
        <v>1.7416721574674399</v>
      </c>
    </row>
    <row r="58038" spans="1:7" x14ac:dyDescent="0.3">
      <c r="A58038" s="13" t="s">
        <v>314</v>
      </c>
      <c r="B58038" s="14" t="s">
        <v>1</v>
      </c>
      <c r="C58038" s="14" t="s">
        <v>101</v>
      </c>
      <c r="D58038" s="14" t="s">
        <v>244</v>
      </c>
      <c r="E58038" s="15">
        <v>45744</v>
      </c>
      <c r="F58038" s="14" t="s">
        <v>61</v>
      </c>
      <c r="G58038" s="16">
        <v>1.7499201063646426</v>
      </c>
    </row>
    <row r="58039" spans="1:7" x14ac:dyDescent="0.3">
      <c r="A58039" s="13" t="s">
        <v>314</v>
      </c>
      <c r="B58039" s="14" t="s">
        <v>1</v>
      </c>
      <c r="C58039" s="14" t="s">
        <v>101</v>
      </c>
      <c r="D58039" s="14" t="s">
        <v>244</v>
      </c>
      <c r="E58039" s="15">
        <v>45745</v>
      </c>
      <c r="F58039" s="14" t="s">
        <v>61</v>
      </c>
      <c r="G58039" s="16">
        <v>1.7499201063646426</v>
      </c>
    </row>
    <row r="58040" spans="1:7" x14ac:dyDescent="0.3">
      <c r="A58040" s="13" t="s">
        <v>314</v>
      </c>
      <c r="B58040" s="14" t="s">
        <v>1</v>
      </c>
      <c r="C58040" s="14" t="s">
        <v>101</v>
      </c>
      <c r="D58040" s="14" t="s">
        <v>244</v>
      </c>
      <c r="E58040" s="15">
        <v>45746</v>
      </c>
      <c r="F58040" s="14" t="s">
        <v>61</v>
      </c>
      <c r="G58040" s="16">
        <v>1.7499201063646426</v>
      </c>
    </row>
    <row r="58041" spans="1:7" x14ac:dyDescent="0.3">
      <c r="A58041" s="13" t="s">
        <v>314</v>
      </c>
      <c r="B58041" s="14" t="s">
        <v>1</v>
      </c>
      <c r="C58041" s="14" t="s">
        <v>101</v>
      </c>
      <c r="D58041" s="14" t="s">
        <v>244</v>
      </c>
      <c r="E58041" s="15">
        <v>45747</v>
      </c>
      <c r="F58041" s="14" t="s">
        <v>61</v>
      </c>
      <c r="G58041" s="16">
        <v>1.759969988761515</v>
      </c>
    </row>
    <row r="58042" spans="1:7" x14ac:dyDescent="0.3">
      <c r="A58042" s="13" t="s">
        <v>315</v>
      </c>
      <c r="B58042" s="14" t="s">
        <v>1</v>
      </c>
      <c r="C58042" s="14" t="s">
        <v>51</v>
      </c>
      <c r="D58042" s="14" t="s">
        <v>193</v>
      </c>
      <c r="E58042" s="15">
        <v>45383</v>
      </c>
      <c r="F58042" s="14" t="s">
        <v>15</v>
      </c>
      <c r="G58042" s="16">
        <v>0</v>
      </c>
    </row>
    <row r="58043" spans="1:7" x14ac:dyDescent="0.3">
      <c r="A58043" s="13" t="s">
        <v>315</v>
      </c>
      <c r="B58043" s="14" t="s">
        <v>1</v>
      </c>
      <c r="C58043" s="14" t="s">
        <v>51</v>
      </c>
      <c r="D58043" s="14" t="s">
        <v>193</v>
      </c>
      <c r="E58043" s="15">
        <v>45384</v>
      </c>
      <c r="F58043" s="14" t="s">
        <v>15</v>
      </c>
      <c r="G58043" s="16">
        <v>0</v>
      </c>
    </row>
    <row r="58044" spans="1:7" x14ac:dyDescent="0.3">
      <c r="A58044" s="13" t="s">
        <v>315</v>
      </c>
      <c r="B58044" s="14" t="s">
        <v>1</v>
      </c>
      <c r="C58044" s="14" t="s">
        <v>51</v>
      </c>
      <c r="D58044" s="14" t="s">
        <v>193</v>
      </c>
      <c r="E58044" s="15">
        <v>45385</v>
      </c>
      <c r="F58044" s="14" t="s">
        <v>15</v>
      </c>
      <c r="G58044" s="16">
        <v>0</v>
      </c>
    </row>
    <row r="58045" spans="1:7" x14ac:dyDescent="0.3">
      <c r="A58045" s="13" t="s">
        <v>315</v>
      </c>
      <c r="B58045" s="14" t="s">
        <v>1</v>
      </c>
      <c r="C58045" s="14" t="s">
        <v>51</v>
      </c>
      <c r="D58045" s="14" t="s">
        <v>193</v>
      </c>
      <c r="E58045" s="15">
        <v>45386</v>
      </c>
      <c r="F58045" s="14" t="s">
        <v>15</v>
      </c>
      <c r="G58045" s="16">
        <v>0</v>
      </c>
    </row>
    <row r="58046" spans="1:7" x14ac:dyDescent="0.3">
      <c r="A58046" s="13" t="s">
        <v>315</v>
      </c>
      <c r="B58046" s="14" t="s">
        <v>1</v>
      </c>
      <c r="C58046" s="14" t="s">
        <v>51</v>
      </c>
      <c r="D58046" s="14" t="s">
        <v>193</v>
      </c>
      <c r="E58046" s="15">
        <v>45387</v>
      </c>
      <c r="F58046" s="14" t="s">
        <v>15</v>
      </c>
      <c r="G58046" s="16">
        <v>0</v>
      </c>
    </row>
    <row r="58047" spans="1:7" x14ac:dyDescent="0.3">
      <c r="A58047" s="13" t="s">
        <v>315</v>
      </c>
      <c r="B58047" s="14" t="s">
        <v>1</v>
      </c>
      <c r="C58047" s="14" t="s">
        <v>51</v>
      </c>
      <c r="D58047" s="14" t="s">
        <v>193</v>
      </c>
      <c r="E58047" s="15">
        <v>45388</v>
      </c>
      <c r="F58047" s="14" t="s">
        <v>15</v>
      </c>
      <c r="G58047" s="16">
        <v>0</v>
      </c>
    </row>
    <row r="58048" spans="1:7" x14ac:dyDescent="0.3">
      <c r="A58048" s="13" t="s">
        <v>315</v>
      </c>
      <c r="B58048" s="14" t="s">
        <v>1</v>
      </c>
      <c r="C58048" s="14" t="s">
        <v>51</v>
      </c>
      <c r="D58048" s="14" t="s">
        <v>193</v>
      </c>
      <c r="E58048" s="15">
        <v>45389</v>
      </c>
      <c r="F58048" s="14" t="s">
        <v>15</v>
      </c>
      <c r="G58048" s="16">
        <v>0</v>
      </c>
    </row>
    <row r="58049" spans="1:7" x14ac:dyDescent="0.3">
      <c r="A58049" s="13" t="s">
        <v>315</v>
      </c>
      <c r="B58049" s="14" t="s">
        <v>1</v>
      </c>
      <c r="C58049" s="14" t="s">
        <v>51</v>
      </c>
      <c r="D58049" s="14" t="s">
        <v>193</v>
      </c>
      <c r="E58049" s="15">
        <v>45390</v>
      </c>
      <c r="F58049" s="14" t="s">
        <v>15</v>
      </c>
      <c r="G58049" s="16">
        <v>0</v>
      </c>
    </row>
    <row r="58050" spans="1:7" x14ac:dyDescent="0.3">
      <c r="A58050" s="13" t="s">
        <v>315</v>
      </c>
      <c r="B58050" s="14" t="s">
        <v>1</v>
      </c>
      <c r="C58050" s="14" t="s">
        <v>51</v>
      </c>
      <c r="D58050" s="14" t="s">
        <v>193</v>
      </c>
      <c r="E58050" s="15">
        <v>45391</v>
      </c>
      <c r="F58050" s="14" t="s">
        <v>15</v>
      </c>
      <c r="G58050" s="16">
        <v>0</v>
      </c>
    </row>
    <row r="58051" spans="1:7" x14ac:dyDescent="0.3">
      <c r="A58051" s="13" t="s">
        <v>315</v>
      </c>
      <c r="B58051" s="14" t="s">
        <v>1</v>
      </c>
      <c r="C58051" s="14" t="s">
        <v>51</v>
      </c>
      <c r="D58051" s="14" t="s">
        <v>193</v>
      </c>
      <c r="E58051" s="15">
        <v>45392</v>
      </c>
      <c r="F58051" s="14" t="s">
        <v>15</v>
      </c>
      <c r="G58051" s="16">
        <v>0</v>
      </c>
    </row>
    <row r="58052" spans="1:7" x14ac:dyDescent="0.3">
      <c r="A58052" s="13" t="s">
        <v>315</v>
      </c>
      <c r="B58052" s="14" t="s">
        <v>1</v>
      </c>
      <c r="C58052" s="14" t="s">
        <v>51</v>
      </c>
      <c r="D58052" s="14" t="s">
        <v>193</v>
      </c>
      <c r="E58052" s="15">
        <v>45393</v>
      </c>
      <c r="F58052" s="14" t="s">
        <v>15</v>
      </c>
      <c r="G58052" s="16">
        <v>0</v>
      </c>
    </row>
    <row r="58053" spans="1:7" x14ac:dyDescent="0.3">
      <c r="A58053" s="13" t="s">
        <v>315</v>
      </c>
      <c r="B58053" s="14" t="s">
        <v>1</v>
      </c>
      <c r="C58053" s="14" t="s">
        <v>51</v>
      </c>
      <c r="D58053" s="14" t="s">
        <v>193</v>
      </c>
      <c r="E58053" s="15">
        <v>45394</v>
      </c>
      <c r="F58053" s="14" t="s">
        <v>15</v>
      </c>
      <c r="G58053" s="16">
        <v>0</v>
      </c>
    </row>
    <row r="58054" spans="1:7" x14ac:dyDescent="0.3">
      <c r="A58054" s="13" t="s">
        <v>315</v>
      </c>
      <c r="B58054" s="14" t="s">
        <v>1</v>
      </c>
      <c r="C58054" s="14" t="s">
        <v>51</v>
      </c>
      <c r="D58054" s="14" t="s">
        <v>193</v>
      </c>
      <c r="E58054" s="15">
        <v>45395</v>
      </c>
      <c r="F58054" s="14" t="s">
        <v>15</v>
      </c>
      <c r="G58054" s="16">
        <v>0</v>
      </c>
    </row>
    <row r="58055" spans="1:7" x14ac:dyDescent="0.3">
      <c r="A58055" s="13" t="s">
        <v>315</v>
      </c>
      <c r="B58055" s="14" t="s">
        <v>1</v>
      </c>
      <c r="C58055" s="14" t="s">
        <v>51</v>
      </c>
      <c r="D58055" s="14" t="s">
        <v>193</v>
      </c>
      <c r="E58055" s="15">
        <v>45396</v>
      </c>
      <c r="F58055" s="14" t="s">
        <v>15</v>
      </c>
      <c r="G58055" s="16">
        <v>0</v>
      </c>
    </row>
    <row r="58056" spans="1:7" x14ac:dyDescent="0.3">
      <c r="A58056" s="13" t="s">
        <v>315</v>
      </c>
      <c r="B58056" s="14" t="s">
        <v>1</v>
      </c>
      <c r="C58056" s="14" t="s">
        <v>51</v>
      </c>
      <c r="D58056" s="14" t="s">
        <v>193</v>
      </c>
      <c r="E58056" s="15">
        <v>45397</v>
      </c>
      <c r="F58056" s="14" t="s">
        <v>15</v>
      </c>
      <c r="G58056" s="16">
        <v>0</v>
      </c>
    </row>
    <row r="58057" spans="1:7" x14ac:dyDescent="0.3">
      <c r="A58057" s="13" t="s">
        <v>315</v>
      </c>
      <c r="B58057" s="14" t="s">
        <v>1</v>
      </c>
      <c r="C58057" s="14" t="s">
        <v>51</v>
      </c>
      <c r="D58057" s="14" t="s">
        <v>193</v>
      </c>
      <c r="E58057" s="15">
        <v>45398</v>
      </c>
      <c r="F58057" s="14" t="s">
        <v>15</v>
      </c>
      <c r="G58057" s="16">
        <v>0</v>
      </c>
    </row>
    <row r="58058" spans="1:7" x14ac:dyDescent="0.3">
      <c r="A58058" s="13" t="s">
        <v>315</v>
      </c>
      <c r="B58058" s="14" t="s">
        <v>1</v>
      </c>
      <c r="C58058" s="14" t="s">
        <v>51</v>
      </c>
      <c r="D58058" s="14" t="s">
        <v>193</v>
      </c>
      <c r="E58058" s="15">
        <v>45399</v>
      </c>
      <c r="F58058" s="14" t="s">
        <v>15</v>
      </c>
      <c r="G58058" s="16">
        <v>0</v>
      </c>
    </row>
    <row r="58059" spans="1:7" x14ac:dyDescent="0.3">
      <c r="A58059" s="13" t="s">
        <v>315</v>
      </c>
      <c r="B58059" s="14" t="s">
        <v>1</v>
      </c>
      <c r="C58059" s="14" t="s">
        <v>51</v>
      </c>
      <c r="D58059" s="14" t="s">
        <v>193</v>
      </c>
      <c r="E58059" s="15">
        <v>45400</v>
      </c>
      <c r="F58059" s="14" t="s">
        <v>15</v>
      </c>
      <c r="G58059" s="16">
        <v>0</v>
      </c>
    </row>
    <row r="58060" spans="1:7" x14ac:dyDescent="0.3">
      <c r="A58060" s="13" t="s">
        <v>315</v>
      </c>
      <c r="B58060" s="14" t="s">
        <v>1</v>
      </c>
      <c r="C58060" s="14" t="s">
        <v>51</v>
      </c>
      <c r="D58060" s="14" t="s">
        <v>193</v>
      </c>
      <c r="E58060" s="15">
        <v>45401</v>
      </c>
      <c r="F58060" s="14" t="s">
        <v>15</v>
      </c>
      <c r="G58060" s="16">
        <v>0</v>
      </c>
    </row>
    <row r="58061" spans="1:7" x14ac:dyDescent="0.3">
      <c r="A58061" s="13" t="s">
        <v>315</v>
      </c>
      <c r="B58061" s="14" t="s">
        <v>1</v>
      </c>
      <c r="C58061" s="14" t="s">
        <v>51</v>
      </c>
      <c r="D58061" s="14" t="s">
        <v>193</v>
      </c>
      <c r="E58061" s="15">
        <v>45402</v>
      </c>
      <c r="F58061" s="14" t="s">
        <v>15</v>
      </c>
      <c r="G58061" s="16">
        <v>0</v>
      </c>
    </row>
    <row r="58062" spans="1:7" x14ac:dyDescent="0.3">
      <c r="A58062" s="13" t="s">
        <v>315</v>
      </c>
      <c r="B58062" s="14" t="s">
        <v>1</v>
      </c>
      <c r="C58062" s="14" t="s">
        <v>51</v>
      </c>
      <c r="D58062" s="14" t="s">
        <v>193</v>
      </c>
      <c r="E58062" s="15">
        <v>45403</v>
      </c>
      <c r="F58062" s="14" t="s">
        <v>15</v>
      </c>
      <c r="G58062" s="16">
        <v>0</v>
      </c>
    </row>
    <row r="58063" spans="1:7" x14ac:dyDescent="0.3">
      <c r="A58063" s="13" t="s">
        <v>315</v>
      </c>
      <c r="B58063" s="14" t="s">
        <v>1</v>
      </c>
      <c r="C58063" s="14" t="s">
        <v>51</v>
      </c>
      <c r="D58063" s="14" t="s">
        <v>193</v>
      </c>
      <c r="E58063" s="15">
        <v>45404</v>
      </c>
      <c r="F58063" s="14" t="s">
        <v>15</v>
      </c>
      <c r="G58063" s="16">
        <v>0</v>
      </c>
    </row>
    <row r="58064" spans="1:7" x14ac:dyDescent="0.3">
      <c r="A58064" s="13" t="s">
        <v>315</v>
      </c>
      <c r="B58064" s="14" t="s">
        <v>1</v>
      </c>
      <c r="C58064" s="14" t="s">
        <v>51</v>
      </c>
      <c r="D58064" s="14" t="s">
        <v>193</v>
      </c>
      <c r="E58064" s="15">
        <v>45405</v>
      </c>
      <c r="F58064" s="14" t="s">
        <v>15</v>
      </c>
      <c r="G58064" s="16">
        <v>0</v>
      </c>
    </row>
    <row r="58065" spans="1:7" x14ac:dyDescent="0.3">
      <c r="A58065" s="13" t="s">
        <v>315</v>
      </c>
      <c r="B58065" s="14" t="s">
        <v>1</v>
      </c>
      <c r="C58065" s="14" t="s">
        <v>51</v>
      </c>
      <c r="D58065" s="14" t="s">
        <v>193</v>
      </c>
      <c r="E58065" s="15">
        <v>45406</v>
      </c>
      <c r="F58065" s="14" t="s">
        <v>15</v>
      </c>
      <c r="G58065" s="16">
        <v>0</v>
      </c>
    </row>
    <row r="58066" spans="1:7" x14ac:dyDescent="0.3">
      <c r="A58066" s="13" t="s">
        <v>315</v>
      </c>
      <c r="B58066" s="14" t="s">
        <v>1</v>
      </c>
      <c r="C58066" s="14" t="s">
        <v>51</v>
      </c>
      <c r="D58066" s="14" t="s">
        <v>193</v>
      </c>
      <c r="E58066" s="15">
        <v>45407</v>
      </c>
      <c r="F58066" s="14" t="s">
        <v>15</v>
      </c>
      <c r="G58066" s="16">
        <v>0</v>
      </c>
    </row>
    <row r="58067" spans="1:7" x14ac:dyDescent="0.3">
      <c r="A58067" s="13" t="s">
        <v>315</v>
      </c>
      <c r="B58067" s="14" t="s">
        <v>1</v>
      </c>
      <c r="C58067" s="14" t="s">
        <v>51</v>
      </c>
      <c r="D58067" s="14" t="s">
        <v>193</v>
      </c>
      <c r="E58067" s="15">
        <v>45408</v>
      </c>
      <c r="F58067" s="14" t="s">
        <v>15</v>
      </c>
      <c r="G58067" s="16">
        <v>0</v>
      </c>
    </row>
    <row r="58068" spans="1:7" x14ac:dyDescent="0.3">
      <c r="A58068" s="13" t="s">
        <v>315</v>
      </c>
      <c r="B58068" s="14" t="s">
        <v>1</v>
      </c>
      <c r="C58068" s="14" t="s">
        <v>51</v>
      </c>
      <c r="D58068" s="14" t="s">
        <v>193</v>
      </c>
      <c r="E58068" s="15">
        <v>45409</v>
      </c>
      <c r="F58068" s="14" t="s">
        <v>15</v>
      </c>
      <c r="G58068" s="16">
        <v>0</v>
      </c>
    </row>
    <row r="58069" spans="1:7" x14ac:dyDescent="0.3">
      <c r="A58069" s="13" t="s">
        <v>315</v>
      </c>
      <c r="B58069" s="14" t="s">
        <v>1</v>
      </c>
      <c r="C58069" s="14" t="s">
        <v>51</v>
      </c>
      <c r="D58069" s="14" t="s">
        <v>193</v>
      </c>
      <c r="E58069" s="15">
        <v>45410</v>
      </c>
      <c r="F58069" s="14" t="s">
        <v>15</v>
      </c>
      <c r="G58069" s="16">
        <v>0</v>
      </c>
    </row>
    <row r="58070" spans="1:7" x14ac:dyDescent="0.3">
      <c r="A58070" s="13" t="s">
        <v>315</v>
      </c>
      <c r="B58070" s="14" t="s">
        <v>1</v>
      </c>
      <c r="C58070" s="14" t="s">
        <v>51</v>
      </c>
      <c r="D58070" s="14" t="s">
        <v>193</v>
      </c>
      <c r="E58070" s="15">
        <v>45411</v>
      </c>
      <c r="F58070" s="14" t="s">
        <v>15</v>
      </c>
      <c r="G58070" s="16">
        <v>0</v>
      </c>
    </row>
    <row r="58071" spans="1:7" x14ac:dyDescent="0.3">
      <c r="A58071" s="13" t="s">
        <v>315</v>
      </c>
      <c r="B58071" s="14" t="s">
        <v>1</v>
      </c>
      <c r="C58071" s="14" t="s">
        <v>51</v>
      </c>
      <c r="D58071" s="14" t="s">
        <v>193</v>
      </c>
      <c r="E58071" s="15">
        <v>45412</v>
      </c>
      <c r="F58071" s="14" t="s">
        <v>15</v>
      </c>
      <c r="G58071" s="16">
        <v>0</v>
      </c>
    </row>
    <row r="58072" spans="1:7" x14ac:dyDescent="0.3">
      <c r="A58072" s="13" t="s">
        <v>315</v>
      </c>
      <c r="B58072" s="14" t="s">
        <v>1</v>
      </c>
      <c r="C58072" s="14" t="s">
        <v>51</v>
      </c>
      <c r="D58072" s="14" t="s">
        <v>193</v>
      </c>
      <c r="E58072" s="15">
        <v>45413</v>
      </c>
      <c r="F58072" s="14" t="s">
        <v>15</v>
      </c>
      <c r="G58072" s="16">
        <v>0</v>
      </c>
    </row>
    <row r="58073" spans="1:7" x14ac:dyDescent="0.3">
      <c r="A58073" s="13" t="s">
        <v>315</v>
      </c>
      <c r="B58073" s="14" t="s">
        <v>1</v>
      </c>
      <c r="C58073" s="14" t="s">
        <v>51</v>
      </c>
      <c r="D58073" s="14" t="s">
        <v>193</v>
      </c>
      <c r="E58073" s="15">
        <v>45414</v>
      </c>
      <c r="F58073" s="14" t="s">
        <v>15</v>
      </c>
      <c r="G58073" s="16">
        <v>0</v>
      </c>
    </row>
    <row r="58074" spans="1:7" x14ac:dyDescent="0.3">
      <c r="A58074" s="13" t="s">
        <v>315</v>
      </c>
      <c r="B58074" s="14" t="s">
        <v>1</v>
      </c>
      <c r="C58074" s="14" t="s">
        <v>51</v>
      </c>
      <c r="D58074" s="14" t="s">
        <v>193</v>
      </c>
      <c r="E58074" s="15">
        <v>45415</v>
      </c>
      <c r="F58074" s="14" t="s">
        <v>15</v>
      </c>
      <c r="G58074" s="16">
        <v>0</v>
      </c>
    </row>
    <row r="58075" spans="1:7" x14ac:dyDescent="0.3">
      <c r="A58075" s="13" t="s">
        <v>315</v>
      </c>
      <c r="B58075" s="14" t="s">
        <v>1</v>
      </c>
      <c r="C58075" s="14" t="s">
        <v>51</v>
      </c>
      <c r="D58075" s="14" t="s">
        <v>193</v>
      </c>
      <c r="E58075" s="15">
        <v>45416</v>
      </c>
      <c r="F58075" s="14" t="s">
        <v>15</v>
      </c>
      <c r="G58075" s="16">
        <v>0</v>
      </c>
    </row>
    <row r="58076" spans="1:7" x14ac:dyDescent="0.3">
      <c r="A58076" s="13" t="s">
        <v>315</v>
      </c>
      <c r="B58076" s="14" t="s">
        <v>1</v>
      </c>
      <c r="C58076" s="14" t="s">
        <v>51</v>
      </c>
      <c r="D58076" s="14" t="s">
        <v>193</v>
      </c>
      <c r="E58076" s="15">
        <v>45417</v>
      </c>
      <c r="F58076" s="14" t="s">
        <v>15</v>
      </c>
      <c r="G58076" s="16">
        <v>0</v>
      </c>
    </row>
    <row r="58077" spans="1:7" x14ac:dyDescent="0.3">
      <c r="A58077" s="13" t="s">
        <v>315</v>
      </c>
      <c r="B58077" s="14" t="s">
        <v>1</v>
      </c>
      <c r="C58077" s="14" t="s">
        <v>51</v>
      </c>
      <c r="D58077" s="14" t="s">
        <v>193</v>
      </c>
      <c r="E58077" s="15">
        <v>45418</v>
      </c>
      <c r="F58077" s="14" t="s">
        <v>15</v>
      </c>
      <c r="G58077" s="16">
        <v>0</v>
      </c>
    </row>
    <row r="58078" spans="1:7" x14ac:dyDescent="0.3">
      <c r="A58078" s="13" t="s">
        <v>315</v>
      </c>
      <c r="B58078" s="14" t="s">
        <v>1</v>
      </c>
      <c r="C58078" s="14" t="s">
        <v>51</v>
      </c>
      <c r="D58078" s="14" t="s">
        <v>193</v>
      </c>
      <c r="E58078" s="15">
        <v>45419</v>
      </c>
      <c r="F58078" s="14" t="s">
        <v>15</v>
      </c>
      <c r="G58078" s="16">
        <v>0</v>
      </c>
    </row>
    <row r="58079" spans="1:7" x14ac:dyDescent="0.3">
      <c r="A58079" s="13" t="s">
        <v>315</v>
      </c>
      <c r="B58079" s="14" t="s">
        <v>1</v>
      </c>
      <c r="C58079" s="14" t="s">
        <v>51</v>
      </c>
      <c r="D58079" s="14" t="s">
        <v>193</v>
      </c>
      <c r="E58079" s="15">
        <v>45420</v>
      </c>
      <c r="F58079" s="14" t="s">
        <v>15</v>
      </c>
      <c r="G58079" s="16">
        <v>0</v>
      </c>
    </row>
    <row r="58080" spans="1:7" x14ac:dyDescent="0.3">
      <c r="A58080" s="13" t="s">
        <v>315</v>
      </c>
      <c r="B58080" s="14" t="s">
        <v>1</v>
      </c>
      <c r="C58080" s="14" t="s">
        <v>51</v>
      </c>
      <c r="D58080" s="14" t="s">
        <v>193</v>
      </c>
      <c r="E58080" s="15">
        <v>45421</v>
      </c>
      <c r="F58080" s="14" t="s">
        <v>15</v>
      </c>
      <c r="G58080" s="16">
        <v>0</v>
      </c>
    </row>
    <row r="58081" spans="1:7" x14ac:dyDescent="0.3">
      <c r="A58081" s="13" t="s">
        <v>315</v>
      </c>
      <c r="B58081" s="14" t="s">
        <v>1</v>
      </c>
      <c r="C58081" s="14" t="s">
        <v>51</v>
      </c>
      <c r="D58081" s="14" t="s">
        <v>193</v>
      </c>
      <c r="E58081" s="15">
        <v>45422</v>
      </c>
      <c r="F58081" s="14" t="s">
        <v>15</v>
      </c>
      <c r="G58081" s="16">
        <v>0</v>
      </c>
    </row>
    <row r="58082" spans="1:7" x14ac:dyDescent="0.3">
      <c r="A58082" s="13" t="s">
        <v>315</v>
      </c>
      <c r="B58082" s="14" t="s">
        <v>1</v>
      </c>
      <c r="C58082" s="14" t="s">
        <v>51</v>
      </c>
      <c r="D58082" s="14" t="s">
        <v>193</v>
      </c>
      <c r="E58082" s="15">
        <v>45423</v>
      </c>
      <c r="F58082" s="14" t="s">
        <v>15</v>
      </c>
      <c r="G58082" s="16">
        <v>0</v>
      </c>
    </row>
    <row r="58083" spans="1:7" x14ac:dyDescent="0.3">
      <c r="A58083" s="13" t="s">
        <v>315</v>
      </c>
      <c r="B58083" s="14" t="s">
        <v>1</v>
      </c>
      <c r="C58083" s="14" t="s">
        <v>51</v>
      </c>
      <c r="D58083" s="14" t="s">
        <v>193</v>
      </c>
      <c r="E58083" s="15">
        <v>45424</v>
      </c>
      <c r="F58083" s="14" t="s">
        <v>15</v>
      </c>
      <c r="G58083" s="16">
        <v>0</v>
      </c>
    </row>
    <row r="58084" spans="1:7" x14ac:dyDescent="0.3">
      <c r="A58084" s="13" t="s">
        <v>315</v>
      </c>
      <c r="B58084" s="14" t="s">
        <v>1</v>
      </c>
      <c r="C58084" s="14" t="s">
        <v>51</v>
      </c>
      <c r="D58084" s="14" t="s">
        <v>193</v>
      </c>
      <c r="E58084" s="15">
        <v>45425</v>
      </c>
      <c r="F58084" s="14" t="s">
        <v>15</v>
      </c>
      <c r="G58084" s="16">
        <v>0</v>
      </c>
    </row>
    <row r="58085" spans="1:7" x14ac:dyDescent="0.3">
      <c r="A58085" s="13" t="s">
        <v>315</v>
      </c>
      <c r="B58085" s="14" t="s">
        <v>1</v>
      </c>
      <c r="C58085" s="14" t="s">
        <v>51</v>
      </c>
      <c r="D58085" s="14" t="s">
        <v>193</v>
      </c>
      <c r="E58085" s="15">
        <v>45426</v>
      </c>
      <c r="F58085" s="14" t="s">
        <v>15</v>
      </c>
      <c r="G58085" s="16">
        <v>0</v>
      </c>
    </row>
    <row r="58086" spans="1:7" x14ac:dyDescent="0.3">
      <c r="A58086" s="13" t="s">
        <v>315</v>
      </c>
      <c r="B58086" s="14" t="s">
        <v>1</v>
      </c>
      <c r="C58086" s="14" t="s">
        <v>51</v>
      </c>
      <c r="D58086" s="14" t="s">
        <v>193</v>
      </c>
      <c r="E58086" s="15">
        <v>45427</v>
      </c>
      <c r="F58086" s="14" t="s">
        <v>15</v>
      </c>
      <c r="G58086" s="16">
        <v>0</v>
      </c>
    </row>
    <row r="58087" spans="1:7" x14ac:dyDescent="0.3">
      <c r="A58087" s="13" t="s">
        <v>315</v>
      </c>
      <c r="B58087" s="14" t="s">
        <v>1</v>
      </c>
      <c r="C58087" s="14" t="s">
        <v>51</v>
      </c>
      <c r="D58087" s="14" t="s">
        <v>193</v>
      </c>
      <c r="E58087" s="15">
        <v>45428</v>
      </c>
      <c r="F58087" s="14" t="s">
        <v>15</v>
      </c>
      <c r="G58087" s="16">
        <v>0</v>
      </c>
    </row>
    <row r="58088" spans="1:7" x14ac:dyDescent="0.3">
      <c r="A58088" s="13" t="s">
        <v>315</v>
      </c>
      <c r="B58088" s="14" t="s">
        <v>1</v>
      </c>
      <c r="C58088" s="14" t="s">
        <v>51</v>
      </c>
      <c r="D58088" s="14" t="s">
        <v>193</v>
      </c>
      <c r="E58088" s="15">
        <v>45429</v>
      </c>
      <c r="F58088" s="14" t="s">
        <v>15</v>
      </c>
      <c r="G58088" s="16">
        <v>0</v>
      </c>
    </row>
    <row r="58089" spans="1:7" x14ac:dyDescent="0.3">
      <c r="A58089" s="13" t="s">
        <v>315</v>
      </c>
      <c r="B58089" s="14" t="s">
        <v>1</v>
      </c>
      <c r="C58089" s="14" t="s">
        <v>51</v>
      </c>
      <c r="D58089" s="14" t="s">
        <v>193</v>
      </c>
      <c r="E58089" s="15">
        <v>45430</v>
      </c>
      <c r="F58089" s="14" t="s">
        <v>15</v>
      </c>
      <c r="G58089" s="16">
        <v>0</v>
      </c>
    </row>
    <row r="58090" spans="1:7" x14ac:dyDescent="0.3">
      <c r="A58090" s="13" t="s">
        <v>315</v>
      </c>
      <c r="B58090" s="14" t="s">
        <v>1</v>
      </c>
      <c r="C58090" s="14" t="s">
        <v>51</v>
      </c>
      <c r="D58090" s="14" t="s">
        <v>193</v>
      </c>
      <c r="E58090" s="15">
        <v>45431</v>
      </c>
      <c r="F58090" s="14" t="s">
        <v>15</v>
      </c>
      <c r="G58090" s="16">
        <v>0</v>
      </c>
    </row>
    <row r="58091" spans="1:7" x14ac:dyDescent="0.3">
      <c r="A58091" s="13" t="s">
        <v>315</v>
      </c>
      <c r="B58091" s="14" t="s">
        <v>1</v>
      </c>
      <c r="C58091" s="14" t="s">
        <v>51</v>
      </c>
      <c r="D58091" s="14" t="s">
        <v>193</v>
      </c>
      <c r="E58091" s="15">
        <v>45432</v>
      </c>
      <c r="F58091" s="14" t="s">
        <v>15</v>
      </c>
      <c r="G58091" s="16">
        <v>0</v>
      </c>
    </row>
    <row r="58092" spans="1:7" x14ac:dyDescent="0.3">
      <c r="A58092" s="13" t="s">
        <v>315</v>
      </c>
      <c r="B58092" s="14" t="s">
        <v>1</v>
      </c>
      <c r="C58092" s="14" t="s">
        <v>51</v>
      </c>
      <c r="D58092" s="14" t="s">
        <v>193</v>
      </c>
      <c r="E58092" s="15">
        <v>45433</v>
      </c>
      <c r="F58092" s="14" t="s">
        <v>15</v>
      </c>
      <c r="G58092" s="16">
        <v>0</v>
      </c>
    </row>
    <row r="58093" spans="1:7" x14ac:dyDescent="0.3">
      <c r="A58093" s="13" t="s">
        <v>315</v>
      </c>
      <c r="B58093" s="14" t="s">
        <v>1</v>
      </c>
      <c r="C58093" s="14" t="s">
        <v>51</v>
      </c>
      <c r="D58093" s="14" t="s">
        <v>193</v>
      </c>
      <c r="E58093" s="15">
        <v>45434</v>
      </c>
      <c r="F58093" s="14" t="s">
        <v>15</v>
      </c>
      <c r="G58093" s="16">
        <v>0</v>
      </c>
    </row>
    <row r="58094" spans="1:7" x14ac:dyDescent="0.3">
      <c r="A58094" s="13" t="s">
        <v>315</v>
      </c>
      <c r="B58094" s="14" t="s">
        <v>1</v>
      </c>
      <c r="C58094" s="14" t="s">
        <v>51</v>
      </c>
      <c r="D58094" s="14" t="s">
        <v>193</v>
      </c>
      <c r="E58094" s="15">
        <v>45435</v>
      </c>
      <c r="F58094" s="14" t="s">
        <v>15</v>
      </c>
      <c r="G58094" s="16">
        <v>0</v>
      </c>
    </row>
    <row r="58095" spans="1:7" x14ac:dyDescent="0.3">
      <c r="A58095" s="13" t="s">
        <v>315</v>
      </c>
      <c r="B58095" s="14" t="s">
        <v>1</v>
      </c>
      <c r="C58095" s="14" t="s">
        <v>51</v>
      </c>
      <c r="D58095" s="14" t="s">
        <v>193</v>
      </c>
      <c r="E58095" s="15">
        <v>45436</v>
      </c>
      <c r="F58095" s="14" t="s">
        <v>15</v>
      </c>
      <c r="G58095" s="16">
        <v>0</v>
      </c>
    </row>
    <row r="58096" spans="1:7" x14ac:dyDescent="0.3">
      <c r="A58096" s="13" t="s">
        <v>315</v>
      </c>
      <c r="B58096" s="14" t="s">
        <v>1</v>
      </c>
      <c r="C58096" s="14" t="s">
        <v>51</v>
      </c>
      <c r="D58096" s="14" t="s">
        <v>193</v>
      </c>
      <c r="E58096" s="15">
        <v>45437</v>
      </c>
      <c r="F58096" s="14" t="s">
        <v>15</v>
      </c>
      <c r="G58096" s="16">
        <v>0</v>
      </c>
    </row>
    <row r="58097" spans="1:7" x14ac:dyDescent="0.3">
      <c r="A58097" s="13" t="s">
        <v>315</v>
      </c>
      <c r="B58097" s="14" t="s">
        <v>1</v>
      </c>
      <c r="C58097" s="14" t="s">
        <v>51</v>
      </c>
      <c r="D58097" s="14" t="s">
        <v>193</v>
      </c>
      <c r="E58097" s="15">
        <v>45438</v>
      </c>
      <c r="F58097" s="14" t="s">
        <v>15</v>
      </c>
      <c r="G58097" s="16">
        <v>0</v>
      </c>
    </row>
    <row r="58098" spans="1:7" x14ac:dyDescent="0.3">
      <c r="A58098" s="13" t="s">
        <v>315</v>
      </c>
      <c r="B58098" s="14" t="s">
        <v>1</v>
      </c>
      <c r="C58098" s="14" t="s">
        <v>51</v>
      </c>
      <c r="D58098" s="14" t="s">
        <v>193</v>
      </c>
      <c r="E58098" s="15">
        <v>45439</v>
      </c>
      <c r="F58098" s="14" t="s">
        <v>15</v>
      </c>
      <c r="G58098" s="16">
        <v>0</v>
      </c>
    </row>
    <row r="58099" spans="1:7" x14ac:dyDescent="0.3">
      <c r="A58099" s="13" t="s">
        <v>315</v>
      </c>
      <c r="B58099" s="14" t="s">
        <v>1</v>
      </c>
      <c r="C58099" s="14" t="s">
        <v>51</v>
      </c>
      <c r="D58099" s="14" t="s">
        <v>193</v>
      </c>
      <c r="E58099" s="15">
        <v>45440</v>
      </c>
      <c r="F58099" s="14" t="s">
        <v>15</v>
      </c>
      <c r="G58099" s="16">
        <v>0</v>
      </c>
    </row>
    <row r="58100" spans="1:7" x14ac:dyDescent="0.3">
      <c r="A58100" s="13" t="s">
        <v>315</v>
      </c>
      <c r="B58100" s="14" t="s">
        <v>1</v>
      </c>
      <c r="C58100" s="14" t="s">
        <v>51</v>
      </c>
      <c r="D58100" s="14" t="s">
        <v>193</v>
      </c>
      <c r="E58100" s="15">
        <v>45441</v>
      </c>
      <c r="F58100" s="14" t="s">
        <v>15</v>
      </c>
      <c r="G58100" s="16">
        <v>0</v>
      </c>
    </row>
    <row r="58101" spans="1:7" x14ac:dyDescent="0.3">
      <c r="A58101" s="13" t="s">
        <v>315</v>
      </c>
      <c r="B58101" s="14" t="s">
        <v>1</v>
      </c>
      <c r="C58101" s="14" t="s">
        <v>51</v>
      </c>
      <c r="D58101" s="14" t="s">
        <v>193</v>
      </c>
      <c r="E58101" s="15">
        <v>45442</v>
      </c>
      <c r="F58101" s="14" t="s">
        <v>15</v>
      </c>
      <c r="G58101" s="16">
        <v>0</v>
      </c>
    </row>
    <row r="58102" spans="1:7" x14ac:dyDescent="0.3">
      <c r="A58102" s="13" t="s">
        <v>315</v>
      </c>
      <c r="B58102" s="14" t="s">
        <v>1</v>
      </c>
      <c r="C58102" s="14" t="s">
        <v>51</v>
      </c>
      <c r="D58102" s="14" t="s">
        <v>193</v>
      </c>
      <c r="E58102" s="15">
        <v>45443</v>
      </c>
      <c r="F58102" s="14" t="s">
        <v>15</v>
      </c>
      <c r="G58102" s="16">
        <v>0</v>
      </c>
    </row>
    <row r="58103" spans="1:7" x14ac:dyDescent="0.3">
      <c r="A58103" s="13" t="s">
        <v>315</v>
      </c>
      <c r="B58103" s="14" t="s">
        <v>1</v>
      </c>
      <c r="C58103" s="14" t="s">
        <v>51</v>
      </c>
      <c r="D58103" s="14" t="s">
        <v>193</v>
      </c>
      <c r="E58103" s="15">
        <v>45444</v>
      </c>
      <c r="F58103" s="14" t="s">
        <v>15</v>
      </c>
      <c r="G58103" s="16">
        <v>0</v>
      </c>
    </row>
    <row r="58104" spans="1:7" x14ac:dyDescent="0.3">
      <c r="A58104" s="13" t="s">
        <v>315</v>
      </c>
      <c r="B58104" s="14" t="s">
        <v>1</v>
      </c>
      <c r="C58104" s="14" t="s">
        <v>51</v>
      </c>
      <c r="D58104" s="14" t="s">
        <v>193</v>
      </c>
      <c r="E58104" s="15">
        <v>45445</v>
      </c>
      <c r="F58104" s="14" t="s">
        <v>15</v>
      </c>
      <c r="G58104" s="16">
        <v>0</v>
      </c>
    </row>
    <row r="58105" spans="1:7" x14ac:dyDescent="0.3">
      <c r="A58105" s="13" t="s">
        <v>315</v>
      </c>
      <c r="B58105" s="14" t="s">
        <v>1</v>
      </c>
      <c r="C58105" s="14" t="s">
        <v>51</v>
      </c>
      <c r="D58105" s="14" t="s">
        <v>193</v>
      </c>
      <c r="E58105" s="15">
        <v>45446</v>
      </c>
      <c r="F58105" s="14" t="s">
        <v>15</v>
      </c>
      <c r="G58105" s="16">
        <v>0</v>
      </c>
    </row>
    <row r="58106" spans="1:7" x14ac:dyDescent="0.3">
      <c r="A58106" s="13" t="s">
        <v>315</v>
      </c>
      <c r="B58106" s="14" t="s">
        <v>1</v>
      </c>
      <c r="C58106" s="14" t="s">
        <v>51</v>
      </c>
      <c r="D58106" s="14" t="s">
        <v>193</v>
      </c>
      <c r="E58106" s="15">
        <v>45447</v>
      </c>
      <c r="F58106" s="14" t="s">
        <v>15</v>
      </c>
      <c r="G58106" s="16">
        <v>0</v>
      </c>
    </row>
    <row r="58107" spans="1:7" x14ac:dyDescent="0.3">
      <c r="A58107" s="13" t="s">
        <v>315</v>
      </c>
      <c r="B58107" s="14" t="s">
        <v>1</v>
      </c>
      <c r="C58107" s="14" t="s">
        <v>51</v>
      </c>
      <c r="D58107" s="14" t="s">
        <v>193</v>
      </c>
      <c r="E58107" s="15">
        <v>45448</v>
      </c>
      <c r="F58107" s="14" t="s">
        <v>15</v>
      </c>
      <c r="G58107" s="16">
        <v>0</v>
      </c>
    </row>
    <row r="58108" spans="1:7" x14ac:dyDescent="0.3">
      <c r="A58108" s="13" t="s">
        <v>315</v>
      </c>
      <c r="B58108" s="14" t="s">
        <v>1</v>
      </c>
      <c r="C58108" s="14" t="s">
        <v>51</v>
      </c>
      <c r="D58108" s="14" t="s">
        <v>193</v>
      </c>
      <c r="E58108" s="15">
        <v>45449</v>
      </c>
      <c r="F58108" s="14" t="s">
        <v>15</v>
      </c>
      <c r="G58108" s="16">
        <v>0</v>
      </c>
    </row>
    <row r="58109" spans="1:7" x14ac:dyDescent="0.3">
      <c r="A58109" s="13" t="s">
        <v>315</v>
      </c>
      <c r="B58109" s="14" t="s">
        <v>1</v>
      </c>
      <c r="C58109" s="14" t="s">
        <v>51</v>
      </c>
      <c r="D58109" s="14" t="s">
        <v>193</v>
      </c>
      <c r="E58109" s="15">
        <v>45450</v>
      </c>
      <c r="F58109" s="14" t="s">
        <v>15</v>
      </c>
      <c r="G58109" s="16">
        <v>0</v>
      </c>
    </row>
    <row r="58110" spans="1:7" x14ac:dyDescent="0.3">
      <c r="A58110" s="13" t="s">
        <v>315</v>
      </c>
      <c r="B58110" s="14" t="s">
        <v>1</v>
      </c>
      <c r="C58110" s="14" t="s">
        <v>51</v>
      </c>
      <c r="D58110" s="14" t="s">
        <v>193</v>
      </c>
      <c r="E58110" s="15">
        <v>45451</v>
      </c>
      <c r="F58110" s="14" t="s">
        <v>15</v>
      </c>
      <c r="G58110" s="16">
        <v>0</v>
      </c>
    </row>
    <row r="58111" spans="1:7" x14ac:dyDescent="0.3">
      <c r="A58111" s="13" t="s">
        <v>315</v>
      </c>
      <c r="B58111" s="14" t="s">
        <v>1</v>
      </c>
      <c r="C58111" s="14" t="s">
        <v>51</v>
      </c>
      <c r="D58111" s="14" t="s">
        <v>193</v>
      </c>
      <c r="E58111" s="15">
        <v>45452</v>
      </c>
      <c r="F58111" s="14" t="s">
        <v>15</v>
      </c>
      <c r="G58111" s="16">
        <v>0</v>
      </c>
    </row>
    <row r="58112" spans="1:7" x14ac:dyDescent="0.3">
      <c r="A58112" s="13" t="s">
        <v>315</v>
      </c>
      <c r="B58112" s="14" t="s">
        <v>1</v>
      </c>
      <c r="C58112" s="14" t="s">
        <v>51</v>
      </c>
      <c r="D58112" s="14" t="s">
        <v>193</v>
      </c>
      <c r="E58112" s="15">
        <v>45453</v>
      </c>
      <c r="F58112" s="14" t="s">
        <v>15</v>
      </c>
      <c r="G58112" s="16">
        <v>0</v>
      </c>
    </row>
    <row r="58113" spans="1:7" x14ac:dyDescent="0.3">
      <c r="A58113" s="13" t="s">
        <v>315</v>
      </c>
      <c r="B58113" s="14" t="s">
        <v>1</v>
      </c>
      <c r="C58113" s="14" t="s">
        <v>51</v>
      </c>
      <c r="D58113" s="14" t="s">
        <v>193</v>
      </c>
      <c r="E58113" s="15">
        <v>45454</v>
      </c>
      <c r="F58113" s="14" t="s">
        <v>15</v>
      </c>
      <c r="G58113" s="16">
        <v>0</v>
      </c>
    </row>
    <row r="58114" spans="1:7" x14ac:dyDescent="0.3">
      <c r="A58114" s="13" t="s">
        <v>315</v>
      </c>
      <c r="B58114" s="14" t="s">
        <v>1</v>
      </c>
      <c r="C58114" s="14" t="s">
        <v>51</v>
      </c>
      <c r="D58114" s="14" t="s">
        <v>193</v>
      </c>
      <c r="E58114" s="15">
        <v>45455</v>
      </c>
      <c r="F58114" s="14" t="s">
        <v>15</v>
      </c>
      <c r="G58114" s="16">
        <v>0</v>
      </c>
    </row>
    <row r="58115" spans="1:7" x14ac:dyDescent="0.3">
      <c r="A58115" s="13" t="s">
        <v>315</v>
      </c>
      <c r="B58115" s="14" t="s">
        <v>1</v>
      </c>
      <c r="C58115" s="14" t="s">
        <v>51</v>
      </c>
      <c r="D58115" s="14" t="s">
        <v>193</v>
      </c>
      <c r="E58115" s="15">
        <v>45456</v>
      </c>
      <c r="F58115" s="14" t="s">
        <v>15</v>
      </c>
      <c r="G58115" s="16">
        <v>0</v>
      </c>
    </row>
    <row r="58116" spans="1:7" x14ac:dyDescent="0.3">
      <c r="A58116" s="13" t="s">
        <v>315</v>
      </c>
      <c r="B58116" s="14" t="s">
        <v>1</v>
      </c>
      <c r="C58116" s="14" t="s">
        <v>51</v>
      </c>
      <c r="D58116" s="14" t="s">
        <v>193</v>
      </c>
      <c r="E58116" s="15">
        <v>45457</v>
      </c>
      <c r="F58116" s="14" t="s">
        <v>15</v>
      </c>
      <c r="G58116" s="16">
        <v>0</v>
      </c>
    </row>
    <row r="58117" spans="1:7" x14ac:dyDescent="0.3">
      <c r="A58117" s="13" t="s">
        <v>315</v>
      </c>
      <c r="B58117" s="14" t="s">
        <v>1</v>
      </c>
      <c r="C58117" s="14" t="s">
        <v>51</v>
      </c>
      <c r="D58117" s="14" t="s">
        <v>193</v>
      </c>
      <c r="E58117" s="15">
        <v>45458</v>
      </c>
      <c r="F58117" s="14" t="s">
        <v>15</v>
      </c>
      <c r="G58117" s="16">
        <v>0</v>
      </c>
    </row>
    <row r="58118" spans="1:7" x14ac:dyDescent="0.3">
      <c r="A58118" s="13" t="s">
        <v>315</v>
      </c>
      <c r="B58118" s="14" t="s">
        <v>1</v>
      </c>
      <c r="C58118" s="14" t="s">
        <v>51</v>
      </c>
      <c r="D58118" s="14" t="s">
        <v>193</v>
      </c>
      <c r="E58118" s="15">
        <v>45459</v>
      </c>
      <c r="F58118" s="14" t="s">
        <v>15</v>
      </c>
      <c r="G58118" s="16">
        <v>0</v>
      </c>
    </row>
    <row r="58119" spans="1:7" x14ac:dyDescent="0.3">
      <c r="A58119" s="13" t="s">
        <v>315</v>
      </c>
      <c r="B58119" s="14" t="s">
        <v>1</v>
      </c>
      <c r="C58119" s="14" t="s">
        <v>51</v>
      </c>
      <c r="D58119" s="14" t="s">
        <v>193</v>
      </c>
      <c r="E58119" s="15">
        <v>45460</v>
      </c>
      <c r="F58119" s="14" t="s">
        <v>15</v>
      </c>
      <c r="G58119" s="16">
        <v>0</v>
      </c>
    </row>
    <row r="58120" spans="1:7" x14ac:dyDescent="0.3">
      <c r="A58120" s="13" t="s">
        <v>315</v>
      </c>
      <c r="B58120" s="14" t="s">
        <v>1</v>
      </c>
      <c r="C58120" s="14" t="s">
        <v>51</v>
      </c>
      <c r="D58120" s="14" t="s">
        <v>193</v>
      </c>
      <c r="E58120" s="15">
        <v>45461</v>
      </c>
      <c r="F58120" s="14" t="s">
        <v>15</v>
      </c>
      <c r="G58120" s="16">
        <v>0</v>
      </c>
    </row>
    <row r="58121" spans="1:7" x14ac:dyDescent="0.3">
      <c r="A58121" s="13" t="s">
        <v>315</v>
      </c>
      <c r="B58121" s="14" t="s">
        <v>1</v>
      </c>
      <c r="C58121" s="14" t="s">
        <v>51</v>
      </c>
      <c r="D58121" s="14" t="s">
        <v>193</v>
      </c>
      <c r="E58121" s="15">
        <v>45462</v>
      </c>
      <c r="F58121" s="14" t="s">
        <v>15</v>
      </c>
      <c r="G58121" s="16">
        <v>0</v>
      </c>
    </row>
    <row r="58122" spans="1:7" x14ac:dyDescent="0.3">
      <c r="A58122" s="13" t="s">
        <v>315</v>
      </c>
      <c r="B58122" s="14" t="s">
        <v>1</v>
      </c>
      <c r="C58122" s="14" t="s">
        <v>51</v>
      </c>
      <c r="D58122" s="14" t="s">
        <v>193</v>
      </c>
      <c r="E58122" s="15">
        <v>45463</v>
      </c>
      <c r="F58122" s="14" t="s">
        <v>15</v>
      </c>
      <c r="G58122" s="16">
        <v>0</v>
      </c>
    </row>
    <row r="58123" spans="1:7" x14ac:dyDescent="0.3">
      <c r="A58123" s="13" t="s">
        <v>315</v>
      </c>
      <c r="B58123" s="14" t="s">
        <v>1</v>
      </c>
      <c r="C58123" s="14" t="s">
        <v>51</v>
      </c>
      <c r="D58123" s="14" t="s">
        <v>193</v>
      </c>
      <c r="E58123" s="15">
        <v>45464</v>
      </c>
      <c r="F58123" s="14" t="s">
        <v>15</v>
      </c>
      <c r="G58123" s="16">
        <v>0</v>
      </c>
    </row>
    <row r="58124" spans="1:7" x14ac:dyDescent="0.3">
      <c r="A58124" s="13" t="s">
        <v>315</v>
      </c>
      <c r="B58124" s="14" t="s">
        <v>1</v>
      </c>
      <c r="C58124" s="14" t="s">
        <v>51</v>
      </c>
      <c r="D58124" s="14" t="s">
        <v>193</v>
      </c>
      <c r="E58124" s="15">
        <v>45465</v>
      </c>
      <c r="F58124" s="14" t="s">
        <v>15</v>
      </c>
      <c r="G58124" s="16">
        <v>0</v>
      </c>
    </row>
    <row r="58125" spans="1:7" x14ac:dyDescent="0.3">
      <c r="A58125" s="13" t="s">
        <v>315</v>
      </c>
      <c r="B58125" s="14" t="s">
        <v>1</v>
      </c>
      <c r="C58125" s="14" t="s">
        <v>51</v>
      </c>
      <c r="D58125" s="14" t="s">
        <v>193</v>
      </c>
      <c r="E58125" s="15">
        <v>45466</v>
      </c>
      <c r="F58125" s="14" t="s">
        <v>15</v>
      </c>
      <c r="G58125" s="16">
        <v>0</v>
      </c>
    </row>
    <row r="58126" spans="1:7" x14ac:dyDescent="0.3">
      <c r="A58126" s="13" t="s">
        <v>315</v>
      </c>
      <c r="B58126" s="14" t="s">
        <v>1</v>
      </c>
      <c r="C58126" s="14" t="s">
        <v>51</v>
      </c>
      <c r="D58126" s="14" t="s">
        <v>193</v>
      </c>
      <c r="E58126" s="15">
        <v>45467</v>
      </c>
      <c r="F58126" s="14" t="s">
        <v>15</v>
      </c>
      <c r="G58126" s="16">
        <v>0</v>
      </c>
    </row>
    <row r="58127" spans="1:7" x14ac:dyDescent="0.3">
      <c r="A58127" s="13" t="s">
        <v>315</v>
      </c>
      <c r="B58127" s="14" t="s">
        <v>1</v>
      </c>
      <c r="C58127" s="14" t="s">
        <v>51</v>
      </c>
      <c r="D58127" s="14" t="s">
        <v>193</v>
      </c>
      <c r="E58127" s="15">
        <v>45468</v>
      </c>
      <c r="F58127" s="14" t="s">
        <v>15</v>
      </c>
      <c r="G58127" s="16">
        <v>0</v>
      </c>
    </row>
    <row r="58128" spans="1:7" x14ac:dyDescent="0.3">
      <c r="A58128" s="13" t="s">
        <v>315</v>
      </c>
      <c r="B58128" s="14" t="s">
        <v>1</v>
      </c>
      <c r="C58128" s="14" t="s">
        <v>51</v>
      </c>
      <c r="D58128" s="14" t="s">
        <v>193</v>
      </c>
      <c r="E58128" s="15">
        <v>45469</v>
      </c>
      <c r="F58128" s="14" t="s">
        <v>15</v>
      </c>
      <c r="G58128" s="16">
        <v>0</v>
      </c>
    </row>
    <row r="58129" spans="1:7" x14ac:dyDescent="0.3">
      <c r="A58129" s="13" t="s">
        <v>315</v>
      </c>
      <c r="B58129" s="14" t="s">
        <v>1</v>
      </c>
      <c r="C58129" s="14" t="s">
        <v>51</v>
      </c>
      <c r="D58129" s="14" t="s">
        <v>193</v>
      </c>
      <c r="E58129" s="15">
        <v>45470</v>
      </c>
      <c r="F58129" s="14" t="s">
        <v>15</v>
      </c>
      <c r="G58129" s="16">
        <v>0</v>
      </c>
    </row>
    <row r="58130" spans="1:7" x14ac:dyDescent="0.3">
      <c r="A58130" s="13" t="s">
        <v>315</v>
      </c>
      <c r="B58130" s="14" t="s">
        <v>1</v>
      </c>
      <c r="C58130" s="14" t="s">
        <v>51</v>
      </c>
      <c r="D58130" s="14" t="s">
        <v>193</v>
      </c>
      <c r="E58130" s="15">
        <v>45471</v>
      </c>
      <c r="F58130" s="14" t="s">
        <v>15</v>
      </c>
      <c r="G58130" s="16">
        <v>0</v>
      </c>
    </row>
    <row r="58131" spans="1:7" x14ac:dyDescent="0.3">
      <c r="A58131" s="13" t="s">
        <v>315</v>
      </c>
      <c r="B58131" s="14" t="s">
        <v>1</v>
      </c>
      <c r="C58131" s="14" t="s">
        <v>51</v>
      </c>
      <c r="D58131" s="14" t="s">
        <v>193</v>
      </c>
      <c r="E58131" s="15">
        <v>45472</v>
      </c>
      <c r="F58131" s="14" t="s">
        <v>15</v>
      </c>
      <c r="G58131" s="16">
        <v>0</v>
      </c>
    </row>
    <row r="58132" spans="1:7" x14ac:dyDescent="0.3">
      <c r="A58132" s="13" t="s">
        <v>315</v>
      </c>
      <c r="B58132" s="14" t="s">
        <v>1</v>
      </c>
      <c r="C58132" s="14" t="s">
        <v>51</v>
      </c>
      <c r="D58132" s="14" t="s">
        <v>193</v>
      </c>
      <c r="E58132" s="15">
        <v>45473</v>
      </c>
      <c r="F58132" s="14" t="s">
        <v>15</v>
      </c>
      <c r="G58132" s="16">
        <v>0</v>
      </c>
    </row>
    <row r="58133" spans="1:7" x14ac:dyDescent="0.3">
      <c r="A58133" s="13" t="s">
        <v>315</v>
      </c>
      <c r="B58133" s="14" t="s">
        <v>1</v>
      </c>
      <c r="C58133" s="14" t="s">
        <v>51</v>
      </c>
      <c r="D58133" s="14" t="s">
        <v>193</v>
      </c>
      <c r="E58133" s="15">
        <v>45474</v>
      </c>
      <c r="F58133" s="14" t="s">
        <v>15</v>
      </c>
      <c r="G58133" s="16">
        <v>0</v>
      </c>
    </row>
    <row r="58134" spans="1:7" x14ac:dyDescent="0.3">
      <c r="A58134" s="13" t="s">
        <v>315</v>
      </c>
      <c r="B58134" s="14" t="s">
        <v>1</v>
      </c>
      <c r="C58134" s="14" t="s">
        <v>51</v>
      </c>
      <c r="D58134" s="14" t="s">
        <v>193</v>
      </c>
      <c r="E58134" s="15">
        <v>45475</v>
      </c>
      <c r="F58134" s="14" t="s">
        <v>15</v>
      </c>
      <c r="G58134" s="16">
        <v>0</v>
      </c>
    </row>
    <row r="58135" spans="1:7" x14ac:dyDescent="0.3">
      <c r="A58135" s="13" t="s">
        <v>315</v>
      </c>
      <c r="B58135" s="14" t="s">
        <v>1</v>
      </c>
      <c r="C58135" s="14" t="s">
        <v>51</v>
      </c>
      <c r="D58135" s="14" t="s">
        <v>193</v>
      </c>
      <c r="E58135" s="15">
        <v>45476</v>
      </c>
      <c r="F58135" s="14" t="s">
        <v>15</v>
      </c>
      <c r="G58135" s="16">
        <v>0</v>
      </c>
    </row>
    <row r="58136" spans="1:7" x14ac:dyDescent="0.3">
      <c r="A58136" s="13" t="s">
        <v>315</v>
      </c>
      <c r="B58136" s="14" t="s">
        <v>1</v>
      </c>
      <c r="C58136" s="14" t="s">
        <v>51</v>
      </c>
      <c r="D58136" s="14" t="s">
        <v>193</v>
      </c>
      <c r="E58136" s="15">
        <v>45477</v>
      </c>
      <c r="F58136" s="14" t="s">
        <v>15</v>
      </c>
      <c r="G58136" s="16">
        <v>0</v>
      </c>
    </row>
    <row r="58137" spans="1:7" x14ac:dyDescent="0.3">
      <c r="A58137" s="13" t="s">
        <v>315</v>
      </c>
      <c r="B58137" s="14" t="s">
        <v>1</v>
      </c>
      <c r="C58137" s="14" t="s">
        <v>51</v>
      </c>
      <c r="D58137" s="14" t="s">
        <v>193</v>
      </c>
      <c r="E58137" s="15">
        <v>45478</v>
      </c>
      <c r="F58137" s="14" t="s">
        <v>15</v>
      </c>
      <c r="G58137" s="16">
        <v>0</v>
      </c>
    </row>
    <row r="58138" spans="1:7" x14ac:dyDescent="0.3">
      <c r="A58138" s="13" t="s">
        <v>315</v>
      </c>
      <c r="B58138" s="14" t="s">
        <v>1</v>
      </c>
      <c r="C58138" s="14" t="s">
        <v>51</v>
      </c>
      <c r="D58138" s="14" t="s">
        <v>193</v>
      </c>
      <c r="E58138" s="15">
        <v>45479</v>
      </c>
      <c r="F58138" s="14" t="s">
        <v>15</v>
      </c>
      <c r="G58138" s="16">
        <v>0</v>
      </c>
    </row>
    <row r="58139" spans="1:7" x14ac:dyDescent="0.3">
      <c r="A58139" s="13" t="s">
        <v>315</v>
      </c>
      <c r="B58139" s="14" t="s">
        <v>1</v>
      </c>
      <c r="C58139" s="14" t="s">
        <v>51</v>
      </c>
      <c r="D58139" s="14" t="s">
        <v>193</v>
      </c>
      <c r="E58139" s="15">
        <v>45480</v>
      </c>
      <c r="F58139" s="14" t="s">
        <v>15</v>
      </c>
      <c r="G58139" s="16">
        <v>0</v>
      </c>
    </row>
    <row r="58140" spans="1:7" x14ac:dyDescent="0.3">
      <c r="A58140" s="13" t="s">
        <v>315</v>
      </c>
      <c r="B58140" s="14" t="s">
        <v>1</v>
      </c>
      <c r="C58140" s="14" t="s">
        <v>51</v>
      </c>
      <c r="D58140" s="14" t="s">
        <v>193</v>
      </c>
      <c r="E58140" s="15">
        <v>45481</v>
      </c>
      <c r="F58140" s="14" t="s">
        <v>15</v>
      </c>
      <c r="G58140" s="16">
        <v>0</v>
      </c>
    </row>
    <row r="58141" spans="1:7" x14ac:dyDescent="0.3">
      <c r="A58141" s="13" t="s">
        <v>315</v>
      </c>
      <c r="B58141" s="14" t="s">
        <v>1</v>
      </c>
      <c r="C58141" s="14" t="s">
        <v>51</v>
      </c>
      <c r="D58141" s="14" t="s">
        <v>193</v>
      </c>
      <c r="E58141" s="15">
        <v>45482</v>
      </c>
      <c r="F58141" s="14" t="s">
        <v>15</v>
      </c>
      <c r="G58141" s="16">
        <v>0</v>
      </c>
    </row>
    <row r="58142" spans="1:7" x14ac:dyDescent="0.3">
      <c r="A58142" s="13" t="s">
        <v>315</v>
      </c>
      <c r="B58142" s="14" t="s">
        <v>1</v>
      </c>
      <c r="C58142" s="14" t="s">
        <v>51</v>
      </c>
      <c r="D58142" s="14" t="s">
        <v>193</v>
      </c>
      <c r="E58142" s="15">
        <v>45483</v>
      </c>
      <c r="F58142" s="14" t="s">
        <v>15</v>
      </c>
      <c r="G58142" s="16">
        <v>0</v>
      </c>
    </row>
    <row r="58143" spans="1:7" x14ac:dyDescent="0.3">
      <c r="A58143" s="13" t="s">
        <v>315</v>
      </c>
      <c r="B58143" s="14" t="s">
        <v>1</v>
      </c>
      <c r="C58143" s="14" t="s">
        <v>51</v>
      </c>
      <c r="D58143" s="14" t="s">
        <v>193</v>
      </c>
      <c r="E58143" s="15">
        <v>45484</v>
      </c>
      <c r="F58143" s="14" t="s">
        <v>15</v>
      </c>
      <c r="G58143" s="16">
        <v>0</v>
      </c>
    </row>
    <row r="58144" spans="1:7" x14ac:dyDescent="0.3">
      <c r="A58144" s="13" t="s">
        <v>315</v>
      </c>
      <c r="B58144" s="14" t="s">
        <v>1</v>
      </c>
      <c r="C58144" s="14" t="s">
        <v>51</v>
      </c>
      <c r="D58144" s="14" t="s">
        <v>193</v>
      </c>
      <c r="E58144" s="15">
        <v>45485</v>
      </c>
      <c r="F58144" s="14" t="s">
        <v>15</v>
      </c>
      <c r="G58144" s="16">
        <v>0</v>
      </c>
    </row>
    <row r="58145" spans="1:7" x14ac:dyDescent="0.3">
      <c r="A58145" s="13" t="s">
        <v>315</v>
      </c>
      <c r="B58145" s="14" t="s">
        <v>1</v>
      </c>
      <c r="C58145" s="14" t="s">
        <v>51</v>
      </c>
      <c r="D58145" s="14" t="s">
        <v>193</v>
      </c>
      <c r="E58145" s="15">
        <v>45486</v>
      </c>
      <c r="F58145" s="14" t="s">
        <v>15</v>
      </c>
      <c r="G58145" s="16">
        <v>0</v>
      </c>
    </row>
    <row r="58146" spans="1:7" x14ac:dyDescent="0.3">
      <c r="A58146" s="13" t="s">
        <v>315</v>
      </c>
      <c r="B58146" s="14" t="s">
        <v>1</v>
      </c>
      <c r="C58146" s="14" t="s">
        <v>51</v>
      </c>
      <c r="D58146" s="14" t="s">
        <v>193</v>
      </c>
      <c r="E58146" s="15">
        <v>45487</v>
      </c>
      <c r="F58146" s="14" t="s">
        <v>15</v>
      </c>
      <c r="G58146" s="16">
        <v>0</v>
      </c>
    </row>
    <row r="58147" spans="1:7" x14ac:dyDescent="0.3">
      <c r="A58147" s="13" t="s">
        <v>315</v>
      </c>
      <c r="B58147" s="14" t="s">
        <v>1</v>
      </c>
      <c r="C58147" s="14" t="s">
        <v>51</v>
      </c>
      <c r="D58147" s="14" t="s">
        <v>193</v>
      </c>
      <c r="E58147" s="15">
        <v>45488</v>
      </c>
      <c r="F58147" s="14" t="s">
        <v>15</v>
      </c>
      <c r="G58147" s="16">
        <v>0</v>
      </c>
    </row>
    <row r="58148" spans="1:7" x14ac:dyDescent="0.3">
      <c r="A58148" s="13" t="s">
        <v>315</v>
      </c>
      <c r="B58148" s="14" t="s">
        <v>1</v>
      </c>
      <c r="C58148" s="14" t="s">
        <v>51</v>
      </c>
      <c r="D58148" s="14" t="s">
        <v>193</v>
      </c>
      <c r="E58148" s="15">
        <v>45489</v>
      </c>
      <c r="F58148" s="14" t="s">
        <v>15</v>
      </c>
      <c r="G58148" s="16">
        <v>0</v>
      </c>
    </row>
    <row r="58149" spans="1:7" x14ac:dyDescent="0.3">
      <c r="A58149" s="13" t="s">
        <v>315</v>
      </c>
      <c r="B58149" s="14" t="s">
        <v>1</v>
      </c>
      <c r="C58149" s="14" t="s">
        <v>51</v>
      </c>
      <c r="D58149" s="14" t="s">
        <v>193</v>
      </c>
      <c r="E58149" s="15">
        <v>45490</v>
      </c>
      <c r="F58149" s="14" t="s">
        <v>15</v>
      </c>
      <c r="G58149" s="16">
        <v>0</v>
      </c>
    </row>
    <row r="58150" spans="1:7" x14ac:dyDescent="0.3">
      <c r="A58150" s="13" t="s">
        <v>315</v>
      </c>
      <c r="B58150" s="14" t="s">
        <v>1</v>
      </c>
      <c r="C58150" s="14" t="s">
        <v>51</v>
      </c>
      <c r="D58150" s="14" t="s">
        <v>193</v>
      </c>
      <c r="E58150" s="15">
        <v>45491</v>
      </c>
      <c r="F58150" s="14" t="s">
        <v>15</v>
      </c>
      <c r="G58150" s="16">
        <v>0</v>
      </c>
    </row>
    <row r="58151" spans="1:7" x14ac:dyDescent="0.3">
      <c r="A58151" s="13" t="s">
        <v>315</v>
      </c>
      <c r="B58151" s="14" t="s">
        <v>1</v>
      </c>
      <c r="C58151" s="14" t="s">
        <v>51</v>
      </c>
      <c r="D58151" s="14" t="s">
        <v>193</v>
      </c>
      <c r="E58151" s="15">
        <v>45492</v>
      </c>
      <c r="F58151" s="14" t="s">
        <v>15</v>
      </c>
      <c r="G58151" s="16">
        <v>0</v>
      </c>
    </row>
    <row r="58152" spans="1:7" x14ac:dyDescent="0.3">
      <c r="A58152" s="13" t="s">
        <v>315</v>
      </c>
      <c r="B58152" s="14" t="s">
        <v>1</v>
      </c>
      <c r="C58152" s="14" t="s">
        <v>51</v>
      </c>
      <c r="D58152" s="14" t="s">
        <v>193</v>
      </c>
      <c r="E58152" s="15">
        <v>45493</v>
      </c>
      <c r="F58152" s="14" t="s">
        <v>15</v>
      </c>
      <c r="G58152" s="16">
        <v>0</v>
      </c>
    </row>
    <row r="58153" spans="1:7" x14ac:dyDescent="0.3">
      <c r="A58153" s="13" t="s">
        <v>315</v>
      </c>
      <c r="B58153" s="14" t="s">
        <v>1</v>
      </c>
      <c r="C58153" s="14" t="s">
        <v>51</v>
      </c>
      <c r="D58153" s="14" t="s">
        <v>193</v>
      </c>
      <c r="E58153" s="15">
        <v>45494</v>
      </c>
      <c r="F58153" s="14" t="s">
        <v>15</v>
      </c>
      <c r="G58153" s="16">
        <v>0</v>
      </c>
    </row>
    <row r="58154" spans="1:7" x14ac:dyDescent="0.3">
      <c r="A58154" s="13" t="s">
        <v>315</v>
      </c>
      <c r="B58154" s="14" t="s">
        <v>1</v>
      </c>
      <c r="C58154" s="14" t="s">
        <v>51</v>
      </c>
      <c r="D58154" s="14" t="s">
        <v>193</v>
      </c>
      <c r="E58154" s="15">
        <v>45495</v>
      </c>
      <c r="F58154" s="14" t="s">
        <v>15</v>
      </c>
      <c r="G58154" s="16">
        <v>0</v>
      </c>
    </row>
    <row r="58155" spans="1:7" x14ac:dyDescent="0.3">
      <c r="A58155" s="13" t="s">
        <v>315</v>
      </c>
      <c r="B58155" s="14" t="s">
        <v>1</v>
      </c>
      <c r="C58155" s="14" t="s">
        <v>51</v>
      </c>
      <c r="D58155" s="14" t="s">
        <v>193</v>
      </c>
      <c r="E58155" s="15">
        <v>45496</v>
      </c>
      <c r="F58155" s="14" t="s">
        <v>15</v>
      </c>
      <c r="G58155" s="16">
        <v>0</v>
      </c>
    </row>
    <row r="58156" spans="1:7" x14ac:dyDescent="0.3">
      <c r="A58156" s="13" t="s">
        <v>315</v>
      </c>
      <c r="B58156" s="14" t="s">
        <v>1</v>
      </c>
      <c r="C58156" s="14" t="s">
        <v>51</v>
      </c>
      <c r="D58156" s="14" t="s">
        <v>193</v>
      </c>
      <c r="E58156" s="15">
        <v>45497</v>
      </c>
      <c r="F58156" s="14" t="s">
        <v>15</v>
      </c>
      <c r="G58156" s="16">
        <v>0</v>
      </c>
    </row>
    <row r="58157" spans="1:7" x14ac:dyDescent="0.3">
      <c r="A58157" s="13" t="s">
        <v>315</v>
      </c>
      <c r="B58157" s="14" t="s">
        <v>1</v>
      </c>
      <c r="C58157" s="14" t="s">
        <v>51</v>
      </c>
      <c r="D58157" s="14" t="s">
        <v>193</v>
      </c>
      <c r="E58157" s="15">
        <v>45498</v>
      </c>
      <c r="F58157" s="14" t="s">
        <v>15</v>
      </c>
      <c r="G58157" s="16">
        <v>0</v>
      </c>
    </row>
    <row r="58158" spans="1:7" x14ac:dyDescent="0.3">
      <c r="A58158" s="13" t="s">
        <v>315</v>
      </c>
      <c r="B58158" s="14" t="s">
        <v>1</v>
      </c>
      <c r="C58158" s="14" t="s">
        <v>51</v>
      </c>
      <c r="D58158" s="14" t="s">
        <v>193</v>
      </c>
      <c r="E58158" s="15">
        <v>45499</v>
      </c>
      <c r="F58158" s="14" t="s">
        <v>15</v>
      </c>
      <c r="G58158" s="16">
        <v>0</v>
      </c>
    </row>
    <row r="58159" spans="1:7" x14ac:dyDescent="0.3">
      <c r="A58159" s="13" t="s">
        <v>315</v>
      </c>
      <c r="B58159" s="14" t="s">
        <v>1</v>
      </c>
      <c r="C58159" s="14" t="s">
        <v>51</v>
      </c>
      <c r="D58159" s="14" t="s">
        <v>193</v>
      </c>
      <c r="E58159" s="15">
        <v>45500</v>
      </c>
      <c r="F58159" s="14" t="s">
        <v>15</v>
      </c>
      <c r="G58159" s="16">
        <v>0</v>
      </c>
    </row>
    <row r="58160" spans="1:7" x14ac:dyDescent="0.3">
      <c r="A58160" s="13" t="s">
        <v>315</v>
      </c>
      <c r="B58160" s="14" t="s">
        <v>1</v>
      </c>
      <c r="C58160" s="14" t="s">
        <v>51</v>
      </c>
      <c r="D58160" s="14" t="s">
        <v>193</v>
      </c>
      <c r="E58160" s="15">
        <v>45501</v>
      </c>
      <c r="F58160" s="14" t="s">
        <v>15</v>
      </c>
      <c r="G58160" s="16">
        <v>0</v>
      </c>
    </row>
    <row r="58161" spans="1:7" x14ac:dyDescent="0.3">
      <c r="A58161" s="13" t="s">
        <v>315</v>
      </c>
      <c r="B58161" s="14" t="s">
        <v>1</v>
      </c>
      <c r="C58161" s="14" t="s">
        <v>51</v>
      </c>
      <c r="D58161" s="14" t="s">
        <v>193</v>
      </c>
      <c r="E58161" s="15">
        <v>45502</v>
      </c>
      <c r="F58161" s="14" t="s">
        <v>15</v>
      </c>
      <c r="G58161" s="16">
        <v>0</v>
      </c>
    </row>
    <row r="58162" spans="1:7" x14ac:dyDescent="0.3">
      <c r="A58162" s="13" t="s">
        <v>315</v>
      </c>
      <c r="B58162" s="14" t="s">
        <v>1</v>
      </c>
      <c r="C58162" s="14" t="s">
        <v>51</v>
      </c>
      <c r="D58162" s="14" t="s">
        <v>193</v>
      </c>
      <c r="E58162" s="15">
        <v>45503</v>
      </c>
      <c r="F58162" s="14" t="s">
        <v>15</v>
      </c>
      <c r="G58162" s="16">
        <v>0</v>
      </c>
    </row>
    <row r="58163" spans="1:7" x14ac:dyDescent="0.3">
      <c r="A58163" s="13" t="s">
        <v>315</v>
      </c>
      <c r="B58163" s="14" t="s">
        <v>1</v>
      </c>
      <c r="C58163" s="14" t="s">
        <v>51</v>
      </c>
      <c r="D58163" s="14" t="s">
        <v>193</v>
      </c>
      <c r="E58163" s="15">
        <v>45504</v>
      </c>
      <c r="F58163" s="14" t="s">
        <v>15</v>
      </c>
      <c r="G58163" s="16">
        <v>0</v>
      </c>
    </row>
    <row r="58164" spans="1:7" x14ac:dyDescent="0.3">
      <c r="A58164" s="13" t="s">
        <v>315</v>
      </c>
      <c r="B58164" s="14" t="s">
        <v>1</v>
      </c>
      <c r="C58164" s="14" t="s">
        <v>51</v>
      </c>
      <c r="D58164" s="14" t="s">
        <v>193</v>
      </c>
      <c r="E58164" s="15">
        <v>45505</v>
      </c>
      <c r="F58164" s="14" t="s">
        <v>15</v>
      </c>
      <c r="G58164" s="16">
        <v>0</v>
      </c>
    </row>
    <row r="58165" spans="1:7" x14ac:dyDescent="0.3">
      <c r="A58165" s="13" t="s">
        <v>315</v>
      </c>
      <c r="B58165" s="14" t="s">
        <v>1</v>
      </c>
      <c r="C58165" s="14" t="s">
        <v>51</v>
      </c>
      <c r="D58165" s="14" t="s">
        <v>193</v>
      </c>
      <c r="E58165" s="15">
        <v>45506</v>
      </c>
      <c r="F58165" s="14" t="s">
        <v>15</v>
      </c>
      <c r="G58165" s="16">
        <v>0</v>
      </c>
    </row>
    <row r="58166" spans="1:7" x14ac:dyDescent="0.3">
      <c r="A58166" s="13" t="s">
        <v>315</v>
      </c>
      <c r="B58166" s="14" t="s">
        <v>1</v>
      </c>
      <c r="C58166" s="14" t="s">
        <v>51</v>
      </c>
      <c r="D58166" s="14" t="s">
        <v>193</v>
      </c>
      <c r="E58166" s="15">
        <v>45507</v>
      </c>
      <c r="F58166" s="14" t="s">
        <v>15</v>
      </c>
      <c r="G58166" s="16">
        <v>0</v>
      </c>
    </row>
    <row r="58167" spans="1:7" x14ac:dyDescent="0.3">
      <c r="A58167" s="13" t="s">
        <v>315</v>
      </c>
      <c r="B58167" s="14" t="s">
        <v>1</v>
      </c>
      <c r="C58167" s="14" t="s">
        <v>51</v>
      </c>
      <c r="D58167" s="14" t="s">
        <v>193</v>
      </c>
      <c r="E58167" s="15">
        <v>45508</v>
      </c>
      <c r="F58167" s="14" t="s">
        <v>15</v>
      </c>
      <c r="G58167" s="16">
        <v>0</v>
      </c>
    </row>
    <row r="58168" spans="1:7" x14ac:dyDescent="0.3">
      <c r="A58168" s="13" t="s">
        <v>315</v>
      </c>
      <c r="B58168" s="14" t="s">
        <v>1</v>
      </c>
      <c r="C58168" s="14" t="s">
        <v>51</v>
      </c>
      <c r="D58168" s="14" t="s">
        <v>193</v>
      </c>
      <c r="E58168" s="15">
        <v>45509</v>
      </c>
      <c r="F58168" s="14" t="s">
        <v>15</v>
      </c>
      <c r="G58168" s="16">
        <v>0</v>
      </c>
    </row>
    <row r="58169" spans="1:7" x14ac:dyDescent="0.3">
      <c r="A58169" s="13" t="s">
        <v>315</v>
      </c>
      <c r="B58169" s="14" t="s">
        <v>1</v>
      </c>
      <c r="C58169" s="14" t="s">
        <v>51</v>
      </c>
      <c r="D58169" s="14" t="s">
        <v>193</v>
      </c>
      <c r="E58169" s="15">
        <v>45510</v>
      </c>
      <c r="F58169" s="14" t="s">
        <v>15</v>
      </c>
      <c r="G58169" s="16">
        <v>0</v>
      </c>
    </row>
    <row r="58170" spans="1:7" x14ac:dyDescent="0.3">
      <c r="A58170" s="13" t="s">
        <v>315</v>
      </c>
      <c r="B58170" s="14" t="s">
        <v>1</v>
      </c>
      <c r="C58170" s="14" t="s">
        <v>51</v>
      </c>
      <c r="D58170" s="14" t="s">
        <v>193</v>
      </c>
      <c r="E58170" s="15">
        <v>45511</v>
      </c>
      <c r="F58170" s="14" t="s">
        <v>15</v>
      </c>
      <c r="G58170" s="16">
        <v>0</v>
      </c>
    </row>
    <row r="58171" spans="1:7" x14ac:dyDescent="0.3">
      <c r="A58171" s="13" t="s">
        <v>315</v>
      </c>
      <c r="B58171" s="14" t="s">
        <v>1</v>
      </c>
      <c r="C58171" s="14" t="s">
        <v>51</v>
      </c>
      <c r="D58171" s="14" t="s">
        <v>193</v>
      </c>
      <c r="E58171" s="15">
        <v>45512</v>
      </c>
      <c r="F58171" s="14" t="s">
        <v>15</v>
      </c>
      <c r="G58171" s="16">
        <v>0</v>
      </c>
    </row>
    <row r="58172" spans="1:7" x14ac:dyDescent="0.3">
      <c r="A58172" s="13" t="s">
        <v>315</v>
      </c>
      <c r="B58172" s="14" t="s">
        <v>1</v>
      </c>
      <c r="C58172" s="14" t="s">
        <v>51</v>
      </c>
      <c r="D58172" s="14" t="s">
        <v>193</v>
      </c>
      <c r="E58172" s="15">
        <v>45513</v>
      </c>
      <c r="F58172" s="14" t="s">
        <v>15</v>
      </c>
      <c r="G58172" s="16">
        <v>0</v>
      </c>
    </row>
    <row r="58173" spans="1:7" x14ac:dyDescent="0.3">
      <c r="A58173" s="13" t="s">
        <v>315</v>
      </c>
      <c r="B58173" s="14" t="s">
        <v>1</v>
      </c>
      <c r="C58173" s="14" t="s">
        <v>51</v>
      </c>
      <c r="D58173" s="14" t="s">
        <v>193</v>
      </c>
      <c r="E58173" s="15">
        <v>45514</v>
      </c>
      <c r="F58173" s="14" t="s">
        <v>15</v>
      </c>
      <c r="G58173" s="16">
        <v>0</v>
      </c>
    </row>
    <row r="58174" spans="1:7" x14ac:dyDescent="0.3">
      <c r="A58174" s="13" t="s">
        <v>315</v>
      </c>
      <c r="B58174" s="14" t="s">
        <v>1</v>
      </c>
      <c r="C58174" s="14" t="s">
        <v>51</v>
      </c>
      <c r="D58174" s="14" t="s">
        <v>193</v>
      </c>
      <c r="E58174" s="15">
        <v>45515</v>
      </c>
      <c r="F58174" s="14" t="s">
        <v>15</v>
      </c>
      <c r="G58174" s="16">
        <v>0</v>
      </c>
    </row>
    <row r="58175" spans="1:7" x14ac:dyDescent="0.3">
      <c r="A58175" s="13" t="s">
        <v>315</v>
      </c>
      <c r="B58175" s="14" t="s">
        <v>1</v>
      </c>
      <c r="C58175" s="14" t="s">
        <v>51</v>
      </c>
      <c r="D58175" s="14" t="s">
        <v>193</v>
      </c>
      <c r="E58175" s="15">
        <v>45516</v>
      </c>
      <c r="F58175" s="14" t="s">
        <v>15</v>
      </c>
      <c r="G58175" s="16">
        <v>0</v>
      </c>
    </row>
    <row r="58176" spans="1:7" x14ac:dyDescent="0.3">
      <c r="A58176" s="13" t="s">
        <v>315</v>
      </c>
      <c r="B58176" s="14" t="s">
        <v>1</v>
      </c>
      <c r="C58176" s="14" t="s">
        <v>51</v>
      </c>
      <c r="D58176" s="14" t="s">
        <v>193</v>
      </c>
      <c r="E58176" s="15">
        <v>45517</v>
      </c>
      <c r="F58176" s="14" t="s">
        <v>15</v>
      </c>
      <c r="G58176" s="16">
        <v>0</v>
      </c>
    </row>
    <row r="58177" spans="1:7" x14ac:dyDescent="0.3">
      <c r="A58177" s="13" t="s">
        <v>315</v>
      </c>
      <c r="B58177" s="14" t="s">
        <v>1</v>
      </c>
      <c r="C58177" s="14" t="s">
        <v>51</v>
      </c>
      <c r="D58177" s="14" t="s">
        <v>193</v>
      </c>
      <c r="E58177" s="15">
        <v>45518</v>
      </c>
      <c r="F58177" s="14" t="s">
        <v>15</v>
      </c>
      <c r="G58177" s="16">
        <v>0</v>
      </c>
    </row>
    <row r="58178" spans="1:7" x14ac:dyDescent="0.3">
      <c r="A58178" s="13" t="s">
        <v>315</v>
      </c>
      <c r="B58178" s="14" t="s">
        <v>1</v>
      </c>
      <c r="C58178" s="14" t="s">
        <v>51</v>
      </c>
      <c r="D58178" s="14" t="s">
        <v>193</v>
      </c>
      <c r="E58178" s="15">
        <v>45519</v>
      </c>
      <c r="F58178" s="14" t="s">
        <v>15</v>
      </c>
      <c r="G58178" s="16">
        <v>0</v>
      </c>
    </row>
    <row r="58179" spans="1:7" x14ac:dyDescent="0.3">
      <c r="A58179" s="13" t="s">
        <v>315</v>
      </c>
      <c r="B58179" s="14" t="s">
        <v>1</v>
      </c>
      <c r="C58179" s="14" t="s">
        <v>51</v>
      </c>
      <c r="D58179" s="14" t="s">
        <v>193</v>
      </c>
      <c r="E58179" s="15">
        <v>45520</v>
      </c>
      <c r="F58179" s="14" t="s">
        <v>15</v>
      </c>
      <c r="G58179" s="16">
        <v>0</v>
      </c>
    </row>
    <row r="58180" spans="1:7" x14ac:dyDescent="0.3">
      <c r="A58180" s="13" t="s">
        <v>315</v>
      </c>
      <c r="B58180" s="14" t="s">
        <v>1</v>
      </c>
      <c r="C58180" s="14" t="s">
        <v>51</v>
      </c>
      <c r="D58180" s="14" t="s">
        <v>193</v>
      </c>
      <c r="E58180" s="15">
        <v>45521</v>
      </c>
      <c r="F58180" s="14" t="s">
        <v>15</v>
      </c>
      <c r="G58180" s="16">
        <v>0</v>
      </c>
    </row>
    <row r="58181" spans="1:7" x14ac:dyDescent="0.3">
      <c r="A58181" s="13" t="s">
        <v>315</v>
      </c>
      <c r="B58181" s="14" t="s">
        <v>1</v>
      </c>
      <c r="C58181" s="14" t="s">
        <v>51</v>
      </c>
      <c r="D58181" s="14" t="s">
        <v>193</v>
      </c>
      <c r="E58181" s="15">
        <v>45522</v>
      </c>
      <c r="F58181" s="14" t="s">
        <v>15</v>
      </c>
      <c r="G58181" s="16">
        <v>0</v>
      </c>
    </row>
    <row r="58182" spans="1:7" x14ac:dyDescent="0.3">
      <c r="A58182" s="13" t="s">
        <v>315</v>
      </c>
      <c r="B58182" s="14" t="s">
        <v>1</v>
      </c>
      <c r="C58182" s="14" t="s">
        <v>51</v>
      </c>
      <c r="D58182" s="14" t="s">
        <v>193</v>
      </c>
      <c r="E58182" s="15">
        <v>45523</v>
      </c>
      <c r="F58182" s="14" t="s">
        <v>15</v>
      </c>
      <c r="G58182" s="16">
        <v>0</v>
      </c>
    </row>
    <row r="58183" spans="1:7" x14ac:dyDescent="0.3">
      <c r="A58183" s="13" t="s">
        <v>315</v>
      </c>
      <c r="B58183" s="14" t="s">
        <v>1</v>
      </c>
      <c r="C58183" s="14" t="s">
        <v>51</v>
      </c>
      <c r="D58183" s="14" t="s">
        <v>193</v>
      </c>
      <c r="E58183" s="15">
        <v>45524</v>
      </c>
      <c r="F58183" s="14" t="s">
        <v>15</v>
      </c>
      <c r="G58183" s="16">
        <v>0</v>
      </c>
    </row>
    <row r="58184" spans="1:7" x14ac:dyDescent="0.3">
      <c r="A58184" s="13" t="s">
        <v>315</v>
      </c>
      <c r="B58184" s="14" t="s">
        <v>1</v>
      </c>
      <c r="C58184" s="14" t="s">
        <v>51</v>
      </c>
      <c r="D58184" s="14" t="s">
        <v>193</v>
      </c>
      <c r="E58184" s="15">
        <v>45525</v>
      </c>
      <c r="F58184" s="14" t="s">
        <v>15</v>
      </c>
      <c r="G58184" s="16">
        <v>0</v>
      </c>
    </row>
    <row r="58185" spans="1:7" x14ac:dyDescent="0.3">
      <c r="A58185" s="13" t="s">
        <v>315</v>
      </c>
      <c r="B58185" s="14" t="s">
        <v>1</v>
      </c>
      <c r="C58185" s="14" t="s">
        <v>51</v>
      </c>
      <c r="D58185" s="14" t="s">
        <v>193</v>
      </c>
      <c r="E58185" s="15">
        <v>45526</v>
      </c>
      <c r="F58185" s="14" t="s">
        <v>15</v>
      </c>
      <c r="G58185" s="16">
        <v>0</v>
      </c>
    </row>
    <row r="58186" spans="1:7" x14ac:dyDescent="0.3">
      <c r="A58186" s="13" t="s">
        <v>315</v>
      </c>
      <c r="B58186" s="14" t="s">
        <v>1</v>
      </c>
      <c r="C58186" s="14" t="s">
        <v>51</v>
      </c>
      <c r="D58186" s="14" t="s">
        <v>193</v>
      </c>
      <c r="E58186" s="15">
        <v>45527</v>
      </c>
      <c r="F58186" s="14" t="s">
        <v>15</v>
      </c>
      <c r="G58186" s="16">
        <v>0</v>
      </c>
    </row>
    <row r="58187" spans="1:7" x14ac:dyDescent="0.3">
      <c r="A58187" s="13" t="s">
        <v>315</v>
      </c>
      <c r="B58187" s="14" t="s">
        <v>1</v>
      </c>
      <c r="C58187" s="14" t="s">
        <v>51</v>
      </c>
      <c r="D58187" s="14" t="s">
        <v>193</v>
      </c>
      <c r="E58187" s="15">
        <v>45528</v>
      </c>
      <c r="F58187" s="14" t="s">
        <v>15</v>
      </c>
      <c r="G58187" s="16">
        <v>0</v>
      </c>
    </row>
    <row r="58188" spans="1:7" x14ac:dyDescent="0.3">
      <c r="A58188" s="13" t="s">
        <v>315</v>
      </c>
      <c r="B58188" s="14" t="s">
        <v>1</v>
      </c>
      <c r="C58188" s="14" t="s">
        <v>51</v>
      </c>
      <c r="D58188" s="14" t="s">
        <v>193</v>
      </c>
      <c r="E58188" s="15">
        <v>45529</v>
      </c>
      <c r="F58188" s="14" t="s">
        <v>15</v>
      </c>
      <c r="G58188" s="16">
        <v>0</v>
      </c>
    </row>
    <row r="58189" spans="1:7" x14ac:dyDescent="0.3">
      <c r="A58189" s="13" t="s">
        <v>315</v>
      </c>
      <c r="B58189" s="14" t="s">
        <v>1</v>
      </c>
      <c r="C58189" s="14" t="s">
        <v>51</v>
      </c>
      <c r="D58189" s="14" t="s">
        <v>193</v>
      </c>
      <c r="E58189" s="15">
        <v>45530</v>
      </c>
      <c r="F58189" s="14" t="s">
        <v>15</v>
      </c>
      <c r="G58189" s="16">
        <v>0</v>
      </c>
    </row>
    <row r="58190" spans="1:7" x14ac:dyDescent="0.3">
      <c r="A58190" s="13" t="s">
        <v>315</v>
      </c>
      <c r="B58190" s="14" t="s">
        <v>1</v>
      </c>
      <c r="C58190" s="14" t="s">
        <v>51</v>
      </c>
      <c r="D58190" s="14" t="s">
        <v>193</v>
      </c>
      <c r="E58190" s="15">
        <v>45531</v>
      </c>
      <c r="F58190" s="14" t="s">
        <v>15</v>
      </c>
      <c r="G58190" s="16">
        <v>0</v>
      </c>
    </row>
    <row r="58191" spans="1:7" x14ac:dyDescent="0.3">
      <c r="A58191" s="13" t="s">
        <v>315</v>
      </c>
      <c r="B58191" s="14" t="s">
        <v>1</v>
      </c>
      <c r="C58191" s="14" t="s">
        <v>51</v>
      </c>
      <c r="D58191" s="14" t="s">
        <v>193</v>
      </c>
      <c r="E58191" s="15">
        <v>45532</v>
      </c>
      <c r="F58191" s="14" t="s">
        <v>15</v>
      </c>
      <c r="G58191" s="16">
        <v>0</v>
      </c>
    </row>
    <row r="58192" spans="1:7" x14ac:dyDescent="0.3">
      <c r="A58192" s="13" t="s">
        <v>315</v>
      </c>
      <c r="B58192" s="14" t="s">
        <v>1</v>
      </c>
      <c r="C58192" s="14" t="s">
        <v>51</v>
      </c>
      <c r="D58192" s="14" t="s">
        <v>193</v>
      </c>
      <c r="E58192" s="15">
        <v>45533</v>
      </c>
      <c r="F58192" s="14" t="s">
        <v>15</v>
      </c>
      <c r="G58192" s="16">
        <v>0</v>
      </c>
    </row>
    <row r="58193" spans="1:7" x14ac:dyDescent="0.3">
      <c r="A58193" s="13" t="s">
        <v>315</v>
      </c>
      <c r="B58193" s="14" t="s">
        <v>1</v>
      </c>
      <c r="C58193" s="14" t="s">
        <v>51</v>
      </c>
      <c r="D58193" s="14" t="s">
        <v>193</v>
      </c>
      <c r="E58193" s="15">
        <v>45534</v>
      </c>
      <c r="F58193" s="14" t="s">
        <v>15</v>
      </c>
      <c r="G58193" s="16">
        <v>0</v>
      </c>
    </row>
    <row r="58194" spans="1:7" x14ac:dyDescent="0.3">
      <c r="A58194" s="13" t="s">
        <v>315</v>
      </c>
      <c r="B58194" s="14" t="s">
        <v>1</v>
      </c>
      <c r="C58194" s="14" t="s">
        <v>51</v>
      </c>
      <c r="D58194" s="14" t="s">
        <v>193</v>
      </c>
      <c r="E58194" s="15">
        <v>45535</v>
      </c>
      <c r="F58194" s="14" t="s">
        <v>15</v>
      </c>
      <c r="G58194" s="16">
        <v>0</v>
      </c>
    </row>
    <row r="58195" spans="1:7" x14ac:dyDescent="0.3">
      <c r="A58195" s="13" t="s">
        <v>315</v>
      </c>
      <c r="B58195" s="14" t="s">
        <v>1</v>
      </c>
      <c r="C58195" s="14" t="s">
        <v>51</v>
      </c>
      <c r="D58195" s="14" t="s">
        <v>193</v>
      </c>
      <c r="E58195" s="15">
        <v>45536</v>
      </c>
      <c r="F58195" s="14" t="s">
        <v>15</v>
      </c>
      <c r="G58195" s="16">
        <v>0</v>
      </c>
    </row>
    <row r="58196" spans="1:7" x14ac:dyDescent="0.3">
      <c r="A58196" s="13" t="s">
        <v>315</v>
      </c>
      <c r="B58196" s="14" t="s">
        <v>1</v>
      </c>
      <c r="C58196" s="14" t="s">
        <v>51</v>
      </c>
      <c r="D58196" s="14" t="s">
        <v>193</v>
      </c>
      <c r="E58196" s="15">
        <v>45537</v>
      </c>
      <c r="F58196" s="14" t="s">
        <v>15</v>
      </c>
      <c r="G58196" s="16">
        <v>0</v>
      </c>
    </row>
    <row r="58197" spans="1:7" x14ac:dyDescent="0.3">
      <c r="A58197" s="13" t="s">
        <v>315</v>
      </c>
      <c r="B58197" s="14" t="s">
        <v>1</v>
      </c>
      <c r="C58197" s="14" t="s">
        <v>51</v>
      </c>
      <c r="D58197" s="14" t="s">
        <v>193</v>
      </c>
      <c r="E58197" s="15">
        <v>45538</v>
      </c>
      <c r="F58197" s="14" t="s">
        <v>15</v>
      </c>
      <c r="G58197" s="16">
        <v>0</v>
      </c>
    </row>
    <row r="58198" spans="1:7" x14ac:dyDescent="0.3">
      <c r="A58198" s="13" t="s">
        <v>315</v>
      </c>
      <c r="B58198" s="14" t="s">
        <v>1</v>
      </c>
      <c r="C58198" s="14" t="s">
        <v>51</v>
      </c>
      <c r="D58198" s="14" t="s">
        <v>193</v>
      </c>
      <c r="E58198" s="15">
        <v>45539</v>
      </c>
      <c r="F58198" s="14" t="s">
        <v>15</v>
      </c>
      <c r="G58198" s="16">
        <v>0</v>
      </c>
    </row>
    <row r="58199" spans="1:7" x14ac:dyDescent="0.3">
      <c r="A58199" s="13" t="s">
        <v>315</v>
      </c>
      <c r="B58199" s="14" t="s">
        <v>1</v>
      </c>
      <c r="C58199" s="14" t="s">
        <v>51</v>
      </c>
      <c r="D58199" s="14" t="s">
        <v>193</v>
      </c>
      <c r="E58199" s="15">
        <v>45540</v>
      </c>
      <c r="F58199" s="14" t="s">
        <v>15</v>
      </c>
      <c r="G58199" s="16">
        <v>0</v>
      </c>
    </row>
    <row r="58200" spans="1:7" x14ac:dyDescent="0.3">
      <c r="A58200" s="13" t="s">
        <v>315</v>
      </c>
      <c r="B58200" s="14" t="s">
        <v>1</v>
      </c>
      <c r="C58200" s="14" t="s">
        <v>51</v>
      </c>
      <c r="D58200" s="14" t="s">
        <v>193</v>
      </c>
      <c r="E58200" s="15">
        <v>45541</v>
      </c>
      <c r="F58200" s="14" t="s">
        <v>15</v>
      </c>
      <c r="G58200" s="16">
        <v>0</v>
      </c>
    </row>
    <row r="58201" spans="1:7" x14ac:dyDescent="0.3">
      <c r="A58201" s="13" t="s">
        <v>315</v>
      </c>
      <c r="B58201" s="14" t="s">
        <v>1</v>
      </c>
      <c r="C58201" s="14" t="s">
        <v>51</v>
      </c>
      <c r="D58201" s="14" t="s">
        <v>193</v>
      </c>
      <c r="E58201" s="15">
        <v>45542</v>
      </c>
      <c r="F58201" s="14" t="s">
        <v>15</v>
      </c>
      <c r="G58201" s="16">
        <v>0</v>
      </c>
    </row>
    <row r="58202" spans="1:7" x14ac:dyDescent="0.3">
      <c r="A58202" s="13" t="s">
        <v>315</v>
      </c>
      <c r="B58202" s="14" t="s">
        <v>1</v>
      </c>
      <c r="C58202" s="14" t="s">
        <v>51</v>
      </c>
      <c r="D58202" s="14" t="s">
        <v>193</v>
      </c>
      <c r="E58202" s="15">
        <v>45543</v>
      </c>
      <c r="F58202" s="14" t="s">
        <v>15</v>
      </c>
      <c r="G58202" s="16">
        <v>0</v>
      </c>
    </row>
    <row r="58203" spans="1:7" x14ac:dyDescent="0.3">
      <c r="A58203" s="13" t="s">
        <v>315</v>
      </c>
      <c r="B58203" s="14" t="s">
        <v>1</v>
      </c>
      <c r="C58203" s="14" t="s">
        <v>51</v>
      </c>
      <c r="D58203" s="14" t="s">
        <v>193</v>
      </c>
      <c r="E58203" s="15">
        <v>45544</v>
      </c>
      <c r="F58203" s="14" t="s">
        <v>15</v>
      </c>
      <c r="G58203" s="16">
        <v>0</v>
      </c>
    </row>
    <row r="58204" spans="1:7" x14ac:dyDescent="0.3">
      <c r="A58204" s="13" t="s">
        <v>315</v>
      </c>
      <c r="B58204" s="14" t="s">
        <v>1</v>
      </c>
      <c r="C58204" s="14" t="s">
        <v>51</v>
      </c>
      <c r="D58204" s="14" t="s">
        <v>193</v>
      </c>
      <c r="E58204" s="15">
        <v>45545</v>
      </c>
      <c r="F58204" s="14" t="s">
        <v>15</v>
      </c>
      <c r="G58204" s="16">
        <v>0</v>
      </c>
    </row>
    <row r="58205" spans="1:7" x14ac:dyDescent="0.3">
      <c r="A58205" s="13" t="s">
        <v>315</v>
      </c>
      <c r="B58205" s="14" t="s">
        <v>1</v>
      </c>
      <c r="C58205" s="14" t="s">
        <v>51</v>
      </c>
      <c r="D58205" s="14" t="s">
        <v>193</v>
      </c>
      <c r="E58205" s="15">
        <v>45546</v>
      </c>
      <c r="F58205" s="14" t="s">
        <v>15</v>
      </c>
      <c r="G58205" s="16">
        <v>0</v>
      </c>
    </row>
    <row r="58206" spans="1:7" x14ac:dyDescent="0.3">
      <c r="A58206" s="13" t="s">
        <v>315</v>
      </c>
      <c r="B58206" s="14" t="s">
        <v>1</v>
      </c>
      <c r="C58206" s="14" t="s">
        <v>51</v>
      </c>
      <c r="D58206" s="14" t="s">
        <v>193</v>
      </c>
      <c r="E58206" s="15">
        <v>45547</v>
      </c>
      <c r="F58206" s="14" t="s">
        <v>15</v>
      </c>
      <c r="G58206" s="16">
        <v>0</v>
      </c>
    </row>
    <row r="58207" spans="1:7" x14ac:dyDescent="0.3">
      <c r="A58207" s="13" t="s">
        <v>315</v>
      </c>
      <c r="B58207" s="14" t="s">
        <v>1</v>
      </c>
      <c r="C58207" s="14" t="s">
        <v>51</v>
      </c>
      <c r="D58207" s="14" t="s">
        <v>193</v>
      </c>
      <c r="E58207" s="15">
        <v>45548</v>
      </c>
      <c r="F58207" s="14" t="s">
        <v>15</v>
      </c>
      <c r="G58207" s="16">
        <v>0</v>
      </c>
    </row>
    <row r="58208" spans="1:7" x14ac:dyDescent="0.3">
      <c r="A58208" s="13" t="s">
        <v>315</v>
      </c>
      <c r="B58208" s="14" t="s">
        <v>1</v>
      </c>
      <c r="C58208" s="14" t="s">
        <v>51</v>
      </c>
      <c r="D58208" s="14" t="s">
        <v>193</v>
      </c>
      <c r="E58208" s="15">
        <v>45549</v>
      </c>
      <c r="F58208" s="14" t="s">
        <v>15</v>
      </c>
      <c r="G58208" s="16">
        <v>0</v>
      </c>
    </row>
    <row r="58209" spans="1:7" x14ac:dyDescent="0.3">
      <c r="A58209" s="13" t="s">
        <v>315</v>
      </c>
      <c r="B58209" s="14" t="s">
        <v>1</v>
      </c>
      <c r="C58209" s="14" t="s">
        <v>51</v>
      </c>
      <c r="D58209" s="14" t="s">
        <v>193</v>
      </c>
      <c r="E58209" s="15">
        <v>45550</v>
      </c>
      <c r="F58209" s="14" t="s">
        <v>15</v>
      </c>
      <c r="G58209" s="16">
        <v>0</v>
      </c>
    </row>
    <row r="58210" spans="1:7" x14ac:dyDescent="0.3">
      <c r="A58210" s="13" t="s">
        <v>315</v>
      </c>
      <c r="B58210" s="14" t="s">
        <v>1</v>
      </c>
      <c r="C58210" s="14" t="s">
        <v>51</v>
      </c>
      <c r="D58210" s="14" t="s">
        <v>193</v>
      </c>
      <c r="E58210" s="15">
        <v>45551</v>
      </c>
      <c r="F58210" s="14" t="s">
        <v>15</v>
      </c>
      <c r="G58210" s="16">
        <v>0</v>
      </c>
    </row>
    <row r="58211" spans="1:7" x14ac:dyDescent="0.3">
      <c r="A58211" s="13" t="s">
        <v>315</v>
      </c>
      <c r="B58211" s="14" t="s">
        <v>1</v>
      </c>
      <c r="C58211" s="14" t="s">
        <v>51</v>
      </c>
      <c r="D58211" s="14" t="s">
        <v>193</v>
      </c>
      <c r="E58211" s="15">
        <v>45552</v>
      </c>
      <c r="F58211" s="14" t="s">
        <v>15</v>
      </c>
      <c r="G58211" s="16">
        <v>0</v>
      </c>
    </row>
    <row r="58212" spans="1:7" x14ac:dyDescent="0.3">
      <c r="A58212" s="13" t="s">
        <v>315</v>
      </c>
      <c r="B58212" s="14" t="s">
        <v>1</v>
      </c>
      <c r="C58212" s="14" t="s">
        <v>51</v>
      </c>
      <c r="D58212" s="14" t="s">
        <v>193</v>
      </c>
      <c r="E58212" s="15">
        <v>45553</v>
      </c>
      <c r="F58212" s="14" t="s">
        <v>15</v>
      </c>
      <c r="G58212" s="16">
        <v>0</v>
      </c>
    </row>
    <row r="58213" spans="1:7" x14ac:dyDescent="0.3">
      <c r="A58213" s="13" t="s">
        <v>315</v>
      </c>
      <c r="B58213" s="14" t="s">
        <v>1</v>
      </c>
      <c r="C58213" s="14" t="s">
        <v>51</v>
      </c>
      <c r="D58213" s="14" t="s">
        <v>193</v>
      </c>
      <c r="E58213" s="15">
        <v>45554</v>
      </c>
      <c r="F58213" s="14" t="s">
        <v>15</v>
      </c>
      <c r="G58213" s="16">
        <v>0</v>
      </c>
    </row>
    <row r="58214" spans="1:7" x14ac:dyDescent="0.3">
      <c r="A58214" s="13" t="s">
        <v>315</v>
      </c>
      <c r="B58214" s="14" t="s">
        <v>1</v>
      </c>
      <c r="C58214" s="14" t="s">
        <v>51</v>
      </c>
      <c r="D58214" s="14" t="s">
        <v>193</v>
      </c>
      <c r="E58214" s="15">
        <v>45555</v>
      </c>
      <c r="F58214" s="14" t="s">
        <v>15</v>
      </c>
      <c r="G58214" s="16">
        <v>0</v>
      </c>
    </row>
    <row r="58215" spans="1:7" x14ac:dyDescent="0.3">
      <c r="A58215" s="13" t="s">
        <v>315</v>
      </c>
      <c r="B58215" s="14" t="s">
        <v>1</v>
      </c>
      <c r="C58215" s="14" t="s">
        <v>51</v>
      </c>
      <c r="D58215" s="14" t="s">
        <v>193</v>
      </c>
      <c r="E58215" s="15">
        <v>45556</v>
      </c>
      <c r="F58215" s="14" t="s">
        <v>15</v>
      </c>
      <c r="G58215" s="16">
        <v>0</v>
      </c>
    </row>
    <row r="58216" spans="1:7" x14ac:dyDescent="0.3">
      <c r="A58216" s="13" t="s">
        <v>315</v>
      </c>
      <c r="B58216" s="14" t="s">
        <v>1</v>
      </c>
      <c r="C58216" s="14" t="s">
        <v>51</v>
      </c>
      <c r="D58216" s="14" t="s">
        <v>193</v>
      </c>
      <c r="E58216" s="15">
        <v>45557</v>
      </c>
      <c r="F58216" s="14" t="s">
        <v>15</v>
      </c>
      <c r="G58216" s="16">
        <v>0</v>
      </c>
    </row>
    <row r="58217" spans="1:7" x14ac:dyDescent="0.3">
      <c r="A58217" s="13" t="s">
        <v>315</v>
      </c>
      <c r="B58217" s="14" t="s">
        <v>1</v>
      </c>
      <c r="C58217" s="14" t="s">
        <v>51</v>
      </c>
      <c r="D58217" s="14" t="s">
        <v>193</v>
      </c>
      <c r="E58217" s="15">
        <v>45558</v>
      </c>
      <c r="F58217" s="14" t="s">
        <v>15</v>
      </c>
      <c r="G58217" s="16">
        <v>0</v>
      </c>
    </row>
    <row r="58218" spans="1:7" x14ac:dyDescent="0.3">
      <c r="A58218" s="13" t="s">
        <v>315</v>
      </c>
      <c r="B58218" s="14" t="s">
        <v>1</v>
      </c>
      <c r="C58218" s="14" t="s">
        <v>51</v>
      </c>
      <c r="D58218" s="14" t="s">
        <v>193</v>
      </c>
      <c r="E58218" s="15">
        <v>45559</v>
      </c>
      <c r="F58218" s="14" t="s">
        <v>15</v>
      </c>
      <c r="G58218" s="16">
        <v>0</v>
      </c>
    </row>
    <row r="58219" spans="1:7" x14ac:dyDescent="0.3">
      <c r="A58219" s="13" t="s">
        <v>315</v>
      </c>
      <c r="B58219" s="14" t="s">
        <v>1</v>
      </c>
      <c r="C58219" s="14" t="s">
        <v>51</v>
      </c>
      <c r="D58219" s="14" t="s">
        <v>193</v>
      </c>
      <c r="E58219" s="15">
        <v>45560</v>
      </c>
      <c r="F58219" s="14" t="s">
        <v>15</v>
      </c>
      <c r="G58219" s="16">
        <v>0</v>
      </c>
    </row>
    <row r="58220" spans="1:7" x14ac:dyDescent="0.3">
      <c r="A58220" s="13" t="s">
        <v>315</v>
      </c>
      <c r="B58220" s="14" t="s">
        <v>1</v>
      </c>
      <c r="C58220" s="14" t="s">
        <v>51</v>
      </c>
      <c r="D58220" s="14" t="s">
        <v>193</v>
      </c>
      <c r="E58220" s="15">
        <v>45561</v>
      </c>
      <c r="F58220" s="14" t="s">
        <v>15</v>
      </c>
      <c r="G58220" s="16">
        <v>0</v>
      </c>
    </row>
    <row r="58221" spans="1:7" x14ac:dyDescent="0.3">
      <c r="A58221" s="13" t="s">
        <v>315</v>
      </c>
      <c r="B58221" s="14" t="s">
        <v>1</v>
      </c>
      <c r="C58221" s="14" t="s">
        <v>51</v>
      </c>
      <c r="D58221" s="14" t="s">
        <v>193</v>
      </c>
      <c r="E58221" s="15">
        <v>45562</v>
      </c>
      <c r="F58221" s="14" t="s">
        <v>15</v>
      </c>
      <c r="G58221" s="16">
        <v>0</v>
      </c>
    </row>
    <row r="58222" spans="1:7" x14ac:dyDescent="0.3">
      <c r="A58222" s="13" t="s">
        <v>315</v>
      </c>
      <c r="B58222" s="14" t="s">
        <v>1</v>
      </c>
      <c r="C58222" s="14" t="s">
        <v>51</v>
      </c>
      <c r="D58222" s="14" t="s">
        <v>193</v>
      </c>
      <c r="E58222" s="15">
        <v>45563</v>
      </c>
      <c r="F58222" s="14" t="s">
        <v>15</v>
      </c>
      <c r="G58222" s="16">
        <v>0</v>
      </c>
    </row>
    <row r="58223" spans="1:7" x14ac:dyDescent="0.3">
      <c r="A58223" s="13" t="s">
        <v>315</v>
      </c>
      <c r="B58223" s="14" t="s">
        <v>1</v>
      </c>
      <c r="C58223" s="14" t="s">
        <v>51</v>
      </c>
      <c r="D58223" s="14" t="s">
        <v>193</v>
      </c>
      <c r="E58223" s="15">
        <v>45564</v>
      </c>
      <c r="F58223" s="14" t="s">
        <v>15</v>
      </c>
      <c r="G58223" s="16">
        <v>0</v>
      </c>
    </row>
    <row r="58224" spans="1:7" x14ac:dyDescent="0.3">
      <c r="A58224" s="13" t="s">
        <v>315</v>
      </c>
      <c r="B58224" s="14" t="s">
        <v>1</v>
      </c>
      <c r="C58224" s="14" t="s">
        <v>51</v>
      </c>
      <c r="D58224" s="14" t="s">
        <v>193</v>
      </c>
      <c r="E58224" s="15">
        <v>45565</v>
      </c>
      <c r="F58224" s="14" t="s">
        <v>15</v>
      </c>
      <c r="G58224" s="16">
        <v>0</v>
      </c>
    </row>
    <row r="58225" spans="1:7" x14ac:dyDescent="0.3">
      <c r="A58225" s="13" t="s">
        <v>315</v>
      </c>
      <c r="B58225" s="14" t="s">
        <v>1</v>
      </c>
      <c r="C58225" s="14" t="s">
        <v>51</v>
      </c>
      <c r="D58225" s="14" t="s">
        <v>193</v>
      </c>
      <c r="E58225" s="15">
        <v>45566</v>
      </c>
      <c r="F58225" s="14" t="s">
        <v>15</v>
      </c>
      <c r="G58225" s="16">
        <v>0</v>
      </c>
    </row>
    <row r="58226" spans="1:7" x14ac:dyDescent="0.3">
      <c r="A58226" s="13" t="s">
        <v>315</v>
      </c>
      <c r="B58226" s="14" t="s">
        <v>1</v>
      </c>
      <c r="C58226" s="14" t="s">
        <v>51</v>
      </c>
      <c r="D58226" s="14" t="s">
        <v>193</v>
      </c>
      <c r="E58226" s="15">
        <v>45567</v>
      </c>
      <c r="F58226" s="14" t="s">
        <v>15</v>
      </c>
      <c r="G58226" s="16">
        <v>0</v>
      </c>
    </row>
    <row r="58227" spans="1:7" x14ac:dyDescent="0.3">
      <c r="A58227" s="13" t="s">
        <v>315</v>
      </c>
      <c r="B58227" s="14" t="s">
        <v>1</v>
      </c>
      <c r="C58227" s="14" t="s">
        <v>51</v>
      </c>
      <c r="D58227" s="14" t="s">
        <v>193</v>
      </c>
      <c r="E58227" s="15">
        <v>45568</v>
      </c>
      <c r="F58227" s="14" t="s">
        <v>15</v>
      </c>
      <c r="G58227" s="16">
        <v>0</v>
      </c>
    </row>
    <row r="58228" spans="1:7" x14ac:dyDescent="0.3">
      <c r="A58228" s="13" t="s">
        <v>315</v>
      </c>
      <c r="B58228" s="14" t="s">
        <v>1</v>
      </c>
      <c r="C58228" s="14" t="s">
        <v>51</v>
      </c>
      <c r="D58228" s="14" t="s">
        <v>193</v>
      </c>
      <c r="E58228" s="15">
        <v>45569</v>
      </c>
      <c r="F58228" s="14" t="s">
        <v>15</v>
      </c>
      <c r="G58228" s="16">
        <v>0</v>
      </c>
    </row>
    <row r="58229" spans="1:7" x14ac:dyDescent="0.3">
      <c r="A58229" s="13" t="s">
        <v>315</v>
      </c>
      <c r="B58229" s="14" t="s">
        <v>1</v>
      </c>
      <c r="C58229" s="14" t="s">
        <v>51</v>
      </c>
      <c r="D58229" s="14" t="s">
        <v>193</v>
      </c>
      <c r="E58229" s="15">
        <v>45570</v>
      </c>
      <c r="F58229" s="14" t="s">
        <v>15</v>
      </c>
      <c r="G58229" s="16">
        <v>0</v>
      </c>
    </row>
    <row r="58230" spans="1:7" x14ac:dyDescent="0.3">
      <c r="A58230" s="13" t="s">
        <v>315</v>
      </c>
      <c r="B58230" s="14" t="s">
        <v>1</v>
      </c>
      <c r="C58230" s="14" t="s">
        <v>51</v>
      </c>
      <c r="D58230" s="14" t="s">
        <v>193</v>
      </c>
      <c r="E58230" s="15">
        <v>45571</v>
      </c>
      <c r="F58230" s="14" t="s">
        <v>15</v>
      </c>
      <c r="G58230" s="16">
        <v>0</v>
      </c>
    </row>
    <row r="58231" spans="1:7" x14ac:dyDescent="0.3">
      <c r="A58231" s="13" t="s">
        <v>315</v>
      </c>
      <c r="B58231" s="14" t="s">
        <v>1</v>
      </c>
      <c r="C58231" s="14" t="s">
        <v>51</v>
      </c>
      <c r="D58231" s="14" t="s">
        <v>193</v>
      </c>
      <c r="E58231" s="15">
        <v>45572</v>
      </c>
      <c r="F58231" s="14" t="s">
        <v>15</v>
      </c>
      <c r="G58231" s="16">
        <v>0</v>
      </c>
    </row>
    <row r="58232" spans="1:7" x14ac:dyDescent="0.3">
      <c r="A58232" s="13" t="s">
        <v>315</v>
      </c>
      <c r="B58232" s="14" t="s">
        <v>1</v>
      </c>
      <c r="C58232" s="14" t="s">
        <v>51</v>
      </c>
      <c r="D58232" s="14" t="s">
        <v>193</v>
      </c>
      <c r="E58232" s="15">
        <v>45573</v>
      </c>
      <c r="F58232" s="14" t="s">
        <v>15</v>
      </c>
      <c r="G58232" s="16">
        <v>0</v>
      </c>
    </row>
    <row r="58233" spans="1:7" x14ac:dyDescent="0.3">
      <c r="A58233" s="13" t="s">
        <v>315</v>
      </c>
      <c r="B58233" s="14" t="s">
        <v>1</v>
      </c>
      <c r="C58233" s="14" t="s">
        <v>51</v>
      </c>
      <c r="D58233" s="14" t="s">
        <v>193</v>
      </c>
      <c r="E58233" s="15">
        <v>45574</v>
      </c>
      <c r="F58233" s="14" t="s">
        <v>15</v>
      </c>
      <c r="G58233" s="16">
        <v>0</v>
      </c>
    </row>
    <row r="58234" spans="1:7" x14ac:dyDescent="0.3">
      <c r="A58234" s="13" t="s">
        <v>315</v>
      </c>
      <c r="B58234" s="14" t="s">
        <v>1</v>
      </c>
      <c r="C58234" s="14" t="s">
        <v>51</v>
      </c>
      <c r="D58234" s="14" t="s">
        <v>193</v>
      </c>
      <c r="E58234" s="15">
        <v>45575</v>
      </c>
      <c r="F58234" s="14" t="s">
        <v>15</v>
      </c>
      <c r="G58234" s="16">
        <v>0</v>
      </c>
    </row>
    <row r="58235" spans="1:7" x14ac:dyDescent="0.3">
      <c r="A58235" s="13" t="s">
        <v>315</v>
      </c>
      <c r="B58235" s="14" t="s">
        <v>1</v>
      </c>
      <c r="C58235" s="14" t="s">
        <v>51</v>
      </c>
      <c r="D58235" s="14" t="s">
        <v>193</v>
      </c>
      <c r="E58235" s="15">
        <v>45576</v>
      </c>
      <c r="F58235" s="14" t="s">
        <v>15</v>
      </c>
      <c r="G58235" s="16">
        <v>0</v>
      </c>
    </row>
    <row r="58236" spans="1:7" x14ac:dyDescent="0.3">
      <c r="A58236" s="13" t="s">
        <v>315</v>
      </c>
      <c r="B58236" s="14" t="s">
        <v>1</v>
      </c>
      <c r="C58236" s="14" t="s">
        <v>51</v>
      </c>
      <c r="D58236" s="14" t="s">
        <v>193</v>
      </c>
      <c r="E58236" s="15">
        <v>45577</v>
      </c>
      <c r="F58236" s="14" t="s">
        <v>15</v>
      </c>
      <c r="G58236" s="16">
        <v>0</v>
      </c>
    </row>
    <row r="58237" spans="1:7" x14ac:dyDescent="0.3">
      <c r="A58237" s="13" t="s">
        <v>315</v>
      </c>
      <c r="B58237" s="14" t="s">
        <v>1</v>
      </c>
      <c r="C58237" s="14" t="s">
        <v>51</v>
      </c>
      <c r="D58237" s="14" t="s">
        <v>193</v>
      </c>
      <c r="E58237" s="15">
        <v>45578</v>
      </c>
      <c r="F58237" s="14" t="s">
        <v>15</v>
      </c>
      <c r="G58237" s="16">
        <v>0</v>
      </c>
    </row>
    <row r="58238" spans="1:7" x14ac:dyDescent="0.3">
      <c r="A58238" s="13" t="s">
        <v>315</v>
      </c>
      <c r="B58238" s="14" t="s">
        <v>1</v>
      </c>
      <c r="C58238" s="14" t="s">
        <v>51</v>
      </c>
      <c r="D58238" s="14" t="s">
        <v>193</v>
      </c>
      <c r="E58238" s="15">
        <v>45579</v>
      </c>
      <c r="F58238" s="14" t="s">
        <v>15</v>
      </c>
      <c r="G58238" s="16">
        <v>0</v>
      </c>
    </row>
    <row r="58239" spans="1:7" x14ac:dyDescent="0.3">
      <c r="A58239" s="13" t="s">
        <v>315</v>
      </c>
      <c r="B58239" s="14" t="s">
        <v>1</v>
      </c>
      <c r="C58239" s="14" t="s">
        <v>51</v>
      </c>
      <c r="D58239" s="14" t="s">
        <v>193</v>
      </c>
      <c r="E58239" s="15">
        <v>45580</v>
      </c>
      <c r="F58239" s="14" t="s">
        <v>15</v>
      </c>
      <c r="G58239" s="16">
        <v>0</v>
      </c>
    </row>
    <row r="58240" spans="1:7" x14ac:dyDescent="0.3">
      <c r="A58240" s="13" t="s">
        <v>315</v>
      </c>
      <c r="B58240" s="14" t="s">
        <v>1</v>
      </c>
      <c r="C58240" s="14" t="s">
        <v>51</v>
      </c>
      <c r="D58240" s="14" t="s">
        <v>193</v>
      </c>
      <c r="E58240" s="15">
        <v>45581</v>
      </c>
      <c r="F58240" s="14" t="s">
        <v>15</v>
      </c>
      <c r="G58240" s="16">
        <v>0</v>
      </c>
    </row>
    <row r="58241" spans="1:7" x14ac:dyDescent="0.3">
      <c r="A58241" s="13" t="s">
        <v>315</v>
      </c>
      <c r="B58241" s="14" t="s">
        <v>1</v>
      </c>
      <c r="C58241" s="14" t="s">
        <v>51</v>
      </c>
      <c r="D58241" s="14" t="s">
        <v>193</v>
      </c>
      <c r="E58241" s="15">
        <v>45582</v>
      </c>
      <c r="F58241" s="14" t="s">
        <v>15</v>
      </c>
      <c r="G58241" s="16">
        <v>0</v>
      </c>
    </row>
    <row r="58242" spans="1:7" x14ac:dyDescent="0.3">
      <c r="A58242" s="13" t="s">
        <v>315</v>
      </c>
      <c r="B58242" s="14" t="s">
        <v>1</v>
      </c>
      <c r="C58242" s="14" t="s">
        <v>51</v>
      </c>
      <c r="D58242" s="14" t="s">
        <v>193</v>
      </c>
      <c r="E58242" s="15">
        <v>45583</v>
      </c>
      <c r="F58242" s="14" t="s">
        <v>15</v>
      </c>
      <c r="G58242" s="16">
        <v>0</v>
      </c>
    </row>
    <row r="58243" spans="1:7" x14ac:dyDescent="0.3">
      <c r="A58243" s="13" t="s">
        <v>315</v>
      </c>
      <c r="B58243" s="14" t="s">
        <v>1</v>
      </c>
      <c r="C58243" s="14" t="s">
        <v>51</v>
      </c>
      <c r="D58243" s="14" t="s">
        <v>193</v>
      </c>
      <c r="E58243" s="15">
        <v>45584</v>
      </c>
      <c r="F58243" s="14" t="s">
        <v>15</v>
      </c>
      <c r="G58243" s="16">
        <v>0</v>
      </c>
    </row>
    <row r="58244" spans="1:7" x14ac:dyDescent="0.3">
      <c r="A58244" s="13" t="s">
        <v>315</v>
      </c>
      <c r="B58244" s="14" t="s">
        <v>1</v>
      </c>
      <c r="C58244" s="14" t="s">
        <v>51</v>
      </c>
      <c r="D58244" s="14" t="s">
        <v>193</v>
      </c>
      <c r="E58244" s="15">
        <v>45585</v>
      </c>
      <c r="F58244" s="14" t="s">
        <v>15</v>
      </c>
      <c r="G58244" s="16">
        <v>0</v>
      </c>
    </row>
    <row r="58245" spans="1:7" x14ac:dyDescent="0.3">
      <c r="A58245" s="13" t="s">
        <v>315</v>
      </c>
      <c r="B58245" s="14" t="s">
        <v>1</v>
      </c>
      <c r="C58245" s="14" t="s">
        <v>51</v>
      </c>
      <c r="D58245" s="14" t="s">
        <v>193</v>
      </c>
      <c r="E58245" s="15">
        <v>45586</v>
      </c>
      <c r="F58245" s="14" t="s">
        <v>15</v>
      </c>
      <c r="G58245" s="16">
        <v>0</v>
      </c>
    </row>
    <row r="58246" spans="1:7" x14ac:dyDescent="0.3">
      <c r="A58246" s="13" t="s">
        <v>315</v>
      </c>
      <c r="B58246" s="14" t="s">
        <v>1</v>
      </c>
      <c r="C58246" s="14" t="s">
        <v>51</v>
      </c>
      <c r="D58246" s="14" t="s">
        <v>193</v>
      </c>
      <c r="E58246" s="15">
        <v>45587</v>
      </c>
      <c r="F58246" s="14" t="s">
        <v>15</v>
      </c>
      <c r="G58246" s="16">
        <v>0</v>
      </c>
    </row>
    <row r="58247" spans="1:7" x14ac:dyDescent="0.3">
      <c r="A58247" s="13" t="s">
        <v>315</v>
      </c>
      <c r="B58247" s="14" t="s">
        <v>1</v>
      </c>
      <c r="C58247" s="14" t="s">
        <v>51</v>
      </c>
      <c r="D58247" s="14" t="s">
        <v>193</v>
      </c>
      <c r="E58247" s="15">
        <v>45588</v>
      </c>
      <c r="F58247" s="14" t="s">
        <v>15</v>
      </c>
      <c r="G58247" s="16">
        <v>0</v>
      </c>
    </row>
    <row r="58248" spans="1:7" x14ac:dyDescent="0.3">
      <c r="A58248" s="13" t="s">
        <v>315</v>
      </c>
      <c r="B58248" s="14" t="s">
        <v>1</v>
      </c>
      <c r="C58248" s="14" t="s">
        <v>51</v>
      </c>
      <c r="D58248" s="14" t="s">
        <v>193</v>
      </c>
      <c r="E58248" s="15">
        <v>45589</v>
      </c>
      <c r="F58248" s="14" t="s">
        <v>15</v>
      </c>
      <c r="G58248" s="16">
        <v>0</v>
      </c>
    </row>
    <row r="58249" spans="1:7" x14ac:dyDescent="0.3">
      <c r="A58249" s="13" t="s">
        <v>315</v>
      </c>
      <c r="B58249" s="14" t="s">
        <v>1</v>
      </c>
      <c r="C58249" s="14" t="s">
        <v>51</v>
      </c>
      <c r="D58249" s="14" t="s">
        <v>193</v>
      </c>
      <c r="E58249" s="15">
        <v>45590</v>
      </c>
      <c r="F58249" s="14" t="s">
        <v>15</v>
      </c>
      <c r="G58249" s="16">
        <v>0</v>
      </c>
    </row>
    <row r="58250" spans="1:7" x14ac:dyDescent="0.3">
      <c r="A58250" s="13" t="s">
        <v>315</v>
      </c>
      <c r="B58250" s="14" t="s">
        <v>1</v>
      </c>
      <c r="C58250" s="14" t="s">
        <v>51</v>
      </c>
      <c r="D58250" s="14" t="s">
        <v>193</v>
      </c>
      <c r="E58250" s="15">
        <v>45591</v>
      </c>
      <c r="F58250" s="14" t="s">
        <v>15</v>
      </c>
      <c r="G58250" s="16">
        <v>0</v>
      </c>
    </row>
    <row r="58251" spans="1:7" x14ac:dyDescent="0.3">
      <c r="A58251" s="13" t="s">
        <v>315</v>
      </c>
      <c r="B58251" s="14" t="s">
        <v>1</v>
      </c>
      <c r="C58251" s="14" t="s">
        <v>51</v>
      </c>
      <c r="D58251" s="14" t="s">
        <v>193</v>
      </c>
      <c r="E58251" s="15">
        <v>45592</v>
      </c>
      <c r="F58251" s="14" t="s">
        <v>15</v>
      </c>
      <c r="G58251" s="16">
        <v>0</v>
      </c>
    </row>
    <row r="58252" spans="1:7" x14ac:dyDescent="0.3">
      <c r="A58252" s="13" t="s">
        <v>315</v>
      </c>
      <c r="B58252" s="14" t="s">
        <v>1</v>
      </c>
      <c r="C58252" s="14" t="s">
        <v>51</v>
      </c>
      <c r="D58252" s="14" t="s">
        <v>193</v>
      </c>
      <c r="E58252" s="15">
        <v>45593</v>
      </c>
      <c r="F58252" s="14" t="s">
        <v>15</v>
      </c>
      <c r="G58252" s="16">
        <v>0</v>
      </c>
    </row>
    <row r="58253" spans="1:7" x14ac:dyDescent="0.3">
      <c r="A58253" s="13" t="s">
        <v>315</v>
      </c>
      <c r="B58253" s="14" t="s">
        <v>1</v>
      </c>
      <c r="C58253" s="14" t="s">
        <v>51</v>
      </c>
      <c r="D58253" s="14" t="s">
        <v>193</v>
      </c>
      <c r="E58253" s="15">
        <v>45594</v>
      </c>
      <c r="F58253" s="14" t="s">
        <v>15</v>
      </c>
      <c r="G58253" s="16">
        <v>0</v>
      </c>
    </row>
    <row r="58254" spans="1:7" x14ac:dyDescent="0.3">
      <c r="A58254" s="13" t="s">
        <v>315</v>
      </c>
      <c r="B58254" s="14" t="s">
        <v>1</v>
      </c>
      <c r="C58254" s="14" t="s">
        <v>51</v>
      </c>
      <c r="D58254" s="14" t="s">
        <v>193</v>
      </c>
      <c r="E58254" s="15">
        <v>45595</v>
      </c>
      <c r="F58254" s="14" t="s">
        <v>15</v>
      </c>
      <c r="G58254" s="16">
        <v>0</v>
      </c>
    </row>
    <row r="58255" spans="1:7" x14ac:dyDescent="0.3">
      <c r="A58255" s="13" t="s">
        <v>315</v>
      </c>
      <c r="B58255" s="14" t="s">
        <v>1</v>
      </c>
      <c r="C58255" s="14" t="s">
        <v>51</v>
      </c>
      <c r="D58255" s="14" t="s">
        <v>193</v>
      </c>
      <c r="E58255" s="15">
        <v>45596</v>
      </c>
      <c r="F58255" s="14" t="s">
        <v>15</v>
      </c>
      <c r="G58255" s="16">
        <v>0</v>
      </c>
    </row>
    <row r="58256" spans="1:7" x14ac:dyDescent="0.3">
      <c r="A58256" s="13" t="s">
        <v>315</v>
      </c>
      <c r="B58256" s="14" t="s">
        <v>1</v>
      </c>
      <c r="C58256" s="14" t="s">
        <v>51</v>
      </c>
      <c r="D58256" s="14" t="s">
        <v>193</v>
      </c>
      <c r="E58256" s="15">
        <v>45597</v>
      </c>
      <c r="F58256" s="14" t="s">
        <v>15</v>
      </c>
      <c r="G58256" s="16">
        <v>0</v>
      </c>
    </row>
    <row r="58257" spans="1:7" x14ac:dyDescent="0.3">
      <c r="A58257" s="13" t="s">
        <v>315</v>
      </c>
      <c r="B58257" s="14" t="s">
        <v>1</v>
      </c>
      <c r="C58257" s="14" t="s">
        <v>51</v>
      </c>
      <c r="D58257" s="14" t="s">
        <v>193</v>
      </c>
      <c r="E58257" s="15">
        <v>45598</v>
      </c>
      <c r="F58257" s="14" t="s">
        <v>15</v>
      </c>
      <c r="G58257" s="16">
        <v>0</v>
      </c>
    </row>
    <row r="58258" spans="1:7" x14ac:dyDescent="0.3">
      <c r="A58258" s="13" t="s">
        <v>315</v>
      </c>
      <c r="B58258" s="14" t="s">
        <v>1</v>
      </c>
      <c r="C58258" s="14" t="s">
        <v>51</v>
      </c>
      <c r="D58258" s="14" t="s">
        <v>193</v>
      </c>
      <c r="E58258" s="15">
        <v>45599</v>
      </c>
      <c r="F58258" s="14" t="s">
        <v>15</v>
      </c>
      <c r="G58258" s="16">
        <v>0</v>
      </c>
    </row>
    <row r="58259" spans="1:7" x14ac:dyDescent="0.3">
      <c r="A58259" s="13" t="s">
        <v>315</v>
      </c>
      <c r="B58259" s="14" t="s">
        <v>1</v>
      </c>
      <c r="C58259" s="14" t="s">
        <v>51</v>
      </c>
      <c r="D58259" s="14" t="s">
        <v>193</v>
      </c>
      <c r="E58259" s="15">
        <v>45600</v>
      </c>
      <c r="F58259" s="14" t="s">
        <v>15</v>
      </c>
      <c r="G58259" s="16">
        <v>0</v>
      </c>
    </row>
    <row r="58260" spans="1:7" x14ac:dyDescent="0.3">
      <c r="A58260" s="13" t="s">
        <v>315</v>
      </c>
      <c r="B58260" s="14" t="s">
        <v>1</v>
      </c>
      <c r="C58260" s="14" t="s">
        <v>51</v>
      </c>
      <c r="D58260" s="14" t="s">
        <v>193</v>
      </c>
      <c r="E58260" s="15">
        <v>45601</v>
      </c>
      <c r="F58260" s="14" t="s">
        <v>15</v>
      </c>
      <c r="G58260" s="16">
        <v>0</v>
      </c>
    </row>
    <row r="58261" spans="1:7" x14ac:dyDescent="0.3">
      <c r="A58261" s="13" t="s">
        <v>315</v>
      </c>
      <c r="B58261" s="14" t="s">
        <v>1</v>
      </c>
      <c r="C58261" s="14" t="s">
        <v>51</v>
      </c>
      <c r="D58261" s="14" t="s">
        <v>193</v>
      </c>
      <c r="E58261" s="15">
        <v>45602</v>
      </c>
      <c r="F58261" s="14" t="s">
        <v>15</v>
      </c>
      <c r="G58261" s="16">
        <v>0</v>
      </c>
    </row>
    <row r="58262" spans="1:7" x14ac:dyDescent="0.3">
      <c r="A58262" s="13" t="s">
        <v>315</v>
      </c>
      <c r="B58262" s="14" t="s">
        <v>1</v>
      </c>
      <c r="C58262" s="14" t="s">
        <v>51</v>
      </c>
      <c r="D58262" s="14" t="s">
        <v>193</v>
      </c>
      <c r="E58262" s="15">
        <v>45603</v>
      </c>
      <c r="F58262" s="14" t="s">
        <v>15</v>
      </c>
      <c r="G58262" s="16">
        <v>0</v>
      </c>
    </row>
    <row r="58263" spans="1:7" x14ac:dyDescent="0.3">
      <c r="A58263" s="13" t="s">
        <v>315</v>
      </c>
      <c r="B58263" s="14" t="s">
        <v>1</v>
      </c>
      <c r="C58263" s="14" t="s">
        <v>51</v>
      </c>
      <c r="D58263" s="14" t="s">
        <v>193</v>
      </c>
      <c r="E58263" s="15">
        <v>45604</v>
      </c>
      <c r="F58263" s="14" t="s">
        <v>15</v>
      </c>
      <c r="G58263" s="16">
        <v>0</v>
      </c>
    </row>
    <row r="58264" spans="1:7" x14ac:dyDescent="0.3">
      <c r="A58264" s="13" t="s">
        <v>315</v>
      </c>
      <c r="B58264" s="14" t="s">
        <v>1</v>
      </c>
      <c r="C58264" s="14" t="s">
        <v>51</v>
      </c>
      <c r="D58264" s="14" t="s">
        <v>193</v>
      </c>
      <c r="E58264" s="15">
        <v>45605</v>
      </c>
      <c r="F58264" s="14" t="s">
        <v>15</v>
      </c>
      <c r="G58264" s="16">
        <v>0</v>
      </c>
    </row>
    <row r="58265" spans="1:7" x14ac:dyDescent="0.3">
      <c r="A58265" s="13" t="s">
        <v>315</v>
      </c>
      <c r="B58265" s="14" t="s">
        <v>1</v>
      </c>
      <c r="C58265" s="14" t="s">
        <v>51</v>
      </c>
      <c r="D58265" s="14" t="s">
        <v>193</v>
      </c>
      <c r="E58265" s="15">
        <v>45606</v>
      </c>
      <c r="F58265" s="14" t="s">
        <v>15</v>
      </c>
      <c r="G58265" s="16">
        <v>0</v>
      </c>
    </row>
    <row r="58266" spans="1:7" x14ac:dyDescent="0.3">
      <c r="A58266" s="13" t="s">
        <v>315</v>
      </c>
      <c r="B58266" s="14" t="s">
        <v>1</v>
      </c>
      <c r="C58266" s="14" t="s">
        <v>51</v>
      </c>
      <c r="D58266" s="14" t="s">
        <v>193</v>
      </c>
      <c r="E58266" s="15">
        <v>45607</v>
      </c>
      <c r="F58266" s="14" t="s">
        <v>15</v>
      </c>
      <c r="G58266" s="16">
        <v>0</v>
      </c>
    </row>
    <row r="58267" spans="1:7" x14ac:dyDescent="0.3">
      <c r="A58267" s="13" t="s">
        <v>315</v>
      </c>
      <c r="B58267" s="14" t="s">
        <v>1</v>
      </c>
      <c r="C58267" s="14" t="s">
        <v>51</v>
      </c>
      <c r="D58267" s="14" t="s">
        <v>193</v>
      </c>
      <c r="E58267" s="15">
        <v>45608</v>
      </c>
      <c r="F58267" s="14" t="s">
        <v>15</v>
      </c>
      <c r="G58267" s="16">
        <v>0</v>
      </c>
    </row>
    <row r="58268" spans="1:7" x14ac:dyDescent="0.3">
      <c r="A58268" s="13" t="s">
        <v>315</v>
      </c>
      <c r="B58268" s="14" t="s">
        <v>1</v>
      </c>
      <c r="C58268" s="14" t="s">
        <v>51</v>
      </c>
      <c r="D58268" s="14" t="s">
        <v>193</v>
      </c>
      <c r="E58268" s="15">
        <v>45609</v>
      </c>
      <c r="F58268" s="14" t="s">
        <v>15</v>
      </c>
      <c r="G58268" s="16">
        <v>0</v>
      </c>
    </row>
    <row r="58269" spans="1:7" x14ac:dyDescent="0.3">
      <c r="A58269" s="13" t="s">
        <v>315</v>
      </c>
      <c r="B58269" s="14" t="s">
        <v>1</v>
      </c>
      <c r="C58269" s="14" t="s">
        <v>51</v>
      </c>
      <c r="D58269" s="14" t="s">
        <v>193</v>
      </c>
      <c r="E58269" s="15">
        <v>45610</v>
      </c>
      <c r="F58269" s="14" t="s">
        <v>15</v>
      </c>
      <c r="G58269" s="16">
        <v>0</v>
      </c>
    </row>
    <row r="58270" spans="1:7" x14ac:dyDescent="0.3">
      <c r="A58270" s="13" t="s">
        <v>315</v>
      </c>
      <c r="B58270" s="14" t="s">
        <v>1</v>
      </c>
      <c r="C58270" s="14" t="s">
        <v>51</v>
      </c>
      <c r="D58270" s="14" t="s">
        <v>193</v>
      </c>
      <c r="E58270" s="15">
        <v>45611</v>
      </c>
      <c r="F58270" s="14" t="s">
        <v>15</v>
      </c>
      <c r="G58270" s="16">
        <v>0</v>
      </c>
    </row>
    <row r="58271" spans="1:7" x14ac:dyDescent="0.3">
      <c r="A58271" s="13" t="s">
        <v>315</v>
      </c>
      <c r="B58271" s="14" t="s">
        <v>1</v>
      </c>
      <c r="C58271" s="14" t="s">
        <v>51</v>
      </c>
      <c r="D58271" s="14" t="s">
        <v>193</v>
      </c>
      <c r="E58271" s="15">
        <v>45612</v>
      </c>
      <c r="F58271" s="14" t="s">
        <v>15</v>
      </c>
      <c r="G58271" s="16">
        <v>0</v>
      </c>
    </row>
    <row r="58272" spans="1:7" x14ac:dyDescent="0.3">
      <c r="A58272" s="13" t="s">
        <v>315</v>
      </c>
      <c r="B58272" s="14" t="s">
        <v>1</v>
      </c>
      <c r="C58272" s="14" t="s">
        <v>51</v>
      </c>
      <c r="D58272" s="14" t="s">
        <v>193</v>
      </c>
      <c r="E58272" s="15">
        <v>45613</v>
      </c>
      <c r="F58272" s="14" t="s">
        <v>15</v>
      </c>
      <c r="G58272" s="16">
        <v>0</v>
      </c>
    </row>
    <row r="58273" spans="1:7" x14ac:dyDescent="0.3">
      <c r="A58273" s="13" t="s">
        <v>315</v>
      </c>
      <c r="B58273" s="14" t="s">
        <v>1</v>
      </c>
      <c r="C58273" s="14" t="s">
        <v>51</v>
      </c>
      <c r="D58273" s="14" t="s">
        <v>193</v>
      </c>
      <c r="E58273" s="15">
        <v>45614</v>
      </c>
      <c r="F58273" s="14" t="s">
        <v>15</v>
      </c>
      <c r="G58273" s="16">
        <v>0</v>
      </c>
    </row>
    <row r="58274" spans="1:7" x14ac:dyDescent="0.3">
      <c r="A58274" s="13" t="s">
        <v>315</v>
      </c>
      <c r="B58274" s="14" t="s">
        <v>1</v>
      </c>
      <c r="C58274" s="14" t="s">
        <v>51</v>
      </c>
      <c r="D58274" s="14" t="s">
        <v>193</v>
      </c>
      <c r="E58274" s="15">
        <v>45615</v>
      </c>
      <c r="F58274" s="14" t="s">
        <v>15</v>
      </c>
      <c r="G58274" s="16">
        <v>0</v>
      </c>
    </row>
    <row r="58275" spans="1:7" x14ac:dyDescent="0.3">
      <c r="A58275" s="13" t="s">
        <v>315</v>
      </c>
      <c r="B58275" s="14" t="s">
        <v>1</v>
      </c>
      <c r="C58275" s="14" t="s">
        <v>51</v>
      </c>
      <c r="D58275" s="14" t="s">
        <v>193</v>
      </c>
      <c r="E58275" s="15">
        <v>45616</v>
      </c>
      <c r="F58275" s="14" t="s">
        <v>15</v>
      </c>
      <c r="G58275" s="16">
        <v>0</v>
      </c>
    </row>
    <row r="58276" spans="1:7" x14ac:dyDescent="0.3">
      <c r="A58276" s="13" t="s">
        <v>315</v>
      </c>
      <c r="B58276" s="14" t="s">
        <v>1</v>
      </c>
      <c r="C58276" s="14" t="s">
        <v>51</v>
      </c>
      <c r="D58276" s="14" t="s">
        <v>193</v>
      </c>
      <c r="E58276" s="15">
        <v>45617</v>
      </c>
      <c r="F58276" s="14" t="s">
        <v>15</v>
      </c>
      <c r="G58276" s="16">
        <v>0</v>
      </c>
    </row>
    <row r="58277" spans="1:7" x14ac:dyDescent="0.3">
      <c r="A58277" s="13" t="s">
        <v>315</v>
      </c>
      <c r="B58277" s="14" t="s">
        <v>1</v>
      </c>
      <c r="C58277" s="14" t="s">
        <v>51</v>
      </c>
      <c r="D58277" s="14" t="s">
        <v>193</v>
      </c>
      <c r="E58277" s="15">
        <v>45618</v>
      </c>
      <c r="F58277" s="14" t="s">
        <v>15</v>
      </c>
      <c r="G58277" s="16">
        <v>0</v>
      </c>
    </row>
    <row r="58278" spans="1:7" x14ac:dyDescent="0.3">
      <c r="A58278" s="13" t="s">
        <v>315</v>
      </c>
      <c r="B58278" s="14" t="s">
        <v>1</v>
      </c>
      <c r="C58278" s="14" t="s">
        <v>51</v>
      </c>
      <c r="D58278" s="14" t="s">
        <v>193</v>
      </c>
      <c r="E58278" s="15">
        <v>45619</v>
      </c>
      <c r="F58278" s="14" t="s">
        <v>15</v>
      </c>
      <c r="G58278" s="16">
        <v>0</v>
      </c>
    </row>
    <row r="58279" spans="1:7" x14ac:dyDescent="0.3">
      <c r="A58279" s="13" t="s">
        <v>315</v>
      </c>
      <c r="B58279" s="14" t="s">
        <v>1</v>
      </c>
      <c r="C58279" s="14" t="s">
        <v>51</v>
      </c>
      <c r="D58279" s="14" t="s">
        <v>193</v>
      </c>
      <c r="E58279" s="15">
        <v>45620</v>
      </c>
      <c r="F58279" s="14" t="s">
        <v>15</v>
      </c>
      <c r="G58279" s="16">
        <v>0</v>
      </c>
    </row>
    <row r="58280" spans="1:7" x14ac:dyDescent="0.3">
      <c r="A58280" s="13" t="s">
        <v>315</v>
      </c>
      <c r="B58280" s="14" t="s">
        <v>1</v>
      </c>
      <c r="C58280" s="14" t="s">
        <v>51</v>
      </c>
      <c r="D58280" s="14" t="s">
        <v>193</v>
      </c>
      <c r="E58280" s="15">
        <v>45621</v>
      </c>
      <c r="F58280" s="14" t="s">
        <v>15</v>
      </c>
      <c r="G58280" s="16">
        <v>0</v>
      </c>
    </row>
    <row r="58281" spans="1:7" x14ac:dyDescent="0.3">
      <c r="A58281" s="13" t="s">
        <v>315</v>
      </c>
      <c r="B58281" s="14" t="s">
        <v>1</v>
      </c>
      <c r="C58281" s="14" t="s">
        <v>51</v>
      </c>
      <c r="D58281" s="14" t="s">
        <v>193</v>
      </c>
      <c r="E58281" s="15">
        <v>45622</v>
      </c>
      <c r="F58281" s="14" t="s">
        <v>15</v>
      </c>
      <c r="G58281" s="16">
        <v>0</v>
      </c>
    </row>
    <row r="58282" spans="1:7" x14ac:dyDescent="0.3">
      <c r="A58282" s="13" t="s">
        <v>315</v>
      </c>
      <c r="B58282" s="14" t="s">
        <v>1</v>
      </c>
      <c r="C58282" s="14" t="s">
        <v>51</v>
      </c>
      <c r="D58282" s="14" t="s">
        <v>193</v>
      </c>
      <c r="E58282" s="15">
        <v>45623</v>
      </c>
      <c r="F58282" s="14" t="s">
        <v>15</v>
      </c>
      <c r="G58282" s="16">
        <v>0</v>
      </c>
    </row>
    <row r="58283" spans="1:7" x14ac:dyDescent="0.3">
      <c r="A58283" s="13" t="s">
        <v>315</v>
      </c>
      <c r="B58283" s="14" t="s">
        <v>1</v>
      </c>
      <c r="C58283" s="14" t="s">
        <v>51</v>
      </c>
      <c r="D58283" s="14" t="s">
        <v>193</v>
      </c>
      <c r="E58283" s="15">
        <v>45624</v>
      </c>
      <c r="F58283" s="14" t="s">
        <v>15</v>
      </c>
      <c r="G58283" s="16">
        <v>0</v>
      </c>
    </row>
    <row r="58284" spans="1:7" x14ac:dyDescent="0.3">
      <c r="A58284" s="13" t="s">
        <v>315</v>
      </c>
      <c r="B58284" s="14" t="s">
        <v>1</v>
      </c>
      <c r="C58284" s="14" t="s">
        <v>51</v>
      </c>
      <c r="D58284" s="14" t="s">
        <v>193</v>
      </c>
      <c r="E58284" s="15">
        <v>45625</v>
      </c>
      <c r="F58284" s="14" t="s">
        <v>15</v>
      </c>
      <c r="G58284" s="16">
        <v>0</v>
      </c>
    </row>
    <row r="58285" spans="1:7" x14ac:dyDescent="0.3">
      <c r="A58285" s="13" t="s">
        <v>315</v>
      </c>
      <c r="B58285" s="14" t="s">
        <v>1</v>
      </c>
      <c r="C58285" s="14" t="s">
        <v>51</v>
      </c>
      <c r="D58285" s="14" t="s">
        <v>193</v>
      </c>
      <c r="E58285" s="15">
        <v>45626</v>
      </c>
      <c r="F58285" s="14" t="s">
        <v>15</v>
      </c>
      <c r="G58285" s="16">
        <v>0</v>
      </c>
    </row>
    <row r="58286" spans="1:7" x14ac:dyDescent="0.3">
      <c r="A58286" s="13" t="s">
        <v>315</v>
      </c>
      <c r="B58286" s="14" t="s">
        <v>1</v>
      </c>
      <c r="C58286" s="14" t="s">
        <v>51</v>
      </c>
      <c r="D58286" s="14" t="s">
        <v>193</v>
      </c>
      <c r="E58286" s="15">
        <v>45627</v>
      </c>
      <c r="F58286" s="14" t="s">
        <v>15</v>
      </c>
      <c r="G58286" s="16">
        <v>0</v>
      </c>
    </row>
    <row r="58287" spans="1:7" x14ac:dyDescent="0.3">
      <c r="A58287" s="13" t="s">
        <v>315</v>
      </c>
      <c r="B58287" s="14" t="s">
        <v>1</v>
      </c>
      <c r="C58287" s="14" t="s">
        <v>51</v>
      </c>
      <c r="D58287" s="14" t="s">
        <v>193</v>
      </c>
      <c r="E58287" s="15">
        <v>45628</v>
      </c>
      <c r="F58287" s="14" t="s">
        <v>15</v>
      </c>
      <c r="G58287" s="16">
        <v>0</v>
      </c>
    </row>
    <row r="58288" spans="1:7" x14ac:dyDescent="0.3">
      <c r="A58288" s="13" t="s">
        <v>315</v>
      </c>
      <c r="B58288" s="14" t="s">
        <v>1</v>
      </c>
      <c r="C58288" s="14" t="s">
        <v>51</v>
      </c>
      <c r="D58288" s="14" t="s">
        <v>193</v>
      </c>
      <c r="E58288" s="15">
        <v>45629</v>
      </c>
      <c r="F58288" s="14" t="s">
        <v>15</v>
      </c>
      <c r="G58288" s="16">
        <v>0</v>
      </c>
    </row>
    <row r="58289" spans="1:7" x14ac:dyDescent="0.3">
      <c r="A58289" s="13" t="s">
        <v>315</v>
      </c>
      <c r="B58289" s="14" t="s">
        <v>1</v>
      </c>
      <c r="C58289" s="14" t="s">
        <v>51</v>
      </c>
      <c r="D58289" s="14" t="s">
        <v>193</v>
      </c>
      <c r="E58289" s="15">
        <v>45630</v>
      </c>
      <c r="F58289" s="14" t="s">
        <v>15</v>
      </c>
      <c r="G58289" s="16">
        <v>0</v>
      </c>
    </row>
    <row r="58290" spans="1:7" x14ac:dyDescent="0.3">
      <c r="A58290" s="13" t="s">
        <v>315</v>
      </c>
      <c r="B58290" s="14" t="s">
        <v>1</v>
      </c>
      <c r="C58290" s="14" t="s">
        <v>51</v>
      </c>
      <c r="D58290" s="14" t="s">
        <v>193</v>
      </c>
      <c r="E58290" s="15">
        <v>45631</v>
      </c>
      <c r="F58290" s="14" t="s">
        <v>15</v>
      </c>
      <c r="G58290" s="16">
        <v>0</v>
      </c>
    </row>
    <row r="58291" spans="1:7" x14ac:dyDescent="0.3">
      <c r="A58291" s="13" t="s">
        <v>315</v>
      </c>
      <c r="B58291" s="14" t="s">
        <v>1</v>
      </c>
      <c r="C58291" s="14" t="s">
        <v>51</v>
      </c>
      <c r="D58291" s="14" t="s">
        <v>193</v>
      </c>
      <c r="E58291" s="15">
        <v>45632</v>
      </c>
      <c r="F58291" s="14" t="s">
        <v>15</v>
      </c>
      <c r="G58291" s="16">
        <v>0</v>
      </c>
    </row>
    <row r="58292" spans="1:7" x14ac:dyDescent="0.3">
      <c r="A58292" s="13" t="s">
        <v>315</v>
      </c>
      <c r="B58292" s="14" t="s">
        <v>1</v>
      </c>
      <c r="C58292" s="14" t="s">
        <v>51</v>
      </c>
      <c r="D58292" s="14" t="s">
        <v>193</v>
      </c>
      <c r="E58292" s="15">
        <v>45633</v>
      </c>
      <c r="F58292" s="14" t="s">
        <v>15</v>
      </c>
      <c r="G58292" s="16">
        <v>0</v>
      </c>
    </row>
    <row r="58293" spans="1:7" x14ac:dyDescent="0.3">
      <c r="A58293" s="13" t="s">
        <v>315</v>
      </c>
      <c r="B58293" s="14" t="s">
        <v>1</v>
      </c>
      <c r="C58293" s="14" t="s">
        <v>51</v>
      </c>
      <c r="D58293" s="14" t="s">
        <v>193</v>
      </c>
      <c r="E58293" s="15">
        <v>45634</v>
      </c>
      <c r="F58293" s="14" t="s">
        <v>15</v>
      </c>
      <c r="G58293" s="16">
        <v>0</v>
      </c>
    </row>
    <row r="58294" spans="1:7" x14ac:dyDescent="0.3">
      <c r="A58294" s="13" t="s">
        <v>315</v>
      </c>
      <c r="B58294" s="14" t="s">
        <v>1</v>
      </c>
      <c r="C58294" s="14" t="s">
        <v>51</v>
      </c>
      <c r="D58294" s="14" t="s">
        <v>193</v>
      </c>
      <c r="E58294" s="15">
        <v>45635</v>
      </c>
      <c r="F58294" s="14" t="s">
        <v>15</v>
      </c>
      <c r="G58294" s="16">
        <v>0</v>
      </c>
    </row>
    <row r="58295" spans="1:7" x14ac:dyDescent="0.3">
      <c r="A58295" s="13" t="s">
        <v>315</v>
      </c>
      <c r="B58295" s="14" t="s">
        <v>1</v>
      </c>
      <c r="C58295" s="14" t="s">
        <v>51</v>
      </c>
      <c r="D58295" s="14" t="s">
        <v>193</v>
      </c>
      <c r="E58295" s="15">
        <v>45636</v>
      </c>
      <c r="F58295" s="14" t="s">
        <v>15</v>
      </c>
      <c r="G58295" s="16">
        <v>0</v>
      </c>
    </row>
    <row r="58296" spans="1:7" x14ac:dyDescent="0.3">
      <c r="A58296" s="13" t="s">
        <v>315</v>
      </c>
      <c r="B58296" s="14" t="s">
        <v>1</v>
      </c>
      <c r="C58296" s="14" t="s">
        <v>51</v>
      </c>
      <c r="D58296" s="14" t="s">
        <v>193</v>
      </c>
      <c r="E58296" s="15">
        <v>45637</v>
      </c>
      <c r="F58296" s="14" t="s">
        <v>15</v>
      </c>
      <c r="G58296" s="16">
        <v>0</v>
      </c>
    </row>
    <row r="58297" spans="1:7" x14ac:dyDescent="0.3">
      <c r="A58297" s="13" t="s">
        <v>315</v>
      </c>
      <c r="B58297" s="14" t="s">
        <v>1</v>
      </c>
      <c r="C58297" s="14" t="s">
        <v>51</v>
      </c>
      <c r="D58297" s="14" t="s">
        <v>193</v>
      </c>
      <c r="E58297" s="15">
        <v>45638</v>
      </c>
      <c r="F58297" s="14" t="s">
        <v>15</v>
      </c>
      <c r="G58297" s="16">
        <v>0</v>
      </c>
    </row>
    <row r="58298" spans="1:7" x14ac:dyDescent="0.3">
      <c r="A58298" s="13" t="s">
        <v>315</v>
      </c>
      <c r="B58298" s="14" t="s">
        <v>1</v>
      </c>
      <c r="C58298" s="14" t="s">
        <v>51</v>
      </c>
      <c r="D58298" s="14" t="s">
        <v>193</v>
      </c>
      <c r="E58298" s="15">
        <v>45639</v>
      </c>
      <c r="F58298" s="14" t="s">
        <v>15</v>
      </c>
      <c r="G58298" s="16">
        <v>0</v>
      </c>
    </row>
    <row r="58299" spans="1:7" x14ac:dyDescent="0.3">
      <c r="A58299" s="13" t="s">
        <v>315</v>
      </c>
      <c r="B58299" s="14" t="s">
        <v>1</v>
      </c>
      <c r="C58299" s="14" t="s">
        <v>51</v>
      </c>
      <c r="D58299" s="14" t="s">
        <v>193</v>
      </c>
      <c r="E58299" s="15">
        <v>45640</v>
      </c>
      <c r="F58299" s="14" t="s">
        <v>15</v>
      </c>
      <c r="G58299" s="16">
        <v>0</v>
      </c>
    </row>
    <row r="58300" spans="1:7" x14ac:dyDescent="0.3">
      <c r="A58300" s="13" t="s">
        <v>315</v>
      </c>
      <c r="B58300" s="14" t="s">
        <v>1</v>
      </c>
      <c r="C58300" s="14" t="s">
        <v>51</v>
      </c>
      <c r="D58300" s="14" t="s">
        <v>193</v>
      </c>
      <c r="E58300" s="15">
        <v>45641</v>
      </c>
      <c r="F58300" s="14" t="s">
        <v>15</v>
      </c>
      <c r="G58300" s="16">
        <v>0</v>
      </c>
    </row>
    <row r="58301" spans="1:7" x14ac:dyDescent="0.3">
      <c r="A58301" s="13" t="s">
        <v>315</v>
      </c>
      <c r="B58301" s="14" t="s">
        <v>1</v>
      </c>
      <c r="C58301" s="14" t="s">
        <v>51</v>
      </c>
      <c r="D58301" s="14" t="s">
        <v>193</v>
      </c>
      <c r="E58301" s="15">
        <v>45642</v>
      </c>
      <c r="F58301" s="14" t="s">
        <v>15</v>
      </c>
      <c r="G58301" s="16">
        <v>0</v>
      </c>
    </row>
    <row r="58302" spans="1:7" x14ac:dyDescent="0.3">
      <c r="A58302" s="13" t="s">
        <v>315</v>
      </c>
      <c r="B58302" s="14" t="s">
        <v>1</v>
      </c>
      <c r="C58302" s="14" t="s">
        <v>51</v>
      </c>
      <c r="D58302" s="14" t="s">
        <v>193</v>
      </c>
      <c r="E58302" s="15">
        <v>45643</v>
      </c>
      <c r="F58302" s="14" t="s">
        <v>15</v>
      </c>
      <c r="G58302" s="16">
        <v>0</v>
      </c>
    </row>
    <row r="58303" spans="1:7" x14ac:dyDescent="0.3">
      <c r="A58303" s="13" t="s">
        <v>315</v>
      </c>
      <c r="B58303" s="14" t="s">
        <v>1</v>
      </c>
      <c r="C58303" s="14" t="s">
        <v>51</v>
      </c>
      <c r="D58303" s="14" t="s">
        <v>193</v>
      </c>
      <c r="E58303" s="15">
        <v>45644</v>
      </c>
      <c r="F58303" s="14" t="s">
        <v>15</v>
      </c>
      <c r="G58303" s="16">
        <v>0</v>
      </c>
    </row>
    <row r="58304" spans="1:7" x14ac:dyDescent="0.3">
      <c r="A58304" s="13" t="s">
        <v>315</v>
      </c>
      <c r="B58304" s="14" t="s">
        <v>1</v>
      </c>
      <c r="C58304" s="14" t="s">
        <v>51</v>
      </c>
      <c r="D58304" s="14" t="s">
        <v>193</v>
      </c>
      <c r="E58304" s="15">
        <v>45645</v>
      </c>
      <c r="F58304" s="14" t="s">
        <v>15</v>
      </c>
      <c r="G58304" s="16">
        <v>0</v>
      </c>
    </row>
    <row r="58305" spans="1:7" x14ac:dyDescent="0.3">
      <c r="A58305" s="13" t="s">
        <v>315</v>
      </c>
      <c r="B58305" s="14" t="s">
        <v>1</v>
      </c>
      <c r="C58305" s="14" t="s">
        <v>51</v>
      </c>
      <c r="D58305" s="14" t="s">
        <v>193</v>
      </c>
      <c r="E58305" s="15">
        <v>45646</v>
      </c>
      <c r="F58305" s="14" t="s">
        <v>15</v>
      </c>
      <c r="G58305" s="16">
        <v>0</v>
      </c>
    </row>
    <row r="58306" spans="1:7" x14ac:dyDescent="0.3">
      <c r="A58306" s="13" t="s">
        <v>315</v>
      </c>
      <c r="B58306" s="14" t="s">
        <v>1</v>
      </c>
      <c r="C58306" s="14" t="s">
        <v>51</v>
      </c>
      <c r="D58306" s="14" t="s">
        <v>193</v>
      </c>
      <c r="E58306" s="15">
        <v>45647</v>
      </c>
      <c r="F58306" s="14" t="s">
        <v>15</v>
      </c>
      <c r="G58306" s="16">
        <v>0</v>
      </c>
    </row>
    <row r="58307" spans="1:7" x14ac:dyDescent="0.3">
      <c r="A58307" s="13" t="s">
        <v>315</v>
      </c>
      <c r="B58307" s="14" t="s">
        <v>1</v>
      </c>
      <c r="C58307" s="14" t="s">
        <v>51</v>
      </c>
      <c r="D58307" s="14" t="s">
        <v>193</v>
      </c>
      <c r="E58307" s="15">
        <v>45648</v>
      </c>
      <c r="F58307" s="14" t="s">
        <v>15</v>
      </c>
      <c r="G58307" s="16">
        <v>0</v>
      </c>
    </row>
    <row r="58308" spans="1:7" x14ac:dyDescent="0.3">
      <c r="A58308" s="13" t="s">
        <v>315</v>
      </c>
      <c r="B58308" s="14" t="s">
        <v>1</v>
      </c>
      <c r="C58308" s="14" t="s">
        <v>51</v>
      </c>
      <c r="D58308" s="14" t="s">
        <v>193</v>
      </c>
      <c r="E58308" s="15">
        <v>45649</v>
      </c>
      <c r="F58308" s="14" t="s">
        <v>15</v>
      </c>
      <c r="G58308" s="16">
        <v>0</v>
      </c>
    </row>
    <row r="58309" spans="1:7" x14ac:dyDescent="0.3">
      <c r="A58309" s="13" t="s">
        <v>315</v>
      </c>
      <c r="B58309" s="14" t="s">
        <v>1</v>
      </c>
      <c r="C58309" s="14" t="s">
        <v>51</v>
      </c>
      <c r="D58309" s="14" t="s">
        <v>193</v>
      </c>
      <c r="E58309" s="15">
        <v>45650</v>
      </c>
      <c r="F58309" s="14" t="s">
        <v>15</v>
      </c>
      <c r="G58309" s="16">
        <v>0</v>
      </c>
    </row>
    <row r="58310" spans="1:7" x14ac:dyDescent="0.3">
      <c r="A58310" s="13" t="s">
        <v>315</v>
      </c>
      <c r="B58310" s="14" t="s">
        <v>1</v>
      </c>
      <c r="C58310" s="14" t="s">
        <v>51</v>
      </c>
      <c r="D58310" s="14" t="s">
        <v>193</v>
      </c>
      <c r="E58310" s="15">
        <v>45651</v>
      </c>
      <c r="F58310" s="14" t="s">
        <v>15</v>
      </c>
      <c r="G58310" s="16">
        <v>0</v>
      </c>
    </row>
    <row r="58311" spans="1:7" x14ac:dyDescent="0.3">
      <c r="A58311" s="13" t="s">
        <v>315</v>
      </c>
      <c r="B58311" s="14" t="s">
        <v>1</v>
      </c>
      <c r="C58311" s="14" t="s">
        <v>51</v>
      </c>
      <c r="D58311" s="14" t="s">
        <v>193</v>
      </c>
      <c r="E58311" s="15">
        <v>45652</v>
      </c>
      <c r="F58311" s="14" t="s">
        <v>15</v>
      </c>
      <c r="G58311" s="16">
        <v>0</v>
      </c>
    </row>
    <row r="58312" spans="1:7" x14ac:dyDescent="0.3">
      <c r="A58312" s="13" t="s">
        <v>315</v>
      </c>
      <c r="B58312" s="14" t="s">
        <v>1</v>
      </c>
      <c r="C58312" s="14" t="s">
        <v>51</v>
      </c>
      <c r="D58312" s="14" t="s">
        <v>193</v>
      </c>
      <c r="E58312" s="15">
        <v>45653</v>
      </c>
      <c r="F58312" s="14" t="s">
        <v>15</v>
      </c>
      <c r="G58312" s="16">
        <v>0</v>
      </c>
    </row>
    <row r="58313" spans="1:7" x14ac:dyDescent="0.3">
      <c r="A58313" s="13" t="s">
        <v>315</v>
      </c>
      <c r="B58313" s="14" t="s">
        <v>1</v>
      </c>
      <c r="C58313" s="14" t="s">
        <v>51</v>
      </c>
      <c r="D58313" s="14" t="s">
        <v>193</v>
      </c>
      <c r="E58313" s="15">
        <v>45654</v>
      </c>
      <c r="F58313" s="14" t="s">
        <v>15</v>
      </c>
      <c r="G58313" s="16">
        <v>0</v>
      </c>
    </row>
    <row r="58314" spans="1:7" x14ac:dyDescent="0.3">
      <c r="A58314" s="13" t="s">
        <v>315</v>
      </c>
      <c r="B58314" s="14" t="s">
        <v>1</v>
      </c>
      <c r="C58314" s="14" t="s">
        <v>51</v>
      </c>
      <c r="D58314" s="14" t="s">
        <v>193</v>
      </c>
      <c r="E58314" s="15">
        <v>45655</v>
      </c>
      <c r="F58314" s="14" t="s">
        <v>15</v>
      </c>
      <c r="G58314" s="16">
        <v>0</v>
      </c>
    </row>
    <row r="58315" spans="1:7" x14ac:dyDescent="0.3">
      <c r="A58315" s="13" t="s">
        <v>315</v>
      </c>
      <c r="B58315" s="14" t="s">
        <v>1</v>
      </c>
      <c r="C58315" s="14" t="s">
        <v>51</v>
      </c>
      <c r="D58315" s="14" t="s">
        <v>193</v>
      </c>
      <c r="E58315" s="15">
        <v>45656</v>
      </c>
      <c r="F58315" s="14" t="s">
        <v>15</v>
      </c>
      <c r="G58315" s="16">
        <v>0</v>
      </c>
    </row>
    <row r="58316" spans="1:7" x14ac:dyDescent="0.3">
      <c r="A58316" s="13" t="s">
        <v>315</v>
      </c>
      <c r="B58316" s="14" t="s">
        <v>1</v>
      </c>
      <c r="C58316" s="14" t="s">
        <v>51</v>
      </c>
      <c r="D58316" s="14" t="s">
        <v>193</v>
      </c>
      <c r="E58316" s="15">
        <v>45657</v>
      </c>
      <c r="F58316" s="14" t="s">
        <v>15</v>
      </c>
      <c r="G58316" s="16">
        <v>0</v>
      </c>
    </row>
    <row r="58317" spans="1:7" x14ac:dyDescent="0.3">
      <c r="A58317" s="13" t="s">
        <v>315</v>
      </c>
      <c r="B58317" s="14" t="s">
        <v>1</v>
      </c>
      <c r="C58317" s="14" t="s">
        <v>51</v>
      </c>
      <c r="D58317" s="14" t="s">
        <v>193</v>
      </c>
      <c r="E58317" s="15">
        <v>45658</v>
      </c>
      <c r="F58317" s="14" t="s">
        <v>15</v>
      </c>
      <c r="G58317" s="16">
        <v>0</v>
      </c>
    </row>
    <row r="58318" spans="1:7" x14ac:dyDescent="0.3">
      <c r="A58318" s="13" t="s">
        <v>315</v>
      </c>
      <c r="B58318" s="14" t="s">
        <v>1</v>
      </c>
      <c r="C58318" s="14" t="s">
        <v>51</v>
      </c>
      <c r="D58318" s="14" t="s">
        <v>193</v>
      </c>
      <c r="E58318" s="15">
        <v>45659</v>
      </c>
      <c r="F58318" s="14" t="s">
        <v>15</v>
      </c>
      <c r="G58318" s="16">
        <v>0</v>
      </c>
    </row>
    <row r="58319" spans="1:7" x14ac:dyDescent="0.3">
      <c r="A58319" s="13" t="s">
        <v>315</v>
      </c>
      <c r="B58319" s="14" t="s">
        <v>1</v>
      </c>
      <c r="C58319" s="14" t="s">
        <v>51</v>
      </c>
      <c r="D58319" s="14" t="s">
        <v>193</v>
      </c>
      <c r="E58319" s="15">
        <v>45660</v>
      </c>
      <c r="F58319" s="14" t="s">
        <v>15</v>
      </c>
      <c r="G58319" s="16">
        <v>0</v>
      </c>
    </row>
    <row r="58320" spans="1:7" x14ac:dyDescent="0.3">
      <c r="A58320" s="13" t="s">
        <v>315</v>
      </c>
      <c r="B58320" s="14" t="s">
        <v>1</v>
      </c>
      <c r="C58320" s="14" t="s">
        <v>51</v>
      </c>
      <c r="D58320" s="14" t="s">
        <v>193</v>
      </c>
      <c r="E58320" s="15">
        <v>45661</v>
      </c>
      <c r="F58320" s="14" t="s">
        <v>15</v>
      </c>
      <c r="G58320" s="16">
        <v>0</v>
      </c>
    </row>
    <row r="58321" spans="1:7" x14ac:dyDescent="0.3">
      <c r="A58321" s="13" t="s">
        <v>315</v>
      </c>
      <c r="B58321" s="14" t="s">
        <v>1</v>
      </c>
      <c r="C58321" s="14" t="s">
        <v>51</v>
      </c>
      <c r="D58321" s="14" t="s">
        <v>193</v>
      </c>
      <c r="E58321" s="15">
        <v>45662</v>
      </c>
      <c r="F58321" s="14" t="s">
        <v>15</v>
      </c>
      <c r="G58321" s="16">
        <v>0</v>
      </c>
    </row>
    <row r="58322" spans="1:7" x14ac:dyDescent="0.3">
      <c r="A58322" s="13" t="s">
        <v>315</v>
      </c>
      <c r="B58322" s="14" t="s">
        <v>1</v>
      </c>
      <c r="C58322" s="14" t="s">
        <v>51</v>
      </c>
      <c r="D58322" s="14" t="s">
        <v>193</v>
      </c>
      <c r="E58322" s="15">
        <v>45663</v>
      </c>
      <c r="F58322" s="14" t="s">
        <v>15</v>
      </c>
      <c r="G58322" s="16">
        <v>0</v>
      </c>
    </row>
    <row r="58323" spans="1:7" x14ac:dyDescent="0.3">
      <c r="A58323" s="13" t="s">
        <v>315</v>
      </c>
      <c r="B58323" s="14" t="s">
        <v>1</v>
      </c>
      <c r="C58323" s="14" t="s">
        <v>51</v>
      </c>
      <c r="D58323" s="14" t="s">
        <v>193</v>
      </c>
      <c r="E58323" s="15">
        <v>45664</v>
      </c>
      <c r="F58323" s="14" t="s">
        <v>15</v>
      </c>
      <c r="G58323" s="16">
        <v>0</v>
      </c>
    </row>
    <row r="58324" spans="1:7" x14ac:dyDescent="0.3">
      <c r="A58324" s="13" t="s">
        <v>315</v>
      </c>
      <c r="B58324" s="14" t="s">
        <v>1</v>
      </c>
      <c r="C58324" s="14" t="s">
        <v>51</v>
      </c>
      <c r="D58324" s="14" t="s">
        <v>193</v>
      </c>
      <c r="E58324" s="15">
        <v>45665</v>
      </c>
      <c r="F58324" s="14" t="s">
        <v>15</v>
      </c>
      <c r="G58324" s="16">
        <v>0</v>
      </c>
    </row>
    <row r="58325" spans="1:7" x14ac:dyDescent="0.3">
      <c r="A58325" s="13" t="s">
        <v>315</v>
      </c>
      <c r="B58325" s="14" t="s">
        <v>1</v>
      </c>
      <c r="C58325" s="14" t="s">
        <v>51</v>
      </c>
      <c r="D58325" s="14" t="s">
        <v>193</v>
      </c>
      <c r="E58325" s="15">
        <v>45666</v>
      </c>
      <c r="F58325" s="14" t="s">
        <v>15</v>
      </c>
      <c r="G58325" s="16">
        <v>0</v>
      </c>
    </row>
    <row r="58326" spans="1:7" x14ac:dyDescent="0.3">
      <c r="A58326" s="13" t="s">
        <v>315</v>
      </c>
      <c r="B58326" s="14" t="s">
        <v>1</v>
      </c>
      <c r="C58326" s="14" t="s">
        <v>51</v>
      </c>
      <c r="D58326" s="14" t="s">
        <v>193</v>
      </c>
      <c r="E58326" s="15">
        <v>45667</v>
      </c>
      <c r="F58326" s="14" t="s">
        <v>15</v>
      </c>
      <c r="G58326" s="16">
        <v>0</v>
      </c>
    </row>
    <row r="58327" spans="1:7" x14ac:dyDescent="0.3">
      <c r="A58327" s="13" t="s">
        <v>315</v>
      </c>
      <c r="B58327" s="14" t="s">
        <v>1</v>
      </c>
      <c r="C58327" s="14" t="s">
        <v>51</v>
      </c>
      <c r="D58327" s="14" t="s">
        <v>193</v>
      </c>
      <c r="E58327" s="15">
        <v>45668</v>
      </c>
      <c r="F58327" s="14" t="s">
        <v>15</v>
      </c>
      <c r="G58327" s="16">
        <v>0</v>
      </c>
    </row>
    <row r="58328" spans="1:7" x14ac:dyDescent="0.3">
      <c r="A58328" s="13" t="s">
        <v>315</v>
      </c>
      <c r="B58328" s="14" t="s">
        <v>1</v>
      </c>
      <c r="C58328" s="14" t="s">
        <v>51</v>
      </c>
      <c r="D58328" s="14" t="s">
        <v>193</v>
      </c>
      <c r="E58328" s="15">
        <v>45669</v>
      </c>
      <c r="F58328" s="14" t="s">
        <v>15</v>
      </c>
      <c r="G58328" s="16">
        <v>0</v>
      </c>
    </row>
    <row r="58329" spans="1:7" x14ac:dyDescent="0.3">
      <c r="A58329" s="13" t="s">
        <v>315</v>
      </c>
      <c r="B58329" s="14" t="s">
        <v>1</v>
      </c>
      <c r="C58329" s="14" t="s">
        <v>51</v>
      </c>
      <c r="D58329" s="14" t="s">
        <v>193</v>
      </c>
      <c r="E58329" s="15">
        <v>45670</v>
      </c>
      <c r="F58329" s="14" t="s">
        <v>15</v>
      </c>
      <c r="G58329" s="16">
        <v>0</v>
      </c>
    </row>
    <row r="58330" spans="1:7" x14ac:dyDescent="0.3">
      <c r="A58330" s="13" t="s">
        <v>315</v>
      </c>
      <c r="B58330" s="14" t="s">
        <v>1</v>
      </c>
      <c r="C58330" s="14" t="s">
        <v>51</v>
      </c>
      <c r="D58330" s="14" t="s">
        <v>193</v>
      </c>
      <c r="E58330" s="15">
        <v>45671</v>
      </c>
      <c r="F58330" s="14" t="s">
        <v>15</v>
      </c>
      <c r="G58330" s="16">
        <v>0</v>
      </c>
    </row>
    <row r="58331" spans="1:7" x14ac:dyDescent="0.3">
      <c r="A58331" s="13" t="s">
        <v>315</v>
      </c>
      <c r="B58331" s="14" t="s">
        <v>1</v>
      </c>
      <c r="C58331" s="14" t="s">
        <v>51</v>
      </c>
      <c r="D58331" s="14" t="s">
        <v>193</v>
      </c>
      <c r="E58331" s="15">
        <v>45672</v>
      </c>
      <c r="F58331" s="14" t="s">
        <v>15</v>
      </c>
      <c r="G58331" s="16">
        <v>0</v>
      </c>
    </row>
    <row r="58332" spans="1:7" x14ac:dyDescent="0.3">
      <c r="A58332" s="13" t="s">
        <v>315</v>
      </c>
      <c r="B58332" s="14" t="s">
        <v>1</v>
      </c>
      <c r="C58332" s="14" t="s">
        <v>51</v>
      </c>
      <c r="D58332" s="14" t="s">
        <v>193</v>
      </c>
      <c r="E58332" s="15">
        <v>45673</v>
      </c>
      <c r="F58332" s="14" t="s">
        <v>15</v>
      </c>
      <c r="G58332" s="16">
        <v>0</v>
      </c>
    </row>
    <row r="58333" spans="1:7" x14ac:dyDescent="0.3">
      <c r="A58333" s="13" t="s">
        <v>315</v>
      </c>
      <c r="B58333" s="14" t="s">
        <v>1</v>
      </c>
      <c r="C58333" s="14" t="s">
        <v>51</v>
      </c>
      <c r="D58333" s="14" t="s">
        <v>193</v>
      </c>
      <c r="E58333" s="15">
        <v>45674</v>
      </c>
      <c r="F58333" s="14" t="s">
        <v>15</v>
      </c>
      <c r="G58333" s="16">
        <v>0</v>
      </c>
    </row>
    <row r="58334" spans="1:7" x14ac:dyDescent="0.3">
      <c r="A58334" s="13" t="s">
        <v>315</v>
      </c>
      <c r="B58334" s="14" t="s">
        <v>1</v>
      </c>
      <c r="C58334" s="14" t="s">
        <v>51</v>
      </c>
      <c r="D58334" s="14" t="s">
        <v>193</v>
      </c>
      <c r="E58334" s="15">
        <v>45675</v>
      </c>
      <c r="F58334" s="14" t="s">
        <v>15</v>
      </c>
      <c r="G58334" s="16">
        <v>0</v>
      </c>
    </row>
    <row r="58335" spans="1:7" x14ac:dyDescent="0.3">
      <c r="A58335" s="13" t="s">
        <v>315</v>
      </c>
      <c r="B58335" s="14" t="s">
        <v>1</v>
      </c>
      <c r="C58335" s="14" t="s">
        <v>51</v>
      </c>
      <c r="D58335" s="14" t="s">
        <v>193</v>
      </c>
      <c r="E58335" s="15">
        <v>45676</v>
      </c>
      <c r="F58335" s="14" t="s">
        <v>15</v>
      </c>
      <c r="G58335" s="16">
        <v>0</v>
      </c>
    </row>
    <row r="58336" spans="1:7" x14ac:dyDescent="0.3">
      <c r="A58336" s="13" t="s">
        <v>315</v>
      </c>
      <c r="B58336" s="14" t="s">
        <v>1</v>
      </c>
      <c r="C58336" s="14" t="s">
        <v>51</v>
      </c>
      <c r="D58336" s="14" t="s">
        <v>193</v>
      </c>
      <c r="E58336" s="15">
        <v>45677</v>
      </c>
      <c r="F58336" s="14" t="s">
        <v>15</v>
      </c>
      <c r="G58336" s="16">
        <v>0</v>
      </c>
    </row>
    <row r="58337" spans="1:7" x14ac:dyDescent="0.3">
      <c r="A58337" s="13" t="s">
        <v>315</v>
      </c>
      <c r="B58337" s="14" t="s">
        <v>1</v>
      </c>
      <c r="C58337" s="14" t="s">
        <v>51</v>
      </c>
      <c r="D58337" s="14" t="s">
        <v>193</v>
      </c>
      <c r="E58337" s="15">
        <v>45678</v>
      </c>
      <c r="F58337" s="14" t="s">
        <v>15</v>
      </c>
      <c r="G58337" s="16">
        <v>0</v>
      </c>
    </row>
    <row r="58338" spans="1:7" x14ac:dyDescent="0.3">
      <c r="A58338" s="13" t="s">
        <v>315</v>
      </c>
      <c r="B58338" s="14" t="s">
        <v>1</v>
      </c>
      <c r="C58338" s="14" t="s">
        <v>51</v>
      </c>
      <c r="D58338" s="14" t="s">
        <v>193</v>
      </c>
      <c r="E58338" s="15">
        <v>45679</v>
      </c>
      <c r="F58338" s="14" t="s">
        <v>15</v>
      </c>
      <c r="G58338" s="16">
        <v>0</v>
      </c>
    </row>
    <row r="58339" spans="1:7" x14ac:dyDescent="0.3">
      <c r="A58339" s="13" t="s">
        <v>315</v>
      </c>
      <c r="B58339" s="14" t="s">
        <v>1</v>
      </c>
      <c r="C58339" s="14" t="s">
        <v>51</v>
      </c>
      <c r="D58339" s="14" t="s">
        <v>193</v>
      </c>
      <c r="E58339" s="15">
        <v>45680</v>
      </c>
      <c r="F58339" s="14" t="s">
        <v>15</v>
      </c>
      <c r="G58339" s="16">
        <v>0</v>
      </c>
    </row>
    <row r="58340" spans="1:7" x14ac:dyDescent="0.3">
      <c r="A58340" s="13" t="s">
        <v>315</v>
      </c>
      <c r="B58340" s="14" t="s">
        <v>1</v>
      </c>
      <c r="C58340" s="14" t="s">
        <v>51</v>
      </c>
      <c r="D58340" s="14" t="s">
        <v>193</v>
      </c>
      <c r="E58340" s="15">
        <v>45681</v>
      </c>
      <c r="F58340" s="14" t="s">
        <v>15</v>
      </c>
      <c r="G58340" s="16">
        <v>0</v>
      </c>
    </row>
    <row r="58341" spans="1:7" x14ac:dyDescent="0.3">
      <c r="A58341" s="13" t="s">
        <v>315</v>
      </c>
      <c r="B58341" s="14" t="s">
        <v>1</v>
      </c>
      <c r="C58341" s="14" t="s">
        <v>51</v>
      </c>
      <c r="D58341" s="14" t="s">
        <v>193</v>
      </c>
      <c r="E58341" s="15">
        <v>45682</v>
      </c>
      <c r="F58341" s="14" t="s">
        <v>15</v>
      </c>
      <c r="G58341" s="16">
        <v>0</v>
      </c>
    </row>
    <row r="58342" spans="1:7" x14ac:dyDescent="0.3">
      <c r="A58342" s="13" t="s">
        <v>315</v>
      </c>
      <c r="B58342" s="14" t="s">
        <v>1</v>
      </c>
      <c r="C58342" s="14" t="s">
        <v>51</v>
      </c>
      <c r="D58342" s="14" t="s">
        <v>193</v>
      </c>
      <c r="E58342" s="15">
        <v>45683</v>
      </c>
      <c r="F58342" s="14" t="s">
        <v>15</v>
      </c>
      <c r="G58342" s="16">
        <v>0</v>
      </c>
    </row>
    <row r="58343" spans="1:7" x14ac:dyDescent="0.3">
      <c r="A58343" s="13" t="s">
        <v>315</v>
      </c>
      <c r="B58343" s="14" t="s">
        <v>1</v>
      </c>
      <c r="C58343" s="14" t="s">
        <v>51</v>
      </c>
      <c r="D58343" s="14" t="s">
        <v>193</v>
      </c>
      <c r="E58343" s="15">
        <v>45684</v>
      </c>
      <c r="F58343" s="14" t="s">
        <v>15</v>
      </c>
      <c r="G58343" s="16">
        <v>0</v>
      </c>
    </row>
    <row r="58344" spans="1:7" x14ac:dyDescent="0.3">
      <c r="A58344" s="13" t="s">
        <v>315</v>
      </c>
      <c r="B58344" s="14" t="s">
        <v>1</v>
      </c>
      <c r="C58344" s="14" t="s">
        <v>51</v>
      </c>
      <c r="D58344" s="14" t="s">
        <v>193</v>
      </c>
      <c r="E58344" s="15">
        <v>45685</v>
      </c>
      <c r="F58344" s="14" t="s">
        <v>15</v>
      </c>
      <c r="G58344" s="16">
        <v>0</v>
      </c>
    </row>
    <row r="58345" spans="1:7" x14ac:dyDescent="0.3">
      <c r="A58345" s="13" t="s">
        <v>315</v>
      </c>
      <c r="B58345" s="14" t="s">
        <v>1</v>
      </c>
      <c r="C58345" s="14" t="s">
        <v>51</v>
      </c>
      <c r="D58345" s="14" t="s">
        <v>193</v>
      </c>
      <c r="E58345" s="15">
        <v>45686</v>
      </c>
      <c r="F58345" s="14" t="s">
        <v>15</v>
      </c>
      <c r="G58345" s="16">
        <v>0</v>
      </c>
    </row>
    <row r="58346" spans="1:7" x14ac:dyDescent="0.3">
      <c r="A58346" s="13" t="s">
        <v>315</v>
      </c>
      <c r="B58346" s="14" t="s">
        <v>1</v>
      </c>
      <c r="C58346" s="14" t="s">
        <v>51</v>
      </c>
      <c r="D58346" s="14" t="s">
        <v>193</v>
      </c>
      <c r="E58346" s="15">
        <v>45687</v>
      </c>
      <c r="F58346" s="14" t="s">
        <v>15</v>
      </c>
      <c r="G58346" s="16">
        <v>0</v>
      </c>
    </row>
    <row r="58347" spans="1:7" x14ac:dyDescent="0.3">
      <c r="A58347" s="13" t="s">
        <v>315</v>
      </c>
      <c r="B58347" s="14" t="s">
        <v>1</v>
      </c>
      <c r="C58347" s="14" t="s">
        <v>51</v>
      </c>
      <c r="D58347" s="14" t="s">
        <v>193</v>
      </c>
      <c r="E58347" s="15">
        <v>45688</v>
      </c>
      <c r="F58347" s="14" t="s">
        <v>15</v>
      </c>
      <c r="G58347" s="16">
        <v>0</v>
      </c>
    </row>
    <row r="58348" spans="1:7" x14ac:dyDescent="0.3">
      <c r="A58348" s="13" t="s">
        <v>315</v>
      </c>
      <c r="B58348" s="14" t="s">
        <v>1</v>
      </c>
      <c r="C58348" s="14" t="s">
        <v>51</v>
      </c>
      <c r="D58348" s="14" t="s">
        <v>193</v>
      </c>
      <c r="E58348" s="15">
        <v>45689</v>
      </c>
      <c r="F58348" s="14" t="s">
        <v>15</v>
      </c>
      <c r="G58348" s="16">
        <v>0</v>
      </c>
    </row>
    <row r="58349" spans="1:7" x14ac:dyDescent="0.3">
      <c r="A58349" s="13" t="s">
        <v>315</v>
      </c>
      <c r="B58349" s="14" t="s">
        <v>1</v>
      </c>
      <c r="C58349" s="14" t="s">
        <v>51</v>
      </c>
      <c r="D58349" s="14" t="s">
        <v>193</v>
      </c>
      <c r="E58349" s="15">
        <v>45690</v>
      </c>
      <c r="F58349" s="14" t="s">
        <v>15</v>
      </c>
      <c r="G58349" s="16">
        <v>0</v>
      </c>
    </row>
    <row r="58350" spans="1:7" x14ac:dyDescent="0.3">
      <c r="A58350" s="13" t="s">
        <v>315</v>
      </c>
      <c r="B58350" s="14" t="s">
        <v>1</v>
      </c>
      <c r="C58350" s="14" t="s">
        <v>51</v>
      </c>
      <c r="D58350" s="14" t="s">
        <v>193</v>
      </c>
      <c r="E58350" s="15">
        <v>45691</v>
      </c>
      <c r="F58350" s="14" t="s">
        <v>15</v>
      </c>
      <c r="G58350" s="16">
        <v>0</v>
      </c>
    </row>
    <row r="58351" spans="1:7" x14ac:dyDescent="0.3">
      <c r="A58351" s="13" t="s">
        <v>315</v>
      </c>
      <c r="B58351" s="14" t="s">
        <v>1</v>
      </c>
      <c r="C58351" s="14" t="s">
        <v>51</v>
      </c>
      <c r="D58351" s="14" t="s">
        <v>193</v>
      </c>
      <c r="E58351" s="15">
        <v>45692</v>
      </c>
      <c r="F58351" s="14" t="s">
        <v>15</v>
      </c>
      <c r="G58351" s="16">
        <v>0</v>
      </c>
    </row>
    <row r="58352" spans="1:7" x14ac:dyDescent="0.3">
      <c r="A58352" s="13" t="s">
        <v>315</v>
      </c>
      <c r="B58352" s="14" t="s">
        <v>1</v>
      </c>
      <c r="C58352" s="14" t="s">
        <v>51</v>
      </c>
      <c r="D58352" s="14" t="s">
        <v>193</v>
      </c>
      <c r="E58352" s="15">
        <v>45693</v>
      </c>
      <c r="F58352" s="14" t="s">
        <v>15</v>
      </c>
      <c r="G58352" s="16">
        <v>0</v>
      </c>
    </row>
    <row r="58353" spans="1:7" x14ac:dyDescent="0.3">
      <c r="A58353" s="13" t="s">
        <v>315</v>
      </c>
      <c r="B58353" s="14" t="s">
        <v>1</v>
      </c>
      <c r="C58353" s="14" t="s">
        <v>51</v>
      </c>
      <c r="D58353" s="14" t="s">
        <v>193</v>
      </c>
      <c r="E58353" s="15">
        <v>45694</v>
      </c>
      <c r="F58353" s="14" t="s">
        <v>15</v>
      </c>
      <c r="G58353" s="16">
        <v>0</v>
      </c>
    </row>
    <row r="58354" spans="1:7" x14ac:dyDescent="0.3">
      <c r="A58354" s="13" t="s">
        <v>315</v>
      </c>
      <c r="B58354" s="14" t="s">
        <v>1</v>
      </c>
      <c r="C58354" s="14" t="s">
        <v>51</v>
      </c>
      <c r="D58354" s="14" t="s">
        <v>193</v>
      </c>
      <c r="E58354" s="15">
        <v>45695</v>
      </c>
      <c r="F58354" s="14" t="s">
        <v>15</v>
      </c>
      <c r="G58354" s="16">
        <v>0</v>
      </c>
    </row>
    <row r="58355" spans="1:7" x14ac:dyDescent="0.3">
      <c r="A58355" s="13" t="s">
        <v>315</v>
      </c>
      <c r="B58355" s="14" t="s">
        <v>1</v>
      </c>
      <c r="C58355" s="14" t="s">
        <v>51</v>
      </c>
      <c r="D58355" s="14" t="s">
        <v>193</v>
      </c>
      <c r="E58355" s="15">
        <v>45696</v>
      </c>
      <c r="F58355" s="14" t="s">
        <v>15</v>
      </c>
      <c r="G58355" s="16">
        <v>0</v>
      </c>
    </row>
    <row r="58356" spans="1:7" x14ac:dyDescent="0.3">
      <c r="A58356" s="13" t="s">
        <v>315</v>
      </c>
      <c r="B58356" s="14" t="s">
        <v>1</v>
      </c>
      <c r="C58356" s="14" t="s">
        <v>51</v>
      </c>
      <c r="D58356" s="14" t="s">
        <v>193</v>
      </c>
      <c r="E58356" s="15">
        <v>45697</v>
      </c>
      <c r="F58356" s="14" t="s">
        <v>15</v>
      </c>
      <c r="G58356" s="16">
        <v>0</v>
      </c>
    </row>
    <row r="58357" spans="1:7" x14ac:dyDescent="0.3">
      <c r="A58357" s="13" t="s">
        <v>315</v>
      </c>
      <c r="B58357" s="14" t="s">
        <v>1</v>
      </c>
      <c r="C58357" s="14" t="s">
        <v>51</v>
      </c>
      <c r="D58357" s="14" t="s">
        <v>193</v>
      </c>
      <c r="E58357" s="15">
        <v>45698</v>
      </c>
      <c r="F58357" s="14" t="s">
        <v>15</v>
      </c>
      <c r="G58357" s="16">
        <v>0</v>
      </c>
    </row>
    <row r="58358" spans="1:7" x14ac:dyDescent="0.3">
      <c r="A58358" s="13" t="s">
        <v>315</v>
      </c>
      <c r="B58358" s="14" t="s">
        <v>1</v>
      </c>
      <c r="C58358" s="14" t="s">
        <v>51</v>
      </c>
      <c r="D58358" s="14" t="s">
        <v>193</v>
      </c>
      <c r="E58358" s="15">
        <v>45699</v>
      </c>
      <c r="F58358" s="14" t="s">
        <v>15</v>
      </c>
      <c r="G58358" s="16">
        <v>0</v>
      </c>
    </row>
    <row r="58359" spans="1:7" x14ac:dyDescent="0.3">
      <c r="A58359" s="13" t="s">
        <v>315</v>
      </c>
      <c r="B58359" s="14" t="s">
        <v>1</v>
      </c>
      <c r="C58359" s="14" t="s">
        <v>51</v>
      </c>
      <c r="D58359" s="14" t="s">
        <v>193</v>
      </c>
      <c r="E58359" s="15">
        <v>45700</v>
      </c>
      <c r="F58359" s="14" t="s">
        <v>15</v>
      </c>
      <c r="G58359" s="16">
        <v>0</v>
      </c>
    </row>
    <row r="58360" spans="1:7" x14ac:dyDescent="0.3">
      <c r="A58360" s="13" t="s">
        <v>315</v>
      </c>
      <c r="B58360" s="14" t="s">
        <v>1</v>
      </c>
      <c r="C58360" s="14" t="s">
        <v>51</v>
      </c>
      <c r="D58360" s="14" t="s">
        <v>193</v>
      </c>
      <c r="E58360" s="15">
        <v>45701</v>
      </c>
      <c r="F58360" s="14" t="s">
        <v>15</v>
      </c>
      <c r="G58360" s="16">
        <v>0</v>
      </c>
    </row>
    <row r="58361" spans="1:7" x14ac:dyDescent="0.3">
      <c r="A58361" s="13" t="s">
        <v>315</v>
      </c>
      <c r="B58361" s="14" t="s">
        <v>1</v>
      </c>
      <c r="C58361" s="14" t="s">
        <v>51</v>
      </c>
      <c r="D58361" s="14" t="s">
        <v>193</v>
      </c>
      <c r="E58361" s="15">
        <v>45702</v>
      </c>
      <c r="F58361" s="14" t="s">
        <v>15</v>
      </c>
      <c r="G58361" s="16">
        <v>0</v>
      </c>
    </row>
    <row r="58362" spans="1:7" x14ac:dyDescent="0.3">
      <c r="A58362" s="13" t="s">
        <v>315</v>
      </c>
      <c r="B58362" s="14" t="s">
        <v>1</v>
      </c>
      <c r="C58362" s="14" t="s">
        <v>51</v>
      </c>
      <c r="D58362" s="14" t="s">
        <v>193</v>
      </c>
      <c r="E58362" s="15">
        <v>45703</v>
      </c>
      <c r="F58362" s="14" t="s">
        <v>15</v>
      </c>
      <c r="G58362" s="16">
        <v>0</v>
      </c>
    </row>
    <row r="58363" spans="1:7" x14ac:dyDescent="0.3">
      <c r="A58363" s="13" t="s">
        <v>315</v>
      </c>
      <c r="B58363" s="14" t="s">
        <v>1</v>
      </c>
      <c r="C58363" s="14" t="s">
        <v>51</v>
      </c>
      <c r="D58363" s="14" t="s">
        <v>193</v>
      </c>
      <c r="E58363" s="15">
        <v>45704</v>
      </c>
      <c r="F58363" s="14" t="s">
        <v>15</v>
      </c>
      <c r="G58363" s="16">
        <v>0</v>
      </c>
    </row>
    <row r="58364" spans="1:7" x14ac:dyDescent="0.3">
      <c r="A58364" s="13" t="s">
        <v>315</v>
      </c>
      <c r="B58364" s="14" t="s">
        <v>1</v>
      </c>
      <c r="C58364" s="14" t="s">
        <v>51</v>
      </c>
      <c r="D58364" s="14" t="s">
        <v>193</v>
      </c>
      <c r="E58364" s="15">
        <v>45705</v>
      </c>
      <c r="F58364" s="14" t="s">
        <v>15</v>
      </c>
      <c r="G58364" s="16">
        <v>0</v>
      </c>
    </row>
    <row r="58365" spans="1:7" x14ac:dyDescent="0.3">
      <c r="A58365" s="13" t="s">
        <v>315</v>
      </c>
      <c r="B58365" s="14" t="s">
        <v>1</v>
      </c>
      <c r="C58365" s="14" t="s">
        <v>51</v>
      </c>
      <c r="D58365" s="14" t="s">
        <v>193</v>
      </c>
      <c r="E58365" s="15">
        <v>45706</v>
      </c>
      <c r="F58365" s="14" t="s">
        <v>15</v>
      </c>
      <c r="G58365" s="16">
        <v>0</v>
      </c>
    </row>
    <row r="58366" spans="1:7" x14ac:dyDescent="0.3">
      <c r="A58366" s="13" t="s">
        <v>315</v>
      </c>
      <c r="B58366" s="14" t="s">
        <v>1</v>
      </c>
      <c r="C58366" s="14" t="s">
        <v>51</v>
      </c>
      <c r="D58366" s="14" t="s">
        <v>193</v>
      </c>
      <c r="E58366" s="15">
        <v>45707</v>
      </c>
      <c r="F58366" s="14" t="s">
        <v>15</v>
      </c>
      <c r="G58366" s="16">
        <v>0</v>
      </c>
    </row>
    <row r="58367" spans="1:7" x14ac:dyDescent="0.3">
      <c r="A58367" s="13" t="s">
        <v>315</v>
      </c>
      <c r="B58367" s="14" t="s">
        <v>1</v>
      </c>
      <c r="C58367" s="14" t="s">
        <v>51</v>
      </c>
      <c r="D58367" s="14" t="s">
        <v>193</v>
      </c>
      <c r="E58367" s="15">
        <v>45708</v>
      </c>
      <c r="F58367" s="14" t="s">
        <v>15</v>
      </c>
      <c r="G58367" s="16">
        <v>0</v>
      </c>
    </row>
    <row r="58368" spans="1:7" x14ac:dyDescent="0.3">
      <c r="A58368" s="13" t="s">
        <v>315</v>
      </c>
      <c r="B58368" s="14" t="s">
        <v>1</v>
      </c>
      <c r="C58368" s="14" t="s">
        <v>51</v>
      </c>
      <c r="D58368" s="14" t="s">
        <v>193</v>
      </c>
      <c r="E58368" s="15">
        <v>45709</v>
      </c>
      <c r="F58368" s="14" t="s">
        <v>15</v>
      </c>
      <c r="G58368" s="16">
        <v>0</v>
      </c>
    </row>
    <row r="58369" spans="1:7" x14ac:dyDescent="0.3">
      <c r="A58369" s="13" t="s">
        <v>315</v>
      </c>
      <c r="B58369" s="14" t="s">
        <v>1</v>
      </c>
      <c r="C58369" s="14" t="s">
        <v>51</v>
      </c>
      <c r="D58369" s="14" t="s">
        <v>193</v>
      </c>
      <c r="E58369" s="15">
        <v>45710</v>
      </c>
      <c r="F58369" s="14" t="s">
        <v>15</v>
      </c>
      <c r="G58369" s="16">
        <v>0</v>
      </c>
    </row>
    <row r="58370" spans="1:7" x14ac:dyDescent="0.3">
      <c r="A58370" s="13" t="s">
        <v>315</v>
      </c>
      <c r="B58370" s="14" t="s">
        <v>1</v>
      </c>
      <c r="C58370" s="14" t="s">
        <v>51</v>
      </c>
      <c r="D58370" s="14" t="s">
        <v>193</v>
      </c>
      <c r="E58370" s="15">
        <v>45711</v>
      </c>
      <c r="F58370" s="14" t="s">
        <v>15</v>
      </c>
      <c r="G58370" s="16">
        <v>0</v>
      </c>
    </row>
    <row r="58371" spans="1:7" x14ac:dyDescent="0.3">
      <c r="A58371" s="13" t="s">
        <v>315</v>
      </c>
      <c r="B58371" s="14" t="s">
        <v>1</v>
      </c>
      <c r="C58371" s="14" t="s">
        <v>51</v>
      </c>
      <c r="D58371" s="14" t="s">
        <v>193</v>
      </c>
      <c r="E58371" s="15">
        <v>45712</v>
      </c>
      <c r="F58371" s="14" t="s">
        <v>15</v>
      </c>
      <c r="G58371" s="16">
        <v>0</v>
      </c>
    </row>
    <row r="58372" spans="1:7" x14ac:dyDescent="0.3">
      <c r="A58372" s="13" t="s">
        <v>315</v>
      </c>
      <c r="B58372" s="14" t="s">
        <v>1</v>
      </c>
      <c r="C58372" s="14" t="s">
        <v>51</v>
      </c>
      <c r="D58372" s="14" t="s">
        <v>193</v>
      </c>
      <c r="E58372" s="15">
        <v>45713</v>
      </c>
      <c r="F58372" s="14" t="s">
        <v>15</v>
      </c>
      <c r="G58372" s="16">
        <v>0</v>
      </c>
    </row>
    <row r="58373" spans="1:7" x14ac:dyDescent="0.3">
      <c r="A58373" s="13" t="s">
        <v>315</v>
      </c>
      <c r="B58373" s="14" t="s">
        <v>1</v>
      </c>
      <c r="C58373" s="14" t="s">
        <v>51</v>
      </c>
      <c r="D58373" s="14" t="s">
        <v>193</v>
      </c>
      <c r="E58373" s="15">
        <v>45714</v>
      </c>
      <c r="F58373" s="14" t="s">
        <v>15</v>
      </c>
      <c r="G58373" s="16">
        <v>0</v>
      </c>
    </row>
    <row r="58374" spans="1:7" x14ac:dyDescent="0.3">
      <c r="A58374" s="13" t="s">
        <v>315</v>
      </c>
      <c r="B58374" s="14" t="s">
        <v>1</v>
      </c>
      <c r="C58374" s="14" t="s">
        <v>51</v>
      </c>
      <c r="D58374" s="14" t="s">
        <v>193</v>
      </c>
      <c r="E58374" s="15">
        <v>45715</v>
      </c>
      <c r="F58374" s="14" t="s">
        <v>15</v>
      </c>
      <c r="G58374" s="16">
        <v>0</v>
      </c>
    </row>
    <row r="58375" spans="1:7" x14ac:dyDescent="0.3">
      <c r="A58375" s="13" t="s">
        <v>315</v>
      </c>
      <c r="B58375" s="14" t="s">
        <v>1</v>
      </c>
      <c r="C58375" s="14" t="s">
        <v>51</v>
      </c>
      <c r="D58375" s="14" t="s">
        <v>193</v>
      </c>
      <c r="E58375" s="15">
        <v>45716</v>
      </c>
      <c r="F58375" s="14" t="s">
        <v>15</v>
      </c>
      <c r="G58375" s="16">
        <v>0</v>
      </c>
    </row>
    <row r="58376" spans="1:7" x14ac:dyDescent="0.3">
      <c r="A58376" s="13" t="s">
        <v>315</v>
      </c>
      <c r="B58376" s="14" t="s">
        <v>1</v>
      </c>
      <c r="C58376" s="14" t="s">
        <v>51</v>
      </c>
      <c r="D58376" s="14" t="s">
        <v>193</v>
      </c>
      <c r="E58376" s="15">
        <v>45717</v>
      </c>
      <c r="F58376" s="14" t="s">
        <v>15</v>
      </c>
      <c r="G58376" s="16">
        <v>0</v>
      </c>
    </row>
    <row r="58377" spans="1:7" x14ac:dyDescent="0.3">
      <c r="A58377" s="13" t="s">
        <v>315</v>
      </c>
      <c r="B58377" s="14" t="s">
        <v>1</v>
      </c>
      <c r="C58377" s="14" t="s">
        <v>51</v>
      </c>
      <c r="D58377" s="14" t="s">
        <v>193</v>
      </c>
      <c r="E58377" s="15">
        <v>45718</v>
      </c>
      <c r="F58377" s="14" t="s">
        <v>15</v>
      </c>
      <c r="G58377" s="16">
        <v>0</v>
      </c>
    </row>
    <row r="58378" spans="1:7" x14ac:dyDescent="0.3">
      <c r="A58378" s="13" t="s">
        <v>315</v>
      </c>
      <c r="B58378" s="14" t="s">
        <v>1</v>
      </c>
      <c r="C58378" s="14" t="s">
        <v>51</v>
      </c>
      <c r="D58378" s="14" t="s">
        <v>193</v>
      </c>
      <c r="E58378" s="15">
        <v>45719</v>
      </c>
      <c r="F58378" s="14" t="s">
        <v>15</v>
      </c>
      <c r="G58378" s="16">
        <v>0</v>
      </c>
    </row>
    <row r="58379" spans="1:7" x14ac:dyDescent="0.3">
      <c r="A58379" s="13" t="s">
        <v>315</v>
      </c>
      <c r="B58379" s="14" t="s">
        <v>1</v>
      </c>
      <c r="C58379" s="14" t="s">
        <v>51</v>
      </c>
      <c r="D58379" s="14" t="s">
        <v>193</v>
      </c>
      <c r="E58379" s="15">
        <v>45720</v>
      </c>
      <c r="F58379" s="14" t="s">
        <v>15</v>
      </c>
      <c r="G58379" s="16">
        <v>0</v>
      </c>
    </row>
    <row r="58380" spans="1:7" x14ac:dyDescent="0.3">
      <c r="A58380" s="13" t="s">
        <v>315</v>
      </c>
      <c r="B58380" s="14" t="s">
        <v>1</v>
      </c>
      <c r="C58380" s="14" t="s">
        <v>51</v>
      </c>
      <c r="D58380" s="14" t="s">
        <v>193</v>
      </c>
      <c r="E58380" s="15">
        <v>45721</v>
      </c>
      <c r="F58380" s="14" t="s">
        <v>15</v>
      </c>
      <c r="G58380" s="16">
        <v>0</v>
      </c>
    </row>
    <row r="58381" spans="1:7" x14ac:dyDescent="0.3">
      <c r="A58381" s="13" t="s">
        <v>315</v>
      </c>
      <c r="B58381" s="14" t="s">
        <v>1</v>
      </c>
      <c r="C58381" s="14" t="s">
        <v>51</v>
      </c>
      <c r="D58381" s="14" t="s">
        <v>193</v>
      </c>
      <c r="E58381" s="15">
        <v>45722</v>
      </c>
      <c r="F58381" s="14" t="s">
        <v>15</v>
      </c>
      <c r="G58381" s="16">
        <v>0</v>
      </c>
    </row>
    <row r="58382" spans="1:7" x14ac:dyDescent="0.3">
      <c r="A58382" s="13" t="s">
        <v>315</v>
      </c>
      <c r="B58382" s="14" t="s">
        <v>1</v>
      </c>
      <c r="C58382" s="14" t="s">
        <v>51</v>
      </c>
      <c r="D58382" s="14" t="s">
        <v>193</v>
      </c>
      <c r="E58382" s="15">
        <v>45723</v>
      </c>
      <c r="F58382" s="14" t="s">
        <v>15</v>
      </c>
      <c r="G58382" s="16">
        <v>0</v>
      </c>
    </row>
    <row r="58383" spans="1:7" x14ac:dyDescent="0.3">
      <c r="A58383" s="13" t="s">
        <v>315</v>
      </c>
      <c r="B58383" s="14" t="s">
        <v>1</v>
      </c>
      <c r="C58383" s="14" t="s">
        <v>51</v>
      </c>
      <c r="D58383" s="14" t="s">
        <v>193</v>
      </c>
      <c r="E58383" s="15">
        <v>45724</v>
      </c>
      <c r="F58383" s="14" t="s">
        <v>15</v>
      </c>
      <c r="G58383" s="16">
        <v>0</v>
      </c>
    </row>
    <row r="58384" spans="1:7" x14ac:dyDescent="0.3">
      <c r="A58384" s="13" t="s">
        <v>315</v>
      </c>
      <c r="B58384" s="14" t="s">
        <v>1</v>
      </c>
      <c r="C58384" s="14" t="s">
        <v>51</v>
      </c>
      <c r="D58384" s="14" t="s">
        <v>193</v>
      </c>
      <c r="E58384" s="15">
        <v>45725</v>
      </c>
      <c r="F58384" s="14" t="s">
        <v>15</v>
      </c>
      <c r="G58384" s="16">
        <v>0</v>
      </c>
    </row>
    <row r="58385" spans="1:7" x14ac:dyDescent="0.3">
      <c r="A58385" s="13" t="s">
        <v>315</v>
      </c>
      <c r="B58385" s="14" t="s">
        <v>1</v>
      </c>
      <c r="C58385" s="14" t="s">
        <v>51</v>
      </c>
      <c r="D58385" s="14" t="s">
        <v>193</v>
      </c>
      <c r="E58385" s="15">
        <v>45726</v>
      </c>
      <c r="F58385" s="14" t="s">
        <v>15</v>
      </c>
      <c r="G58385" s="16">
        <v>0</v>
      </c>
    </row>
    <row r="58386" spans="1:7" x14ac:dyDescent="0.3">
      <c r="A58386" s="13" t="s">
        <v>315</v>
      </c>
      <c r="B58386" s="14" t="s">
        <v>1</v>
      </c>
      <c r="C58386" s="14" t="s">
        <v>51</v>
      </c>
      <c r="D58386" s="14" t="s">
        <v>193</v>
      </c>
      <c r="E58386" s="15">
        <v>45727</v>
      </c>
      <c r="F58386" s="14" t="s">
        <v>15</v>
      </c>
      <c r="G58386" s="16">
        <v>0</v>
      </c>
    </row>
    <row r="58387" spans="1:7" x14ac:dyDescent="0.3">
      <c r="A58387" s="13" t="s">
        <v>315</v>
      </c>
      <c r="B58387" s="14" t="s">
        <v>1</v>
      </c>
      <c r="C58387" s="14" t="s">
        <v>51</v>
      </c>
      <c r="D58387" s="14" t="s">
        <v>193</v>
      </c>
      <c r="E58387" s="15">
        <v>45728</v>
      </c>
      <c r="F58387" s="14" t="s">
        <v>15</v>
      </c>
      <c r="G58387" s="16">
        <v>0</v>
      </c>
    </row>
    <row r="58388" spans="1:7" x14ac:dyDescent="0.3">
      <c r="A58388" s="13" t="s">
        <v>315</v>
      </c>
      <c r="B58388" s="14" t="s">
        <v>1</v>
      </c>
      <c r="C58388" s="14" t="s">
        <v>51</v>
      </c>
      <c r="D58388" s="14" t="s">
        <v>193</v>
      </c>
      <c r="E58388" s="15">
        <v>45729</v>
      </c>
      <c r="F58388" s="14" t="s">
        <v>15</v>
      </c>
      <c r="G58388" s="16">
        <v>0</v>
      </c>
    </row>
    <row r="58389" spans="1:7" x14ac:dyDescent="0.3">
      <c r="A58389" s="13" t="s">
        <v>315</v>
      </c>
      <c r="B58389" s="14" t="s">
        <v>1</v>
      </c>
      <c r="C58389" s="14" t="s">
        <v>51</v>
      </c>
      <c r="D58389" s="14" t="s">
        <v>193</v>
      </c>
      <c r="E58389" s="15">
        <v>45730</v>
      </c>
      <c r="F58389" s="14" t="s">
        <v>15</v>
      </c>
      <c r="G58389" s="16">
        <v>0</v>
      </c>
    </row>
    <row r="58390" spans="1:7" x14ac:dyDescent="0.3">
      <c r="A58390" s="13" t="s">
        <v>315</v>
      </c>
      <c r="B58390" s="14" t="s">
        <v>1</v>
      </c>
      <c r="C58390" s="14" t="s">
        <v>51</v>
      </c>
      <c r="D58390" s="14" t="s">
        <v>193</v>
      </c>
      <c r="E58390" s="15">
        <v>45731</v>
      </c>
      <c r="F58390" s="14" t="s">
        <v>15</v>
      </c>
      <c r="G58390" s="16">
        <v>0</v>
      </c>
    </row>
    <row r="58391" spans="1:7" x14ac:dyDescent="0.3">
      <c r="A58391" s="13" t="s">
        <v>315</v>
      </c>
      <c r="B58391" s="14" t="s">
        <v>1</v>
      </c>
      <c r="C58391" s="14" t="s">
        <v>51</v>
      </c>
      <c r="D58391" s="14" t="s">
        <v>193</v>
      </c>
      <c r="E58391" s="15">
        <v>45732</v>
      </c>
      <c r="F58391" s="14" t="s">
        <v>15</v>
      </c>
      <c r="G58391" s="16">
        <v>0</v>
      </c>
    </row>
    <row r="58392" spans="1:7" x14ac:dyDescent="0.3">
      <c r="A58392" s="13" t="s">
        <v>315</v>
      </c>
      <c r="B58392" s="14" t="s">
        <v>1</v>
      </c>
      <c r="C58392" s="14" t="s">
        <v>51</v>
      </c>
      <c r="D58392" s="14" t="s">
        <v>193</v>
      </c>
      <c r="E58392" s="15">
        <v>45733</v>
      </c>
      <c r="F58392" s="14" t="s">
        <v>15</v>
      </c>
      <c r="G58392" s="16">
        <v>0</v>
      </c>
    </row>
    <row r="58393" spans="1:7" x14ac:dyDescent="0.3">
      <c r="A58393" s="13" t="s">
        <v>315</v>
      </c>
      <c r="B58393" s="14" t="s">
        <v>1</v>
      </c>
      <c r="C58393" s="14" t="s">
        <v>51</v>
      </c>
      <c r="D58393" s="14" t="s">
        <v>193</v>
      </c>
      <c r="E58393" s="15">
        <v>45734</v>
      </c>
      <c r="F58393" s="14" t="s">
        <v>15</v>
      </c>
      <c r="G58393" s="16">
        <v>0</v>
      </c>
    </row>
    <row r="58394" spans="1:7" x14ac:dyDescent="0.3">
      <c r="A58394" s="13" t="s">
        <v>315</v>
      </c>
      <c r="B58394" s="14" t="s">
        <v>1</v>
      </c>
      <c r="C58394" s="14" t="s">
        <v>51</v>
      </c>
      <c r="D58394" s="14" t="s">
        <v>193</v>
      </c>
      <c r="E58394" s="15">
        <v>45735</v>
      </c>
      <c r="F58394" s="14" t="s">
        <v>15</v>
      </c>
      <c r="G58394" s="16">
        <v>0</v>
      </c>
    </row>
    <row r="58395" spans="1:7" x14ac:dyDescent="0.3">
      <c r="A58395" s="13" t="s">
        <v>315</v>
      </c>
      <c r="B58395" s="14" t="s">
        <v>1</v>
      </c>
      <c r="C58395" s="14" t="s">
        <v>51</v>
      </c>
      <c r="D58395" s="14" t="s">
        <v>193</v>
      </c>
      <c r="E58395" s="15">
        <v>45736</v>
      </c>
      <c r="F58395" s="14" t="s">
        <v>15</v>
      </c>
      <c r="G58395" s="16">
        <v>0</v>
      </c>
    </row>
    <row r="58396" spans="1:7" x14ac:dyDescent="0.3">
      <c r="A58396" s="13" t="s">
        <v>315</v>
      </c>
      <c r="B58396" s="14" t="s">
        <v>1</v>
      </c>
      <c r="C58396" s="14" t="s">
        <v>51</v>
      </c>
      <c r="D58396" s="14" t="s">
        <v>193</v>
      </c>
      <c r="E58396" s="15">
        <v>45737</v>
      </c>
      <c r="F58396" s="14" t="s">
        <v>15</v>
      </c>
      <c r="G58396" s="16">
        <v>0</v>
      </c>
    </row>
    <row r="58397" spans="1:7" x14ac:dyDescent="0.3">
      <c r="A58397" s="13" t="s">
        <v>315</v>
      </c>
      <c r="B58397" s="14" t="s">
        <v>1</v>
      </c>
      <c r="C58397" s="14" t="s">
        <v>51</v>
      </c>
      <c r="D58397" s="14" t="s">
        <v>193</v>
      </c>
      <c r="E58397" s="15">
        <v>45738</v>
      </c>
      <c r="F58397" s="14" t="s">
        <v>15</v>
      </c>
      <c r="G58397" s="16">
        <v>0</v>
      </c>
    </row>
    <row r="58398" spans="1:7" x14ac:dyDescent="0.3">
      <c r="A58398" s="13" t="s">
        <v>315</v>
      </c>
      <c r="B58398" s="14" t="s">
        <v>1</v>
      </c>
      <c r="C58398" s="14" t="s">
        <v>51</v>
      </c>
      <c r="D58398" s="14" t="s">
        <v>193</v>
      </c>
      <c r="E58398" s="15">
        <v>45739</v>
      </c>
      <c r="F58398" s="14" t="s">
        <v>15</v>
      </c>
      <c r="G58398" s="16">
        <v>0</v>
      </c>
    </row>
    <row r="58399" spans="1:7" x14ac:dyDescent="0.3">
      <c r="A58399" s="13" t="s">
        <v>315</v>
      </c>
      <c r="B58399" s="14" t="s">
        <v>1</v>
      </c>
      <c r="C58399" s="14" t="s">
        <v>51</v>
      </c>
      <c r="D58399" s="14" t="s">
        <v>193</v>
      </c>
      <c r="E58399" s="15">
        <v>45740</v>
      </c>
      <c r="F58399" s="14" t="s">
        <v>15</v>
      </c>
      <c r="G58399" s="16">
        <v>0</v>
      </c>
    </row>
    <row r="58400" spans="1:7" x14ac:dyDescent="0.3">
      <c r="A58400" s="13" t="s">
        <v>315</v>
      </c>
      <c r="B58400" s="14" t="s">
        <v>1</v>
      </c>
      <c r="C58400" s="14" t="s">
        <v>51</v>
      </c>
      <c r="D58400" s="14" t="s">
        <v>193</v>
      </c>
      <c r="E58400" s="15">
        <v>45741</v>
      </c>
      <c r="F58400" s="14" t="s">
        <v>15</v>
      </c>
      <c r="G58400" s="16">
        <v>0</v>
      </c>
    </row>
    <row r="58401" spans="1:7" x14ac:dyDescent="0.3">
      <c r="A58401" s="13" t="s">
        <v>315</v>
      </c>
      <c r="B58401" s="14" t="s">
        <v>1</v>
      </c>
      <c r="C58401" s="14" t="s">
        <v>51</v>
      </c>
      <c r="D58401" s="14" t="s">
        <v>193</v>
      </c>
      <c r="E58401" s="15">
        <v>45742</v>
      </c>
      <c r="F58401" s="14" t="s">
        <v>15</v>
      </c>
      <c r="G58401" s="16">
        <v>0</v>
      </c>
    </row>
    <row r="58402" spans="1:7" x14ac:dyDescent="0.3">
      <c r="A58402" s="13" t="s">
        <v>315</v>
      </c>
      <c r="B58402" s="14" t="s">
        <v>1</v>
      </c>
      <c r="C58402" s="14" t="s">
        <v>51</v>
      </c>
      <c r="D58402" s="14" t="s">
        <v>193</v>
      </c>
      <c r="E58402" s="15">
        <v>45743</v>
      </c>
      <c r="F58402" s="14" t="s">
        <v>15</v>
      </c>
      <c r="G58402" s="16">
        <v>0</v>
      </c>
    </row>
    <row r="58403" spans="1:7" x14ac:dyDescent="0.3">
      <c r="A58403" s="13" t="s">
        <v>315</v>
      </c>
      <c r="B58403" s="14" t="s">
        <v>1</v>
      </c>
      <c r="C58403" s="14" t="s">
        <v>51</v>
      </c>
      <c r="D58403" s="14" t="s">
        <v>193</v>
      </c>
      <c r="E58403" s="15">
        <v>45744</v>
      </c>
      <c r="F58403" s="14" t="s">
        <v>15</v>
      </c>
      <c r="G58403" s="16">
        <v>0</v>
      </c>
    </row>
    <row r="58404" spans="1:7" x14ac:dyDescent="0.3">
      <c r="A58404" s="13" t="s">
        <v>315</v>
      </c>
      <c r="B58404" s="14" t="s">
        <v>1</v>
      </c>
      <c r="C58404" s="14" t="s">
        <v>51</v>
      </c>
      <c r="D58404" s="14" t="s">
        <v>193</v>
      </c>
      <c r="E58404" s="15">
        <v>45745</v>
      </c>
      <c r="F58404" s="14" t="s">
        <v>15</v>
      </c>
      <c r="G58404" s="16">
        <v>0</v>
      </c>
    </row>
    <row r="58405" spans="1:7" x14ac:dyDescent="0.3">
      <c r="A58405" s="13" t="s">
        <v>315</v>
      </c>
      <c r="B58405" s="14" t="s">
        <v>1</v>
      </c>
      <c r="C58405" s="14" t="s">
        <v>51</v>
      </c>
      <c r="D58405" s="14" t="s">
        <v>193</v>
      </c>
      <c r="E58405" s="15">
        <v>45746</v>
      </c>
      <c r="F58405" s="14" t="s">
        <v>15</v>
      </c>
      <c r="G58405" s="16">
        <v>0</v>
      </c>
    </row>
    <row r="58406" spans="1:7" x14ac:dyDescent="0.3">
      <c r="A58406" s="13" t="s">
        <v>315</v>
      </c>
      <c r="B58406" s="14" t="s">
        <v>1</v>
      </c>
      <c r="C58406" s="14" t="s">
        <v>51</v>
      </c>
      <c r="D58406" s="14" t="s">
        <v>193</v>
      </c>
      <c r="E58406" s="15">
        <v>45747</v>
      </c>
      <c r="F58406" s="14" t="s">
        <v>15</v>
      </c>
      <c r="G58406" s="16">
        <v>0</v>
      </c>
    </row>
    <row r="58407" spans="1:7" x14ac:dyDescent="0.3">
      <c r="A58407" s="13" t="s">
        <v>316</v>
      </c>
      <c r="B58407" s="14" t="s">
        <v>1</v>
      </c>
      <c r="C58407" s="14" t="s">
        <v>150</v>
      </c>
      <c r="D58407" s="14" t="s">
        <v>317</v>
      </c>
      <c r="E58407" s="15">
        <v>45383</v>
      </c>
      <c r="F58407" s="14" t="s">
        <v>61</v>
      </c>
      <c r="G58407" s="16">
        <v>0</v>
      </c>
    </row>
    <row r="58408" spans="1:7" x14ac:dyDescent="0.3">
      <c r="A58408" s="13" t="s">
        <v>316</v>
      </c>
      <c r="B58408" s="14" t="s">
        <v>1</v>
      </c>
      <c r="C58408" s="14" t="s">
        <v>150</v>
      </c>
      <c r="D58408" s="14" t="s">
        <v>317</v>
      </c>
      <c r="E58408" s="15">
        <v>45384</v>
      </c>
      <c r="F58408" s="14" t="s">
        <v>61</v>
      </c>
      <c r="G58408" s="16">
        <v>0</v>
      </c>
    </row>
    <row r="58409" spans="1:7" x14ac:dyDescent="0.3">
      <c r="A58409" s="13" t="s">
        <v>316</v>
      </c>
      <c r="B58409" s="14" t="s">
        <v>1</v>
      </c>
      <c r="C58409" s="14" t="s">
        <v>150</v>
      </c>
      <c r="D58409" s="14" t="s">
        <v>317</v>
      </c>
      <c r="E58409" s="15">
        <v>45385</v>
      </c>
      <c r="F58409" s="14" t="s">
        <v>61</v>
      </c>
      <c r="G58409" s="16">
        <v>1.7449107737009799E-2</v>
      </c>
    </row>
    <row r="58410" spans="1:7" x14ac:dyDescent="0.3">
      <c r="A58410" s="13" t="s">
        <v>316</v>
      </c>
      <c r="B58410" s="14" t="s">
        <v>1</v>
      </c>
      <c r="C58410" s="14" t="s">
        <v>150</v>
      </c>
      <c r="D58410" s="14" t="s">
        <v>317</v>
      </c>
      <c r="E58410" s="15">
        <v>45386</v>
      </c>
      <c r="F58410" s="14" t="s">
        <v>61</v>
      </c>
      <c r="G58410" s="16">
        <v>2.9383155995406595E-2</v>
      </c>
    </row>
    <row r="58411" spans="1:7" x14ac:dyDescent="0.3">
      <c r="A58411" s="13" t="s">
        <v>316</v>
      </c>
      <c r="B58411" s="14" t="s">
        <v>1</v>
      </c>
      <c r="C58411" s="14" t="s">
        <v>150</v>
      </c>
      <c r="D58411" s="14" t="s">
        <v>317</v>
      </c>
      <c r="E58411" s="15">
        <v>45387</v>
      </c>
      <c r="F58411" s="14" t="s">
        <v>61</v>
      </c>
      <c r="G58411" s="16">
        <v>3.333947709612179E-2</v>
      </c>
    </row>
    <row r="58412" spans="1:7" x14ac:dyDescent="0.3">
      <c r="A58412" s="13" t="s">
        <v>316</v>
      </c>
      <c r="B58412" s="14" t="s">
        <v>1</v>
      </c>
      <c r="C58412" s="14" t="s">
        <v>150</v>
      </c>
      <c r="D58412" s="14" t="s">
        <v>317</v>
      </c>
      <c r="E58412" s="15">
        <v>45388</v>
      </c>
      <c r="F58412" s="14" t="s">
        <v>61</v>
      </c>
      <c r="G58412" s="16">
        <v>3.333947709612179E-2</v>
      </c>
    </row>
    <row r="58413" spans="1:7" x14ac:dyDescent="0.3">
      <c r="A58413" s="13" t="s">
        <v>316</v>
      </c>
      <c r="B58413" s="14" t="s">
        <v>1</v>
      </c>
      <c r="C58413" s="14" t="s">
        <v>150</v>
      </c>
      <c r="D58413" s="14" t="s">
        <v>317</v>
      </c>
      <c r="E58413" s="15">
        <v>45389</v>
      </c>
      <c r="F58413" s="14" t="s">
        <v>61</v>
      </c>
      <c r="G58413" s="16">
        <v>3.333947709612179E-2</v>
      </c>
    </row>
    <row r="58414" spans="1:7" x14ac:dyDescent="0.3">
      <c r="A58414" s="13" t="s">
        <v>316</v>
      </c>
      <c r="B58414" s="14" t="s">
        <v>1</v>
      </c>
      <c r="C58414" s="14" t="s">
        <v>150</v>
      </c>
      <c r="D58414" s="14" t="s">
        <v>317</v>
      </c>
      <c r="E58414" s="15">
        <v>45390</v>
      </c>
      <c r="F58414" s="14" t="s">
        <v>61</v>
      </c>
      <c r="G58414" s="16">
        <v>4.5435509662288771E-2</v>
      </c>
    </row>
    <row r="58415" spans="1:7" x14ac:dyDescent="0.3">
      <c r="A58415" s="13" t="s">
        <v>316</v>
      </c>
      <c r="B58415" s="14" t="s">
        <v>1</v>
      </c>
      <c r="C58415" s="14" t="s">
        <v>150</v>
      </c>
      <c r="D58415" s="14" t="s">
        <v>317</v>
      </c>
      <c r="E58415" s="15">
        <v>45391</v>
      </c>
      <c r="F58415" s="14" t="s">
        <v>61</v>
      </c>
      <c r="G58415" s="16">
        <v>6.1219216235036365E-2</v>
      </c>
    </row>
    <row r="58416" spans="1:7" x14ac:dyDescent="0.3">
      <c r="A58416" s="13" t="s">
        <v>316</v>
      </c>
      <c r="B58416" s="14" t="s">
        <v>1</v>
      </c>
      <c r="C58416" s="14" t="s">
        <v>150</v>
      </c>
      <c r="D58416" s="14" t="s">
        <v>317</v>
      </c>
      <c r="E58416" s="15">
        <v>45392</v>
      </c>
      <c r="F58416" s="14" t="s">
        <v>61</v>
      </c>
      <c r="G58416" s="16">
        <v>6.5879156672628295E-2</v>
      </c>
    </row>
    <row r="58417" spans="1:7" x14ac:dyDescent="0.3">
      <c r="A58417" s="13" t="s">
        <v>316</v>
      </c>
      <c r="B58417" s="14" t="s">
        <v>1</v>
      </c>
      <c r="C58417" s="14" t="s">
        <v>150</v>
      </c>
      <c r="D58417" s="14" t="s">
        <v>317</v>
      </c>
      <c r="E58417" s="15">
        <v>45393</v>
      </c>
      <c r="F58417" s="14" t="s">
        <v>61</v>
      </c>
      <c r="G58417" s="16">
        <v>7.0187287441781876E-2</v>
      </c>
    </row>
    <row r="58418" spans="1:7" x14ac:dyDescent="0.3">
      <c r="A58418" s="13" t="s">
        <v>316</v>
      </c>
      <c r="B58418" s="14" t="s">
        <v>1</v>
      </c>
      <c r="C58418" s="14" t="s">
        <v>150</v>
      </c>
      <c r="D58418" s="14" t="s">
        <v>317</v>
      </c>
      <c r="E58418" s="15">
        <v>45394</v>
      </c>
      <c r="F58418" s="14" t="s">
        <v>61</v>
      </c>
      <c r="G58418" s="16">
        <v>7.4538445292686883E-2</v>
      </c>
    </row>
    <row r="58419" spans="1:7" x14ac:dyDescent="0.3">
      <c r="A58419" s="13" t="s">
        <v>316</v>
      </c>
      <c r="B58419" s="14" t="s">
        <v>1</v>
      </c>
      <c r="C58419" s="14" t="s">
        <v>150</v>
      </c>
      <c r="D58419" s="14" t="s">
        <v>317</v>
      </c>
      <c r="E58419" s="15">
        <v>45395</v>
      </c>
      <c r="F58419" s="14" t="s">
        <v>61</v>
      </c>
      <c r="G58419" s="16">
        <v>7.4538445292686883E-2</v>
      </c>
    </row>
    <row r="58420" spans="1:7" x14ac:dyDescent="0.3">
      <c r="A58420" s="13" t="s">
        <v>316</v>
      </c>
      <c r="B58420" s="14" t="s">
        <v>1</v>
      </c>
      <c r="C58420" s="14" t="s">
        <v>150</v>
      </c>
      <c r="D58420" s="14" t="s">
        <v>317</v>
      </c>
      <c r="E58420" s="15">
        <v>45396</v>
      </c>
      <c r="F58420" s="14" t="s">
        <v>61</v>
      </c>
      <c r="G58420" s="16">
        <v>7.4538445292686883E-2</v>
      </c>
    </row>
    <row r="58421" spans="1:7" x14ac:dyDescent="0.3">
      <c r="A58421" s="13" t="s">
        <v>316</v>
      </c>
      <c r="B58421" s="14" t="s">
        <v>1</v>
      </c>
      <c r="C58421" s="14" t="s">
        <v>150</v>
      </c>
      <c r="D58421" s="14" t="s">
        <v>317</v>
      </c>
      <c r="E58421" s="15">
        <v>45397</v>
      </c>
      <c r="F58421" s="14" t="s">
        <v>61</v>
      </c>
      <c r="G58421" s="16">
        <v>8.0069051384543566E-2</v>
      </c>
    </row>
    <row r="58422" spans="1:7" x14ac:dyDescent="0.3">
      <c r="A58422" s="13" t="s">
        <v>316</v>
      </c>
      <c r="B58422" s="14" t="s">
        <v>1</v>
      </c>
      <c r="C58422" s="14" t="s">
        <v>150</v>
      </c>
      <c r="D58422" s="14" t="s">
        <v>317</v>
      </c>
      <c r="E58422" s="15">
        <v>45398</v>
      </c>
      <c r="F58422" s="14" t="s">
        <v>61</v>
      </c>
      <c r="G58422" s="16">
        <v>9.2919323383765476E-2</v>
      </c>
    </row>
    <row r="58423" spans="1:7" x14ac:dyDescent="0.3">
      <c r="A58423" s="13" t="s">
        <v>316</v>
      </c>
      <c r="B58423" s="14" t="s">
        <v>1</v>
      </c>
      <c r="C58423" s="14" t="s">
        <v>150</v>
      </c>
      <c r="D58423" s="14" t="s">
        <v>317</v>
      </c>
      <c r="E58423" s="15">
        <v>45399</v>
      </c>
      <c r="F58423" s="14" t="s">
        <v>61</v>
      </c>
      <c r="G58423" s="16">
        <v>9.712115195094484E-2</v>
      </c>
    </row>
    <row r="58424" spans="1:7" x14ac:dyDescent="0.3">
      <c r="A58424" s="13" t="s">
        <v>316</v>
      </c>
      <c r="B58424" s="14" t="s">
        <v>1</v>
      </c>
      <c r="C58424" s="14" t="s">
        <v>150</v>
      </c>
      <c r="D58424" s="14" t="s">
        <v>317</v>
      </c>
      <c r="E58424" s="15">
        <v>45400</v>
      </c>
      <c r="F58424" s="14" t="s">
        <v>61</v>
      </c>
      <c r="G58424" s="16">
        <v>0.10040169476768129</v>
      </c>
    </row>
    <row r="58425" spans="1:7" x14ac:dyDescent="0.3">
      <c r="A58425" s="13" t="s">
        <v>316</v>
      </c>
      <c r="B58425" s="14" t="s">
        <v>1</v>
      </c>
      <c r="C58425" s="14" t="s">
        <v>150</v>
      </c>
      <c r="D58425" s="14" t="s">
        <v>317</v>
      </c>
      <c r="E58425" s="15">
        <v>45401</v>
      </c>
      <c r="F58425" s="14" t="s">
        <v>61</v>
      </c>
      <c r="G58425" s="16">
        <v>0.10622589741737143</v>
      </c>
    </row>
    <row r="58426" spans="1:7" x14ac:dyDescent="0.3">
      <c r="A58426" s="13" t="s">
        <v>316</v>
      </c>
      <c r="B58426" s="14" t="s">
        <v>1</v>
      </c>
      <c r="C58426" s="14" t="s">
        <v>150</v>
      </c>
      <c r="D58426" s="14" t="s">
        <v>317</v>
      </c>
      <c r="E58426" s="15">
        <v>45402</v>
      </c>
      <c r="F58426" s="14" t="s">
        <v>61</v>
      </c>
      <c r="G58426" s="16">
        <v>0.10622589741737143</v>
      </c>
    </row>
    <row r="58427" spans="1:7" x14ac:dyDescent="0.3">
      <c r="A58427" s="13" t="s">
        <v>316</v>
      </c>
      <c r="B58427" s="14" t="s">
        <v>1</v>
      </c>
      <c r="C58427" s="14" t="s">
        <v>150</v>
      </c>
      <c r="D58427" s="14" t="s">
        <v>317</v>
      </c>
      <c r="E58427" s="15">
        <v>45403</v>
      </c>
      <c r="F58427" s="14" t="s">
        <v>61</v>
      </c>
      <c r="G58427" s="16">
        <v>0.10622589741737143</v>
      </c>
    </row>
    <row r="58428" spans="1:7" x14ac:dyDescent="0.3">
      <c r="A58428" s="13" t="s">
        <v>316</v>
      </c>
      <c r="B58428" s="14" t="s">
        <v>1</v>
      </c>
      <c r="C58428" s="14" t="s">
        <v>150</v>
      </c>
      <c r="D58428" s="14" t="s">
        <v>317</v>
      </c>
      <c r="E58428" s="15">
        <v>45404</v>
      </c>
      <c r="F58428" s="14" t="s">
        <v>61</v>
      </c>
      <c r="G58428" s="16">
        <v>0.11040494694127062</v>
      </c>
    </row>
    <row r="58429" spans="1:7" x14ac:dyDescent="0.3">
      <c r="A58429" s="13" t="s">
        <v>316</v>
      </c>
      <c r="B58429" s="14" t="s">
        <v>1</v>
      </c>
      <c r="C58429" s="14" t="s">
        <v>150</v>
      </c>
      <c r="D58429" s="14" t="s">
        <v>317</v>
      </c>
      <c r="E58429" s="15">
        <v>45405</v>
      </c>
      <c r="F58429" s="14" t="s">
        <v>61</v>
      </c>
      <c r="G58429" s="16">
        <v>0.13260728170941177</v>
      </c>
    </row>
    <row r="58430" spans="1:7" x14ac:dyDescent="0.3">
      <c r="A58430" s="13" t="s">
        <v>316</v>
      </c>
      <c r="B58430" s="14" t="s">
        <v>1</v>
      </c>
      <c r="C58430" s="14" t="s">
        <v>150</v>
      </c>
      <c r="D58430" s="14" t="s">
        <v>317</v>
      </c>
      <c r="E58430" s="15">
        <v>45406</v>
      </c>
      <c r="F58430" s="14" t="s">
        <v>61</v>
      </c>
      <c r="G58430" s="16">
        <v>0.13853019354664939</v>
      </c>
    </row>
    <row r="58431" spans="1:7" x14ac:dyDescent="0.3">
      <c r="A58431" s="13" t="s">
        <v>316</v>
      </c>
      <c r="B58431" s="14" t="s">
        <v>1</v>
      </c>
      <c r="C58431" s="14" t="s">
        <v>150</v>
      </c>
      <c r="D58431" s="14" t="s">
        <v>317</v>
      </c>
      <c r="E58431" s="15">
        <v>45407</v>
      </c>
      <c r="F58431" s="14" t="s">
        <v>61</v>
      </c>
      <c r="G58431" s="16">
        <v>0.14283579331099405</v>
      </c>
    </row>
    <row r="58432" spans="1:7" x14ac:dyDescent="0.3">
      <c r="A58432" s="13" t="s">
        <v>316</v>
      </c>
      <c r="B58432" s="14" t="s">
        <v>1</v>
      </c>
      <c r="C58432" s="14" t="s">
        <v>150</v>
      </c>
      <c r="D58432" s="14" t="s">
        <v>317</v>
      </c>
      <c r="E58432" s="15">
        <v>45408</v>
      </c>
      <c r="F58432" s="14" t="s">
        <v>61</v>
      </c>
      <c r="G58432" s="16">
        <v>0.14748307872454142</v>
      </c>
    </row>
    <row r="58433" spans="1:7" x14ac:dyDescent="0.3">
      <c r="A58433" s="13" t="s">
        <v>316</v>
      </c>
      <c r="B58433" s="14" t="s">
        <v>1</v>
      </c>
      <c r="C58433" s="14" t="s">
        <v>150</v>
      </c>
      <c r="D58433" s="14" t="s">
        <v>317</v>
      </c>
      <c r="E58433" s="15">
        <v>45409</v>
      </c>
      <c r="F58433" s="14" t="s">
        <v>61</v>
      </c>
      <c r="G58433" s="16">
        <v>0.14748307872454142</v>
      </c>
    </row>
    <row r="58434" spans="1:7" x14ac:dyDescent="0.3">
      <c r="A58434" s="13" t="s">
        <v>316</v>
      </c>
      <c r="B58434" s="14" t="s">
        <v>1</v>
      </c>
      <c r="C58434" s="14" t="s">
        <v>150</v>
      </c>
      <c r="D58434" s="14" t="s">
        <v>317</v>
      </c>
      <c r="E58434" s="15">
        <v>45410</v>
      </c>
      <c r="F58434" s="14" t="s">
        <v>61</v>
      </c>
      <c r="G58434" s="16">
        <v>0.14748307872454142</v>
      </c>
    </row>
    <row r="58435" spans="1:7" x14ac:dyDescent="0.3">
      <c r="A58435" s="13" t="s">
        <v>316</v>
      </c>
      <c r="B58435" s="14" t="s">
        <v>1</v>
      </c>
      <c r="C58435" s="14" t="s">
        <v>150</v>
      </c>
      <c r="D58435" s="14" t="s">
        <v>317</v>
      </c>
      <c r="E58435" s="15">
        <v>45411</v>
      </c>
      <c r="F58435" s="14" t="s">
        <v>61</v>
      </c>
      <c r="G58435" s="16">
        <v>0.1518139885369752</v>
      </c>
    </row>
    <row r="58436" spans="1:7" x14ac:dyDescent="0.3">
      <c r="A58436" s="13" t="s">
        <v>316</v>
      </c>
      <c r="B58436" s="14" t="s">
        <v>1</v>
      </c>
      <c r="C58436" s="14" t="s">
        <v>150</v>
      </c>
      <c r="D58436" s="14" t="s">
        <v>317</v>
      </c>
      <c r="E58436" s="15">
        <v>45412</v>
      </c>
      <c r="F58436" s="14" t="s">
        <v>61</v>
      </c>
      <c r="G58436" s="16">
        <v>0.16582599174348639</v>
      </c>
    </row>
    <row r="58437" spans="1:7" x14ac:dyDescent="0.3">
      <c r="A58437" s="13" t="s">
        <v>316</v>
      </c>
      <c r="B58437" s="14" t="s">
        <v>1</v>
      </c>
      <c r="C58437" s="14" t="s">
        <v>150</v>
      </c>
      <c r="D58437" s="14" t="s">
        <v>317</v>
      </c>
      <c r="E58437" s="15">
        <v>45413</v>
      </c>
      <c r="F58437" s="14" t="s">
        <v>61</v>
      </c>
      <c r="G58437" s="16">
        <v>0.16582599174348639</v>
      </c>
    </row>
    <row r="58438" spans="1:7" x14ac:dyDescent="0.3">
      <c r="A58438" s="13" t="s">
        <v>316</v>
      </c>
      <c r="B58438" s="14" t="s">
        <v>1</v>
      </c>
      <c r="C58438" s="14" t="s">
        <v>150</v>
      </c>
      <c r="D58438" s="14" t="s">
        <v>317</v>
      </c>
      <c r="E58438" s="15">
        <v>45414</v>
      </c>
      <c r="F58438" s="14" t="s">
        <v>61</v>
      </c>
      <c r="G58438" s="16">
        <v>0.17067322653693762</v>
      </c>
    </row>
    <row r="58439" spans="1:7" x14ac:dyDescent="0.3">
      <c r="A58439" s="13" t="s">
        <v>316</v>
      </c>
      <c r="B58439" s="14" t="s">
        <v>1</v>
      </c>
      <c r="C58439" s="14" t="s">
        <v>150</v>
      </c>
      <c r="D58439" s="14" t="s">
        <v>317</v>
      </c>
      <c r="E58439" s="15">
        <v>45415</v>
      </c>
      <c r="F58439" s="14" t="s">
        <v>61</v>
      </c>
      <c r="G58439" s="16">
        <v>0.18865637628862725</v>
      </c>
    </row>
    <row r="58440" spans="1:7" x14ac:dyDescent="0.3">
      <c r="A58440" s="13" t="s">
        <v>316</v>
      </c>
      <c r="B58440" s="14" t="s">
        <v>1</v>
      </c>
      <c r="C58440" s="14" t="s">
        <v>150</v>
      </c>
      <c r="D58440" s="14" t="s">
        <v>317</v>
      </c>
      <c r="E58440" s="15">
        <v>45416</v>
      </c>
      <c r="F58440" s="14" t="s">
        <v>61</v>
      </c>
      <c r="G58440" s="16">
        <v>0.18865637628862725</v>
      </c>
    </row>
    <row r="58441" spans="1:7" x14ac:dyDescent="0.3">
      <c r="A58441" s="13" t="s">
        <v>316</v>
      </c>
      <c r="B58441" s="14" t="s">
        <v>1</v>
      </c>
      <c r="C58441" s="14" t="s">
        <v>150</v>
      </c>
      <c r="D58441" s="14" t="s">
        <v>317</v>
      </c>
      <c r="E58441" s="15">
        <v>45417</v>
      </c>
      <c r="F58441" s="14" t="s">
        <v>61</v>
      </c>
      <c r="G58441" s="16">
        <v>0.18865637628862725</v>
      </c>
    </row>
    <row r="58442" spans="1:7" x14ac:dyDescent="0.3">
      <c r="A58442" s="13" t="s">
        <v>316</v>
      </c>
      <c r="B58442" s="14" t="s">
        <v>1</v>
      </c>
      <c r="C58442" s="14" t="s">
        <v>150</v>
      </c>
      <c r="D58442" s="14" t="s">
        <v>317</v>
      </c>
      <c r="E58442" s="15">
        <v>45418</v>
      </c>
      <c r="F58442" s="14" t="s">
        <v>61</v>
      </c>
      <c r="G58442" s="16">
        <v>0.18865637628862725</v>
      </c>
    </row>
    <row r="58443" spans="1:7" x14ac:dyDescent="0.3">
      <c r="A58443" s="13" t="s">
        <v>316</v>
      </c>
      <c r="B58443" s="14" t="s">
        <v>1</v>
      </c>
      <c r="C58443" s="14" t="s">
        <v>150</v>
      </c>
      <c r="D58443" s="14" t="s">
        <v>317</v>
      </c>
      <c r="E58443" s="15">
        <v>45419</v>
      </c>
      <c r="F58443" s="14" t="s">
        <v>61</v>
      </c>
      <c r="G58443" s="16">
        <v>0.19316192543287572</v>
      </c>
    </row>
    <row r="58444" spans="1:7" x14ac:dyDescent="0.3">
      <c r="A58444" s="13" t="s">
        <v>316</v>
      </c>
      <c r="B58444" s="14" t="s">
        <v>1</v>
      </c>
      <c r="C58444" s="14" t="s">
        <v>150</v>
      </c>
      <c r="D58444" s="14" t="s">
        <v>317</v>
      </c>
      <c r="E58444" s="15">
        <v>45420</v>
      </c>
      <c r="F58444" s="14" t="s">
        <v>61</v>
      </c>
      <c r="G58444" s="16">
        <v>0.21037564972265699</v>
      </c>
    </row>
    <row r="58445" spans="1:7" x14ac:dyDescent="0.3">
      <c r="A58445" s="13" t="s">
        <v>316</v>
      </c>
      <c r="B58445" s="14" t="s">
        <v>1</v>
      </c>
      <c r="C58445" s="14" t="s">
        <v>150</v>
      </c>
      <c r="D58445" s="14" t="s">
        <v>317</v>
      </c>
      <c r="E58445" s="15">
        <v>45421</v>
      </c>
      <c r="F58445" s="14" t="s">
        <v>61</v>
      </c>
      <c r="G58445" s="16">
        <v>0.21037564972265699</v>
      </c>
    </row>
    <row r="58446" spans="1:7" x14ac:dyDescent="0.3">
      <c r="A58446" s="13" t="s">
        <v>316</v>
      </c>
      <c r="B58446" s="14" t="s">
        <v>1</v>
      </c>
      <c r="C58446" s="14" t="s">
        <v>150</v>
      </c>
      <c r="D58446" s="14" t="s">
        <v>317</v>
      </c>
      <c r="E58446" s="15">
        <v>45422</v>
      </c>
      <c r="F58446" s="14" t="s">
        <v>61</v>
      </c>
      <c r="G58446" s="16">
        <v>0.21480526872263819</v>
      </c>
    </row>
    <row r="58447" spans="1:7" x14ac:dyDescent="0.3">
      <c r="A58447" s="13" t="s">
        <v>316</v>
      </c>
      <c r="B58447" s="14" t="s">
        <v>1</v>
      </c>
      <c r="C58447" s="14" t="s">
        <v>150</v>
      </c>
      <c r="D58447" s="14" t="s">
        <v>317</v>
      </c>
      <c r="E58447" s="15">
        <v>45423</v>
      </c>
      <c r="F58447" s="14" t="s">
        <v>61</v>
      </c>
      <c r="G58447" s="16">
        <v>0.21480526872263819</v>
      </c>
    </row>
    <row r="58448" spans="1:7" x14ac:dyDescent="0.3">
      <c r="A58448" s="13" t="s">
        <v>316</v>
      </c>
      <c r="B58448" s="14" t="s">
        <v>1</v>
      </c>
      <c r="C58448" s="14" t="s">
        <v>150</v>
      </c>
      <c r="D58448" s="14" t="s">
        <v>317</v>
      </c>
      <c r="E58448" s="15">
        <v>45424</v>
      </c>
      <c r="F58448" s="14" t="s">
        <v>61</v>
      </c>
      <c r="G58448" s="16">
        <v>0.21480526872263819</v>
      </c>
    </row>
    <row r="58449" spans="1:7" x14ac:dyDescent="0.3">
      <c r="A58449" s="13" t="s">
        <v>316</v>
      </c>
      <c r="B58449" s="14" t="s">
        <v>1</v>
      </c>
      <c r="C58449" s="14" t="s">
        <v>150</v>
      </c>
      <c r="D58449" s="14" t="s">
        <v>317</v>
      </c>
      <c r="E58449" s="15">
        <v>45425</v>
      </c>
      <c r="F58449" s="14" t="s">
        <v>61</v>
      </c>
      <c r="G58449" s="16">
        <v>0.22552696567756753</v>
      </c>
    </row>
    <row r="58450" spans="1:7" x14ac:dyDescent="0.3">
      <c r="A58450" s="13" t="s">
        <v>316</v>
      </c>
      <c r="B58450" s="14" t="s">
        <v>1</v>
      </c>
      <c r="C58450" s="14" t="s">
        <v>150</v>
      </c>
      <c r="D58450" s="14" t="s">
        <v>317</v>
      </c>
      <c r="E58450" s="15">
        <v>45426</v>
      </c>
      <c r="F58450" s="14" t="s">
        <v>61</v>
      </c>
      <c r="G58450" s="16">
        <v>0.24428207189597445</v>
      </c>
    </row>
    <row r="58451" spans="1:7" x14ac:dyDescent="0.3">
      <c r="A58451" s="13" t="s">
        <v>316</v>
      </c>
      <c r="B58451" s="14" t="s">
        <v>1</v>
      </c>
      <c r="C58451" s="14" t="s">
        <v>150</v>
      </c>
      <c r="D58451" s="14" t="s">
        <v>317</v>
      </c>
      <c r="E58451" s="15">
        <v>45427</v>
      </c>
      <c r="F58451" s="14" t="s">
        <v>61</v>
      </c>
      <c r="G58451" s="16">
        <v>0.24863576075168836</v>
      </c>
    </row>
    <row r="58452" spans="1:7" x14ac:dyDescent="0.3">
      <c r="A58452" s="13" t="s">
        <v>316</v>
      </c>
      <c r="B58452" s="14" t="s">
        <v>1</v>
      </c>
      <c r="C58452" s="14" t="s">
        <v>150</v>
      </c>
      <c r="D58452" s="14" t="s">
        <v>317</v>
      </c>
      <c r="E58452" s="15">
        <v>45428</v>
      </c>
      <c r="F58452" s="14" t="s">
        <v>61</v>
      </c>
      <c r="G58452" s="16">
        <v>0.25314890291036357</v>
      </c>
    </row>
    <row r="58453" spans="1:7" x14ac:dyDescent="0.3">
      <c r="A58453" s="13" t="s">
        <v>316</v>
      </c>
      <c r="B58453" s="14" t="s">
        <v>1</v>
      </c>
      <c r="C58453" s="14" t="s">
        <v>150</v>
      </c>
      <c r="D58453" s="14" t="s">
        <v>317</v>
      </c>
      <c r="E58453" s="15">
        <v>45429</v>
      </c>
      <c r="F58453" s="14" t="s">
        <v>61</v>
      </c>
      <c r="G58453" s="16">
        <v>0.30069671983492086</v>
      </c>
    </row>
    <row r="58454" spans="1:7" x14ac:dyDescent="0.3">
      <c r="A58454" s="13" t="s">
        <v>316</v>
      </c>
      <c r="B58454" s="14" t="s">
        <v>1</v>
      </c>
      <c r="C58454" s="14" t="s">
        <v>150</v>
      </c>
      <c r="D58454" s="14" t="s">
        <v>317</v>
      </c>
      <c r="E58454" s="15">
        <v>45430</v>
      </c>
      <c r="F58454" s="14" t="s">
        <v>61</v>
      </c>
      <c r="G58454" s="16">
        <v>0.30069671983492086</v>
      </c>
    </row>
    <row r="58455" spans="1:7" x14ac:dyDescent="0.3">
      <c r="A58455" s="13" t="s">
        <v>316</v>
      </c>
      <c r="B58455" s="14" t="s">
        <v>1</v>
      </c>
      <c r="C58455" s="14" t="s">
        <v>150</v>
      </c>
      <c r="D58455" s="14" t="s">
        <v>317</v>
      </c>
      <c r="E58455" s="15">
        <v>45431</v>
      </c>
      <c r="F58455" s="14" t="s">
        <v>61</v>
      </c>
      <c r="G58455" s="16">
        <v>0.30069671983492086</v>
      </c>
    </row>
    <row r="58456" spans="1:7" x14ac:dyDescent="0.3">
      <c r="A58456" s="13" t="s">
        <v>316</v>
      </c>
      <c r="B58456" s="14" t="s">
        <v>1</v>
      </c>
      <c r="C58456" s="14" t="s">
        <v>150</v>
      </c>
      <c r="D58456" s="14" t="s">
        <v>317</v>
      </c>
      <c r="E58456" s="15">
        <v>45432</v>
      </c>
      <c r="F58456" s="14" t="s">
        <v>61</v>
      </c>
      <c r="G58456" s="16">
        <v>0.30069671983492086</v>
      </c>
    </row>
    <row r="58457" spans="1:7" x14ac:dyDescent="0.3">
      <c r="A58457" s="13" t="s">
        <v>316</v>
      </c>
      <c r="B58457" s="14" t="s">
        <v>1</v>
      </c>
      <c r="C58457" s="14" t="s">
        <v>150</v>
      </c>
      <c r="D58457" s="14" t="s">
        <v>317</v>
      </c>
      <c r="E58457" s="15">
        <v>45433</v>
      </c>
      <c r="F58457" s="14" t="s">
        <v>61</v>
      </c>
      <c r="G58457" s="16">
        <v>0.30521998601283168</v>
      </c>
    </row>
    <row r="58458" spans="1:7" x14ac:dyDescent="0.3">
      <c r="A58458" s="13" t="s">
        <v>316</v>
      </c>
      <c r="B58458" s="14" t="s">
        <v>1</v>
      </c>
      <c r="C58458" s="14" t="s">
        <v>150</v>
      </c>
      <c r="D58458" s="14" t="s">
        <v>317</v>
      </c>
      <c r="E58458" s="15">
        <v>45434</v>
      </c>
      <c r="F58458" s="14" t="s">
        <v>61</v>
      </c>
      <c r="G58458" s="16">
        <v>0.32300023919912091</v>
      </c>
    </row>
    <row r="58459" spans="1:7" x14ac:dyDescent="0.3">
      <c r="A58459" s="13" t="s">
        <v>316</v>
      </c>
      <c r="B58459" s="14" t="s">
        <v>1</v>
      </c>
      <c r="C58459" s="14" t="s">
        <v>150</v>
      </c>
      <c r="D58459" s="14" t="s">
        <v>317</v>
      </c>
      <c r="E58459" s="15">
        <v>45435</v>
      </c>
      <c r="F58459" s="14" t="s">
        <v>61</v>
      </c>
      <c r="G58459" s="16">
        <v>0.33156915217922461</v>
      </c>
    </row>
    <row r="58460" spans="1:7" x14ac:dyDescent="0.3">
      <c r="A58460" s="13" t="s">
        <v>316</v>
      </c>
      <c r="B58460" s="14" t="s">
        <v>1</v>
      </c>
      <c r="C58460" s="14" t="s">
        <v>150</v>
      </c>
      <c r="D58460" s="14" t="s">
        <v>317</v>
      </c>
      <c r="E58460" s="15">
        <v>45436</v>
      </c>
      <c r="F58460" s="14" t="s">
        <v>61</v>
      </c>
      <c r="G58460" s="16">
        <v>0.33612002392221491</v>
      </c>
    </row>
    <row r="58461" spans="1:7" x14ac:dyDescent="0.3">
      <c r="A58461" s="13" t="s">
        <v>316</v>
      </c>
      <c r="B58461" s="14" t="s">
        <v>1</v>
      </c>
      <c r="C58461" s="14" t="s">
        <v>150</v>
      </c>
      <c r="D58461" s="14" t="s">
        <v>317</v>
      </c>
      <c r="E58461" s="15">
        <v>45437</v>
      </c>
      <c r="F58461" s="14" t="s">
        <v>61</v>
      </c>
      <c r="G58461" s="16">
        <v>0.33612002392221491</v>
      </c>
    </row>
    <row r="58462" spans="1:7" x14ac:dyDescent="0.3">
      <c r="A58462" s="13" t="s">
        <v>316</v>
      </c>
      <c r="B58462" s="14" t="s">
        <v>1</v>
      </c>
      <c r="C58462" s="14" t="s">
        <v>150</v>
      </c>
      <c r="D58462" s="14" t="s">
        <v>317</v>
      </c>
      <c r="E58462" s="15">
        <v>45438</v>
      </c>
      <c r="F58462" s="14" t="s">
        <v>61</v>
      </c>
      <c r="G58462" s="16">
        <v>0.33612002392221491</v>
      </c>
    </row>
    <row r="58463" spans="1:7" x14ac:dyDescent="0.3">
      <c r="A58463" s="13" t="s">
        <v>316</v>
      </c>
      <c r="B58463" s="14" t="s">
        <v>1</v>
      </c>
      <c r="C58463" s="14" t="s">
        <v>150</v>
      </c>
      <c r="D58463" s="14" t="s">
        <v>317</v>
      </c>
      <c r="E58463" s="15">
        <v>45439</v>
      </c>
      <c r="F58463" s="14" t="s">
        <v>61</v>
      </c>
      <c r="G58463" s="16">
        <v>0.34066574102602992</v>
      </c>
    </row>
    <row r="58464" spans="1:7" x14ac:dyDescent="0.3">
      <c r="A58464" s="13" t="s">
        <v>316</v>
      </c>
      <c r="B58464" s="14" t="s">
        <v>1</v>
      </c>
      <c r="C58464" s="14" t="s">
        <v>150</v>
      </c>
      <c r="D58464" s="14" t="s">
        <v>317</v>
      </c>
      <c r="E58464" s="15">
        <v>45440</v>
      </c>
      <c r="F58464" s="14" t="s">
        <v>61</v>
      </c>
      <c r="G58464" s="16">
        <v>0.3537604272020099</v>
      </c>
    </row>
    <row r="58465" spans="1:7" x14ac:dyDescent="0.3">
      <c r="A58465" s="13" t="s">
        <v>316</v>
      </c>
      <c r="B58465" s="14" t="s">
        <v>1</v>
      </c>
      <c r="C58465" s="14" t="s">
        <v>150</v>
      </c>
      <c r="D58465" s="14" t="s">
        <v>317</v>
      </c>
      <c r="E58465" s="15">
        <v>45441</v>
      </c>
      <c r="F58465" s="14" t="s">
        <v>61</v>
      </c>
      <c r="G58465" s="16">
        <v>0.35925459791407238</v>
      </c>
    </row>
    <row r="58466" spans="1:7" x14ac:dyDescent="0.3">
      <c r="A58466" s="13" t="s">
        <v>316</v>
      </c>
      <c r="B58466" s="14" t="s">
        <v>1</v>
      </c>
      <c r="C58466" s="14" t="s">
        <v>150</v>
      </c>
      <c r="D58466" s="14" t="s">
        <v>317</v>
      </c>
      <c r="E58466" s="15">
        <v>45442</v>
      </c>
      <c r="F58466" s="14" t="s">
        <v>61</v>
      </c>
      <c r="G58466" s="16">
        <v>0.36378227378077405</v>
      </c>
    </row>
    <row r="58467" spans="1:7" x14ac:dyDescent="0.3">
      <c r="A58467" s="13" t="s">
        <v>316</v>
      </c>
      <c r="B58467" s="14" t="s">
        <v>1</v>
      </c>
      <c r="C58467" s="14" t="s">
        <v>150</v>
      </c>
      <c r="D58467" s="14" t="s">
        <v>317</v>
      </c>
      <c r="E58467" s="15">
        <v>45443</v>
      </c>
      <c r="F58467" s="14" t="s">
        <v>61</v>
      </c>
      <c r="G58467" s="16">
        <v>0.36833314552376434</v>
      </c>
    </row>
    <row r="58468" spans="1:7" x14ac:dyDescent="0.3">
      <c r="A58468" s="13" t="s">
        <v>316</v>
      </c>
      <c r="B58468" s="14" t="s">
        <v>1</v>
      </c>
      <c r="C58468" s="14" t="s">
        <v>150</v>
      </c>
      <c r="D58468" s="14" t="s">
        <v>317</v>
      </c>
      <c r="E58468" s="15">
        <v>45444</v>
      </c>
      <c r="F58468" s="14" t="s">
        <v>61</v>
      </c>
      <c r="G58468" s="16">
        <v>0.36833314552376434</v>
      </c>
    </row>
    <row r="58469" spans="1:7" x14ac:dyDescent="0.3">
      <c r="A58469" s="13" t="s">
        <v>316</v>
      </c>
      <c r="B58469" s="14" t="s">
        <v>1</v>
      </c>
      <c r="C58469" s="14" t="s">
        <v>150</v>
      </c>
      <c r="D58469" s="14" t="s">
        <v>317</v>
      </c>
      <c r="E58469" s="15">
        <v>45445</v>
      </c>
      <c r="F58469" s="14" t="s">
        <v>61</v>
      </c>
      <c r="G58469" s="16">
        <v>0.36833314552376434</v>
      </c>
    </row>
    <row r="58470" spans="1:7" x14ac:dyDescent="0.3">
      <c r="A58470" s="13" t="s">
        <v>316</v>
      </c>
      <c r="B58470" s="14" t="s">
        <v>1</v>
      </c>
      <c r="C58470" s="14" t="s">
        <v>150</v>
      </c>
      <c r="D58470" s="14" t="s">
        <v>317</v>
      </c>
      <c r="E58470" s="15">
        <v>45446</v>
      </c>
      <c r="F58470" s="14" t="s">
        <v>61</v>
      </c>
      <c r="G58470" s="16">
        <v>0.36833314552376434</v>
      </c>
    </row>
    <row r="58471" spans="1:7" x14ac:dyDescent="0.3">
      <c r="A58471" s="13" t="s">
        <v>316</v>
      </c>
      <c r="B58471" s="14" t="s">
        <v>1</v>
      </c>
      <c r="C58471" s="14" t="s">
        <v>150</v>
      </c>
      <c r="D58471" s="14" t="s">
        <v>317</v>
      </c>
      <c r="E58471" s="15">
        <v>45447</v>
      </c>
      <c r="F58471" s="14" t="s">
        <v>61</v>
      </c>
      <c r="G58471" s="16">
        <v>0.37288143994716699</v>
      </c>
    </row>
    <row r="58472" spans="1:7" x14ac:dyDescent="0.3">
      <c r="A58472" s="13" t="s">
        <v>316</v>
      </c>
      <c r="B58472" s="14" t="s">
        <v>1</v>
      </c>
      <c r="C58472" s="14" t="s">
        <v>150</v>
      </c>
      <c r="D58472" s="14" t="s">
        <v>317</v>
      </c>
      <c r="E58472" s="15">
        <v>45448</v>
      </c>
      <c r="F58472" s="14" t="s">
        <v>61</v>
      </c>
      <c r="G58472" s="16">
        <v>0.40832921890665208</v>
      </c>
    </row>
    <row r="58473" spans="1:7" x14ac:dyDescent="0.3">
      <c r="A58473" s="13" t="s">
        <v>316</v>
      </c>
      <c r="B58473" s="14" t="s">
        <v>1</v>
      </c>
      <c r="C58473" s="14" t="s">
        <v>150</v>
      </c>
      <c r="D58473" s="14" t="s">
        <v>317</v>
      </c>
      <c r="E58473" s="15">
        <v>45449</v>
      </c>
      <c r="F58473" s="14" t="s">
        <v>61</v>
      </c>
      <c r="G58473" s="16">
        <v>0.41282596693830215</v>
      </c>
    </row>
    <row r="58474" spans="1:7" x14ac:dyDescent="0.3">
      <c r="A58474" s="13" t="s">
        <v>316</v>
      </c>
      <c r="B58474" s="14" t="s">
        <v>1</v>
      </c>
      <c r="C58474" s="14" t="s">
        <v>150</v>
      </c>
      <c r="D58474" s="14" t="s">
        <v>317</v>
      </c>
      <c r="E58474" s="15">
        <v>45450</v>
      </c>
      <c r="F58474" s="14" t="s">
        <v>61</v>
      </c>
      <c r="G58474" s="16">
        <v>0.41738714795964293</v>
      </c>
    </row>
    <row r="58475" spans="1:7" x14ac:dyDescent="0.3">
      <c r="A58475" s="13" t="s">
        <v>316</v>
      </c>
      <c r="B58475" s="14" t="s">
        <v>1</v>
      </c>
      <c r="C58475" s="14" t="s">
        <v>150</v>
      </c>
      <c r="D58475" s="14" t="s">
        <v>317</v>
      </c>
      <c r="E58475" s="15">
        <v>45451</v>
      </c>
      <c r="F58475" s="14" t="s">
        <v>61</v>
      </c>
      <c r="G58475" s="16">
        <v>0.41738714795964293</v>
      </c>
    </row>
    <row r="58476" spans="1:7" x14ac:dyDescent="0.3">
      <c r="A58476" s="13" t="s">
        <v>316</v>
      </c>
      <c r="B58476" s="14" t="s">
        <v>1</v>
      </c>
      <c r="C58476" s="14" t="s">
        <v>150</v>
      </c>
      <c r="D58476" s="14" t="s">
        <v>317</v>
      </c>
      <c r="E58476" s="15">
        <v>45452</v>
      </c>
      <c r="F58476" s="14" t="s">
        <v>61</v>
      </c>
      <c r="G58476" s="16">
        <v>0.41738714795964293</v>
      </c>
    </row>
    <row r="58477" spans="1:7" x14ac:dyDescent="0.3">
      <c r="A58477" s="13" t="s">
        <v>316</v>
      </c>
      <c r="B58477" s="14" t="s">
        <v>1</v>
      </c>
      <c r="C58477" s="14" t="s">
        <v>150</v>
      </c>
      <c r="D58477" s="14" t="s">
        <v>317</v>
      </c>
      <c r="E58477" s="15">
        <v>45453</v>
      </c>
      <c r="F58477" s="14" t="s">
        <v>61</v>
      </c>
      <c r="G58477" s="16">
        <v>0.42441997846551982</v>
      </c>
    </row>
    <row r="58478" spans="1:7" x14ac:dyDescent="0.3">
      <c r="A58478" s="13" t="s">
        <v>316</v>
      </c>
      <c r="B58478" s="14" t="s">
        <v>1</v>
      </c>
      <c r="C58478" s="14" t="s">
        <v>150</v>
      </c>
      <c r="D58478" s="14" t="s">
        <v>317</v>
      </c>
      <c r="E58478" s="15">
        <v>45454</v>
      </c>
      <c r="F58478" s="14" t="s">
        <v>61</v>
      </c>
      <c r="G58478" s="16">
        <v>0.43996827288892248</v>
      </c>
    </row>
    <row r="58479" spans="1:7" x14ac:dyDescent="0.3">
      <c r="A58479" s="13" t="s">
        <v>316</v>
      </c>
      <c r="B58479" s="14" t="s">
        <v>1</v>
      </c>
      <c r="C58479" s="14" t="s">
        <v>150</v>
      </c>
      <c r="D58479" s="14" t="s">
        <v>317</v>
      </c>
      <c r="E58479" s="15">
        <v>45455</v>
      </c>
      <c r="F58479" s="14" t="s">
        <v>61</v>
      </c>
      <c r="G58479" s="16">
        <v>0.44451656731232514</v>
      </c>
    </row>
    <row r="58480" spans="1:7" x14ac:dyDescent="0.3">
      <c r="A58480" s="13" t="s">
        <v>316</v>
      </c>
      <c r="B58480" s="14" t="s">
        <v>1</v>
      </c>
      <c r="C58480" s="14" t="s">
        <v>150</v>
      </c>
      <c r="D58480" s="14" t="s">
        <v>317</v>
      </c>
      <c r="E58480" s="15">
        <v>45456</v>
      </c>
      <c r="F58480" s="14" t="s">
        <v>61</v>
      </c>
      <c r="G58480" s="16">
        <v>0.44901073802438757</v>
      </c>
    </row>
    <row r="58481" spans="1:7" x14ac:dyDescent="0.3">
      <c r="A58481" s="13" t="s">
        <v>316</v>
      </c>
      <c r="B58481" s="14" t="s">
        <v>1</v>
      </c>
      <c r="C58481" s="14" t="s">
        <v>150</v>
      </c>
      <c r="D58481" s="14" t="s">
        <v>317</v>
      </c>
      <c r="E58481" s="15">
        <v>45457</v>
      </c>
      <c r="F58481" s="14" t="s">
        <v>61</v>
      </c>
      <c r="G58481" s="16">
        <v>0.45904099121067682</v>
      </c>
    </row>
    <row r="58482" spans="1:7" x14ac:dyDescent="0.3">
      <c r="A58482" s="13" t="s">
        <v>316</v>
      </c>
      <c r="B58482" s="14" t="s">
        <v>1</v>
      </c>
      <c r="C58482" s="14" t="s">
        <v>150</v>
      </c>
      <c r="D58482" s="14" t="s">
        <v>317</v>
      </c>
      <c r="E58482" s="15">
        <v>45458</v>
      </c>
      <c r="F58482" s="14" t="s">
        <v>61</v>
      </c>
      <c r="G58482" s="16">
        <v>0.45904099121067682</v>
      </c>
    </row>
    <row r="58483" spans="1:7" x14ac:dyDescent="0.3">
      <c r="A58483" s="13" t="s">
        <v>316</v>
      </c>
      <c r="B58483" s="14" t="s">
        <v>1</v>
      </c>
      <c r="C58483" s="14" t="s">
        <v>150</v>
      </c>
      <c r="D58483" s="14" t="s">
        <v>317</v>
      </c>
      <c r="E58483" s="15">
        <v>45459</v>
      </c>
      <c r="F58483" s="14" t="s">
        <v>61</v>
      </c>
      <c r="G58483" s="16">
        <v>0.45904099121067682</v>
      </c>
    </row>
    <row r="58484" spans="1:7" x14ac:dyDescent="0.3">
      <c r="A58484" s="13" t="s">
        <v>316</v>
      </c>
      <c r="B58484" s="14" t="s">
        <v>1</v>
      </c>
      <c r="C58484" s="14" t="s">
        <v>150</v>
      </c>
      <c r="D58484" s="14" t="s">
        <v>317</v>
      </c>
      <c r="E58484" s="15">
        <v>45460</v>
      </c>
      <c r="F58484" s="14" t="s">
        <v>61</v>
      </c>
      <c r="G58484" s="16">
        <v>0.46467433718047124</v>
      </c>
    </row>
    <row r="58485" spans="1:7" x14ac:dyDescent="0.3">
      <c r="A58485" s="13" t="s">
        <v>316</v>
      </c>
      <c r="B58485" s="14" t="s">
        <v>1</v>
      </c>
      <c r="C58485" s="14" t="s">
        <v>150</v>
      </c>
      <c r="D58485" s="14" t="s">
        <v>317</v>
      </c>
      <c r="E58485" s="15">
        <v>45461</v>
      </c>
      <c r="F58485" s="14" t="s">
        <v>61</v>
      </c>
      <c r="G58485" s="16">
        <v>0.47825098211933781</v>
      </c>
    </row>
    <row r="58486" spans="1:7" x14ac:dyDescent="0.3">
      <c r="A58486" s="13" t="s">
        <v>316</v>
      </c>
      <c r="B58486" s="14" t="s">
        <v>1</v>
      </c>
      <c r="C58486" s="14" t="s">
        <v>150</v>
      </c>
      <c r="D58486" s="14" t="s">
        <v>317</v>
      </c>
      <c r="E58486" s="15">
        <v>45462</v>
      </c>
      <c r="F58486" s="14" t="s">
        <v>61</v>
      </c>
      <c r="G58486" s="16">
        <v>0.48355958582109099</v>
      </c>
    </row>
    <row r="58487" spans="1:7" x14ac:dyDescent="0.3">
      <c r="A58487" s="13" t="s">
        <v>316</v>
      </c>
      <c r="B58487" s="14" t="s">
        <v>1</v>
      </c>
      <c r="C58487" s="14" t="s">
        <v>150</v>
      </c>
      <c r="D58487" s="14" t="s">
        <v>317</v>
      </c>
      <c r="E58487" s="15">
        <v>45463</v>
      </c>
      <c r="F58487" s="14" t="s">
        <v>61</v>
      </c>
      <c r="G58487" s="16">
        <v>0.48814911735789573</v>
      </c>
    </row>
    <row r="58488" spans="1:7" x14ac:dyDescent="0.3">
      <c r="A58488" s="13" t="s">
        <v>316</v>
      </c>
      <c r="B58488" s="14" t="s">
        <v>1</v>
      </c>
      <c r="C58488" s="14" t="s">
        <v>150</v>
      </c>
      <c r="D58488" s="14" t="s">
        <v>317</v>
      </c>
      <c r="E58488" s="15">
        <v>45464</v>
      </c>
      <c r="F58488" s="14" t="s">
        <v>61</v>
      </c>
      <c r="G58488" s="16">
        <v>0.49422060765758707</v>
      </c>
    </row>
    <row r="58489" spans="1:7" x14ac:dyDescent="0.3">
      <c r="A58489" s="13" t="s">
        <v>316</v>
      </c>
      <c r="B58489" s="14" t="s">
        <v>1</v>
      </c>
      <c r="C58489" s="14" t="s">
        <v>150</v>
      </c>
      <c r="D58489" s="14" t="s">
        <v>317</v>
      </c>
      <c r="E58489" s="15">
        <v>45465</v>
      </c>
      <c r="F58489" s="14" t="s">
        <v>61</v>
      </c>
      <c r="G58489" s="16">
        <v>0.49422060765758707</v>
      </c>
    </row>
    <row r="58490" spans="1:7" x14ac:dyDescent="0.3">
      <c r="A58490" s="13" t="s">
        <v>316</v>
      </c>
      <c r="B58490" s="14" t="s">
        <v>1</v>
      </c>
      <c r="C58490" s="14" t="s">
        <v>150</v>
      </c>
      <c r="D58490" s="14" t="s">
        <v>317</v>
      </c>
      <c r="E58490" s="15">
        <v>45466</v>
      </c>
      <c r="F58490" s="14" t="s">
        <v>61</v>
      </c>
      <c r="G58490" s="16">
        <v>0.49422060765758707</v>
      </c>
    </row>
    <row r="58491" spans="1:7" x14ac:dyDescent="0.3">
      <c r="A58491" s="13" t="s">
        <v>316</v>
      </c>
      <c r="B58491" s="14" t="s">
        <v>1</v>
      </c>
      <c r="C58491" s="14" t="s">
        <v>150</v>
      </c>
      <c r="D58491" s="14" t="s">
        <v>317</v>
      </c>
      <c r="E58491" s="15">
        <v>45467</v>
      </c>
      <c r="F58491" s="14" t="s">
        <v>61</v>
      </c>
      <c r="G58491" s="16">
        <v>0.49942611857583497</v>
      </c>
    </row>
    <row r="58492" spans="1:7" x14ac:dyDescent="0.3">
      <c r="A58492" s="13" t="s">
        <v>316</v>
      </c>
      <c r="B58492" s="14" t="s">
        <v>1</v>
      </c>
      <c r="C58492" s="14" t="s">
        <v>150</v>
      </c>
      <c r="D58492" s="14" t="s">
        <v>317</v>
      </c>
      <c r="E58492" s="15">
        <v>45468</v>
      </c>
      <c r="F58492" s="14" t="s">
        <v>61</v>
      </c>
      <c r="G58492" s="16">
        <v>0.51242286660748504</v>
      </c>
    </row>
    <row r="58493" spans="1:7" x14ac:dyDescent="0.3">
      <c r="A58493" s="13" t="s">
        <v>316</v>
      </c>
      <c r="B58493" s="14" t="s">
        <v>1</v>
      </c>
      <c r="C58493" s="14" t="s">
        <v>150</v>
      </c>
      <c r="D58493" s="14" t="s">
        <v>317</v>
      </c>
      <c r="E58493" s="15">
        <v>45469</v>
      </c>
      <c r="F58493" s="14" t="s">
        <v>61</v>
      </c>
      <c r="G58493" s="16">
        <v>0.51690930536078461</v>
      </c>
    </row>
    <row r="58494" spans="1:7" x14ac:dyDescent="0.3">
      <c r="A58494" s="13" t="s">
        <v>316</v>
      </c>
      <c r="B58494" s="14" t="s">
        <v>1</v>
      </c>
      <c r="C58494" s="14" t="s">
        <v>150</v>
      </c>
      <c r="D58494" s="14" t="s">
        <v>317</v>
      </c>
      <c r="E58494" s="15">
        <v>45470</v>
      </c>
      <c r="F58494" s="14" t="s">
        <v>61</v>
      </c>
      <c r="G58494" s="16">
        <v>0.52140347607284709</v>
      </c>
    </row>
    <row r="58495" spans="1:7" x14ac:dyDescent="0.3">
      <c r="A58495" s="13" t="s">
        <v>316</v>
      </c>
      <c r="B58495" s="14" t="s">
        <v>1</v>
      </c>
      <c r="C58495" s="14" t="s">
        <v>150</v>
      </c>
      <c r="D58495" s="14" t="s">
        <v>317</v>
      </c>
      <c r="E58495" s="15">
        <v>45471</v>
      </c>
      <c r="F58495" s="14" t="s">
        <v>61</v>
      </c>
      <c r="G58495" s="16">
        <v>0.52353682204264151</v>
      </c>
    </row>
    <row r="58496" spans="1:7" x14ac:dyDescent="0.3">
      <c r="A58496" s="13" t="s">
        <v>316</v>
      </c>
      <c r="B58496" s="14" t="s">
        <v>1</v>
      </c>
      <c r="C58496" s="14" t="s">
        <v>150</v>
      </c>
      <c r="D58496" s="14" t="s">
        <v>317</v>
      </c>
      <c r="E58496" s="15">
        <v>45472</v>
      </c>
      <c r="F58496" s="14" t="s">
        <v>61</v>
      </c>
      <c r="G58496" s="16">
        <v>0.52353682204264151</v>
      </c>
    </row>
    <row r="58497" spans="1:7" x14ac:dyDescent="0.3">
      <c r="A58497" s="13" t="s">
        <v>316</v>
      </c>
      <c r="B58497" s="14" t="s">
        <v>1</v>
      </c>
      <c r="C58497" s="14" t="s">
        <v>150</v>
      </c>
      <c r="D58497" s="14" t="s">
        <v>317</v>
      </c>
      <c r="E58497" s="15">
        <v>45473</v>
      </c>
      <c r="F58497" s="14" t="s">
        <v>61</v>
      </c>
      <c r="G58497" s="16">
        <v>0.52353682204264151</v>
      </c>
    </row>
    <row r="58498" spans="1:7" x14ac:dyDescent="0.3">
      <c r="A58498" s="13" t="s">
        <v>316</v>
      </c>
      <c r="B58498" s="14" t="s">
        <v>1</v>
      </c>
      <c r="C58498" s="14" t="s">
        <v>150</v>
      </c>
      <c r="D58498" s="14" t="s">
        <v>317</v>
      </c>
      <c r="E58498" s="15">
        <v>45474</v>
      </c>
      <c r="F58498" s="14" t="s">
        <v>61</v>
      </c>
      <c r="G58498" s="16">
        <v>0.5282062504866627</v>
      </c>
    </row>
    <row r="58499" spans="1:7" x14ac:dyDescent="0.3">
      <c r="A58499" s="13" t="s">
        <v>316</v>
      </c>
      <c r="B58499" s="14" t="s">
        <v>1</v>
      </c>
      <c r="C58499" s="14" t="s">
        <v>150</v>
      </c>
      <c r="D58499" s="14" t="s">
        <v>317</v>
      </c>
      <c r="E58499" s="15">
        <v>45475</v>
      </c>
      <c r="F58499" s="14" t="s">
        <v>61</v>
      </c>
      <c r="G58499" s="16">
        <v>0.5404710397554261</v>
      </c>
    </row>
    <row r="58500" spans="1:7" x14ac:dyDescent="0.3">
      <c r="A58500" s="13" t="s">
        <v>316</v>
      </c>
      <c r="B58500" s="14" t="s">
        <v>1</v>
      </c>
      <c r="C58500" s="14" t="s">
        <v>150</v>
      </c>
      <c r="D58500" s="14" t="s">
        <v>317</v>
      </c>
      <c r="E58500" s="15">
        <v>45476</v>
      </c>
      <c r="F58500" s="14" t="s">
        <v>61</v>
      </c>
      <c r="G58500" s="16">
        <v>0.55049871562212771</v>
      </c>
    </row>
    <row r="58501" spans="1:7" x14ac:dyDescent="0.3">
      <c r="A58501" s="13" t="s">
        <v>316</v>
      </c>
      <c r="B58501" s="14" t="s">
        <v>1</v>
      </c>
      <c r="C58501" s="14" t="s">
        <v>150</v>
      </c>
      <c r="D58501" s="14" t="s">
        <v>317</v>
      </c>
      <c r="E58501" s="15">
        <v>45477</v>
      </c>
      <c r="F58501" s="14" t="s">
        <v>61</v>
      </c>
      <c r="G58501" s="16">
        <v>0.55456762860223141</v>
      </c>
    </row>
    <row r="58502" spans="1:7" x14ac:dyDescent="0.3">
      <c r="A58502" s="13" t="s">
        <v>316</v>
      </c>
      <c r="B58502" s="14" t="s">
        <v>1</v>
      </c>
      <c r="C58502" s="14" t="s">
        <v>150</v>
      </c>
      <c r="D58502" s="14" t="s">
        <v>317</v>
      </c>
      <c r="E58502" s="15">
        <v>45478</v>
      </c>
      <c r="F58502" s="14" t="s">
        <v>61</v>
      </c>
      <c r="G58502" s="16">
        <v>0.55872674776790221</v>
      </c>
    </row>
    <row r="58503" spans="1:7" x14ac:dyDescent="0.3">
      <c r="A58503" s="13" t="s">
        <v>316</v>
      </c>
      <c r="B58503" s="14" t="s">
        <v>1</v>
      </c>
      <c r="C58503" s="14" t="s">
        <v>150</v>
      </c>
      <c r="D58503" s="14" t="s">
        <v>317</v>
      </c>
      <c r="E58503" s="15">
        <v>45479</v>
      </c>
      <c r="F58503" s="14" t="s">
        <v>61</v>
      </c>
      <c r="G58503" s="16">
        <v>0.55872674776790221</v>
      </c>
    </row>
    <row r="58504" spans="1:7" x14ac:dyDescent="0.3">
      <c r="A58504" s="13" t="s">
        <v>316</v>
      </c>
      <c r="B58504" s="14" t="s">
        <v>1</v>
      </c>
      <c r="C58504" s="14" t="s">
        <v>150</v>
      </c>
      <c r="D58504" s="14" t="s">
        <v>317</v>
      </c>
      <c r="E58504" s="15">
        <v>45480</v>
      </c>
      <c r="F58504" s="14" t="s">
        <v>61</v>
      </c>
      <c r="G58504" s="16">
        <v>0.55872674776790221</v>
      </c>
    </row>
    <row r="58505" spans="1:7" x14ac:dyDescent="0.3">
      <c r="A58505" s="13" t="s">
        <v>316</v>
      </c>
      <c r="B58505" s="14" t="s">
        <v>1</v>
      </c>
      <c r="C58505" s="14" t="s">
        <v>150</v>
      </c>
      <c r="D58505" s="14" t="s">
        <v>317</v>
      </c>
      <c r="E58505" s="15">
        <v>45481</v>
      </c>
      <c r="F58505" s="14" t="s">
        <v>61</v>
      </c>
      <c r="G58505" s="16">
        <v>0.56287298033563471</v>
      </c>
    </row>
    <row r="58506" spans="1:7" x14ac:dyDescent="0.3">
      <c r="A58506" s="13" t="s">
        <v>316</v>
      </c>
      <c r="B58506" s="14" t="s">
        <v>1</v>
      </c>
      <c r="C58506" s="14" t="s">
        <v>150</v>
      </c>
      <c r="D58506" s="14" t="s">
        <v>317</v>
      </c>
      <c r="E58506" s="15">
        <v>45482</v>
      </c>
      <c r="F58506" s="14" t="s">
        <v>61</v>
      </c>
      <c r="G58506" s="16">
        <v>0.57485684176934659</v>
      </c>
    </row>
    <row r="58507" spans="1:7" x14ac:dyDescent="0.3">
      <c r="A58507" s="13" t="s">
        <v>316</v>
      </c>
      <c r="B58507" s="14" t="s">
        <v>1</v>
      </c>
      <c r="C58507" s="14" t="s">
        <v>150</v>
      </c>
      <c r="D58507" s="14" t="s">
        <v>317</v>
      </c>
      <c r="E58507" s="15">
        <v>45483</v>
      </c>
      <c r="F58507" s="14" t="s">
        <v>61</v>
      </c>
      <c r="G58507" s="16">
        <v>0.58618348670821319</v>
      </c>
    </row>
    <row r="58508" spans="1:7" x14ac:dyDescent="0.3">
      <c r="A58508" s="13" t="s">
        <v>316</v>
      </c>
      <c r="B58508" s="14" t="s">
        <v>1</v>
      </c>
      <c r="C58508" s="14" t="s">
        <v>150</v>
      </c>
      <c r="D58508" s="14" t="s">
        <v>317</v>
      </c>
      <c r="E58508" s="15">
        <v>45484</v>
      </c>
      <c r="F58508" s="14" t="s">
        <v>61</v>
      </c>
      <c r="G58508" s="16">
        <v>0.59079105948213129</v>
      </c>
    </row>
    <row r="58509" spans="1:7" x14ac:dyDescent="0.3">
      <c r="A58509" s="13" t="s">
        <v>316</v>
      </c>
      <c r="B58509" s="14" t="s">
        <v>1</v>
      </c>
      <c r="C58509" s="14" t="s">
        <v>150</v>
      </c>
      <c r="D58509" s="14" t="s">
        <v>317</v>
      </c>
      <c r="E58509" s="15">
        <v>45485</v>
      </c>
      <c r="F58509" s="14" t="s">
        <v>61</v>
      </c>
      <c r="G58509" s="16">
        <v>0.59485739514264735</v>
      </c>
    </row>
    <row r="58510" spans="1:7" x14ac:dyDescent="0.3">
      <c r="A58510" s="13" t="s">
        <v>316</v>
      </c>
      <c r="B58510" s="14" t="s">
        <v>1</v>
      </c>
      <c r="C58510" s="14" t="s">
        <v>150</v>
      </c>
      <c r="D58510" s="14" t="s">
        <v>317</v>
      </c>
      <c r="E58510" s="15">
        <v>45486</v>
      </c>
      <c r="F58510" s="14" t="s">
        <v>61</v>
      </c>
      <c r="G58510" s="16">
        <v>0.59485739514264735</v>
      </c>
    </row>
    <row r="58511" spans="1:7" x14ac:dyDescent="0.3">
      <c r="A58511" s="13" t="s">
        <v>316</v>
      </c>
      <c r="B58511" s="14" t="s">
        <v>1</v>
      </c>
      <c r="C58511" s="14" t="s">
        <v>150</v>
      </c>
      <c r="D58511" s="14" t="s">
        <v>317</v>
      </c>
      <c r="E58511" s="15">
        <v>45487</v>
      </c>
      <c r="F58511" s="14" t="s">
        <v>61</v>
      </c>
      <c r="G58511" s="16">
        <v>0.59485739514264735</v>
      </c>
    </row>
    <row r="58512" spans="1:7" x14ac:dyDescent="0.3">
      <c r="A58512" s="13" t="s">
        <v>316</v>
      </c>
      <c r="B58512" s="14" t="s">
        <v>1</v>
      </c>
      <c r="C58512" s="14" t="s">
        <v>150</v>
      </c>
      <c r="D58512" s="14" t="s">
        <v>317</v>
      </c>
      <c r="E58512" s="15">
        <v>45488</v>
      </c>
      <c r="F58512" s="14" t="s">
        <v>61</v>
      </c>
      <c r="G58512" s="16">
        <v>0.59887733905058604</v>
      </c>
    </row>
    <row r="58513" spans="1:7" x14ac:dyDescent="0.3">
      <c r="A58513" s="13" t="s">
        <v>316</v>
      </c>
      <c r="B58513" s="14" t="s">
        <v>1</v>
      </c>
      <c r="C58513" s="14" t="s">
        <v>150</v>
      </c>
      <c r="D58513" s="14" t="s">
        <v>317</v>
      </c>
      <c r="E58513" s="15">
        <v>45489</v>
      </c>
      <c r="F58513" s="14" t="s">
        <v>61</v>
      </c>
      <c r="G58513" s="16">
        <v>0.61046944790697844</v>
      </c>
    </row>
    <row r="58514" spans="1:7" x14ac:dyDescent="0.3">
      <c r="A58514" s="13" t="s">
        <v>316</v>
      </c>
      <c r="B58514" s="14" t="s">
        <v>1</v>
      </c>
      <c r="C58514" s="14" t="s">
        <v>150</v>
      </c>
      <c r="D58514" s="14" t="s">
        <v>317</v>
      </c>
      <c r="E58514" s="15">
        <v>45490</v>
      </c>
      <c r="F58514" s="14" t="s">
        <v>61</v>
      </c>
      <c r="G58514" s="16">
        <v>0.61450743305203048</v>
      </c>
    </row>
    <row r="58515" spans="1:7" x14ac:dyDescent="0.3">
      <c r="A58515" s="13" t="s">
        <v>316</v>
      </c>
      <c r="B58515" s="14" t="s">
        <v>1</v>
      </c>
      <c r="C58515" s="14" t="s">
        <v>150</v>
      </c>
      <c r="D58515" s="14" t="s">
        <v>317</v>
      </c>
      <c r="E58515" s="15">
        <v>45491</v>
      </c>
      <c r="F58515" s="14" t="s">
        <v>61</v>
      </c>
      <c r="G58515" s="16">
        <v>0.61847325324862912</v>
      </c>
    </row>
    <row r="58516" spans="1:7" x14ac:dyDescent="0.3">
      <c r="A58516" s="13" t="s">
        <v>316</v>
      </c>
      <c r="B58516" s="14" t="s">
        <v>1</v>
      </c>
      <c r="C58516" s="14" t="s">
        <v>150</v>
      </c>
      <c r="D58516" s="14" t="s">
        <v>317</v>
      </c>
      <c r="E58516" s="15">
        <v>45492</v>
      </c>
      <c r="F58516" s="14" t="s">
        <v>61</v>
      </c>
      <c r="G58516" s="16">
        <v>0.69574319715656785</v>
      </c>
    </row>
    <row r="58517" spans="1:7" x14ac:dyDescent="0.3">
      <c r="A58517" s="13" t="s">
        <v>316</v>
      </c>
      <c r="B58517" s="14" t="s">
        <v>1</v>
      </c>
      <c r="C58517" s="14" t="s">
        <v>150</v>
      </c>
      <c r="D58517" s="14" t="s">
        <v>317</v>
      </c>
      <c r="E58517" s="15">
        <v>45493</v>
      </c>
      <c r="F58517" s="14" t="s">
        <v>61</v>
      </c>
      <c r="G58517" s="16">
        <v>0.69574319715656785</v>
      </c>
    </row>
    <row r="58518" spans="1:7" x14ac:dyDescent="0.3">
      <c r="A58518" s="13" t="s">
        <v>316</v>
      </c>
      <c r="B58518" s="14" t="s">
        <v>1</v>
      </c>
      <c r="C58518" s="14" t="s">
        <v>150</v>
      </c>
      <c r="D58518" s="14" t="s">
        <v>317</v>
      </c>
      <c r="E58518" s="15">
        <v>45494</v>
      </c>
      <c r="F58518" s="14" t="s">
        <v>61</v>
      </c>
      <c r="G58518" s="16">
        <v>0.69574319715656785</v>
      </c>
    </row>
    <row r="58519" spans="1:7" x14ac:dyDescent="0.3">
      <c r="A58519" s="13" t="s">
        <v>316</v>
      </c>
      <c r="B58519" s="14" t="s">
        <v>1</v>
      </c>
      <c r="C58519" s="14" t="s">
        <v>150</v>
      </c>
      <c r="D58519" s="14" t="s">
        <v>317</v>
      </c>
      <c r="E58519" s="15">
        <v>45495</v>
      </c>
      <c r="F58519" s="14" t="s">
        <v>61</v>
      </c>
      <c r="G58519" s="16">
        <v>0.69887396580677452</v>
      </c>
    </row>
    <row r="58520" spans="1:7" x14ac:dyDescent="0.3">
      <c r="A58520" s="13" t="s">
        <v>316</v>
      </c>
      <c r="B58520" s="14" t="s">
        <v>1</v>
      </c>
      <c r="C58520" s="14" t="s">
        <v>150</v>
      </c>
      <c r="D58520" s="14" t="s">
        <v>317</v>
      </c>
      <c r="E58520" s="15">
        <v>45496</v>
      </c>
      <c r="F58520" s="14" t="s">
        <v>61</v>
      </c>
      <c r="G58520" s="16">
        <v>0.71060524992089891</v>
      </c>
    </row>
    <row r="58521" spans="1:7" x14ac:dyDescent="0.3">
      <c r="A58521" s="13" t="s">
        <v>316</v>
      </c>
      <c r="B58521" s="14" t="s">
        <v>1</v>
      </c>
      <c r="C58521" s="14" t="s">
        <v>150</v>
      </c>
      <c r="D58521" s="14" t="s">
        <v>317</v>
      </c>
      <c r="E58521" s="15">
        <v>45497</v>
      </c>
      <c r="F58521" s="14" t="s">
        <v>61</v>
      </c>
      <c r="G58521" s="16">
        <v>0.71465612166388914</v>
      </c>
    </row>
    <row r="58522" spans="1:7" x14ac:dyDescent="0.3">
      <c r="A58522" s="13" t="s">
        <v>316</v>
      </c>
      <c r="B58522" s="14" t="s">
        <v>1</v>
      </c>
      <c r="C58522" s="14" t="s">
        <v>150</v>
      </c>
      <c r="D58522" s="14" t="s">
        <v>317</v>
      </c>
      <c r="E58522" s="15">
        <v>45498</v>
      </c>
      <c r="F58522" s="14" t="s">
        <v>61</v>
      </c>
      <c r="G58522" s="16">
        <v>0.71869668412852894</v>
      </c>
    </row>
    <row r="58523" spans="1:7" x14ac:dyDescent="0.3">
      <c r="A58523" s="13" t="s">
        <v>316</v>
      </c>
      <c r="B58523" s="14" t="s">
        <v>1</v>
      </c>
      <c r="C58523" s="14" t="s">
        <v>150</v>
      </c>
      <c r="D58523" s="14" t="s">
        <v>317</v>
      </c>
      <c r="E58523" s="15">
        <v>45499</v>
      </c>
      <c r="F58523" s="14" t="s">
        <v>61</v>
      </c>
      <c r="G58523" s="16">
        <v>0.72271147339729247</v>
      </c>
    </row>
    <row r="58524" spans="1:7" x14ac:dyDescent="0.3">
      <c r="A58524" s="13" t="s">
        <v>316</v>
      </c>
      <c r="B58524" s="14" t="s">
        <v>1</v>
      </c>
      <c r="C58524" s="14" t="s">
        <v>150</v>
      </c>
      <c r="D58524" s="14" t="s">
        <v>317</v>
      </c>
      <c r="E58524" s="15">
        <v>45500</v>
      </c>
      <c r="F58524" s="14" t="s">
        <v>61</v>
      </c>
      <c r="G58524" s="16">
        <v>0.72271147339729247</v>
      </c>
    </row>
    <row r="58525" spans="1:7" x14ac:dyDescent="0.3">
      <c r="A58525" s="13" t="s">
        <v>316</v>
      </c>
      <c r="B58525" s="14" t="s">
        <v>1</v>
      </c>
      <c r="C58525" s="14" t="s">
        <v>150</v>
      </c>
      <c r="D58525" s="14" t="s">
        <v>317</v>
      </c>
      <c r="E58525" s="15">
        <v>45501</v>
      </c>
      <c r="F58525" s="14" t="s">
        <v>61</v>
      </c>
      <c r="G58525" s="16">
        <v>0.72271147339729247</v>
      </c>
    </row>
    <row r="58526" spans="1:7" x14ac:dyDescent="0.3">
      <c r="A58526" s="13" t="s">
        <v>316</v>
      </c>
      <c r="B58526" s="14" t="s">
        <v>1</v>
      </c>
      <c r="C58526" s="14" t="s">
        <v>150</v>
      </c>
      <c r="D58526" s="14" t="s">
        <v>317</v>
      </c>
      <c r="E58526" s="15">
        <v>45502</v>
      </c>
      <c r="F58526" s="14" t="s">
        <v>61</v>
      </c>
      <c r="G58526" s="16">
        <v>0.72675719050110743</v>
      </c>
    </row>
    <row r="58527" spans="1:7" x14ac:dyDescent="0.3">
      <c r="A58527" s="13" t="s">
        <v>316</v>
      </c>
      <c r="B58527" s="14" t="s">
        <v>1</v>
      </c>
      <c r="C58527" s="14" t="s">
        <v>150</v>
      </c>
      <c r="D58527" s="14" t="s">
        <v>317</v>
      </c>
      <c r="E58527" s="15">
        <v>45503</v>
      </c>
      <c r="F58527" s="14" t="s">
        <v>61</v>
      </c>
      <c r="G58527" s="16">
        <v>0.73850535705749187</v>
      </c>
    </row>
    <row r="58528" spans="1:7" x14ac:dyDescent="0.3">
      <c r="A58528" s="13" t="s">
        <v>316</v>
      </c>
      <c r="B58528" s="14" t="s">
        <v>1</v>
      </c>
      <c r="C58528" s="14" t="s">
        <v>150</v>
      </c>
      <c r="D58528" s="14" t="s">
        <v>317</v>
      </c>
      <c r="E58528" s="15">
        <v>45504</v>
      </c>
      <c r="F58528" s="14" t="s">
        <v>61</v>
      </c>
      <c r="G58528" s="16">
        <v>0.74713207658545244</v>
      </c>
    </row>
    <row r="58529" spans="1:7" x14ac:dyDescent="0.3">
      <c r="A58529" s="13" t="s">
        <v>316</v>
      </c>
      <c r="B58529" s="14" t="s">
        <v>1</v>
      </c>
      <c r="C58529" s="14" t="s">
        <v>150</v>
      </c>
      <c r="D58529" s="14" t="s">
        <v>317</v>
      </c>
      <c r="E58529" s="15">
        <v>45505</v>
      </c>
      <c r="F58529" s="14" t="s">
        <v>61</v>
      </c>
      <c r="G58529" s="16">
        <v>0.74713207658545244</v>
      </c>
    </row>
    <row r="58530" spans="1:7" x14ac:dyDescent="0.3">
      <c r="A58530" s="13" t="s">
        <v>316</v>
      </c>
      <c r="B58530" s="14" t="s">
        <v>1</v>
      </c>
      <c r="C58530" s="14" t="s">
        <v>150</v>
      </c>
      <c r="D58530" s="14" t="s">
        <v>317</v>
      </c>
      <c r="E58530" s="15">
        <v>45506</v>
      </c>
      <c r="F58530" s="14" t="s">
        <v>61</v>
      </c>
      <c r="G58530" s="16">
        <v>0.75116448086793497</v>
      </c>
    </row>
    <row r="58531" spans="1:7" x14ac:dyDescent="0.3">
      <c r="A58531" s="13" t="s">
        <v>316</v>
      </c>
      <c r="B58531" s="14" t="s">
        <v>1</v>
      </c>
      <c r="C58531" s="14" t="s">
        <v>150</v>
      </c>
      <c r="D58531" s="14" t="s">
        <v>317</v>
      </c>
      <c r="E58531" s="15">
        <v>45507</v>
      </c>
      <c r="F58531" s="14" t="s">
        <v>61</v>
      </c>
      <c r="G58531" s="16">
        <v>0.75116448086793497</v>
      </c>
    </row>
    <row r="58532" spans="1:7" x14ac:dyDescent="0.3">
      <c r="A58532" s="13" t="s">
        <v>316</v>
      </c>
      <c r="B58532" s="14" t="s">
        <v>1</v>
      </c>
      <c r="C58532" s="14" t="s">
        <v>150</v>
      </c>
      <c r="D58532" s="14" t="s">
        <v>317</v>
      </c>
      <c r="E58532" s="15">
        <v>45508</v>
      </c>
      <c r="F58532" s="14" t="s">
        <v>61</v>
      </c>
      <c r="G58532" s="16">
        <v>0.75116448086793497</v>
      </c>
    </row>
    <row r="58533" spans="1:7" x14ac:dyDescent="0.3">
      <c r="A58533" s="13" t="s">
        <v>316</v>
      </c>
      <c r="B58533" s="14" t="s">
        <v>1</v>
      </c>
      <c r="C58533" s="14" t="s">
        <v>150</v>
      </c>
      <c r="D58533" s="14" t="s">
        <v>317</v>
      </c>
      <c r="E58533" s="15">
        <v>45509</v>
      </c>
      <c r="F58533" s="14" t="s">
        <v>61</v>
      </c>
      <c r="G58533" s="16">
        <v>0.75116448086793497</v>
      </c>
    </row>
    <row r="58534" spans="1:7" x14ac:dyDescent="0.3">
      <c r="A58534" s="13" t="s">
        <v>316</v>
      </c>
      <c r="B58534" s="14" t="s">
        <v>1</v>
      </c>
      <c r="C58534" s="14" t="s">
        <v>150</v>
      </c>
      <c r="D58534" s="14" t="s">
        <v>317</v>
      </c>
      <c r="E58534" s="15">
        <v>45510</v>
      </c>
      <c r="F58534" s="14" t="s">
        <v>61</v>
      </c>
      <c r="G58534" s="16">
        <v>0.76539585155868628</v>
      </c>
    </row>
    <row r="58535" spans="1:7" x14ac:dyDescent="0.3">
      <c r="A58535" s="13" t="s">
        <v>316</v>
      </c>
      <c r="B58535" s="14" t="s">
        <v>1</v>
      </c>
      <c r="C58535" s="14" t="s">
        <v>150</v>
      </c>
      <c r="D58535" s="14" t="s">
        <v>317</v>
      </c>
      <c r="E58535" s="15">
        <v>45511</v>
      </c>
      <c r="F58535" s="14" t="s">
        <v>61</v>
      </c>
      <c r="G58535" s="16">
        <v>0.81213109821842977</v>
      </c>
    </row>
    <row r="58536" spans="1:7" x14ac:dyDescent="0.3">
      <c r="A58536" s="13" t="s">
        <v>316</v>
      </c>
      <c r="B58536" s="14" t="s">
        <v>1</v>
      </c>
      <c r="C58536" s="14" t="s">
        <v>150</v>
      </c>
      <c r="D58536" s="14" t="s">
        <v>317</v>
      </c>
      <c r="E58536" s="15">
        <v>45512</v>
      </c>
      <c r="F58536" s="14" t="s">
        <v>61</v>
      </c>
      <c r="G58536" s="16">
        <v>0.81612732679031785</v>
      </c>
    </row>
    <row r="58537" spans="1:7" x14ac:dyDescent="0.3">
      <c r="A58537" s="13" t="s">
        <v>316</v>
      </c>
      <c r="B58537" s="14" t="s">
        <v>1</v>
      </c>
      <c r="C58537" s="14" t="s">
        <v>150</v>
      </c>
      <c r="D58537" s="14" t="s">
        <v>317</v>
      </c>
      <c r="E58537" s="15">
        <v>45513</v>
      </c>
      <c r="F58537" s="14" t="s">
        <v>61</v>
      </c>
      <c r="G58537" s="16">
        <v>0.82012097138287798</v>
      </c>
    </row>
    <row r="58538" spans="1:7" x14ac:dyDescent="0.3">
      <c r="A58538" s="13" t="s">
        <v>316</v>
      </c>
      <c r="B58538" s="14" t="s">
        <v>1</v>
      </c>
      <c r="C58538" s="14" t="s">
        <v>150</v>
      </c>
      <c r="D58538" s="14" t="s">
        <v>317</v>
      </c>
      <c r="E58538" s="15">
        <v>45514</v>
      </c>
      <c r="F58538" s="14" t="s">
        <v>61</v>
      </c>
      <c r="G58538" s="16">
        <v>0.82012097138287798</v>
      </c>
    </row>
    <row r="58539" spans="1:7" x14ac:dyDescent="0.3">
      <c r="A58539" s="13" t="s">
        <v>316</v>
      </c>
      <c r="B58539" s="14" t="s">
        <v>1</v>
      </c>
      <c r="C58539" s="14" t="s">
        <v>150</v>
      </c>
      <c r="D58539" s="14" t="s">
        <v>317</v>
      </c>
      <c r="E58539" s="15">
        <v>45515</v>
      </c>
      <c r="F58539" s="14" t="s">
        <v>61</v>
      </c>
      <c r="G58539" s="16">
        <v>0.82012097138287798</v>
      </c>
    </row>
    <row r="58540" spans="1:7" x14ac:dyDescent="0.3">
      <c r="A58540" s="13" t="s">
        <v>316</v>
      </c>
      <c r="B58540" s="14" t="s">
        <v>1</v>
      </c>
      <c r="C58540" s="14" t="s">
        <v>150</v>
      </c>
      <c r="D58540" s="14" t="s">
        <v>317</v>
      </c>
      <c r="E58540" s="15">
        <v>45516</v>
      </c>
      <c r="F58540" s="14" t="s">
        <v>61</v>
      </c>
      <c r="G58540" s="16">
        <v>0.82496991313306078</v>
      </c>
    </row>
    <row r="58541" spans="1:7" x14ac:dyDescent="0.3">
      <c r="A58541" s="13" t="s">
        <v>316</v>
      </c>
      <c r="B58541" s="14" t="s">
        <v>1</v>
      </c>
      <c r="C58541" s="14" t="s">
        <v>150</v>
      </c>
      <c r="D58541" s="14" t="s">
        <v>317</v>
      </c>
      <c r="E58541" s="15">
        <v>45517</v>
      </c>
      <c r="F58541" s="14" t="s">
        <v>61</v>
      </c>
      <c r="G58541" s="16">
        <v>0.83664056030960021</v>
      </c>
    </row>
    <row r="58542" spans="1:7" x14ac:dyDescent="0.3">
      <c r="A58542" s="13" t="s">
        <v>316</v>
      </c>
      <c r="B58542" s="14" t="s">
        <v>1</v>
      </c>
      <c r="C58542" s="14" t="s">
        <v>150</v>
      </c>
      <c r="D58542" s="14" t="s">
        <v>317</v>
      </c>
      <c r="E58542" s="15">
        <v>45518</v>
      </c>
      <c r="F58542" s="14" t="s">
        <v>61</v>
      </c>
      <c r="G58542" s="16">
        <v>0.84052050981172099</v>
      </c>
    </row>
    <row r="58543" spans="1:7" x14ac:dyDescent="0.3">
      <c r="A58543" s="13" t="s">
        <v>316</v>
      </c>
      <c r="B58543" s="14" t="s">
        <v>1</v>
      </c>
      <c r="C58543" s="14" t="s">
        <v>150</v>
      </c>
      <c r="D58543" s="14" t="s">
        <v>317</v>
      </c>
      <c r="E58543" s="15">
        <v>45519</v>
      </c>
      <c r="F58543" s="14" t="s">
        <v>61</v>
      </c>
      <c r="G58543" s="16">
        <v>0.84488366344820864</v>
      </c>
    </row>
    <row r="58544" spans="1:7" x14ac:dyDescent="0.3">
      <c r="A58544" s="13" t="s">
        <v>316</v>
      </c>
      <c r="B58544" s="14" t="s">
        <v>1</v>
      </c>
      <c r="C58544" s="14" t="s">
        <v>150</v>
      </c>
      <c r="D58544" s="14" t="s">
        <v>317</v>
      </c>
      <c r="E58544" s="15">
        <v>45520</v>
      </c>
      <c r="F58544" s="14" t="s">
        <v>61</v>
      </c>
      <c r="G58544" s="16">
        <v>0.84921322535343013</v>
      </c>
    </row>
    <row r="58545" spans="1:7" x14ac:dyDescent="0.3">
      <c r="A58545" s="13" t="s">
        <v>316</v>
      </c>
      <c r="B58545" s="14" t="s">
        <v>1</v>
      </c>
      <c r="C58545" s="14" t="s">
        <v>150</v>
      </c>
      <c r="D58545" s="14" t="s">
        <v>317</v>
      </c>
      <c r="E58545" s="15">
        <v>45521</v>
      </c>
      <c r="F58545" s="14" t="s">
        <v>61</v>
      </c>
      <c r="G58545" s="16">
        <v>0.84921322535343013</v>
      </c>
    </row>
    <row r="58546" spans="1:7" x14ac:dyDescent="0.3">
      <c r="A58546" s="13" t="s">
        <v>316</v>
      </c>
      <c r="B58546" s="14" t="s">
        <v>1</v>
      </c>
      <c r="C58546" s="14" t="s">
        <v>150</v>
      </c>
      <c r="D58546" s="14" t="s">
        <v>317</v>
      </c>
      <c r="E58546" s="15">
        <v>45522</v>
      </c>
      <c r="F58546" s="14" t="s">
        <v>61</v>
      </c>
      <c r="G58546" s="16">
        <v>0.84921322535343013</v>
      </c>
    </row>
    <row r="58547" spans="1:7" x14ac:dyDescent="0.3">
      <c r="A58547" s="13" t="s">
        <v>316</v>
      </c>
      <c r="B58547" s="14" t="s">
        <v>1</v>
      </c>
      <c r="C58547" s="14" t="s">
        <v>150</v>
      </c>
      <c r="D58547" s="14" t="s">
        <v>317</v>
      </c>
      <c r="E58547" s="15">
        <v>45523</v>
      </c>
      <c r="F58547" s="14" t="s">
        <v>61</v>
      </c>
      <c r="G58547" s="16">
        <v>0.8530259913930186</v>
      </c>
    </row>
    <row r="58548" spans="1:7" x14ac:dyDescent="0.3">
      <c r="A58548" s="13" t="s">
        <v>316</v>
      </c>
      <c r="B58548" s="14" t="s">
        <v>1</v>
      </c>
      <c r="C58548" s="14" t="s">
        <v>150</v>
      </c>
      <c r="D58548" s="14" t="s">
        <v>317</v>
      </c>
      <c r="E58548" s="15">
        <v>45524</v>
      </c>
      <c r="F58548" s="14" t="s">
        <v>61</v>
      </c>
      <c r="G58548" s="16">
        <v>0.86389818895715487</v>
      </c>
    </row>
    <row r="58549" spans="1:7" x14ac:dyDescent="0.3">
      <c r="A58549" s="13" t="s">
        <v>316</v>
      </c>
      <c r="B58549" s="14" t="s">
        <v>1</v>
      </c>
      <c r="C58549" s="14" t="s">
        <v>150</v>
      </c>
      <c r="D58549" s="14" t="s">
        <v>317</v>
      </c>
      <c r="E58549" s="15">
        <v>45525</v>
      </c>
      <c r="F58549" s="14" t="s">
        <v>61</v>
      </c>
      <c r="G58549" s="16">
        <v>0.86658175603033505</v>
      </c>
    </row>
    <row r="58550" spans="1:7" x14ac:dyDescent="0.3">
      <c r="A58550" s="13" t="s">
        <v>316</v>
      </c>
      <c r="B58550" s="14" t="s">
        <v>1</v>
      </c>
      <c r="C58550" s="14" t="s">
        <v>150</v>
      </c>
      <c r="D58550" s="14" t="s">
        <v>317</v>
      </c>
      <c r="E58550" s="15">
        <v>45526</v>
      </c>
      <c r="F58550" s="14" t="s">
        <v>61</v>
      </c>
      <c r="G58550" s="16">
        <v>0.87468392775467807</v>
      </c>
    </row>
    <row r="58551" spans="1:7" x14ac:dyDescent="0.3">
      <c r="A58551" s="13" t="s">
        <v>316</v>
      </c>
      <c r="B58551" s="14" t="s">
        <v>1</v>
      </c>
      <c r="C58551" s="14" t="s">
        <v>150</v>
      </c>
      <c r="D58551" s="14" t="s">
        <v>317</v>
      </c>
      <c r="E58551" s="15">
        <v>45527</v>
      </c>
      <c r="F58551" s="14" t="s">
        <v>61</v>
      </c>
      <c r="G58551" s="16">
        <v>0.87834682299323297</v>
      </c>
    </row>
    <row r="58552" spans="1:7" x14ac:dyDescent="0.3">
      <c r="A58552" s="13" t="s">
        <v>316</v>
      </c>
      <c r="B58552" s="14" t="s">
        <v>1</v>
      </c>
      <c r="C58552" s="14" t="s">
        <v>150</v>
      </c>
      <c r="D58552" s="14" t="s">
        <v>317</v>
      </c>
      <c r="E58552" s="15">
        <v>45528</v>
      </c>
      <c r="F58552" s="14" t="s">
        <v>61</v>
      </c>
      <c r="G58552" s="16">
        <v>0.87834682299323297</v>
      </c>
    </row>
    <row r="58553" spans="1:7" x14ac:dyDescent="0.3">
      <c r="A58553" s="13" t="s">
        <v>316</v>
      </c>
      <c r="B58553" s="14" t="s">
        <v>1</v>
      </c>
      <c r="C58553" s="14" t="s">
        <v>150</v>
      </c>
      <c r="D58553" s="14" t="s">
        <v>317</v>
      </c>
      <c r="E58553" s="15">
        <v>45529</v>
      </c>
      <c r="F58553" s="14" t="s">
        <v>61</v>
      </c>
      <c r="G58553" s="16">
        <v>0.87834682299323297</v>
      </c>
    </row>
    <row r="58554" spans="1:7" x14ac:dyDescent="0.3">
      <c r="A58554" s="13" t="s">
        <v>316</v>
      </c>
      <c r="B58554" s="14" t="s">
        <v>1</v>
      </c>
      <c r="C58554" s="14" t="s">
        <v>150</v>
      </c>
      <c r="D58554" s="14" t="s">
        <v>317</v>
      </c>
      <c r="E58554" s="15">
        <v>45530</v>
      </c>
      <c r="F58554" s="14" t="s">
        <v>61</v>
      </c>
      <c r="G58554" s="16">
        <v>0.88202780608708498</v>
      </c>
    </row>
    <row r="58555" spans="1:7" x14ac:dyDescent="0.3">
      <c r="A58555" s="13" t="s">
        <v>316</v>
      </c>
      <c r="B58555" s="14" t="s">
        <v>1</v>
      </c>
      <c r="C58555" s="14" t="s">
        <v>150</v>
      </c>
      <c r="D58555" s="14" t="s">
        <v>317</v>
      </c>
      <c r="E58555" s="15">
        <v>45531</v>
      </c>
      <c r="F58555" s="14" t="s">
        <v>61</v>
      </c>
      <c r="G58555" s="16">
        <v>0.89264418969773296</v>
      </c>
    </row>
    <row r="58556" spans="1:7" x14ac:dyDescent="0.3">
      <c r="A58556" s="13" t="s">
        <v>316</v>
      </c>
      <c r="B58556" s="14" t="s">
        <v>1</v>
      </c>
      <c r="C58556" s="14" t="s">
        <v>150</v>
      </c>
      <c r="D58556" s="14" t="s">
        <v>317</v>
      </c>
      <c r="E58556" s="15">
        <v>45532</v>
      </c>
      <c r="F58556" s="14" t="s">
        <v>61</v>
      </c>
      <c r="G58556" s="16">
        <v>0.90146470767530595</v>
      </c>
    </row>
    <row r="58557" spans="1:7" x14ac:dyDescent="0.3">
      <c r="A58557" s="13" t="s">
        <v>316</v>
      </c>
      <c r="B58557" s="14" t="s">
        <v>1</v>
      </c>
      <c r="C58557" s="14" t="s">
        <v>150</v>
      </c>
      <c r="D58557" s="14" t="s">
        <v>317</v>
      </c>
      <c r="E58557" s="15">
        <v>45533</v>
      </c>
      <c r="F58557" s="14" t="s">
        <v>61</v>
      </c>
      <c r="G58557" s="16">
        <v>0.90516636260378325</v>
      </c>
    </row>
    <row r="58558" spans="1:7" x14ac:dyDescent="0.3">
      <c r="A58558" s="13" t="s">
        <v>316</v>
      </c>
      <c r="B58558" s="14" t="s">
        <v>1</v>
      </c>
      <c r="C58558" s="14" t="s">
        <v>150</v>
      </c>
      <c r="D58558" s="14" t="s">
        <v>317</v>
      </c>
      <c r="E58558" s="15">
        <v>45534</v>
      </c>
      <c r="F58558" s="14" t="s">
        <v>61</v>
      </c>
      <c r="G58558" s="16">
        <v>0.90893520099479297</v>
      </c>
    </row>
    <row r="58559" spans="1:7" x14ac:dyDescent="0.3">
      <c r="A58559" s="13" t="s">
        <v>316</v>
      </c>
      <c r="B58559" s="14" t="s">
        <v>1</v>
      </c>
      <c r="C58559" s="14" t="s">
        <v>150</v>
      </c>
      <c r="D58559" s="14" t="s">
        <v>317</v>
      </c>
      <c r="E58559" s="15">
        <v>45535</v>
      </c>
      <c r="F58559" s="14" t="s">
        <v>61</v>
      </c>
      <c r="G58559" s="16">
        <v>0.90893520099479297</v>
      </c>
    </row>
    <row r="58560" spans="1:7" x14ac:dyDescent="0.3">
      <c r="A58560" s="13" t="s">
        <v>316</v>
      </c>
      <c r="B58560" s="14" t="s">
        <v>1</v>
      </c>
      <c r="C58560" s="14" t="s">
        <v>150</v>
      </c>
      <c r="D58560" s="14" t="s">
        <v>317</v>
      </c>
      <c r="E58560" s="15">
        <v>45536</v>
      </c>
      <c r="F58560" s="14" t="s">
        <v>61</v>
      </c>
      <c r="G58560" s="16">
        <v>0.90893520099479297</v>
      </c>
    </row>
    <row r="58561" spans="1:7" x14ac:dyDescent="0.3">
      <c r="A58561" s="13" t="s">
        <v>316</v>
      </c>
      <c r="B58561" s="14" t="s">
        <v>1</v>
      </c>
      <c r="C58561" s="14" t="s">
        <v>150</v>
      </c>
      <c r="D58561" s="14" t="s">
        <v>317</v>
      </c>
      <c r="E58561" s="15">
        <v>45537</v>
      </c>
      <c r="F58561" s="14" t="s">
        <v>61</v>
      </c>
      <c r="G58561" s="16">
        <v>0.91269111948916182</v>
      </c>
    </row>
    <row r="58562" spans="1:7" x14ac:dyDescent="0.3">
      <c r="A58562" s="13" t="s">
        <v>316</v>
      </c>
      <c r="B58562" s="14" t="s">
        <v>1</v>
      </c>
      <c r="C58562" s="14" t="s">
        <v>150</v>
      </c>
      <c r="D58562" s="14" t="s">
        <v>317</v>
      </c>
      <c r="E58562" s="15">
        <v>45538</v>
      </c>
      <c r="F58562" s="14" t="s">
        <v>61</v>
      </c>
      <c r="G58562" s="16">
        <v>0.93037985452099836</v>
      </c>
    </row>
    <row r="58563" spans="1:7" x14ac:dyDescent="0.3">
      <c r="A58563" s="13" t="s">
        <v>316</v>
      </c>
      <c r="B58563" s="14" t="s">
        <v>1</v>
      </c>
      <c r="C58563" s="14" t="s">
        <v>150</v>
      </c>
      <c r="D58563" s="14" t="s">
        <v>317</v>
      </c>
      <c r="E58563" s="15">
        <v>45539</v>
      </c>
      <c r="F58563" s="14" t="s">
        <v>61</v>
      </c>
      <c r="G58563" s="16">
        <v>0.93384119937195642</v>
      </c>
    </row>
    <row r="58564" spans="1:7" x14ac:dyDescent="0.3">
      <c r="A58564" s="13" t="s">
        <v>316</v>
      </c>
      <c r="B58564" s="14" t="s">
        <v>1</v>
      </c>
      <c r="C58564" s="14" t="s">
        <v>150</v>
      </c>
      <c r="D58564" s="14" t="s">
        <v>317</v>
      </c>
      <c r="E58564" s="15">
        <v>45540</v>
      </c>
      <c r="F58564" s="14" t="s">
        <v>61</v>
      </c>
      <c r="G58564" s="16">
        <v>0.94534647187149323</v>
      </c>
    </row>
    <row r="58565" spans="1:7" x14ac:dyDescent="0.3">
      <c r="A58565" s="13" t="s">
        <v>316</v>
      </c>
      <c r="B58565" s="14" t="s">
        <v>1</v>
      </c>
      <c r="C58565" s="14" t="s">
        <v>150</v>
      </c>
      <c r="D58565" s="14" t="s">
        <v>317</v>
      </c>
      <c r="E58565" s="15">
        <v>45541</v>
      </c>
      <c r="F58565" s="14" t="s">
        <v>61</v>
      </c>
      <c r="G58565" s="16">
        <v>0.94908947046922121</v>
      </c>
    </row>
    <row r="58566" spans="1:7" x14ac:dyDescent="0.3">
      <c r="A58566" s="13" t="s">
        <v>316</v>
      </c>
      <c r="B58566" s="14" t="s">
        <v>1</v>
      </c>
      <c r="C58566" s="14" t="s">
        <v>150</v>
      </c>
      <c r="D58566" s="14" t="s">
        <v>317</v>
      </c>
      <c r="E58566" s="15">
        <v>45542</v>
      </c>
      <c r="F58566" s="14" t="s">
        <v>61</v>
      </c>
      <c r="G58566" s="16">
        <v>0.94908947046922121</v>
      </c>
    </row>
    <row r="58567" spans="1:7" x14ac:dyDescent="0.3">
      <c r="A58567" s="13" t="s">
        <v>316</v>
      </c>
      <c r="B58567" s="14" t="s">
        <v>1</v>
      </c>
      <c r="C58567" s="14" t="s">
        <v>150</v>
      </c>
      <c r="D58567" s="14" t="s">
        <v>317</v>
      </c>
      <c r="E58567" s="15">
        <v>45543</v>
      </c>
      <c r="F58567" s="14" t="s">
        <v>61</v>
      </c>
      <c r="G58567" s="16">
        <v>0.94908947046922121</v>
      </c>
    </row>
    <row r="58568" spans="1:7" x14ac:dyDescent="0.3">
      <c r="A58568" s="13" t="s">
        <v>316</v>
      </c>
      <c r="B58568" s="14" t="s">
        <v>1</v>
      </c>
      <c r="C58568" s="14" t="s">
        <v>150</v>
      </c>
      <c r="D58568" s="14" t="s">
        <v>317</v>
      </c>
      <c r="E58568" s="15">
        <v>45544</v>
      </c>
      <c r="F58568" s="14" t="s">
        <v>61</v>
      </c>
      <c r="G58568" s="16">
        <v>0.95290223650880967</v>
      </c>
    </row>
    <row r="58569" spans="1:7" x14ac:dyDescent="0.3">
      <c r="A58569" s="13" t="s">
        <v>316</v>
      </c>
      <c r="B58569" s="14" t="s">
        <v>1</v>
      </c>
      <c r="C58569" s="14" t="s">
        <v>150</v>
      </c>
      <c r="D58569" s="14" t="s">
        <v>317</v>
      </c>
      <c r="E58569" s="15">
        <v>45545</v>
      </c>
      <c r="F58569" s="14" t="s">
        <v>61</v>
      </c>
      <c r="G58569" s="16">
        <v>0.9639062170186824</v>
      </c>
    </row>
    <row r="58570" spans="1:7" x14ac:dyDescent="0.3">
      <c r="A58570" s="13" t="s">
        <v>316</v>
      </c>
      <c r="B58570" s="14" t="s">
        <v>1</v>
      </c>
      <c r="C58570" s="14" t="s">
        <v>150</v>
      </c>
      <c r="D58570" s="14" t="s">
        <v>317</v>
      </c>
      <c r="E58570" s="15">
        <v>45546</v>
      </c>
      <c r="F58570" s="14" t="s">
        <v>61</v>
      </c>
      <c r="G58570" s="16">
        <v>0.96846316910478247</v>
      </c>
    </row>
    <row r="58571" spans="1:7" x14ac:dyDescent="0.3">
      <c r="A58571" s="13" t="s">
        <v>316</v>
      </c>
      <c r="B58571" s="14" t="s">
        <v>1</v>
      </c>
      <c r="C58571" s="14" t="s">
        <v>150</v>
      </c>
      <c r="D58571" s="14" t="s">
        <v>317</v>
      </c>
      <c r="E58571" s="15">
        <v>45547</v>
      </c>
      <c r="F58571" s="14" t="s">
        <v>61</v>
      </c>
      <c r="G58571" s="16">
        <v>0.972260431268402</v>
      </c>
    </row>
    <row r="58572" spans="1:7" x14ac:dyDescent="0.3">
      <c r="A58572" s="13" t="s">
        <v>316</v>
      </c>
      <c r="B58572" s="14" t="s">
        <v>1</v>
      </c>
      <c r="C58572" s="14" t="s">
        <v>150</v>
      </c>
      <c r="D58572" s="14" t="s">
        <v>317</v>
      </c>
      <c r="E58572" s="15">
        <v>45548</v>
      </c>
      <c r="F58572" s="14" t="s">
        <v>61</v>
      </c>
      <c r="G58572" s="16">
        <v>0.97750213787646589</v>
      </c>
    </row>
    <row r="58573" spans="1:7" x14ac:dyDescent="0.3">
      <c r="A58573" s="13" t="s">
        <v>316</v>
      </c>
      <c r="B58573" s="14" t="s">
        <v>1</v>
      </c>
      <c r="C58573" s="14" t="s">
        <v>150</v>
      </c>
      <c r="D58573" s="14" t="s">
        <v>317</v>
      </c>
      <c r="E58573" s="15">
        <v>45549</v>
      </c>
      <c r="F58573" s="14" t="s">
        <v>61</v>
      </c>
      <c r="G58573" s="16">
        <v>0.97750213787646589</v>
      </c>
    </row>
    <row r="58574" spans="1:7" x14ac:dyDescent="0.3">
      <c r="A58574" s="13" t="s">
        <v>316</v>
      </c>
      <c r="B58574" s="14" t="s">
        <v>1</v>
      </c>
      <c r="C58574" s="14" t="s">
        <v>150</v>
      </c>
      <c r="D58574" s="14" t="s">
        <v>317</v>
      </c>
      <c r="E58574" s="15">
        <v>45550</v>
      </c>
      <c r="F58574" s="14" t="s">
        <v>61</v>
      </c>
      <c r="G58574" s="16">
        <v>0.97750213787646589</v>
      </c>
    </row>
    <row r="58575" spans="1:7" x14ac:dyDescent="0.3">
      <c r="A58575" s="13" t="s">
        <v>316</v>
      </c>
      <c r="B58575" s="14" t="s">
        <v>1</v>
      </c>
      <c r="C58575" s="14" t="s">
        <v>150</v>
      </c>
      <c r="D58575" s="14" t="s">
        <v>317</v>
      </c>
      <c r="E58575" s="15">
        <v>45551</v>
      </c>
      <c r="F58575" s="14" t="s">
        <v>61</v>
      </c>
      <c r="G58575" s="16">
        <v>0.98122704861889676</v>
      </c>
    </row>
    <row r="58576" spans="1:7" x14ac:dyDescent="0.3">
      <c r="A58576" s="13" t="s">
        <v>316</v>
      </c>
      <c r="B58576" s="14" t="s">
        <v>1</v>
      </c>
      <c r="C58576" s="14" t="s">
        <v>150</v>
      </c>
      <c r="D58576" s="14" t="s">
        <v>317</v>
      </c>
      <c r="E58576" s="15">
        <v>45552</v>
      </c>
      <c r="F58576" s="14" t="s">
        <v>61</v>
      </c>
      <c r="G58576" s="16">
        <v>0.99313542189362747</v>
      </c>
    </row>
    <row r="58577" spans="1:7" x14ac:dyDescent="0.3">
      <c r="A58577" s="13" t="s">
        <v>316</v>
      </c>
      <c r="B58577" s="14" t="s">
        <v>1</v>
      </c>
      <c r="C58577" s="14" t="s">
        <v>150</v>
      </c>
      <c r="D58577" s="14" t="s">
        <v>317</v>
      </c>
      <c r="E58577" s="15">
        <v>45553</v>
      </c>
      <c r="F58577" s="14" t="s">
        <v>61</v>
      </c>
      <c r="G58577" s="16">
        <v>0.99682674090479217</v>
      </c>
    </row>
    <row r="58578" spans="1:7" x14ac:dyDescent="0.3">
      <c r="A58578" s="13" t="s">
        <v>316</v>
      </c>
      <c r="B58578" s="14" t="s">
        <v>1</v>
      </c>
      <c r="C58578" s="14" t="s">
        <v>150</v>
      </c>
      <c r="D58578" s="14" t="s">
        <v>317</v>
      </c>
      <c r="E58578" s="15">
        <v>45554</v>
      </c>
      <c r="F58578" s="14" t="s">
        <v>61</v>
      </c>
      <c r="G58578" s="16">
        <v>0.99773253020019448</v>
      </c>
    </row>
    <row r="58579" spans="1:7" x14ac:dyDescent="0.3">
      <c r="A58579" s="13" t="s">
        <v>316</v>
      </c>
      <c r="B58579" s="14" t="s">
        <v>1</v>
      </c>
      <c r="C58579" s="14" t="s">
        <v>150</v>
      </c>
      <c r="D58579" s="14" t="s">
        <v>317</v>
      </c>
      <c r="E58579" s="15">
        <v>45555</v>
      </c>
      <c r="F58579" s="14" t="s">
        <v>61</v>
      </c>
      <c r="G58579" s="16">
        <v>1.0034367691079999</v>
      </c>
    </row>
    <row r="58580" spans="1:7" x14ac:dyDescent="0.3">
      <c r="A58580" s="13" t="s">
        <v>316</v>
      </c>
      <c r="B58580" s="14" t="s">
        <v>1</v>
      </c>
      <c r="C58580" s="14" t="s">
        <v>150</v>
      </c>
      <c r="D58580" s="14" t="s">
        <v>317</v>
      </c>
      <c r="E58580" s="15">
        <v>45556</v>
      </c>
      <c r="F58580" s="14" t="s">
        <v>61</v>
      </c>
      <c r="G58580" s="16">
        <v>1.0034367691079999</v>
      </c>
    </row>
    <row r="58581" spans="1:7" x14ac:dyDescent="0.3">
      <c r="A58581" s="13" t="s">
        <v>316</v>
      </c>
      <c r="B58581" s="14" t="s">
        <v>1</v>
      </c>
      <c r="C58581" s="14" t="s">
        <v>150</v>
      </c>
      <c r="D58581" s="14" t="s">
        <v>317</v>
      </c>
      <c r="E58581" s="15">
        <v>45557</v>
      </c>
      <c r="F58581" s="14" t="s">
        <v>61</v>
      </c>
      <c r="G58581" s="16">
        <v>1.0034367691079999</v>
      </c>
    </row>
    <row r="58582" spans="1:7" x14ac:dyDescent="0.3">
      <c r="A58582" s="13" t="s">
        <v>316</v>
      </c>
      <c r="B58582" s="14" t="s">
        <v>1</v>
      </c>
      <c r="C58582" s="14" t="s">
        <v>150</v>
      </c>
      <c r="D58582" s="14" t="s">
        <v>317</v>
      </c>
      <c r="E58582" s="15">
        <v>45558</v>
      </c>
      <c r="F58582" s="14" t="s">
        <v>61</v>
      </c>
      <c r="G58582" s="16">
        <v>1.0044278297212319</v>
      </c>
    </row>
    <row r="58583" spans="1:7" x14ac:dyDescent="0.3">
      <c r="A58583" s="13" t="s">
        <v>316</v>
      </c>
      <c r="B58583" s="14" t="s">
        <v>1</v>
      </c>
      <c r="C58583" s="14" t="s">
        <v>150</v>
      </c>
      <c r="D58583" s="14" t="s">
        <v>317</v>
      </c>
      <c r="E58583" s="15">
        <v>45559</v>
      </c>
      <c r="F58583" s="14" t="s">
        <v>61</v>
      </c>
      <c r="G58583" s="16">
        <v>1.0146281926600453</v>
      </c>
    </row>
    <row r="58584" spans="1:7" x14ac:dyDescent="0.3">
      <c r="A58584" s="13" t="s">
        <v>316</v>
      </c>
      <c r="B58584" s="14" t="s">
        <v>1</v>
      </c>
      <c r="C58584" s="14" t="s">
        <v>150</v>
      </c>
      <c r="D58584" s="14" t="s">
        <v>317</v>
      </c>
      <c r="E58584" s="15">
        <v>45560</v>
      </c>
      <c r="F58584" s="14" t="s">
        <v>61</v>
      </c>
      <c r="G58584" s="16">
        <v>1.0181463850562229</v>
      </c>
    </row>
    <row r="58585" spans="1:7" x14ac:dyDescent="0.3">
      <c r="A58585" s="13" t="s">
        <v>316</v>
      </c>
      <c r="B58585" s="14" t="s">
        <v>1</v>
      </c>
      <c r="C58585" s="14" t="s">
        <v>150</v>
      </c>
      <c r="D58585" s="14" t="s">
        <v>317</v>
      </c>
      <c r="E58585" s="15">
        <v>45561</v>
      </c>
      <c r="F58585" s="14" t="s">
        <v>61</v>
      </c>
      <c r="G58585" s="16">
        <v>1.021641321638447</v>
      </c>
    </row>
    <row r="58586" spans="1:7" x14ac:dyDescent="0.3">
      <c r="A58586" s="13" t="s">
        <v>316</v>
      </c>
      <c r="B58586" s="14" t="s">
        <v>1</v>
      </c>
      <c r="C58586" s="14" t="s">
        <v>150</v>
      </c>
      <c r="D58586" s="14" t="s">
        <v>317</v>
      </c>
      <c r="E58586" s="15">
        <v>45562</v>
      </c>
      <c r="F58586" s="14" t="s">
        <v>61</v>
      </c>
      <c r="G58586" s="16">
        <v>1.0357874210113689</v>
      </c>
    </row>
    <row r="58587" spans="1:7" x14ac:dyDescent="0.3">
      <c r="A58587" s="13" t="s">
        <v>316</v>
      </c>
      <c r="B58587" s="14" t="s">
        <v>1</v>
      </c>
      <c r="C58587" s="14" t="s">
        <v>150</v>
      </c>
      <c r="D58587" s="14" t="s">
        <v>317</v>
      </c>
      <c r="E58587" s="15">
        <v>45563</v>
      </c>
      <c r="F58587" s="14" t="s">
        <v>61</v>
      </c>
      <c r="G58587" s="16">
        <v>1.0357874210113689</v>
      </c>
    </row>
    <row r="58588" spans="1:7" x14ac:dyDescent="0.3">
      <c r="A58588" s="13" t="s">
        <v>316</v>
      </c>
      <c r="B58588" s="14" t="s">
        <v>1</v>
      </c>
      <c r="C58588" s="14" t="s">
        <v>150</v>
      </c>
      <c r="D58588" s="14" t="s">
        <v>317</v>
      </c>
      <c r="E58588" s="15">
        <v>45564</v>
      </c>
      <c r="F58588" s="14" t="s">
        <v>61</v>
      </c>
      <c r="G58588" s="16">
        <v>1.0357874210113689</v>
      </c>
    </row>
    <row r="58589" spans="1:7" x14ac:dyDescent="0.3">
      <c r="A58589" s="13" t="s">
        <v>316</v>
      </c>
      <c r="B58589" s="14" t="s">
        <v>1</v>
      </c>
      <c r="C58589" s="14" t="s">
        <v>150</v>
      </c>
      <c r="D58589" s="14" t="s">
        <v>317</v>
      </c>
      <c r="E58589" s="15">
        <v>45565</v>
      </c>
      <c r="F58589" s="14" t="s">
        <v>61</v>
      </c>
      <c r="G58589" s="16">
        <v>1.0404038046220168</v>
      </c>
    </row>
    <row r="58590" spans="1:7" x14ac:dyDescent="0.3">
      <c r="A58590" s="13" t="s">
        <v>316</v>
      </c>
      <c r="B58590" s="14" t="s">
        <v>1</v>
      </c>
      <c r="C58590" s="14" t="s">
        <v>150</v>
      </c>
      <c r="D58590" s="14" t="s">
        <v>317</v>
      </c>
      <c r="E58590" s="15">
        <v>45566</v>
      </c>
      <c r="F58590" s="14" t="s">
        <v>61</v>
      </c>
      <c r="G58590" s="16">
        <v>1.050353521565998</v>
      </c>
    </row>
    <row r="58591" spans="1:7" x14ac:dyDescent="0.3">
      <c r="A58591" s="13" t="s">
        <v>316</v>
      </c>
      <c r="B58591" s="14" t="s">
        <v>1</v>
      </c>
      <c r="C58591" s="14" t="s">
        <v>150</v>
      </c>
      <c r="D58591" s="14" t="s">
        <v>317</v>
      </c>
      <c r="E58591" s="15">
        <v>45567</v>
      </c>
      <c r="F58591" s="14" t="s">
        <v>61</v>
      </c>
      <c r="G58591" s="16">
        <v>1.0605668044014522</v>
      </c>
    </row>
    <row r="58592" spans="1:7" x14ac:dyDescent="0.3">
      <c r="A58592" s="13" t="s">
        <v>316</v>
      </c>
      <c r="B58592" s="14" t="s">
        <v>1</v>
      </c>
      <c r="C58592" s="14" t="s">
        <v>150</v>
      </c>
      <c r="D58592" s="14" t="s">
        <v>317</v>
      </c>
      <c r="E58592" s="15">
        <v>45568</v>
      </c>
      <c r="F58592" s="14" t="s">
        <v>61</v>
      </c>
      <c r="G58592" s="16">
        <v>1.0640514050663636</v>
      </c>
    </row>
    <row r="58593" spans="1:7" x14ac:dyDescent="0.3">
      <c r="A58593" s="13" t="s">
        <v>316</v>
      </c>
      <c r="B58593" s="14" t="s">
        <v>1</v>
      </c>
      <c r="C58593" s="14" t="s">
        <v>150</v>
      </c>
      <c r="D58593" s="14" t="s">
        <v>317</v>
      </c>
      <c r="E58593" s="15">
        <v>45569</v>
      </c>
      <c r="F58593" s="14" t="s">
        <v>61</v>
      </c>
      <c r="G58593" s="16">
        <v>1.0749365225271408</v>
      </c>
    </row>
    <row r="58594" spans="1:7" x14ac:dyDescent="0.3">
      <c r="A58594" s="13" t="s">
        <v>316</v>
      </c>
      <c r="B58594" s="14" t="s">
        <v>1</v>
      </c>
      <c r="C58594" s="14" t="s">
        <v>150</v>
      </c>
      <c r="D58594" s="14" t="s">
        <v>317</v>
      </c>
      <c r="E58594" s="15">
        <v>45570</v>
      </c>
      <c r="F58594" s="14" t="s">
        <v>61</v>
      </c>
      <c r="G58594" s="16">
        <v>1.0749365225271408</v>
      </c>
    </row>
    <row r="58595" spans="1:7" x14ac:dyDescent="0.3">
      <c r="A58595" s="13" t="s">
        <v>316</v>
      </c>
      <c r="B58595" s="14" t="s">
        <v>1</v>
      </c>
      <c r="C58595" s="14" t="s">
        <v>150</v>
      </c>
      <c r="D58595" s="14" t="s">
        <v>317</v>
      </c>
      <c r="E58595" s="15">
        <v>45571</v>
      </c>
      <c r="F58595" s="14" t="s">
        <v>61</v>
      </c>
      <c r="G58595" s="16">
        <v>1.0749365225271408</v>
      </c>
    </row>
    <row r="58596" spans="1:7" x14ac:dyDescent="0.3">
      <c r="A58596" s="13" t="s">
        <v>316</v>
      </c>
      <c r="B58596" s="14" t="s">
        <v>1</v>
      </c>
      <c r="C58596" s="14" t="s">
        <v>150</v>
      </c>
      <c r="D58596" s="14" t="s">
        <v>317</v>
      </c>
      <c r="E58596" s="15">
        <v>45572</v>
      </c>
      <c r="F58596" s="14" t="s">
        <v>61</v>
      </c>
      <c r="G58596" s="16">
        <v>1.0784676348199591</v>
      </c>
    </row>
    <row r="58597" spans="1:7" x14ac:dyDescent="0.3">
      <c r="A58597" s="13" t="s">
        <v>316</v>
      </c>
      <c r="B58597" s="14" t="s">
        <v>1</v>
      </c>
      <c r="C58597" s="14" t="s">
        <v>150</v>
      </c>
      <c r="D58597" s="14" t="s">
        <v>317</v>
      </c>
      <c r="E58597" s="15">
        <v>45573</v>
      </c>
      <c r="F58597" s="14" t="s">
        <v>61</v>
      </c>
      <c r="G58597" s="16">
        <v>1.0885956463375839</v>
      </c>
    </row>
    <row r="58598" spans="1:7" x14ac:dyDescent="0.3">
      <c r="A58598" s="13" t="s">
        <v>316</v>
      </c>
      <c r="B58598" s="14" t="s">
        <v>1</v>
      </c>
      <c r="C58598" s="14" t="s">
        <v>150</v>
      </c>
      <c r="D58598" s="14" t="s">
        <v>317</v>
      </c>
      <c r="E58598" s="15">
        <v>45574</v>
      </c>
      <c r="F58598" s="14" t="s">
        <v>61</v>
      </c>
      <c r="G58598" s="16">
        <v>1.0945789550128313</v>
      </c>
    </row>
    <row r="58599" spans="1:7" x14ac:dyDescent="0.3">
      <c r="A58599" s="13" t="s">
        <v>316</v>
      </c>
      <c r="B58599" s="14" t="s">
        <v>1</v>
      </c>
      <c r="C58599" s="14" t="s">
        <v>150</v>
      </c>
      <c r="D58599" s="14" t="s">
        <v>317</v>
      </c>
      <c r="E58599" s="15">
        <v>45575</v>
      </c>
      <c r="F58599" s="14" t="s">
        <v>61</v>
      </c>
      <c r="G58599" s="16">
        <v>1.0980558037397583</v>
      </c>
    </row>
    <row r="58600" spans="1:7" x14ac:dyDescent="0.3">
      <c r="A58600" s="13" t="s">
        <v>316</v>
      </c>
      <c r="B58600" s="14" t="s">
        <v>1</v>
      </c>
      <c r="C58600" s="14" t="s">
        <v>150</v>
      </c>
      <c r="D58600" s="14" t="s">
        <v>317</v>
      </c>
      <c r="E58600" s="15">
        <v>45576</v>
      </c>
      <c r="F58600" s="14" t="s">
        <v>61</v>
      </c>
      <c r="G58600" s="16">
        <v>1.1022277429059615</v>
      </c>
    </row>
    <row r="58601" spans="1:7" x14ac:dyDescent="0.3">
      <c r="A58601" s="13" t="s">
        <v>316</v>
      </c>
      <c r="B58601" s="14" t="s">
        <v>1</v>
      </c>
      <c r="C58601" s="14" t="s">
        <v>150</v>
      </c>
      <c r="D58601" s="14" t="s">
        <v>317</v>
      </c>
      <c r="E58601" s="15">
        <v>45577</v>
      </c>
      <c r="F58601" s="14" t="s">
        <v>61</v>
      </c>
      <c r="G58601" s="16">
        <v>1.1022277429059615</v>
      </c>
    </row>
    <row r="58602" spans="1:7" x14ac:dyDescent="0.3">
      <c r="A58602" s="13" t="s">
        <v>316</v>
      </c>
      <c r="B58602" s="14" t="s">
        <v>1</v>
      </c>
      <c r="C58602" s="14" t="s">
        <v>150</v>
      </c>
      <c r="D58602" s="14" t="s">
        <v>317</v>
      </c>
      <c r="E58602" s="15">
        <v>45578</v>
      </c>
      <c r="F58602" s="14" t="s">
        <v>61</v>
      </c>
      <c r="G58602" s="16">
        <v>1.1022277429059615</v>
      </c>
    </row>
    <row r="58603" spans="1:7" x14ac:dyDescent="0.3">
      <c r="A58603" s="13" t="s">
        <v>316</v>
      </c>
      <c r="B58603" s="14" t="s">
        <v>1</v>
      </c>
      <c r="C58603" s="14" t="s">
        <v>150</v>
      </c>
      <c r="D58603" s="14" t="s">
        <v>317</v>
      </c>
      <c r="E58603" s="15">
        <v>45579</v>
      </c>
      <c r="F58603" s="14" t="s">
        <v>61</v>
      </c>
      <c r="G58603" s="16">
        <v>1.1056503280669971</v>
      </c>
    </row>
    <row r="58604" spans="1:7" x14ac:dyDescent="0.3">
      <c r="A58604" s="13" t="s">
        <v>316</v>
      </c>
      <c r="B58604" s="14" t="s">
        <v>1</v>
      </c>
      <c r="C58604" s="14" t="s">
        <v>150</v>
      </c>
      <c r="D58604" s="14" t="s">
        <v>317</v>
      </c>
      <c r="E58604" s="15">
        <v>45580</v>
      </c>
      <c r="F58604" s="14" t="s">
        <v>61</v>
      </c>
      <c r="G58604" s="16">
        <v>1.1154527581892728</v>
      </c>
    </row>
    <row r="58605" spans="1:7" x14ac:dyDescent="0.3">
      <c r="A58605" s="13" t="s">
        <v>316</v>
      </c>
      <c r="B58605" s="14" t="s">
        <v>1</v>
      </c>
      <c r="C58605" s="14" t="s">
        <v>150</v>
      </c>
      <c r="D58605" s="14" t="s">
        <v>317</v>
      </c>
      <c r="E58605" s="15">
        <v>45581</v>
      </c>
      <c r="F58605" s="14" t="s">
        <v>61</v>
      </c>
      <c r="G58605" s="16">
        <v>1.1193585474846752</v>
      </c>
    </row>
    <row r="58606" spans="1:7" x14ac:dyDescent="0.3">
      <c r="A58606" s="13" t="s">
        <v>316</v>
      </c>
      <c r="B58606" s="14" t="s">
        <v>1</v>
      </c>
      <c r="C58606" s="14" t="s">
        <v>150</v>
      </c>
      <c r="D58606" s="14" t="s">
        <v>317</v>
      </c>
      <c r="E58606" s="15">
        <v>45582</v>
      </c>
      <c r="F58606" s="14" t="s">
        <v>61</v>
      </c>
      <c r="G58606" s="16">
        <v>1.1228147243769768</v>
      </c>
    </row>
    <row r="58607" spans="1:7" x14ac:dyDescent="0.3">
      <c r="A58607" s="13" t="s">
        <v>316</v>
      </c>
      <c r="B58607" s="14" t="s">
        <v>1</v>
      </c>
      <c r="C58607" s="14" t="s">
        <v>150</v>
      </c>
      <c r="D58607" s="14" t="s">
        <v>317</v>
      </c>
      <c r="E58607" s="15">
        <v>45583</v>
      </c>
      <c r="F58607" s="14" t="s">
        <v>61</v>
      </c>
      <c r="G58607" s="16">
        <v>1.1262993250418885</v>
      </c>
    </row>
    <row r="58608" spans="1:7" x14ac:dyDescent="0.3">
      <c r="A58608" s="13" t="s">
        <v>316</v>
      </c>
      <c r="B58608" s="14" t="s">
        <v>1</v>
      </c>
      <c r="C58608" s="14" t="s">
        <v>150</v>
      </c>
      <c r="D58608" s="14" t="s">
        <v>317</v>
      </c>
      <c r="E58608" s="15">
        <v>45584</v>
      </c>
      <c r="F58608" s="14" t="s">
        <v>61</v>
      </c>
      <c r="G58608" s="16">
        <v>1.1262993250418885</v>
      </c>
    </row>
    <row r="58609" spans="1:7" x14ac:dyDescent="0.3">
      <c r="A58609" s="13" t="s">
        <v>316</v>
      </c>
      <c r="B58609" s="14" t="s">
        <v>1</v>
      </c>
      <c r="C58609" s="14" t="s">
        <v>150</v>
      </c>
      <c r="D58609" s="14" t="s">
        <v>317</v>
      </c>
      <c r="E58609" s="15">
        <v>45585</v>
      </c>
      <c r="F58609" s="14" t="s">
        <v>61</v>
      </c>
      <c r="G58609" s="16">
        <v>1.1262993250418885</v>
      </c>
    </row>
    <row r="58610" spans="1:7" x14ac:dyDescent="0.3">
      <c r="A58610" s="13" t="s">
        <v>316</v>
      </c>
      <c r="B58610" s="14" t="s">
        <v>1</v>
      </c>
      <c r="C58610" s="14" t="s">
        <v>150</v>
      </c>
      <c r="D58610" s="14" t="s">
        <v>317</v>
      </c>
      <c r="E58610" s="15">
        <v>45586</v>
      </c>
      <c r="F58610" s="14" t="s">
        <v>61</v>
      </c>
      <c r="G58610" s="16">
        <v>1.1279363804871616</v>
      </c>
    </row>
    <row r="58611" spans="1:7" x14ac:dyDescent="0.3">
      <c r="A58611" s="13" t="s">
        <v>316</v>
      </c>
      <c r="B58611" s="14" t="s">
        <v>1</v>
      </c>
      <c r="C58611" s="14" t="s">
        <v>150</v>
      </c>
      <c r="D58611" s="14" t="s">
        <v>317</v>
      </c>
      <c r="E58611" s="15">
        <v>45587</v>
      </c>
      <c r="F58611" s="14" t="s">
        <v>61</v>
      </c>
      <c r="G58611" s="16">
        <v>1.1377052188781713</v>
      </c>
    </row>
    <row r="58612" spans="1:7" x14ac:dyDescent="0.3">
      <c r="A58612" s="13" t="s">
        <v>316</v>
      </c>
      <c r="B58612" s="14" t="s">
        <v>1</v>
      </c>
      <c r="C58612" s="14" t="s">
        <v>150</v>
      </c>
      <c r="D58612" s="14" t="s">
        <v>317</v>
      </c>
      <c r="E58612" s="15">
        <v>45588</v>
      </c>
      <c r="F58612" s="14" t="s">
        <v>61</v>
      </c>
      <c r="G58612" s="16">
        <v>1.1413009306541941</v>
      </c>
    </row>
    <row r="58613" spans="1:7" x14ac:dyDescent="0.3">
      <c r="A58613" s="13" t="s">
        <v>316</v>
      </c>
      <c r="B58613" s="14" t="s">
        <v>1</v>
      </c>
      <c r="C58613" s="14" t="s">
        <v>150</v>
      </c>
      <c r="D58613" s="14" t="s">
        <v>317</v>
      </c>
      <c r="E58613" s="15">
        <v>45589</v>
      </c>
      <c r="F58613" s="14" t="s">
        <v>61</v>
      </c>
      <c r="G58613" s="16">
        <v>1.1447361766321487</v>
      </c>
    </row>
    <row r="58614" spans="1:7" x14ac:dyDescent="0.3">
      <c r="A58614" s="13" t="s">
        <v>316</v>
      </c>
      <c r="B58614" s="14" t="s">
        <v>1</v>
      </c>
      <c r="C58614" s="14" t="s">
        <v>150</v>
      </c>
      <c r="D58614" s="14" t="s">
        <v>317</v>
      </c>
      <c r="E58614" s="15">
        <v>45590</v>
      </c>
      <c r="F58614" s="14" t="s">
        <v>61</v>
      </c>
      <c r="G58614" s="16">
        <v>1.1481740611325308</v>
      </c>
    </row>
    <row r="58615" spans="1:7" x14ac:dyDescent="0.3">
      <c r="A58615" s="13" t="s">
        <v>316</v>
      </c>
      <c r="B58615" s="14" t="s">
        <v>1</v>
      </c>
      <c r="C58615" s="14" t="s">
        <v>150</v>
      </c>
      <c r="D58615" s="14" t="s">
        <v>317</v>
      </c>
      <c r="E58615" s="15">
        <v>45591</v>
      </c>
      <c r="F58615" s="14" t="s">
        <v>61</v>
      </c>
      <c r="G58615" s="16">
        <v>1.1481740611325308</v>
      </c>
    </row>
    <row r="58616" spans="1:7" x14ac:dyDescent="0.3">
      <c r="A58616" s="13" t="s">
        <v>316</v>
      </c>
      <c r="B58616" s="14" t="s">
        <v>1</v>
      </c>
      <c r="C58616" s="14" t="s">
        <v>150</v>
      </c>
      <c r="D58616" s="14" t="s">
        <v>317</v>
      </c>
      <c r="E58616" s="15">
        <v>45592</v>
      </c>
      <c r="F58616" s="14" t="s">
        <v>61</v>
      </c>
      <c r="G58616" s="16">
        <v>1.1481740611325308</v>
      </c>
    </row>
    <row r="58617" spans="1:7" x14ac:dyDescent="0.3">
      <c r="A58617" s="13" t="s">
        <v>316</v>
      </c>
      <c r="B58617" s="14" t="s">
        <v>1</v>
      </c>
      <c r="C58617" s="14" t="s">
        <v>150</v>
      </c>
      <c r="D58617" s="14" t="s">
        <v>317</v>
      </c>
      <c r="E58617" s="15">
        <v>45593</v>
      </c>
      <c r="F58617" s="14" t="s">
        <v>61</v>
      </c>
      <c r="G58617" s="16">
        <v>1.1481740611325308</v>
      </c>
    </row>
    <row r="58618" spans="1:7" x14ac:dyDescent="0.3">
      <c r="A58618" s="13" t="s">
        <v>316</v>
      </c>
      <c r="B58618" s="14" t="s">
        <v>1</v>
      </c>
      <c r="C58618" s="14" t="s">
        <v>150</v>
      </c>
      <c r="D58618" s="14" t="s">
        <v>317</v>
      </c>
      <c r="E58618" s="15">
        <v>45594</v>
      </c>
      <c r="F58618" s="14" t="s">
        <v>61</v>
      </c>
      <c r="G58618" s="16">
        <v>1.1574219720181373</v>
      </c>
    </row>
    <row r="58619" spans="1:7" x14ac:dyDescent="0.3">
      <c r="A58619" s="13" t="s">
        <v>316</v>
      </c>
      <c r="B58619" s="14" t="s">
        <v>1</v>
      </c>
      <c r="C58619" s="14" t="s">
        <v>150</v>
      </c>
      <c r="D58619" s="14" t="s">
        <v>317</v>
      </c>
      <c r="E58619" s="15">
        <v>45595</v>
      </c>
      <c r="F58619" s="14" t="s">
        <v>61</v>
      </c>
      <c r="G58619" s="16">
        <v>1.170192310344377</v>
      </c>
    </row>
    <row r="58620" spans="1:7" x14ac:dyDescent="0.3">
      <c r="A58620" s="13" t="s">
        <v>316</v>
      </c>
      <c r="B58620" s="14" t="s">
        <v>1</v>
      </c>
      <c r="C58620" s="14" t="s">
        <v>150</v>
      </c>
      <c r="D58620" s="14" t="s">
        <v>317</v>
      </c>
      <c r="E58620" s="15">
        <v>45596</v>
      </c>
      <c r="F58620" s="14" t="s">
        <v>61</v>
      </c>
      <c r="G58620" s="16">
        <v>1.1735642317840733</v>
      </c>
    </row>
    <row r="58621" spans="1:7" x14ac:dyDescent="0.3">
      <c r="A58621" s="13" t="s">
        <v>316</v>
      </c>
      <c r="B58621" s="14" t="s">
        <v>1</v>
      </c>
      <c r="C58621" s="14" t="s">
        <v>150</v>
      </c>
      <c r="D58621" s="14" t="s">
        <v>317</v>
      </c>
      <c r="E58621" s="15">
        <v>45597</v>
      </c>
      <c r="F58621" s="14" t="s">
        <v>61</v>
      </c>
      <c r="G58621" s="16">
        <v>1.1769519843583343</v>
      </c>
    </row>
    <row r="58622" spans="1:7" x14ac:dyDescent="0.3">
      <c r="A58622" s="13" t="s">
        <v>316</v>
      </c>
      <c r="B58622" s="14" t="s">
        <v>1</v>
      </c>
      <c r="C58622" s="14" t="s">
        <v>150</v>
      </c>
      <c r="D58622" s="14" t="s">
        <v>317</v>
      </c>
      <c r="E58622" s="15">
        <v>45598</v>
      </c>
      <c r="F58622" s="14" t="s">
        <v>61</v>
      </c>
      <c r="G58622" s="16">
        <v>1.1769519843583343</v>
      </c>
    </row>
    <row r="58623" spans="1:7" x14ac:dyDescent="0.3">
      <c r="A58623" s="13" t="s">
        <v>316</v>
      </c>
      <c r="B58623" s="14" t="s">
        <v>1</v>
      </c>
      <c r="C58623" s="14" t="s">
        <v>150</v>
      </c>
      <c r="D58623" s="14" t="s">
        <v>317</v>
      </c>
      <c r="E58623" s="15">
        <v>45599</v>
      </c>
      <c r="F58623" s="14" t="s">
        <v>61</v>
      </c>
      <c r="G58623" s="16">
        <v>1.1769519843583343</v>
      </c>
    </row>
    <row r="58624" spans="1:7" x14ac:dyDescent="0.3">
      <c r="A58624" s="13" t="s">
        <v>316</v>
      </c>
      <c r="B58624" s="14" t="s">
        <v>1</v>
      </c>
      <c r="C58624" s="14" t="s">
        <v>150</v>
      </c>
      <c r="D58624" s="14" t="s">
        <v>317</v>
      </c>
      <c r="E58624" s="15">
        <v>45600</v>
      </c>
      <c r="F58624" s="14" t="s">
        <v>61</v>
      </c>
      <c r="G58624" s="16">
        <v>1.185136570705682</v>
      </c>
    </row>
    <row r="58625" spans="1:7" x14ac:dyDescent="0.3">
      <c r="A58625" s="13" t="s">
        <v>316</v>
      </c>
      <c r="B58625" s="14" t="s">
        <v>1</v>
      </c>
      <c r="C58625" s="14" t="s">
        <v>150</v>
      </c>
      <c r="D58625" s="14" t="s">
        <v>317</v>
      </c>
      <c r="E58625" s="15">
        <v>45601</v>
      </c>
      <c r="F58625" s="14" t="s">
        <v>61</v>
      </c>
      <c r="G58625" s="16">
        <v>1.1947591517759852</v>
      </c>
    </row>
    <row r="58626" spans="1:7" x14ac:dyDescent="0.3">
      <c r="A58626" s="13" t="s">
        <v>316</v>
      </c>
      <c r="B58626" s="14" t="s">
        <v>1</v>
      </c>
      <c r="C58626" s="14" t="s">
        <v>150</v>
      </c>
      <c r="D58626" s="14" t="s">
        <v>317</v>
      </c>
      <c r="E58626" s="15">
        <v>45602</v>
      </c>
      <c r="F58626" s="14" t="s">
        <v>61</v>
      </c>
      <c r="G58626" s="16">
        <v>1.1981099650362619</v>
      </c>
    </row>
    <row r="58627" spans="1:7" x14ac:dyDescent="0.3">
      <c r="A58627" s="13" t="s">
        <v>316</v>
      </c>
      <c r="B58627" s="14" t="s">
        <v>1</v>
      </c>
      <c r="C58627" s="14" t="s">
        <v>150</v>
      </c>
      <c r="D58627" s="14" t="s">
        <v>317</v>
      </c>
      <c r="E58627" s="15">
        <v>45603</v>
      </c>
      <c r="F58627" s="14" t="s">
        <v>61</v>
      </c>
      <c r="G58627" s="16">
        <v>1.2015478495366441</v>
      </c>
    </row>
    <row r="58628" spans="1:7" x14ac:dyDescent="0.3">
      <c r="A58628" s="13" t="s">
        <v>316</v>
      </c>
      <c r="B58628" s="14" t="s">
        <v>1</v>
      </c>
      <c r="C58628" s="14" t="s">
        <v>150</v>
      </c>
      <c r="D58628" s="14" t="s">
        <v>317</v>
      </c>
      <c r="E58628" s="15">
        <v>45604</v>
      </c>
      <c r="F58628" s="14" t="s">
        <v>61</v>
      </c>
      <c r="G58628" s="16">
        <v>1.2124237287599815</v>
      </c>
    </row>
    <row r="58629" spans="1:7" x14ac:dyDescent="0.3">
      <c r="A58629" s="13" t="s">
        <v>316</v>
      </c>
      <c r="B58629" s="14" t="s">
        <v>1</v>
      </c>
      <c r="C58629" s="14" t="s">
        <v>150</v>
      </c>
      <c r="D58629" s="14" t="s">
        <v>317</v>
      </c>
      <c r="E58629" s="15">
        <v>45605</v>
      </c>
      <c r="F58629" s="14" t="s">
        <v>61</v>
      </c>
      <c r="G58629" s="16">
        <v>1.2124237287599815</v>
      </c>
    </row>
    <row r="58630" spans="1:7" x14ac:dyDescent="0.3">
      <c r="A58630" s="13" t="s">
        <v>316</v>
      </c>
      <c r="B58630" s="14" t="s">
        <v>1</v>
      </c>
      <c r="C58630" s="14" t="s">
        <v>150</v>
      </c>
      <c r="D58630" s="14" t="s">
        <v>317</v>
      </c>
      <c r="E58630" s="15">
        <v>45606</v>
      </c>
      <c r="F58630" s="14" t="s">
        <v>61</v>
      </c>
      <c r="G58630" s="16">
        <v>1.2124237287599815</v>
      </c>
    </row>
    <row r="58631" spans="1:7" x14ac:dyDescent="0.3">
      <c r="A58631" s="13" t="s">
        <v>316</v>
      </c>
      <c r="B58631" s="14" t="s">
        <v>1</v>
      </c>
      <c r="C58631" s="14" t="s">
        <v>150</v>
      </c>
      <c r="D58631" s="14" t="s">
        <v>317</v>
      </c>
      <c r="E58631" s="15">
        <v>45607</v>
      </c>
      <c r="F58631" s="14" t="s">
        <v>61</v>
      </c>
      <c r="G58631" s="16">
        <v>1.2158220354239522</v>
      </c>
    </row>
    <row r="58632" spans="1:7" x14ac:dyDescent="0.3">
      <c r="A58632" s="13" t="s">
        <v>316</v>
      </c>
      <c r="B58632" s="14" t="s">
        <v>1</v>
      </c>
      <c r="C58632" s="14" t="s">
        <v>150</v>
      </c>
      <c r="D58632" s="14" t="s">
        <v>317</v>
      </c>
      <c r="E58632" s="15">
        <v>45608</v>
      </c>
      <c r="F58632" s="14" t="s">
        <v>61</v>
      </c>
      <c r="G58632" s="16">
        <v>1.2258430333807988</v>
      </c>
    </row>
    <row r="58633" spans="1:7" x14ac:dyDescent="0.3">
      <c r="A58633" s="13" t="s">
        <v>316</v>
      </c>
      <c r="B58633" s="14" t="s">
        <v>1</v>
      </c>
      <c r="C58633" s="14" t="s">
        <v>150</v>
      </c>
      <c r="D58633" s="14" t="s">
        <v>317</v>
      </c>
      <c r="E58633" s="15">
        <v>45609</v>
      </c>
      <c r="F58633" s="14" t="s">
        <v>61</v>
      </c>
      <c r="G58633" s="16">
        <v>1.2293152186727376</v>
      </c>
    </row>
    <row r="58634" spans="1:7" x14ac:dyDescent="0.3">
      <c r="A58634" s="13" t="s">
        <v>316</v>
      </c>
      <c r="B58634" s="14" t="s">
        <v>1</v>
      </c>
      <c r="C58634" s="14" t="s">
        <v>150</v>
      </c>
      <c r="D58634" s="14" t="s">
        <v>317</v>
      </c>
      <c r="E58634" s="15">
        <v>45610</v>
      </c>
      <c r="F58634" s="14" t="s">
        <v>61</v>
      </c>
      <c r="G58634" s="16">
        <v>1.2372517839119062</v>
      </c>
    </row>
    <row r="58635" spans="1:7" x14ac:dyDescent="0.3">
      <c r="A58635" s="13" t="s">
        <v>316</v>
      </c>
      <c r="B58635" s="14" t="s">
        <v>1</v>
      </c>
      <c r="C58635" s="14" t="s">
        <v>150</v>
      </c>
      <c r="D58635" s="14" t="s">
        <v>317</v>
      </c>
      <c r="E58635" s="15">
        <v>45611</v>
      </c>
      <c r="F58635" s="14" t="s">
        <v>61</v>
      </c>
      <c r="G58635" s="16">
        <v>1.2844574784386737</v>
      </c>
    </row>
    <row r="58636" spans="1:7" x14ac:dyDescent="0.3">
      <c r="A58636" s="13" t="s">
        <v>316</v>
      </c>
      <c r="B58636" s="14" t="s">
        <v>1</v>
      </c>
      <c r="C58636" s="14" t="s">
        <v>150</v>
      </c>
      <c r="D58636" s="14" t="s">
        <v>317</v>
      </c>
      <c r="E58636" s="15">
        <v>45612</v>
      </c>
      <c r="F58636" s="14" t="s">
        <v>61</v>
      </c>
      <c r="G58636" s="16">
        <v>1.2844574784386737</v>
      </c>
    </row>
    <row r="58637" spans="1:7" x14ac:dyDescent="0.3">
      <c r="A58637" s="13" t="s">
        <v>316</v>
      </c>
      <c r="B58637" s="14" t="s">
        <v>1</v>
      </c>
      <c r="C58637" s="14" t="s">
        <v>150</v>
      </c>
      <c r="D58637" s="14" t="s">
        <v>317</v>
      </c>
      <c r="E58637" s="15">
        <v>45613</v>
      </c>
      <c r="F58637" s="14" t="s">
        <v>61</v>
      </c>
      <c r="G58637" s="16">
        <v>1.2844574784386737</v>
      </c>
    </row>
    <row r="58638" spans="1:7" x14ac:dyDescent="0.3">
      <c r="A58638" s="13" t="s">
        <v>316</v>
      </c>
      <c r="B58638" s="14" t="s">
        <v>1</v>
      </c>
      <c r="C58638" s="14" t="s">
        <v>150</v>
      </c>
      <c r="D58638" s="14" t="s">
        <v>317</v>
      </c>
      <c r="E58638" s="15">
        <v>45614</v>
      </c>
      <c r="F58638" s="14" t="s">
        <v>61</v>
      </c>
      <c r="G58638" s="16">
        <v>1.2878742547596365</v>
      </c>
    </row>
    <row r="58639" spans="1:7" x14ac:dyDescent="0.3">
      <c r="A58639" s="13" t="s">
        <v>316</v>
      </c>
      <c r="B58639" s="14" t="s">
        <v>1</v>
      </c>
      <c r="C58639" s="14" t="s">
        <v>150</v>
      </c>
      <c r="D58639" s="14" t="s">
        <v>317</v>
      </c>
      <c r="E58639" s="15">
        <v>45615</v>
      </c>
      <c r="F58639" s="14" t="s">
        <v>61</v>
      </c>
      <c r="G58639" s="16">
        <v>1.307565437413053</v>
      </c>
    </row>
    <row r="58640" spans="1:7" x14ac:dyDescent="0.3">
      <c r="A58640" s="13" t="s">
        <v>316</v>
      </c>
      <c r="B58640" s="14" t="s">
        <v>1</v>
      </c>
      <c r="C58640" s="14" t="s">
        <v>150</v>
      </c>
      <c r="D58640" s="14" t="s">
        <v>317</v>
      </c>
      <c r="E58640" s="15">
        <v>45616</v>
      </c>
      <c r="F58640" s="14" t="s">
        <v>61</v>
      </c>
      <c r="G58640" s="16">
        <v>1.3109505514648865</v>
      </c>
    </row>
    <row r="58641" spans="1:7" x14ac:dyDescent="0.3">
      <c r="A58641" s="13" t="s">
        <v>316</v>
      </c>
      <c r="B58641" s="14" t="s">
        <v>1</v>
      </c>
      <c r="C58641" s="14" t="s">
        <v>150</v>
      </c>
      <c r="D58641" s="14" t="s">
        <v>317</v>
      </c>
      <c r="E58641" s="15">
        <v>45617</v>
      </c>
      <c r="F58641" s="14" t="s">
        <v>61</v>
      </c>
      <c r="G58641" s="16">
        <v>1.3143963515325507</v>
      </c>
    </row>
    <row r="58642" spans="1:7" x14ac:dyDescent="0.3">
      <c r="A58642" s="13" t="s">
        <v>316</v>
      </c>
      <c r="B58642" s="14" t="s">
        <v>1</v>
      </c>
      <c r="C58642" s="14" t="s">
        <v>150</v>
      </c>
      <c r="D58642" s="14" t="s">
        <v>317</v>
      </c>
      <c r="E58642" s="15">
        <v>45618</v>
      </c>
      <c r="F58642" s="14" t="s">
        <v>61</v>
      </c>
      <c r="G58642" s="16">
        <v>1.3179582465870228</v>
      </c>
    </row>
    <row r="58643" spans="1:7" x14ac:dyDescent="0.3">
      <c r="A58643" s="13" t="s">
        <v>316</v>
      </c>
      <c r="B58643" s="14" t="s">
        <v>1</v>
      </c>
      <c r="C58643" s="14" t="s">
        <v>150</v>
      </c>
      <c r="D58643" s="14" t="s">
        <v>317</v>
      </c>
      <c r="E58643" s="15">
        <v>45619</v>
      </c>
      <c r="F58643" s="14" t="s">
        <v>61</v>
      </c>
      <c r="G58643" s="16">
        <v>1.3179582465870228</v>
      </c>
    </row>
    <row r="58644" spans="1:7" x14ac:dyDescent="0.3">
      <c r="A58644" s="13" t="s">
        <v>316</v>
      </c>
      <c r="B58644" s="14" t="s">
        <v>1</v>
      </c>
      <c r="C58644" s="14" t="s">
        <v>150</v>
      </c>
      <c r="D58644" s="14" t="s">
        <v>317</v>
      </c>
      <c r="E58644" s="15">
        <v>45620</v>
      </c>
      <c r="F58644" s="14" t="s">
        <v>61</v>
      </c>
      <c r="G58644" s="16">
        <v>1.3179582465870228</v>
      </c>
    </row>
    <row r="58645" spans="1:7" x14ac:dyDescent="0.3">
      <c r="A58645" s="13" t="s">
        <v>316</v>
      </c>
      <c r="B58645" s="14" t="s">
        <v>1</v>
      </c>
      <c r="C58645" s="14" t="s">
        <v>150</v>
      </c>
      <c r="D58645" s="14" t="s">
        <v>317</v>
      </c>
      <c r="E58645" s="15">
        <v>45621</v>
      </c>
      <c r="F58645" s="14" t="s">
        <v>61</v>
      </c>
      <c r="G58645" s="16">
        <v>1.3214357089238167</v>
      </c>
    </row>
    <row r="58646" spans="1:7" x14ac:dyDescent="0.3">
      <c r="A58646" s="13" t="s">
        <v>316</v>
      </c>
      <c r="B58646" s="14" t="s">
        <v>1</v>
      </c>
      <c r="C58646" s="14" t="s">
        <v>150</v>
      </c>
      <c r="D58646" s="14" t="s">
        <v>317</v>
      </c>
      <c r="E58646" s="15">
        <v>45622</v>
      </c>
      <c r="F58646" s="14" t="s">
        <v>61</v>
      </c>
      <c r="G58646" s="16">
        <v>1.3312297939519036</v>
      </c>
    </row>
    <row r="58647" spans="1:7" x14ac:dyDescent="0.3">
      <c r="A58647" s="13" t="s">
        <v>316</v>
      </c>
      <c r="B58647" s="14" t="s">
        <v>1</v>
      </c>
      <c r="C58647" s="14" t="s">
        <v>150</v>
      </c>
      <c r="D58647" s="14" t="s">
        <v>317</v>
      </c>
      <c r="E58647" s="15">
        <v>45623</v>
      </c>
      <c r="F58647" s="14" t="s">
        <v>61</v>
      </c>
      <c r="G58647" s="16">
        <v>1.3350001322781433</v>
      </c>
    </row>
    <row r="58648" spans="1:7" x14ac:dyDescent="0.3">
      <c r="A58648" s="13" t="s">
        <v>316</v>
      </c>
      <c r="B58648" s="14" t="s">
        <v>1</v>
      </c>
      <c r="C58648" s="14" t="s">
        <v>150</v>
      </c>
      <c r="D58648" s="14" t="s">
        <v>317</v>
      </c>
      <c r="E58648" s="15">
        <v>45624</v>
      </c>
      <c r="F58648" s="14" t="s">
        <v>61</v>
      </c>
      <c r="G58648" s="16">
        <v>1.3406464600502932</v>
      </c>
    </row>
    <row r="58649" spans="1:7" x14ac:dyDescent="0.3">
      <c r="A58649" s="13" t="s">
        <v>316</v>
      </c>
      <c r="B58649" s="14" t="s">
        <v>1</v>
      </c>
      <c r="C58649" s="14" t="s">
        <v>150</v>
      </c>
      <c r="D58649" s="14" t="s">
        <v>317</v>
      </c>
      <c r="E58649" s="15">
        <v>45625</v>
      </c>
      <c r="F58649" s="14" t="s">
        <v>61</v>
      </c>
      <c r="G58649" s="16">
        <v>1.345261125553314</v>
      </c>
    </row>
    <row r="58650" spans="1:7" x14ac:dyDescent="0.3">
      <c r="A58650" s="13" t="s">
        <v>316</v>
      </c>
      <c r="B58650" s="14" t="s">
        <v>1</v>
      </c>
      <c r="C58650" s="14" t="s">
        <v>150</v>
      </c>
      <c r="D58650" s="14" t="s">
        <v>317</v>
      </c>
      <c r="E58650" s="15">
        <v>45626</v>
      </c>
      <c r="F58650" s="14" t="s">
        <v>61</v>
      </c>
      <c r="G58650" s="16">
        <v>1.345261125553314</v>
      </c>
    </row>
    <row r="58651" spans="1:7" x14ac:dyDescent="0.3">
      <c r="A58651" s="13" t="s">
        <v>316</v>
      </c>
      <c r="B58651" s="14" t="s">
        <v>1</v>
      </c>
      <c r="C58651" s="14" t="s">
        <v>150</v>
      </c>
      <c r="D58651" s="14" t="s">
        <v>317</v>
      </c>
      <c r="E58651" s="15">
        <v>45627</v>
      </c>
      <c r="F58651" s="14" t="s">
        <v>61</v>
      </c>
      <c r="G58651" s="16">
        <v>1.345261125553314</v>
      </c>
    </row>
    <row r="58652" spans="1:7" x14ac:dyDescent="0.3">
      <c r="A58652" s="13" t="s">
        <v>316</v>
      </c>
      <c r="B58652" s="14" t="s">
        <v>1</v>
      </c>
      <c r="C58652" s="14" t="s">
        <v>150</v>
      </c>
      <c r="D58652" s="14" t="s">
        <v>317</v>
      </c>
      <c r="E58652" s="15">
        <v>45628</v>
      </c>
      <c r="F58652" s="14" t="s">
        <v>61</v>
      </c>
      <c r="G58652" s="16">
        <v>1.3630868728505299</v>
      </c>
    </row>
    <row r="58653" spans="1:7" x14ac:dyDescent="0.3">
      <c r="A58653" s="13" t="s">
        <v>316</v>
      </c>
      <c r="B58653" s="14" t="s">
        <v>1</v>
      </c>
      <c r="C58653" s="14" t="s">
        <v>150</v>
      </c>
      <c r="D58653" s="14" t="s">
        <v>317</v>
      </c>
      <c r="E58653" s="15">
        <v>45629</v>
      </c>
      <c r="F58653" s="14" t="s">
        <v>61</v>
      </c>
      <c r="G58653" s="16">
        <v>1.3705933589340256</v>
      </c>
    </row>
    <row r="58654" spans="1:7" x14ac:dyDescent="0.3">
      <c r="A58654" s="13" t="s">
        <v>316</v>
      </c>
      <c r="B58654" s="14" t="s">
        <v>1</v>
      </c>
      <c r="C58654" s="14" t="s">
        <v>150</v>
      </c>
      <c r="D58654" s="14" t="s">
        <v>317</v>
      </c>
      <c r="E58654" s="15">
        <v>45630</v>
      </c>
      <c r="F58654" s="14" t="s">
        <v>61</v>
      </c>
      <c r="G58654" s="16">
        <v>1.3761051220623759</v>
      </c>
    </row>
    <row r="58655" spans="1:7" x14ac:dyDescent="0.3">
      <c r="A58655" s="13" t="s">
        <v>316</v>
      </c>
      <c r="B58655" s="14" t="s">
        <v>1</v>
      </c>
      <c r="C58655" s="14" t="s">
        <v>150</v>
      </c>
      <c r="D58655" s="14" t="s">
        <v>317</v>
      </c>
      <c r="E58655" s="15">
        <v>45631</v>
      </c>
      <c r="F58655" s="14" t="s">
        <v>61</v>
      </c>
      <c r="G58655" s="16">
        <v>1.387044325823972</v>
      </c>
    </row>
    <row r="58656" spans="1:7" x14ac:dyDescent="0.3">
      <c r="A58656" s="13" t="s">
        <v>316</v>
      </c>
      <c r="B58656" s="14" t="s">
        <v>1</v>
      </c>
      <c r="C58656" s="14" t="s">
        <v>150</v>
      </c>
      <c r="D58656" s="14" t="s">
        <v>317</v>
      </c>
      <c r="E58656" s="15">
        <v>45632</v>
      </c>
      <c r="F58656" s="14" t="s">
        <v>61</v>
      </c>
      <c r="G58656" s="16">
        <v>1.3901655876330614</v>
      </c>
    </row>
    <row r="58657" spans="1:7" x14ac:dyDescent="0.3">
      <c r="A58657" s="13" t="s">
        <v>316</v>
      </c>
      <c r="B58657" s="14" t="s">
        <v>1</v>
      </c>
      <c r="C58657" s="14" t="s">
        <v>150</v>
      </c>
      <c r="D58657" s="14" t="s">
        <v>317</v>
      </c>
      <c r="E58657" s="15">
        <v>45633</v>
      </c>
      <c r="F58657" s="14" t="s">
        <v>61</v>
      </c>
      <c r="G58657" s="16">
        <v>1.3901655876330614</v>
      </c>
    </row>
    <row r="58658" spans="1:7" x14ac:dyDescent="0.3">
      <c r="A58658" s="13" t="s">
        <v>316</v>
      </c>
      <c r="B58658" s="14" t="s">
        <v>1</v>
      </c>
      <c r="C58658" s="14" t="s">
        <v>150</v>
      </c>
      <c r="D58658" s="14" t="s">
        <v>317</v>
      </c>
      <c r="E58658" s="15">
        <v>45634</v>
      </c>
      <c r="F58658" s="14" t="s">
        <v>61</v>
      </c>
      <c r="G58658" s="16">
        <v>1.3901655876330614</v>
      </c>
    </row>
    <row r="58659" spans="1:7" x14ac:dyDescent="0.3">
      <c r="A58659" s="13" t="s">
        <v>316</v>
      </c>
      <c r="B58659" s="14" t="s">
        <v>1</v>
      </c>
      <c r="C58659" s="14" t="s">
        <v>150</v>
      </c>
      <c r="D58659" s="14" t="s">
        <v>317</v>
      </c>
      <c r="E58659" s="15">
        <v>45635</v>
      </c>
      <c r="F58659" s="14" t="s">
        <v>61</v>
      </c>
      <c r="G58659" s="16">
        <v>1.3934477993102246</v>
      </c>
    </row>
    <row r="58660" spans="1:7" x14ac:dyDescent="0.3">
      <c r="A58660" s="13" t="s">
        <v>316</v>
      </c>
      <c r="B58660" s="14" t="s">
        <v>1</v>
      </c>
      <c r="C58660" s="14" t="s">
        <v>150</v>
      </c>
      <c r="D58660" s="14" t="s">
        <v>317</v>
      </c>
      <c r="E58660" s="15">
        <v>45636</v>
      </c>
      <c r="F58660" s="14" t="s">
        <v>61</v>
      </c>
      <c r="G58660" s="16">
        <v>1.4026746020164116</v>
      </c>
    </row>
    <row r="58661" spans="1:7" x14ac:dyDescent="0.3">
      <c r="A58661" s="13" t="s">
        <v>316</v>
      </c>
      <c r="B58661" s="14" t="s">
        <v>1</v>
      </c>
      <c r="C58661" s="14" t="s">
        <v>150</v>
      </c>
      <c r="D58661" s="14" t="s">
        <v>317</v>
      </c>
      <c r="E58661" s="15">
        <v>45637</v>
      </c>
      <c r="F58661" s="14" t="s">
        <v>61</v>
      </c>
      <c r="G58661" s="16">
        <v>1.4058275260946302</v>
      </c>
    </row>
    <row r="58662" spans="1:7" x14ac:dyDescent="0.3">
      <c r="A58662" s="13" t="s">
        <v>316</v>
      </c>
      <c r="B58662" s="14" t="s">
        <v>1</v>
      </c>
      <c r="C58662" s="14" t="s">
        <v>150</v>
      </c>
      <c r="D58662" s="14" t="s">
        <v>317</v>
      </c>
      <c r="E58662" s="15">
        <v>45638</v>
      </c>
      <c r="F58662" s="14" t="s">
        <v>61</v>
      </c>
      <c r="G58662" s="16">
        <v>1.4089857272177038</v>
      </c>
    </row>
    <row r="58663" spans="1:7" x14ac:dyDescent="0.3">
      <c r="A58663" s="13" t="s">
        <v>316</v>
      </c>
      <c r="B58663" s="14" t="s">
        <v>1</v>
      </c>
      <c r="C58663" s="14" t="s">
        <v>150</v>
      </c>
      <c r="D58663" s="14" t="s">
        <v>317</v>
      </c>
      <c r="E58663" s="15">
        <v>45639</v>
      </c>
      <c r="F58663" s="14" t="s">
        <v>61</v>
      </c>
      <c r="G58663" s="16">
        <v>1.412136012773495</v>
      </c>
    </row>
    <row r="58664" spans="1:7" x14ac:dyDescent="0.3">
      <c r="A58664" s="13" t="s">
        <v>316</v>
      </c>
      <c r="B58664" s="14" t="s">
        <v>1</v>
      </c>
      <c r="C58664" s="14" t="s">
        <v>150</v>
      </c>
      <c r="D58664" s="14" t="s">
        <v>317</v>
      </c>
      <c r="E58664" s="15">
        <v>45640</v>
      </c>
      <c r="F58664" s="14" t="s">
        <v>61</v>
      </c>
      <c r="G58664" s="16">
        <v>1.412136012773495</v>
      </c>
    </row>
    <row r="58665" spans="1:7" x14ac:dyDescent="0.3">
      <c r="A58665" s="13" t="s">
        <v>316</v>
      </c>
      <c r="B58665" s="14" t="s">
        <v>1</v>
      </c>
      <c r="C58665" s="14" t="s">
        <v>150</v>
      </c>
      <c r="D58665" s="14" t="s">
        <v>317</v>
      </c>
      <c r="E58665" s="15">
        <v>45641</v>
      </c>
      <c r="F58665" s="14" t="s">
        <v>61</v>
      </c>
      <c r="G58665" s="16">
        <v>1.412136012773495</v>
      </c>
    </row>
    <row r="58666" spans="1:7" x14ac:dyDescent="0.3">
      <c r="A58666" s="13" t="s">
        <v>316</v>
      </c>
      <c r="B58666" s="14" t="s">
        <v>1</v>
      </c>
      <c r="C58666" s="14" t="s">
        <v>150</v>
      </c>
      <c r="D58666" s="14" t="s">
        <v>317</v>
      </c>
      <c r="E58666" s="15">
        <v>45642</v>
      </c>
      <c r="F58666" s="14" t="s">
        <v>61</v>
      </c>
      <c r="G58666" s="16">
        <v>1.4152282508358827</v>
      </c>
    </row>
    <row r="58667" spans="1:7" x14ac:dyDescent="0.3">
      <c r="A58667" s="13" t="s">
        <v>316</v>
      </c>
      <c r="B58667" s="14" t="s">
        <v>1</v>
      </c>
      <c r="C58667" s="14" t="s">
        <v>150</v>
      </c>
      <c r="D58667" s="14" t="s">
        <v>317</v>
      </c>
      <c r="E58667" s="15">
        <v>45643</v>
      </c>
      <c r="F58667" s="14" t="s">
        <v>61</v>
      </c>
      <c r="G58667" s="16">
        <v>1.4241014915367927</v>
      </c>
    </row>
    <row r="58668" spans="1:7" x14ac:dyDescent="0.3">
      <c r="A58668" s="13" t="s">
        <v>316</v>
      </c>
      <c r="B58668" s="14" t="s">
        <v>1</v>
      </c>
      <c r="C58668" s="14" t="s">
        <v>150</v>
      </c>
      <c r="D58668" s="14" t="s">
        <v>317</v>
      </c>
      <c r="E58668" s="15">
        <v>45644</v>
      </c>
      <c r="F58668" s="14" t="s">
        <v>61</v>
      </c>
      <c r="G58668" s="16">
        <v>1.4266238087548528</v>
      </c>
    </row>
    <row r="58669" spans="1:7" x14ac:dyDescent="0.3">
      <c r="A58669" s="13" t="s">
        <v>316</v>
      </c>
      <c r="B58669" s="14" t="s">
        <v>1</v>
      </c>
      <c r="C58669" s="14" t="s">
        <v>150</v>
      </c>
      <c r="D58669" s="14" t="s">
        <v>317</v>
      </c>
      <c r="E58669" s="15">
        <v>45645</v>
      </c>
      <c r="F58669" s="14" t="s">
        <v>61</v>
      </c>
      <c r="G58669" s="16">
        <v>1.42973715499666</v>
      </c>
    </row>
    <row r="58670" spans="1:7" x14ac:dyDescent="0.3">
      <c r="A58670" s="13" t="s">
        <v>316</v>
      </c>
      <c r="B58670" s="14" t="s">
        <v>1</v>
      </c>
      <c r="C58670" s="14" t="s">
        <v>150</v>
      </c>
      <c r="D58670" s="14" t="s">
        <v>317</v>
      </c>
      <c r="E58670" s="15">
        <v>45646</v>
      </c>
      <c r="F58670" s="14" t="s">
        <v>61</v>
      </c>
      <c r="G58670" s="16">
        <v>1.4329085487318705</v>
      </c>
    </row>
    <row r="58671" spans="1:7" x14ac:dyDescent="0.3">
      <c r="A58671" s="13" t="s">
        <v>316</v>
      </c>
      <c r="B58671" s="14" t="s">
        <v>1</v>
      </c>
      <c r="C58671" s="14" t="s">
        <v>150</v>
      </c>
      <c r="D58671" s="14" t="s">
        <v>317</v>
      </c>
      <c r="E58671" s="15">
        <v>45647</v>
      </c>
      <c r="F58671" s="14" t="s">
        <v>61</v>
      </c>
      <c r="G58671" s="16">
        <v>1.4329085487318705</v>
      </c>
    </row>
    <row r="58672" spans="1:7" x14ac:dyDescent="0.3">
      <c r="A58672" s="13" t="s">
        <v>316</v>
      </c>
      <c r="B58672" s="14" t="s">
        <v>1</v>
      </c>
      <c r="C58672" s="14" t="s">
        <v>150</v>
      </c>
      <c r="D58672" s="14" t="s">
        <v>317</v>
      </c>
      <c r="E58672" s="15">
        <v>45648</v>
      </c>
      <c r="F58672" s="14" t="s">
        <v>61</v>
      </c>
      <c r="G58672" s="16">
        <v>1.4329085487318705</v>
      </c>
    </row>
    <row r="58673" spans="1:7" x14ac:dyDescent="0.3">
      <c r="A58673" s="13" t="s">
        <v>316</v>
      </c>
      <c r="B58673" s="14" t="s">
        <v>1</v>
      </c>
      <c r="C58673" s="14" t="s">
        <v>150</v>
      </c>
      <c r="D58673" s="14" t="s">
        <v>317</v>
      </c>
      <c r="E58673" s="15">
        <v>45649</v>
      </c>
      <c r="F58673" s="14" t="s">
        <v>61</v>
      </c>
      <c r="G58673" s="16">
        <v>1.4360878580343635</v>
      </c>
    </row>
    <row r="58674" spans="1:7" x14ac:dyDescent="0.3">
      <c r="A58674" s="13" t="s">
        <v>316</v>
      </c>
      <c r="B58674" s="14" t="s">
        <v>1</v>
      </c>
      <c r="C58674" s="14" t="s">
        <v>150</v>
      </c>
      <c r="D58674" s="14" t="s">
        <v>317</v>
      </c>
      <c r="E58674" s="15">
        <v>45650</v>
      </c>
      <c r="F58674" s="14" t="s">
        <v>61</v>
      </c>
      <c r="G58674" s="16">
        <v>1.4451880116640332</v>
      </c>
    </row>
    <row r="58675" spans="1:7" x14ac:dyDescent="0.3">
      <c r="A58675" s="13" t="s">
        <v>316</v>
      </c>
      <c r="B58675" s="14" t="s">
        <v>1</v>
      </c>
      <c r="C58675" s="14" t="s">
        <v>150</v>
      </c>
      <c r="D58675" s="14" t="s">
        <v>317</v>
      </c>
      <c r="E58675" s="15">
        <v>45651</v>
      </c>
      <c r="F58675" s="14" t="s">
        <v>61</v>
      </c>
      <c r="G58675" s="16">
        <v>1.4451880116640332</v>
      </c>
    </row>
    <row r="58676" spans="1:7" x14ac:dyDescent="0.3">
      <c r="A58676" s="13" t="s">
        <v>316</v>
      </c>
      <c r="B58676" s="14" t="s">
        <v>1</v>
      </c>
      <c r="C58676" s="14" t="s">
        <v>150</v>
      </c>
      <c r="D58676" s="14" t="s">
        <v>317</v>
      </c>
      <c r="E58676" s="15">
        <v>45652</v>
      </c>
      <c r="F58676" s="14" t="s">
        <v>61</v>
      </c>
      <c r="G58676" s="16">
        <v>1.4451880116640332</v>
      </c>
    </row>
    <row r="58677" spans="1:7" x14ac:dyDescent="0.3">
      <c r="A58677" s="13" t="s">
        <v>316</v>
      </c>
      <c r="B58677" s="14" t="s">
        <v>1</v>
      </c>
      <c r="C58677" s="14" t="s">
        <v>150</v>
      </c>
      <c r="D58677" s="14" t="s">
        <v>317</v>
      </c>
      <c r="E58677" s="15">
        <v>45653</v>
      </c>
      <c r="F58677" s="14" t="s">
        <v>61</v>
      </c>
      <c r="G58677" s="16">
        <v>1.4451880116640332</v>
      </c>
    </row>
    <row r="58678" spans="1:7" x14ac:dyDescent="0.3">
      <c r="A58678" s="13" t="s">
        <v>316</v>
      </c>
      <c r="B58678" s="14" t="s">
        <v>1</v>
      </c>
      <c r="C58678" s="14" t="s">
        <v>150</v>
      </c>
      <c r="D58678" s="14" t="s">
        <v>317</v>
      </c>
      <c r="E58678" s="15">
        <v>45654</v>
      </c>
      <c r="F58678" s="14" t="s">
        <v>61</v>
      </c>
      <c r="G58678" s="16">
        <v>1.4451880116640332</v>
      </c>
    </row>
    <row r="58679" spans="1:7" x14ac:dyDescent="0.3">
      <c r="A58679" s="13" t="s">
        <v>316</v>
      </c>
      <c r="B58679" s="14" t="s">
        <v>1</v>
      </c>
      <c r="C58679" s="14" t="s">
        <v>150</v>
      </c>
      <c r="D58679" s="14" t="s">
        <v>317</v>
      </c>
      <c r="E58679" s="15">
        <v>45655</v>
      </c>
      <c r="F58679" s="14" t="s">
        <v>61</v>
      </c>
      <c r="G58679" s="16">
        <v>1.4451880116640332</v>
      </c>
    </row>
    <row r="58680" spans="1:7" x14ac:dyDescent="0.3">
      <c r="A58680" s="13" t="s">
        <v>316</v>
      </c>
      <c r="B58680" s="14" t="s">
        <v>1</v>
      </c>
      <c r="C58680" s="14" t="s">
        <v>150</v>
      </c>
      <c r="D58680" s="14" t="s">
        <v>317</v>
      </c>
      <c r="E58680" s="15">
        <v>45656</v>
      </c>
      <c r="F58680" s="14" t="s">
        <v>61</v>
      </c>
      <c r="G58680" s="16">
        <v>1.4483567668768167</v>
      </c>
    </row>
    <row r="58681" spans="1:7" x14ac:dyDescent="0.3">
      <c r="A58681" s="13" t="s">
        <v>316</v>
      </c>
      <c r="B58681" s="14" t="s">
        <v>1</v>
      </c>
      <c r="C58681" s="14" t="s">
        <v>150</v>
      </c>
      <c r="D58681" s="14" t="s">
        <v>317</v>
      </c>
      <c r="E58681" s="15">
        <v>45657</v>
      </c>
      <c r="F58681" s="14" t="s">
        <v>61</v>
      </c>
      <c r="G58681" s="16">
        <v>1.4679292160209985</v>
      </c>
    </row>
    <row r="58682" spans="1:7" x14ac:dyDescent="0.3">
      <c r="A58682" s="13" t="s">
        <v>316</v>
      </c>
      <c r="B58682" s="14" t="s">
        <v>1</v>
      </c>
      <c r="C58682" s="14" t="s">
        <v>150</v>
      </c>
      <c r="D58682" s="14" t="s">
        <v>317</v>
      </c>
      <c r="E58682" s="15">
        <v>45658</v>
      </c>
      <c r="F58682" s="14" t="s">
        <v>61</v>
      </c>
      <c r="G58682" s="16">
        <v>1.4679292160209985</v>
      </c>
    </row>
    <row r="58683" spans="1:7" x14ac:dyDescent="0.3">
      <c r="A58683" s="13" t="s">
        <v>316</v>
      </c>
      <c r="B58683" s="14" t="s">
        <v>1</v>
      </c>
      <c r="C58683" s="14" t="s">
        <v>150</v>
      </c>
      <c r="D58683" s="14" t="s">
        <v>317</v>
      </c>
      <c r="E58683" s="15">
        <v>45659</v>
      </c>
      <c r="F58683" s="14" t="s">
        <v>61</v>
      </c>
      <c r="G58683" s="16">
        <v>1.4679292160209985</v>
      </c>
    </row>
    <row r="58684" spans="1:7" x14ac:dyDescent="0.3">
      <c r="A58684" s="13" t="s">
        <v>316</v>
      </c>
      <c r="B58684" s="14" t="s">
        <v>1</v>
      </c>
      <c r="C58684" s="14" t="s">
        <v>150</v>
      </c>
      <c r="D58684" s="14" t="s">
        <v>317</v>
      </c>
      <c r="E58684" s="15">
        <v>45660</v>
      </c>
      <c r="F58684" s="14" t="s">
        <v>61</v>
      </c>
      <c r="G58684" s="16">
        <v>1.4711375490701932</v>
      </c>
    </row>
    <row r="58685" spans="1:7" x14ac:dyDescent="0.3">
      <c r="A58685" s="13" t="s">
        <v>316</v>
      </c>
      <c r="B58685" s="14" t="s">
        <v>1</v>
      </c>
      <c r="C58685" s="14" t="s">
        <v>150</v>
      </c>
      <c r="D58685" s="14" t="s">
        <v>317</v>
      </c>
      <c r="E58685" s="15">
        <v>45661</v>
      </c>
      <c r="F58685" s="14" t="s">
        <v>61</v>
      </c>
      <c r="G58685" s="16">
        <v>1.4711375490701932</v>
      </c>
    </row>
    <row r="58686" spans="1:7" x14ac:dyDescent="0.3">
      <c r="A58686" s="13" t="s">
        <v>316</v>
      </c>
      <c r="B58686" s="14" t="s">
        <v>1</v>
      </c>
      <c r="C58686" s="14" t="s">
        <v>150</v>
      </c>
      <c r="D58686" s="14" t="s">
        <v>317</v>
      </c>
      <c r="E58686" s="15">
        <v>45662</v>
      </c>
      <c r="F58686" s="14" t="s">
        <v>61</v>
      </c>
      <c r="G58686" s="16">
        <v>1.4711375490701932</v>
      </c>
    </row>
    <row r="58687" spans="1:7" x14ac:dyDescent="0.3">
      <c r="A58687" s="13" t="s">
        <v>316</v>
      </c>
      <c r="B58687" s="14" t="s">
        <v>1</v>
      </c>
      <c r="C58687" s="14" t="s">
        <v>150</v>
      </c>
      <c r="D58687" s="14" t="s">
        <v>317</v>
      </c>
      <c r="E58687" s="15">
        <v>45663</v>
      </c>
      <c r="F58687" s="14" t="s">
        <v>61</v>
      </c>
      <c r="G58687" s="16">
        <v>1.4798208161563275</v>
      </c>
    </row>
    <row r="58688" spans="1:7" x14ac:dyDescent="0.3">
      <c r="A58688" s="13" t="s">
        <v>316</v>
      </c>
      <c r="B58688" s="14" t="s">
        <v>1</v>
      </c>
      <c r="C58688" s="14" t="s">
        <v>150</v>
      </c>
      <c r="D58688" s="14" t="s">
        <v>317</v>
      </c>
      <c r="E58688" s="15">
        <v>45664</v>
      </c>
      <c r="F58688" s="14" t="s">
        <v>61</v>
      </c>
      <c r="G58688" s="16">
        <v>1.4974090964350739</v>
      </c>
    </row>
    <row r="58689" spans="1:7" x14ac:dyDescent="0.3">
      <c r="A58689" s="13" t="s">
        <v>316</v>
      </c>
      <c r="B58689" s="14" t="s">
        <v>1</v>
      </c>
      <c r="C58689" s="14" t="s">
        <v>150</v>
      </c>
      <c r="D58689" s="14" t="s">
        <v>317</v>
      </c>
      <c r="E58689" s="15">
        <v>45665</v>
      </c>
      <c r="F58689" s="14" t="s">
        <v>61</v>
      </c>
      <c r="G58689" s="16">
        <v>1.5019234980858518</v>
      </c>
    </row>
    <row r="58690" spans="1:7" x14ac:dyDescent="0.3">
      <c r="A58690" s="13" t="s">
        <v>316</v>
      </c>
      <c r="B58690" s="14" t="s">
        <v>1</v>
      </c>
      <c r="C58690" s="14" t="s">
        <v>150</v>
      </c>
      <c r="D58690" s="14" t="s">
        <v>317</v>
      </c>
      <c r="E58690" s="15">
        <v>45666</v>
      </c>
      <c r="F58690" s="14" t="s">
        <v>61</v>
      </c>
      <c r="G58690" s="16">
        <v>1.5049233878632788</v>
      </c>
    </row>
    <row r="58691" spans="1:7" x14ac:dyDescent="0.3">
      <c r="A58691" s="13" t="s">
        <v>316</v>
      </c>
      <c r="B58691" s="14" t="s">
        <v>1</v>
      </c>
      <c r="C58691" s="14" t="s">
        <v>150</v>
      </c>
      <c r="D58691" s="14" t="s">
        <v>317</v>
      </c>
      <c r="E58691" s="15">
        <v>45667</v>
      </c>
      <c r="F58691" s="14" t="s">
        <v>61</v>
      </c>
      <c r="G58691" s="16">
        <v>1.507918000595851</v>
      </c>
    </row>
    <row r="58692" spans="1:7" x14ac:dyDescent="0.3">
      <c r="A58692" s="13" t="s">
        <v>316</v>
      </c>
      <c r="B58692" s="14" t="s">
        <v>1</v>
      </c>
      <c r="C58692" s="14" t="s">
        <v>150</v>
      </c>
      <c r="D58692" s="14" t="s">
        <v>317</v>
      </c>
      <c r="E58692" s="15">
        <v>45668</v>
      </c>
      <c r="F58692" s="14" t="s">
        <v>61</v>
      </c>
      <c r="G58692" s="16">
        <v>1.507918000595851</v>
      </c>
    </row>
    <row r="58693" spans="1:7" x14ac:dyDescent="0.3">
      <c r="A58693" s="13" t="s">
        <v>316</v>
      </c>
      <c r="B58693" s="14" t="s">
        <v>1</v>
      </c>
      <c r="C58693" s="14" t="s">
        <v>150</v>
      </c>
      <c r="D58693" s="14" t="s">
        <v>317</v>
      </c>
      <c r="E58693" s="15">
        <v>45669</v>
      </c>
      <c r="F58693" s="14" t="s">
        <v>61</v>
      </c>
      <c r="G58693" s="16">
        <v>1.507918000595851</v>
      </c>
    </row>
    <row r="58694" spans="1:7" x14ac:dyDescent="0.3">
      <c r="A58694" s="13" t="s">
        <v>316</v>
      </c>
      <c r="B58694" s="14" t="s">
        <v>1</v>
      </c>
      <c r="C58694" s="14" t="s">
        <v>150</v>
      </c>
      <c r="D58694" s="14" t="s">
        <v>317</v>
      </c>
      <c r="E58694" s="15">
        <v>45670</v>
      </c>
      <c r="F58694" s="14" t="s">
        <v>61</v>
      </c>
      <c r="G58694" s="16">
        <v>1.5114244866793467</v>
      </c>
    </row>
    <row r="58695" spans="1:7" x14ac:dyDescent="0.3">
      <c r="A58695" s="13" t="s">
        <v>316</v>
      </c>
      <c r="B58695" s="14" t="s">
        <v>1</v>
      </c>
      <c r="C58695" s="14" t="s">
        <v>150</v>
      </c>
      <c r="D58695" s="14" t="s">
        <v>317</v>
      </c>
      <c r="E58695" s="15">
        <v>45671</v>
      </c>
      <c r="F58695" s="14" t="s">
        <v>61</v>
      </c>
      <c r="G58695" s="16">
        <v>1.5203043128411653</v>
      </c>
    </row>
    <row r="58696" spans="1:7" x14ac:dyDescent="0.3">
      <c r="A58696" s="13" t="s">
        <v>316</v>
      </c>
      <c r="B58696" s="14" t="s">
        <v>1</v>
      </c>
      <c r="C58696" s="14" t="s">
        <v>150</v>
      </c>
      <c r="D58696" s="14" t="s">
        <v>317</v>
      </c>
      <c r="E58696" s="15">
        <v>45672</v>
      </c>
      <c r="F58696" s="14" t="s">
        <v>61</v>
      </c>
      <c r="G58696" s="16">
        <v>1.52332097273409</v>
      </c>
    </row>
    <row r="58697" spans="1:7" x14ac:dyDescent="0.3">
      <c r="A58697" s="13" t="s">
        <v>316</v>
      </c>
      <c r="B58697" s="14" t="s">
        <v>1</v>
      </c>
      <c r="C58697" s="14" t="s">
        <v>150</v>
      </c>
      <c r="D58697" s="14" t="s">
        <v>317</v>
      </c>
      <c r="E58697" s="15">
        <v>45673</v>
      </c>
      <c r="F58697" s="14" t="s">
        <v>61</v>
      </c>
      <c r="G58697" s="16">
        <v>1.526340284443509</v>
      </c>
    </row>
    <row r="58698" spans="1:7" x14ac:dyDescent="0.3">
      <c r="A58698" s="13" t="s">
        <v>316</v>
      </c>
      <c r="B58698" s="14" t="s">
        <v>1</v>
      </c>
      <c r="C58698" s="14" t="s">
        <v>150</v>
      </c>
      <c r="D58698" s="14" t="s">
        <v>317</v>
      </c>
      <c r="E58698" s="15">
        <v>45674</v>
      </c>
      <c r="F58698" s="14" t="s">
        <v>61</v>
      </c>
      <c r="G58698" s="16">
        <v>1.5940108822839274</v>
      </c>
    </row>
    <row r="58699" spans="1:7" x14ac:dyDescent="0.3">
      <c r="A58699" s="13" t="s">
        <v>316</v>
      </c>
      <c r="B58699" s="14" t="s">
        <v>1</v>
      </c>
      <c r="C58699" s="14" t="s">
        <v>150</v>
      </c>
      <c r="D58699" s="14" t="s">
        <v>317</v>
      </c>
      <c r="E58699" s="15">
        <v>45675</v>
      </c>
      <c r="F58699" s="14" t="s">
        <v>61</v>
      </c>
      <c r="G58699" s="16">
        <v>1.5940108822839274</v>
      </c>
    </row>
    <row r="58700" spans="1:7" x14ac:dyDescent="0.3">
      <c r="A58700" s="13" t="s">
        <v>316</v>
      </c>
      <c r="B58700" s="14" t="s">
        <v>1</v>
      </c>
      <c r="C58700" s="14" t="s">
        <v>150</v>
      </c>
      <c r="D58700" s="14" t="s">
        <v>317</v>
      </c>
      <c r="E58700" s="15">
        <v>45676</v>
      </c>
      <c r="F58700" s="14" t="s">
        <v>61</v>
      </c>
      <c r="G58700" s="16">
        <v>1.5940108822839274</v>
      </c>
    </row>
    <row r="58701" spans="1:7" x14ac:dyDescent="0.3">
      <c r="A58701" s="13" t="s">
        <v>316</v>
      </c>
      <c r="B58701" s="14" t="s">
        <v>1</v>
      </c>
      <c r="C58701" s="14" t="s">
        <v>150</v>
      </c>
      <c r="D58701" s="14" t="s">
        <v>317</v>
      </c>
      <c r="E58701" s="15">
        <v>45677</v>
      </c>
      <c r="F58701" s="14" t="s">
        <v>61</v>
      </c>
      <c r="G58701" s="16">
        <v>1.5968763886366768</v>
      </c>
    </row>
    <row r="58702" spans="1:7" x14ac:dyDescent="0.3">
      <c r="A58702" s="13" t="s">
        <v>316</v>
      </c>
      <c r="B58702" s="14" t="s">
        <v>1</v>
      </c>
      <c r="C58702" s="14" t="s">
        <v>150</v>
      </c>
      <c r="D58702" s="14" t="s">
        <v>317</v>
      </c>
      <c r="E58702" s="15">
        <v>45678</v>
      </c>
      <c r="F58702" s="14" t="s">
        <v>61</v>
      </c>
      <c r="G58702" s="16">
        <v>1.604454172899795</v>
      </c>
    </row>
    <row r="58703" spans="1:7" x14ac:dyDescent="0.3">
      <c r="A58703" s="13" t="s">
        <v>316</v>
      </c>
      <c r="B58703" s="14" t="s">
        <v>1</v>
      </c>
      <c r="C58703" s="14" t="s">
        <v>150</v>
      </c>
      <c r="D58703" s="14" t="s">
        <v>317</v>
      </c>
      <c r="E58703" s="15">
        <v>45679</v>
      </c>
      <c r="F58703" s="14" t="s">
        <v>61</v>
      </c>
      <c r="G58703" s="16">
        <v>1.6071950438773126</v>
      </c>
    </row>
    <row r="58704" spans="1:7" x14ac:dyDescent="0.3">
      <c r="A58704" s="13" t="s">
        <v>316</v>
      </c>
      <c r="B58704" s="14" t="s">
        <v>1</v>
      </c>
      <c r="C58704" s="14" t="s">
        <v>150</v>
      </c>
      <c r="D58704" s="14" t="s">
        <v>317</v>
      </c>
      <c r="E58704" s="15">
        <v>45680</v>
      </c>
      <c r="F58704" s="14" t="s">
        <v>61</v>
      </c>
      <c r="G58704" s="16">
        <v>1.609909396689887</v>
      </c>
    </row>
    <row r="58705" spans="1:7" x14ac:dyDescent="0.3">
      <c r="A58705" s="13" t="s">
        <v>316</v>
      </c>
      <c r="B58705" s="14" t="s">
        <v>1</v>
      </c>
      <c r="C58705" s="14" t="s">
        <v>150</v>
      </c>
      <c r="D58705" s="14" t="s">
        <v>317</v>
      </c>
      <c r="E58705" s="15">
        <v>45681</v>
      </c>
      <c r="F58705" s="14" t="s">
        <v>61</v>
      </c>
      <c r="G58705" s="16">
        <v>1.6126290531354501</v>
      </c>
    </row>
    <row r="58706" spans="1:7" x14ac:dyDescent="0.3">
      <c r="A58706" s="13" t="s">
        <v>316</v>
      </c>
      <c r="B58706" s="14" t="s">
        <v>1</v>
      </c>
      <c r="C58706" s="14" t="s">
        <v>150</v>
      </c>
      <c r="D58706" s="14" t="s">
        <v>317</v>
      </c>
      <c r="E58706" s="15">
        <v>45682</v>
      </c>
      <c r="F58706" s="14" t="s">
        <v>61</v>
      </c>
      <c r="G58706" s="16">
        <v>1.6126290531354501</v>
      </c>
    </row>
    <row r="58707" spans="1:7" x14ac:dyDescent="0.3">
      <c r="A58707" s="13" t="s">
        <v>316</v>
      </c>
      <c r="B58707" s="14" t="s">
        <v>1</v>
      </c>
      <c r="C58707" s="14" t="s">
        <v>150</v>
      </c>
      <c r="D58707" s="14" t="s">
        <v>317</v>
      </c>
      <c r="E58707" s="15">
        <v>45683</v>
      </c>
      <c r="F58707" s="14" t="s">
        <v>61</v>
      </c>
      <c r="G58707" s="16">
        <v>1.6126290531354501</v>
      </c>
    </row>
    <row r="58708" spans="1:7" x14ac:dyDescent="0.3">
      <c r="A58708" s="13" t="s">
        <v>316</v>
      </c>
      <c r="B58708" s="14" t="s">
        <v>1</v>
      </c>
      <c r="C58708" s="14" t="s">
        <v>150</v>
      </c>
      <c r="D58708" s="14" t="s">
        <v>317</v>
      </c>
      <c r="E58708" s="15">
        <v>45684</v>
      </c>
      <c r="F58708" s="14" t="s">
        <v>61</v>
      </c>
      <c r="G58708" s="16">
        <v>1.6186581765658978</v>
      </c>
    </row>
    <row r="58709" spans="1:7" x14ac:dyDescent="0.3">
      <c r="A58709" s="13" t="s">
        <v>316</v>
      </c>
      <c r="B58709" s="14" t="s">
        <v>1</v>
      </c>
      <c r="C58709" s="14" t="s">
        <v>150</v>
      </c>
      <c r="D58709" s="14" t="s">
        <v>317</v>
      </c>
      <c r="E58709" s="15">
        <v>45685</v>
      </c>
      <c r="F58709" s="14" t="s">
        <v>61</v>
      </c>
      <c r="G58709" s="16">
        <v>1.6262412644620046</v>
      </c>
    </row>
    <row r="58710" spans="1:7" x14ac:dyDescent="0.3">
      <c r="A58710" s="13" t="s">
        <v>316</v>
      </c>
      <c r="B58710" s="14" t="s">
        <v>1</v>
      </c>
      <c r="C58710" s="14" t="s">
        <v>150</v>
      </c>
      <c r="D58710" s="14" t="s">
        <v>317</v>
      </c>
      <c r="E58710" s="15">
        <v>45686</v>
      </c>
      <c r="F58710" s="14" t="s">
        <v>61</v>
      </c>
      <c r="G58710" s="16">
        <v>1.6289609209075677</v>
      </c>
    </row>
    <row r="58711" spans="1:7" x14ac:dyDescent="0.3">
      <c r="A58711" s="13" t="s">
        <v>316</v>
      </c>
      <c r="B58711" s="14" t="s">
        <v>1</v>
      </c>
      <c r="C58711" s="14" t="s">
        <v>150</v>
      </c>
      <c r="D58711" s="14" t="s">
        <v>317</v>
      </c>
      <c r="E58711" s="15">
        <v>45687</v>
      </c>
      <c r="F58711" s="14" t="s">
        <v>61</v>
      </c>
      <c r="G58711" s="16">
        <v>1.6316699700871538</v>
      </c>
    </row>
    <row r="58712" spans="1:7" x14ac:dyDescent="0.3">
      <c r="A58712" s="13" t="s">
        <v>316</v>
      </c>
      <c r="B58712" s="14" t="s">
        <v>1</v>
      </c>
      <c r="C58712" s="14" t="s">
        <v>150</v>
      </c>
      <c r="D58712" s="14" t="s">
        <v>317</v>
      </c>
      <c r="E58712" s="15">
        <v>45688</v>
      </c>
      <c r="F58712" s="14" t="s">
        <v>61</v>
      </c>
      <c r="G58712" s="16">
        <v>1.6343710638172566</v>
      </c>
    </row>
    <row r="58713" spans="1:7" x14ac:dyDescent="0.3">
      <c r="A58713" s="13" t="s">
        <v>316</v>
      </c>
      <c r="B58713" s="14" t="s">
        <v>1</v>
      </c>
      <c r="C58713" s="14" t="s">
        <v>150</v>
      </c>
      <c r="D58713" s="14" t="s">
        <v>317</v>
      </c>
      <c r="E58713" s="15">
        <v>45689</v>
      </c>
      <c r="F58713" s="14" t="s">
        <v>61</v>
      </c>
      <c r="G58713" s="16">
        <v>1.6343710638172566</v>
      </c>
    </row>
    <row r="58714" spans="1:7" x14ac:dyDescent="0.3">
      <c r="A58714" s="13" t="s">
        <v>316</v>
      </c>
      <c r="B58714" s="14" t="s">
        <v>1</v>
      </c>
      <c r="C58714" s="14" t="s">
        <v>150</v>
      </c>
      <c r="D58714" s="14" t="s">
        <v>317</v>
      </c>
      <c r="E58714" s="15">
        <v>45690</v>
      </c>
      <c r="F58714" s="14" t="s">
        <v>61</v>
      </c>
      <c r="G58714" s="16">
        <v>1.6343710638172566</v>
      </c>
    </row>
    <row r="58715" spans="1:7" x14ac:dyDescent="0.3">
      <c r="A58715" s="13" t="s">
        <v>316</v>
      </c>
      <c r="B58715" s="14" t="s">
        <v>1</v>
      </c>
      <c r="C58715" s="14" t="s">
        <v>150</v>
      </c>
      <c r="D58715" s="14" t="s">
        <v>317</v>
      </c>
      <c r="E58715" s="15">
        <v>45691</v>
      </c>
      <c r="F58715" s="14" t="s">
        <v>61</v>
      </c>
      <c r="G58715" s="16">
        <v>1.6343710638172566</v>
      </c>
    </row>
    <row r="58716" spans="1:7" x14ac:dyDescent="0.3">
      <c r="A58716" s="13" t="s">
        <v>316</v>
      </c>
      <c r="B58716" s="14" t="s">
        <v>1</v>
      </c>
      <c r="C58716" s="14" t="s">
        <v>150</v>
      </c>
      <c r="D58716" s="14" t="s">
        <v>317</v>
      </c>
      <c r="E58716" s="15">
        <v>45692</v>
      </c>
      <c r="F58716" s="14" t="s">
        <v>61</v>
      </c>
      <c r="G58716" s="16">
        <v>1.6588541782315283</v>
      </c>
    </row>
    <row r="58717" spans="1:7" x14ac:dyDescent="0.3">
      <c r="A58717" s="13" t="s">
        <v>316</v>
      </c>
      <c r="B58717" s="14" t="s">
        <v>1</v>
      </c>
      <c r="C58717" s="14" t="s">
        <v>150</v>
      </c>
      <c r="D58717" s="14" t="s">
        <v>317</v>
      </c>
      <c r="E58717" s="15">
        <v>45693</v>
      </c>
      <c r="F58717" s="14" t="s">
        <v>61</v>
      </c>
      <c r="G58717" s="16">
        <v>1.671446547485365</v>
      </c>
    </row>
    <row r="58718" spans="1:7" x14ac:dyDescent="0.3">
      <c r="A58718" s="13" t="s">
        <v>316</v>
      </c>
      <c r="B58718" s="14" t="s">
        <v>1</v>
      </c>
      <c r="C58718" s="14" t="s">
        <v>150</v>
      </c>
      <c r="D58718" s="14" t="s">
        <v>317</v>
      </c>
      <c r="E58718" s="15">
        <v>45694</v>
      </c>
      <c r="F58718" s="14" t="s">
        <v>61</v>
      </c>
      <c r="G58718" s="16">
        <v>1.6744022155989207</v>
      </c>
    </row>
    <row r="58719" spans="1:7" x14ac:dyDescent="0.3">
      <c r="A58719" s="13" t="s">
        <v>316</v>
      </c>
      <c r="B58719" s="14" t="s">
        <v>1</v>
      </c>
      <c r="C58719" s="14" t="s">
        <v>150</v>
      </c>
      <c r="D58719" s="14" t="s">
        <v>317</v>
      </c>
      <c r="E58719" s="15">
        <v>45695</v>
      </c>
      <c r="F58719" s="14" t="s">
        <v>61</v>
      </c>
      <c r="G58719" s="16">
        <v>1.6844329301192649</v>
      </c>
    </row>
    <row r="58720" spans="1:7" x14ac:dyDescent="0.3">
      <c r="A58720" s="13" t="s">
        <v>316</v>
      </c>
      <c r="B58720" s="14" t="s">
        <v>1</v>
      </c>
      <c r="C58720" s="14" t="s">
        <v>150</v>
      </c>
      <c r="D58720" s="14" t="s">
        <v>317</v>
      </c>
      <c r="E58720" s="15">
        <v>45696</v>
      </c>
      <c r="F58720" s="14" t="s">
        <v>61</v>
      </c>
      <c r="G58720" s="16">
        <v>1.6844329301192649</v>
      </c>
    </row>
    <row r="58721" spans="1:7" x14ac:dyDescent="0.3">
      <c r="A58721" s="13" t="s">
        <v>316</v>
      </c>
      <c r="B58721" s="14" t="s">
        <v>1</v>
      </c>
      <c r="C58721" s="14" t="s">
        <v>150</v>
      </c>
      <c r="D58721" s="14" t="s">
        <v>317</v>
      </c>
      <c r="E58721" s="15">
        <v>45697</v>
      </c>
      <c r="F58721" s="14" t="s">
        <v>61</v>
      </c>
      <c r="G58721" s="16">
        <v>1.6844329301192649</v>
      </c>
    </row>
    <row r="58722" spans="1:7" x14ac:dyDescent="0.3">
      <c r="A58722" s="13" t="s">
        <v>316</v>
      </c>
      <c r="B58722" s="14" t="s">
        <v>1</v>
      </c>
      <c r="C58722" s="14" t="s">
        <v>150</v>
      </c>
      <c r="D58722" s="14" t="s">
        <v>317</v>
      </c>
      <c r="E58722" s="15">
        <v>45698</v>
      </c>
      <c r="F58722" s="14" t="s">
        <v>61</v>
      </c>
      <c r="G58722" s="16">
        <v>1.6874230718472465</v>
      </c>
    </row>
    <row r="58723" spans="1:7" x14ac:dyDescent="0.3">
      <c r="A58723" s="13" t="s">
        <v>316</v>
      </c>
      <c r="B58723" s="14" t="s">
        <v>1</v>
      </c>
      <c r="C58723" s="14" t="s">
        <v>150</v>
      </c>
      <c r="D58723" s="14" t="s">
        <v>317</v>
      </c>
      <c r="E58723" s="15">
        <v>45699</v>
      </c>
      <c r="F58723" s="14" t="s">
        <v>61</v>
      </c>
      <c r="G58723" s="16">
        <v>1.6960562790750953</v>
      </c>
    </row>
    <row r="58724" spans="1:7" x14ac:dyDescent="0.3">
      <c r="A58724" s="13" t="s">
        <v>316</v>
      </c>
      <c r="B58724" s="14" t="s">
        <v>1</v>
      </c>
      <c r="C58724" s="14" t="s">
        <v>150</v>
      </c>
      <c r="D58724" s="14" t="s">
        <v>317</v>
      </c>
      <c r="E58724" s="15">
        <v>45700</v>
      </c>
      <c r="F58724" s="14" t="s">
        <v>61</v>
      </c>
      <c r="G58724" s="16">
        <v>1.6990278580876168</v>
      </c>
    </row>
    <row r="58725" spans="1:7" x14ac:dyDescent="0.3">
      <c r="A58725" s="13" t="s">
        <v>316</v>
      </c>
      <c r="B58725" s="14" t="s">
        <v>1</v>
      </c>
      <c r="C58725" s="14" t="s">
        <v>150</v>
      </c>
      <c r="D58725" s="14" t="s">
        <v>317</v>
      </c>
      <c r="E58725" s="15">
        <v>45701</v>
      </c>
      <c r="F58725" s="14" t="s">
        <v>61</v>
      </c>
      <c r="G58725" s="16">
        <v>1.7019570080362296</v>
      </c>
    </row>
    <row r="58726" spans="1:7" x14ac:dyDescent="0.3">
      <c r="A58726" s="13" t="s">
        <v>316</v>
      </c>
      <c r="B58726" s="14" t="s">
        <v>1</v>
      </c>
      <c r="C58726" s="14" t="s">
        <v>150</v>
      </c>
      <c r="D58726" s="14" t="s">
        <v>317</v>
      </c>
      <c r="E58726" s="15">
        <v>45702</v>
      </c>
      <c r="F58726" s="14" t="s">
        <v>61</v>
      </c>
      <c r="G58726" s="16">
        <v>1.7048596398198992</v>
      </c>
    </row>
    <row r="58727" spans="1:7" x14ac:dyDescent="0.3">
      <c r="A58727" s="13" t="s">
        <v>316</v>
      </c>
      <c r="B58727" s="14" t="s">
        <v>1</v>
      </c>
      <c r="C58727" s="14" t="s">
        <v>150</v>
      </c>
      <c r="D58727" s="14" t="s">
        <v>317</v>
      </c>
      <c r="E58727" s="15">
        <v>45703</v>
      </c>
      <c r="F58727" s="14" t="s">
        <v>61</v>
      </c>
      <c r="G58727" s="16">
        <v>1.7048596398198992</v>
      </c>
    </row>
    <row r="58728" spans="1:7" x14ac:dyDescent="0.3">
      <c r="A58728" s="13" t="s">
        <v>316</v>
      </c>
      <c r="B58728" s="14" t="s">
        <v>1</v>
      </c>
      <c r="C58728" s="14" t="s">
        <v>150</v>
      </c>
      <c r="D58728" s="14" t="s">
        <v>317</v>
      </c>
      <c r="E58728" s="15">
        <v>45704</v>
      </c>
      <c r="F58728" s="14" t="s">
        <v>61</v>
      </c>
      <c r="G58728" s="16">
        <v>1.7048596398198992</v>
      </c>
    </row>
    <row r="58729" spans="1:7" x14ac:dyDescent="0.3">
      <c r="A58729" s="13" t="s">
        <v>316</v>
      </c>
      <c r="B58729" s="14" t="s">
        <v>1</v>
      </c>
      <c r="C58729" s="14" t="s">
        <v>150</v>
      </c>
      <c r="D58729" s="14" t="s">
        <v>317</v>
      </c>
      <c r="E58729" s="15">
        <v>45705</v>
      </c>
      <c r="F58729" s="14" t="s">
        <v>61</v>
      </c>
      <c r="G58729" s="16">
        <v>1.7076959761912114</v>
      </c>
    </row>
    <row r="58730" spans="1:7" x14ac:dyDescent="0.3">
      <c r="A58730" s="13" t="s">
        <v>316</v>
      </c>
      <c r="B58730" s="14" t="s">
        <v>1</v>
      </c>
      <c r="C58730" s="14" t="s">
        <v>150</v>
      </c>
      <c r="D58730" s="14" t="s">
        <v>317</v>
      </c>
      <c r="E58730" s="15">
        <v>45706</v>
      </c>
      <c r="F58730" s="14" t="s">
        <v>61</v>
      </c>
      <c r="G58730" s="16">
        <v>1.7158863300645124</v>
      </c>
    </row>
    <row r="58731" spans="1:7" x14ac:dyDescent="0.3">
      <c r="A58731" s="13" t="s">
        <v>316</v>
      </c>
      <c r="B58731" s="14" t="s">
        <v>1</v>
      </c>
      <c r="C58731" s="14" t="s">
        <v>150</v>
      </c>
      <c r="D58731" s="14" t="s">
        <v>317</v>
      </c>
      <c r="E58731" s="15">
        <v>45707</v>
      </c>
      <c r="F58731" s="14" t="s">
        <v>61</v>
      </c>
      <c r="G58731" s="16">
        <v>1.7172694709969492</v>
      </c>
    </row>
    <row r="58732" spans="1:7" x14ac:dyDescent="0.3">
      <c r="A58732" s="13" t="s">
        <v>316</v>
      </c>
      <c r="B58732" s="14" t="s">
        <v>1</v>
      </c>
      <c r="C58732" s="14" t="s">
        <v>150</v>
      </c>
      <c r="D58732" s="14" t="s">
        <v>317</v>
      </c>
      <c r="E58732" s="15">
        <v>45708</v>
      </c>
      <c r="F58732" s="14" t="s">
        <v>61</v>
      </c>
      <c r="G58732" s="16">
        <v>1.7241958415630514</v>
      </c>
    </row>
    <row r="58733" spans="1:7" x14ac:dyDescent="0.3">
      <c r="A58733" s="13" t="s">
        <v>316</v>
      </c>
      <c r="B58733" s="14" t="s">
        <v>1</v>
      </c>
      <c r="C58733" s="14" t="s">
        <v>150</v>
      </c>
      <c r="D58733" s="14" t="s">
        <v>317</v>
      </c>
      <c r="E58733" s="15">
        <v>45709</v>
      </c>
      <c r="F58733" s="14" t="s">
        <v>61</v>
      </c>
      <c r="G58733" s="16">
        <v>1.7270902282168699</v>
      </c>
    </row>
    <row r="58734" spans="1:7" x14ac:dyDescent="0.3">
      <c r="A58734" s="13" t="s">
        <v>316</v>
      </c>
      <c r="B58734" s="14" t="s">
        <v>1</v>
      </c>
      <c r="C58734" s="14" t="s">
        <v>150</v>
      </c>
      <c r="D58734" s="14" t="s">
        <v>317</v>
      </c>
      <c r="E58734" s="15">
        <v>45710</v>
      </c>
      <c r="F58734" s="14" t="s">
        <v>61</v>
      </c>
      <c r="G58734" s="16">
        <v>1.7270902282168699</v>
      </c>
    </row>
    <row r="58735" spans="1:7" x14ac:dyDescent="0.3">
      <c r="A58735" s="13" t="s">
        <v>316</v>
      </c>
      <c r="B58735" s="14" t="s">
        <v>1</v>
      </c>
      <c r="C58735" s="14" t="s">
        <v>150</v>
      </c>
      <c r="D58735" s="14" t="s">
        <v>317</v>
      </c>
      <c r="E58735" s="15">
        <v>45711</v>
      </c>
      <c r="F58735" s="14" t="s">
        <v>61</v>
      </c>
      <c r="G58735" s="16">
        <v>1.7270902282168699</v>
      </c>
    </row>
    <row r="58736" spans="1:7" x14ac:dyDescent="0.3">
      <c r="A58736" s="13" t="s">
        <v>316</v>
      </c>
      <c r="B58736" s="14" t="s">
        <v>1</v>
      </c>
      <c r="C58736" s="14" t="s">
        <v>150</v>
      </c>
      <c r="D58736" s="14" t="s">
        <v>317</v>
      </c>
      <c r="E58736" s="15">
        <v>45712</v>
      </c>
      <c r="F58736" s="14" t="s">
        <v>61</v>
      </c>
      <c r="G58736" s="16">
        <v>1.7298177526935798</v>
      </c>
    </row>
    <row r="58737" spans="1:7" x14ac:dyDescent="0.3">
      <c r="A58737" s="13" t="s">
        <v>316</v>
      </c>
      <c r="B58737" s="14" t="s">
        <v>1</v>
      </c>
      <c r="C58737" s="14" t="s">
        <v>150</v>
      </c>
      <c r="D58737" s="14" t="s">
        <v>317</v>
      </c>
      <c r="E58737" s="15">
        <v>45713</v>
      </c>
      <c r="F58737" s="14" t="s">
        <v>61</v>
      </c>
      <c r="G58737" s="16">
        <v>1.7376282294577621</v>
      </c>
    </row>
    <row r="58738" spans="1:7" x14ac:dyDescent="0.3">
      <c r="A58738" s="13" t="s">
        <v>316</v>
      </c>
      <c r="B58738" s="14" t="s">
        <v>1</v>
      </c>
      <c r="C58738" s="14" t="s">
        <v>150</v>
      </c>
      <c r="D58738" s="14" t="s">
        <v>317</v>
      </c>
      <c r="E58738" s="15">
        <v>45714</v>
      </c>
      <c r="F58738" s="14" t="s">
        <v>61</v>
      </c>
      <c r="G58738" s="16">
        <v>1.7403389958965989</v>
      </c>
    </row>
    <row r="58739" spans="1:7" x14ac:dyDescent="0.3">
      <c r="A58739" s="13" t="s">
        <v>316</v>
      </c>
      <c r="B58739" s="14" t="s">
        <v>1</v>
      </c>
      <c r="C58739" s="14" t="s">
        <v>150</v>
      </c>
      <c r="D58739" s="14" t="s">
        <v>317</v>
      </c>
      <c r="E58739" s="15">
        <v>45715</v>
      </c>
      <c r="F58739" s="14" t="s">
        <v>61</v>
      </c>
      <c r="G58739" s="16">
        <v>1.7508283647150773</v>
      </c>
    </row>
    <row r="58740" spans="1:7" x14ac:dyDescent="0.3">
      <c r="A58740" s="13" t="s">
        <v>316</v>
      </c>
      <c r="B58740" s="14" t="s">
        <v>1</v>
      </c>
      <c r="C58740" s="14" t="s">
        <v>150</v>
      </c>
      <c r="D58740" s="14" t="s">
        <v>317</v>
      </c>
      <c r="E58740" s="15">
        <v>45716</v>
      </c>
      <c r="F58740" s="14" t="s">
        <v>61</v>
      </c>
      <c r="G58740" s="16">
        <v>1.7536159787275896</v>
      </c>
    </row>
    <row r="58741" spans="1:7" x14ac:dyDescent="0.3">
      <c r="A58741" s="13" t="s">
        <v>316</v>
      </c>
      <c r="B58741" s="14" t="s">
        <v>1</v>
      </c>
      <c r="C58741" s="14" t="s">
        <v>150</v>
      </c>
      <c r="D58741" s="14" t="s">
        <v>317</v>
      </c>
      <c r="E58741" s="15">
        <v>45717</v>
      </c>
      <c r="F58741" s="14" t="s">
        <v>61</v>
      </c>
      <c r="G58741" s="16">
        <v>1.7536159787275896</v>
      </c>
    </row>
    <row r="58742" spans="1:7" x14ac:dyDescent="0.3">
      <c r="A58742" s="13" t="s">
        <v>316</v>
      </c>
      <c r="B58742" s="14" t="s">
        <v>1</v>
      </c>
      <c r="C58742" s="14" t="s">
        <v>150</v>
      </c>
      <c r="D58742" s="14" t="s">
        <v>317</v>
      </c>
      <c r="E58742" s="15">
        <v>45718</v>
      </c>
      <c r="F58742" s="14" t="s">
        <v>61</v>
      </c>
      <c r="G58742" s="16">
        <v>1.7536159787275896</v>
      </c>
    </row>
    <row r="58743" spans="1:7" x14ac:dyDescent="0.3">
      <c r="A58743" s="13" t="s">
        <v>316</v>
      </c>
      <c r="B58743" s="14" t="s">
        <v>1</v>
      </c>
      <c r="C58743" s="14" t="s">
        <v>150</v>
      </c>
      <c r="D58743" s="14" t="s">
        <v>317</v>
      </c>
      <c r="E58743" s="15">
        <v>45719</v>
      </c>
      <c r="F58743" s="14" t="s">
        <v>61</v>
      </c>
      <c r="G58743" s="16">
        <v>1.756398325928199</v>
      </c>
    </row>
    <row r="58744" spans="1:7" x14ac:dyDescent="0.3">
      <c r="A58744" s="13" t="s">
        <v>316</v>
      </c>
      <c r="B58744" s="14" t="s">
        <v>1</v>
      </c>
      <c r="C58744" s="14" t="s">
        <v>150</v>
      </c>
      <c r="D58744" s="14" t="s">
        <v>317</v>
      </c>
      <c r="E58744" s="15">
        <v>45720</v>
      </c>
      <c r="F58744" s="14" t="s">
        <v>61</v>
      </c>
      <c r="G58744" s="16">
        <v>1.7676592826904658</v>
      </c>
    </row>
    <row r="58745" spans="1:7" x14ac:dyDescent="0.3">
      <c r="A58745" s="13" t="s">
        <v>316</v>
      </c>
      <c r="B58745" s="14" t="s">
        <v>1</v>
      </c>
      <c r="C58745" s="14" t="s">
        <v>150</v>
      </c>
      <c r="D58745" s="14" t="s">
        <v>317</v>
      </c>
      <c r="E58745" s="15">
        <v>45721</v>
      </c>
      <c r="F58745" s="14" t="s">
        <v>61</v>
      </c>
      <c r="G58745" s="16">
        <v>1.770417929237512</v>
      </c>
    </row>
    <row r="58746" spans="1:7" x14ac:dyDescent="0.3">
      <c r="A58746" s="13" t="s">
        <v>316</v>
      </c>
      <c r="B58746" s="14" t="s">
        <v>1</v>
      </c>
      <c r="C58746" s="14" t="s">
        <v>150</v>
      </c>
      <c r="D58746" s="14" t="s">
        <v>317</v>
      </c>
      <c r="E58746" s="15">
        <v>45722</v>
      </c>
      <c r="F58746" s="14" t="s">
        <v>61</v>
      </c>
      <c r="G58746" s="16">
        <v>1.7790608016829081</v>
      </c>
    </row>
    <row r="58747" spans="1:7" x14ac:dyDescent="0.3">
      <c r="A58747" s="13" t="s">
        <v>316</v>
      </c>
      <c r="B58747" s="14" t="s">
        <v>1</v>
      </c>
      <c r="C58747" s="14" t="s">
        <v>150</v>
      </c>
      <c r="D58747" s="14" t="s">
        <v>317</v>
      </c>
      <c r="E58747" s="15">
        <v>45723</v>
      </c>
      <c r="F58747" s="14" t="s">
        <v>61</v>
      </c>
      <c r="G58747" s="16">
        <v>1.7826020485986309</v>
      </c>
    </row>
    <row r="58748" spans="1:7" x14ac:dyDescent="0.3">
      <c r="A58748" s="13" t="s">
        <v>316</v>
      </c>
      <c r="B58748" s="14" t="s">
        <v>1</v>
      </c>
      <c r="C58748" s="14" t="s">
        <v>150</v>
      </c>
      <c r="D58748" s="14" t="s">
        <v>317</v>
      </c>
      <c r="E58748" s="15">
        <v>45724</v>
      </c>
      <c r="F58748" s="14" t="s">
        <v>61</v>
      </c>
      <c r="G58748" s="16">
        <v>1.7826020485986309</v>
      </c>
    </row>
    <row r="58749" spans="1:7" x14ac:dyDescent="0.3">
      <c r="A58749" s="13" t="s">
        <v>316</v>
      </c>
      <c r="B58749" s="14" t="s">
        <v>1</v>
      </c>
      <c r="C58749" s="14" t="s">
        <v>150</v>
      </c>
      <c r="D58749" s="14" t="s">
        <v>317</v>
      </c>
      <c r="E58749" s="15">
        <v>45725</v>
      </c>
      <c r="F58749" s="14" t="s">
        <v>61</v>
      </c>
      <c r="G58749" s="16">
        <v>1.7826020485986309</v>
      </c>
    </row>
    <row r="58750" spans="1:7" x14ac:dyDescent="0.3">
      <c r="A58750" s="13" t="s">
        <v>316</v>
      </c>
      <c r="B58750" s="14" t="s">
        <v>1</v>
      </c>
      <c r="C58750" s="14" t="s">
        <v>150</v>
      </c>
      <c r="D58750" s="14" t="s">
        <v>317</v>
      </c>
      <c r="E58750" s="15">
        <v>45726</v>
      </c>
      <c r="F58750" s="14" t="s">
        <v>61</v>
      </c>
      <c r="G58750" s="16">
        <v>1.7853568647370199</v>
      </c>
    </row>
    <row r="58751" spans="1:7" x14ac:dyDescent="0.3">
      <c r="A58751" s="13" t="s">
        <v>316</v>
      </c>
      <c r="B58751" s="14" t="s">
        <v>1</v>
      </c>
      <c r="C58751" s="14" t="s">
        <v>150</v>
      </c>
      <c r="D58751" s="14" t="s">
        <v>317</v>
      </c>
      <c r="E58751" s="15">
        <v>45727</v>
      </c>
      <c r="F58751" s="14" t="s">
        <v>61</v>
      </c>
      <c r="G58751" s="16">
        <v>1.7931410074416869</v>
      </c>
    </row>
    <row r="58752" spans="1:7" x14ac:dyDescent="0.3">
      <c r="A58752" s="13" t="s">
        <v>316</v>
      </c>
      <c r="B58752" s="14" t="s">
        <v>1</v>
      </c>
      <c r="C58752" s="14" t="s">
        <v>150</v>
      </c>
      <c r="D58752" s="14" t="s">
        <v>317</v>
      </c>
      <c r="E58752" s="15">
        <v>45728</v>
      </c>
      <c r="F58752" s="14" t="s">
        <v>61</v>
      </c>
      <c r="G58752" s="16">
        <v>1.7957545772608594</v>
      </c>
    </row>
    <row r="58753" spans="1:7" x14ac:dyDescent="0.3">
      <c r="A58753" s="13" t="s">
        <v>316</v>
      </c>
      <c r="B58753" s="14" t="s">
        <v>1</v>
      </c>
      <c r="C58753" s="14" t="s">
        <v>150</v>
      </c>
      <c r="D58753" s="14" t="s">
        <v>317</v>
      </c>
      <c r="E58753" s="15">
        <v>45729</v>
      </c>
      <c r="F58753" s="14" t="s">
        <v>61</v>
      </c>
      <c r="G58753" s="16">
        <v>1.7984191393952746</v>
      </c>
    </row>
    <row r="58754" spans="1:7" x14ac:dyDescent="0.3">
      <c r="A58754" s="13" t="s">
        <v>316</v>
      </c>
      <c r="B58754" s="14" t="s">
        <v>1</v>
      </c>
      <c r="C58754" s="14" t="s">
        <v>150</v>
      </c>
      <c r="D58754" s="14" t="s">
        <v>317</v>
      </c>
      <c r="E58754" s="15">
        <v>45730</v>
      </c>
      <c r="F58754" s="14" t="s">
        <v>61</v>
      </c>
      <c r="G58754" s="16">
        <v>1.8018471498550832</v>
      </c>
    </row>
    <row r="58755" spans="1:7" x14ac:dyDescent="0.3">
      <c r="A58755" s="13" t="s">
        <v>316</v>
      </c>
      <c r="B58755" s="14" t="s">
        <v>1</v>
      </c>
      <c r="C58755" s="14" t="s">
        <v>150</v>
      </c>
      <c r="D58755" s="14" t="s">
        <v>317</v>
      </c>
      <c r="E58755" s="15">
        <v>45731</v>
      </c>
      <c r="F58755" s="14" t="s">
        <v>61</v>
      </c>
      <c r="G58755" s="16">
        <v>1.8018471498550832</v>
      </c>
    </row>
    <row r="58756" spans="1:7" x14ac:dyDescent="0.3">
      <c r="A58756" s="13" t="s">
        <v>316</v>
      </c>
      <c r="B58756" s="14" t="s">
        <v>1</v>
      </c>
      <c r="C58756" s="14" t="s">
        <v>150</v>
      </c>
      <c r="D58756" s="14" t="s">
        <v>317</v>
      </c>
      <c r="E58756" s="15">
        <v>45732</v>
      </c>
      <c r="F58756" s="14" t="s">
        <v>61</v>
      </c>
      <c r="G58756" s="16">
        <v>1.8018471498550832</v>
      </c>
    </row>
    <row r="58757" spans="1:7" x14ac:dyDescent="0.3">
      <c r="A58757" s="13" t="s">
        <v>316</v>
      </c>
      <c r="B58757" s="14" t="s">
        <v>1</v>
      </c>
      <c r="C58757" s="14" t="s">
        <v>150</v>
      </c>
      <c r="D58757" s="14" t="s">
        <v>317</v>
      </c>
      <c r="E58757" s="15">
        <v>45733</v>
      </c>
      <c r="F58757" s="14" t="s">
        <v>61</v>
      </c>
      <c r="G58757" s="16">
        <v>1.8018471498550832</v>
      </c>
    </row>
    <row r="58758" spans="1:7" x14ac:dyDescent="0.3">
      <c r="A58758" s="13" t="s">
        <v>316</v>
      </c>
      <c r="B58758" s="14" t="s">
        <v>1</v>
      </c>
      <c r="C58758" s="14" t="s">
        <v>150</v>
      </c>
      <c r="D58758" s="14" t="s">
        <v>317</v>
      </c>
      <c r="E58758" s="15">
        <v>45734</v>
      </c>
      <c r="F58758" s="14" t="s">
        <v>61</v>
      </c>
      <c r="G58758" s="16">
        <v>1.8044607196742553</v>
      </c>
    </row>
    <row r="58759" spans="1:7" x14ac:dyDescent="0.3">
      <c r="A58759" s="13" t="s">
        <v>316</v>
      </c>
      <c r="B58759" s="14" t="s">
        <v>1</v>
      </c>
      <c r="C58759" s="14" t="s">
        <v>150</v>
      </c>
      <c r="D58759" s="14" t="s">
        <v>317</v>
      </c>
      <c r="E58759" s="15">
        <v>45735</v>
      </c>
      <c r="F58759" s="14" t="s">
        <v>61</v>
      </c>
      <c r="G58759" s="16">
        <v>1.8140401270362208</v>
      </c>
    </row>
    <row r="58760" spans="1:7" x14ac:dyDescent="0.3">
      <c r="A58760" s="13" t="s">
        <v>316</v>
      </c>
      <c r="B58760" s="14" t="s">
        <v>1</v>
      </c>
      <c r="C58760" s="14" t="s">
        <v>150</v>
      </c>
      <c r="D58760" s="14" t="s">
        <v>317</v>
      </c>
      <c r="E58760" s="15">
        <v>45736</v>
      </c>
      <c r="F58760" s="14" t="s">
        <v>61</v>
      </c>
      <c r="G58760" s="16">
        <v>1.8166149139677439</v>
      </c>
    </row>
    <row r="58761" spans="1:7" x14ac:dyDescent="0.3">
      <c r="A58761" s="13" t="s">
        <v>316</v>
      </c>
      <c r="B58761" s="14" t="s">
        <v>1</v>
      </c>
      <c r="C58761" s="14" t="s">
        <v>150</v>
      </c>
      <c r="D58761" s="14" t="s">
        <v>317</v>
      </c>
      <c r="E58761" s="15">
        <v>45737</v>
      </c>
      <c r="F58761" s="14" t="s">
        <v>61</v>
      </c>
      <c r="G58761" s="16">
        <v>1.8191908979019722</v>
      </c>
    </row>
    <row r="58762" spans="1:7" x14ac:dyDescent="0.3">
      <c r="A58762" s="13" t="s">
        <v>316</v>
      </c>
      <c r="B58762" s="14" t="s">
        <v>1</v>
      </c>
      <c r="C58762" s="14" t="s">
        <v>150</v>
      </c>
      <c r="D58762" s="14" t="s">
        <v>317</v>
      </c>
      <c r="E58762" s="15">
        <v>45738</v>
      </c>
      <c r="F58762" s="14" t="s">
        <v>61</v>
      </c>
      <c r="G58762" s="16">
        <v>1.8191908979019722</v>
      </c>
    </row>
    <row r="58763" spans="1:7" x14ac:dyDescent="0.3">
      <c r="A58763" s="13" t="s">
        <v>316</v>
      </c>
      <c r="B58763" s="14" t="s">
        <v>1</v>
      </c>
      <c r="C58763" s="14" t="s">
        <v>150</v>
      </c>
      <c r="D58763" s="14" t="s">
        <v>317</v>
      </c>
      <c r="E58763" s="15">
        <v>45739</v>
      </c>
      <c r="F58763" s="14" t="s">
        <v>61</v>
      </c>
      <c r="G58763" s="16">
        <v>1.8191908979019722</v>
      </c>
    </row>
    <row r="58764" spans="1:7" x14ac:dyDescent="0.3">
      <c r="A58764" s="13" t="s">
        <v>316</v>
      </c>
      <c r="B58764" s="14" t="s">
        <v>1</v>
      </c>
      <c r="C58764" s="14" t="s">
        <v>150</v>
      </c>
      <c r="D58764" s="14" t="s">
        <v>317</v>
      </c>
      <c r="E58764" s="15">
        <v>45740</v>
      </c>
      <c r="F58764" s="14" t="s">
        <v>61</v>
      </c>
      <c r="G58764" s="16">
        <v>1.8207963520428032</v>
      </c>
    </row>
    <row r="58765" spans="1:7" x14ac:dyDescent="0.3">
      <c r="A58765" s="13" t="s">
        <v>316</v>
      </c>
      <c r="B58765" s="14" t="s">
        <v>1</v>
      </c>
      <c r="C58765" s="14" t="s">
        <v>150</v>
      </c>
      <c r="D58765" s="14" t="s">
        <v>317</v>
      </c>
      <c r="E58765" s="15">
        <v>45741</v>
      </c>
      <c r="F58765" s="14" t="s">
        <v>61</v>
      </c>
      <c r="G58765" s="16">
        <v>1.8275616060447819</v>
      </c>
    </row>
    <row r="58766" spans="1:7" x14ac:dyDescent="0.3">
      <c r="A58766" s="13" t="s">
        <v>316</v>
      </c>
      <c r="B58766" s="14" t="s">
        <v>1</v>
      </c>
      <c r="C58766" s="14" t="s">
        <v>150</v>
      </c>
      <c r="D58766" s="14" t="s">
        <v>317</v>
      </c>
      <c r="E58766" s="15">
        <v>45742</v>
      </c>
      <c r="F58766" s="14" t="s">
        <v>61</v>
      </c>
      <c r="G58766" s="16">
        <v>1.8308378365615674</v>
      </c>
    </row>
    <row r="58767" spans="1:7" x14ac:dyDescent="0.3">
      <c r="A58767" s="13" t="s">
        <v>316</v>
      </c>
      <c r="B58767" s="14" t="s">
        <v>1</v>
      </c>
      <c r="C58767" s="14" t="s">
        <v>150</v>
      </c>
      <c r="D58767" s="14" t="s">
        <v>317</v>
      </c>
      <c r="E58767" s="15">
        <v>45743</v>
      </c>
      <c r="F58767" s="14" t="s">
        <v>61</v>
      </c>
      <c r="G58767" s="16">
        <v>1.8370902946046275</v>
      </c>
    </row>
    <row r="58768" spans="1:7" x14ac:dyDescent="0.3">
      <c r="A58768" s="13" t="s">
        <v>316</v>
      </c>
      <c r="B58768" s="14" t="s">
        <v>1</v>
      </c>
      <c r="C58768" s="14" t="s">
        <v>150</v>
      </c>
      <c r="D58768" s="14" t="s">
        <v>317</v>
      </c>
      <c r="E58768" s="15">
        <v>45744</v>
      </c>
      <c r="F58768" s="14" t="s">
        <v>61</v>
      </c>
      <c r="G58768" s="16">
        <v>1.8397007522167661</v>
      </c>
    </row>
    <row r="58769" spans="1:7" x14ac:dyDescent="0.3">
      <c r="A58769" s="13" t="s">
        <v>316</v>
      </c>
      <c r="B58769" s="14" t="s">
        <v>1</v>
      </c>
      <c r="C58769" s="14" t="s">
        <v>150</v>
      </c>
      <c r="D58769" s="14" t="s">
        <v>317</v>
      </c>
      <c r="E58769" s="15">
        <v>45745</v>
      </c>
      <c r="F58769" s="14" t="s">
        <v>61</v>
      </c>
      <c r="G58769" s="16">
        <v>1.8397007522167661</v>
      </c>
    </row>
    <row r="58770" spans="1:7" x14ac:dyDescent="0.3">
      <c r="A58770" s="13" t="s">
        <v>316</v>
      </c>
      <c r="B58770" s="14" t="s">
        <v>1</v>
      </c>
      <c r="C58770" s="14" t="s">
        <v>150</v>
      </c>
      <c r="D58770" s="14" t="s">
        <v>317</v>
      </c>
      <c r="E58770" s="15">
        <v>45746</v>
      </c>
      <c r="F58770" s="14" t="s">
        <v>61</v>
      </c>
      <c r="G58770" s="16">
        <v>1.8397007522167661</v>
      </c>
    </row>
    <row r="58771" spans="1:7" x14ac:dyDescent="0.3">
      <c r="A58771" s="13" t="s">
        <v>316</v>
      </c>
      <c r="B58771" s="14" t="s">
        <v>1</v>
      </c>
      <c r="C58771" s="14" t="s">
        <v>150</v>
      </c>
      <c r="D58771" s="14" t="s">
        <v>317</v>
      </c>
      <c r="E58771" s="15">
        <v>45747</v>
      </c>
      <c r="F58771" s="14" t="s">
        <v>61</v>
      </c>
      <c r="G58771" s="16">
        <v>1.8442671122492447</v>
      </c>
    </row>
    <row r="58772" spans="1:7" x14ac:dyDescent="0.3">
      <c r="A58772" s="13" t="s">
        <v>318</v>
      </c>
      <c r="B58772" s="14" t="s">
        <v>1</v>
      </c>
      <c r="C58772" s="14" t="s">
        <v>23</v>
      </c>
      <c r="D58772" s="14" t="s">
        <v>319</v>
      </c>
      <c r="E58772" s="15">
        <v>45383</v>
      </c>
      <c r="F58772" s="14" t="s">
        <v>28</v>
      </c>
      <c r="G58772" s="16">
        <v>0</v>
      </c>
    </row>
    <row r="58773" spans="1:7" x14ac:dyDescent="0.3">
      <c r="A58773" s="13" t="s">
        <v>318</v>
      </c>
      <c r="B58773" s="14" t="s">
        <v>1</v>
      </c>
      <c r="C58773" s="14" t="s">
        <v>23</v>
      </c>
      <c r="D58773" s="14" t="s">
        <v>319</v>
      </c>
      <c r="E58773" s="15">
        <v>45384</v>
      </c>
      <c r="F58773" s="14" t="s">
        <v>28</v>
      </c>
      <c r="G58773" s="16">
        <v>0</v>
      </c>
    </row>
    <row r="58774" spans="1:7" x14ac:dyDescent="0.3">
      <c r="A58774" s="13" t="s">
        <v>318</v>
      </c>
      <c r="B58774" s="14" t="s">
        <v>1</v>
      </c>
      <c r="C58774" s="14" t="s">
        <v>23</v>
      </c>
      <c r="D58774" s="14" t="s">
        <v>319</v>
      </c>
      <c r="E58774" s="15">
        <v>45385</v>
      </c>
      <c r="F58774" s="14" t="s">
        <v>28</v>
      </c>
      <c r="G58774" s="16">
        <v>6.3401333290141221E-2</v>
      </c>
    </row>
    <row r="58775" spans="1:7" x14ac:dyDescent="0.3">
      <c r="A58775" s="13" t="s">
        <v>318</v>
      </c>
      <c r="B58775" s="14" t="s">
        <v>1</v>
      </c>
      <c r="C58775" s="14" t="s">
        <v>23</v>
      </c>
      <c r="D58775" s="14" t="s">
        <v>319</v>
      </c>
      <c r="E58775" s="15">
        <v>45386</v>
      </c>
      <c r="F58775" s="14" t="s">
        <v>28</v>
      </c>
      <c r="G58775" s="16">
        <v>7.9659207189638523E-2</v>
      </c>
    </row>
    <row r="58776" spans="1:7" x14ac:dyDescent="0.3">
      <c r="A58776" s="13" t="s">
        <v>318</v>
      </c>
      <c r="B58776" s="14" t="s">
        <v>1</v>
      </c>
      <c r="C58776" s="14" t="s">
        <v>23</v>
      </c>
      <c r="D58776" s="14" t="s">
        <v>319</v>
      </c>
      <c r="E58776" s="15">
        <v>45387</v>
      </c>
      <c r="F58776" s="14" t="s">
        <v>28</v>
      </c>
      <c r="G58776" s="16">
        <v>0.10671160951568512</v>
      </c>
    </row>
    <row r="58777" spans="1:7" x14ac:dyDescent="0.3">
      <c r="A58777" s="13" t="s">
        <v>318</v>
      </c>
      <c r="B58777" s="14" t="s">
        <v>1</v>
      </c>
      <c r="C58777" s="14" t="s">
        <v>23</v>
      </c>
      <c r="D58777" s="14" t="s">
        <v>319</v>
      </c>
      <c r="E58777" s="15">
        <v>45388</v>
      </c>
      <c r="F58777" s="14" t="s">
        <v>28</v>
      </c>
      <c r="G58777" s="16">
        <v>0.10671160951568512</v>
      </c>
    </row>
    <row r="58778" spans="1:7" x14ac:dyDescent="0.3">
      <c r="A58778" s="13" t="s">
        <v>318</v>
      </c>
      <c r="B58778" s="14" t="s">
        <v>1</v>
      </c>
      <c r="C58778" s="14" t="s">
        <v>23</v>
      </c>
      <c r="D58778" s="14" t="s">
        <v>319</v>
      </c>
      <c r="E58778" s="15">
        <v>45389</v>
      </c>
      <c r="F58778" s="14" t="s">
        <v>28</v>
      </c>
      <c r="G58778" s="16">
        <v>0.10671160951568512</v>
      </c>
    </row>
    <row r="58779" spans="1:7" x14ac:dyDescent="0.3">
      <c r="A58779" s="13" t="s">
        <v>318</v>
      </c>
      <c r="B58779" s="14" t="s">
        <v>1</v>
      </c>
      <c r="C58779" s="14" t="s">
        <v>23</v>
      </c>
      <c r="D58779" s="14" t="s">
        <v>319</v>
      </c>
      <c r="E58779" s="15">
        <v>45390</v>
      </c>
      <c r="F58779" s="14" t="s">
        <v>28</v>
      </c>
      <c r="G58779" s="16">
        <v>0.12012855194185269</v>
      </c>
    </row>
    <row r="58780" spans="1:7" x14ac:dyDescent="0.3">
      <c r="A58780" s="13" t="s">
        <v>318</v>
      </c>
      <c r="B58780" s="14" t="s">
        <v>1</v>
      </c>
      <c r="C58780" s="14" t="s">
        <v>23</v>
      </c>
      <c r="D58780" s="14" t="s">
        <v>319</v>
      </c>
      <c r="E58780" s="15">
        <v>45391</v>
      </c>
      <c r="F58780" s="14" t="s">
        <v>28</v>
      </c>
      <c r="G58780" s="16">
        <v>0.16160097609165253</v>
      </c>
    </row>
    <row r="58781" spans="1:7" x14ac:dyDescent="0.3">
      <c r="A58781" s="13" t="s">
        <v>318</v>
      </c>
      <c r="B58781" s="14" t="s">
        <v>1</v>
      </c>
      <c r="C58781" s="14" t="s">
        <v>23</v>
      </c>
      <c r="D58781" s="14" t="s">
        <v>319</v>
      </c>
      <c r="E58781" s="15">
        <v>45392</v>
      </c>
      <c r="F58781" s="14" t="s">
        <v>28</v>
      </c>
      <c r="G58781" s="16">
        <v>0.180371937312053</v>
      </c>
    </row>
    <row r="58782" spans="1:7" x14ac:dyDescent="0.3">
      <c r="A58782" s="13" t="s">
        <v>318</v>
      </c>
      <c r="B58782" s="14" t="s">
        <v>1</v>
      </c>
      <c r="C58782" s="14" t="s">
        <v>23</v>
      </c>
      <c r="D58782" s="14" t="s">
        <v>319</v>
      </c>
      <c r="E58782" s="15">
        <v>45393</v>
      </c>
      <c r="F58782" s="14" t="s">
        <v>28</v>
      </c>
      <c r="G58782" s="16">
        <v>0.19649696907880398</v>
      </c>
    </row>
    <row r="58783" spans="1:7" x14ac:dyDescent="0.3">
      <c r="A58783" s="13" t="s">
        <v>318</v>
      </c>
      <c r="B58783" s="14" t="s">
        <v>1</v>
      </c>
      <c r="C58783" s="14" t="s">
        <v>23</v>
      </c>
      <c r="D58783" s="14" t="s">
        <v>319</v>
      </c>
      <c r="E58783" s="15">
        <v>45394</v>
      </c>
      <c r="F58783" s="14" t="s">
        <v>28</v>
      </c>
      <c r="G58783" s="16">
        <v>0.21280505213158774</v>
      </c>
    </row>
    <row r="58784" spans="1:7" x14ac:dyDescent="0.3">
      <c r="A58784" s="13" t="s">
        <v>318</v>
      </c>
      <c r="B58784" s="14" t="s">
        <v>1</v>
      </c>
      <c r="C58784" s="14" t="s">
        <v>23</v>
      </c>
      <c r="D58784" s="14" t="s">
        <v>319</v>
      </c>
      <c r="E58784" s="15">
        <v>45395</v>
      </c>
      <c r="F58784" s="14" t="s">
        <v>28</v>
      </c>
      <c r="G58784" s="16">
        <v>0.21280505213158774</v>
      </c>
    </row>
    <row r="58785" spans="1:7" x14ac:dyDescent="0.3">
      <c r="A58785" s="13" t="s">
        <v>318</v>
      </c>
      <c r="B58785" s="14" t="s">
        <v>1</v>
      </c>
      <c r="C58785" s="14" t="s">
        <v>23</v>
      </c>
      <c r="D58785" s="14" t="s">
        <v>319</v>
      </c>
      <c r="E58785" s="15">
        <v>45396</v>
      </c>
      <c r="F58785" s="14" t="s">
        <v>28</v>
      </c>
      <c r="G58785" s="16">
        <v>0.21280505213158774</v>
      </c>
    </row>
    <row r="58786" spans="1:7" x14ac:dyDescent="0.3">
      <c r="A58786" s="13" t="s">
        <v>318</v>
      </c>
      <c r="B58786" s="14" t="s">
        <v>1</v>
      </c>
      <c r="C58786" s="14" t="s">
        <v>23</v>
      </c>
      <c r="D58786" s="14" t="s">
        <v>319</v>
      </c>
      <c r="E58786" s="15">
        <v>45397</v>
      </c>
      <c r="F58786" s="14" t="s">
        <v>28</v>
      </c>
      <c r="G58786" s="16">
        <v>0.22936429913224105</v>
      </c>
    </row>
    <row r="58787" spans="1:7" x14ac:dyDescent="0.3">
      <c r="A58787" s="13" t="s">
        <v>318</v>
      </c>
      <c r="B58787" s="14" t="s">
        <v>1</v>
      </c>
      <c r="C58787" s="14" t="s">
        <v>23</v>
      </c>
      <c r="D58787" s="14" t="s">
        <v>319</v>
      </c>
      <c r="E58787" s="15">
        <v>45398</v>
      </c>
      <c r="F58787" s="14" t="s">
        <v>28</v>
      </c>
      <c r="G58787" s="16">
        <v>0.27218931771066007</v>
      </c>
    </row>
    <row r="58788" spans="1:7" x14ac:dyDescent="0.3">
      <c r="A58788" s="13" t="s">
        <v>318</v>
      </c>
      <c r="B58788" s="14" t="s">
        <v>1</v>
      </c>
      <c r="C58788" s="14" t="s">
        <v>23</v>
      </c>
      <c r="D58788" s="14" t="s">
        <v>319</v>
      </c>
      <c r="E58788" s="15">
        <v>45399</v>
      </c>
      <c r="F58788" s="14" t="s">
        <v>28</v>
      </c>
      <c r="G58788" s="16">
        <v>0.28629169464830784</v>
      </c>
    </row>
    <row r="58789" spans="1:7" x14ac:dyDescent="0.3">
      <c r="A58789" s="13" t="s">
        <v>318</v>
      </c>
      <c r="B58789" s="14" t="s">
        <v>1</v>
      </c>
      <c r="C58789" s="14" t="s">
        <v>23</v>
      </c>
      <c r="D58789" s="14" t="s">
        <v>319</v>
      </c>
      <c r="E58789" s="15">
        <v>45400</v>
      </c>
      <c r="F58789" s="14" t="s">
        <v>28</v>
      </c>
      <c r="G58789" s="16">
        <v>0.3016657193159728</v>
      </c>
    </row>
    <row r="58790" spans="1:7" x14ac:dyDescent="0.3">
      <c r="A58790" s="13" t="s">
        <v>318</v>
      </c>
      <c r="B58790" s="14" t="s">
        <v>1</v>
      </c>
      <c r="C58790" s="14" t="s">
        <v>23</v>
      </c>
      <c r="D58790" s="14" t="s">
        <v>319</v>
      </c>
      <c r="E58790" s="15">
        <v>45401</v>
      </c>
      <c r="F58790" s="14" t="s">
        <v>28</v>
      </c>
      <c r="G58790" s="16">
        <v>0.31656351250599296</v>
      </c>
    </row>
    <row r="58791" spans="1:7" x14ac:dyDescent="0.3">
      <c r="A58791" s="13" t="s">
        <v>318</v>
      </c>
      <c r="B58791" s="14" t="s">
        <v>1</v>
      </c>
      <c r="C58791" s="14" t="s">
        <v>23</v>
      </c>
      <c r="D58791" s="14" t="s">
        <v>319</v>
      </c>
      <c r="E58791" s="15">
        <v>45402</v>
      </c>
      <c r="F58791" s="14" t="s">
        <v>28</v>
      </c>
      <c r="G58791" s="16">
        <v>0.31656351250599296</v>
      </c>
    </row>
    <row r="58792" spans="1:7" x14ac:dyDescent="0.3">
      <c r="A58792" s="13" t="s">
        <v>318</v>
      </c>
      <c r="B58792" s="14" t="s">
        <v>1</v>
      </c>
      <c r="C58792" s="14" t="s">
        <v>23</v>
      </c>
      <c r="D58792" s="14" t="s">
        <v>319</v>
      </c>
      <c r="E58792" s="15">
        <v>45403</v>
      </c>
      <c r="F58792" s="14" t="s">
        <v>28</v>
      </c>
      <c r="G58792" s="16">
        <v>0.31656351250599296</v>
      </c>
    </row>
    <row r="58793" spans="1:7" x14ac:dyDescent="0.3">
      <c r="A58793" s="13" t="s">
        <v>318</v>
      </c>
      <c r="B58793" s="14" t="s">
        <v>1</v>
      </c>
      <c r="C58793" s="14" t="s">
        <v>23</v>
      </c>
      <c r="D58793" s="14" t="s">
        <v>319</v>
      </c>
      <c r="E58793" s="15">
        <v>45404</v>
      </c>
      <c r="F58793" s="14" t="s">
        <v>28</v>
      </c>
      <c r="G58793" s="16">
        <v>0.3385254823488697</v>
      </c>
    </row>
    <row r="58794" spans="1:7" x14ac:dyDescent="0.3">
      <c r="A58794" s="13" t="s">
        <v>318</v>
      </c>
      <c r="B58794" s="14" t="s">
        <v>1</v>
      </c>
      <c r="C58794" s="14" t="s">
        <v>23</v>
      </c>
      <c r="D58794" s="14" t="s">
        <v>319</v>
      </c>
      <c r="E58794" s="15">
        <v>45405</v>
      </c>
      <c r="F58794" s="14" t="s">
        <v>28</v>
      </c>
      <c r="G58794" s="16">
        <v>0.3737430400046246</v>
      </c>
    </row>
    <row r="58795" spans="1:7" x14ac:dyDescent="0.3">
      <c r="A58795" s="13" t="s">
        <v>318</v>
      </c>
      <c r="B58795" s="14" t="s">
        <v>1</v>
      </c>
      <c r="C58795" s="14" t="s">
        <v>23</v>
      </c>
      <c r="D58795" s="14" t="s">
        <v>319</v>
      </c>
      <c r="E58795" s="15">
        <v>45406</v>
      </c>
      <c r="F58795" s="14" t="s">
        <v>28</v>
      </c>
      <c r="G58795" s="16">
        <v>0.3849124291380242</v>
      </c>
    </row>
    <row r="58796" spans="1:7" x14ac:dyDescent="0.3">
      <c r="A58796" s="13" t="s">
        <v>318</v>
      </c>
      <c r="B58796" s="14" t="s">
        <v>1</v>
      </c>
      <c r="C58796" s="14" t="s">
        <v>23</v>
      </c>
      <c r="D58796" s="14" t="s">
        <v>319</v>
      </c>
      <c r="E58796" s="15">
        <v>45407</v>
      </c>
      <c r="F58796" s="14" t="s">
        <v>28</v>
      </c>
      <c r="G58796" s="16">
        <v>0.35020119795380067</v>
      </c>
    </row>
    <row r="58797" spans="1:7" x14ac:dyDescent="0.3">
      <c r="A58797" s="13" t="s">
        <v>318</v>
      </c>
      <c r="B58797" s="14" t="s">
        <v>1</v>
      </c>
      <c r="C58797" s="14" t="s">
        <v>23</v>
      </c>
      <c r="D58797" s="14" t="s">
        <v>319</v>
      </c>
      <c r="E58797" s="15">
        <v>45408</v>
      </c>
      <c r="F58797" s="14" t="s">
        <v>28</v>
      </c>
      <c r="G58797" s="16">
        <v>0.36342094445816392</v>
      </c>
    </row>
    <row r="58798" spans="1:7" x14ac:dyDescent="0.3">
      <c r="A58798" s="13" t="s">
        <v>318</v>
      </c>
      <c r="B58798" s="14" t="s">
        <v>1</v>
      </c>
      <c r="C58798" s="14" t="s">
        <v>23</v>
      </c>
      <c r="D58798" s="14" t="s">
        <v>319</v>
      </c>
      <c r="E58798" s="15">
        <v>45409</v>
      </c>
      <c r="F58798" s="14" t="s">
        <v>28</v>
      </c>
      <c r="G58798" s="16">
        <v>0.36342094445816392</v>
      </c>
    </row>
    <row r="58799" spans="1:7" x14ac:dyDescent="0.3">
      <c r="A58799" s="13" t="s">
        <v>318</v>
      </c>
      <c r="B58799" s="14" t="s">
        <v>1</v>
      </c>
      <c r="C58799" s="14" t="s">
        <v>23</v>
      </c>
      <c r="D58799" s="14" t="s">
        <v>319</v>
      </c>
      <c r="E58799" s="15">
        <v>45410</v>
      </c>
      <c r="F58799" s="14" t="s">
        <v>28</v>
      </c>
      <c r="G58799" s="16">
        <v>0.36342094445816392</v>
      </c>
    </row>
    <row r="58800" spans="1:7" x14ac:dyDescent="0.3">
      <c r="A58800" s="13" t="s">
        <v>318</v>
      </c>
      <c r="B58800" s="14" t="s">
        <v>1</v>
      </c>
      <c r="C58800" s="14" t="s">
        <v>23</v>
      </c>
      <c r="D58800" s="14" t="s">
        <v>319</v>
      </c>
      <c r="E58800" s="15">
        <v>45411</v>
      </c>
      <c r="F58800" s="14" t="s">
        <v>28</v>
      </c>
      <c r="G58800" s="16">
        <v>0.37763045997254246</v>
      </c>
    </row>
    <row r="58801" spans="1:7" x14ac:dyDescent="0.3">
      <c r="A58801" s="13" t="s">
        <v>318</v>
      </c>
      <c r="B58801" s="14" t="s">
        <v>1</v>
      </c>
      <c r="C58801" s="14" t="s">
        <v>23</v>
      </c>
      <c r="D58801" s="14" t="s">
        <v>319</v>
      </c>
      <c r="E58801" s="15">
        <v>45412</v>
      </c>
      <c r="F58801" s="14" t="s">
        <v>28</v>
      </c>
      <c r="G58801" s="16">
        <v>0.42162127907745661</v>
      </c>
    </row>
    <row r="58802" spans="1:7" x14ac:dyDescent="0.3">
      <c r="A58802" s="13" t="s">
        <v>318</v>
      </c>
      <c r="B58802" s="14" t="s">
        <v>1</v>
      </c>
      <c r="C58802" s="14" t="s">
        <v>23</v>
      </c>
      <c r="D58802" s="14" t="s">
        <v>319</v>
      </c>
      <c r="E58802" s="15">
        <v>45413</v>
      </c>
      <c r="F58802" s="14" t="s">
        <v>28</v>
      </c>
      <c r="G58802" s="16">
        <v>0.43515972960823551</v>
      </c>
    </row>
    <row r="58803" spans="1:7" x14ac:dyDescent="0.3">
      <c r="A58803" s="13" t="s">
        <v>318</v>
      </c>
      <c r="B58803" s="14" t="s">
        <v>1</v>
      </c>
      <c r="C58803" s="14" t="s">
        <v>23</v>
      </c>
      <c r="D58803" s="14" t="s">
        <v>319</v>
      </c>
      <c r="E58803" s="15">
        <v>45414</v>
      </c>
      <c r="F58803" s="14" t="s">
        <v>28</v>
      </c>
      <c r="G58803" s="16">
        <v>0.44812893952102817</v>
      </c>
    </row>
    <row r="58804" spans="1:7" x14ac:dyDescent="0.3">
      <c r="A58804" s="13" t="s">
        <v>318</v>
      </c>
      <c r="B58804" s="14" t="s">
        <v>1</v>
      </c>
      <c r="C58804" s="14" t="s">
        <v>23</v>
      </c>
      <c r="D58804" s="14" t="s">
        <v>319</v>
      </c>
      <c r="E58804" s="15">
        <v>45415</v>
      </c>
      <c r="F58804" s="14" t="s">
        <v>28</v>
      </c>
      <c r="G58804" s="16">
        <v>0.46140576009755235</v>
      </c>
    </row>
    <row r="58805" spans="1:7" x14ac:dyDescent="0.3">
      <c r="A58805" s="13" t="s">
        <v>318</v>
      </c>
      <c r="B58805" s="14" t="s">
        <v>1</v>
      </c>
      <c r="C58805" s="14" t="s">
        <v>23</v>
      </c>
      <c r="D58805" s="14" t="s">
        <v>319</v>
      </c>
      <c r="E58805" s="15">
        <v>45416</v>
      </c>
      <c r="F58805" s="14" t="s">
        <v>28</v>
      </c>
      <c r="G58805" s="16">
        <v>0.46140576009755235</v>
      </c>
    </row>
    <row r="58806" spans="1:7" x14ac:dyDescent="0.3">
      <c r="A58806" s="13" t="s">
        <v>318</v>
      </c>
      <c r="B58806" s="14" t="s">
        <v>1</v>
      </c>
      <c r="C58806" s="14" t="s">
        <v>23</v>
      </c>
      <c r="D58806" s="14" t="s">
        <v>319</v>
      </c>
      <c r="E58806" s="15">
        <v>45417</v>
      </c>
      <c r="F58806" s="14" t="s">
        <v>28</v>
      </c>
      <c r="G58806" s="16">
        <v>0.46140576009755235</v>
      </c>
    </row>
    <row r="58807" spans="1:7" x14ac:dyDescent="0.3">
      <c r="A58807" s="13" t="s">
        <v>318</v>
      </c>
      <c r="B58807" s="14" t="s">
        <v>1</v>
      </c>
      <c r="C58807" s="14" t="s">
        <v>23</v>
      </c>
      <c r="D58807" s="14" t="s">
        <v>319</v>
      </c>
      <c r="E58807" s="15">
        <v>45418</v>
      </c>
      <c r="F58807" s="14" t="s">
        <v>28</v>
      </c>
      <c r="G58807" s="16">
        <v>0.46140576009755235</v>
      </c>
    </row>
    <row r="58808" spans="1:7" x14ac:dyDescent="0.3">
      <c r="A58808" s="13" t="s">
        <v>318</v>
      </c>
      <c r="B58808" s="14" t="s">
        <v>1</v>
      </c>
      <c r="C58808" s="14" t="s">
        <v>23</v>
      </c>
      <c r="D58808" s="14" t="s">
        <v>319</v>
      </c>
      <c r="E58808" s="15">
        <v>45419</v>
      </c>
      <c r="F58808" s="14" t="s">
        <v>28</v>
      </c>
      <c r="G58808" s="16">
        <v>0.47657364163557592</v>
      </c>
    </row>
    <row r="58809" spans="1:7" x14ac:dyDescent="0.3">
      <c r="A58809" s="13" t="s">
        <v>318</v>
      </c>
      <c r="B58809" s="14" t="s">
        <v>1</v>
      </c>
      <c r="C58809" s="14" t="s">
        <v>23</v>
      </c>
      <c r="D58809" s="14" t="s">
        <v>319</v>
      </c>
      <c r="E58809" s="15">
        <v>45420</v>
      </c>
      <c r="F58809" s="14" t="s">
        <v>28</v>
      </c>
      <c r="G58809" s="16">
        <v>0.54760224803118807</v>
      </c>
    </row>
    <row r="58810" spans="1:7" x14ac:dyDescent="0.3">
      <c r="A58810" s="13" t="s">
        <v>318</v>
      </c>
      <c r="B58810" s="14" t="s">
        <v>1</v>
      </c>
      <c r="C58810" s="14" t="s">
        <v>23</v>
      </c>
      <c r="D58810" s="14" t="s">
        <v>319</v>
      </c>
      <c r="E58810" s="15">
        <v>45421</v>
      </c>
      <c r="F58810" s="14" t="s">
        <v>28</v>
      </c>
      <c r="G58810" s="16">
        <v>0.5612385112540087</v>
      </c>
    </row>
    <row r="58811" spans="1:7" x14ac:dyDescent="0.3">
      <c r="A58811" s="13" t="s">
        <v>318</v>
      </c>
      <c r="B58811" s="14" t="s">
        <v>1</v>
      </c>
      <c r="C58811" s="14" t="s">
        <v>23</v>
      </c>
      <c r="D58811" s="14" t="s">
        <v>319</v>
      </c>
      <c r="E58811" s="15">
        <v>45422</v>
      </c>
      <c r="F58811" s="14" t="s">
        <v>28</v>
      </c>
      <c r="G58811" s="16">
        <v>0.57697720648528428</v>
      </c>
    </row>
    <row r="58812" spans="1:7" x14ac:dyDescent="0.3">
      <c r="A58812" s="13" t="s">
        <v>318</v>
      </c>
      <c r="B58812" s="14" t="s">
        <v>1</v>
      </c>
      <c r="C58812" s="14" t="s">
        <v>23</v>
      </c>
      <c r="D58812" s="14" t="s">
        <v>319</v>
      </c>
      <c r="E58812" s="15">
        <v>45423</v>
      </c>
      <c r="F58812" s="14" t="s">
        <v>28</v>
      </c>
      <c r="G58812" s="16">
        <v>0.57697720648528428</v>
      </c>
    </row>
    <row r="58813" spans="1:7" x14ac:dyDescent="0.3">
      <c r="A58813" s="13" t="s">
        <v>318</v>
      </c>
      <c r="B58813" s="14" t="s">
        <v>1</v>
      </c>
      <c r="C58813" s="14" t="s">
        <v>23</v>
      </c>
      <c r="D58813" s="14" t="s">
        <v>319</v>
      </c>
      <c r="E58813" s="15">
        <v>45424</v>
      </c>
      <c r="F58813" s="14" t="s">
        <v>28</v>
      </c>
      <c r="G58813" s="16">
        <v>0.57697720648528428</v>
      </c>
    </row>
    <row r="58814" spans="1:7" x14ac:dyDescent="0.3">
      <c r="A58814" s="13" t="s">
        <v>318</v>
      </c>
      <c r="B58814" s="14" t="s">
        <v>1</v>
      </c>
      <c r="C58814" s="14" t="s">
        <v>23</v>
      </c>
      <c r="D58814" s="14" t="s">
        <v>319</v>
      </c>
      <c r="E58814" s="15">
        <v>45425</v>
      </c>
      <c r="F58814" s="14" t="s">
        <v>28</v>
      </c>
      <c r="G58814" s="16">
        <v>0.59153387225859522</v>
      </c>
    </row>
    <row r="58815" spans="1:7" x14ac:dyDescent="0.3">
      <c r="A58815" s="13" t="s">
        <v>318</v>
      </c>
      <c r="B58815" s="14" t="s">
        <v>1</v>
      </c>
      <c r="C58815" s="14" t="s">
        <v>23</v>
      </c>
      <c r="D58815" s="14" t="s">
        <v>319</v>
      </c>
      <c r="E58815" s="15">
        <v>45426</v>
      </c>
      <c r="F58815" s="14" t="s">
        <v>28</v>
      </c>
      <c r="G58815" s="16">
        <v>0.63414054056513658</v>
      </c>
    </row>
    <row r="58816" spans="1:7" x14ac:dyDescent="0.3">
      <c r="A58816" s="13" t="s">
        <v>318</v>
      </c>
      <c r="B58816" s="14" t="s">
        <v>1</v>
      </c>
      <c r="C58816" s="14" t="s">
        <v>23</v>
      </c>
      <c r="D58816" s="14" t="s">
        <v>319</v>
      </c>
      <c r="E58816" s="15">
        <v>45427</v>
      </c>
      <c r="F58816" s="14" t="s">
        <v>28</v>
      </c>
      <c r="G58816" s="16">
        <v>0.645941609346393</v>
      </c>
    </row>
    <row r="58817" spans="1:7" x14ac:dyDescent="0.3">
      <c r="A58817" s="13" t="s">
        <v>318</v>
      </c>
      <c r="B58817" s="14" t="s">
        <v>1</v>
      </c>
      <c r="C58817" s="14" t="s">
        <v>23</v>
      </c>
      <c r="D58817" s="14" t="s">
        <v>319</v>
      </c>
      <c r="E58817" s="15">
        <v>45428</v>
      </c>
      <c r="F58817" s="14" t="s">
        <v>28</v>
      </c>
      <c r="G58817" s="16">
        <v>0.66113621421430002</v>
      </c>
    </row>
    <row r="58818" spans="1:7" x14ac:dyDescent="0.3">
      <c r="A58818" s="13" t="s">
        <v>318</v>
      </c>
      <c r="B58818" s="14" t="s">
        <v>1</v>
      </c>
      <c r="C58818" s="14" t="s">
        <v>23</v>
      </c>
      <c r="D58818" s="14" t="s">
        <v>319</v>
      </c>
      <c r="E58818" s="15">
        <v>45429</v>
      </c>
      <c r="F58818" s="14" t="s">
        <v>28</v>
      </c>
      <c r="G58818" s="16">
        <v>0.6757937464859709</v>
      </c>
    </row>
    <row r="58819" spans="1:7" x14ac:dyDescent="0.3">
      <c r="A58819" s="13" t="s">
        <v>318</v>
      </c>
      <c r="B58819" s="14" t="s">
        <v>1</v>
      </c>
      <c r="C58819" s="14" t="s">
        <v>23</v>
      </c>
      <c r="D58819" s="14" t="s">
        <v>319</v>
      </c>
      <c r="E58819" s="15">
        <v>45430</v>
      </c>
      <c r="F58819" s="14" t="s">
        <v>28</v>
      </c>
      <c r="G58819" s="16">
        <v>0.6757937464859709</v>
      </c>
    </row>
    <row r="58820" spans="1:7" x14ac:dyDescent="0.3">
      <c r="A58820" s="13" t="s">
        <v>318</v>
      </c>
      <c r="B58820" s="14" t="s">
        <v>1</v>
      </c>
      <c r="C58820" s="14" t="s">
        <v>23</v>
      </c>
      <c r="D58820" s="14" t="s">
        <v>319</v>
      </c>
      <c r="E58820" s="15">
        <v>45431</v>
      </c>
      <c r="F58820" s="14" t="s">
        <v>28</v>
      </c>
      <c r="G58820" s="16">
        <v>0.6757937464859709</v>
      </c>
    </row>
    <row r="58821" spans="1:7" x14ac:dyDescent="0.3">
      <c r="A58821" s="13" t="s">
        <v>318</v>
      </c>
      <c r="B58821" s="14" t="s">
        <v>1</v>
      </c>
      <c r="C58821" s="14" t="s">
        <v>23</v>
      </c>
      <c r="D58821" s="14" t="s">
        <v>319</v>
      </c>
      <c r="E58821" s="15">
        <v>45432</v>
      </c>
      <c r="F58821" s="14" t="s">
        <v>28</v>
      </c>
      <c r="G58821" s="16">
        <v>0.6916231285202844</v>
      </c>
    </row>
    <row r="58822" spans="1:7" x14ac:dyDescent="0.3">
      <c r="A58822" s="13" t="s">
        <v>318</v>
      </c>
      <c r="B58822" s="14" t="s">
        <v>1</v>
      </c>
      <c r="C58822" s="14" t="s">
        <v>23</v>
      </c>
      <c r="D58822" s="14" t="s">
        <v>319</v>
      </c>
      <c r="E58822" s="15">
        <v>45433</v>
      </c>
      <c r="F58822" s="14" t="s">
        <v>28</v>
      </c>
      <c r="G58822" s="16">
        <v>0.73462782729031539</v>
      </c>
    </row>
    <row r="58823" spans="1:7" x14ac:dyDescent="0.3">
      <c r="A58823" s="13" t="s">
        <v>318</v>
      </c>
      <c r="B58823" s="14" t="s">
        <v>1</v>
      </c>
      <c r="C58823" s="14" t="s">
        <v>23</v>
      </c>
      <c r="D58823" s="14" t="s">
        <v>319</v>
      </c>
      <c r="E58823" s="15">
        <v>45434</v>
      </c>
      <c r="F58823" s="14" t="s">
        <v>28</v>
      </c>
      <c r="G58823" s="16">
        <v>0.75155828700458571</v>
      </c>
    </row>
    <row r="58824" spans="1:7" x14ac:dyDescent="0.3">
      <c r="A58824" s="13" t="s">
        <v>318</v>
      </c>
      <c r="B58824" s="14" t="s">
        <v>1</v>
      </c>
      <c r="C58824" s="14" t="s">
        <v>23</v>
      </c>
      <c r="D58824" s="14" t="s">
        <v>319</v>
      </c>
      <c r="E58824" s="15">
        <v>45435</v>
      </c>
      <c r="F58824" s="14" t="s">
        <v>28</v>
      </c>
      <c r="G58824" s="16">
        <v>0.76957086141763309</v>
      </c>
    </row>
    <row r="58825" spans="1:7" x14ac:dyDescent="0.3">
      <c r="A58825" s="13" t="s">
        <v>318</v>
      </c>
      <c r="B58825" s="14" t="s">
        <v>1</v>
      </c>
      <c r="C58825" s="14" t="s">
        <v>23</v>
      </c>
      <c r="D58825" s="14" t="s">
        <v>319</v>
      </c>
      <c r="E58825" s="15">
        <v>45436</v>
      </c>
      <c r="F58825" s="14" t="s">
        <v>28</v>
      </c>
      <c r="G58825" s="16">
        <v>0.78338818606372296</v>
      </c>
    </row>
    <row r="58826" spans="1:7" x14ac:dyDescent="0.3">
      <c r="A58826" s="13" t="s">
        <v>318</v>
      </c>
      <c r="B58826" s="14" t="s">
        <v>1</v>
      </c>
      <c r="C58826" s="14" t="s">
        <v>23</v>
      </c>
      <c r="D58826" s="14" t="s">
        <v>319</v>
      </c>
      <c r="E58826" s="15">
        <v>45437</v>
      </c>
      <c r="F58826" s="14" t="s">
        <v>28</v>
      </c>
      <c r="G58826" s="16">
        <v>0.78338818606372296</v>
      </c>
    </row>
    <row r="58827" spans="1:7" x14ac:dyDescent="0.3">
      <c r="A58827" s="13" t="s">
        <v>318</v>
      </c>
      <c r="B58827" s="14" t="s">
        <v>1</v>
      </c>
      <c r="C58827" s="14" t="s">
        <v>23</v>
      </c>
      <c r="D58827" s="14" t="s">
        <v>319</v>
      </c>
      <c r="E58827" s="15">
        <v>45438</v>
      </c>
      <c r="F58827" s="14" t="s">
        <v>28</v>
      </c>
      <c r="G58827" s="16">
        <v>0.78338818606372296</v>
      </c>
    </row>
    <row r="58828" spans="1:7" x14ac:dyDescent="0.3">
      <c r="A58828" s="13" t="s">
        <v>318</v>
      </c>
      <c r="B58828" s="14" t="s">
        <v>1</v>
      </c>
      <c r="C58828" s="14" t="s">
        <v>23</v>
      </c>
      <c r="D58828" s="14" t="s">
        <v>319</v>
      </c>
      <c r="E58828" s="15">
        <v>45439</v>
      </c>
      <c r="F58828" s="14" t="s">
        <v>28</v>
      </c>
      <c r="G58828" s="16">
        <v>0.78338818606372296</v>
      </c>
    </row>
    <row r="58829" spans="1:7" x14ac:dyDescent="0.3">
      <c r="A58829" s="13" t="s">
        <v>318</v>
      </c>
      <c r="B58829" s="14" t="s">
        <v>1</v>
      </c>
      <c r="C58829" s="14" t="s">
        <v>23</v>
      </c>
      <c r="D58829" s="14" t="s">
        <v>319</v>
      </c>
      <c r="E58829" s="15">
        <v>45440</v>
      </c>
      <c r="F58829" s="14" t="s">
        <v>28</v>
      </c>
      <c r="G58829" s="16">
        <v>0.79781425386534432</v>
      </c>
    </row>
    <row r="58830" spans="1:7" x14ac:dyDescent="0.3">
      <c r="A58830" s="13" t="s">
        <v>318</v>
      </c>
      <c r="B58830" s="14" t="s">
        <v>1</v>
      </c>
      <c r="C58830" s="14" t="s">
        <v>23</v>
      </c>
      <c r="D58830" s="14" t="s">
        <v>319</v>
      </c>
      <c r="E58830" s="15">
        <v>45441</v>
      </c>
      <c r="F58830" s="14" t="s">
        <v>28</v>
      </c>
      <c r="G58830" s="16">
        <v>0.85088245824559128</v>
      </c>
    </row>
    <row r="58831" spans="1:7" x14ac:dyDescent="0.3">
      <c r="A58831" s="13" t="s">
        <v>318</v>
      </c>
      <c r="B58831" s="14" t="s">
        <v>1</v>
      </c>
      <c r="C58831" s="14" t="s">
        <v>23</v>
      </c>
      <c r="D58831" s="14" t="s">
        <v>319</v>
      </c>
      <c r="E58831" s="15">
        <v>45442</v>
      </c>
      <c r="F58831" s="14" t="s">
        <v>28</v>
      </c>
      <c r="G58831" s="16">
        <v>0.86619290522898462</v>
      </c>
    </row>
    <row r="58832" spans="1:7" x14ac:dyDescent="0.3">
      <c r="A58832" s="13" t="s">
        <v>318</v>
      </c>
      <c r="B58832" s="14" t="s">
        <v>1</v>
      </c>
      <c r="C58832" s="14" t="s">
        <v>23</v>
      </c>
      <c r="D58832" s="14" t="s">
        <v>319</v>
      </c>
      <c r="E58832" s="15">
        <v>45443</v>
      </c>
      <c r="F58832" s="14" t="s">
        <v>28</v>
      </c>
      <c r="G58832" s="16">
        <v>0.87769739284330883</v>
      </c>
    </row>
    <row r="58833" spans="1:7" x14ac:dyDescent="0.3">
      <c r="A58833" s="13" t="s">
        <v>318</v>
      </c>
      <c r="B58833" s="14" t="s">
        <v>1</v>
      </c>
      <c r="C58833" s="14" t="s">
        <v>23</v>
      </c>
      <c r="D58833" s="14" t="s">
        <v>319</v>
      </c>
      <c r="E58833" s="15">
        <v>45444</v>
      </c>
      <c r="F58833" s="14" t="s">
        <v>28</v>
      </c>
      <c r="G58833" s="16">
        <v>0.87769739284330883</v>
      </c>
    </row>
    <row r="58834" spans="1:7" x14ac:dyDescent="0.3">
      <c r="A58834" s="13" t="s">
        <v>318</v>
      </c>
      <c r="B58834" s="14" t="s">
        <v>1</v>
      </c>
      <c r="C58834" s="14" t="s">
        <v>23</v>
      </c>
      <c r="D58834" s="14" t="s">
        <v>319</v>
      </c>
      <c r="E58834" s="15">
        <v>45445</v>
      </c>
      <c r="F58834" s="14" t="s">
        <v>28</v>
      </c>
      <c r="G58834" s="16">
        <v>0.87769739284330883</v>
      </c>
    </row>
    <row r="58835" spans="1:7" x14ac:dyDescent="0.3">
      <c r="A58835" s="13" t="s">
        <v>318</v>
      </c>
      <c r="B58835" s="14" t="s">
        <v>1</v>
      </c>
      <c r="C58835" s="14" t="s">
        <v>23</v>
      </c>
      <c r="D58835" s="14" t="s">
        <v>319</v>
      </c>
      <c r="E58835" s="15">
        <v>45446</v>
      </c>
      <c r="F58835" s="14" t="s">
        <v>28</v>
      </c>
      <c r="G58835" s="16">
        <v>0.87769739284330883</v>
      </c>
    </row>
    <row r="58836" spans="1:7" x14ac:dyDescent="0.3">
      <c r="A58836" s="13" t="s">
        <v>318</v>
      </c>
      <c r="B58836" s="14" t="s">
        <v>1</v>
      </c>
      <c r="C58836" s="14" t="s">
        <v>23</v>
      </c>
      <c r="D58836" s="14" t="s">
        <v>319</v>
      </c>
      <c r="E58836" s="15">
        <v>45447</v>
      </c>
      <c r="F58836" s="14" t="s">
        <v>28</v>
      </c>
      <c r="G58836" s="16">
        <v>0.89233308091508834</v>
      </c>
    </row>
    <row r="58837" spans="1:7" x14ac:dyDescent="0.3">
      <c r="A58837" s="13" t="s">
        <v>318</v>
      </c>
      <c r="B58837" s="14" t="s">
        <v>1</v>
      </c>
      <c r="C58837" s="14" t="s">
        <v>23</v>
      </c>
      <c r="D58837" s="14" t="s">
        <v>319</v>
      </c>
      <c r="E58837" s="15">
        <v>45448</v>
      </c>
      <c r="F58837" s="14" t="s">
        <v>28</v>
      </c>
      <c r="G58837" s="16">
        <v>0.95574425381769057</v>
      </c>
    </row>
    <row r="58838" spans="1:7" x14ac:dyDescent="0.3">
      <c r="A58838" s="13" t="s">
        <v>318</v>
      </c>
      <c r="B58838" s="14" t="s">
        <v>1</v>
      </c>
      <c r="C58838" s="14" t="s">
        <v>23</v>
      </c>
      <c r="D58838" s="14" t="s">
        <v>319</v>
      </c>
      <c r="E58838" s="15">
        <v>45449</v>
      </c>
      <c r="F58838" s="14" t="s">
        <v>28</v>
      </c>
      <c r="G58838" s="16">
        <v>0.96727141246171033</v>
      </c>
    </row>
    <row r="58839" spans="1:7" x14ac:dyDescent="0.3">
      <c r="A58839" s="13" t="s">
        <v>318</v>
      </c>
      <c r="B58839" s="14" t="s">
        <v>1</v>
      </c>
      <c r="C58839" s="14" t="s">
        <v>23</v>
      </c>
      <c r="D58839" s="14" t="s">
        <v>319</v>
      </c>
      <c r="E58839" s="15">
        <v>45450</v>
      </c>
      <c r="F58839" s="14" t="s">
        <v>28</v>
      </c>
      <c r="G58839" s="16">
        <v>1.005282759514144</v>
      </c>
    </row>
    <row r="58840" spans="1:7" x14ac:dyDescent="0.3">
      <c r="A58840" s="13" t="s">
        <v>318</v>
      </c>
      <c r="B58840" s="14" t="s">
        <v>1</v>
      </c>
      <c r="C58840" s="14" t="s">
        <v>23</v>
      </c>
      <c r="D58840" s="14" t="s">
        <v>319</v>
      </c>
      <c r="E58840" s="15">
        <v>45451</v>
      </c>
      <c r="F58840" s="14" t="s">
        <v>28</v>
      </c>
      <c r="G58840" s="16">
        <v>1.005282759514144</v>
      </c>
    </row>
    <row r="58841" spans="1:7" x14ac:dyDescent="0.3">
      <c r="A58841" s="13" t="s">
        <v>318</v>
      </c>
      <c r="B58841" s="14" t="s">
        <v>1</v>
      </c>
      <c r="C58841" s="14" t="s">
        <v>23</v>
      </c>
      <c r="D58841" s="14" t="s">
        <v>319</v>
      </c>
      <c r="E58841" s="15">
        <v>45452</v>
      </c>
      <c r="F58841" s="14" t="s">
        <v>28</v>
      </c>
      <c r="G58841" s="16">
        <v>1.005282759514144</v>
      </c>
    </row>
    <row r="58842" spans="1:7" x14ac:dyDescent="0.3">
      <c r="A58842" s="13" t="s">
        <v>318</v>
      </c>
      <c r="B58842" s="14" t="s">
        <v>1</v>
      </c>
      <c r="C58842" s="14" t="s">
        <v>23</v>
      </c>
      <c r="D58842" s="14" t="s">
        <v>319</v>
      </c>
      <c r="E58842" s="15">
        <v>45453</v>
      </c>
      <c r="F58842" s="14" t="s">
        <v>28</v>
      </c>
      <c r="G58842" s="16">
        <v>1.0194557374832069</v>
      </c>
    </row>
    <row r="58843" spans="1:7" x14ac:dyDescent="0.3">
      <c r="A58843" s="13" t="s">
        <v>318</v>
      </c>
      <c r="B58843" s="14" t="s">
        <v>1</v>
      </c>
      <c r="C58843" s="14" t="s">
        <v>23</v>
      </c>
      <c r="D58843" s="14" t="s">
        <v>319</v>
      </c>
      <c r="E58843" s="15">
        <v>45454</v>
      </c>
      <c r="F58843" s="14" t="s">
        <v>28</v>
      </c>
      <c r="G58843" s="16">
        <v>1.061745916971345</v>
      </c>
    </row>
    <row r="58844" spans="1:7" x14ac:dyDescent="0.3">
      <c r="A58844" s="13" t="s">
        <v>318</v>
      </c>
      <c r="B58844" s="14" t="s">
        <v>1</v>
      </c>
      <c r="C58844" s="14" t="s">
        <v>23</v>
      </c>
      <c r="D58844" s="14" t="s">
        <v>319</v>
      </c>
      <c r="E58844" s="15">
        <v>45455</v>
      </c>
      <c r="F58844" s="14" t="s">
        <v>28</v>
      </c>
      <c r="G58844" s="16">
        <v>1.0706376486776858</v>
      </c>
    </row>
    <row r="58845" spans="1:7" x14ac:dyDescent="0.3">
      <c r="A58845" s="13" t="s">
        <v>318</v>
      </c>
      <c r="B58845" s="14" t="s">
        <v>1</v>
      </c>
      <c r="C58845" s="14" t="s">
        <v>23</v>
      </c>
      <c r="D58845" s="14" t="s">
        <v>319</v>
      </c>
      <c r="E58845" s="15">
        <v>45456</v>
      </c>
      <c r="F58845" s="14" t="s">
        <v>28</v>
      </c>
      <c r="G58845" s="16">
        <v>1.0872193028205754</v>
      </c>
    </row>
    <row r="58846" spans="1:7" x14ac:dyDescent="0.3">
      <c r="A58846" s="13" t="s">
        <v>318</v>
      </c>
      <c r="B58846" s="14" t="s">
        <v>1</v>
      </c>
      <c r="C58846" s="14" t="s">
        <v>23</v>
      </c>
      <c r="D58846" s="14" t="s">
        <v>319</v>
      </c>
      <c r="E58846" s="15">
        <v>45457</v>
      </c>
      <c r="F58846" s="14" t="s">
        <v>28</v>
      </c>
      <c r="G58846" s="16">
        <v>1.1039260168460838</v>
      </c>
    </row>
    <row r="58847" spans="1:7" x14ac:dyDescent="0.3">
      <c r="A58847" s="13" t="s">
        <v>318</v>
      </c>
      <c r="B58847" s="14" t="s">
        <v>1</v>
      </c>
      <c r="C58847" s="14" t="s">
        <v>23</v>
      </c>
      <c r="D58847" s="14" t="s">
        <v>319</v>
      </c>
      <c r="E58847" s="15">
        <v>45458</v>
      </c>
      <c r="F58847" s="14" t="s">
        <v>28</v>
      </c>
      <c r="G58847" s="16">
        <v>1.1039260168460838</v>
      </c>
    </row>
    <row r="58848" spans="1:7" x14ac:dyDescent="0.3">
      <c r="A58848" s="13" t="s">
        <v>318</v>
      </c>
      <c r="B58848" s="14" t="s">
        <v>1</v>
      </c>
      <c r="C58848" s="14" t="s">
        <v>23</v>
      </c>
      <c r="D58848" s="14" t="s">
        <v>319</v>
      </c>
      <c r="E58848" s="15">
        <v>45459</v>
      </c>
      <c r="F58848" s="14" t="s">
        <v>28</v>
      </c>
      <c r="G58848" s="16">
        <v>1.1039260168460838</v>
      </c>
    </row>
    <row r="58849" spans="1:7" x14ac:dyDescent="0.3">
      <c r="A58849" s="13" t="s">
        <v>318</v>
      </c>
      <c r="B58849" s="14" t="s">
        <v>1</v>
      </c>
      <c r="C58849" s="14" t="s">
        <v>23</v>
      </c>
      <c r="D58849" s="14" t="s">
        <v>319</v>
      </c>
      <c r="E58849" s="15">
        <v>45460</v>
      </c>
      <c r="F58849" s="14" t="s">
        <v>28</v>
      </c>
      <c r="G58849" s="16">
        <v>1.1166002749981288</v>
      </c>
    </row>
    <row r="58850" spans="1:7" x14ac:dyDescent="0.3">
      <c r="A58850" s="13" t="s">
        <v>318</v>
      </c>
      <c r="B58850" s="14" t="s">
        <v>1</v>
      </c>
      <c r="C58850" s="14" t="s">
        <v>23</v>
      </c>
      <c r="D58850" s="14" t="s">
        <v>319</v>
      </c>
      <c r="E58850" s="15">
        <v>45461</v>
      </c>
      <c r="F58850" s="14" t="s">
        <v>28</v>
      </c>
      <c r="G58850" s="16">
        <v>1.1577864661468937</v>
      </c>
    </row>
    <row r="58851" spans="1:7" x14ac:dyDescent="0.3">
      <c r="A58851" s="13" t="s">
        <v>318</v>
      </c>
      <c r="B58851" s="14" t="s">
        <v>1</v>
      </c>
      <c r="C58851" s="14" t="s">
        <v>23</v>
      </c>
      <c r="D58851" s="14" t="s">
        <v>319</v>
      </c>
      <c r="E58851" s="15">
        <v>45462</v>
      </c>
      <c r="F58851" s="14" t="s">
        <v>28</v>
      </c>
      <c r="G58851" s="16">
        <v>1.1577864661468937</v>
      </c>
    </row>
    <row r="58852" spans="1:7" x14ac:dyDescent="0.3">
      <c r="A58852" s="13" t="s">
        <v>318</v>
      </c>
      <c r="B58852" s="14" t="s">
        <v>1</v>
      </c>
      <c r="C58852" s="14" t="s">
        <v>23</v>
      </c>
      <c r="D58852" s="14" t="s">
        <v>319</v>
      </c>
      <c r="E58852" s="15">
        <v>45463</v>
      </c>
      <c r="F58852" s="14" t="s">
        <v>28</v>
      </c>
      <c r="G58852" s="16">
        <v>1.1743843543006585</v>
      </c>
    </row>
    <row r="58853" spans="1:7" x14ac:dyDescent="0.3">
      <c r="A58853" s="13" t="s">
        <v>318</v>
      </c>
      <c r="B58853" s="14" t="s">
        <v>1</v>
      </c>
      <c r="C58853" s="14" t="s">
        <v>23</v>
      </c>
      <c r="D58853" s="14" t="s">
        <v>319</v>
      </c>
      <c r="E58853" s="15">
        <v>45464</v>
      </c>
      <c r="F58853" s="14" t="s">
        <v>28</v>
      </c>
      <c r="G58853" s="16">
        <v>1.204500709423183</v>
      </c>
    </row>
    <row r="58854" spans="1:7" x14ac:dyDescent="0.3">
      <c r="A58854" s="13" t="s">
        <v>318</v>
      </c>
      <c r="B58854" s="14" t="s">
        <v>1</v>
      </c>
      <c r="C58854" s="14" t="s">
        <v>23</v>
      </c>
      <c r="D58854" s="14" t="s">
        <v>319</v>
      </c>
      <c r="E58854" s="15">
        <v>45465</v>
      </c>
      <c r="F58854" s="14" t="s">
        <v>28</v>
      </c>
      <c r="G58854" s="16">
        <v>1.204500709423183</v>
      </c>
    </row>
    <row r="58855" spans="1:7" x14ac:dyDescent="0.3">
      <c r="A58855" s="13" t="s">
        <v>318</v>
      </c>
      <c r="B58855" s="14" t="s">
        <v>1</v>
      </c>
      <c r="C58855" s="14" t="s">
        <v>23</v>
      </c>
      <c r="D58855" s="14" t="s">
        <v>319</v>
      </c>
      <c r="E58855" s="15">
        <v>45466</v>
      </c>
      <c r="F58855" s="14" t="s">
        <v>28</v>
      </c>
      <c r="G58855" s="16">
        <v>1.204500709423183</v>
      </c>
    </row>
    <row r="58856" spans="1:7" x14ac:dyDescent="0.3">
      <c r="A58856" s="13" t="s">
        <v>318</v>
      </c>
      <c r="B58856" s="14" t="s">
        <v>1</v>
      </c>
      <c r="C58856" s="14" t="s">
        <v>23</v>
      </c>
      <c r="D58856" s="14" t="s">
        <v>319</v>
      </c>
      <c r="E58856" s="15">
        <v>45467</v>
      </c>
      <c r="F58856" s="14" t="s">
        <v>28</v>
      </c>
      <c r="G58856" s="16">
        <v>1.2163032518277754</v>
      </c>
    </row>
    <row r="58857" spans="1:7" x14ac:dyDescent="0.3">
      <c r="A58857" s="13" t="s">
        <v>318</v>
      </c>
      <c r="B58857" s="14" t="s">
        <v>1</v>
      </c>
      <c r="C58857" s="14" t="s">
        <v>23</v>
      </c>
      <c r="D58857" s="14" t="s">
        <v>319</v>
      </c>
      <c r="E58857" s="15">
        <v>45468</v>
      </c>
      <c r="F58857" s="14" t="s">
        <v>28</v>
      </c>
      <c r="G58857" s="16">
        <v>1.2613176734659199</v>
      </c>
    </row>
    <row r="58858" spans="1:7" x14ac:dyDescent="0.3">
      <c r="A58858" s="13" t="s">
        <v>318</v>
      </c>
      <c r="B58858" s="14" t="s">
        <v>1</v>
      </c>
      <c r="C58858" s="14" t="s">
        <v>23</v>
      </c>
      <c r="D58858" s="14" t="s">
        <v>319</v>
      </c>
      <c r="E58858" s="15">
        <v>45469</v>
      </c>
      <c r="F58858" s="14" t="s">
        <v>28</v>
      </c>
      <c r="G58858" s="16">
        <v>1.277135470764341</v>
      </c>
    </row>
    <row r="58859" spans="1:7" x14ac:dyDescent="0.3">
      <c r="A58859" s="13" t="s">
        <v>318</v>
      </c>
      <c r="B58859" s="14" t="s">
        <v>1</v>
      </c>
      <c r="C58859" s="14" t="s">
        <v>23</v>
      </c>
      <c r="D58859" s="14" t="s">
        <v>319</v>
      </c>
      <c r="E58859" s="15">
        <v>45470</v>
      </c>
      <c r="F58859" s="14" t="s">
        <v>28</v>
      </c>
      <c r="G58859" s="16">
        <v>1.2908676619260508</v>
      </c>
    </row>
    <row r="58860" spans="1:7" x14ac:dyDescent="0.3">
      <c r="A58860" s="13" t="s">
        <v>318</v>
      </c>
      <c r="B58860" s="14" t="s">
        <v>1</v>
      </c>
      <c r="C58860" s="14" t="s">
        <v>23</v>
      </c>
      <c r="D58860" s="14" t="s">
        <v>319</v>
      </c>
      <c r="E58860" s="15">
        <v>45471</v>
      </c>
      <c r="F58860" s="14" t="s">
        <v>28</v>
      </c>
      <c r="G58860" s="16">
        <v>1.3017206733536038</v>
      </c>
    </row>
    <row r="58861" spans="1:7" x14ac:dyDescent="0.3">
      <c r="A58861" s="13" t="s">
        <v>318</v>
      </c>
      <c r="B58861" s="14" t="s">
        <v>1</v>
      </c>
      <c r="C58861" s="14" t="s">
        <v>23</v>
      </c>
      <c r="D58861" s="14" t="s">
        <v>319</v>
      </c>
      <c r="E58861" s="15">
        <v>45472</v>
      </c>
      <c r="F58861" s="14" t="s">
        <v>28</v>
      </c>
      <c r="G58861" s="16">
        <v>1.3017206733536038</v>
      </c>
    </row>
    <row r="58862" spans="1:7" x14ac:dyDescent="0.3">
      <c r="A58862" s="13" t="s">
        <v>318</v>
      </c>
      <c r="B58862" s="14" t="s">
        <v>1</v>
      </c>
      <c r="C58862" s="14" t="s">
        <v>23</v>
      </c>
      <c r="D58862" s="14" t="s">
        <v>319</v>
      </c>
      <c r="E58862" s="15">
        <v>45473</v>
      </c>
      <c r="F58862" s="14" t="s">
        <v>28</v>
      </c>
      <c r="G58862" s="16">
        <v>1.3017206733536038</v>
      </c>
    </row>
    <row r="58863" spans="1:7" x14ac:dyDescent="0.3">
      <c r="A58863" s="13" t="s">
        <v>318</v>
      </c>
      <c r="B58863" s="14" t="s">
        <v>1</v>
      </c>
      <c r="C58863" s="14" t="s">
        <v>23</v>
      </c>
      <c r="D58863" s="14" t="s">
        <v>319</v>
      </c>
      <c r="E58863" s="15">
        <v>45474</v>
      </c>
      <c r="F58863" s="14" t="s">
        <v>28</v>
      </c>
      <c r="G58863" s="16">
        <v>1.3173676320537187</v>
      </c>
    </row>
    <row r="58864" spans="1:7" x14ac:dyDescent="0.3">
      <c r="A58864" s="13" t="s">
        <v>318</v>
      </c>
      <c r="B58864" s="14" t="s">
        <v>1</v>
      </c>
      <c r="C58864" s="14" t="s">
        <v>23</v>
      </c>
      <c r="D58864" s="14" t="s">
        <v>319</v>
      </c>
      <c r="E58864" s="15">
        <v>45475</v>
      </c>
      <c r="F58864" s="14" t="s">
        <v>28</v>
      </c>
      <c r="G58864" s="16">
        <v>1.3577026003473152</v>
      </c>
    </row>
    <row r="58865" spans="1:7" x14ac:dyDescent="0.3">
      <c r="A58865" s="13" t="s">
        <v>318</v>
      </c>
      <c r="B58865" s="14" t="s">
        <v>1</v>
      </c>
      <c r="C58865" s="14" t="s">
        <v>23</v>
      </c>
      <c r="D58865" s="14" t="s">
        <v>319</v>
      </c>
      <c r="E58865" s="15">
        <v>45476</v>
      </c>
      <c r="F58865" s="14" t="s">
        <v>28</v>
      </c>
      <c r="G58865" s="16">
        <v>1.3705440671132063</v>
      </c>
    </row>
    <row r="58866" spans="1:7" x14ac:dyDescent="0.3">
      <c r="A58866" s="13" t="s">
        <v>318</v>
      </c>
      <c r="B58866" s="14" t="s">
        <v>1</v>
      </c>
      <c r="C58866" s="14" t="s">
        <v>23</v>
      </c>
      <c r="D58866" s="14" t="s">
        <v>319</v>
      </c>
      <c r="E58866" s="15">
        <v>45477</v>
      </c>
      <c r="F58866" s="14" t="s">
        <v>28</v>
      </c>
      <c r="G58866" s="16">
        <v>1.3705440671132063</v>
      </c>
    </row>
    <row r="58867" spans="1:7" x14ac:dyDescent="0.3">
      <c r="A58867" s="13" t="s">
        <v>318</v>
      </c>
      <c r="B58867" s="14" t="s">
        <v>1</v>
      </c>
      <c r="C58867" s="14" t="s">
        <v>23</v>
      </c>
      <c r="D58867" s="14" t="s">
        <v>319</v>
      </c>
      <c r="E58867" s="15">
        <v>45478</v>
      </c>
      <c r="F58867" s="14" t="s">
        <v>28</v>
      </c>
      <c r="G58867" s="16">
        <v>1.3801661323125574</v>
      </c>
    </row>
    <row r="58868" spans="1:7" x14ac:dyDescent="0.3">
      <c r="A58868" s="13" t="s">
        <v>318</v>
      </c>
      <c r="B58868" s="14" t="s">
        <v>1</v>
      </c>
      <c r="C58868" s="14" t="s">
        <v>23</v>
      </c>
      <c r="D58868" s="14" t="s">
        <v>319</v>
      </c>
      <c r="E58868" s="15">
        <v>45479</v>
      </c>
      <c r="F58868" s="14" t="s">
        <v>28</v>
      </c>
      <c r="G58868" s="16">
        <v>1.3801661323125574</v>
      </c>
    </row>
    <row r="58869" spans="1:7" x14ac:dyDescent="0.3">
      <c r="A58869" s="13" t="s">
        <v>318</v>
      </c>
      <c r="B58869" s="14" t="s">
        <v>1</v>
      </c>
      <c r="C58869" s="14" t="s">
        <v>23</v>
      </c>
      <c r="D58869" s="14" t="s">
        <v>319</v>
      </c>
      <c r="E58869" s="15">
        <v>45480</v>
      </c>
      <c r="F58869" s="14" t="s">
        <v>28</v>
      </c>
      <c r="G58869" s="16">
        <v>1.3801661323125574</v>
      </c>
    </row>
    <row r="58870" spans="1:7" x14ac:dyDescent="0.3">
      <c r="A58870" s="13" t="s">
        <v>318</v>
      </c>
      <c r="B58870" s="14" t="s">
        <v>1</v>
      </c>
      <c r="C58870" s="14" t="s">
        <v>23</v>
      </c>
      <c r="D58870" s="14" t="s">
        <v>319</v>
      </c>
      <c r="E58870" s="15">
        <v>45481</v>
      </c>
      <c r="F58870" s="14" t="s">
        <v>28</v>
      </c>
      <c r="G58870" s="16">
        <v>1.4341898686667387</v>
      </c>
    </row>
    <row r="58871" spans="1:7" x14ac:dyDescent="0.3">
      <c r="A58871" s="13" t="s">
        <v>318</v>
      </c>
      <c r="B58871" s="14" t="s">
        <v>1</v>
      </c>
      <c r="C58871" s="14" t="s">
        <v>23</v>
      </c>
      <c r="D58871" s="14" t="s">
        <v>319</v>
      </c>
      <c r="E58871" s="15">
        <v>45482</v>
      </c>
      <c r="F58871" s="14" t="s">
        <v>28</v>
      </c>
      <c r="G58871" s="16">
        <v>1.4783107908011734</v>
      </c>
    </row>
    <row r="58872" spans="1:7" x14ac:dyDescent="0.3">
      <c r="A58872" s="13" t="s">
        <v>318</v>
      </c>
      <c r="B58872" s="14" t="s">
        <v>1</v>
      </c>
      <c r="C58872" s="14" t="s">
        <v>23</v>
      </c>
      <c r="D58872" s="14" t="s">
        <v>319</v>
      </c>
      <c r="E58872" s="15">
        <v>45483</v>
      </c>
      <c r="F58872" s="14" t="s">
        <v>28</v>
      </c>
      <c r="G58872" s="16">
        <v>1.4911203413233223</v>
      </c>
    </row>
    <row r="58873" spans="1:7" x14ac:dyDescent="0.3">
      <c r="A58873" s="13" t="s">
        <v>318</v>
      </c>
      <c r="B58873" s="14" t="s">
        <v>1</v>
      </c>
      <c r="C58873" s="14" t="s">
        <v>23</v>
      </c>
      <c r="D58873" s="14" t="s">
        <v>319</v>
      </c>
      <c r="E58873" s="15">
        <v>45484</v>
      </c>
      <c r="F58873" s="14" t="s">
        <v>28</v>
      </c>
      <c r="G58873" s="16">
        <v>1.4990860379744275</v>
      </c>
    </row>
    <row r="58874" spans="1:7" x14ac:dyDescent="0.3">
      <c r="A58874" s="13" t="s">
        <v>318</v>
      </c>
      <c r="B58874" s="14" t="s">
        <v>1</v>
      </c>
      <c r="C58874" s="14" t="s">
        <v>23</v>
      </c>
      <c r="D58874" s="14" t="s">
        <v>319</v>
      </c>
      <c r="E58874" s="15">
        <v>45485</v>
      </c>
      <c r="F58874" s="14" t="s">
        <v>28</v>
      </c>
      <c r="G58874" s="16">
        <v>1.5134433336761033</v>
      </c>
    </row>
    <row r="58875" spans="1:7" x14ac:dyDescent="0.3">
      <c r="A58875" s="13" t="s">
        <v>318</v>
      </c>
      <c r="B58875" s="14" t="s">
        <v>1</v>
      </c>
      <c r="C58875" s="14" t="s">
        <v>23</v>
      </c>
      <c r="D58875" s="14" t="s">
        <v>319</v>
      </c>
      <c r="E58875" s="15">
        <v>45486</v>
      </c>
      <c r="F58875" s="14" t="s">
        <v>28</v>
      </c>
      <c r="G58875" s="16">
        <v>1.5134433336761033</v>
      </c>
    </row>
    <row r="58876" spans="1:7" x14ac:dyDescent="0.3">
      <c r="A58876" s="13" t="s">
        <v>318</v>
      </c>
      <c r="B58876" s="14" t="s">
        <v>1</v>
      </c>
      <c r="C58876" s="14" t="s">
        <v>23</v>
      </c>
      <c r="D58876" s="14" t="s">
        <v>319</v>
      </c>
      <c r="E58876" s="15">
        <v>45487</v>
      </c>
      <c r="F58876" s="14" t="s">
        <v>28</v>
      </c>
      <c r="G58876" s="16">
        <v>1.5134433336761033</v>
      </c>
    </row>
    <row r="58877" spans="1:7" x14ac:dyDescent="0.3">
      <c r="A58877" s="13" t="s">
        <v>318</v>
      </c>
      <c r="B58877" s="14" t="s">
        <v>1</v>
      </c>
      <c r="C58877" s="14" t="s">
        <v>23</v>
      </c>
      <c r="D58877" s="14" t="s">
        <v>319</v>
      </c>
      <c r="E58877" s="15">
        <v>45488</v>
      </c>
      <c r="F58877" s="14" t="s">
        <v>28</v>
      </c>
      <c r="G58877" s="16">
        <v>1.5315520086329055</v>
      </c>
    </row>
    <row r="58878" spans="1:7" x14ac:dyDescent="0.3">
      <c r="A58878" s="13" t="s">
        <v>318</v>
      </c>
      <c r="B58878" s="14" t="s">
        <v>1</v>
      </c>
      <c r="C58878" s="14" t="s">
        <v>23</v>
      </c>
      <c r="D58878" s="14" t="s">
        <v>319</v>
      </c>
      <c r="E58878" s="15">
        <v>45489</v>
      </c>
      <c r="F58878" s="14" t="s">
        <v>28</v>
      </c>
      <c r="G58878" s="16">
        <v>1.5749565282211651</v>
      </c>
    </row>
    <row r="58879" spans="1:7" x14ac:dyDescent="0.3">
      <c r="A58879" s="13" t="s">
        <v>318</v>
      </c>
      <c r="B58879" s="14" t="s">
        <v>1</v>
      </c>
      <c r="C58879" s="14" t="s">
        <v>23</v>
      </c>
      <c r="D58879" s="14" t="s">
        <v>319</v>
      </c>
      <c r="E58879" s="15">
        <v>45490</v>
      </c>
      <c r="F58879" s="14" t="s">
        <v>28</v>
      </c>
      <c r="G58879" s="16">
        <v>1.5860098807500489</v>
      </c>
    </row>
    <row r="58880" spans="1:7" x14ac:dyDescent="0.3">
      <c r="A58880" s="13" t="s">
        <v>318</v>
      </c>
      <c r="B58880" s="14" t="s">
        <v>1</v>
      </c>
      <c r="C58880" s="14" t="s">
        <v>23</v>
      </c>
      <c r="D58880" s="14" t="s">
        <v>319</v>
      </c>
      <c r="E58880" s="15">
        <v>45491</v>
      </c>
      <c r="F58880" s="14" t="s">
        <v>28</v>
      </c>
      <c r="G58880" s="16">
        <v>1.6042755090082497</v>
      </c>
    </row>
    <row r="58881" spans="1:7" x14ac:dyDescent="0.3">
      <c r="A58881" s="13" t="s">
        <v>318</v>
      </c>
      <c r="B58881" s="14" t="s">
        <v>1</v>
      </c>
      <c r="C58881" s="14" t="s">
        <v>23</v>
      </c>
      <c r="D58881" s="14" t="s">
        <v>319</v>
      </c>
      <c r="E58881" s="15">
        <v>45492</v>
      </c>
      <c r="F58881" s="14" t="s">
        <v>28</v>
      </c>
      <c r="G58881" s="16">
        <v>1.6204362367313254</v>
      </c>
    </row>
    <row r="58882" spans="1:7" x14ac:dyDescent="0.3">
      <c r="A58882" s="13" t="s">
        <v>318</v>
      </c>
      <c r="B58882" s="14" t="s">
        <v>1</v>
      </c>
      <c r="C58882" s="14" t="s">
        <v>23</v>
      </c>
      <c r="D58882" s="14" t="s">
        <v>319</v>
      </c>
      <c r="E58882" s="15">
        <v>45493</v>
      </c>
      <c r="F58882" s="14" t="s">
        <v>28</v>
      </c>
      <c r="G58882" s="16">
        <v>1.6204362367313254</v>
      </c>
    </row>
    <row r="58883" spans="1:7" x14ac:dyDescent="0.3">
      <c r="A58883" s="13" t="s">
        <v>318</v>
      </c>
      <c r="B58883" s="14" t="s">
        <v>1</v>
      </c>
      <c r="C58883" s="14" t="s">
        <v>23</v>
      </c>
      <c r="D58883" s="14" t="s">
        <v>319</v>
      </c>
      <c r="E58883" s="15">
        <v>45494</v>
      </c>
      <c r="F58883" s="14" t="s">
        <v>28</v>
      </c>
      <c r="G58883" s="16">
        <v>1.6204362367313254</v>
      </c>
    </row>
    <row r="58884" spans="1:7" x14ac:dyDescent="0.3">
      <c r="A58884" s="13" t="s">
        <v>318</v>
      </c>
      <c r="B58884" s="14" t="s">
        <v>1</v>
      </c>
      <c r="C58884" s="14" t="s">
        <v>23</v>
      </c>
      <c r="D58884" s="14" t="s">
        <v>319</v>
      </c>
      <c r="E58884" s="15">
        <v>45495</v>
      </c>
      <c r="F58884" s="14" t="s">
        <v>28</v>
      </c>
      <c r="G58884" s="16">
        <v>1.6361348517580436</v>
      </c>
    </row>
    <row r="58885" spans="1:7" x14ac:dyDescent="0.3">
      <c r="A58885" s="13" t="s">
        <v>318</v>
      </c>
      <c r="B58885" s="14" t="s">
        <v>1</v>
      </c>
      <c r="C58885" s="14" t="s">
        <v>23</v>
      </c>
      <c r="D58885" s="14" t="s">
        <v>319</v>
      </c>
      <c r="E58885" s="15">
        <v>45496</v>
      </c>
      <c r="F58885" s="14" t="s">
        <v>28</v>
      </c>
      <c r="G58885" s="16">
        <v>1.6778999916466659</v>
      </c>
    </row>
    <row r="58886" spans="1:7" x14ac:dyDescent="0.3">
      <c r="A58886" s="13" t="s">
        <v>318</v>
      </c>
      <c r="B58886" s="14" t="s">
        <v>1</v>
      </c>
      <c r="C58886" s="14" t="s">
        <v>23</v>
      </c>
      <c r="D58886" s="14" t="s">
        <v>319</v>
      </c>
      <c r="E58886" s="15">
        <v>45497</v>
      </c>
      <c r="F58886" s="14" t="s">
        <v>28</v>
      </c>
      <c r="G58886" s="16">
        <v>1.6901131502820559</v>
      </c>
    </row>
    <row r="58887" spans="1:7" x14ac:dyDescent="0.3">
      <c r="A58887" s="13" t="s">
        <v>318</v>
      </c>
      <c r="B58887" s="14" t="s">
        <v>1</v>
      </c>
      <c r="C58887" s="14" t="s">
        <v>23</v>
      </c>
      <c r="D58887" s="14" t="s">
        <v>319</v>
      </c>
      <c r="E58887" s="15">
        <v>45498</v>
      </c>
      <c r="F58887" s="14" t="s">
        <v>28</v>
      </c>
      <c r="G58887" s="16">
        <v>1.7034748921989884</v>
      </c>
    </row>
    <row r="58888" spans="1:7" x14ac:dyDescent="0.3">
      <c r="A58888" s="13" t="s">
        <v>318</v>
      </c>
      <c r="B58888" s="14" t="s">
        <v>1</v>
      </c>
      <c r="C58888" s="14" t="s">
        <v>23</v>
      </c>
      <c r="D58888" s="14" t="s">
        <v>319</v>
      </c>
      <c r="E58888" s="15">
        <v>45499</v>
      </c>
      <c r="F58888" s="14" t="s">
        <v>28</v>
      </c>
      <c r="G58888" s="16">
        <v>1.7151730082053422</v>
      </c>
    </row>
    <row r="58889" spans="1:7" x14ac:dyDescent="0.3">
      <c r="A58889" s="13" t="s">
        <v>318</v>
      </c>
      <c r="B58889" s="14" t="s">
        <v>1</v>
      </c>
      <c r="C58889" s="14" t="s">
        <v>23</v>
      </c>
      <c r="D58889" s="14" t="s">
        <v>319</v>
      </c>
      <c r="E58889" s="15">
        <v>45500</v>
      </c>
      <c r="F58889" s="14" t="s">
        <v>28</v>
      </c>
      <c r="G58889" s="16">
        <v>1.7151730082053422</v>
      </c>
    </row>
    <row r="58890" spans="1:7" x14ac:dyDescent="0.3">
      <c r="A58890" s="13" t="s">
        <v>318</v>
      </c>
      <c r="B58890" s="14" t="s">
        <v>1</v>
      </c>
      <c r="C58890" s="14" t="s">
        <v>23</v>
      </c>
      <c r="D58890" s="14" t="s">
        <v>319</v>
      </c>
      <c r="E58890" s="15">
        <v>45501</v>
      </c>
      <c r="F58890" s="14" t="s">
        <v>28</v>
      </c>
      <c r="G58890" s="16">
        <v>1.7151730082053422</v>
      </c>
    </row>
    <row r="58891" spans="1:7" x14ac:dyDescent="0.3">
      <c r="A58891" s="13" t="s">
        <v>318</v>
      </c>
      <c r="B58891" s="14" t="s">
        <v>1</v>
      </c>
      <c r="C58891" s="14" t="s">
        <v>23</v>
      </c>
      <c r="D58891" s="14" t="s">
        <v>319</v>
      </c>
      <c r="E58891" s="15">
        <v>45502</v>
      </c>
      <c r="F58891" s="14" t="s">
        <v>28</v>
      </c>
      <c r="G58891" s="16">
        <v>1.7305788141089795</v>
      </c>
    </row>
    <row r="58892" spans="1:7" x14ac:dyDescent="0.3">
      <c r="A58892" s="13" t="s">
        <v>318</v>
      </c>
      <c r="B58892" s="14" t="s">
        <v>1</v>
      </c>
      <c r="C58892" s="14" t="s">
        <v>23</v>
      </c>
      <c r="D58892" s="14" t="s">
        <v>319</v>
      </c>
      <c r="E58892" s="15">
        <v>45503</v>
      </c>
      <c r="F58892" s="14" t="s">
        <v>28</v>
      </c>
      <c r="G58892" s="16">
        <v>1.7693534702197691</v>
      </c>
    </row>
    <row r="58893" spans="1:7" x14ac:dyDescent="0.3">
      <c r="A58893" s="13" t="s">
        <v>318</v>
      </c>
      <c r="B58893" s="14" t="s">
        <v>1</v>
      </c>
      <c r="C58893" s="14" t="s">
        <v>23</v>
      </c>
      <c r="D58893" s="14" t="s">
        <v>319</v>
      </c>
      <c r="E58893" s="15">
        <v>45504</v>
      </c>
      <c r="F58893" s="14" t="s">
        <v>28</v>
      </c>
      <c r="G58893" s="16">
        <v>1.7755317952715339</v>
      </c>
    </row>
    <row r="58894" spans="1:7" x14ac:dyDescent="0.3">
      <c r="A58894" s="13" t="s">
        <v>318</v>
      </c>
      <c r="B58894" s="14" t="s">
        <v>1</v>
      </c>
      <c r="C58894" s="14" t="s">
        <v>23</v>
      </c>
      <c r="D58894" s="14" t="s">
        <v>319</v>
      </c>
      <c r="E58894" s="15">
        <v>45505</v>
      </c>
      <c r="F58894" s="14" t="s">
        <v>28</v>
      </c>
      <c r="G58894" s="16">
        <v>1.7822621671556658</v>
      </c>
    </row>
    <row r="58895" spans="1:7" x14ac:dyDescent="0.3">
      <c r="A58895" s="13" t="s">
        <v>318</v>
      </c>
      <c r="B58895" s="14" t="s">
        <v>1</v>
      </c>
      <c r="C58895" s="14" t="s">
        <v>23</v>
      </c>
      <c r="D58895" s="14" t="s">
        <v>319</v>
      </c>
      <c r="E58895" s="15">
        <v>45506</v>
      </c>
      <c r="F58895" s="14" t="s">
        <v>28</v>
      </c>
      <c r="G58895" s="16">
        <v>1.7742895439163977</v>
      </c>
    </row>
    <row r="58896" spans="1:7" x14ac:dyDescent="0.3">
      <c r="A58896" s="13" t="s">
        <v>318</v>
      </c>
      <c r="B58896" s="14" t="s">
        <v>1</v>
      </c>
      <c r="C58896" s="14" t="s">
        <v>23</v>
      </c>
      <c r="D58896" s="14" t="s">
        <v>319</v>
      </c>
      <c r="E58896" s="15">
        <v>45507</v>
      </c>
      <c r="F58896" s="14" t="s">
        <v>28</v>
      </c>
      <c r="G58896" s="16">
        <v>1.7742895439163977</v>
      </c>
    </row>
    <row r="58897" spans="1:7" x14ac:dyDescent="0.3">
      <c r="A58897" s="13" t="s">
        <v>318</v>
      </c>
      <c r="B58897" s="14" t="s">
        <v>1</v>
      </c>
      <c r="C58897" s="14" t="s">
        <v>23</v>
      </c>
      <c r="D58897" s="14" t="s">
        <v>319</v>
      </c>
      <c r="E58897" s="15">
        <v>45508</v>
      </c>
      <c r="F58897" s="14" t="s">
        <v>28</v>
      </c>
      <c r="G58897" s="16">
        <v>1.7742895439163977</v>
      </c>
    </row>
    <row r="58898" spans="1:7" x14ac:dyDescent="0.3">
      <c r="A58898" s="13" t="s">
        <v>318</v>
      </c>
      <c r="B58898" s="14" t="s">
        <v>1</v>
      </c>
      <c r="C58898" s="14" t="s">
        <v>23</v>
      </c>
      <c r="D58898" s="14" t="s">
        <v>319</v>
      </c>
      <c r="E58898" s="15">
        <v>45509</v>
      </c>
      <c r="F58898" s="14" t="s">
        <v>28</v>
      </c>
      <c r="G58898" s="16">
        <v>1.7742895439163977</v>
      </c>
    </row>
    <row r="58899" spans="1:7" x14ac:dyDescent="0.3">
      <c r="A58899" s="13" t="s">
        <v>318</v>
      </c>
      <c r="B58899" s="14" t="s">
        <v>1</v>
      </c>
      <c r="C58899" s="14" t="s">
        <v>23</v>
      </c>
      <c r="D58899" s="14" t="s">
        <v>319</v>
      </c>
      <c r="E58899" s="15">
        <v>45510</v>
      </c>
      <c r="F58899" s="14" t="s">
        <v>28</v>
      </c>
      <c r="G58899" s="16">
        <v>1.7854545624516664</v>
      </c>
    </row>
    <row r="58900" spans="1:7" x14ac:dyDescent="0.3">
      <c r="A58900" s="13" t="s">
        <v>318</v>
      </c>
      <c r="B58900" s="14" t="s">
        <v>1</v>
      </c>
      <c r="C58900" s="14" t="s">
        <v>23</v>
      </c>
      <c r="D58900" s="14" t="s">
        <v>319</v>
      </c>
      <c r="E58900" s="15">
        <v>45511</v>
      </c>
      <c r="F58900" s="14" t="s">
        <v>28</v>
      </c>
      <c r="G58900" s="16">
        <v>1.855396748577121</v>
      </c>
    </row>
    <row r="58901" spans="1:7" x14ac:dyDescent="0.3">
      <c r="A58901" s="13" t="s">
        <v>318</v>
      </c>
      <c r="B58901" s="14" t="s">
        <v>1</v>
      </c>
      <c r="C58901" s="14" t="s">
        <v>23</v>
      </c>
      <c r="D58901" s="14" t="s">
        <v>319</v>
      </c>
      <c r="E58901" s="15">
        <v>45512</v>
      </c>
      <c r="F58901" s="14" t="s">
        <v>28</v>
      </c>
      <c r="G58901" s="16">
        <v>1.8600484838481071</v>
      </c>
    </row>
    <row r="58902" spans="1:7" x14ac:dyDescent="0.3">
      <c r="A58902" s="13" t="s">
        <v>318</v>
      </c>
      <c r="B58902" s="14" t="s">
        <v>1</v>
      </c>
      <c r="C58902" s="14" t="s">
        <v>23</v>
      </c>
      <c r="D58902" s="14" t="s">
        <v>319</v>
      </c>
      <c r="E58902" s="15">
        <v>45513</v>
      </c>
      <c r="F58902" s="14" t="s">
        <v>28</v>
      </c>
      <c r="G58902" s="16">
        <v>1.8716590638109605</v>
      </c>
    </row>
    <row r="58903" spans="1:7" x14ac:dyDescent="0.3">
      <c r="A58903" s="13" t="s">
        <v>318</v>
      </c>
      <c r="B58903" s="14" t="s">
        <v>1</v>
      </c>
      <c r="C58903" s="14" t="s">
        <v>23</v>
      </c>
      <c r="D58903" s="14" t="s">
        <v>319</v>
      </c>
      <c r="E58903" s="15">
        <v>45514</v>
      </c>
      <c r="F58903" s="14" t="s">
        <v>28</v>
      </c>
      <c r="G58903" s="16">
        <v>1.8716590638109605</v>
      </c>
    </row>
    <row r="58904" spans="1:7" x14ac:dyDescent="0.3">
      <c r="A58904" s="13" t="s">
        <v>318</v>
      </c>
      <c r="B58904" s="14" t="s">
        <v>1</v>
      </c>
      <c r="C58904" s="14" t="s">
        <v>23</v>
      </c>
      <c r="D58904" s="14" t="s">
        <v>319</v>
      </c>
      <c r="E58904" s="15">
        <v>45515</v>
      </c>
      <c r="F58904" s="14" t="s">
        <v>28</v>
      </c>
      <c r="G58904" s="16">
        <v>1.8716590638109605</v>
      </c>
    </row>
    <row r="58905" spans="1:7" x14ac:dyDescent="0.3">
      <c r="A58905" s="13" t="s">
        <v>318</v>
      </c>
      <c r="B58905" s="14" t="s">
        <v>1</v>
      </c>
      <c r="C58905" s="14" t="s">
        <v>23</v>
      </c>
      <c r="D58905" s="14" t="s">
        <v>319</v>
      </c>
      <c r="E58905" s="15">
        <v>45516</v>
      </c>
      <c r="F58905" s="14" t="s">
        <v>28</v>
      </c>
      <c r="G58905" s="16">
        <v>1.8861354772970287</v>
      </c>
    </row>
    <row r="58906" spans="1:7" x14ac:dyDescent="0.3">
      <c r="A58906" s="13" t="s">
        <v>318</v>
      </c>
      <c r="B58906" s="14" t="s">
        <v>1</v>
      </c>
      <c r="C58906" s="14" t="s">
        <v>23</v>
      </c>
      <c r="D58906" s="14" t="s">
        <v>319</v>
      </c>
      <c r="E58906" s="15">
        <v>45517</v>
      </c>
      <c r="F58906" s="14" t="s">
        <v>28</v>
      </c>
      <c r="G58906" s="16">
        <v>1.9144099444556495</v>
      </c>
    </row>
    <row r="58907" spans="1:7" x14ac:dyDescent="0.3">
      <c r="A58907" s="13" t="s">
        <v>318</v>
      </c>
      <c r="B58907" s="14" t="s">
        <v>1</v>
      </c>
      <c r="C58907" s="14" t="s">
        <v>23</v>
      </c>
      <c r="D58907" s="14" t="s">
        <v>319</v>
      </c>
      <c r="E58907" s="15">
        <v>45518</v>
      </c>
      <c r="F58907" s="14" t="s">
        <v>28</v>
      </c>
      <c r="G58907" s="16">
        <v>1.9255843101987555</v>
      </c>
    </row>
    <row r="58908" spans="1:7" x14ac:dyDescent="0.3">
      <c r="A58908" s="13" t="s">
        <v>318</v>
      </c>
      <c r="B58908" s="14" t="s">
        <v>1</v>
      </c>
      <c r="C58908" s="14" t="s">
        <v>23</v>
      </c>
      <c r="D58908" s="14" t="s">
        <v>319</v>
      </c>
      <c r="E58908" s="15">
        <v>45519</v>
      </c>
      <c r="F58908" s="14" t="s">
        <v>28</v>
      </c>
      <c r="G58908" s="16">
        <v>1.9435252649371804</v>
      </c>
    </row>
    <row r="58909" spans="1:7" x14ac:dyDescent="0.3">
      <c r="A58909" s="13" t="s">
        <v>318</v>
      </c>
      <c r="B58909" s="14" t="s">
        <v>1</v>
      </c>
      <c r="C58909" s="14" t="s">
        <v>23</v>
      </c>
      <c r="D58909" s="14" t="s">
        <v>319</v>
      </c>
      <c r="E58909" s="15">
        <v>45520</v>
      </c>
      <c r="F58909" s="14" t="s">
        <v>28</v>
      </c>
      <c r="G58909" s="16">
        <v>1.9476121407182774</v>
      </c>
    </row>
    <row r="58910" spans="1:7" x14ac:dyDescent="0.3">
      <c r="A58910" s="13" t="s">
        <v>318</v>
      </c>
      <c r="B58910" s="14" t="s">
        <v>1</v>
      </c>
      <c r="C58910" s="14" t="s">
        <v>23</v>
      </c>
      <c r="D58910" s="14" t="s">
        <v>319</v>
      </c>
      <c r="E58910" s="15">
        <v>45521</v>
      </c>
      <c r="F58910" s="14" t="s">
        <v>28</v>
      </c>
      <c r="G58910" s="16">
        <v>1.9476121407182774</v>
      </c>
    </row>
    <row r="58911" spans="1:7" x14ac:dyDescent="0.3">
      <c r="A58911" s="13" t="s">
        <v>318</v>
      </c>
      <c r="B58911" s="14" t="s">
        <v>1</v>
      </c>
      <c r="C58911" s="14" t="s">
        <v>23</v>
      </c>
      <c r="D58911" s="14" t="s">
        <v>319</v>
      </c>
      <c r="E58911" s="15">
        <v>45522</v>
      </c>
      <c r="F58911" s="14" t="s">
        <v>28</v>
      </c>
      <c r="G58911" s="16">
        <v>1.9476121407182774</v>
      </c>
    </row>
    <row r="58912" spans="1:7" x14ac:dyDescent="0.3">
      <c r="A58912" s="13" t="s">
        <v>318</v>
      </c>
      <c r="B58912" s="14" t="s">
        <v>1</v>
      </c>
      <c r="C58912" s="14" t="s">
        <v>23</v>
      </c>
      <c r="D58912" s="14" t="s">
        <v>319</v>
      </c>
      <c r="E58912" s="15">
        <v>45523</v>
      </c>
      <c r="F58912" s="14" t="s">
        <v>28</v>
      </c>
      <c r="G58912" s="16">
        <v>1.9496377291784714</v>
      </c>
    </row>
    <row r="58913" spans="1:7" x14ac:dyDescent="0.3">
      <c r="A58913" s="13" t="s">
        <v>318</v>
      </c>
      <c r="B58913" s="14" t="s">
        <v>1</v>
      </c>
      <c r="C58913" s="14" t="s">
        <v>23</v>
      </c>
      <c r="D58913" s="14" t="s">
        <v>319</v>
      </c>
      <c r="E58913" s="15">
        <v>45524</v>
      </c>
      <c r="F58913" s="14" t="s">
        <v>28</v>
      </c>
      <c r="G58913" s="16">
        <v>1.9834498958882671</v>
      </c>
    </row>
    <row r="58914" spans="1:7" x14ac:dyDescent="0.3">
      <c r="A58914" s="13" t="s">
        <v>318</v>
      </c>
      <c r="B58914" s="14" t="s">
        <v>1</v>
      </c>
      <c r="C58914" s="14" t="s">
        <v>23</v>
      </c>
      <c r="D58914" s="14" t="s">
        <v>319</v>
      </c>
      <c r="E58914" s="15">
        <v>45525</v>
      </c>
      <c r="F58914" s="14" t="s">
        <v>28</v>
      </c>
      <c r="G58914" s="16">
        <v>1.9935489733437801</v>
      </c>
    </row>
    <row r="58915" spans="1:7" x14ac:dyDescent="0.3">
      <c r="A58915" s="13" t="s">
        <v>318</v>
      </c>
      <c r="B58915" s="14" t="s">
        <v>1</v>
      </c>
      <c r="C58915" s="14" t="s">
        <v>23</v>
      </c>
      <c r="D58915" s="14" t="s">
        <v>319</v>
      </c>
      <c r="E58915" s="15">
        <v>45526</v>
      </c>
      <c r="F58915" s="14" t="s">
        <v>28</v>
      </c>
      <c r="G58915" s="16">
        <v>2.0168803717210819</v>
      </c>
    </row>
    <row r="58916" spans="1:7" x14ac:dyDescent="0.3">
      <c r="A58916" s="13" t="s">
        <v>318</v>
      </c>
      <c r="B58916" s="14" t="s">
        <v>1</v>
      </c>
      <c r="C58916" s="14" t="s">
        <v>23</v>
      </c>
      <c r="D58916" s="14" t="s">
        <v>319</v>
      </c>
      <c r="E58916" s="15">
        <v>45527</v>
      </c>
      <c r="F58916" s="14" t="s">
        <v>28</v>
      </c>
      <c r="G58916" s="16">
        <v>2.015075833713996</v>
      </c>
    </row>
    <row r="58917" spans="1:7" x14ac:dyDescent="0.3">
      <c r="A58917" s="13" t="s">
        <v>318</v>
      </c>
      <c r="B58917" s="14" t="s">
        <v>1</v>
      </c>
      <c r="C58917" s="14" t="s">
        <v>23</v>
      </c>
      <c r="D58917" s="14" t="s">
        <v>319</v>
      </c>
      <c r="E58917" s="15">
        <v>45528</v>
      </c>
      <c r="F58917" s="14" t="s">
        <v>28</v>
      </c>
      <c r="G58917" s="16">
        <v>2.015075833713996</v>
      </c>
    </row>
    <row r="58918" spans="1:7" x14ac:dyDescent="0.3">
      <c r="A58918" s="13" t="s">
        <v>318</v>
      </c>
      <c r="B58918" s="14" t="s">
        <v>1</v>
      </c>
      <c r="C58918" s="14" t="s">
        <v>23</v>
      </c>
      <c r="D58918" s="14" t="s">
        <v>319</v>
      </c>
      <c r="E58918" s="15">
        <v>45529</v>
      </c>
      <c r="F58918" s="14" t="s">
        <v>28</v>
      </c>
      <c r="G58918" s="16">
        <v>2.015075833713996</v>
      </c>
    </row>
    <row r="58919" spans="1:7" x14ac:dyDescent="0.3">
      <c r="A58919" s="13" t="s">
        <v>318</v>
      </c>
      <c r="B58919" s="14" t="s">
        <v>1</v>
      </c>
      <c r="C58919" s="14" t="s">
        <v>23</v>
      </c>
      <c r="D58919" s="14" t="s">
        <v>319</v>
      </c>
      <c r="E58919" s="15">
        <v>45530</v>
      </c>
      <c r="F58919" s="14" t="s">
        <v>28</v>
      </c>
      <c r="G58919" s="16">
        <v>2.0353614528620607</v>
      </c>
    </row>
    <row r="58920" spans="1:7" x14ac:dyDescent="0.3">
      <c r="A58920" s="13" t="s">
        <v>318</v>
      </c>
      <c r="B58920" s="14" t="s">
        <v>1</v>
      </c>
      <c r="C58920" s="14" t="s">
        <v>23</v>
      </c>
      <c r="D58920" s="14" t="s">
        <v>319</v>
      </c>
      <c r="E58920" s="15">
        <v>45531</v>
      </c>
      <c r="F58920" s="14" t="s">
        <v>28</v>
      </c>
      <c r="G58920" s="16">
        <v>2.0699174444553354</v>
      </c>
    </row>
    <row r="58921" spans="1:7" x14ac:dyDescent="0.3">
      <c r="A58921" s="13" t="s">
        <v>318</v>
      </c>
      <c r="B58921" s="14" t="s">
        <v>1</v>
      </c>
      <c r="C58921" s="14" t="s">
        <v>23</v>
      </c>
      <c r="D58921" s="14" t="s">
        <v>319</v>
      </c>
      <c r="E58921" s="15">
        <v>45532</v>
      </c>
      <c r="F58921" s="14" t="s">
        <v>28</v>
      </c>
      <c r="G58921" s="16">
        <v>2.0881262234730738</v>
      </c>
    </row>
    <row r="58922" spans="1:7" x14ac:dyDescent="0.3">
      <c r="A58922" s="13" t="s">
        <v>318</v>
      </c>
      <c r="B58922" s="14" t="s">
        <v>1</v>
      </c>
      <c r="C58922" s="14" t="s">
        <v>23</v>
      </c>
      <c r="D58922" s="14" t="s">
        <v>319</v>
      </c>
      <c r="E58922" s="15">
        <v>45533</v>
      </c>
      <c r="F58922" s="14" t="s">
        <v>28</v>
      </c>
      <c r="G58922" s="16">
        <v>2.1012260724718321</v>
      </c>
    </row>
    <row r="58923" spans="1:7" x14ac:dyDescent="0.3">
      <c r="A58923" s="13" t="s">
        <v>318</v>
      </c>
      <c r="B58923" s="14" t="s">
        <v>1</v>
      </c>
      <c r="C58923" s="14" t="s">
        <v>23</v>
      </c>
      <c r="D58923" s="14" t="s">
        <v>319</v>
      </c>
      <c r="E58923" s="15">
        <v>45534</v>
      </c>
      <c r="F58923" s="14" t="s">
        <v>28</v>
      </c>
      <c r="G58923" s="16">
        <v>2.1219417246209313</v>
      </c>
    </row>
    <row r="58924" spans="1:7" x14ac:dyDescent="0.3">
      <c r="A58924" s="13" t="s">
        <v>318</v>
      </c>
      <c r="B58924" s="14" t="s">
        <v>1</v>
      </c>
      <c r="C58924" s="14" t="s">
        <v>23</v>
      </c>
      <c r="D58924" s="14" t="s">
        <v>319</v>
      </c>
      <c r="E58924" s="15">
        <v>45535</v>
      </c>
      <c r="F58924" s="14" t="s">
        <v>28</v>
      </c>
      <c r="G58924" s="16">
        <v>2.1219417246209313</v>
      </c>
    </row>
    <row r="58925" spans="1:7" x14ac:dyDescent="0.3">
      <c r="A58925" s="13" t="s">
        <v>318</v>
      </c>
      <c r="B58925" s="14" t="s">
        <v>1</v>
      </c>
      <c r="C58925" s="14" t="s">
        <v>23</v>
      </c>
      <c r="D58925" s="14" t="s">
        <v>319</v>
      </c>
      <c r="E58925" s="15">
        <v>45536</v>
      </c>
      <c r="F58925" s="14" t="s">
        <v>28</v>
      </c>
      <c r="G58925" s="16">
        <v>2.1219417246209313</v>
      </c>
    </row>
    <row r="58926" spans="1:7" x14ac:dyDescent="0.3">
      <c r="A58926" s="13" t="s">
        <v>318</v>
      </c>
      <c r="B58926" s="14" t="s">
        <v>1</v>
      </c>
      <c r="C58926" s="14" t="s">
        <v>23</v>
      </c>
      <c r="D58926" s="14" t="s">
        <v>319</v>
      </c>
      <c r="E58926" s="15">
        <v>45537</v>
      </c>
      <c r="F58926" s="14" t="s">
        <v>28</v>
      </c>
      <c r="G58926" s="16">
        <v>2.1219417246209313</v>
      </c>
    </row>
    <row r="58927" spans="1:7" x14ac:dyDescent="0.3">
      <c r="A58927" s="13" t="s">
        <v>318</v>
      </c>
      <c r="B58927" s="14" t="s">
        <v>1</v>
      </c>
      <c r="C58927" s="14" t="s">
        <v>23</v>
      </c>
      <c r="D58927" s="14" t="s">
        <v>319</v>
      </c>
      <c r="E58927" s="15">
        <v>45538</v>
      </c>
      <c r="F58927" s="14" t="s">
        <v>28</v>
      </c>
      <c r="G58927" s="16">
        <v>2.1373473904028719</v>
      </c>
    </row>
    <row r="58928" spans="1:7" x14ac:dyDescent="0.3">
      <c r="A58928" s="13" t="s">
        <v>318</v>
      </c>
      <c r="B58928" s="14" t="s">
        <v>1</v>
      </c>
      <c r="C58928" s="14" t="s">
        <v>23</v>
      </c>
      <c r="D58928" s="14" t="s">
        <v>319</v>
      </c>
      <c r="E58928" s="15">
        <v>45539</v>
      </c>
      <c r="F58928" s="14" t="s">
        <v>28</v>
      </c>
      <c r="G58928" s="16">
        <v>2.1748628114239064</v>
      </c>
    </row>
    <row r="58929" spans="1:7" x14ac:dyDescent="0.3">
      <c r="A58929" s="13" t="s">
        <v>318</v>
      </c>
      <c r="B58929" s="14" t="s">
        <v>1</v>
      </c>
      <c r="C58929" s="14" t="s">
        <v>23</v>
      </c>
      <c r="D58929" s="14" t="s">
        <v>319</v>
      </c>
      <c r="E58929" s="15">
        <v>45540</v>
      </c>
      <c r="F58929" s="14" t="s">
        <v>28</v>
      </c>
      <c r="G58929" s="16">
        <v>2.1830431771066019</v>
      </c>
    </row>
    <row r="58930" spans="1:7" x14ac:dyDescent="0.3">
      <c r="A58930" s="13" t="s">
        <v>318</v>
      </c>
      <c r="B58930" s="14" t="s">
        <v>1</v>
      </c>
      <c r="C58930" s="14" t="s">
        <v>23</v>
      </c>
      <c r="D58930" s="14" t="s">
        <v>319</v>
      </c>
      <c r="E58930" s="15">
        <v>45541</v>
      </c>
      <c r="F58930" s="14" t="s">
        <v>28</v>
      </c>
      <c r="G58930" s="16">
        <v>2.2014527002897117</v>
      </c>
    </row>
    <row r="58931" spans="1:7" x14ac:dyDescent="0.3">
      <c r="A58931" s="13" t="s">
        <v>318</v>
      </c>
      <c r="B58931" s="14" t="s">
        <v>1</v>
      </c>
      <c r="C58931" s="14" t="s">
        <v>23</v>
      </c>
      <c r="D58931" s="14" t="s">
        <v>319</v>
      </c>
      <c r="E58931" s="15">
        <v>45542</v>
      </c>
      <c r="F58931" s="14" t="s">
        <v>28</v>
      </c>
      <c r="G58931" s="16">
        <v>2.2014527002897117</v>
      </c>
    </row>
    <row r="58932" spans="1:7" x14ac:dyDescent="0.3">
      <c r="A58932" s="13" t="s">
        <v>318</v>
      </c>
      <c r="B58932" s="14" t="s">
        <v>1</v>
      </c>
      <c r="C58932" s="14" t="s">
        <v>23</v>
      </c>
      <c r="D58932" s="14" t="s">
        <v>319</v>
      </c>
      <c r="E58932" s="15">
        <v>45543</v>
      </c>
      <c r="F58932" s="14" t="s">
        <v>28</v>
      </c>
      <c r="G58932" s="16">
        <v>2.2014527002897117</v>
      </c>
    </row>
    <row r="58933" spans="1:7" x14ac:dyDescent="0.3">
      <c r="A58933" s="13" t="s">
        <v>318</v>
      </c>
      <c r="B58933" s="14" t="s">
        <v>1</v>
      </c>
      <c r="C58933" s="14" t="s">
        <v>23</v>
      </c>
      <c r="D58933" s="14" t="s">
        <v>319</v>
      </c>
      <c r="E58933" s="15">
        <v>45544</v>
      </c>
      <c r="F58933" s="14" t="s">
        <v>28</v>
      </c>
      <c r="G58933" s="16">
        <v>2.2481771909982817</v>
      </c>
    </row>
    <row r="58934" spans="1:7" x14ac:dyDescent="0.3">
      <c r="A58934" s="13" t="s">
        <v>318</v>
      </c>
      <c r="B58934" s="14" t="s">
        <v>1</v>
      </c>
      <c r="C58934" s="14" t="s">
        <v>23</v>
      </c>
      <c r="D58934" s="14" t="s">
        <v>319</v>
      </c>
      <c r="E58934" s="15">
        <v>45545</v>
      </c>
      <c r="F58934" s="14" t="s">
        <v>28</v>
      </c>
      <c r="G58934" s="16">
        <v>2.283028212580331</v>
      </c>
    </row>
    <row r="58935" spans="1:7" x14ac:dyDescent="0.3">
      <c r="A58935" s="13" t="s">
        <v>318</v>
      </c>
      <c r="B58935" s="14" t="s">
        <v>1</v>
      </c>
      <c r="C58935" s="14" t="s">
        <v>23</v>
      </c>
      <c r="D58935" s="14" t="s">
        <v>319</v>
      </c>
      <c r="E58935" s="15">
        <v>45546</v>
      </c>
      <c r="F58935" s="14" t="s">
        <v>28</v>
      </c>
      <c r="G58935" s="16">
        <v>2.2935882808696122</v>
      </c>
    </row>
    <row r="58936" spans="1:7" x14ac:dyDescent="0.3">
      <c r="A58936" s="13" t="s">
        <v>318</v>
      </c>
      <c r="B58936" s="14" t="s">
        <v>1</v>
      </c>
      <c r="C58936" s="14" t="s">
        <v>23</v>
      </c>
      <c r="D58936" s="14" t="s">
        <v>319</v>
      </c>
      <c r="E58936" s="15">
        <v>45547</v>
      </c>
      <c r="F58936" s="14" t="s">
        <v>28</v>
      </c>
      <c r="G58936" s="16">
        <v>2.3039087450591227</v>
      </c>
    </row>
    <row r="58937" spans="1:7" x14ac:dyDescent="0.3">
      <c r="A58937" s="13" t="s">
        <v>318</v>
      </c>
      <c r="B58937" s="14" t="s">
        <v>1</v>
      </c>
      <c r="C58937" s="14" t="s">
        <v>23</v>
      </c>
      <c r="D58937" s="14" t="s">
        <v>319</v>
      </c>
      <c r="E58937" s="15">
        <v>45548</v>
      </c>
      <c r="F58937" s="14" t="s">
        <v>28</v>
      </c>
      <c r="G58937" s="16">
        <v>2.3115061609878058</v>
      </c>
    </row>
    <row r="58938" spans="1:7" x14ac:dyDescent="0.3">
      <c r="A58938" s="13" t="s">
        <v>318</v>
      </c>
      <c r="B58938" s="14" t="s">
        <v>1</v>
      </c>
      <c r="C58938" s="14" t="s">
        <v>23</v>
      </c>
      <c r="D58938" s="14" t="s">
        <v>319</v>
      </c>
      <c r="E58938" s="15">
        <v>45549</v>
      </c>
      <c r="F58938" s="14" t="s">
        <v>28</v>
      </c>
      <c r="G58938" s="16">
        <v>2.3115061609878058</v>
      </c>
    </row>
    <row r="58939" spans="1:7" x14ac:dyDescent="0.3">
      <c r="A58939" s="13" t="s">
        <v>318</v>
      </c>
      <c r="B58939" s="14" t="s">
        <v>1</v>
      </c>
      <c r="C58939" s="14" t="s">
        <v>23</v>
      </c>
      <c r="D58939" s="14" t="s">
        <v>319</v>
      </c>
      <c r="E58939" s="15">
        <v>45550</v>
      </c>
      <c r="F58939" s="14" t="s">
        <v>28</v>
      </c>
      <c r="G58939" s="16">
        <v>2.3115061609878058</v>
      </c>
    </row>
    <row r="58940" spans="1:7" x14ac:dyDescent="0.3">
      <c r="A58940" s="13" t="s">
        <v>318</v>
      </c>
      <c r="B58940" s="14" t="s">
        <v>1</v>
      </c>
      <c r="C58940" s="14" t="s">
        <v>23</v>
      </c>
      <c r="D58940" s="14" t="s">
        <v>319</v>
      </c>
      <c r="E58940" s="15">
        <v>45551</v>
      </c>
      <c r="F58940" s="14" t="s">
        <v>28</v>
      </c>
      <c r="G58940" s="16">
        <v>2.3209914713580528</v>
      </c>
    </row>
    <row r="58941" spans="1:7" x14ac:dyDescent="0.3">
      <c r="A58941" s="13" t="s">
        <v>318</v>
      </c>
      <c r="B58941" s="14" t="s">
        <v>1</v>
      </c>
      <c r="C58941" s="14" t="s">
        <v>23</v>
      </c>
      <c r="D58941" s="14" t="s">
        <v>319</v>
      </c>
      <c r="E58941" s="15">
        <v>45552</v>
      </c>
      <c r="F58941" s="14" t="s">
        <v>28</v>
      </c>
      <c r="G58941" s="16">
        <v>2.3663092889525221</v>
      </c>
    </row>
    <row r="58942" spans="1:7" x14ac:dyDescent="0.3">
      <c r="A58942" s="13" t="s">
        <v>318</v>
      </c>
      <c r="B58942" s="14" t="s">
        <v>1</v>
      </c>
      <c r="C58942" s="14" t="s">
        <v>23</v>
      </c>
      <c r="D58942" s="14" t="s">
        <v>319</v>
      </c>
      <c r="E58942" s="15">
        <v>45553</v>
      </c>
      <c r="F58942" s="14" t="s">
        <v>28</v>
      </c>
      <c r="G58942" s="16">
        <v>2.3771401592399082</v>
      </c>
    </row>
    <row r="58943" spans="1:7" x14ac:dyDescent="0.3">
      <c r="A58943" s="13" t="s">
        <v>318</v>
      </c>
      <c r="B58943" s="14" t="s">
        <v>1</v>
      </c>
      <c r="C58943" s="14" t="s">
        <v>23</v>
      </c>
      <c r="D58943" s="14" t="s">
        <v>319</v>
      </c>
      <c r="E58943" s="15">
        <v>45554</v>
      </c>
      <c r="F58943" s="14" t="s">
        <v>28</v>
      </c>
      <c r="G58943" s="16">
        <v>2.3836829030902211</v>
      </c>
    </row>
    <row r="58944" spans="1:7" x14ac:dyDescent="0.3">
      <c r="A58944" s="13" t="s">
        <v>318</v>
      </c>
      <c r="B58944" s="14" t="s">
        <v>1</v>
      </c>
      <c r="C58944" s="14" t="s">
        <v>23</v>
      </c>
      <c r="D58944" s="14" t="s">
        <v>319</v>
      </c>
      <c r="E58944" s="15">
        <v>45555</v>
      </c>
      <c r="F58944" s="14" t="s">
        <v>28</v>
      </c>
      <c r="G58944" s="16">
        <v>2.3945997708400619</v>
      </c>
    </row>
    <row r="58945" spans="1:7" x14ac:dyDescent="0.3">
      <c r="A58945" s="13" t="s">
        <v>318</v>
      </c>
      <c r="B58945" s="14" t="s">
        <v>1</v>
      </c>
      <c r="C58945" s="14" t="s">
        <v>23</v>
      </c>
      <c r="D58945" s="14" t="s">
        <v>319</v>
      </c>
      <c r="E58945" s="15">
        <v>45556</v>
      </c>
      <c r="F58945" s="14" t="s">
        <v>28</v>
      </c>
      <c r="G58945" s="16">
        <v>2.3945997708400619</v>
      </c>
    </row>
    <row r="58946" spans="1:7" x14ac:dyDescent="0.3">
      <c r="A58946" s="13" t="s">
        <v>318</v>
      </c>
      <c r="B58946" s="14" t="s">
        <v>1</v>
      </c>
      <c r="C58946" s="14" t="s">
        <v>23</v>
      </c>
      <c r="D58946" s="14" t="s">
        <v>319</v>
      </c>
      <c r="E58946" s="15">
        <v>45557</v>
      </c>
      <c r="F58946" s="14" t="s">
        <v>28</v>
      </c>
      <c r="G58946" s="16">
        <v>2.3945997708400619</v>
      </c>
    </row>
    <row r="58947" spans="1:7" x14ac:dyDescent="0.3">
      <c r="A58947" s="13" t="s">
        <v>318</v>
      </c>
      <c r="B58947" s="14" t="s">
        <v>1</v>
      </c>
      <c r="C58947" s="14" t="s">
        <v>23</v>
      </c>
      <c r="D58947" s="14" t="s">
        <v>319</v>
      </c>
      <c r="E58947" s="15">
        <v>45558</v>
      </c>
      <c r="F58947" s="14" t="s">
        <v>28</v>
      </c>
      <c r="G58947" s="16">
        <v>2.4099594955034114</v>
      </c>
    </row>
    <row r="58948" spans="1:7" x14ac:dyDescent="0.3">
      <c r="A58948" s="13" t="s">
        <v>318</v>
      </c>
      <c r="B58948" s="14" t="s">
        <v>1</v>
      </c>
      <c r="C58948" s="14" t="s">
        <v>23</v>
      </c>
      <c r="D58948" s="14" t="s">
        <v>319</v>
      </c>
      <c r="E58948" s="15">
        <v>45559</v>
      </c>
      <c r="F58948" s="14" t="s">
        <v>28</v>
      </c>
      <c r="G58948" s="16">
        <v>2.4510269296178477</v>
      </c>
    </row>
    <row r="58949" spans="1:7" x14ac:dyDescent="0.3">
      <c r="A58949" s="13" t="s">
        <v>318</v>
      </c>
      <c r="B58949" s="14" t="s">
        <v>1</v>
      </c>
      <c r="C58949" s="14" t="s">
        <v>23</v>
      </c>
      <c r="D58949" s="14" t="s">
        <v>319</v>
      </c>
      <c r="E58949" s="15">
        <v>45560</v>
      </c>
      <c r="F58949" s="14" t="s">
        <v>28</v>
      </c>
      <c r="G58949" s="16">
        <v>2.4769135259970438</v>
      </c>
    </row>
    <row r="58950" spans="1:7" x14ac:dyDescent="0.3">
      <c r="A58950" s="13" t="s">
        <v>318</v>
      </c>
      <c r="B58950" s="14" t="s">
        <v>1</v>
      </c>
      <c r="C58950" s="14" t="s">
        <v>23</v>
      </c>
      <c r="D58950" s="14" t="s">
        <v>319</v>
      </c>
      <c r="E58950" s="15">
        <v>45561</v>
      </c>
      <c r="F58950" s="14" t="s">
        <v>28</v>
      </c>
      <c r="G58950" s="16">
        <v>2.4782068418394259</v>
      </c>
    </row>
    <row r="58951" spans="1:7" x14ac:dyDescent="0.3">
      <c r="A58951" s="13" t="s">
        <v>318</v>
      </c>
      <c r="B58951" s="14" t="s">
        <v>1</v>
      </c>
      <c r="C58951" s="14" t="s">
        <v>23</v>
      </c>
      <c r="D58951" s="14" t="s">
        <v>319</v>
      </c>
      <c r="E58951" s="15">
        <v>45562</v>
      </c>
      <c r="F58951" s="14" t="s">
        <v>28</v>
      </c>
      <c r="G58951" s="16">
        <v>2.4908510166840383</v>
      </c>
    </row>
    <row r="58952" spans="1:7" x14ac:dyDescent="0.3">
      <c r="A58952" s="13" t="s">
        <v>318</v>
      </c>
      <c r="B58952" s="14" t="s">
        <v>1</v>
      </c>
      <c r="C58952" s="14" t="s">
        <v>23</v>
      </c>
      <c r="D58952" s="14" t="s">
        <v>319</v>
      </c>
      <c r="E58952" s="15">
        <v>45563</v>
      </c>
      <c r="F58952" s="14" t="s">
        <v>28</v>
      </c>
      <c r="G58952" s="16">
        <v>2.4908510166840383</v>
      </c>
    </row>
    <row r="58953" spans="1:7" x14ac:dyDescent="0.3">
      <c r="A58953" s="13" t="s">
        <v>318</v>
      </c>
      <c r="B58953" s="14" t="s">
        <v>1</v>
      </c>
      <c r="C58953" s="14" t="s">
        <v>23</v>
      </c>
      <c r="D58953" s="14" t="s">
        <v>319</v>
      </c>
      <c r="E58953" s="15">
        <v>45564</v>
      </c>
      <c r="F58953" s="14" t="s">
        <v>28</v>
      </c>
      <c r="G58953" s="16">
        <v>2.4908510166840383</v>
      </c>
    </row>
    <row r="58954" spans="1:7" x14ac:dyDescent="0.3">
      <c r="A58954" s="13" t="s">
        <v>318</v>
      </c>
      <c r="B58954" s="14" t="s">
        <v>1</v>
      </c>
      <c r="C58954" s="14" t="s">
        <v>23</v>
      </c>
      <c r="D58954" s="14" t="s">
        <v>319</v>
      </c>
      <c r="E58954" s="15">
        <v>45565</v>
      </c>
      <c r="F58954" s="14" t="s">
        <v>28</v>
      </c>
      <c r="G58954" s="16">
        <v>2.5130101378863028</v>
      </c>
    </row>
    <row r="58955" spans="1:7" x14ac:dyDescent="0.3">
      <c r="A58955" s="13" t="s">
        <v>318</v>
      </c>
      <c r="B58955" s="14" t="s">
        <v>1</v>
      </c>
      <c r="C58955" s="14" t="s">
        <v>23</v>
      </c>
      <c r="D58955" s="14" t="s">
        <v>319</v>
      </c>
      <c r="E58955" s="15">
        <v>45566</v>
      </c>
      <c r="F58955" s="14" t="s">
        <v>28</v>
      </c>
      <c r="G58955" s="16">
        <v>2.5618254966295684</v>
      </c>
    </row>
    <row r="58956" spans="1:7" x14ac:dyDescent="0.3">
      <c r="A58956" s="13" t="s">
        <v>318</v>
      </c>
      <c r="B58956" s="14" t="s">
        <v>1</v>
      </c>
      <c r="C58956" s="14" t="s">
        <v>23</v>
      </c>
      <c r="D58956" s="14" t="s">
        <v>319</v>
      </c>
      <c r="E58956" s="15">
        <v>45567</v>
      </c>
      <c r="F58956" s="14" t="s">
        <v>28</v>
      </c>
      <c r="G58956" s="16">
        <v>2.5832459294967749</v>
      </c>
    </row>
    <row r="58957" spans="1:7" x14ac:dyDescent="0.3">
      <c r="A58957" s="13" t="s">
        <v>318</v>
      </c>
      <c r="B58957" s="14" t="s">
        <v>1</v>
      </c>
      <c r="C58957" s="14" t="s">
        <v>23</v>
      </c>
      <c r="D58957" s="14" t="s">
        <v>319</v>
      </c>
      <c r="E58957" s="15">
        <v>45568</v>
      </c>
      <c r="F58957" s="14" t="s">
        <v>28</v>
      </c>
      <c r="G58957" s="16">
        <v>2.5986855690056121</v>
      </c>
    </row>
    <row r="58958" spans="1:7" x14ac:dyDescent="0.3">
      <c r="A58958" s="13" t="s">
        <v>318</v>
      </c>
      <c r="B58958" s="14" t="s">
        <v>1</v>
      </c>
      <c r="C58958" s="14" t="s">
        <v>23</v>
      </c>
      <c r="D58958" s="14" t="s">
        <v>319</v>
      </c>
      <c r="E58958" s="15">
        <v>45569</v>
      </c>
      <c r="F58958" s="14" t="s">
        <v>28</v>
      </c>
      <c r="G58958" s="16">
        <v>2.6289213497107111</v>
      </c>
    </row>
    <row r="58959" spans="1:7" x14ac:dyDescent="0.3">
      <c r="A58959" s="13" t="s">
        <v>318</v>
      </c>
      <c r="B58959" s="14" t="s">
        <v>1</v>
      </c>
      <c r="C58959" s="14" t="s">
        <v>23</v>
      </c>
      <c r="D58959" s="14" t="s">
        <v>319</v>
      </c>
      <c r="E58959" s="15">
        <v>45570</v>
      </c>
      <c r="F58959" s="14" t="s">
        <v>28</v>
      </c>
      <c r="G58959" s="16">
        <v>2.6289213497107111</v>
      </c>
    </row>
    <row r="58960" spans="1:7" x14ac:dyDescent="0.3">
      <c r="A58960" s="13" t="s">
        <v>318</v>
      </c>
      <c r="B58960" s="14" t="s">
        <v>1</v>
      </c>
      <c r="C58960" s="14" t="s">
        <v>23</v>
      </c>
      <c r="D58960" s="14" t="s">
        <v>319</v>
      </c>
      <c r="E58960" s="15">
        <v>45571</v>
      </c>
      <c r="F58960" s="14" t="s">
        <v>28</v>
      </c>
      <c r="G58960" s="16">
        <v>2.6289213497107111</v>
      </c>
    </row>
    <row r="58961" spans="1:7" x14ac:dyDescent="0.3">
      <c r="A58961" s="13" t="s">
        <v>318</v>
      </c>
      <c r="B58961" s="14" t="s">
        <v>1</v>
      </c>
      <c r="C58961" s="14" t="s">
        <v>23</v>
      </c>
      <c r="D58961" s="14" t="s">
        <v>319</v>
      </c>
      <c r="E58961" s="15">
        <v>45572</v>
      </c>
      <c r="F58961" s="14" t="s">
        <v>28</v>
      </c>
      <c r="G58961" s="16">
        <v>2.6655812342437346</v>
      </c>
    </row>
    <row r="58962" spans="1:7" x14ac:dyDescent="0.3">
      <c r="A58962" s="13" t="s">
        <v>318</v>
      </c>
      <c r="B58962" s="14" t="s">
        <v>1</v>
      </c>
      <c r="C58962" s="14" t="s">
        <v>23</v>
      </c>
      <c r="D58962" s="14" t="s">
        <v>319</v>
      </c>
      <c r="E58962" s="15">
        <v>45573</v>
      </c>
      <c r="F58962" s="14" t="s">
        <v>28</v>
      </c>
      <c r="G58962" s="16">
        <v>2.7106504294448053</v>
      </c>
    </row>
    <row r="58963" spans="1:7" x14ac:dyDescent="0.3">
      <c r="A58963" s="13" t="s">
        <v>318</v>
      </c>
      <c r="B58963" s="14" t="s">
        <v>1</v>
      </c>
      <c r="C58963" s="14" t="s">
        <v>23</v>
      </c>
      <c r="D58963" s="14" t="s">
        <v>319</v>
      </c>
      <c r="E58963" s="15">
        <v>45574</v>
      </c>
      <c r="F58963" s="14" t="s">
        <v>28</v>
      </c>
      <c r="G58963" s="16">
        <v>2.7319418592652309</v>
      </c>
    </row>
    <row r="58964" spans="1:7" x14ac:dyDescent="0.3">
      <c r="A58964" s="13" t="s">
        <v>318</v>
      </c>
      <c r="B58964" s="14" t="s">
        <v>1</v>
      </c>
      <c r="C58964" s="14" t="s">
        <v>23</v>
      </c>
      <c r="D58964" s="14" t="s">
        <v>319</v>
      </c>
      <c r="E58964" s="15">
        <v>45575</v>
      </c>
      <c r="F58964" s="14" t="s">
        <v>28</v>
      </c>
      <c r="G58964" s="16">
        <v>2.743220016869206</v>
      </c>
    </row>
    <row r="58965" spans="1:7" x14ac:dyDescent="0.3">
      <c r="A58965" s="13" t="s">
        <v>318</v>
      </c>
      <c r="B58965" s="14" t="s">
        <v>1</v>
      </c>
      <c r="C58965" s="14" t="s">
        <v>23</v>
      </c>
      <c r="D58965" s="14" t="s">
        <v>319</v>
      </c>
      <c r="E58965" s="15">
        <v>45576</v>
      </c>
      <c r="F58965" s="14" t="s">
        <v>28</v>
      </c>
      <c r="G58965" s="16">
        <v>2.7561549085056303</v>
      </c>
    </row>
    <row r="58966" spans="1:7" x14ac:dyDescent="0.3">
      <c r="A58966" s="13" t="s">
        <v>318</v>
      </c>
      <c r="B58966" s="14" t="s">
        <v>1</v>
      </c>
      <c r="C58966" s="14" t="s">
        <v>23</v>
      </c>
      <c r="D58966" s="14" t="s">
        <v>319</v>
      </c>
      <c r="E58966" s="15">
        <v>45577</v>
      </c>
      <c r="F58966" s="14" t="s">
        <v>28</v>
      </c>
      <c r="G58966" s="16">
        <v>2.7561549085056303</v>
      </c>
    </row>
    <row r="58967" spans="1:7" x14ac:dyDescent="0.3">
      <c r="A58967" s="13" t="s">
        <v>318</v>
      </c>
      <c r="B58967" s="14" t="s">
        <v>1</v>
      </c>
      <c r="C58967" s="14" t="s">
        <v>23</v>
      </c>
      <c r="D58967" s="14" t="s">
        <v>319</v>
      </c>
      <c r="E58967" s="15">
        <v>45578</v>
      </c>
      <c r="F58967" s="14" t="s">
        <v>28</v>
      </c>
      <c r="G58967" s="16">
        <v>2.7561549085056303</v>
      </c>
    </row>
    <row r="58968" spans="1:7" x14ac:dyDescent="0.3">
      <c r="A58968" s="13" t="s">
        <v>318</v>
      </c>
      <c r="B58968" s="14" t="s">
        <v>1</v>
      </c>
      <c r="C58968" s="14" t="s">
        <v>23</v>
      </c>
      <c r="D58968" s="14" t="s">
        <v>319</v>
      </c>
      <c r="E58968" s="15">
        <v>45579</v>
      </c>
      <c r="F58968" s="14" t="s">
        <v>28</v>
      </c>
      <c r="G58968" s="16">
        <v>2.7561549085056303</v>
      </c>
    </row>
    <row r="58969" spans="1:7" x14ac:dyDescent="0.3">
      <c r="A58969" s="13" t="s">
        <v>318</v>
      </c>
      <c r="B58969" s="14" t="s">
        <v>1</v>
      </c>
      <c r="C58969" s="14" t="s">
        <v>23</v>
      </c>
      <c r="D58969" s="14" t="s">
        <v>319</v>
      </c>
      <c r="E58969" s="15">
        <v>45580</v>
      </c>
      <c r="F58969" s="14" t="s">
        <v>28</v>
      </c>
      <c r="G58969" s="16">
        <v>2.779478809420477</v>
      </c>
    </row>
    <row r="58970" spans="1:7" x14ac:dyDescent="0.3">
      <c r="A58970" s="13" t="s">
        <v>318</v>
      </c>
      <c r="B58970" s="14" t="s">
        <v>1</v>
      </c>
      <c r="C58970" s="14" t="s">
        <v>23</v>
      </c>
      <c r="D58970" s="14" t="s">
        <v>319</v>
      </c>
      <c r="E58970" s="15">
        <v>45581</v>
      </c>
      <c r="F58970" s="14" t="s">
        <v>28</v>
      </c>
      <c r="G58970" s="16">
        <v>2.8462310514539144</v>
      </c>
    </row>
    <row r="58971" spans="1:7" x14ac:dyDescent="0.3">
      <c r="A58971" s="13" t="s">
        <v>318</v>
      </c>
      <c r="B58971" s="14" t="s">
        <v>1</v>
      </c>
      <c r="C58971" s="14" t="s">
        <v>23</v>
      </c>
      <c r="D58971" s="14" t="s">
        <v>319</v>
      </c>
      <c r="E58971" s="15">
        <v>45582</v>
      </c>
      <c r="F58971" s="14" t="s">
        <v>28</v>
      </c>
      <c r="G58971" s="16">
        <v>2.8622544888179364</v>
      </c>
    </row>
    <row r="58972" spans="1:7" x14ac:dyDescent="0.3">
      <c r="A58972" s="13" t="s">
        <v>318</v>
      </c>
      <c r="B58972" s="14" t="s">
        <v>1</v>
      </c>
      <c r="C58972" s="14" t="s">
        <v>23</v>
      </c>
      <c r="D58972" s="14" t="s">
        <v>319</v>
      </c>
      <c r="E58972" s="15">
        <v>45583</v>
      </c>
      <c r="F58972" s="14" t="s">
        <v>28</v>
      </c>
      <c r="G58972" s="16">
        <v>2.8686596610775381</v>
      </c>
    </row>
    <row r="58973" spans="1:7" x14ac:dyDescent="0.3">
      <c r="A58973" s="13" t="s">
        <v>318</v>
      </c>
      <c r="B58973" s="14" t="s">
        <v>1</v>
      </c>
      <c r="C58973" s="14" t="s">
        <v>23</v>
      </c>
      <c r="D58973" s="14" t="s">
        <v>319</v>
      </c>
      <c r="E58973" s="15">
        <v>45584</v>
      </c>
      <c r="F58973" s="14" t="s">
        <v>28</v>
      </c>
      <c r="G58973" s="16">
        <v>2.8686596610775381</v>
      </c>
    </row>
    <row r="58974" spans="1:7" x14ac:dyDescent="0.3">
      <c r="A58974" s="13" t="s">
        <v>318</v>
      </c>
      <c r="B58974" s="14" t="s">
        <v>1</v>
      </c>
      <c r="C58974" s="14" t="s">
        <v>23</v>
      </c>
      <c r="D58974" s="14" t="s">
        <v>319</v>
      </c>
      <c r="E58974" s="15">
        <v>45585</v>
      </c>
      <c r="F58974" s="14" t="s">
        <v>28</v>
      </c>
      <c r="G58974" s="16">
        <v>2.8686596610775381</v>
      </c>
    </row>
    <row r="58975" spans="1:7" x14ac:dyDescent="0.3">
      <c r="A58975" s="13" t="s">
        <v>318</v>
      </c>
      <c r="B58975" s="14" t="s">
        <v>1</v>
      </c>
      <c r="C58975" s="14" t="s">
        <v>23</v>
      </c>
      <c r="D58975" s="14" t="s">
        <v>319</v>
      </c>
      <c r="E58975" s="15">
        <v>45586</v>
      </c>
      <c r="F58975" s="14" t="s">
        <v>28</v>
      </c>
      <c r="G58975" s="16">
        <v>2.8950120046904622</v>
      </c>
    </row>
    <row r="58976" spans="1:7" x14ac:dyDescent="0.3">
      <c r="A58976" s="13" t="s">
        <v>318</v>
      </c>
      <c r="B58976" s="14" t="s">
        <v>1</v>
      </c>
      <c r="C58976" s="14" t="s">
        <v>23</v>
      </c>
      <c r="D58976" s="14" t="s">
        <v>319</v>
      </c>
      <c r="E58976" s="15">
        <v>45587</v>
      </c>
      <c r="F58976" s="14" t="s">
        <v>28</v>
      </c>
      <c r="G58976" s="16">
        <v>2.9382767983767724</v>
      </c>
    </row>
    <row r="58977" spans="1:7" x14ac:dyDescent="0.3">
      <c r="A58977" s="13" t="s">
        <v>318</v>
      </c>
      <c r="B58977" s="14" t="s">
        <v>1</v>
      </c>
      <c r="C58977" s="14" t="s">
        <v>23</v>
      </c>
      <c r="D58977" s="14" t="s">
        <v>319</v>
      </c>
      <c r="E58977" s="15">
        <v>45588</v>
      </c>
      <c r="F58977" s="14" t="s">
        <v>28</v>
      </c>
      <c r="G58977" s="16">
        <v>2.9676151313518542</v>
      </c>
    </row>
    <row r="58978" spans="1:7" x14ac:dyDescent="0.3">
      <c r="A58978" s="13" t="s">
        <v>318</v>
      </c>
      <c r="B58978" s="14" t="s">
        <v>1</v>
      </c>
      <c r="C58978" s="14" t="s">
        <v>23</v>
      </c>
      <c r="D58978" s="14" t="s">
        <v>319</v>
      </c>
      <c r="E58978" s="15">
        <v>45589</v>
      </c>
      <c r="F58978" s="14" t="s">
        <v>28</v>
      </c>
      <c r="G58978" s="16">
        <v>2.9709453218446735</v>
      </c>
    </row>
    <row r="58979" spans="1:7" x14ac:dyDescent="0.3">
      <c r="A58979" s="13" t="s">
        <v>318</v>
      </c>
      <c r="B58979" s="14" t="s">
        <v>1</v>
      </c>
      <c r="C58979" s="14" t="s">
        <v>23</v>
      </c>
      <c r="D58979" s="14" t="s">
        <v>319</v>
      </c>
      <c r="E58979" s="15">
        <v>45590</v>
      </c>
      <c r="F58979" s="14" t="s">
        <v>28</v>
      </c>
      <c r="G58979" s="16">
        <v>2.9927437257847251</v>
      </c>
    </row>
    <row r="58980" spans="1:7" x14ac:dyDescent="0.3">
      <c r="A58980" s="13" t="s">
        <v>318</v>
      </c>
      <c r="B58980" s="14" t="s">
        <v>1</v>
      </c>
      <c r="C58980" s="14" t="s">
        <v>23</v>
      </c>
      <c r="D58980" s="14" t="s">
        <v>319</v>
      </c>
      <c r="E58980" s="15">
        <v>45591</v>
      </c>
      <c r="F58980" s="14" t="s">
        <v>28</v>
      </c>
      <c r="G58980" s="16">
        <v>2.9927437257847251</v>
      </c>
    </row>
    <row r="58981" spans="1:7" x14ac:dyDescent="0.3">
      <c r="A58981" s="13" t="s">
        <v>318</v>
      </c>
      <c r="B58981" s="14" t="s">
        <v>1</v>
      </c>
      <c r="C58981" s="14" t="s">
        <v>23</v>
      </c>
      <c r="D58981" s="14" t="s">
        <v>319</v>
      </c>
      <c r="E58981" s="15">
        <v>45592</v>
      </c>
      <c r="F58981" s="14" t="s">
        <v>28</v>
      </c>
      <c r="G58981" s="16">
        <v>2.9927437257847251</v>
      </c>
    </row>
    <row r="58982" spans="1:7" x14ac:dyDescent="0.3">
      <c r="A58982" s="13" t="s">
        <v>318</v>
      </c>
      <c r="B58982" s="14" t="s">
        <v>1</v>
      </c>
      <c r="C58982" s="14" t="s">
        <v>23</v>
      </c>
      <c r="D58982" s="14" t="s">
        <v>319</v>
      </c>
      <c r="E58982" s="15">
        <v>45593</v>
      </c>
      <c r="F58982" s="14" t="s">
        <v>28</v>
      </c>
      <c r="G58982" s="16">
        <v>2.9927437257847251</v>
      </c>
    </row>
    <row r="58983" spans="1:7" x14ac:dyDescent="0.3">
      <c r="A58983" s="13" t="s">
        <v>318</v>
      </c>
      <c r="B58983" s="14" t="s">
        <v>1</v>
      </c>
      <c r="C58983" s="14" t="s">
        <v>23</v>
      </c>
      <c r="D58983" s="14" t="s">
        <v>319</v>
      </c>
      <c r="E58983" s="15">
        <v>45594</v>
      </c>
      <c r="F58983" s="14" t="s">
        <v>28</v>
      </c>
      <c r="G58983" s="16">
        <v>3.0163494992569726</v>
      </c>
    </row>
    <row r="58984" spans="1:7" x14ac:dyDescent="0.3">
      <c r="A58984" s="13" t="s">
        <v>318</v>
      </c>
      <c r="B58984" s="14" t="s">
        <v>1</v>
      </c>
      <c r="C58984" s="14" t="s">
        <v>23</v>
      </c>
      <c r="D58984" s="14" t="s">
        <v>319</v>
      </c>
      <c r="E58984" s="15">
        <v>45595</v>
      </c>
      <c r="F58984" s="14" t="s">
        <v>28</v>
      </c>
      <c r="G58984" s="16">
        <v>3.0669633274159276</v>
      </c>
    </row>
    <row r="58985" spans="1:7" x14ac:dyDescent="0.3">
      <c r="A58985" s="13" t="s">
        <v>318</v>
      </c>
      <c r="B58985" s="14" t="s">
        <v>1</v>
      </c>
      <c r="C58985" s="14" t="s">
        <v>23</v>
      </c>
      <c r="D58985" s="14" t="s">
        <v>319</v>
      </c>
      <c r="E58985" s="15">
        <v>45596</v>
      </c>
      <c r="F58985" s="14" t="s">
        <v>28</v>
      </c>
      <c r="G58985" s="16">
        <v>3.063856699200814</v>
      </c>
    </row>
    <row r="58986" spans="1:7" x14ac:dyDescent="0.3">
      <c r="A58986" s="13" t="s">
        <v>318</v>
      </c>
      <c r="B58986" s="14" t="s">
        <v>1</v>
      </c>
      <c r="C58986" s="14" t="s">
        <v>23</v>
      </c>
      <c r="D58986" s="14" t="s">
        <v>319</v>
      </c>
      <c r="E58986" s="15">
        <v>45597</v>
      </c>
      <c r="F58986" s="14" t="s">
        <v>28</v>
      </c>
      <c r="G58986" s="16">
        <v>3.092189689016049</v>
      </c>
    </row>
    <row r="58987" spans="1:7" x14ac:dyDescent="0.3">
      <c r="A58987" s="13" t="s">
        <v>318</v>
      </c>
      <c r="B58987" s="14" t="s">
        <v>1</v>
      </c>
      <c r="C58987" s="14" t="s">
        <v>23</v>
      </c>
      <c r="D58987" s="14" t="s">
        <v>319</v>
      </c>
      <c r="E58987" s="15">
        <v>45598</v>
      </c>
      <c r="F58987" s="14" t="s">
        <v>28</v>
      </c>
      <c r="G58987" s="16">
        <v>3.092189689016049</v>
      </c>
    </row>
    <row r="58988" spans="1:7" x14ac:dyDescent="0.3">
      <c r="A58988" s="13" t="s">
        <v>318</v>
      </c>
      <c r="B58988" s="14" t="s">
        <v>1</v>
      </c>
      <c r="C58988" s="14" t="s">
        <v>23</v>
      </c>
      <c r="D58988" s="14" t="s">
        <v>319</v>
      </c>
      <c r="E58988" s="15">
        <v>45599</v>
      </c>
      <c r="F58988" s="14" t="s">
        <v>28</v>
      </c>
      <c r="G58988" s="16">
        <v>3.092189689016049</v>
      </c>
    </row>
    <row r="58989" spans="1:7" x14ac:dyDescent="0.3">
      <c r="A58989" s="13" t="s">
        <v>318</v>
      </c>
      <c r="B58989" s="14" t="s">
        <v>1</v>
      </c>
      <c r="C58989" s="14" t="s">
        <v>23</v>
      </c>
      <c r="D58989" s="14" t="s">
        <v>319</v>
      </c>
      <c r="E58989" s="15">
        <v>45600</v>
      </c>
      <c r="F58989" s="14" t="s">
        <v>28</v>
      </c>
      <c r="G58989" s="16">
        <v>3.0837578754134127</v>
      </c>
    </row>
    <row r="58990" spans="1:7" x14ac:dyDescent="0.3">
      <c r="A58990" s="13" t="s">
        <v>318</v>
      </c>
      <c r="B58990" s="14" t="s">
        <v>1</v>
      </c>
      <c r="C58990" s="14" t="s">
        <v>23</v>
      </c>
      <c r="D58990" s="14" t="s">
        <v>319</v>
      </c>
      <c r="E58990" s="15">
        <v>45601</v>
      </c>
      <c r="F58990" s="14" t="s">
        <v>28</v>
      </c>
      <c r="G58990" s="16">
        <v>3.1129016968271763</v>
      </c>
    </row>
    <row r="58991" spans="1:7" x14ac:dyDescent="0.3">
      <c r="A58991" s="13" t="s">
        <v>318</v>
      </c>
      <c r="B58991" s="14" t="s">
        <v>1</v>
      </c>
      <c r="C58991" s="14" t="s">
        <v>23</v>
      </c>
      <c r="D58991" s="14" t="s">
        <v>319</v>
      </c>
      <c r="E58991" s="15">
        <v>45602</v>
      </c>
      <c r="F58991" s="14" t="s">
        <v>28</v>
      </c>
      <c r="G58991" s="16">
        <v>3.1749272469781071</v>
      </c>
    </row>
    <row r="58992" spans="1:7" x14ac:dyDescent="0.3">
      <c r="A58992" s="13" t="s">
        <v>318</v>
      </c>
      <c r="B58992" s="14" t="s">
        <v>1</v>
      </c>
      <c r="C58992" s="14" t="s">
        <v>23</v>
      </c>
      <c r="D58992" s="14" t="s">
        <v>319</v>
      </c>
      <c r="E58992" s="15">
        <v>45603</v>
      </c>
      <c r="F58992" s="14" t="s">
        <v>28</v>
      </c>
      <c r="G58992" s="16">
        <v>3.1614134438061918</v>
      </c>
    </row>
    <row r="58993" spans="1:7" x14ac:dyDescent="0.3">
      <c r="A58993" s="13" t="s">
        <v>318</v>
      </c>
      <c r="B58993" s="14" t="s">
        <v>1</v>
      </c>
      <c r="C58993" s="14" t="s">
        <v>23</v>
      </c>
      <c r="D58993" s="14" t="s">
        <v>319</v>
      </c>
      <c r="E58993" s="15">
        <v>45604</v>
      </c>
      <c r="F58993" s="14" t="s">
        <v>28</v>
      </c>
      <c r="G58993" s="16">
        <v>3.1912679427617685</v>
      </c>
    </row>
    <row r="58994" spans="1:7" x14ac:dyDescent="0.3">
      <c r="A58994" s="13" t="s">
        <v>318</v>
      </c>
      <c r="B58994" s="14" t="s">
        <v>1</v>
      </c>
      <c r="C58994" s="14" t="s">
        <v>23</v>
      </c>
      <c r="D58994" s="14" t="s">
        <v>319</v>
      </c>
      <c r="E58994" s="15">
        <v>45605</v>
      </c>
      <c r="F58994" s="14" t="s">
        <v>28</v>
      </c>
      <c r="G58994" s="16">
        <v>3.1912679427617685</v>
      </c>
    </row>
    <row r="58995" spans="1:7" x14ac:dyDescent="0.3">
      <c r="A58995" s="13" t="s">
        <v>318</v>
      </c>
      <c r="B58995" s="14" t="s">
        <v>1</v>
      </c>
      <c r="C58995" s="14" t="s">
        <v>23</v>
      </c>
      <c r="D58995" s="14" t="s">
        <v>319</v>
      </c>
      <c r="E58995" s="15">
        <v>45606</v>
      </c>
      <c r="F58995" s="14" t="s">
        <v>28</v>
      </c>
      <c r="G58995" s="16">
        <v>3.1912679427617685</v>
      </c>
    </row>
    <row r="58996" spans="1:7" x14ac:dyDescent="0.3">
      <c r="A58996" s="13" t="s">
        <v>318</v>
      </c>
      <c r="B58996" s="14" t="s">
        <v>1</v>
      </c>
      <c r="C58996" s="14" t="s">
        <v>23</v>
      </c>
      <c r="D58996" s="14" t="s">
        <v>319</v>
      </c>
      <c r="E58996" s="15">
        <v>45607</v>
      </c>
      <c r="F58996" s="14" t="s">
        <v>28</v>
      </c>
      <c r="G58996" s="16">
        <v>3.1912679427617685</v>
      </c>
    </row>
    <row r="58997" spans="1:7" x14ac:dyDescent="0.3">
      <c r="A58997" s="13" t="s">
        <v>318</v>
      </c>
      <c r="B58997" s="14" t="s">
        <v>1</v>
      </c>
      <c r="C58997" s="14" t="s">
        <v>23</v>
      </c>
      <c r="D58997" s="14" t="s">
        <v>319</v>
      </c>
      <c r="E58997" s="15">
        <v>45608</v>
      </c>
      <c r="F58997" s="14" t="s">
        <v>28</v>
      </c>
      <c r="G58997" s="16">
        <v>3.235406297767724</v>
      </c>
    </row>
    <row r="58998" spans="1:7" x14ac:dyDescent="0.3">
      <c r="A58998" s="13" t="s">
        <v>318</v>
      </c>
      <c r="B58998" s="14" t="s">
        <v>1</v>
      </c>
      <c r="C58998" s="14" t="s">
        <v>23</v>
      </c>
      <c r="D58998" s="14" t="s">
        <v>319</v>
      </c>
      <c r="E58998" s="15">
        <v>45609</v>
      </c>
      <c r="F58998" s="14" t="s">
        <v>28</v>
      </c>
      <c r="G58998" s="16">
        <v>3.3155504667474718</v>
      </c>
    </row>
    <row r="58999" spans="1:7" x14ac:dyDescent="0.3">
      <c r="A58999" s="13" t="s">
        <v>318</v>
      </c>
      <c r="B58999" s="14" t="s">
        <v>1</v>
      </c>
      <c r="C58999" s="14" t="s">
        <v>23</v>
      </c>
      <c r="D58999" s="14" t="s">
        <v>319</v>
      </c>
      <c r="E58999" s="15">
        <v>45610</v>
      </c>
      <c r="F58999" s="14" t="s">
        <v>28</v>
      </c>
      <c r="G58999" s="16">
        <v>3.3378163148572106</v>
      </c>
    </row>
    <row r="59000" spans="1:7" x14ac:dyDescent="0.3">
      <c r="A59000" s="13" t="s">
        <v>318</v>
      </c>
      <c r="B59000" s="14" t="s">
        <v>1</v>
      </c>
      <c r="C59000" s="14" t="s">
        <v>23</v>
      </c>
      <c r="D59000" s="14" t="s">
        <v>319</v>
      </c>
      <c r="E59000" s="15">
        <v>45611</v>
      </c>
      <c r="F59000" s="14" t="s">
        <v>28</v>
      </c>
      <c r="G59000" s="16">
        <v>3.3447028845878966</v>
      </c>
    </row>
    <row r="59001" spans="1:7" x14ac:dyDescent="0.3">
      <c r="A59001" s="13" t="s">
        <v>318</v>
      </c>
      <c r="B59001" s="14" t="s">
        <v>1</v>
      </c>
      <c r="C59001" s="14" t="s">
        <v>23</v>
      </c>
      <c r="D59001" s="14" t="s">
        <v>319</v>
      </c>
      <c r="E59001" s="15">
        <v>45612</v>
      </c>
      <c r="F59001" s="14" t="s">
        <v>28</v>
      </c>
      <c r="G59001" s="16">
        <v>3.3447028845878966</v>
      </c>
    </row>
    <row r="59002" spans="1:7" x14ac:dyDescent="0.3">
      <c r="A59002" s="13" t="s">
        <v>318</v>
      </c>
      <c r="B59002" s="14" t="s">
        <v>1</v>
      </c>
      <c r="C59002" s="14" t="s">
        <v>23</v>
      </c>
      <c r="D59002" s="14" t="s">
        <v>319</v>
      </c>
      <c r="E59002" s="15">
        <v>45613</v>
      </c>
      <c r="F59002" s="14" t="s">
        <v>28</v>
      </c>
      <c r="G59002" s="16">
        <v>3.3447028845878966</v>
      </c>
    </row>
    <row r="59003" spans="1:7" x14ac:dyDescent="0.3">
      <c r="A59003" s="13" t="s">
        <v>318</v>
      </c>
      <c r="B59003" s="14" t="s">
        <v>1</v>
      </c>
      <c r="C59003" s="14" t="s">
        <v>23</v>
      </c>
      <c r="D59003" s="14" t="s">
        <v>319</v>
      </c>
      <c r="E59003" s="15">
        <v>45614</v>
      </c>
      <c r="F59003" s="14" t="s">
        <v>28</v>
      </c>
      <c r="G59003" s="16">
        <v>3.3492667659619491</v>
      </c>
    </row>
    <row r="59004" spans="1:7" x14ac:dyDescent="0.3">
      <c r="A59004" s="13" t="s">
        <v>318</v>
      </c>
      <c r="B59004" s="14" t="s">
        <v>1</v>
      </c>
      <c r="C59004" s="14" t="s">
        <v>23</v>
      </c>
      <c r="D59004" s="14" t="s">
        <v>319</v>
      </c>
      <c r="E59004" s="15">
        <v>45615</v>
      </c>
      <c r="F59004" s="14" t="s">
        <v>28</v>
      </c>
      <c r="G59004" s="16">
        <v>3.3877746682448451</v>
      </c>
    </row>
    <row r="59005" spans="1:7" x14ac:dyDescent="0.3">
      <c r="A59005" s="13" t="s">
        <v>318</v>
      </c>
      <c r="B59005" s="14" t="s">
        <v>1</v>
      </c>
      <c r="C59005" s="14" t="s">
        <v>23</v>
      </c>
      <c r="D59005" s="14" t="s">
        <v>319</v>
      </c>
      <c r="E59005" s="15">
        <v>45616</v>
      </c>
      <c r="F59005" s="14" t="s">
        <v>28</v>
      </c>
      <c r="G59005" s="16">
        <v>3.4157698174464097</v>
      </c>
    </row>
    <row r="59006" spans="1:7" x14ac:dyDescent="0.3">
      <c r="A59006" s="13" t="s">
        <v>318</v>
      </c>
      <c r="B59006" s="14" t="s">
        <v>1</v>
      </c>
      <c r="C59006" s="14" t="s">
        <v>23</v>
      </c>
      <c r="D59006" s="14" t="s">
        <v>319</v>
      </c>
      <c r="E59006" s="15">
        <v>45617</v>
      </c>
      <c r="F59006" s="14" t="s">
        <v>28</v>
      </c>
      <c r="G59006" s="16">
        <v>3.440302263048808</v>
      </c>
    </row>
    <row r="59007" spans="1:7" x14ac:dyDescent="0.3">
      <c r="A59007" s="13" t="s">
        <v>318</v>
      </c>
      <c r="B59007" s="14" t="s">
        <v>1</v>
      </c>
      <c r="C59007" s="14" t="s">
        <v>23</v>
      </c>
      <c r="D59007" s="14" t="s">
        <v>319</v>
      </c>
      <c r="E59007" s="15">
        <v>45618</v>
      </c>
      <c r="F59007" s="14" t="s">
        <v>28</v>
      </c>
      <c r="G59007" s="16">
        <v>3.4549095937970886</v>
      </c>
    </row>
    <row r="59008" spans="1:7" x14ac:dyDescent="0.3">
      <c r="A59008" s="13" t="s">
        <v>318</v>
      </c>
      <c r="B59008" s="14" t="s">
        <v>1</v>
      </c>
      <c r="C59008" s="14" t="s">
        <v>23</v>
      </c>
      <c r="D59008" s="14" t="s">
        <v>319</v>
      </c>
      <c r="E59008" s="15">
        <v>45619</v>
      </c>
      <c r="F59008" s="14" t="s">
        <v>28</v>
      </c>
      <c r="G59008" s="16">
        <v>3.4549095937970886</v>
      </c>
    </row>
    <row r="59009" spans="1:7" x14ac:dyDescent="0.3">
      <c r="A59009" s="13" t="s">
        <v>318</v>
      </c>
      <c r="B59009" s="14" t="s">
        <v>1</v>
      </c>
      <c r="C59009" s="14" t="s">
        <v>23</v>
      </c>
      <c r="D59009" s="14" t="s">
        <v>319</v>
      </c>
      <c r="E59009" s="15">
        <v>45620</v>
      </c>
      <c r="F59009" s="14" t="s">
        <v>28</v>
      </c>
      <c r="G59009" s="16">
        <v>3.4549095937970886</v>
      </c>
    </row>
    <row r="59010" spans="1:7" x14ac:dyDescent="0.3">
      <c r="A59010" s="13" t="s">
        <v>318</v>
      </c>
      <c r="B59010" s="14" t="s">
        <v>1</v>
      </c>
      <c r="C59010" s="14" t="s">
        <v>23</v>
      </c>
      <c r="D59010" s="14" t="s">
        <v>319</v>
      </c>
      <c r="E59010" s="15">
        <v>45621</v>
      </c>
      <c r="F59010" s="14" t="s">
        <v>28</v>
      </c>
      <c r="G59010" s="16">
        <v>3.4682259879796886</v>
      </c>
    </row>
    <row r="59011" spans="1:7" x14ac:dyDescent="0.3">
      <c r="A59011" s="13" t="s">
        <v>318</v>
      </c>
      <c r="B59011" s="14" t="s">
        <v>1</v>
      </c>
      <c r="C59011" s="14" t="s">
        <v>23</v>
      </c>
      <c r="D59011" s="14" t="s">
        <v>319</v>
      </c>
      <c r="E59011" s="15">
        <v>45622</v>
      </c>
      <c r="F59011" s="14" t="s">
        <v>28</v>
      </c>
      <c r="G59011" s="16">
        <v>3.5123418796765242</v>
      </c>
    </row>
    <row r="59012" spans="1:7" x14ac:dyDescent="0.3">
      <c r="A59012" s="13" t="s">
        <v>318</v>
      </c>
      <c r="B59012" s="14" t="s">
        <v>1</v>
      </c>
      <c r="C59012" s="14" t="s">
        <v>23</v>
      </c>
      <c r="D59012" s="14" t="s">
        <v>319</v>
      </c>
      <c r="E59012" s="15">
        <v>45623</v>
      </c>
      <c r="F59012" s="14" t="s">
        <v>28</v>
      </c>
      <c r="G59012" s="16">
        <v>3.5093647701046184</v>
      </c>
    </row>
    <row r="59013" spans="1:7" x14ac:dyDescent="0.3">
      <c r="A59013" s="13" t="s">
        <v>318</v>
      </c>
      <c r="B59013" s="14" t="s">
        <v>1</v>
      </c>
      <c r="C59013" s="14" t="s">
        <v>23</v>
      </c>
      <c r="D59013" s="14" t="s">
        <v>319</v>
      </c>
      <c r="E59013" s="15">
        <v>45624</v>
      </c>
      <c r="F59013" s="14" t="s">
        <v>28</v>
      </c>
      <c r="G59013" s="16">
        <v>3.5093647701046184</v>
      </c>
    </row>
    <row r="59014" spans="1:7" x14ac:dyDescent="0.3">
      <c r="A59014" s="13" t="s">
        <v>318</v>
      </c>
      <c r="B59014" s="14" t="s">
        <v>1</v>
      </c>
      <c r="C59014" s="14" t="s">
        <v>23</v>
      </c>
      <c r="D59014" s="14" t="s">
        <v>319</v>
      </c>
      <c r="E59014" s="15">
        <v>45625</v>
      </c>
      <c r="F59014" s="14" t="s">
        <v>28</v>
      </c>
      <c r="G59014" s="16">
        <v>3.5228944266901223</v>
      </c>
    </row>
    <row r="59015" spans="1:7" x14ac:dyDescent="0.3">
      <c r="A59015" s="13" t="s">
        <v>318</v>
      </c>
      <c r="B59015" s="14" t="s">
        <v>1</v>
      </c>
      <c r="C59015" s="14" t="s">
        <v>23</v>
      </c>
      <c r="D59015" s="14" t="s">
        <v>319</v>
      </c>
      <c r="E59015" s="15">
        <v>45626</v>
      </c>
      <c r="F59015" s="14" t="s">
        <v>28</v>
      </c>
      <c r="G59015" s="16">
        <v>3.5228944266901223</v>
      </c>
    </row>
    <row r="59016" spans="1:7" x14ac:dyDescent="0.3">
      <c r="A59016" s="13" t="s">
        <v>318</v>
      </c>
      <c r="B59016" s="14" t="s">
        <v>1</v>
      </c>
      <c r="C59016" s="14" t="s">
        <v>23</v>
      </c>
      <c r="D59016" s="14" t="s">
        <v>319</v>
      </c>
      <c r="E59016" s="15">
        <v>45627</v>
      </c>
      <c r="F59016" s="14" t="s">
        <v>28</v>
      </c>
      <c r="G59016" s="16">
        <v>3.5228944266901223</v>
      </c>
    </row>
    <row r="59017" spans="1:7" x14ac:dyDescent="0.3">
      <c r="A59017" s="13" t="s">
        <v>318</v>
      </c>
      <c r="B59017" s="14" t="s">
        <v>1</v>
      </c>
      <c r="C59017" s="14" t="s">
        <v>23</v>
      </c>
      <c r="D59017" s="14" t="s">
        <v>319</v>
      </c>
      <c r="E59017" s="15">
        <v>45628</v>
      </c>
      <c r="F59017" s="14" t="s">
        <v>28</v>
      </c>
      <c r="G59017" s="16">
        <v>3.5659161586553636</v>
      </c>
    </row>
    <row r="59018" spans="1:7" x14ac:dyDescent="0.3">
      <c r="A59018" s="13" t="s">
        <v>318</v>
      </c>
      <c r="B59018" s="14" t="s">
        <v>1</v>
      </c>
      <c r="C59018" s="14" t="s">
        <v>23</v>
      </c>
      <c r="D59018" s="14" t="s">
        <v>319</v>
      </c>
      <c r="E59018" s="15">
        <v>45629</v>
      </c>
      <c r="F59018" s="14" t="s">
        <v>28</v>
      </c>
      <c r="G59018" s="16">
        <v>3.5976923477930787</v>
      </c>
    </row>
    <row r="59019" spans="1:7" x14ac:dyDescent="0.3">
      <c r="A59019" s="13" t="s">
        <v>318</v>
      </c>
      <c r="B59019" s="14" t="s">
        <v>1</v>
      </c>
      <c r="C59019" s="14" t="s">
        <v>23</v>
      </c>
      <c r="D59019" s="14" t="s">
        <v>319</v>
      </c>
      <c r="E59019" s="15">
        <v>45630</v>
      </c>
      <c r="F59019" s="14" t="s">
        <v>28</v>
      </c>
      <c r="G59019" s="16">
        <v>3.607700590698276</v>
      </c>
    </row>
    <row r="59020" spans="1:7" x14ac:dyDescent="0.3">
      <c r="A59020" s="13" t="s">
        <v>318</v>
      </c>
      <c r="B59020" s="14" t="s">
        <v>1</v>
      </c>
      <c r="C59020" s="14" t="s">
        <v>23</v>
      </c>
      <c r="D59020" s="14" t="s">
        <v>319</v>
      </c>
      <c r="E59020" s="15">
        <v>45631</v>
      </c>
      <c r="F59020" s="14" t="s">
        <v>28</v>
      </c>
      <c r="G59020" s="16">
        <v>3.6090582557854356</v>
      </c>
    </row>
    <row r="59021" spans="1:7" x14ac:dyDescent="0.3">
      <c r="A59021" s="13" t="s">
        <v>318</v>
      </c>
      <c r="B59021" s="14" t="s">
        <v>1</v>
      </c>
      <c r="C59021" s="14" t="s">
        <v>23</v>
      </c>
      <c r="D59021" s="14" t="s">
        <v>319</v>
      </c>
      <c r="E59021" s="15">
        <v>45632</v>
      </c>
      <c r="F59021" s="14" t="s">
        <v>28</v>
      </c>
      <c r="G59021" s="16">
        <v>3.631147734350034</v>
      </c>
    </row>
    <row r="59022" spans="1:7" x14ac:dyDescent="0.3">
      <c r="A59022" s="13" t="s">
        <v>318</v>
      </c>
      <c r="B59022" s="14" t="s">
        <v>1</v>
      </c>
      <c r="C59022" s="14" t="s">
        <v>23</v>
      </c>
      <c r="D59022" s="14" t="s">
        <v>319</v>
      </c>
      <c r="E59022" s="15">
        <v>45633</v>
      </c>
      <c r="F59022" s="14" t="s">
        <v>28</v>
      </c>
      <c r="G59022" s="16">
        <v>3.631147734350034</v>
      </c>
    </row>
    <row r="59023" spans="1:7" x14ac:dyDescent="0.3">
      <c r="A59023" s="13" t="s">
        <v>318</v>
      </c>
      <c r="B59023" s="14" t="s">
        <v>1</v>
      </c>
      <c r="C59023" s="14" t="s">
        <v>23</v>
      </c>
      <c r="D59023" s="14" t="s">
        <v>319</v>
      </c>
      <c r="E59023" s="15">
        <v>45634</v>
      </c>
      <c r="F59023" s="14" t="s">
        <v>28</v>
      </c>
      <c r="G59023" s="16">
        <v>3.631147734350034</v>
      </c>
    </row>
    <row r="59024" spans="1:7" x14ac:dyDescent="0.3">
      <c r="A59024" s="13" t="s">
        <v>318</v>
      </c>
      <c r="B59024" s="14" t="s">
        <v>1</v>
      </c>
      <c r="C59024" s="14" t="s">
        <v>23</v>
      </c>
      <c r="D59024" s="14" t="s">
        <v>319</v>
      </c>
      <c r="E59024" s="15">
        <v>45635</v>
      </c>
      <c r="F59024" s="14" t="s">
        <v>28</v>
      </c>
      <c r="G59024" s="16">
        <v>3.6496711071922263</v>
      </c>
    </row>
    <row r="59025" spans="1:7" x14ac:dyDescent="0.3">
      <c r="A59025" s="13" t="s">
        <v>318</v>
      </c>
      <c r="B59025" s="14" t="s">
        <v>1</v>
      </c>
      <c r="C59025" s="14" t="s">
        <v>23</v>
      </c>
      <c r="D59025" s="14" t="s">
        <v>319</v>
      </c>
      <c r="E59025" s="15">
        <v>45636</v>
      </c>
      <c r="F59025" s="14" t="s">
        <v>28</v>
      </c>
      <c r="G59025" s="16">
        <v>3.6961996618486652</v>
      </c>
    </row>
    <row r="59026" spans="1:7" x14ac:dyDescent="0.3">
      <c r="A59026" s="13" t="s">
        <v>318</v>
      </c>
      <c r="B59026" s="14" t="s">
        <v>1</v>
      </c>
      <c r="C59026" s="14" t="s">
        <v>23</v>
      </c>
      <c r="D59026" s="14" t="s">
        <v>319</v>
      </c>
      <c r="E59026" s="15">
        <v>45637</v>
      </c>
      <c r="F59026" s="14" t="s">
        <v>28</v>
      </c>
      <c r="G59026" s="16">
        <v>3.717927606398074</v>
      </c>
    </row>
    <row r="59027" spans="1:7" x14ac:dyDescent="0.3">
      <c r="A59027" s="13" t="s">
        <v>318</v>
      </c>
      <c r="B59027" s="14" t="s">
        <v>1</v>
      </c>
      <c r="C59027" s="14" t="s">
        <v>23</v>
      </c>
      <c r="D59027" s="14" t="s">
        <v>319</v>
      </c>
      <c r="E59027" s="15">
        <v>45638</v>
      </c>
      <c r="F59027" s="14" t="s">
        <v>28</v>
      </c>
      <c r="G59027" s="16">
        <v>3.7386416484142515</v>
      </c>
    </row>
    <row r="59028" spans="1:7" x14ac:dyDescent="0.3">
      <c r="A59028" s="13" t="s">
        <v>318</v>
      </c>
      <c r="B59028" s="14" t="s">
        <v>1</v>
      </c>
      <c r="C59028" s="14" t="s">
        <v>23</v>
      </c>
      <c r="D59028" s="14" t="s">
        <v>319</v>
      </c>
      <c r="E59028" s="15">
        <v>45639</v>
      </c>
      <c r="F59028" s="14" t="s">
        <v>28</v>
      </c>
      <c r="G59028" s="16">
        <v>3.7557861213470591</v>
      </c>
    </row>
    <row r="59029" spans="1:7" x14ac:dyDescent="0.3">
      <c r="A59029" s="13" t="s">
        <v>318</v>
      </c>
      <c r="B59029" s="14" t="s">
        <v>1</v>
      </c>
      <c r="C59029" s="14" t="s">
        <v>23</v>
      </c>
      <c r="D59029" s="14" t="s">
        <v>319</v>
      </c>
      <c r="E59029" s="15">
        <v>45640</v>
      </c>
      <c r="F59029" s="14" t="s">
        <v>28</v>
      </c>
      <c r="G59029" s="16">
        <v>3.7557861213470591</v>
      </c>
    </row>
    <row r="59030" spans="1:7" x14ac:dyDescent="0.3">
      <c r="A59030" s="13" t="s">
        <v>318</v>
      </c>
      <c r="B59030" s="14" t="s">
        <v>1</v>
      </c>
      <c r="C59030" s="14" t="s">
        <v>23</v>
      </c>
      <c r="D59030" s="14" t="s">
        <v>319</v>
      </c>
      <c r="E59030" s="15">
        <v>45641</v>
      </c>
      <c r="F59030" s="14" t="s">
        <v>28</v>
      </c>
      <c r="G59030" s="16">
        <v>3.7557861213470591</v>
      </c>
    </row>
    <row r="59031" spans="1:7" x14ac:dyDescent="0.3">
      <c r="A59031" s="13" t="s">
        <v>318</v>
      </c>
      <c r="B59031" s="14" t="s">
        <v>1</v>
      </c>
      <c r="C59031" s="14" t="s">
        <v>23</v>
      </c>
      <c r="D59031" s="14" t="s">
        <v>319</v>
      </c>
      <c r="E59031" s="15">
        <v>45642</v>
      </c>
      <c r="F59031" s="14" t="s">
        <v>28</v>
      </c>
      <c r="G59031" s="16">
        <v>3.7754249100316342</v>
      </c>
    </row>
    <row r="59032" spans="1:7" x14ac:dyDescent="0.3">
      <c r="A59032" s="13" t="s">
        <v>318</v>
      </c>
      <c r="B59032" s="14" t="s">
        <v>1</v>
      </c>
      <c r="C59032" s="14" t="s">
        <v>23</v>
      </c>
      <c r="D59032" s="14" t="s">
        <v>319</v>
      </c>
      <c r="E59032" s="15">
        <v>45643</v>
      </c>
      <c r="F59032" s="14" t="s">
        <v>28</v>
      </c>
      <c r="G59032" s="16">
        <v>3.8167579113348951</v>
      </c>
    </row>
    <row r="59033" spans="1:7" x14ac:dyDescent="0.3">
      <c r="A59033" s="13" t="s">
        <v>318</v>
      </c>
      <c r="B59033" s="14" t="s">
        <v>1</v>
      </c>
      <c r="C59033" s="14" t="s">
        <v>23</v>
      </c>
      <c r="D59033" s="14" t="s">
        <v>319</v>
      </c>
      <c r="E59033" s="15">
        <v>45644</v>
      </c>
      <c r="F59033" s="14" t="s">
        <v>28</v>
      </c>
      <c r="G59033" s="16">
        <v>3.8699862573256456</v>
      </c>
    </row>
    <row r="59034" spans="1:7" x14ac:dyDescent="0.3">
      <c r="A59034" s="13" t="s">
        <v>318</v>
      </c>
      <c r="B59034" s="14" t="s">
        <v>1</v>
      </c>
      <c r="C59034" s="14" t="s">
        <v>23</v>
      </c>
      <c r="D59034" s="14" t="s">
        <v>319</v>
      </c>
      <c r="E59034" s="15">
        <v>45645</v>
      </c>
      <c r="F59034" s="14" t="s">
        <v>28</v>
      </c>
      <c r="G59034" s="16">
        <v>3.8768346585469216</v>
      </c>
    </row>
    <row r="59035" spans="1:7" x14ac:dyDescent="0.3">
      <c r="A59035" s="13" t="s">
        <v>318</v>
      </c>
      <c r="B59035" s="14" t="s">
        <v>1</v>
      </c>
      <c r="C59035" s="14" t="s">
        <v>23</v>
      </c>
      <c r="D59035" s="14" t="s">
        <v>319</v>
      </c>
      <c r="E59035" s="15">
        <v>45646</v>
      </c>
      <c r="F59035" s="14" t="s">
        <v>28</v>
      </c>
      <c r="G59035" s="16">
        <v>3.8744854637039978</v>
      </c>
    </row>
    <row r="59036" spans="1:7" x14ac:dyDescent="0.3">
      <c r="A59036" s="13" t="s">
        <v>318</v>
      </c>
      <c r="B59036" s="14" t="s">
        <v>1</v>
      </c>
      <c r="C59036" s="14" t="s">
        <v>23</v>
      </c>
      <c r="D59036" s="14" t="s">
        <v>319</v>
      </c>
      <c r="E59036" s="15">
        <v>45647</v>
      </c>
      <c r="F59036" s="14" t="s">
        <v>28</v>
      </c>
      <c r="G59036" s="16">
        <v>3.8744854637039978</v>
      </c>
    </row>
    <row r="59037" spans="1:7" x14ac:dyDescent="0.3">
      <c r="A59037" s="13" t="s">
        <v>318</v>
      </c>
      <c r="B59037" s="14" t="s">
        <v>1</v>
      </c>
      <c r="C59037" s="14" t="s">
        <v>23</v>
      </c>
      <c r="D59037" s="14" t="s">
        <v>319</v>
      </c>
      <c r="E59037" s="15">
        <v>45648</v>
      </c>
      <c r="F59037" s="14" t="s">
        <v>28</v>
      </c>
      <c r="G59037" s="16">
        <v>3.8744854637039978</v>
      </c>
    </row>
    <row r="59038" spans="1:7" x14ac:dyDescent="0.3">
      <c r="A59038" s="13" t="s">
        <v>318</v>
      </c>
      <c r="B59038" s="14" t="s">
        <v>1</v>
      </c>
      <c r="C59038" s="14" t="s">
        <v>23</v>
      </c>
      <c r="D59038" s="14" t="s">
        <v>319</v>
      </c>
      <c r="E59038" s="15">
        <v>45649</v>
      </c>
      <c r="F59038" s="14" t="s">
        <v>28</v>
      </c>
      <c r="G59038" s="16">
        <v>3.8580409189128226</v>
      </c>
    </row>
    <row r="59039" spans="1:7" x14ac:dyDescent="0.3">
      <c r="A59039" s="13" t="s">
        <v>318</v>
      </c>
      <c r="B59039" s="14" t="s">
        <v>1</v>
      </c>
      <c r="C59039" s="14" t="s">
        <v>23</v>
      </c>
      <c r="D59039" s="14" t="s">
        <v>319</v>
      </c>
      <c r="E59039" s="15">
        <v>45650</v>
      </c>
      <c r="F59039" s="14" t="s">
        <v>28</v>
      </c>
      <c r="G59039" s="16">
        <v>3.8995475649424716</v>
      </c>
    </row>
    <row r="59040" spans="1:7" x14ac:dyDescent="0.3">
      <c r="A59040" s="13" t="s">
        <v>318</v>
      </c>
      <c r="B59040" s="14" t="s">
        <v>1</v>
      </c>
      <c r="C59040" s="14" t="s">
        <v>23</v>
      </c>
      <c r="D59040" s="14" t="s">
        <v>319</v>
      </c>
      <c r="E59040" s="15">
        <v>45651</v>
      </c>
      <c r="F59040" s="14" t="s">
        <v>28</v>
      </c>
      <c r="G59040" s="16">
        <v>3.8995475649424716</v>
      </c>
    </row>
    <row r="59041" spans="1:7" x14ac:dyDescent="0.3">
      <c r="A59041" s="13" t="s">
        <v>318</v>
      </c>
      <c r="B59041" s="14" t="s">
        <v>1</v>
      </c>
      <c r="C59041" s="14" t="s">
        <v>23</v>
      </c>
      <c r="D59041" s="14" t="s">
        <v>319</v>
      </c>
      <c r="E59041" s="15">
        <v>45652</v>
      </c>
      <c r="F59041" s="14" t="s">
        <v>28</v>
      </c>
      <c r="G59041" s="16">
        <v>3.8995475649424716</v>
      </c>
    </row>
    <row r="59042" spans="1:7" x14ac:dyDescent="0.3">
      <c r="A59042" s="13" t="s">
        <v>318</v>
      </c>
      <c r="B59042" s="14" t="s">
        <v>1</v>
      </c>
      <c r="C59042" s="14" t="s">
        <v>23</v>
      </c>
      <c r="D59042" s="14" t="s">
        <v>319</v>
      </c>
      <c r="E59042" s="15">
        <v>45653</v>
      </c>
      <c r="F59042" s="14" t="s">
        <v>28</v>
      </c>
      <c r="G59042" s="16">
        <v>3.8995475649424716</v>
      </c>
    </row>
    <row r="59043" spans="1:7" x14ac:dyDescent="0.3">
      <c r="A59043" s="13" t="s">
        <v>318</v>
      </c>
      <c r="B59043" s="14" t="s">
        <v>1</v>
      </c>
      <c r="C59043" s="14" t="s">
        <v>23</v>
      </c>
      <c r="D59043" s="14" t="s">
        <v>319</v>
      </c>
      <c r="E59043" s="15">
        <v>45654</v>
      </c>
      <c r="F59043" s="14" t="s">
        <v>28</v>
      </c>
      <c r="G59043" s="16">
        <v>3.8995475649424716</v>
      </c>
    </row>
    <row r="59044" spans="1:7" x14ac:dyDescent="0.3">
      <c r="A59044" s="13" t="s">
        <v>318</v>
      </c>
      <c r="B59044" s="14" t="s">
        <v>1</v>
      </c>
      <c r="C59044" s="14" t="s">
        <v>23</v>
      </c>
      <c r="D59044" s="14" t="s">
        <v>319</v>
      </c>
      <c r="E59044" s="15">
        <v>45655</v>
      </c>
      <c r="F59044" s="14" t="s">
        <v>28</v>
      </c>
      <c r="G59044" s="16">
        <v>3.8995475649424716</v>
      </c>
    </row>
    <row r="59045" spans="1:7" x14ac:dyDescent="0.3">
      <c r="A59045" s="13" t="s">
        <v>318</v>
      </c>
      <c r="B59045" s="14" t="s">
        <v>1</v>
      </c>
      <c r="C59045" s="14" t="s">
        <v>23</v>
      </c>
      <c r="D59045" s="14" t="s">
        <v>319</v>
      </c>
      <c r="E59045" s="15">
        <v>45656</v>
      </c>
      <c r="F59045" s="14" t="s">
        <v>28</v>
      </c>
      <c r="G59045" s="16">
        <v>3.9166451084345741</v>
      </c>
    </row>
    <row r="59046" spans="1:7" x14ac:dyDescent="0.3">
      <c r="A59046" s="13" t="s">
        <v>318</v>
      </c>
      <c r="B59046" s="14" t="s">
        <v>1</v>
      </c>
      <c r="C59046" s="14" t="s">
        <v>23</v>
      </c>
      <c r="D59046" s="14" t="s">
        <v>319</v>
      </c>
      <c r="E59046" s="15">
        <v>45657</v>
      </c>
      <c r="F59046" s="14" t="s">
        <v>28</v>
      </c>
      <c r="G59046" s="16">
        <v>4.0196270206216331</v>
      </c>
    </row>
    <row r="59047" spans="1:7" x14ac:dyDescent="0.3">
      <c r="A59047" s="13" t="s">
        <v>318</v>
      </c>
      <c r="B59047" s="14" t="s">
        <v>1</v>
      </c>
      <c r="C59047" s="14" t="s">
        <v>23</v>
      </c>
      <c r="D59047" s="14" t="s">
        <v>319</v>
      </c>
      <c r="E59047" s="15">
        <v>45658</v>
      </c>
      <c r="F59047" s="14" t="s">
        <v>28</v>
      </c>
      <c r="G59047" s="16">
        <v>4.0196270206216331</v>
      </c>
    </row>
    <row r="59048" spans="1:7" x14ac:dyDescent="0.3">
      <c r="A59048" s="13" t="s">
        <v>318</v>
      </c>
      <c r="B59048" s="14" t="s">
        <v>1</v>
      </c>
      <c r="C59048" s="14" t="s">
        <v>23</v>
      </c>
      <c r="D59048" s="14" t="s">
        <v>319</v>
      </c>
      <c r="E59048" s="15">
        <v>45659</v>
      </c>
      <c r="F59048" s="14" t="s">
        <v>28</v>
      </c>
      <c r="G59048" s="16">
        <v>4.045554858667491</v>
      </c>
    </row>
    <row r="59049" spans="1:7" x14ac:dyDescent="0.3">
      <c r="A59049" s="13" t="s">
        <v>318</v>
      </c>
      <c r="B59049" s="14" t="s">
        <v>1</v>
      </c>
      <c r="C59049" s="14" t="s">
        <v>23</v>
      </c>
      <c r="D59049" s="14" t="s">
        <v>319</v>
      </c>
      <c r="E59049" s="15">
        <v>45660</v>
      </c>
      <c r="F59049" s="14" t="s">
        <v>28</v>
      </c>
      <c r="G59049" s="16">
        <v>4.0655637990610334</v>
      </c>
    </row>
    <row r="59050" spans="1:7" x14ac:dyDescent="0.3">
      <c r="A59050" s="13" t="s">
        <v>318</v>
      </c>
      <c r="B59050" s="14" t="s">
        <v>1</v>
      </c>
      <c r="C59050" s="14" t="s">
        <v>23</v>
      </c>
      <c r="D59050" s="14" t="s">
        <v>319</v>
      </c>
      <c r="E59050" s="15">
        <v>45661</v>
      </c>
      <c r="F59050" s="14" t="s">
        <v>28</v>
      </c>
      <c r="G59050" s="16">
        <v>4.0655637990610334</v>
      </c>
    </row>
    <row r="59051" spans="1:7" x14ac:dyDescent="0.3">
      <c r="A59051" s="13" t="s">
        <v>318</v>
      </c>
      <c r="B59051" s="14" t="s">
        <v>1</v>
      </c>
      <c r="C59051" s="14" t="s">
        <v>23</v>
      </c>
      <c r="D59051" s="14" t="s">
        <v>319</v>
      </c>
      <c r="E59051" s="15">
        <v>45662</v>
      </c>
      <c r="F59051" s="14" t="s">
        <v>28</v>
      </c>
      <c r="G59051" s="16">
        <v>4.0655637990610334</v>
      </c>
    </row>
    <row r="59052" spans="1:7" x14ac:dyDescent="0.3">
      <c r="A59052" s="13" t="s">
        <v>318</v>
      </c>
      <c r="B59052" s="14" t="s">
        <v>1</v>
      </c>
      <c r="C59052" s="14" t="s">
        <v>23</v>
      </c>
      <c r="D59052" s="14" t="s">
        <v>319</v>
      </c>
      <c r="E59052" s="15">
        <v>45663</v>
      </c>
      <c r="F59052" s="14" t="s">
        <v>28</v>
      </c>
      <c r="G59052" s="16">
        <v>4.0605510432695553</v>
      </c>
    </row>
    <row r="59053" spans="1:7" x14ac:dyDescent="0.3">
      <c r="A59053" s="13" t="s">
        <v>318</v>
      </c>
      <c r="B59053" s="14" t="s">
        <v>1</v>
      </c>
      <c r="C59053" s="14" t="s">
        <v>23</v>
      </c>
      <c r="D59053" s="14" t="s">
        <v>319</v>
      </c>
      <c r="E59053" s="15">
        <v>45664</v>
      </c>
      <c r="F59053" s="14" t="s">
        <v>28</v>
      </c>
      <c r="G59053" s="16">
        <v>4.1066404161894177</v>
      </c>
    </row>
    <row r="59054" spans="1:7" x14ac:dyDescent="0.3">
      <c r="A59054" s="13" t="s">
        <v>318</v>
      </c>
      <c r="B59054" s="14" t="s">
        <v>1</v>
      </c>
      <c r="C59054" s="14" t="s">
        <v>23</v>
      </c>
      <c r="D59054" s="14" t="s">
        <v>319</v>
      </c>
      <c r="E59054" s="15">
        <v>45665</v>
      </c>
      <c r="F59054" s="14" t="s">
        <v>28</v>
      </c>
      <c r="G59054" s="16">
        <v>4.1325785034369025</v>
      </c>
    </row>
    <row r="59055" spans="1:7" x14ac:dyDescent="0.3">
      <c r="A59055" s="13" t="s">
        <v>318</v>
      </c>
      <c r="B59055" s="14" t="s">
        <v>1</v>
      </c>
      <c r="C59055" s="14" t="s">
        <v>23</v>
      </c>
      <c r="D59055" s="14" t="s">
        <v>319</v>
      </c>
      <c r="E59055" s="15">
        <v>45666</v>
      </c>
      <c r="F59055" s="14" t="s">
        <v>28</v>
      </c>
      <c r="G59055" s="16">
        <v>4.1325785034369025</v>
      </c>
    </row>
    <row r="59056" spans="1:7" x14ac:dyDescent="0.3">
      <c r="A59056" s="13" t="s">
        <v>318</v>
      </c>
      <c r="B59056" s="14" t="s">
        <v>1</v>
      </c>
      <c r="C59056" s="14" t="s">
        <v>23</v>
      </c>
      <c r="D59056" s="14" t="s">
        <v>319</v>
      </c>
      <c r="E59056" s="15">
        <v>45667</v>
      </c>
      <c r="F59056" s="14" t="s">
        <v>28</v>
      </c>
      <c r="G59056" s="16">
        <v>4.1630135424667101</v>
      </c>
    </row>
    <row r="59057" spans="1:7" x14ac:dyDescent="0.3">
      <c r="A59057" s="13" t="s">
        <v>318</v>
      </c>
      <c r="B59057" s="14" t="s">
        <v>1</v>
      </c>
      <c r="C59057" s="14" t="s">
        <v>23</v>
      </c>
      <c r="D59057" s="14" t="s">
        <v>319</v>
      </c>
      <c r="E59057" s="15">
        <v>45668</v>
      </c>
      <c r="F59057" s="14" t="s">
        <v>28</v>
      </c>
      <c r="G59057" s="16">
        <v>4.1630135424667101</v>
      </c>
    </row>
    <row r="59058" spans="1:7" x14ac:dyDescent="0.3">
      <c r="A59058" s="13" t="s">
        <v>318</v>
      </c>
      <c r="B59058" s="14" t="s">
        <v>1</v>
      </c>
      <c r="C59058" s="14" t="s">
        <v>23</v>
      </c>
      <c r="D59058" s="14" t="s">
        <v>319</v>
      </c>
      <c r="E59058" s="15">
        <v>45669</v>
      </c>
      <c r="F59058" s="14" t="s">
        <v>28</v>
      </c>
      <c r="G59058" s="16">
        <v>4.1630135424667101</v>
      </c>
    </row>
    <row r="59059" spans="1:7" x14ac:dyDescent="0.3">
      <c r="A59059" s="13" t="s">
        <v>318</v>
      </c>
      <c r="B59059" s="14" t="s">
        <v>1</v>
      </c>
      <c r="C59059" s="14" t="s">
        <v>23</v>
      </c>
      <c r="D59059" s="14" t="s">
        <v>319</v>
      </c>
      <c r="E59059" s="15">
        <v>45670</v>
      </c>
      <c r="F59059" s="14" t="s">
        <v>28</v>
      </c>
      <c r="G59059" s="16">
        <v>4.1888000284756588</v>
      </c>
    </row>
    <row r="59060" spans="1:7" x14ac:dyDescent="0.3">
      <c r="A59060" s="13" t="s">
        <v>318</v>
      </c>
      <c r="B59060" s="14" t="s">
        <v>1</v>
      </c>
      <c r="C59060" s="14" t="s">
        <v>23</v>
      </c>
      <c r="D59060" s="14" t="s">
        <v>319</v>
      </c>
      <c r="E59060" s="15">
        <v>45671</v>
      </c>
      <c r="F59060" s="14" t="s">
        <v>28</v>
      </c>
      <c r="G59060" s="16">
        <v>4.2176329499670935</v>
      </c>
    </row>
    <row r="59061" spans="1:7" x14ac:dyDescent="0.3">
      <c r="A59061" s="13" t="s">
        <v>318</v>
      </c>
      <c r="B59061" s="14" t="s">
        <v>1</v>
      </c>
      <c r="C59061" s="14" t="s">
        <v>23</v>
      </c>
      <c r="D59061" s="14" t="s">
        <v>319</v>
      </c>
      <c r="E59061" s="15">
        <v>45672</v>
      </c>
      <c r="F59061" s="14" t="s">
        <v>28</v>
      </c>
      <c r="G59061" s="16">
        <v>4.2329007964800862</v>
      </c>
    </row>
    <row r="59062" spans="1:7" x14ac:dyDescent="0.3">
      <c r="A59062" s="13" t="s">
        <v>318</v>
      </c>
      <c r="B59062" s="14" t="s">
        <v>1</v>
      </c>
      <c r="C59062" s="14" t="s">
        <v>23</v>
      </c>
      <c r="D59062" s="14" t="s">
        <v>319</v>
      </c>
      <c r="E59062" s="15">
        <v>45673</v>
      </c>
      <c r="F59062" s="14" t="s">
        <v>28</v>
      </c>
      <c r="G59062" s="16">
        <v>4.2441399002993183</v>
      </c>
    </row>
    <row r="59063" spans="1:7" x14ac:dyDescent="0.3">
      <c r="A59063" s="13" t="s">
        <v>318</v>
      </c>
      <c r="B59063" s="14" t="s">
        <v>1</v>
      </c>
      <c r="C59063" s="14" t="s">
        <v>23</v>
      </c>
      <c r="D59063" s="14" t="s">
        <v>319</v>
      </c>
      <c r="E59063" s="15">
        <v>45674</v>
      </c>
      <c r="F59063" s="14" t="s">
        <v>28</v>
      </c>
      <c r="G59063" s="16">
        <v>4.2602364865283322</v>
      </c>
    </row>
    <row r="59064" spans="1:7" x14ac:dyDescent="0.3">
      <c r="A59064" s="13" t="s">
        <v>318</v>
      </c>
      <c r="B59064" s="14" t="s">
        <v>1</v>
      </c>
      <c r="C59064" s="14" t="s">
        <v>23</v>
      </c>
      <c r="D59064" s="14" t="s">
        <v>319</v>
      </c>
      <c r="E59064" s="15">
        <v>45675</v>
      </c>
      <c r="F59064" s="14" t="s">
        <v>28</v>
      </c>
      <c r="G59064" s="16">
        <v>4.2602364865283322</v>
      </c>
    </row>
    <row r="59065" spans="1:7" x14ac:dyDescent="0.3">
      <c r="A59065" s="13" t="s">
        <v>318</v>
      </c>
      <c r="B59065" s="14" t="s">
        <v>1</v>
      </c>
      <c r="C59065" s="14" t="s">
        <v>23</v>
      </c>
      <c r="D59065" s="14" t="s">
        <v>319</v>
      </c>
      <c r="E59065" s="15">
        <v>45676</v>
      </c>
      <c r="F59065" s="14" t="s">
        <v>28</v>
      </c>
      <c r="G59065" s="16">
        <v>4.2602364865283322</v>
      </c>
    </row>
    <row r="59066" spans="1:7" x14ac:dyDescent="0.3">
      <c r="A59066" s="13" t="s">
        <v>318</v>
      </c>
      <c r="B59066" s="14" t="s">
        <v>1</v>
      </c>
      <c r="C59066" s="14" t="s">
        <v>23</v>
      </c>
      <c r="D59066" s="14" t="s">
        <v>319</v>
      </c>
      <c r="E59066" s="15">
        <v>45677</v>
      </c>
      <c r="F59066" s="14" t="s">
        <v>28</v>
      </c>
      <c r="G59066" s="16">
        <v>4.2602364865283322</v>
      </c>
    </row>
    <row r="59067" spans="1:7" x14ac:dyDescent="0.3">
      <c r="A59067" s="13" t="s">
        <v>318</v>
      </c>
      <c r="B59067" s="14" t="s">
        <v>1</v>
      </c>
      <c r="C59067" s="14" t="s">
        <v>23</v>
      </c>
      <c r="D59067" s="14" t="s">
        <v>319</v>
      </c>
      <c r="E59067" s="15">
        <v>45678</v>
      </c>
      <c r="F59067" s="14" t="s">
        <v>28</v>
      </c>
      <c r="G59067" s="16">
        <v>4.219787891659581</v>
      </c>
    </row>
    <row r="59068" spans="1:7" x14ac:dyDescent="0.3">
      <c r="A59068" s="13" t="s">
        <v>318</v>
      </c>
      <c r="B59068" s="14" t="s">
        <v>1</v>
      </c>
      <c r="C59068" s="14" t="s">
        <v>23</v>
      </c>
      <c r="D59068" s="14" t="s">
        <v>319</v>
      </c>
      <c r="E59068" s="15">
        <v>45679</v>
      </c>
      <c r="F59068" s="14" t="s">
        <v>28</v>
      </c>
      <c r="G59068" s="16">
        <v>4.2839382449005061</v>
      </c>
    </row>
    <row r="59069" spans="1:7" x14ac:dyDescent="0.3">
      <c r="A59069" s="13" t="s">
        <v>318</v>
      </c>
      <c r="B59069" s="14" t="s">
        <v>1</v>
      </c>
      <c r="C59069" s="14" t="s">
        <v>23</v>
      </c>
      <c r="D59069" s="14" t="s">
        <v>319</v>
      </c>
      <c r="E59069" s="15">
        <v>45680</v>
      </c>
      <c r="F59069" s="14" t="s">
        <v>28</v>
      </c>
      <c r="G59069" s="16">
        <v>4.297546282760818</v>
      </c>
    </row>
    <row r="59070" spans="1:7" x14ac:dyDescent="0.3">
      <c r="A59070" s="13" t="s">
        <v>318</v>
      </c>
      <c r="B59070" s="14" t="s">
        <v>1</v>
      </c>
      <c r="C59070" s="14" t="s">
        <v>23</v>
      </c>
      <c r="D59070" s="14" t="s">
        <v>319</v>
      </c>
      <c r="E59070" s="15">
        <v>45681</v>
      </c>
      <c r="F59070" s="14" t="s">
        <v>28</v>
      </c>
      <c r="G59070" s="16">
        <v>4.2809352060000867</v>
      </c>
    </row>
    <row r="59071" spans="1:7" x14ac:dyDescent="0.3">
      <c r="A59071" s="13" t="s">
        <v>318</v>
      </c>
      <c r="B59071" s="14" t="s">
        <v>1</v>
      </c>
      <c r="C59071" s="14" t="s">
        <v>23</v>
      </c>
      <c r="D59071" s="14" t="s">
        <v>319</v>
      </c>
      <c r="E59071" s="15">
        <v>45682</v>
      </c>
      <c r="F59071" s="14" t="s">
        <v>28</v>
      </c>
      <c r="G59071" s="16">
        <v>4.2809352060000867</v>
      </c>
    </row>
    <row r="59072" spans="1:7" x14ac:dyDescent="0.3">
      <c r="A59072" s="13" t="s">
        <v>318</v>
      </c>
      <c r="B59072" s="14" t="s">
        <v>1</v>
      </c>
      <c r="C59072" s="14" t="s">
        <v>23</v>
      </c>
      <c r="D59072" s="14" t="s">
        <v>319</v>
      </c>
      <c r="E59072" s="15">
        <v>45683</v>
      </c>
      <c r="F59072" s="14" t="s">
        <v>28</v>
      </c>
      <c r="G59072" s="16">
        <v>4.2809352060000867</v>
      </c>
    </row>
    <row r="59073" spans="1:7" x14ac:dyDescent="0.3">
      <c r="A59073" s="13" t="s">
        <v>318</v>
      </c>
      <c r="B59073" s="14" t="s">
        <v>1</v>
      </c>
      <c r="C59073" s="14" t="s">
        <v>23</v>
      </c>
      <c r="D59073" s="14" t="s">
        <v>319</v>
      </c>
      <c r="E59073" s="15">
        <v>45684</v>
      </c>
      <c r="F59073" s="14" t="s">
        <v>28</v>
      </c>
      <c r="G59073" s="16">
        <v>4.2906864580024751</v>
      </c>
    </row>
    <row r="59074" spans="1:7" x14ac:dyDescent="0.3">
      <c r="A59074" s="13" t="s">
        <v>318</v>
      </c>
      <c r="B59074" s="14" t="s">
        <v>1</v>
      </c>
      <c r="C59074" s="14" t="s">
        <v>23</v>
      </c>
      <c r="D59074" s="14" t="s">
        <v>319</v>
      </c>
      <c r="E59074" s="15">
        <v>45685</v>
      </c>
      <c r="F59074" s="14" t="s">
        <v>28</v>
      </c>
      <c r="G59074" s="16">
        <v>4.3543279215359769</v>
      </c>
    </row>
    <row r="59075" spans="1:7" x14ac:dyDescent="0.3">
      <c r="A59075" s="13" t="s">
        <v>318</v>
      </c>
      <c r="B59075" s="14" t="s">
        <v>1</v>
      </c>
      <c r="C59075" s="14" t="s">
        <v>23</v>
      </c>
      <c r="D59075" s="14" t="s">
        <v>319</v>
      </c>
      <c r="E59075" s="15">
        <v>45686</v>
      </c>
      <c r="F59075" s="14" t="s">
        <v>28</v>
      </c>
      <c r="G59075" s="16">
        <v>4.361426622252333</v>
      </c>
    </row>
    <row r="59076" spans="1:7" x14ac:dyDescent="0.3">
      <c r="A59076" s="13" t="s">
        <v>318</v>
      </c>
      <c r="B59076" s="14" t="s">
        <v>1</v>
      </c>
      <c r="C59076" s="14" t="s">
        <v>23</v>
      </c>
      <c r="D59076" s="14" t="s">
        <v>319</v>
      </c>
      <c r="E59076" s="15">
        <v>45687</v>
      </c>
      <c r="F59076" s="14" t="s">
        <v>28</v>
      </c>
      <c r="G59076" s="16">
        <v>4.3892968917585753</v>
      </c>
    </row>
    <row r="59077" spans="1:7" x14ac:dyDescent="0.3">
      <c r="A59077" s="13" t="s">
        <v>318</v>
      </c>
      <c r="B59077" s="14" t="s">
        <v>1</v>
      </c>
      <c r="C59077" s="14" t="s">
        <v>23</v>
      </c>
      <c r="D59077" s="14" t="s">
        <v>319</v>
      </c>
      <c r="E59077" s="15">
        <v>45688</v>
      </c>
      <c r="F59077" s="14" t="s">
        <v>28</v>
      </c>
      <c r="G59077" s="16">
        <v>4.4201288973644131</v>
      </c>
    </row>
    <row r="59078" spans="1:7" x14ac:dyDescent="0.3">
      <c r="A59078" s="13" t="s">
        <v>318</v>
      </c>
      <c r="B59078" s="14" t="s">
        <v>1</v>
      </c>
      <c r="C59078" s="14" t="s">
        <v>23</v>
      </c>
      <c r="D59078" s="14" t="s">
        <v>319</v>
      </c>
      <c r="E59078" s="15">
        <v>45689</v>
      </c>
      <c r="F59078" s="14" t="s">
        <v>28</v>
      </c>
      <c r="G59078" s="16">
        <v>4.4201288973644131</v>
      </c>
    </row>
    <row r="59079" spans="1:7" x14ac:dyDescent="0.3">
      <c r="A59079" s="13" t="s">
        <v>318</v>
      </c>
      <c r="B59079" s="14" t="s">
        <v>1</v>
      </c>
      <c r="C59079" s="14" t="s">
        <v>23</v>
      </c>
      <c r="D59079" s="14" t="s">
        <v>319</v>
      </c>
      <c r="E59079" s="15">
        <v>45690</v>
      </c>
      <c r="F59079" s="14" t="s">
        <v>28</v>
      </c>
      <c r="G59079" s="16">
        <v>4.4201288973644131</v>
      </c>
    </row>
    <row r="59080" spans="1:7" x14ac:dyDescent="0.3">
      <c r="A59080" s="13" t="s">
        <v>318</v>
      </c>
      <c r="B59080" s="14" t="s">
        <v>1</v>
      </c>
      <c r="C59080" s="14" t="s">
        <v>23</v>
      </c>
      <c r="D59080" s="14" t="s">
        <v>319</v>
      </c>
      <c r="E59080" s="15">
        <v>45691</v>
      </c>
      <c r="F59080" s="14" t="s">
        <v>28</v>
      </c>
      <c r="G59080" s="16">
        <v>4.4201288973644131</v>
      </c>
    </row>
    <row r="59081" spans="1:7" x14ac:dyDescent="0.3">
      <c r="A59081" s="13" t="s">
        <v>318</v>
      </c>
      <c r="B59081" s="14" t="s">
        <v>1</v>
      </c>
      <c r="C59081" s="14" t="s">
        <v>23</v>
      </c>
      <c r="D59081" s="14" t="s">
        <v>319</v>
      </c>
      <c r="E59081" s="15">
        <v>45692</v>
      </c>
      <c r="F59081" s="14" t="s">
        <v>28</v>
      </c>
      <c r="G59081" s="16">
        <v>4.4095663354232784</v>
      </c>
    </row>
    <row r="59082" spans="1:7" x14ac:dyDescent="0.3">
      <c r="A59082" s="13" t="s">
        <v>318</v>
      </c>
      <c r="B59082" s="14" t="s">
        <v>1</v>
      </c>
      <c r="C59082" s="14" t="s">
        <v>23</v>
      </c>
      <c r="D59082" s="14" t="s">
        <v>319</v>
      </c>
      <c r="E59082" s="15">
        <v>45693</v>
      </c>
      <c r="F59082" s="14" t="s">
        <v>28</v>
      </c>
      <c r="G59082" s="16">
        <v>4.4449846284881636</v>
      </c>
    </row>
    <row r="59083" spans="1:7" x14ac:dyDescent="0.3">
      <c r="A59083" s="13" t="s">
        <v>318</v>
      </c>
      <c r="B59083" s="14" t="s">
        <v>1</v>
      </c>
      <c r="C59083" s="14" t="s">
        <v>23</v>
      </c>
      <c r="D59083" s="14" t="s">
        <v>319</v>
      </c>
      <c r="E59083" s="15">
        <v>45694</v>
      </c>
      <c r="F59083" s="14" t="s">
        <v>28</v>
      </c>
      <c r="G59083" s="16">
        <v>4.4651369588221392</v>
      </c>
    </row>
    <row r="59084" spans="1:7" x14ac:dyDescent="0.3">
      <c r="A59084" s="13" t="s">
        <v>318</v>
      </c>
      <c r="B59084" s="14" t="s">
        <v>1</v>
      </c>
      <c r="C59084" s="14" t="s">
        <v>23</v>
      </c>
      <c r="D59084" s="14" t="s">
        <v>319</v>
      </c>
      <c r="E59084" s="15">
        <v>45695</v>
      </c>
      <c r="F59084" s="14" t="s">
        <v>28</v>
      </c>
      <c r="G59084" s="16">
        <v>4.4916304689377382</v>
      </c>
    </row>
    <row r="59085" spans="1:7" x14ac:dyDescent="0.3">
      <c r="A59085" s="13" t="s">
        <v>318</v>
      </c>
      <c r="B59085" s="14" t="s">
        <v>1</v>
      </c>
      <c r="C59085" s="14" t="s">
        <v>23</v>
      </c>
      <c r="D59085" s="14" t="s">
        <v>319</v>
      </c>
      <c r="E59085" s="15">
        <v>45696</v>
      </c>
      <c r="F59085" s="14" t="s">
        <v>28</v>
      </c>
      <c r="G59085" s="16">
        <v>4.4916304689377382</v>
      </c>
    </row>
    <row r="59086" spans="1:7" x14ac:dyDescent="0.3">
      <c r="A59086" s="13" t="s">
        <v>318</v>
      </c>
      <c r="B59086" s="14" t="s">
        <v>1</v>
      </c>
      <c r="C59086" s="14" t="s">
        <v>23</v>
      </c>
      <c r="D59086" s="14" t="s">
        <v>319</v>
      </c>
      <c r="E59086" s="15">
        <v>45697</v>
      </c>
      <c r="F59086" s="14" t="s">
        <v>28</v>
      </c>
      <c r="G59086" s="16">
        <v>4.4916304689377382</v>
      </c>
    </row>
    <row r="59087" spans="1:7" x14ac:dyDescent="0.3">
      <c r="A59087" s="13" t="s">
        <v>318</v>
      </c>
      <c r="B59087" s="14" t="s">
        <v>1</v>
      </c>
      <c r="C59087" s="14" t="s">
        <v>23</v>
      </c>
      <c r="D59087" s="14" t="s">
        <v>319</v>
      </c>
      <c r="E59087" s="15">
        <v>45698</v>
      </c>
      <c r="F59087" s="14" t="s">
        <v>28</v>
      </c>
      <c r="G59087" s="16">
        <v>4.516354999224248</v>
      </c>
    </row>
    <row r="59088" spans="1:7" x14ac:dyDescent="0.3">
      <c r="A59088" s="13" t="s">
        <v>318</v>
      </c>
      <c r="B59088" s="14" t="s">
        <v>1</v>
      </c>
      <c r="C59088" s="14" t="s">
        <v>23</v>
      </c>
      <c r="D59088" s="14" t="s">
        <v>319</v>
      </c>
      <c r="E59088" s="15">
        <v>45699</v>
      </c>
      <c r="F59088" s="14" t="s">
        <v>28</v>
      </c>
      <c r="G59088" s="16">
        <v>4.5506885029701243</v>
      </c>
    </row>
    <row r="59089" spans="1:7" x14ac:dyDescent="0.3">
      <c r="A59089" s="13" t="s">
        <v>318</v>
      </c>
      <c r="B59089" s="14" t="s">
        <v>1</v>
      </c>
      <c r="C59089" s="14" t="s">
        <v>23</v>
      </c>
      <c r="D59089" s="14" t="s">
        <v>319</v>
      </c>
      <c r="E59089" s="15">
        <v>45700</v>
      </c>
      <c r="F59089" s="14" t="s">
        <v>28</v>
      </c>
      <c r="G59089" s="16">
        <v>4.5625867240558833</v>
      </c>
    </row>
    <row r="59090" spans="1:7" x14ac:dyDescent="0.3">
      <c r="A59090" s="13" t="s">
        <v>318</v>
      </c>
      <c r="B59090" s="14" t="s">
        <v>1</v>
      </c>
      <c r="C59090" s="14" t="s">
        <v>23</v>
      </c>
      <c r="D59090" s="14" t="s">
        <v>319</v>
      </c>
      <c r="E59090" s="15">
        <v>45701</v>
      </c>
      <c r="F59090" s="14" t="s">
        <v>28</v>
      </c>
      <c r="G59090" s="16">
        <v>4.5450280695979348</v>
      </c>
    </row>
    <row r="59091" spans="1:7" x14ac:dyDescent="0.3">
      <c r="A59091" s="13" t="s">
        <v>318</v>
      </c>
      <c r="B59091" s="14" t="s">
        <v>1</v>
      </c>
      <c r="C59091" s="14" t="s">
        <v>23</v>
      </c>
      <c r="D59091" s="14" t="s">
        <v>319</v>
      </c>
      <c r="E59091" s="15">
        <v>45702</v>
      </c>
      <c r="F59091" s="14" t="s">
        <v>28</v>
      </c>
      <c r="G59091" s="16">
        <v>4.5449334920431133</v>
      </c>
    </row>
    <row r="59092" spans="1:7" x14ac:dyDescent="0.3">
      <c r="A59092" s="13" t="s">
        <v>318</v>
      </c>
      <c r="B59092" s="14" t="s">
        <v>1</v>
      </c>
      <c r="C59092" s="14" t="s">
        <v>23</v>
      </c>
      <c r="D59092" s="14" t="s">
        <v>319</v>
      </c>
      <c r="E59092" s="15">
        <v>45703</v>
      </c>
      <c r="F59092" s="14" t="s">
        <v>28</v>
      </c>
      <c r="G59092" s="16">
        <v>4.5449334920431133</v>
      </c>
    </row>
    <row r="59093" spans="1:7" x14ac:dyDescent="0.3">
      <c r="A59093" s="13" t="s">
        <v>318</v>
      </c>
      <c r="B59093" s="14" t="s">
        <v>1</v>
      </c>
      <c r="C59093" s="14" t="s">
        <v>23</v>
      </c>
      <c r="D59093" s="14" t="s">
        <v>319</v>
      </c>
      <c r="E59093" s="15">
        <v>45704</v>
      </c>
      <c r="F59093" s="14" t="s">
        <v>28</v>
      </c>
      <c r="G59093" s="16">
        <v>4.5449334920431133</v>
      </c>
    </row>
    <row r="59094" spans="1:7" x14ac:dyDescent="0.3">
      <c r="A59094" s="13" t="s">
        <v>318</v>
      </c>
      <c r="B59094" s="14" t="s">
        <v>1</v>
      </c>
      <c r="C59094" s="14" t="s">
        <v>23</v>
      </c>
      <c r="D59094" s="14" t="s">
        <v>319</v>
      </c>
      <c r="E59094" s="15">
        <v>45705</v>
      </c>
      <c r="F59094" s="14" t="s">
        <v>28</v>
      </c>
      <c r="G59094" s="16">
        <v>4.5449334920431133</v>
      </c>
    </row>
    <row r="59095" spans="1:7" x14ac:dyDescent="0.3">
      <c r="A59095" s="13" t="s">
        <v>318</v>
      </c>
      <c r="B59095" s="14" t="s">
        <v>1</v>
      </c>
      <c r="C59095" s="14" t="s">
        <v>23</v>
      </c>
      <c r="D59095" s="14" t="s">
        <v>319</v>
      </c>
      <c r="E59095" s="15">
        <v>45706</v>
      </c>
      <c r="F59095" s="14" t="s">
        <v>28</v>
      </c>
      <c r="G59095" s="16">
        <v>4.5672287422027367</v>
      </c>
    </row>
    <row r="59096" spans="1:7" x14ac:dyDescent="0.3">
      <c r="A59096" s="13" t="s">
        <v>318</v>
      </c>
      <c r="B59096" s="14" t="s">
        <v>1</v>
      </c>
      <c r="C59096" s="14" t="s">
        <v>23</v>
      </c>
      <c r="D59096" s="14" t="s">
        <v>319</v>
      </c>
      <c r="E59096" s="15">
        <v>45707</v>
      </c>
      <c r="F59096" s="14" t="s">
        <v>28</v>
      </c>
      <c r="G59096" s="16">
        <v>4.6227009679190783</v>
      </c>
    </row>
    <row r="59097" spans="1:7" x14ac:dyDescent="0.3">
      <c r="A59097" s="13" t="s">
        <v>318</v>
      </c>
      <c r="B59097" s="14" t="s">
        <v>1</v>
      </c>
      <c r="C59097" s="14" t="s">
        <v>23</v>
      </c>
      <c r="D59097" s="14" t="s">
        <v>319</v>
      </c>
      <c r="E59097" s="15">
        <v>45708</v>
      </c>
      <c r="F59097" s="14" t="s">
        <v>28</v>
      </c>
      <c r="G59097" s="16">
        <v>4.6044059038244969</v>
      </c>
    </row>
    <row r="59098" spans="1:7" x14ac:dyDescent="0.3">
      <c r="A59098" s="13" t="s">
        <v>318</v>
      </c>
      <c r="B59098" s="14" t="s">
        <v>1</v>
      </c>
      <c r="C59098" s="14" t="s">
        <v>23</v>
      </c>
      <c r="D59098" s="14" t="s">
        <v>319</v>
      </c>
      <c r="E59098" s="15">
        <v>45709</v>
      </c>
      <c r="F59098" s="14" t="s">
        <v>28</v>
      </c>
      <c r="G59098" s="16">
        <v>4.6204645083039901</v>
      </c>
    </row>
    <row r="59099" spans="1:7" x14ac:dyDescent="0.3">
      <c r="A59099" s="13" t="s">
        <v>318</v>
      </c>
      <c r="B59099" s="14" t="s">
        <v>1</v>
      </c>
      <c r="C59099" s="14" t="s">
        <v>23</v>
      </c>
      <c r="D59099" s="14" t="s">
        <v>319</v>
      </c>
      <c r="E59099" s="15">
        <v>45710</v>
      </c>
      <c r="F59099" s="14" t="s">
        <v>28</v>
      </c>
      <c r="G59099" s="16">
        <v>4.6204645083039901</v>
      </c>
    </row>
    <row r="59100" spans="1:7" x14ac:dyDescent="0.3">
      <c r="A59100" s="13" t="s">
        <v>318</v>
      </c>
      <c r="B59100" s="14" t="s">
        <v>1</v>
      </c>
      <c r="C59100" s="14" t="s">
        <v>23</v>
      </c>
      <c r="D59100" s="14" t="s">
        <v>319</v>
      </c>
      <c r="E59100" s="15">
        <v>45711</v>
      </c>
      <c r="F59100" s="14" t="s">
        <v>28</v>
      </c>
      <c r="G59100" s="16">
        <v>4.6204645083039901</v>
      </c>
    </row>
    <row r="59101" spans="1:7" x14ac:dyDescent="0.3">
      <c r="A59101" s="13" t="s">
        <v>318</v>
      </c>
      <c r="B59101" s="14" t="s">
        <v>1</v>
      </c>
      <c r="C59101" s="14" t="s">
        <v>23</v>
      </c>
      <c r="D59101" s="14" t="s">
        <v>319</v>
      </c>
      <c r="E59101" s="15">
        <v>45712</v>
      </c>
      <c r="F59101" s="14" t="s">
        <v>28</v>
      </c>
      <c r="G59101" s="16">
        <v>4.6388327665682256</v>
      </c>
    </row>
    <row r="59102" spans="1:7" x14ac:dyDescent="0.3">
      <c r="A59102" s="13" t="s">
        <v>318</v>
      </c>
      <c r="B59102" s="14" t="s">
        <v>1</v>
      </c>
      <c r="C59102" s="14" t="s">
        <v>23</v>
      </c>
      <c r="D59102" s="14" t="s">
        <v>319</v>
      </c>
      <c r="E59102" s="15">
        <v>45713</v>
      </c>
      <c r="F59102" s="14" t="s">
        <v>28</v>
      </c>
      <c r="G59102" s="16">
        <v>4.6699384997332309</v>
      </c>
    </row>
    <row r="59103" spans="1:7" x14ac:dyDescent="0.3">
      <c r="A59103" s="13" t="s">
        <v>318</v>
      </c>
      <c r="B59103" s="14" t="s">
        <v>1</v>
      </c>
      <c r="C59103" s="14" t="s">
        <v>23</v>
      </c>
      <c r="D59103" s="14" t="s">
        <v>319</v>
      </c>
      <c r="E59103" s="15">
        <v>45714</v>
      </c>
      <c r="F59103" s="14" t="s">
        <v>28</v>
      </c>
      <c r="G59103" s="16">
        <v>4.6907767641039726</v>
      </c>
    </row>
    <row r="59104" spans="1:7" x14ac:dyDescent="0.3">
      <c r="A59104" s="13" t="s">
        <v>318</v>
      </c>
      <c r="B59104" s="14" t="s">
        <v>1</v>
      </c>
      <c r="C59104" s="14" t="s">
        <v>23</v>
      </c>
      <c r="D59104" s="14" t="s">
        <v>319</v>
      </c>
      <c r="E59104" s="15">
        <v>45715</v>
      </c>
      <c r="F59104" s="14" t="s">
        <v>28</v>
      </c>
      <c r="G59104" s="16">
        <v>4.7407759689545559</v>
      </c>
    </row>
    <row r="59105" spans="1:7" x14ac:dyDescent="0.3">
      <c r="A59105" s="13" t="s">
        <v>318</v>
      </c>
      <c r="B59105" s="14" t="s">
        <v>1</v>
      </c>
      <c r="C59105" s="14" t="s">
        <v>23</v>
      </c>
      <c r="D59105" s="14" t="s">
        <v>319</v>
      </c>
      <c r="E59105" s="15">
        <v>45716</v>
      </c>
      <c r="F59105" s="14" t="s">
        <v>28</v>
      </c>
      <c r="G59105" s="16">
        <v>4.7634222921980767</v>
      </c>
    </row>
    <row r="59106" spans="1:7" x14ac:dyDescent="0.3">
      <c r="A59106" s="13" t="s">
        <v>318</v>
      </c>
      <c r="B59106" s="14" t="s">
        <v>1</v>
      </c>
      <c r="C59106" s="14" t="s">
        <v>23</v>
      </c>
      <c r="D59106" s="14" t="s">
        <v>319</v>
      </c>
      <c r="E59106" s="15">
        <v>45717</v>
      </c>
      <c r="F59106" s="14" t="s">
        <v>28</v>
      </c>
      <c r="G59106" s="16">
        <v>0</v>
      </c>
    </row>
    <row r="59107" spans="1:7" x14ac:dyDescent="0.3">
      <c r="A59107" s="13" t="s">
        <v>318</v>
      </c>
      <c r="B59107" s="14" t="s">
        <v>1</v>
      </c>
      <c r="C59107" s="14" t="s">
        <v>23</v>
      </c>
      <c r="D59107" s="14" t="s">
        <v>319</v>
      </c>
      <c r="E59107" s="15">
        <v>45718</v>
      </c>
      <c r="F59107" s="14" t="s">
        <v>28</v>
      </c>
      <c r="G59107" s="16">
        <v>0</v>
      </c>
    </row>
    <row r="59108" spans="1:7" x14ac:dyDescent="0.3">
      <c r="A59108" s="13" t="s">
        <v>318</v>
      </c>
      <c r="B59108" s="14" t="s">
        <v>1</v>
      </c>
      <c r="C59108" s="14" t="s">
        <v>23</v>
      </c>
      <c r="D59108" s="14" t="s">
        <v>319</v>
      </c>
      <c r="E59108" s="15">
        <v>45719</v>
      </c>
      <c r="F59108" s="14" t="s">
        <v>28</v>
      </c>
      <c r="G59108" s="16">
        <v>0</v>
      </c>
    </row>
    <row r="59109" spans="1:7" x14ac:dyDescent="0.3">
      <c r="A59109" s="13" t="s">
        <v>318</v>
      </c>
      <c r="B59109" s="14" t="s">
        <v>1</v>
      </c>
      <c r="C59109" s="14" t="s">
        <v>23</v>
      </c>
      <c r="D59109" s="14" t="s">
        <v>319</v>
      </c>
      <c r="E59109" s="15">
        <v>45720</v>
      </c>
      <c r="F59109" s="14" t="s">
        <v>28</v>
      </c>
      <c r="G59109" s="16">
        <v>0</v>
      </c>
    </row>
    <row r="59110" spans="1:7" x14ac:dyDescent="0.3">
      <c r="A59110" s="13" t="s">
        <v>318</v>
      </c>
      <c r="B59110" s="14" t="s">
        <v>1</v>
      </c>
      <c r="C59110" s="14" t="s">
        <v>23</v>
      </c>
      <c r="D59110" s="14" t="s">
        <v>319</v>
      </c>
      <c r="E59110" s="15">
        <v>45721</v>
      </c>
      <c r="F59110" s="14" t="s">
        <v>28</v>
      </c>
      <c r="G59110" s="16">
        <v>0</v>
      </c>
    </row>
    <row r="59111" spans="1:7" x14ac:dyDescent="0.3">
      <c r="A59111" s="13" t="s">
        <v>318</v>
      </c>
      <c r="B59111" s="14" t="s">
        <v>1</v>
      </c>
      <c r="C59111" s="14" t="s">
        <v>23</v>
      </c>
      <c r="D59111" s="14" t="s">
        <v>319</v>
      </c>
      <c r="E59111" s="15">
        <v>45722</v>
      </c>
      <c r="F59111" s="14" t="s">
        <v>28</v>
      </c>
      <c r="G59111" s="16">
        <v>0</v>
      </c>
    </row>
    <row r="59112" spans="1:7" x14ac:dyDescent="0.3">
      <c r="A59112" s="13" t="s">
        <v>318</v>
      </c>
      <c r="B59112" s="14" t="s">
        <v>1</v>
      </c>
      <c r="C59112" s="14" t="s">
        <v>23</v>
      </c>
      <c r="D59112" s="14" t="s">
        <v>319</v>
      </c>
      <c r="E59112" s="15">
        <v>45723</v>
      </c>
      <c r="F59112" s="14" t="s">
        <v>28</v>
      </c>
      <c r="G59112" s="16">
        <v>0</v>
      </c>
    </row>
    <row r="59113" spans="1:7" x14ac:dyDescent="0.3">
      <c r="A59113" s="13" t="s">
        <v>318</v>
      </c>
      <c r="B59113" s="14" t="s">
        <v>1</v>
      </c>
      <c r="C59113" s="14" t="s">
        <v>23</v>
      </c>
      <c r="D59113" s="14" t="s">
        <v>319</v>
      </c>
      <c r="E59113" s="15">
        <v>45724</v>
      </c>
      <c r="F59113" s="14" t="s">
        <v>28</v>
      </c>
      <c r="G59113" s="16">
        <v>0</v>
      </c>
    </row>
    <row r="59114" spans="1:7" x14ac:dyDescent="0.3">
      <c r="A59114" s="13" t="s">
        <v>318</v>
      </c>
      <c r="B59114" s="14" t="s">
        <v>1</v>
      </c>
      <c r="C59114" s="14" t="s">
        <v>23</v>
      </c>
      <c r="D59114" s="14" t="s">
        <v>319</v>
      </c>
      <c r="E59114" s="15">
        <v>45725</v>
      </c>
      <c r="F59114" s="14" t="s">
        <v>28</v>
      </c>
      <c r="G59114" s="16">
        <v>0</v>
      </c>
    </row>
    <row r="59115" spans="1:7" x14ac:dyDescent="0.3">
      <c r="A59115" s="13" t="s">
        <v>318</v>
      </c>
      <c r="B59115" s="14" t="s">
        <v>1</v>
      </c>
      <c r="C59115" s="14" t="s">
        <v>23</v>
      </c>
      <c r="D59115" s="14" t="s">
        <v>319</v>
      </c>
      <c r="E59115" s="15">
        <v>45726</v>
      </c>
      <c r="F59115" s="14" t="s">
        <v>28</v>
      </c>
      <c r="G59115" s="16">
        <v>0</v>
      </c>
    </row>
    <row r="59116" spans="1:7" x14ac:dyDescent="0.3">
      <c r="A59116" s="13" t="s">
        <v>318</v>
      </c>
      <c r="B59116" s="14" t="s">
        <v>1</v>
      </c>
      <c r="C59116" s="14" t="s">
        <v>23</v>
      </c>
      <c r="D59116" s="14" t="s">
        <v>319</v>
      </c>
      <c r="E59116" s="15">
        <v>45727</v>
      </c>
      <c r="F59116" s="14" t="s">
        <v>28</v>
      </c>
      <c r="G59116" s="16">
        <v>0</v>
      </c>
    </row>
    <row r="59117" spans="1:7" x14ac:dyDescent="0.3">
      <c r="A59117" s="13" t="s">
        <v>318</v>
      </c>
      <c r="B59117" s="14" t="s">
        <v>1</v>
      </c>
      <c r="C59117" s="14" t="s">
        <v>23</v>
      </c>
      <c r="D59117" s="14" t="s">
        <v>319</v>
      </c>
      <c r="E59117" s="15">
        <v>45728</v>
      </c>
      <c r="F59117" s="14" t="s">
        <v>28</v>
      </c>
      <c r="G59117" s="16">
        <v>0</v>
      </c>
    </row>
    <row r="59118" spans="1:7" x14ac:dyDescent="0.3">
      <c r="A59118" s="13" t="s">
        <v>318</v>
      </c>
      <c r="B59118" s="14" t="s">
        <v>1</v>
      </c>
      <c r="C59118" s="14" t="s">
        <v>23</v>
      </c>
      <c r="D59118" s="14" t="s">
        <v>319</v>
      </c>
      <c r="E59118" s="15">
        <v>45729</v>
      </c>
      <c r="F59118" s="14" t="s">
        <v>28</v>
      </c>
      <c r="G59118" s="16">
        <v>0</v>
      </c>
    </row>
    <row r="59119" spans="1:7" x14ac:dyDescent="0.3">
      <c r="A59119" s="13" t="s">
        <v>318</v>
      </c>
      <c r="B59119" s="14" t="s">
        <v>1</v>
      </c>
      <c r="C59119" s="14" t="s">
        <v>23</v>
      </c>
      <c r="D59119" s="14" t="s">
        <v>319</v>
      </c>
      <c r="E59119" s="15">
        <v>45730</v>
      </c>
      <c r="F59119" s="14" t="s">
        <v>28</v>
      </c>
      <c r="G59119" s="16">
        <v>0</v>
      </c>
    </row>
    <row r="59120" spans="1:7" x14ac:dyDescent="0.3">
      <c r="A59120" s="13" t="s">
        <v>318</v>
      </c>
      <c r="B59120" s="14" t="s">
        <v>1</v>
      </c>
      <c r="C59120" s="14" t="s">
        <v>23</v>
      </c>
      <c r="D59120" s="14" t="s">
        <v>319</v>
      </c>
      <c r="E59120" s="15">
        <v>45731</v>
      </c>
      <c r="F59120" s="14" t="s">
        <v>28</v>
      </c>
      <c r="G59120" s="16">
        <v>0</v>
      </c>
    </row>
    <row r="59121" spans="1:7" x14ac:dyDescent="0.3">
      <c r="A59121" s="13" t="s">
        <v>318</v>
      </c>
      <c r="B59121" s="14" t="s">
        <v>1</v>
      </c>
      <c r="C59121" s="14" t="s">
        <v>23</v>
      </c>
      <c r="D59121" s="14" t="s">
        <v>319</v>
      </c>
      <c r="E59121" s="15">
        <v>45732</v>
      </c>
      <c r="F59121" s="14" t="s">
        <v>28</v>
      </c>
      <c r="G59121" s="16">
        <v>0</v>
      </c>
    </row>
    <row r="59122" spans="1:7" x14ac:dyDescent="0.3">
      <c r="A59122" s="13" t="s">
        <v>318</v>
      </c>
      <c r="B59122" s="14" t="s">
        <v>1</v>
      </c>
      <c r="C59122" s="14" t="s">
        <v>23</v>
      </c>
      <c r="D59122" s="14" t="s">
        <v>319</v>
      </c>
      <c r="E59122" s="15">
        <v>45733</v>
      </c>
      <c r="F59122" s="14" t="s">
        <v>28</v>
      </c>
      <c r="G59122" s="16">
        <v>0</v>
      </c>
    </row>
    <row r="59123" spans="1:7" x14ac:dyDescent="0.3">
      <c r="A59123" s="13" t="s">
        <v>318</v>
      </c>
      <c r="B59123" s="14" t="s">
        <v>1</v>
      </c>
      <c r="C59123" s="14" t="s">
        <v>23</v>
      </c>
      <c r="D59123" s="14" t="s">
        <v>319</v>
      </c>
      <c r="E59123" s="15">
        <v>45734</v>
      </c>
      <c r="F59123" s="14" t="s">
        <v>28</v>
      </c>
      <c r="G59123" s="16">
        <v>0</v>
      </c>
    </row>
    <row r="59124" spans="1:7" x14ac:dyDescent="0.3">
      <c r="A59124" s="13" t="s">
        <v>318</v>
      </c>
      <c r="B59124" s="14" t="s">
        <v>1</v>
      </c>
      <c r="C59124" s="14" t="s">
        <v>23</v>
      </c>
      <c r="D59124" s="14" t="s">
        <v>319</v>
      </c>
      <c r="E59124" s="15">
        <v>45735</v>
      </c>
      <c r="F59124" s="14" t="s">
        <v>28</v>
      </c>
      <c r="G59124" s="16">
        <v>0</v>
      </c>
    </row>
    <row r="59125" spans="1:7" x14ac:dyDescent="0.3">
      <c r="A59125" s="13" t="s">
        <v>318</v>
      </c>
      <c r="B59125" s="14" t="s">
        <v>1</v>
      </c>
      <c r="C59125" s="14" t="s">
        <v>23</v>
      </c>
      <c r="D59125" s="14" t="s">
        <v>319</v>
      </c>
      <c r="E59125" s="15">
        <v>45736</v>
      </c>
      <c r="F59125" s="14" t="s">
        <v>28</v>
      </c>
      <c r="G59125" s="16">
        <v>0</v>
      </c>
    </row>
    <row r="59126" spans="1:7" x14ac:dyDescent="0.3">
      <c r="A59126" s="13" t="s">
        <v>318</v>
      </c>
      <c r="B59126" s="14" t="s">
        <v>1</v>
      </c>
      <c r="C59126" s="14" t="s">
        <v>23</v>
      </c>
      <c r="D59126" s="14" t="s">
        <v>319</v>
      </c>
      <c r="E59126" s="15">
        <v>45737</v>
      </c>
      <c r="F59126" s="14" t="s">
        <v>28</v>
      </c>
      <c r="G59126" s="16">
        <v>0</v>
      </c>
    </row>
    <row r="59127" spans="1:7" x14ac:dyDescent="0.3">
      <c r="A59127" s="13" t="s">
        <v>318</v>
      </c>
      <c r="B59127" s="14" t="s">
        <v>1</v>
      </c>
      <c r="C59127" s="14" t="s">
        <v>23</v>
      </c>
      <c r="D59127" s="14" t="s">
        <v>319</v>
      </c>
      <c r="E59127" s="15">
        <v>45738</v>
      </c>
      <c r="F59127" s="14" t="s">
        <v>28</v>
      </c>
      <c r="G59127" s="16">
        <v>0</v>
      </c>
    </row>
    <row r="59128" spans="1:7" x14ac:dyDescent="0.3">
      <c r="A59128" s="13" t="s">
        <v>318</v>
      </c>
      <c r="B59128" s="14" t="s">
        <v>1</v>
      </c>
      <c r="C59128" s="14" t="s">
        <v>23</v>
      </c>
      <c r="D59128" s="14" t="s">
        <v>319</v>
      </c>
      <c r="E59128" s="15">
        <v>45739</v>
      </c>
      <c r="F59128" s="14" t="s">
        <v>28</v>
      </c>
      <c r="G59128" s="16">
        <v>0</v>
      </c>
    </row>
    <row r="59129" spans="1:7" x14ac:dyDescent="0.3">
      <c r="A59129" s="13" t="s">
        <v>318</v>
      </c>
      <c r="B59129" s="14" t="s">
        <v>1</v>
      </c>
      <c r="C59129" s="14" t="s">
        <v>23</v>
      </c>
      <c r="D59129" s="14" t="s">
        <v>319</v>
      </c>
      <c r="E59129" s="15">
        <v>45740</v>
      </c>
      <c r="F59129" s="14" t="s">
        <v>28</v>
      </c>
      <c r="G59129" s="16">
        <v>0</v>
      </c>
    </row>
    <row r="59130" spans="1:7" x14ac:dyDescent="0.3">
      <c r="A59130" s="13" t="s">
        <v>318</v>
      </c>
      <c r="B59130" s="14" t="s">
        <v>1</v>
      </c>
      <c r="C59130" s="14" t="s">
        <v>23</v>
      </c>
      <c r="D59130" s="14" t="s">
        <v>319</v>
      </c>
      <c r="E59130" s="15">
        <v>45741</v>
      </c>
      <c r="F59130" s="14" t="s">
        <v>28</v>
      </c>
      <c r="G59130" s="16">
        <v>0</v>
      </c>
    </row>
    <row r="59131" spans="1:7" x14ac:dyDescent="0.3">
      <c r="A59131" s="13" t="s">
        <v>318</v>
      </c>
      <c r="B59131" s="14" t="s">
        <v>1</v>
      </c>
      <c r="C59131" s="14" t="s">
        <v>23</v>
      </c>
      <c r="D59131" s="14" t="s">
        <v>319</v>
      </c>
      <c r="E59131" s="15">
        <v>45742</v>
      </c>
      <c r="F59131" s="14" t="s">
        <v>28</v>
      </c>
      <c r="G59131" s="16">
        <v>0</v>
      </c>
    </row>
    <row r="59132" spans="1:7" x14ac:dyDescent="0.3">
      <c r="A59132" s="13" t="s">
        <v>318</v>
      </c>
      <c r="B59132" s="14" t="s">
        <v>1</v>
      </c>
      <c r="C59132" s="14" t="s">
        <v>23</v>
      </c>
      <c r="D59132" s="14" t="s">
        <v>319</v>
      </c>
      <c r="E59132" s="15">
        <v>45743</v>
      </c>
      <c r="F59132" s="14" t="s">
        <v>28</v>
      </c>
      <c r="G59132" s="16">
        <v>0</v>
      </c>
    </row>
    <row r="59133" spans="1:7" x14ac:dyDescent="0.3">
      <c r="A59133" s="13" t="s">
        <v>318</v>
      </c>
      <c r="B59133" s="14" t="s">
        <v>1</v>
      </c>
      <c r="C59133" s="14" t="s">
        <v>23</v>
      </c>
      <c r="D59133" s="14" t="s">
        <v>319</v>
      </c>
      <c r="E59133" s="15">
        <v>45744</v>
      </c>
      <c r="F59133" s="14" t="s">
        <v>28</v>
      </c>
      <c r="G59133" s="16">
        <v>0</v>
      </c>
    </row>
    <row r="59134" spans="1:7" x14ac:dyDescent="0.3">
      <c r="A59134" s="13" t="s">
        <v>318</v>
      </c>
      <c r="B59134" s="14" t="s">
        <v>1</v>
      </c>
      <c r="C59134" s="14" t="s">
        <v>23</v>
      </c>
      <c r="D59134" s="14" t="s">
        <v>319</v>
      </c>
      <c r="E59134" s="15">
        <v>45745</v>
      </c>
      <c r="F59134" s="14" t="s">
        <v>28</v>
      </c>
      <c r="G59134" s="16">
        <v>0</v>
      </c>
    </row>
    <row r="59135" spans="1:7" x14ac:dyDescent="0.3">
      <c r="A59135" s="13" t="s">
        <v>318</v>
      </c>
      <c r="B59135" s="14" t="s">
        <v>1</v>
      </c>
      <c r="C59135" s="14" t="s">
        <v>23</v>
      </c>
      <c r="D59135" s="14" t="s">
        <v>319</v>
      </c>
      <c r="E59135" s="15">
        <v>45746</v>
      </c>
      <c r="F59135" s="14" t="s">
        <v>28</v>
      </c>
      <c r="G59135" s="16">
        <v>0</v>
      </c>
    </row>
    <row r="59136" spans="1:7" x14ac:dyDescent="0.3">
      <c r="A59136" s="13" t="s">
        <v>318</v>
      </c>
      <c r="B59136" s="14" t="s">
        <v>1</v>
      </c>
      <c r="C59136" s="14" t="s">
        <v>23</v>
      </c>
      <c r="D59136" s="14" t="s">
        <v>319</v>
      </c>
      <c r="E59136" s="15">
        <v>45747</v>
      </c>
      <c r="F59136" s="14" t="s">
        <v>28</v>
      </c>
      <c r="G59136" s="16">
        <v>0</v>
      </c>
    </row>
    <row r="59137" spans="1:7" x14ac:dyDescent="0.3">
      <c r="A59137" s="13" t="s">
        <v>320</v>
      </c>
      <c r="B59137" s="14" t="s">
        <v>1</v>
      </c>
      <c r="C59137" s="14" t="s">
        <v>23</v>
      </c>
      <c r="D59137" s="14" t="s">
        <v>321</v>
      </c>
      <c r="E59137" s="15">
        <v>45383</v>
      </c>
      <c r="F59137" s="14" t="s">
        <v>15</v>
      </c>
      <c r="G59137" s="16">
        <v>0</v>
      </c>
    </row>
    <row r="59138" spans="1:7" x14ac:dyDescent="0.3">
      <c r="A59138" s="13" t="s">
        <v>320</v>
      </c>
      <c r="B59138" s="14" t="s">
        <v>1</v>
      </c>
      <c r="C59138" s="14" t="s">
        <v>23</v>
      </c>
      <c r="D59138" s="14" t="s">
        <v>321</v>
      </c>
      <c r="E59138" s="15">
        <v>45384</v>
      </c>
      <c r="F59138" s="14" t="s">
        <v>15</v>
      </c>
      <c r="G59138" s="16">
        <v>0</v>
      </c>
    </row>
    <row r="59139" spans="1:7" x14ac:dyDescent="0.3">
      <c r="A59139" s="13" t="s">
        <v>320</v>
      </c>
      <c r="B59139" s="14" t="s">
        <v>1</v>
      </c>
      <c r="C59139" s="14" t="s">
        <v>23</v>
      </c>
      <c r="D59139" s="14" t="s">
        <v>321</v>
      </c>
      <c r="E59139" s="15">
        <v>45385</v>
      </c>
      <c r="F59139" s="14" t="s">
        <v>15</v>
      </c>
      <c r="G59139" s="16">
        <v>7.4555996580181444E-2</v>
      </c>
    </row>
    <row r="59140" spans="1:7" x14ac:dyDescent="0.3">
      <c r="A59140" s="13" t="s">
        <v>320</v>
      </c>
      <c r="B59140" s="14" t="s">
        <v>1</v>
      </c>
      <c r="C59140" s="14" t="s">
        <v>23</v>
      </c>
      <c r="D59140" s="14" t="s">
        <v>321</v>
      </c>
      <c r="E59140" s="15">
        <v>45386</v>
      </c>
      <c r="F59140" s="14" t="s">
        <v>15</v>
      </c>
      <c r="G59140" s="16">
        <v>9.2350847887495841E-2</v>
      </c>
    </row>
    <row r="59141" spans="1:7" x14ac:dyDescent="0.3">
      <c r="A59141" s="13" t="s">
        <v>320</v>
      </c>
      <c r="B59141" s="14" t="s">
        <v>1</v>
      </c>
      <c r="C59141" s="14" t="s">
        <v>23</v>
      </c>
      <c r="D59141" s="14" t="s">
        <v>321</v>
      </c>
      <c r="E59141" s="15">
        <v>45387</v>
      </c>
      <c r="F59141" s="14" t="s">
        <v>15</v>
      </c>
      <c r="G59141" s="16">
        <v>0.12028828182355739</v>
      </c>
    </row>
    <row r="59142" spans="1:7" x14ac:dyDescent="0.3">
      <c r="A59142" s="13" t="s">
        <v>320</v>
      </c>
      <c r="B59142" s="14" t="s">
        <v>1</v>
      </c>
      <c r="C59142" s="14" t="s">
        <v>23</v>
      </c>
      <c r="D59142" s="14" t="s">
        <v>321</v>
      </c>
      <c r="E59142" s="15">
        <v>45388</v>
      </c>
      <c r="F59142" s="14" t="s">
        <v>15</v>
      </c>
      <c r="G59142" s="16">
        <v>0.12028828182355739</v>
      </c>
    </row>
    <row r="59143" spans="1:7" x14ac:dyDescent="0.3">
      <c r="A59143" s="13" t="s">
        <v>320</v>
      </c>
      <c r="B59143" s="14" t="s">
        <v>1</v>
      </c>
      <c r="C59143" s="14" t="s">
        <v>23</v>
      </c>
      <c r="D59143" s="14" t="s">
        <v>321</v>
      </c>
      <c r="E59143" s="15">
        <v>45389</v>
      </c>
      <c r="F59143" s="14" t="s">
        <v>15</v>
      </c>
      <c r="G59143" s="16">
        <v>0.12028828182355739</v>
      </c>
    </row>
    <row r="59144" spans="1:7" x14ac:dyDescent="0.3">
      <c r="A59144" s="13" t="s">
        <v>320</v>
      </c>
      <c r="B59144" s="14" t="s">
        <v>1</v>
      </c>
      <c r="C59144" s="14" t="s">
        <v>23</v>
      </c>
      <c r="D59144" s="14" t="s">
        <v>321</v>
      </c>
      <c r="E59144" s="15">
        <v>45390</v>
      </c>
      <c r="F59144" s="14" t="s">
        <v>15</v>
      </c>
      <c r="G59144" s="16">
        <v>0.13613828301557587</v>
      </c>
    </row>
    <row r="59145" spans="1:7" x14ac:dyDescent="0.3">
      <c r="A59145" s="13" t="s">
        <v>320</v>
      </c>
      <c r="B59145" s="14" t="s">
        <v>1</v>
      </c>
      <c r="C59145" s="14" t="s">
        <v>23</v>
      </c>
      <c r="D59145" s="14" t="s">
        <v>321</v>
      </c>
      <c r="E59145" s="15">
        <v>45391</v>
      </c>
      <c r="F59145" s="14" t="s">
        <v>15</v>
      </c>
      <c r="G59145" s="16">
        <v>0.18360588605232916</v>
      </c>
    </row>
    <row r="59146" spans="1:7" x14ac:dyDescent="0.3">
      <c r="A59146" s="13" t="s">
        <v>320</v>
      </c>
      <c r="B59146" s="14" t="s">
        <v>1</v>
      </c>
      <c r="C59146" s="14" t="s">
        <v>23</v>
      </c>
      <c r="D59146" s="14" t="s">
        <v>321</v>
      </c>
      <c r="E59146" s="15">
        <v>45392</v>
      </c>
      <c r="F59146" s="14" t="s">
        <v>15</v>
      </c>
      <c r="G59146" s="16">
        <v>0.20227352752105787</v>
      </c>
    </row>
    <row r="59147" spans="1:7" x14ac:dyDescent="0.3">
      <c r="A59147" s="13" t="s">
        <v>320</v>
      </c>
      <c r="B59147" s="14" t="s">
        <v>1</v>
      </c>
      <c r="C59147" s="14" t="s">
        <v>23</v>
      </c>
      <c r="D59147" s="14" t="s">
        <v>321</v>
      </c>
      <c r="E59147" s="15">
        <v>45393</v>
      </c>
      <c r="F59147" s="14" t="s">
        <v>15</v>
      </c>
      <c r="G59147" s="16">
        <v>0.21938640342483651</v>
      </c>
    </row>
    <row r="59148" spans="1:7" x14ac:dyDescent="0.3">
      <c r="A59148" s="13" t="s">
        <v>320</v>
      </c>
      <c r="B59148" s="14" t="s">
        <v>1</v>
      </c>
      <c r="C59148" s="14" t="s">
        <v>23</v>
      </c>
      <c r="D59148" s="14" t="s">
        <v>321</v>
      </c>
      <c r="E59148" s="15">
        <v>45394</v>
      </c>
      <c r="F59148" s="14" t="s">
        <v>15</v>
      </c>
      <c r="G59148" s="16">
        <v>0.23521565135013708</v>
      </c>
    </row>
    <row r="59149" spans="1:7" x14ac:dyDescent="0.3">
      <c r="A59149" s="13" t="s">
        <v>320</v>
      </c>
      <c r="B59149" s="14" t="s">
        <v>1</v>
      </c>
      <c r="C59149" s="14" t="s">
        <v>23</v>
      </c>
      <c r="D59149" s="14" t="s">
        <v>321</v>
      </c>
      <c r="E59149" s="15">
        <v>45395</v>
      </c>
      <c r="F59149" s="14" t="s">
        <v>15</v>
      </c>
      <c r="G59149" s="16">
        <v>0.23521565135013708</v>
      </c>
    </row>
    <row r="59150" spans="1:7" x14ac:dyDescent="0.3">
      <c r="A59150" s="13" t="s">
        <v>320</v>
      </c>
      <c r="B59150" s="14" t="s">
        <v>1</v>
      </c>
      <c r="C59150" s="14" t="s">
        <v>23</v>
      </c>
      <c r="D59150" s="14" t="s">
        <v>321</v>
      </c>
      <c r="E59150" s="15">
        <v>45396</v>
      </c>
      <c r="F59150" s="14" t="s">
        <v>15</v>
      </c>
      <c r="G59150" s="16">
        <v>0.23521565135013708</v>
      </c>
    </row>
    <row r="59151" spans="1:7" x14ac:dyDescent="0.3">
      <c r="A59151" s="13" t="s">
        <v>320</v>
      </c>
      <c r="B59151" s="14" t="s">
        <v>1</v>
      </c>
      <c r="C59151" s="14" t="s">
        <v>23</v>
      </c>
      <c r="D59151" s="14" t="s">
        <v>321</v>
      </c>
      <c r="E59151" s="15">
        <v>45397</v>
      </c>
      <c r="F59151" s="14" t="s">
        <v>15</v>
      </c>
      <c r="G59151" s="16">
        <v>0.25231200150449223</v>
      </c>
    </row>
    <row r="59152" spans="1:7" x14ac:dyDescent="0.3">
      <c r="A59152" s="13" t="s">
        <v>320</v>
      </c>
      <c r="B59152" s="14" t="s">
        <v>1</v>
      </c>
      <c r="C59152" s="14" t="s">
        <v>23</v>
      </c>
      <c r="D59152" s="14" t="s">
        <v>321</v>
      </c>
      <c r="E59152" s="15">
        <v>45398</v>
      </c>
      <c r="F59152" s="14" t="s">
        <v>15</v>
      </c>
      <c r="G59152" s="16">
        <v>0.29906246388021557</v>
      </c>
    </row>
    <row r="59153" spans="1:7" x14ac:dyDescent="0.3">
      <c r="A59153" s="13" t="s">
        <v>320</v>
      </c>
      <c r="B59153" s="14" t="s">
        <v>1</v>
      </c>
      <c r="C59153" s="14" t="s">
        <v>23</v>
      </c>
      <c r="D59153" s="14" t="s">
        <v>321</v>
      </c>
      <c r="E59153" s="15">
        <v>45399</v>
      </c>
      <c r="F59153" s="14" t="s">
        <v>15</v>
      </c>
      <c r="G59153" s="16">
        <v>0.31464747660182668</v>
      </c>
    </row>
    <row r="59154" spans="1:7" x14ac:dyDescent="0.3">
      <c r="A59154" s="13" t="s">
        <v>320</v>
      </c>
      <c r="B59154" s="14" t="s">
        <v>1</v>
      </c>
      <c r="C59154" s="14" t="s">
        <v>23</v>
      </c>
      <c r="D59154" s="14" t="s">
        <v>321</v>
      </c>
      <c r="E59154" s="15">
        <v>45400</v>
      </c>
      <c r="F59154" s="14" t="s">
        <v>15</v>
      </c>
      <c r="G59154" s="16">
        <v>0.33025093667163141</v>
      </c>
    </row>
    <row r="59155" spans="1:7" x14ac:dyDescent="0.3">
      <c r="A59155" s="13" t="s">
        <v>320</v>
      </c>
      <c r="B59155" s="14" t="s">
        <v>1</v>
      </c>
      <c r="C59155" s="14" t="s">
        <v>23</v>
      </c>
      <c r="D59155" s="14" t="s">
        <v>321</v>
      </c>
      <c r="E59155" s="15">
        <v>45401</v>
      </c>
      <c r="F59155" s="14" t="s">
        <v>15</v>
      </c>
      <c r="G59155" s="16">
        <v>0.3459118525446645</v>
      </c>
    </row>
    <row r="59156" spans="1:7" x14ac:dyDescent="0.3">
      <c r="A59156" s="13" t="s">
        <v>320</v>
      </c>
      <c r="B59156" s="14" t="s">
        <v>1</v>
      </c>
      <c r="C59156" s="14" t="s">
        <v>23</v>
      </c>
      <c r="D59156" s="14" t="s">
        <v>321</v>
      </c>
      <c r="E59156" s="15">
        <v>45402</v>
      </c>
      <c r="F59156" s="14" t="s">
        <v>15</v>
      </c>
      <c r="G59156" s="16">
        <v>0.3459118525446645</v>
      </c>
    </row>
    <row r="59157" spans="1:7" x14ac:dyDescent="0.3">
      <c r="A59157" s="13" t="s">
        <v>320</v>
      </c>
      <c r="B59157" s="14" t="s">
        <v>1</v>
      </c>
      <c r="C59157" s="14" t="s">
        <v>23</v>
      </c>
      <c r="D59157" s="14" t="s">
        <v>321</v>
      </c>
      <c r="E59157" s="15">
        <v>45403</v>
      </c>
      <c r="F59157" s="14" t="s">
        <v>15</v>
      </c>
      <c r="G59157" s="16">
        <v>0.3459118525446645</v>
      </c>
    </row>
    <row r="59158" spans="1:7" x14ac:dyDescent="0.3">
      <c r="A59158" s="13" t="s">
        <v>320</v>
      </c>
      <c r="B59158" s="14" t="s">
        <v>1</v>
      </c>
      <c r="C59158" s="14" t="s">
        <v>23</v>
      </c>
      <c r="D59158" s="14" t="s">
        <v>321</v>
      </c>
      <c r="E59158" s="15">
        <v>45404</v>
      </c>
      <c r="F59158" s="14" t="s">
        <v>15</v>
      </c>
      <c r="G59158" s="16">
        <v>0.36851608125397739</v>
      </c>
    </row>
    <row r="59159" spans="1:7" x14ac:dyDescent="0.3">
      <c r="A59159" s="13" t="s">
        <v>320</v>
      </c>
      <c r="B59159" s="14" t="s">
        <v>1</v>
      </c>
      <c r="C59159" s="14" t="s">
        <v>23</v>
      </c>
      <c r="D59159" s="14" t="s">
        <v>321</v>
      </c>
      <c r="E59159" s="15">
        <v>45405</v>
      </c>
      <c r="F59159" s="14" t="s">
        <v>15</v>
      </c>
      <c r="G59159" s="16">
        <v>0.40895159359126876</v>
      </c>
    </row>
    <row r="59160" spans="1:7" x14ac:dyDescent="0.3">
      <c r="A59160" s="13" t="s">
        <v>320</v>
      </c>
      <c r="B59160" s="14" t="s">
        <v>1</v>
      </c>
      <c r="C59160" s="14" t="s">
        <v>23</v>
      </c>
      <c r="D59160" s="14" t="s">
        <v>321</v>
      </c>
      <c r="E59160" s="15">
        <v>45406</v>
      </c>
      <c r="F59160" s="14" t="s">
        <v>15</v>
      </c>
      <c r="G59160" s="16">
        <v>0.42188210977175766</v>
      </c>
    </row>
    <row r="59161" spans="1:7" x14ac:dyDescent="0.3">
      <c r="A59161" s="13" t="s">
        <v>320</v>
      </c>
      <c r="B59161" s="14" t="s">
        <v>1</v>
      </c>
      <c r="C59161" s="14" t="s">
        <v>23</v>
      </c>
      <c r="D59161" s="14" t="s">
        <v>321</v>
      </c>
      <c r="E59161" s="15">
        <v>45407</v>
      </c>
      <c r="F59161" s="14" t="s">
        <v>15</v>
      </c>
      <c r="G59161" s="16">
        <v>0.38902707637499828</v>
      </c>
    </row>
    <row r="59162" spans="1:7" x14ac:dyDescent="0.3">
      <c r="A59162" s="13" t="s">
        <v>320</v>
      </c>
      <c r="B59162" s="14" t="s">
        <v>1</v>
      </c>
      <c r="C59162" s="14" t="s">
        <v>23</v>
      </c>
      <c r="D59162" s="14" t="s">
        <v>321</v>
      </c>
      <c r="E59162" s="15">
        <v>45408</v>
      </c>
      <c r="F59162" s="14" t="s">
        <v>15</v>
      </c>
      <c r="G59162" s="16">
        <v>0.40350793844326577</v>
      </c>
    </row>
    <row r="59163" spans="1:7" x14ac:dyDescent="0.3">
      <c r="A59163" s="13" t="s">
        <v>320</v>
      </c>
      <c r="B59163" s="14" t="s">
        <v>1</v>
      </c>
      <c r="C59163" s="14" t="s">
        <v>23</v>
      </c>
      <c r="D59163" s="14" t="s">
        <v>321</v>
      </c>
      <c r="E59163" s="15">
        <v>45409</v>
      </c>
      <c r="F59163" s="14" t="s">
        <v>15</v>
      </c>
      <c r="G59163" s="16">
        <v>0.40350793844326577</v>
      </c>
    </row>
    <row r="59164" spans="1:7" x14ac:dyDescent="0.3">
      <c r="A59164" s="13" t="s">
        <v>320</v>
      </c>
      <c r="B59164" s="14" t="s">
        <v>1</v>
      </c>
      <c r="C59164" s="14" t="s">
        <v>23</v>
      </c>
      <c r="D59164" s="14" t="s">
        <v>321</v>
      </c>
      <c r="E59164" s="15">
        <v>45410</v>
      </c>
      <c r="F59164" s="14" t="s">
        <v>15</v>
      </c>
      <c r="G59164" s="16">
        <v>0.40350793844326577</v>
      </c>
    </row>
    <row r="59165" spans="1:7" x14ac:dyDescent="0.3">
      <c r="A59165" s="13" t="s">
        <v>320</v>
      </c>
      <c r="B59165" s="14" t="s">
        <v>1</v>
      </c>
      <c r="C59165" s="14" t="s">
        <v>23</v>
      </c>
      <c r="D59165" s="14" t="s">
        <v>321</v>
      </c>
      <c r="E59165" s="15">
        <v>45411</v>
      </c>
      <c r="F59165" s="14" t="s">
        <v>15</v>
      </c>
      <c r="G59165" s="16">
        <v>0.41957046845926582</v>
      </c>
    </row>
    <row r="59166" spans="1:7" x14ac:dyDescent="0.3">
      <c r="A59166" s="13" t="s">
        <v>320</v>
      </c>
      <c r="B59166" s="14" t="s">
        <v>1</v>
      </c>
      <c r="C59166" s="14" t="s">
        <v>23</v>
      </c>
      <c r="D59166" s="14" t="s">
        <v>321</v>
      </c>
      <c r="E59166" s="15">
        <v>45412</v>
      </c>
      <c r="F59166" s="14" t="s">
        <v>15</v>
      </c>
      <c r="G59166" s="16">
        <v>0.46790375174198379</v>
      </c>
    </row>
    <row r="59167" spans="1:7" x14ac:dyDescent="0.3">
      <c r="A59167" s="13" t="s">
        <v>320</v>
      </c>
      <c r="B59167" s="14" t="s">
        <v>1</v>
      </c>
      <c r="C59167" s="14" t="s">
        <v>23</v>
      </c>
      <c r="D59167" s="14" t="s">
        <v>321</v>
      </c>
      <c r="E59167" s="15">
        <v>45413</v>
      </c>
      <c r="F59167" s="14" t="s">
        <v>15</v>
      </c>
      <c r="G59167" s="16">
        <v>0.48389575908311833</v>
      </c>
    </row>
    <row r="59168" spans="1:7" x14ac:dyDescent="0.3">
      <c r="A59168" s="13" t="s">
        <v>320</v>
      </c>
      <c r="B59168" s="14" t="s">
        <v>1</v>
      </c>
      <c r="C59168" s="14" t="s">
        <v>23</v>
      </c>
      <c r="D59168" s="14" t="s">
        <v>321</v>
      </c>
      <c r="E59168" s="15">
        <v>45414</v>
      </c>
      <c r="F59168" s="14" t="s">
        <v>15</v>
      </c>
      <c r="G59168" s="16">
        <v>0.50028419225054033</v>
      </c>
    </row>
    <row r="59169" spans="1:7" x14ac:dyDescent="0.3">
      <c r="A59169" s="13" t="s">
        <v>320</v>
      </c>
      <c r="B59169" s="14" t="s">
        <v>1</v>
      </c>
      <c r="C59169" s="14" t="s">
        <v>23</v>
      </c>
      <c r="D59169" s="14" t="s">
        <v>321</v>
      </c>
      <c r="E59169" s="15">
        <v>45415</v>
      </c>
      <c r="F59169" s="14" t="s">
        <v>15</v>
      </c>
      <c r="G59169" s="16">
        <v>0.51639072687837739</v>
      </c>
    </row>
    <row r="59170" spans="1:7" x14ac:dyDescent="0.3">
      <c r="A59170" s="13" t="s">
        <v>320</v>
      </c>
      <c r="B59170" s="14" t="s">
        <v>1</v>
      </c>
      <c r="C59170" s="14" t="s">
        <v>23</v>
      </c>
      <c r="D59170" s="14" t="s">
        <v>321</v>
      </c>
      <c r="E59170" s="15">
        <v>45416</v>
      </c>
      <c r="F59170" s="14" t="s">
        <v>15</v>
      </c>
      <c r="G59170" s="16">
        <v>0.51639072687837739</v>
      </c>
    </row>
    <row r="59171" spans="1:7" x14ac:dyDescent="0.3">
      <c r="A59171" s="13" t="s">
        <v>320</v>
      </c>
      <c r="B59171" s="14" t="s">
        <v>1</v>
      </c>
      <c r="C59171" s="14" t="s">
        <v>23</v>
      </c>
      <c r="D59171" s="14" t="s">
        <v>321</v>
      </c>
      <c r="E59171" s="15">
        <v>45417</v>
      </c>
      <c r="F59171" s="14" t="s">
        <v>15</v>
      </c>
      <c r="G59171" s="16">
        <v>0.51639072687837739</v>
      </c>
    </row>
    <row r="59172" spans="1:7" x14ac:dyDescent="0.3">
      <c r="A59172" s="13" t="s">
        <v>320</v>
      </c>
      <c r="B59172" s="14" t="s">
        <v>1</v>
      </c>
      <c r="C59172" s="14" t="s">
        <v>23</v>
      </c>
      <c r="D59172" s="14" t="s">
        <v>321</v>
      </c>
      <c r="E59172" s="15">
        <v>45418</v>
      </c>
      <c r="F59172" s="14" t="s">
        <v>15</v>
      </c>
      <c r="G59172" s="16">
        <v>0.51639072687837739</v>
      </c>
    </row>
    <row r="59173" spans="1:7" x14ac:dyDescent="0.3">
      <c r="A59173" s="13" t="s">
        <v>320</v>
      </c>
      <c r="B59173" s="14" t="s">
        <v>1</v>
      </c>
      <c r="C59173" s="14" t="s">
        <v>23</v>
      </c>
      <c r="D59173" s="14" t="s">
        <v>321</v>
      </c>
      <c r="E59173" s="15">
        <v>45419</v>
      </c>
      <c r="F59173" s="14" t="s">
        <v>15</v>
      </c>
      <c r="G59173" s="16">
        <v>0.53191213468069565</v>
      </c>
    </row>
    <row r="59174" spans="1:7" x14ac:dyDescent="0.3">
      <c r="A59174" s="13" t="s">
        <v>320</v>
      </c>
      <c r="B59174" s="14" t="s">
        <v>1</v>
      </c>
      <c r="C59174" s="14" t="s">
        <v>23</v>
      </c>
      <c r="D59174" s="14" t="s">
        <v>321</v>
      </c>
      <c r="E59174" s="15">
        <v>45420</v>
      </c>
      <c r="F59174" s="14" t="s">
        <v>15</v>
      </c>
      <c r="G59174" s="16">
        <v>0.61066278921629602</v>
      </c>
    </row>
    <row r="59175" spans="1:7" x14ac:dyDescent="0.3">
      <c r="A59175" s="13" t="s">
        <v>320</v>
      </c>
      <c r="B59175" s="14" t="s">
        <v>1</v>
      </c>
      <c r="C59175" s="14" t="s">
        <v>23</v>
      </c>
      <c r="D59175" s="14" t="s">
        <v>321</v>
      </c>
      <c r="E59175" s="15">
        <v>45421</v>
      </c>
      <c r="F59175" s="14" t="s">
        <v>15</v>
      </c>
      <c r="G59175" s="16">
        <v>0.62677989263736911</v>
      </c>
    </row>
    <row r="59176" spans="1:7" x14ac:dyDescent="0.3">
      <c r="A59176" s="13" t="s">
        <v>320</v>
      </c>
      <c r="B59176" s="14" t="s">
        <v>1</v>
      </c>
      <c r="C59176" s="14" t="s">
        <v>23</v>
      </c>
      <c r="D59176" s="14" t="s">
        <v>321</v>
      </c>
      <c r="E59176" s="15">
        <v>45422</v>
      </c>
      <c r="F59176" s="14" t="s">
        <v>15</v>
      </c>
      <c r="G59176" s="16">
        <v>0.64275614286858818</v>
      </c>
    </row>
    <row r="59177" spans="1:7" x14ac:dyDescent="0.3">
      <c r="A59177" s="13" t="s">
        <v>320</v>
      </c>
      <c r="B59177" s="14" t="s">
        <v>1</v>
      </c>
      <c r="C59177" s="14" t="s">
        <v>23</v>
      </c>
      <c r="D59177" s="14" t="s">
        <v>321</v>
      </c>
      <c r="E59177" s="15">
        <v>45423</v>
      </c>
      <c r="F59177" s="14" t="s">
        <v>15</v>
      </c>
      <c r="G59177" s="16">
        <v>0.64275614286858818</v>
      </c>
    </row>
    <row r="59178" spans="1:7" x14ac:dyDescent="0.3">
      <c r="A59178" s="13" t="s">
        <v>320</v>
      </c>
      <c r="B59178" s="14" t="s">
        <v>1</v>
      </c>
      <c r="C59178" s="14" t="s">
        <v>23</v>
      </c>
      <c r="D59178" s="14" t="s">
        <v>321</v>
      </c>
      <c r="E59178" s="15">
        <v>45424</v>
      </c>
      <c r="F59178" s="14" t="s">
        <v>15</v>
      </c>
      <c r="G59178" s="16">
        <v>0.64275614286858818</v>
      </c>
    </row>
    <row r="59179" spans="1:7" x14ac:dyDescent="0.3">
      <c r="A59179" s="13" t="s">
        <v>320</v>
      </c>
      <c r="B59179" s="14" t="s">
        <v>1</v>
      </c>
      <c r="C59179" s="14" t="s">
        <v>23</v>
      </c>
      <c r="D59179" s="14" t="s">
        <v>321</v>
      </c>
      <c r="E59179" s="15">
        <v>45425</v>
      </c>
      <c r="F59179" s="14" t="s">
        <v>15</v>
      </c>
      <c r="G59179" s="16">
        <v>0.65936248533654818</v>
      </c>
    </row>
    <row r="59180" spans="1:7" x14ac:dyDescent="0.3">
      <c r="A59180" s="13" t="s">
        <v>320</v>
      </c>
      <c r="B59180" s="14" t="s">
        <v>1</v>
      </c>
      <c r="C59180" s="14" t="s">
        <v>23</v>
      </c>
      <c r="D59180" s="14" t="s">
        <v>321</v>
      </c>
      <c r="E59180" s="15">
        <v>45426</v>
      </c>
      <c r="F59180" s="14" t="s">
        <v>15</v>
      </c>
      <c r="G59180" s="16">
        <v>0.70895576093287105</v>
      </c>
    </row>
    <row r="59181" spans="1:7" x14ac:dyDescent="0.3">
      <c r="A59181" s="13" t="s">
        <v>320</v>
      </c>
      <c r="B59181" s="14" t="s">
        <v>1</v>
      </c>
      <c r="C59181" s="14" t="s">
        <v>23</v>
      </c>
      <c r="D59181" s="14" t="s">
        <v>321</v>
      </c>
      <c r="E59181" s="15">
        <v>45427</v>
      </c>
      <c r="F59181" s="14" t="s">
        <v>15</v>
      </c>
      <c r="G59181" s="16">
        <v>0.72491298733626541</v>
      </c>
    </row>
    <row r="59182" spans="1:7" x14ac:dyDescent="0.3">
      <c r="A59182" s="13" t="s">
        <v>320</v>
      </c>
      <c r="B59182" s="14" t="s">
        <v>1</v>
      </c>
      <c r="C59182" s="14" t="s">
        <v>23</v>
      </c>
      <c r="D59182" s="14" t="s">
        <v>321</v>
      </c>
      <c r="E59182" s="15">
        <v>45428</v>
      </c>
      <c r="F59182" s="14" t="s">
        <v>15</v>
      </c>
      <c r="G59182" s="16">
        <v>0.74110157423158918</v>
      </c>
    </row>
    <row r="59183" spans="1:7" x14ac:dyDescent="0.3">
      <c r="A59183" s="13" t="s">
        <v>320</v>
      </c>
      <c r="B59183" s="14" t="s">
        <v>1</v>
      </c>
      <c r="C59183" s="14" t="s">
        <v>23</v>
      </c>
      <c r="D59183" s="14" t="s">
        <v>321</v>
      </c>
      <c r="E59183" s="15">
        <v>45429</v>
      </c>
      <c r="F59183" s="14" t="s">
        <v>15</v>
      </c>
      <c r="G59183" s="16">
        <v>0.75728785520838859</v>
      </c>
    </row>
    <row r="59184" spans="1:7" x14ac:dyDescent="0.3">
      <c r="A59184" s="13" t="s">
        <v>320</v>
      </c>
      <c r="B59184" s="14" t="s">
        <v>1</v>
      </c>
      <c r="C59184" s="14" t="s">
        <v>23</v>
      </c>
      <c r="D59184" s="14" t="s">
        <v>321</v>
      </c>
      <c r="E59184" s="15">
        <v>45430</v>
      </c>
      <c r="F59184" s="14" t="s">
        <v>15</v>
      </c>
      <c r="G59184" s="16">
        <v>0.75728785520838859</v>
      </c>
    </row>
    <row r="59185" spans="1:7" x14ac:dyDescent="0.3">
      <c r="A59185" s="13" t="s">
        <v>320</v>
      </c>
      <c r="B59185" s="14" t="s">
        <v>1</v>
      </c>
      <c r="C59185" s="14" t="s">
        <v>23</v>
      </c>
      <c r="D59185" s="14" t="s">
        <v>321</v>
      </c>
      <c r="E59185" s="15">
        <v>45431</v>
      </c>
      <c r="F59185" s="14" t="s">
        <v>15</v>
      </c>
      <c r="G59185" s="16">
        <v>0.75728785520838859</v>
      </c>
    </row>
    <row r="59186" spans="1:7" x14ac:dyDescent="0.3">
      <c r="A59186" s="13" t="s">
        <v>320</v>
      </c>
      <c r="B59186" s="14" t="s">
        <v>1</v>
      </c>
      <c r="C59186" s="14" t="s">
        <v>23</v>
      </c>
      <c r="D59186" s="14" t="s">
        <v>321</v>
      </c>
      <c r="E59186" s="15">
        <v>45432</v>
      </c>
      <c r="F59186" s="14" t="s">
        <v>15</v>
      </c>
      <c r="G59186" s="16">
        <v>0.77365764886773991</v>
      </c>
    </row>
    <row r="59187" spans="1:7" x14ac:dyDescent="0.3">
      <c r="A59187" s="13" t="s">
        <v>320</v>
      </c>
      <c r="B59187" s="14" t="s">
        <v>1</v>
      </c>
      <c r="C59187" s="14" t="s">
        <v>23</v>
      </c>
      <c r="D59187" s="14" t="s">
        <v>321</v>
      </c>
      <c r="E59187" s="15">
        <v>45433</v>
      </c>
      <c r="F59187" s="14" t="s">
        <v>15</v>
      </c>
      <c r="G59187" s="16">
        <v>0.82235872615506966</v>
      </c>
    </row>
    <row r="59188" spans="1:7" x14ac:dyDescent="0.3">
      <c r="A59188" s="13" t="s">
        <v>320</v>
      </c>
      <c r="B59188" s="14" t="s">
        <v>1</v>
      </c>
      <c r="C59188" s="14" t="s">
        <v>23</v>
      </c>
      <c r="D59188" s="14" t="s">
        <v>321</v>
      </c>
      <c r="E59188" s="15">
        <v>45434</v>
      </c>
      <c r="F59188" s="14" t="s">
        <v>15</v>
      </c>
      <c r="G59188" s="16">
        <v>0.83854135609420577</v>
      </c>
    </row>
    <row r="59189" spans="1:7" x14ac:dyDescent="0.3">
      <c r="A59189" s="13" t="s">
        <v>320</v>
      </c>
      <c r="B59189" s="14" t="s">
        <v>1</v>
      </c>
      <c r="C59189" s="14" t="s">
        <v>23</v>
      </c>
      <c r="D59189" s="14" t="s">
        <v>321</v>
      </c>
      <c r="E59189" s="15">
        <v>45435</v>
      </c>
      <c r="F59189" s="14" t="s">
        <v>15</v>
      </c>
      <c r="G59189" s="16">
        <v>0.8571641394889733</v>
      </c>
    </row>
    <row r="59190" spans="1:7" x14ac:dyDescent="0.3">
      <c r="A59190" s="13" t="s">
        <v>320</v>
      </c>
      <c r="B59190" s="14" t="s">
        <v>1</v>
      </c>
      <c r="C59190" s="14" t="s">
        <v>23</v>
      </c>
      <c r="D59190" s="14" t="s">
        <v>321</v>
      </c>
      <c r="E59190" s="15">
        <v>45436</v>
      </c>
      <c r="F59190" s="14" t="s">
        <v>15</v>
      </c>
      <c r="G59190" s="16">
        <v>0.8730684850999082</v>
      </c>
    </row>
    <row r="59191" spans="1:7" x14ac:dyDescent="0.3">
      <c r="A59191" s="13" t="s">
        <v>320</v>
      </c>
      <c r="B59191" s="14" t="s">
        <v>1</v>
      </c>
      <c r="C59191" s="14" t="s">
        <v>23</v>
      </c>
      <c r="D59191" s="14" t="s">
        <v>321</v>
      </c>
      <c r="E59191" s="15">
        <v>45437</v>
      </c>
      <c r="F59191" s="14" t="s">
        <v>15</v>
      </c>
      <c r="G59191" s="16">
        <v>0.8730684850999082</v>
      </c>
    </row>
    <row r="59192" spans="1:7" x14ac:dyDescent="0.3">
      <c r="A59192" s="13" t="s">
        <v>320</v>
      </c>
      <c r="B59192" s="14" t="s">
        <v>1</v>
      </c>
      <c r="C59192" s="14" t="s">
        <v>23</v>
      </c>
      <c r="D59192" s="14" t="s">
        <v>321</v>
      </c>
      <c r="E59192" s="15">
        <v>45438</v>
      </c>
      <c r="F59192" s="14" t="s">
        <v>15</v>
      </c>
      <c r="G59192" s="16">
        <v>0.8730684850999082</v>
      </c>
    </row>
    <row r="59193" spans="1:7" x14ac:dyDescent="0.3">
      <c r="A59193" s="13" t="s">
        <v>320</v>
      </c>
      <c r="B59193" s="14" t="s">
        <v>1</v>
      </c>
      <c r="C59193" s="14" t="s">
        <v>23</v>
      </c>
      <c r="D59193" s="14" t="s">
        <v>321</v>
      </c>
      <c r="E59193" s="15">
        <v>45439</v>
      </c>
      <c r="F59193" s="14" t="s">
        <v>15</v>
      </c>
      <c r="G59193" s="16">
        <v>0.8730684850999082</v>
      </c>
    </row>
    <row r="59194" spans="1:7" x14ac:dyDescent="0.3">
      <c r="A59194" s="13" t="s">
        <v>320</v>
      </c>
      <c r="B59194" s="14" t="s">
        <v>1</v>
      </c>
      <c r="C59194" s="14" t="s">
        <v>23</v>
      </c>
      <c r="D59194" s="14" t="s">
        <v>321</v>
      </c>
      <c r="E59194" s="15">
        <v>45440</v>
      </c>
      <c r="F59194" s="14" t="s">
        <v>15</v>
      </c>
      <c r="G59194" s="16">
        <v>0.88890902507959846</v>
      </c>
    </row>
    <row r="59195" spans="1:7" x14ac:dyDescent="0.3">
      <c r="A59195" s="13" t="s">
        <v>320</v>
      </c>
      <c r="B59195" s="14" t="s">
        <v>1</v>
      </c>
      <c r="C59195" s="14" t="s">
        <v>23</v>
      </c>
      <c r="D59195" s="14" t="s">
        <v>321</v>
      </c>
      <c r="E59195" s="15">
        <v>45441</v>
      </c>
      <c r="F59195" s="14" t="s">
        <v>15</v>
      </c>
      <c r="G59195" s="16">
        <v>0.9479275850411234</v>
      </c>
    </row>
    <row r="59196" spans="1:7" x14ac:dyDescent="0.3">
      <c r="A59196" s="13" t="s">
        <v>320</v>
      </c>
      <c r="B59196" s="14" t="s">
        <v>1</v>
      </c>
      <c r="C59196" s="14" t="s">
        <v>23</v>
      </c>
      <c r="D59196" s="14" t="s">
        <v>321</v>
      </c>
      <c r="E59196" s="15">
        <v>45442</v>
      </c>
      <c r="F59196" s="14" t="s">
        <v>15</v>
      </c>
      <c r="G59196" s="16">
        <v>0.96560145835414712</v>
      </c>
    </row>
    <row r="59197" spans="1:7" x14ac:dyDescent="0.3">
      <c r="A59197" s="13" t="s">
        <v>320</v>
      </c>
      <c r="B59197" s="14" t="s">
        <v>1</v>
      </c>
      <c r="C59197" s="14" t="s">
        <v>23</v>
      </c>
      <c r="D59197" s="14" t="s">
        <v>321</v>
      </c>
      <c r="E59197" s="15">
        <v>45443</v>
      </c>
      <c r="F59197" s="14" t="s">
        <v>15</v>
      </c>
      <c r="G59197" s="16">
        <v>0.97658732076798849</v>
      </c>
    </row>
    <row r="59198" spans="1:7" x14ac:dyDescent="0.3">
      <c r="A59198" s="13" t="s">
        <v>320</v>
      </c>
      <c r="B59198" s="14" t="s">
        <v>1</v>
      </c>
      <c r="C59198" s="14" t="s">
        <v>23</v>
      </c>
      <c r="D59198" s="14" t="s">
        <v>321</v>
      </c>
      <c r="E59198" s="15">
        <v>45444</v>
      </c>
      <c r="F59198" s="14" t="s">
        <v>15</v>
      </c>
      <c r="G59198" s="16">
        <v>0.97658732076798849</v>
      </c>
    </row>
    <row r="59199" spans="1:7" x14ac:dyDescent="0.3">
      <c r="A59199" s="13" t="s">
        <v>320</v>
      </c>
      <c r="B59199" s="14" t="s">
        <v>1</v>
      </c>
      <c r="C59199" s="14" t="s">
        <v>23</v>
      </c>
      <c r="D59199" s="14" t="s">
        <v>321</v>
      </c>
      <c r="E59199" s="15">
        <v>45445</v>
      </c>
      <c r="F59199" s="14" t="s">
        <v>15</v>
      </c>
      <c r="G59199" s="16">
        <v>0.97658732076798849</v>
      </c>
    </row>
    <row r="59200" spans="1:7" x14ac:dyDescent="0.3">
      <c r="A59200" s="13" t="s">
        <v>320</v>
      </c>
      <c r="B59200" s="14" t="s">
        <v>1</v>
      </c>
      <c r="C59200" s="14" t="s">
        <v>23</v>
      </c>
      <c r="D59200" s="14" t="s">
        <v>321</v>
      </c>
      <c r="E59200" s="15">
        <v>45446</v>
      </c>
      <c r="F59200" s="14" t="s">
        <v>15</v>
      </c>
      <c r="G59200" s="16">
        <v>0.97658732076798849</v>
      </c>
    </row>
    <row r="59201" spans="1:7" x14ac:dyDescent="0.3">
      <c r="A59201" s="13" t="s">
        <v>320</v>
      </c>
      <c r="B59201" s="14" t="s">
        <v>1</v>
      </c>
      <c r="C59201" s="14" t="s">
        <v>23</v>
      </c>
      <c r="D59201" s="14" t="s">
        <v>321</v>
      </c>
      <c r="E59201" s="15">
        <v>45447</v>
      </c>
      <c r="F59201" s="14" t="s">
        <v>15</v>
      </c>
      <c r="G59201" s="16">
        <v>0.99539607146520825</v>
      </c>
    </row>
    <row r="59202" spans="1:7" x14ac:dyDescent="0.3">
      <c r="A59202" s="13" t="s">
        <v>320</v>
      </c>
      <c r="B59202" s="14" t="s">
        <v>1</v>
      </c>
      <c r="C59202" s="14" t="s">
        <v>23</v>
      </c>
      <c r="D59202" s="14" t="s">
        <v>321</v>
      </c>
      <c r="E59202" s="15">
        <v>45448</v>
      </c>
      <c r="F59202" s="14" t="s">
        <v>15</v>
      </c>
      <c r="G59202" s="16">
        <v>1.0635540501369967</v>
      </c>
    </row>
    <row r="59203" spans="1:7" x14ac:dyDescent="0.3">
      <c r="A59203" s="13" t="s">
        <v>320</v>
      </c>
      <c r="B59203" s="14" t="s">
        <v>1</v>
      </c>
      <c r="C59203" s="14" t="s">
        <v>23</v>
      </c>
      <c r="D59203" s="14" t="s">
        <v>321</v>
      </c>
      <c r="E59203" s="15">
        <v>45449</v>
      </c>
      <c r="F59203" s="14" t="s">
        <v>15</v>
      </c>
      <c r="G59203" s="16">
        <v>1.0789958616879858</v>
      </c>
    </row>
    <row r="59204" spans="1:7" x14ac:dyDescent="0.3">
      <c r="A59204" s="13" t="s">
        <v>320</v>
      </c>
      <c r="B59204" s="14" t="s">
        <v>1</v>
      </c>
      <c r="C59204" s="14" t="s">
        <v>23</v>
      </c>
      <c r="D59204" s="14" t="s">
        <v>321</v>
      </c>
      <c r="E59204" s="15">
        <v>45450</v>
      </c>
      <c r="F59204" s="14" t="s">
        <v>15</v>
      </c>
      <c r="G59204" s="16">
        <v>1.1143277731481485</v>
      </c>
    </row>
    <row r="59205" spans="1:7" x14ac:dyDescent="0.3">
      <c r="A59205" s="13" t="s">
        <v>320</v>
      </c>
      <c r="B59205" s="14" t="s">
        <v>1</v>
      </c>
      <c r="C59205" s="14" t="s">
        <v>23</v>
      </c>
      <c r="D59205" s="14" t="s">
        <v>321</v>
      </c>
      <c r="E59205" s="15">
        <v>45451</v>
      </c>
      <c r="F59205" s="14" t="s">
        <v>15</v>
      </c>
      <c r="G59205" s="16">
        <v>1.1143277731481485</v>
      </c>
    </row>
    <row r="59206" spans="1:7" x14ac:dyDescent="0.3">
      <c r="A59206" s="13" t="s">
        <v>320</v>
      </c>
      <c r="B59206" s="14" t="s">
        <v>1</v>
      </c>
      <c r="C59206" s="14" t="s">
        <v>23</v>
      </c>
      <c r="D59206" s="14" t="s">
        <v>321</v>
      </c>
      <c r="E59206" s="15">
        <v>45452</v>
      </c>
      <c r="F59206" s="14" t="s">
        <v>15</v>
      </c>
      <c r="G59206" s="16">
        <v>1.1143277731481485</v>
      </c>
    </row>
    <row r="59207" spans="1:7" x14ac:dyDescent="0.3">
      <c r="A59207" s="13" t="s">
        <v>320</v>
      </c>
      <c r="B59207" s="14" t="s">
        <v>1</v>
      </c>
      <c r="C59207" s="14" t="s">
        <v>23</v>
      </c>
      <c r="D59207" s="14" t="s">
        <v>321</v>
      </c>
      <c r="E59207" s="15">
        <v>45453</v>
      </c>
      <c r="F59207" s="14" t="s">
        <v>15</v>
      </c>
      <c r="G59207" s="16">
        <v>1.1297339352895099</v>
      </c>
    </row>
    <row r="59208" spans="1:7" x14ac:dyDescent="0.3">
      <c r="A59208" s="13" t="s">
        <v>320</v>
      </c>
      <c r="B59208" s="14" t="s">
        <v>1</v>
      </c>
      <c r="C59208" s="14" t="s">
        <v>23</v>
      </c>
      <c r="D59208" s="14" t="s">
        <v>321</v>
      </c>
      <c r="E59208" s="15">
        <v>45454</v>
      </c>
      <c r="F59208" s="14" t="s">
        <v>15</v>
      </c>
      <c r="G59208" s="16">
        <v>1.1759588985207898</v>
      </c>
    </row>
    <row r="59209" spans="1:7" x14ac:dyDescent="0.3">
      <c r="A59209" s="13" t="s">
        <v>320</v>
      </c>
      <c r="B59209" s="14" t="s">
        <v>1</v>
      </c>
      <c r="C59209" s="14" t="s">
        <v>23</v>
      </c>
      <c r="D59209" s="14" t="s">
        <v>321</v>
      </c>
      <c r="E59209" s="15">
        <v>45455</v>
      </c>
      <c r="F59209" s="14" t="s">
        <v>15</v>
      </c>
      <c r="G59209" s="16">
        <v>1.1914013912706889</v>
      </c>
    </row>
    <row r="59210" spans="1:7" x14ac:dyDescent="0.3">
      <c r="A59210" s="13" t="s">
        <v>320</v>
      </c>
      <c r="B59210" s="14" t="s">
        <v>1</v>
      </c>
      <c r="C59210" s="14" t="s">
        <v>23</v>
      </c>
      <c r="D59210" s="14" t="s">
        <v>321</v>
      </c>
      <c r="E59210" s="15">
        <v>45456</v>
      </c>
      <c r="F59210" s="14" t="s">
        <v>15</v>
      </c>
      <c r="G59210" s="16">
        <v>1.2062741746654566</v>
      </c>
    </row>
    <row r="59211" spans="1:7" x14ac:dyDescent="0.3">
      <c r="A59211" s="13" t="s">
        <v>320</v>
      </c>
      <c r="B59211" s="14" t="s">
        <v>1</v>
      </c>
      <c r="C59211" s="14" t="s">
        <v>23</v>
      </c>
      <c r="D59211" s="14" t="s">
        <v>321</v>
      </c>
      <c r="E59211" s="15">
        <v>45457</v>
      </c>
      <c r="F59211" s="14" t="s">
        <v>15</v>
      </c>
      <c r="G59211" s="16">
        <v>1.2231828345361553</v>
      </c>
    </row>
    <row r="59212" spans="1:7" x14ac:dyDescent="0.3">
      <c r="A59212" s="13" t="s">
        <v>320</v>
      </c>
      <c r="B59212" s="14" t="s">
        <v>1</v>
      </c>
      <c r="C59212" s="14" t="s">
        <v>23</v>
      </c>
      <c r="D59212" s="14" t="s">
        <v>321</v>
      </c>
      <c r="E59212" s="15">
        <v>45458</v>
      </c>
      <c r="F59212" s="14" t="s">
        <v>15</v>
      </c>
      <c r="G59212" s="16">
        <v>1.2231828345361553</v>
      </c>
    </row>
    <row r="59213" spans="1:7" x14ac:dyDescent="0.3">
      <c r="A59213" s="13" t="s">
        <v>320</v>
      </c>
      <c r="B59213" s="14" t="s">
        <v>1</v>
      </c>
      <c r="C59213" s="14" t="s">
        <v>23</v>
      </c>
      <c r="D59213" s="14" t="s">
        <v>321</v>
      </c>
      <c r="E59213" s="15">
        <v>45459</v>
      </c>
      <c r="F59213" s="14" t="s">
        <v>15</v>
      </c>
      <c r="G59213" s="16">
        <v>1.2231828345361553</v>
      </c>
    </row>
    <row r="59214" spans="1:7" x14ac:dyDescent="0.3">
      <c r="A59214" s="13" t="s">
        <v>320</v>
      </c>
      <c r="B59214" s="14" t="s">
        <v>1</v>
      </c>
      <c r="C59214" s="14" t="s">
        <v>23</v>
      </c>
      <c r="D59214" s="14" t="s">
        <v>321</v>
      </c>
      <c r="E59214" s="15">
        <v>45460</v>
      </c>
      <c r="F59214" s="14" t="s">
        <v>15</v>
      </c>
      <c r="G59214" s="16">
        <v>1.2387156996747919</v>
      </c>
    </row>
    <row r="59215" spans="1:7" x14ac:dyDescent="0.3">
      <c r="A59215" s="13" t="s">
        <v>320</v>
      </c>
      <c r="B59215" s="14" t="s">
        <v>1</v>
      </c>
      <c r="C59215" s="14" t="s">
        <v>23</v>
      </c>
      <c r="D59215" s="14" t="s">
        <v>321</v>
      </c>
      <c r="E59215" s="15">
        <v>45461</v>
      </c>
      <c r="F59215" s="14" t="s">
        <v>15</v>
      </c>
      <c r="G59215" s="16">
        <v>1.2853337146771888</v>
      </c>
    </row>
    <row r="59216" spans="1:7" x14ac:dyDescent="0.3">
      <c r="A59216" s="13" t="s">
        <v>320</v>
      </c>
      <c r="B59216" s="14" t="s">
        <v>1</v>
      </c>
      <c r="C59216" s="14" t="s">
        <v>23</v>
      </c>
      <c r="D59216" s="14" t="s">
        <v>321</v>
      </c>
      <c r="E59216" s="15">
        <v>45462</v>
      </c>
      <c r="F59216" s="14" t="s">
        <v>15</v>
      </c>
      <c r="G59216" s="16">
        <v>1.2853337146771888</v>
      </c>
    </row>
    <row r="59217" spans="1:7" x14ac:dyDescent="0.3">
      <c r="A59217" s="13" t="s">
        <v>320</v>
      </c>
      <c r="B59217" s="14" t="s">
        <v>1</v>
      </c>
      <c r="C59217" s="14" t="s">
        <v>23</v>
      </c>
      <c r="D59217" s="14" t="s">
        <v>321</v>
      </c>
      <c r="E59217" s="15">
        <v>45463</v>
      </c>
      <c r="F59217" s="14" t="s">
        <v>15</v>
      </c>
      <c r="G59217" s="16">
        <v>1.3009006397613299</v>
      </c>
    </row>
    <row r="59218" spans="1:7" x14ac:dyDescent="0.3">
      <c r="A59218" s="13" t="s">
        <v>320</v>
      </c>
      <c r="B59218" s="14" t="s">
        <v>1</v>
      </c>
      <c r="C59218" s="14" t="s">
        <v>23</v>
      </c>
      <c r="D59218" s="14" t="s">
        <v>321</v>
      </c>
      <c r="E59218" s="15">
        <v>45464</v>
      </c>
      <c r="F59218" s="14" t="s">
        <v>15</v>
      </c>
      <c r="G59218" s="16">
        <v>1.3335168382333</v>
      </c>
    </row>
    <row r="59219" spans="1:7" x14ac:dyDescent="0.3">
      <c r="A59219" s="13" t="s">
        <v>320</v>
      </c>
      <c r="B59219" s="14" t="s">
        <v>1</v>
      </c>
      <c r="C59219" s="14" t="s">
        <v>23</v>
      </c>
      <c r="D59219" s="14" t="s">
        <v>321</v>
      </c>
      <c r="E59219" s="15">
        <v>45465</v>
      </c>
      <c r="F59219" s="14" t="s">
        <v>15</v>
      </c>
      <c r="G59219" s="16">
        <v>1.3335168382333</v>
      </c>
    </row>
    <row r="59220" spans="1:7" x14ac:dyDescent="0.3">
      <c r="A59220" s="13" t="s">
        <v>320</v>
      </c>
      <c r="B59220" s="14" t="s">
        <v>1</v>
      </c>
      <c r="C59220" s="14" t="s">
        <v>23</v>
      </c>
      <c r="D59220" s="14" t="s">
        <v>321</v>
      </c>
      <c r="E59220" s="15">
        <v>45466</v>
      </c>
      <c r="F59220" s="14" t="s">
        <v>15</v>
      </c>
      <c r="G59220" s="16">
        <v>1.3335168382333</v>
      </c>
    </row>
    <row r="59221" spans="1:7" x14ac:dyDescent="0.3">
      <c r="A59221" s="13" t="s">
        <v>320</v>
      </c>
      <c r="B59221" s="14" t="s">
        <v>1</v>
      </c>
      <c r="C59221" s="14" t="s">
        <v>23</v>
      </c>
      <c r="D59221" s="14" t="s">
        <v>321</v>
      </c>
      <c r="E59221" s="15">
        <v>45467</v>
      </c>
      <c r="F59221" s="14" t="s">
        <v>15</v>
      </c>
      <c r="G59221" s="16">
        <v>1.348998840519984</v>
      </c>
    </row>
    <row r="59222" spans="1:7" x14ac:dyDescent="0.3">
      <c r="A59222" s="13" t="s">
        <v>320</v>
      </c>
      <c r="B59222" s="14" t="s">
        <v>1</v>
      </c>
      <c r="C59222" s="14" t="s">
        <v>23</v>
      </c>
      <c r="D59222" s="14" t="s">
        <v>321</v>
      </c>
      <c r="E59222" s="15">
        <v>45468</v>
      </c>
      <c r="F59222" s="14" t="s">
        <v>15</v>
      </c>
      <c r="G59222" s="16">
        <v>1.3980058201000378</v>
      </c>
    </row>
    <row r="59223" spans="1:7" x14ac:dyDescent="0.3">
      <c r="A59223" s="13" t="s">
        <v>320</v>
      </c>
      <c r="B59223" s="14" t="s">
        <v>1</v>
      </c>
      <c r="C59223" s="14" t="s">
        <v>23</v>
      </c>
      <c r="D59223" s="14" t="s">
        <v>321</v>
      </c>
      <c r="E59223" s="15">
        <v>45469</v>
      </c>
      <c r="F59223" s="14" t="s">
        <v>15</v>
      </c>
      <c r="G59223" s="16">
        <v>1.4123568051296829</v>
      </c>
    </row>
    <row r="59224" spans="1:7" x14ac:dyDescent="0.3">
      <c r="A59224" s="13" t="s">
        <v>320</v>
      </c>
      <c r="B59224" s="14" t="s">
        <v>1</v>
      </c>
      <c r="C59224" s="14" t="s">
        <v>23</v>
      </c>
      <c r="D59224" s="14" t="s">
        <v>321</v>
      </c>
      <c r="E59224" s="15">
        <v>45470</v>
      </c>
      <c r="F59224" s="14" t="s">
        <v>15</v>
      </c>
      <c r="G59224" s="16">
        <v>1.4277273178614169</v>
      </c>
    </row>
    <row r="59225" spans="1:7" x14ac:dyDescent="0.3">
      <c r="A59225" s="13" t="s">
        <v>320</v>
      </c>
      <c r="B59225" s="14" t="s">
        <v>1</v>
      </c>
      <c r="C59225" s="14" t="s">
        <v>23</v>
      </c>
      <c r="D59225" s="14" t="s">
        <v>321</v>
      </c>
      <c r="E59225" s="15">
        <v>45471</v>
      </c>
      <c r="F59225" s="14" t="s">
        <v>15</v>
      </c>
      <c r="G59225" s="16">
        <v>1.4431559595668111</v>
      </c>
    </row>
    <row r="59226" spans="1:7" x14ac:dyDescent="0.3">
      <c r="A59226" s="13" t="s">
        <v>320</v>
      </c>
      <c r="B59226" s="14" t="s">
        <v>1</v>
      </c>
      <c r="C59226" s="14" t="s">
        <v>23</v>
      </c>
      <c r="D59226" s="14" t="s">
        <v>321</v>
      </c>
      <c r="E59226" s="15">
        <v>45472</v>
      </c>
      <c r="F59226" s="14" t="s">
        <v>15</v>
      </c>
      <c r="G59226" s="16">
        <v>1.4431559595668111</v>
      </c>
    </row>
    <row r="59227" spans="1:7" x14ac:dyDescent="0.3">
      <c r="A59227" s="13" t="s">
        <v>320</v>
      </c>
      <c r="B59227" s="14" t="s">
        <v>1</v>
      </c>
      <c r="C59227" s="14" t="s">
        <v>23</v>
      </c>
      <c r="D59227" s="14" t="s">
        <v>321</v>
      </c>
      <c r="E59227" s="15">
        <v>45473</v>
      </c>
      <c r="F59227" s="14" t="s">
        <v>15</v>
      </c>
      <c r="G59227" s="16">
        <v>1.4431559595668111</v>
      </c>
    </row>
    <row r="59228" spans="1:7" x14ac:dyDescent="0.3">
      <c r="A59228" s="13" t="s">
        <v>320</v>
      </c>
      <c r="B59228" s="14" t="s">
        <v>1</v>
      </c>
      <c r="C59228" s="14" t="s">
        <v>23</v>
      </c>
      <c r="D59228" s="14" t="s">
        <v>321</v>
      </c>
      <c r="E59228" s="15">
        <v>45474</v>
      </c>
      <c r="F59228" s="14" t="s">
        <v>15</v>
      </c>
      <c r="G59228" s="16">
        <v>1.4587140290651208</v>
      </c>
    </row>
    <row r="59229" spans="1:7" x14ac:dyDescent="0.3">
      <c r="A59229" s="13" t="s">
        <v>320</v>
      </c>
      <c r="B59229" s="14" t="s">
        <v>1</v>
      </c>
      <c r="C59229" s="14" t="s">
        <v>23</v>
      </c>
      <c r="D59229" s="14" t="s">
        <v>321</v>
      </c>
      <c r="E59229" s="15">
        <v>45475</v>
      </c>
      <c r="F59229" s="14" t="s">
        <v>15</v>
      </c>
      <c r="G59229" s="16">
        <v>1.5060136971102063</v>
      </c>
    </row>
    <row r="59230" spans="1:7" x14ac:dyDescent="0.3">
      <c r="A59230" s="13" t="s">
        <v>320</v>
      </c>
      <c r="B59230" s="14" t="s">
        <v>1</v>
      </c>
      <c r="C59230" s="14" t="s">
        <v>23</v>
      </c>
      <c r="D59230" s="14" t="s">
        <v>321</v>
      </c>
      <c r="E59230" s="15">
        <v>45476</v>
      </c>
      <c r="F59230" s="14" t="s">
        <v>15</v>
      </c>
      <c r="G59230" s="16">
        <v>1.521674400577635</v>
      </c>
    </row>
    <row r="59231" spans="1:7" x14ac:dyDescent="0.3">
      <c r="A59231" s="13" t="s">
        <v>320</v>
      </c>
      <c r="B59231" s="14" t="s">
        <v>1</v>
      </c>
      <c r="C59231" s="14" t="s">
        <v>23</v>
      </c>
      <c r="D59231" s="14" t="s">
        <v>321</v>
      </c>
      <c r="E59231" s="15">
        <v>45477</v>
      </c>
      <c r="F59231" s="14" t="s">
        <v>15</v>
      </c>
      <c r="G59231" s="16">
        <v>1.521674400577635</v>
      </c>
    </row>
    <row r="59232" spans="1:7" x14ac:dyDescent="0.3">
      <c r="A59232" s="13" t="s">
        <v>320</v>
      </c>
      <c r="B59232" s="14" t="s">
        <v>1</v>
      </c>
      <c r="C59232" s="14" t="s">
        <v>23</v>
      </c>
      <c r="D59232" s="14" t="s">
        <v>321</v>
      </c>
      <c r="E59232" s="15">
        <v>45478</v>
      </c>
      <c r="F59232" s="14" t="s">
        <v>15</v>
      </c>
      <c r="G59232" s="16">
        <v>1.5374665754347097</v>
      </c>
    </row>
    <row r="59233" spans="1:7" x14ac:dyDescent="0.3">
      <c r="A59233" s="13" t="s">
        <v>320</v>
      </c>
      <c r="B59233" s="14" t="s">
        <v>1</v>
      </c>
      <c r="C59233" s="14" t="s">
        <v>23</v>
      </c>
      <c r="D59233" s="14" t="s">
        <v>321</v>
      </c>
      <c r="E59233" s="15">
        <v>45479</v>
      </c>
      <c r="F59233" s="14" t="s">
        <v>15</v>
      </c>
      <c r="G59233" s="16">
        <v>1.5374665754347097</v>
      </c>
    </row>
    <row r="59234" spans="1:7" x14ac:dyDescent="0.3">
      <c r="A59234" s="13" t="s">
        <v>320</v>
      </c>
      <c r="B59234" s="14" t="s">
        <v>1</v>
      </c>
      <c r="C59234" s="14" t="s">
        <v>23</v>
      </c>
      <c r="D59234" s="14" t="s">
        <v>321</v>
      </c>
      <c r="E59234" s="15">
        <v>45480</v>
      </c>
      <c r="F59234" s="14" t="s">
        <v>15</v>
      </c>
      <c r="G59234" s="16">
        <v>1.5374665754347097</v>
      </c>
    </row>
    <row r="59235" spans="1:7" x14ac:dyDescent="0.3">
      <c r="A59235" s="13" t="s">
        <v>320</v>
      </c>
      <c r="B59235" s="14" t="s">
        <v>1</v>
      </c>
      <c r="C59235" s="14" t="s">
        <v>23</v>
      </c>
      <c r="D59235" s="14" t="s">
        <v>321</v>
      </c>
      <c r="E59235" s="15">
        <v>45481</v>
      </c>
      <c r="F59235" s="14" t="s">
        <v>15</v>
      </c>
      <c r="G59235" s="16">
        <v>1.5940162434797951</v>
      </c>
    </row>
    <row r="59236" spans="1:7" x14ac:dyDescent="0.3">
      <c r="A59236" s="13" t="s">
        <v>320</v>
      </c>
      <c r="B59236" s="14" t="s">
        <v>1</v>
      </c>
      <c r="C59236" s="14" t="s">
        <v>23</v>
      </c>
      <c r="D59236" s="14" t="s">
        <v>321</v>
      </c>
      <c r="E59236" s="15">
        <v>45482</v>
      </c>
      <c r="F59236" s="14" t="s">
        <v>15</v>
      </c>
      <c r="G59236" s="16">
        <v>1.6418542857301484</v>
      </c>
    </row>
    <row r="59237" spans="1:7" x14ac:dyDescent="0.3">
      <c r="A59237" s="13" t="s">
        <v>320</v>
      </c>
      <c r="B59237" s="14" t="s">
        <v>1</v>
      </c>
      <c r="C59237" s="14" t="s">
        <v>23</v>
      </c>
      <c r="D59237" s="14" t="s">
        <v>321</v>
      </c>
      <c r="E59237" s="15">
        <v>45483</v>
      </c>
      <c r="F59237" s="14" t="s">
        <v>15</v>
      </c>
      <c r="G59237" s="16">
        <v>1.6587543170813193</v>
      </c>
    </row>
    <row r="59238" spans="1:7" x14ac:dyDescent="0.3">
      <c r="A59238" s="13" t="s">
        <v>320</v>
      </c>
      <c r="B59238" s="14" t="s">
        <v>1</v>
      </c>
      <c r="C59238" s="14" t="s">
        <v>23</v>
      </c>
      <c r="D59238" s="14" t="s">
        <v>321</v>
      </c>
      <c r="E59238" s="15">
        <v>45484</v>
      </c>
      <c r="F59238" s="14" t="s">
        <v>15</v>
      </c>
      <c r="G59238" s="16">
        <v>1.6747365464343067</v>
      </c>
    </row>
    <row r="59239" spans="1:7" x14ac:dyDescent="0.3">
      <c r="A59239" s="13" t="s">
        <v>320</v>
      </c>
      <c r="B59239" s="14" t="s">
        <v>1</v>
      </c>
      <c r="C59239" s="14" t="s">
        <v>23</v>
      </c>
      <c r="D59239" s="14" t="s">
        <v>321</v>
      </c>
      <c r="E59239" s="15">
        <v>45485</v>
      </c>
      <c r="F59239" s="14" t="s">
        <v>15</v>
      </c>
      <c r="G59239" s="16">
        <v>1.691339802126985</v>
      </c>
    </row>
    <row r="59240" spans="1:7" x14ac:dyDescent="0.3">
      <c r="A59240" s="13" t="s">
        <v>320</v>
      </c>
      <c r="B59240" s="14" t="s">
        <v>1</v>
      </c>
      <c r="C59240" s="14" t="s">
        <v>23</v>
      </c>
      <c r="D59240" s="14" t="s">
        <v>321</v>
      </c>
      <c r="E59240" s="15">
        <v>45486</v>
      </c>
      <c r="F59240" s="14" t="s">
        <v>15</v>
      </c>
      <c r="G59240" s="16">
        <v>1.691339802126985</v>
      </c>
    </row>
    <row r="59241" spans="1:7" x14ac:dyDescent="0.3">
      <c r="A59241" s="13" t="s">
        <v>320</v>
      </c>
      <c r="B59241" s="14" t="s">
        <v>1</v>
      </c>
      <c r="C59241" s="14" t="s">
        <v>23</v>
      </c>
      <c r="D59241" s="14" t="s">
        <v>321</v>
      </c>
      <c r="E59241" s="15">
        <v>45487</v>
      </c>
      <c r="F59241" s="14" t="s">
        <v>15</v>
      </c>
      <c r="G59241" s="16">
        <v>1.691339802126985</v>
      </c>
    </row>
    <row r="59242" spans="1:7" x14ac:dyDescent="0.3">
      <c r="A59242" s="13" t="s">
        <v>320</v>
      </c>
      <c r="B59242" s="14" t="s">
        <v>1</v>
      </c>
      <c r="C59242" s="14" t="s">
        <v>23</v>
      </c>
      <c r="D59242" s="14" t="s">
        <v>321</v>
      </c>
      <c r="E59242" s="15">
        <v>45488</v>
      </c>
      <c r="F59242" s="14" t="s">
        <v>15</v>
      </c>
      <c r="G59242" s="16">
        <v>1.7068136300267482</v>
      </c>
    </row>
    <row r="59243" spans="1:7" x14ac:dyDescent="0.3">
      <c r="A59243" s="13" t="s">
        <v>320</v>
      </c>
      <c r="B59243" s="14" t="s">
        <v>1</v>
      </c>
      <c r="C59243" s="14" t="s">
        <v>23</v>
      </c>
      <c r="D59243" s="14" t="s">
        <v>321</v>
      </c>
      <c r="E59243" s="15">
        <v>45489</v>
      </c>
      <c r="F59243" s="14" t="s">
        <v>15</v>
      </c>
      <c r="G59243" s="16">
        <v>1.7535528984351396</v>
      </c>
    </row>
    <row r="59244" spans="1:7" x14ac:dyDescent="0.3">
      <c r="A59244" s="13" t="s">
        <v>320</v>
      </c>
      <c r="B59244" s="14" t="s">
        <v>1</v>
      </c>
      <c r="C59244" s="14" t="s">
        <v>23</v>
      </c>
      <c r="D59244" s="14" t="s">
        <v>321</v>
      </c>
      <c r="E59244" s="15">
        <v>45490</v>
      </c>
      <c r="F59244" s="14" t="s">
        <v>15</v>
      </c>
      <c r="G59244" s="16">
        <v>1.7690873530378999</v>
      </c>
    </row>
    <row r="59245" spans="1:7" x14ac:dyDescent="0.3">
      <c r="A59245" s="13" t="s">
        <v>320</v>
      </c>
      <c r="B59245" s="14" t="s">
        <v>1</v>
      </c>
      <c r="C59245" s="14" t="s">
        <v>23</v>
      </c>
      <c r="D59245" s="14" t="s">
        <v>321</v>
      </c>
      <c r="E59245" s="15">
        <v>45491</v>
      </c>
      <c r="F59245" s="14" t="s">
        <v>15</v>
      </c>
      <c r="G59245" s="16">
        <v>1.7846231700384803</v>
      </c>
    </row>
    <row r="59246" spans="1:7" x14ac:dyDescent="0.3">
      <c r="A59246" s="13" t="s">
        <v>320</v>
      </c>
      <c r="B59246" s="14" t="s">
        <v>1</v>
      </c>
      <c r="C59246" s="14" t="s">
        <v>23</v>
      </c>
      <c r="D59246" s="14" t="s">
        <v>321</v>
      </c>
      <c r="E59246" s="15">
        <v>45492</v>
      </c>
      <c r="F59246" s="14" t="s">
        <v>15</v>
      </c>
      <c r="G59246" s="16">
        <v>1.8001362804087246</v>
      </c>
    </row>
    <row r="59247" spans="1:7" x14ac:dyDescent="0.3">
      <c r="A59247" s="13" t="s">
        <v>320</v>
      </c>
      <c r="B59247" s="14" t="s">
        <v>1</v>
      </c>
      <c r="C59247" s="14" t="s">
        <v>23</v>
      </c>
      <c r="D59247" s="14" t="s">
        <v>321</v>
      </c>
      <c r="E59247" s="15">
        <v>45493</v>
      </c>
      <c r="F59247" s="14" t="s">
        <v>15</v>
      </c>
      <c r="G59247" s="16">
        <v>1.8001362804087246</v>
      </c>
    </row>
    <row r="59248" spans="1:7" x14ac:dyDescent="0.3">
      <c r="A59248" s="13" t="s">
        <v>320</v>
      </c>
      <c r="B59248" s="14" t="s">
        <v>1</v>
      </c>
      <c r="C59248" s="14" t="s">
        <v>23</v>
      </c>
      <c r="D59248" s="14" t="s">
        <v>321</v>
      </c>
      <c r="E59248" s="15">
        <v>45494</v>
      </c>
      <c r="F59248" s="14" t="s">
        <v>15</v>
      </c>
      <c r="G59248" s="16">
        <v>1.8001362804087246</v>
      </c>
    </row>
    <row r="59249" spans="1:7" x14ac:dyDescent="0.3">
      <c r="A59249" s="13" t="s">
        <v>320</v>
      </c>
      <c r="B59249" s="14" t="s">
        <v>1</v>
      </c>
      <c r="C59249" s="14" t="s">
        <v>23</v>
      </c>
      <c r="D59249" s="14" t="s">
        <v>321</v>
      </c>
      <c r="E59249" s="15">
        <v>45495</v>
      </c>
      <c r="F59249" s="14" t="s">
        <v>15</v>
      </c>
      <c r="G59249" s="16">
        <v>1.8155805896890509</v>
      </c>
    </row>
    <row r="59250" spans="1:7" x14ac:dyDescent="0.3">
      <c r="A59250" s="13" t="s">
        <v>320</v>
      </c>
      <c r="B59250" s="14" t="s">
        <v>1</v>
      </c>
      <c r="C59250" s="14" t="s">
        <v>23</v>
      </c>
      <c r="D59250" s="14" t="s">
        <v>321</v>
      </c>
      <c r="E59250" s="15">
        <v>45496</v>
      </c>
      <c r="F59250" s="14" t="s">
        <v>15</v>
      </c>
      <c r="G59250" s="16">
        <v>1.8615705392963524</v>
      </c>
    </row>
    <row r="59251" spans="1:7" x14ac:dyDescent="0.3">
      <c r="A59251" s="13" t="s">
        <v>320</v>
      </c>
      <c r="B59251" s="14" t="s">
        <v>1</v>
      </c>
      <c r="C59251" s="14" t="s">
        <v>23</v>
      </c>
      <c r="D59251" s="14" t="s">
        <v>321</v>
      </c>
      <c r="E59251" s="15">
        <v>45497</v>
      </c>
      <c r="F59251" s="14" t="s">
        <v>15</v>
      </c>
      <c r="G59251" s="16">
        <v>1.878800497986306</v>
      </c>
    </row>
    <row r="59252" spans="1:7" x14ac:dyDescent="0.3">
      <c r="A59252" s="13" t="s">
        <v>320</v>
      </c>
      <c r="B59252" s="14" t="s">
        <v>1</v>
      </c>
      <c r="C59252" s="14" t="s">
        <v>23</v>
      </c>
      <c r="D59252" s="14" t="s">
        <v>321</v>
      </c>
      <c r="E59252" s="15">
        <v>45498</v>
      </c>
      <c r="F59252" s="14" t="s">
        <v>15</v>
      </c>
      <c r="G59252" s="16">
        <v>1.8936015284292116</v>
      </c>
    </row>
    <row r="59253" spans="1:7" x14ac:dyDescent="0.3">
      <c r="A59253" s="13" t="s">
        <v>320</v>
      </c>
      <c r="B59253" s="14" t="s">
        <v>1</v>
      </c>
      <c r="C59253" s="14" t="s">
        <v>23</v>
      </c>
      <c r="D59253" s="14" t="s">
        <v>321</v>
      </c>
      <c r="E59253" s="15">
        <v>45499</v>
      </c>
      <c r="F59253" s="14" t="s">
        <v>15</v>
      </c>
      <c r="G59253" s="16">
        <v>1.9084561465197103</v>
      </c>
    </row>
    <row r="59254" spans="1:7" x14ac:dyDescent="0.3">
      <c r="A59254" s="13" t="s">
        <v>320</v>
      </c>
      <c r="B59254" s="14" t="s">
        <v>1</v>
      </c>
      <c r="C59254" s="14" t="s">
        <v>23</v>
      </c>
      <c r="D59254" s="14" t="s">
        <v>321</v>
      </c>
      <c r="E59254" s="15">
        <v>45500</v>
      </c>
      <c r="F59254" s="14" t="s">
        <v>15</v>
      </c>
      <c r="G59254" s="16">
        <v>1.9084561465197103</v>
      </c>
    </row>
    <row r="59255" spans="1:7" x14ac:dyDescent="0.3">
      <c r="A59255" s="13" t="s">
        <v>320</v>
      </c>
      <c r="B59255" s="14" t="s">
        <v>1</v>
      </c>
      <c r="C59255" s="14" t="s">
        <v>23</v>
      </c>
      <c r="D59255" s="14" t="s">
        <v>321</v>
      </c>
      <c r="E59255" s="15">
        <v>45501</v>
      </c>
      <c r="F59255" s="14" t="s">
        <v>15</v>
      </c>
      <c r="G59255" s="16">
        <v>1.9084561465197103</v>
      </c>
    </row>
    <row r="59256" spans="1:7" x14ac:dyDescent="0.3">
      <c r="A59256" s="13" t="s">
        <v>320</v>
      </c>
      <c r="B59256" s="14" t="s">
        <v>1</v>
      </c>
      <c r="C59256" s="14" t="s">
        <v>23</v>
      </c>
      <c r="D59256" s="14" t="s">
        <v>321</v>
      </c>
      <c r="E59256" s="15">
        <v>45502</v>
      </c>
      <c r="F59256" s="14" t="s">
        <v>15</v>
      </c>
      <c r="G59256" s="16">
        <v>1.923327794582961</v>
      </c>
    </row>
    <row r="59257" spans="1:7" x14ac:dyDescent="0.3">
      <c r="A59257" s="13" t="s">
        <v>320</v>
      </c>
      <c r="B59257" s="14" t="s">
        <v>1</v>
      </c>
      <c r="C59257" s="14" t="s">
        <v>23</v>
      </c>
      <c r="D59257" s="14" t="s">
        <v>321</v>
      </c>
      <c r="E59257" s="15">
        <v>45503</v>
      </c>
      <c r="F59257" s="14" t="s">
        <v>15</v>
      </c>
      <c r="G59257" s="16">
        <v>1.9679128849713707</v>
      </c>
    </row>
    <row r="59258" spans="1:7" x14ac:dyDescent="0.3">
      <c r="A59258" s="13" t="s">
        <v>320</v>
      </c>
      <c r="B59258" s="14" t="s">
        <v>1</v>
      </c>
      <c r="C59258" s="14" t="s">
        <v>23</v>
      </c>
      <c r="D59258" s="14" t="s">
        <v>321</v>
      </c>
      <c r="E59258" s="15">
        <v>45504</v>
      </c>
      <c r="F59258" s="14" t="s">
        <v>15</v>
      </c>
      <c r="G59258" s="16">
        <v>1.9841346692744037</v>
      </c>
    </row>
    <row r="59259" spans="1:7" x14ac:dyDescent="0.3">
      <c r="A59259" s="13" t="s">
        <v>320</v>
      </c>
      <c r="B59259" s="14" t="s">
        <v>1</v>
      </c>
      <c r="C59259" s="14" t="s">
        <v>23</v>
      </c>
      <c r="D59259" s="14" t="s">
        <v>321</v>
      </c>
      <c r="E59259" s="15">
        <v>45505</v>
      </c>
      <c r="F59259" s="14" t="s">
        <v>15</v>
      </c>
      <c r="G59259" s="16">
        <v>1.9910390148853383</v>
      </c>
    </row>
    <row r="59260" spans="1:7" x14ac:dyDescent="0.3">
      <c r="A59260" s="13" t="s">
        <v>320</v>
      </c>
      <c r="B59260" s="14" t="s">
        <v>1</v>
      </c>
      <c r="C59260" s="14" t="s">
        <v>23</v>
      </c>
      <c r="D59260" s="14" t="s">
        <v>321</v>
      </c>
      <c r="E59260" s="15">
        <v>45506</v>
      </c>
      <c r="F59260" s="14" t="s">
        <v>15</v>
      </c>
      <c r="G59260" s="16">
        <v>1.9979633423309686</v>
      </c>
    </row>
    <row r="59261" spans="1:7" x14ac:dyDescent="0.3">
      <c r="A59261" s="13" t="s">
        <v>320</v>
      </c>
      <c r="B59261" s="14" t="s">
        <v>1</v>
      </c>
      <c r="C59261" s="14" t="s">
        <v>23</v>
      </c>
      <c r="D59261" s="14" t="s">
        <v>321</v>
      </c>
      <c r="E59261" s="15">
        <v>45507</v>
      </c>
      <c r="F59261" s="14" t="s">
        <v>15</v>
      </c>
      <c r="G59261" s="16">
        <v>1.9979633423309686</v>
      </c>
    </row>
    <row r="59262" spans="1:7" x14ac:dyDescent="0.3">
      <c r="A59262" s="13" t="s">
        <v>320</v>
      </c>
      <c r="B59262" s="14" t="s">
        <v>1</v>
      </c>
      <c r="C59262" s="14" t="s">
        <v>23</v>
      </c>
      <c r="D59262" s="14" t="s">
        <v>321</v>
      </c>
      <c r="E59262" s="15">
        <v>45508</v>
      </c>
      <c r="F59262" s="14" t="s">
        <v>15</v>
      </c>
      <c r="G59262" s="16">
        <v>1.9979633423309686</v>
      </c>
    </row>
    <row r="59263" spans="1:7" x14ac:dyDescent="0.3">
      <c r="A59263" s="13" t="s">
        <v>320</v>
      </c>
      <c r="B59263" s="14" t="s">
        <v>1</v>
      </c>
      <c r="C59263" s="14" t="s">
        <v>23</v>
      </c>
      <c r="D59263" s="14" t="s">
        <v>321</v>
      </c>
      <c r="E59263" s="15">
        <v>45509</v>
      </c>
      <c r="F59263" s="14" t="s">
        <v>15</v>
      </c>
      <c r="G59263" s="16">
        <v>1.9979633423309686</v>
      </c>
    </row>
    <row r="59264" spans="1:7" x14ac:dyDescent="0.3">
      <c r="A59264" s="13" t="s">
        <v>320</v>
      </c>
      <c r="B59264" s="14" t="s">
        <v>1</v>
      </c>
      <c r="C59264" s="14" t="s">
        <v>23</v>
      </c>
      <c r="D59264" s="14" t="s">
        <v>321</v>
      </c>
      <c r="E59264" s="15">
        <v>45510</v>
      </c>
      <c r="F59264" s="14" t="s">
        <v>15</v>
      </c>
      <c r="G59264" s="16">
        <v>2.0121774063796871</v>
      </c>
    </row>
    <row r="59265" spans="1:7" x14ac:dyDescent="0.3">
      <c r="A59265" s="13" t="s">
        <v>320</v>
      </c>
      <c r="B59265" s="14" t="s">
        <v>1</v>
      </c>
      <c r="C59265" s="14" t="s">
        <v>23</v>
      </c>
      <c r="D59265" s="14" t="s">
        <v>321</v>
      </c>
      <c r="E59265" s="15">
        <v>45511</v>
      </c>
      <c r="F59265" s="14" t="s">
        <v>15</v>
      </c>
      <c r="G59265" s="16">
        <v>2.0876019608916212</v>
      </c>
    </row>
    <row r="59266" spans="1:7" x14ac:dyDescent="0.3">
      <c r="A59266" s="13" t="s">
        <v>320</v>
      </c>
      <c r="B59266" s="14" t="s">
        <v>1</v>
      </c>
      <c r="C59266" s="14" t="s">
        <v>23</v>
      </c>
      <c r="D59266" s="14" t="s">
        <v>321</v>
      </c>
      <c r="E59266" s="15">
        <v>45512</v>
      </c>
      <c r="F59266" s="14" t="s">
        <v>15</v>
      </c>
      <c r="G59266" s="16">
        <v>2.0971477688095495</v>
      </c>
    </row>
    <row r="59267" spans="1:7" x14ac:dyDescent="0.3">
      <c r="A59267" s="13" t="s">
        <v>320</v>
      </c>
      <c r="B59267" s="14" t="s">
        <v>1</v>
      </c>
      <c r="C59267" s="14" t="s">
        <v>23</v>
      </c>
      <c r="D59267" s="14" t="s">
        <v>321</v>
      </c>
      <c r="E59267" s="15">
        <v>45513</v>
      </c>
      <c r="F59267" s="14" t="s">
        <v>15</v>
      </c>
      <c r="G59267" s="16">
        <v>2.1111738219590852</v>
      </c>
    </row>
    <row r="59268" spans="1:7" x14ac:dyDescent="0.3">
      <c r="A59268" s="13" t="s">
        <v>320</v>
      </c>
      <c r="B59268" s="14" t="s">
        <v>1</v>
      </c>
      <c r="C59268" s="14" t="s">
        <v>23</v>
      </c>
      <c r="D59268" s="14" t="s">
        <v>321</v>
      </c>
      <c r="E59268" s="15">
        <v>45514</v>
      </c>
      <c r="F59268" s="14" t="s">
        <v>15</v>
      </c>
      <c r="G59268" s="16">
        <v>2.1111738219590852</v>
      </c>
    </row>
    <row r="59269" spans="1:7" x14ac:dyDescent="0.3">
      <c r="A59269" s="13" t="s">
        <v>320</v>
      </c>
      <c r="B59269" s="14" t="s">
        <v>1</v>
      </c>
      <c r="C59269" s="14" t="s">
        <v>23</v>
      </c>
      <c r="D59269" s="14" t="s">
        <v>321</v>
      </c>
      <c r="E59269" s="15">
        <v>45515</v>
      </c>
      <c r="F59269" s="14" t="s">
        <v>15</v>
      </c>
      <c r="G59269" s="16">
        <v>2.1111738219590852</v>
      </c>
    </row>
    <row r="59270" spans="1:7" x14ac:dyDescent="0.3">
      <c r="A59270" s="13" t="s">
        <v>320</v>
      </c>
      <c r="B59270" s="14" t="s">
        <v>1</v>
      </c>
      <c r="C59270" s="14" t="s">
        <v>23</v>
      </c>
      <c r="D59270" s="14" t="s">
        <v>321</v>
      </c>
      <c r="E59270" s="15">
        <v>45516</v>
      </c>
      <c r="F59270" s="14" t="s">
        <v>15</v>
      </c>
      <c r="G59270" s="16">
        <v>2.1260618187961779</v>
      </c>
    </row>
    <row r="59271" spans="1:7" x14ac:dyDescent="0.3">
      <c r="A59271" s="13" t="s">
        <v>320</v>
      </c>
      <c r="B59271" s="14" t="s">
        <v>1</v>
      </c>
      <c r="C59271" s="14" t="s">
        <v>23</v>
      </c>
      <c r="D59271" s="14" t="s">
        <v>321</v>
      </c>
      <c r="E59271" s="15">
        <v>45517</v>
      </c>
      <c r="F59271" s="14" t="s">
        <v>15</v>
      </c>
      <c r="G59271" s="16">
        <v>2.1709845567776846</v>
      </c>
    </row>
    <row r="59272" spans="1:7" x14ac:dyDescent="0.3">
      <c r="A59272" s="13" t="s">
        <v>320</v>
      </c>
      <c r="B59272" s="14" t="s">
        <v>1</v>
      </c>
      <c r="C59272" s="14" t="s">
        <v>23</v>
      </c>
      <c r="D59272" s="14" t="s">
        <v>321</v>
      </c>
      <c r="E59272" s="15">
        <v>45518</v>
      </c>
      <c r="F59272" s="14" t="s">
        <v>15</v>
      </c>
      <c r="G59272" s="16">
        <v>2.1857706008445681</v>
      </c>
    </row>
    <row r="59273" spans="1:7" x14ac:dyDescent="0.3">
      <c r="A59273" s="13" t="s">
        <v>320</v>
      </c>
      <c r="B59273" s="14" t="s">
        <v>1</v>
      </c>
      <c r="C59273" s="14" t="s">
        <v>23</v>
      </c>
      <c r="D59273" s="14" t="s">
        <v>321</v>
      </c>
      <c r="E59273" s="15">
        <v>45519</v>
      </c>
      <c r="F59273" s="14" t="s">
        <v>15</v>
      </c>
      <c r="G59273" s="16">
        <v>2.1952914314691272</v>
      </c>
    </row>
    <row r="59274" spans="1:7" x14ac:dyDescent="0.3">
      <c r="A59274" s="13" t="s">
        <v>320</v>
      </c>
      <c r="B59274" s="14" t="s">
        <v>1</v>
      </c>
      <c r="C59274" s="14" t="s">
        <v>23</v>
      </c>
      <c r="D59274" s="14" t="s">
        <v>321</v>
      </c>
      <c r="E59274" s="15">
        <v>45520</v>
      </c>
      <c r="F59274" s="14" t="s">
        <v>15</v>
      </c>
      <c r="G59274" s="16">
        <v>2.2103712993325595</v>
      </c>
    </row>
    <row r="59275" spans="1:7" x14ac:dyDescent="0.3">
      <c r="A59275" s="13" t="s">
        <v>320</v>
      </c>
      <c r="B59275" s="14" t="s">
        <v>1</v>
      </c>
      <c r="C59275" s="14" t="s">
        <v>23</v>
      </c>
      <c r="D59275" s="14" t="s">
        <v>321</v>
      </c>
      <c r="E59275" s="15">
        <v>45521</v>
      </c>
      <c r="F59275" s="14" t="s">
        <v>15</v>
      </c>
      <c r="G59275" s="16">
        <v>2.2103712993325595</v>
      </c>
    </row>
    <row r="59276" spans="1:7" x14ac:dyDescent="0.3">
      <c r="A59276" s="13" t="s">
        <v>320</v>
      </c>
      <c r="B59276" s="14" t="s">
        <v>1</v>
      </c>
      <c r="C59276" s="14" t="s">
        <v>23</v>
      </c>
      <c r="D59276" s="14" t="s">
        <v>321</v>
      </c>
      <c r="E59276" s="15">
        <v>45522</v>
      </c>
      <c r="F59276" s="14" t="s">
        <v>15</v>
      </c>
      <c r="G59276" s="16">
        <v>2.2103712993325595</v>
      </c>
    </row>
    <row r="59277" spans="1:7" x14ac:dyDescent="0.3">
      <c r="A59277" s="13" t="s">
        <v>320</v>
      </c>
      <c r="B59277" s="14" t="s">
        <v>1</v>
      </c>
      <c r="C59277" s="14" t="s">
        <v>23</v>
      </c>
      <c r="D59277" s="14" t="s">
        <v>321</v>
      </c>
      <c r="E59277" s="15">
        <v>45523</v>
      </c>
      <c r="F59277" s="14" t="s">
        <v>15</v>
      </c>
      <c r="G59277" s="16">
        <v>2.2254743279589344</v>
      </c>
    </row>
    <row r="59278" spans="1:7" x14ac:dyDescent="0.3">
      <c r="A59278" s="13" t="s">
        <v>320</v>
      </c>
      <c r="B59278" s="14" t="s">
        <v>1</v>
      </c>
      <c r="C59278" s="14" t="s">
        <v>23</v>
      </c>
      <c r="D59278" s="14" t="s">
        <v>321</v>
      </c>
      <c r="E59278" s="15">
        <v>45524</v>
      </c>
      <c r="F59278" s="14" t="s">
        <v>15</v>
      </c>
      <c r="G59278" s="16">
        <v>2.2714134147142837</v>
      </c>
    </row>
    <row r="59279" spans="1:7" x14ac:dyDescent="0.3">
      <c r="A59279" s="13" t="s">
        <v>320</v>
      </c>
      <c r="B59279" s="14" t="s">
        <v>1</v>
      </c>
      <c r="C59279" s="14" t="s">
        <v>23</v>
      </c>
      <c r="D59279" s="14" t="s">
        <v>321</v>
      </c>
      <c r="E59279" s="15">
        <v>45525</v>
      </c>
      <c r="F59279" s="14" t="s">
        <v>15</v>
      </c>
      <c r="G59279" s="16">
        <v>2.2820477784905222</v>
      </c>
    </row>
    <row r="59280" spans="1:7" x14ac:dyDescent="0.3">
      <c r="A59280" s="13" t="s">
        <v>320</v>
      </c>
      <c r="B59280" s="14" t="s">
        <v>1</v>
      </c>
      <c r="C59280" s="14" t="s">
        <v>23</v>
      </c>
      <c r="D59280" s="14" t="s">
        <v>321</v>
      </c>
      <c r="E59280" s="15">
        <v>45526</v>
      </c>
      <c r="F59280" s="14" t="s">
        <v>15</v>
      </c>
      <c r="G59280" s="16">
        <v>2.2971576191059984</v>
      </c>
    </row>
    <row r="59281" spans="1:7" x14ac:dyDescent="0.3">
      <c r="A59281" s="13" t="s">
        <v>320</v>
      </c>
      <c r="B59281" s="14" t="s">
        <v>1</v>
      </c>
      <c r="C59281" s="14" t="s">
        <v>23</v>
      </c>
      <c r="D59281" s="14" t="s">
        <v>321</v>
      </c>
      <c r="E59281" s="15">
        <v>45527</v>
      </c>
      <c r="F59281" s="14" t="s">
        <v>15</v>
      </c>
      <c r="G59281" s="16">
        <v>2.3122127367423646</v>
      </c>
    </row>
    <row r="59282" spans="1:7" x14ac:dyDescent="0.3">
      <c r="A59282" s="13" t="s">
        <v>320</v>
      </c>
      <c r="B59282" s="14" t="s">
        <v>1</v>
      </c>
      <c r="C59282" s="14" t="s">
        <v>23</v>
      </c>
      <c r="D59282" s="14" t="s">
        <v>321</v>
      </c>
      <c r="E59282" s="15">
        <v>45528</v>
      </c>
      <c r="F59282" s="14" t="s">
        <v>15</v>
      </c>
      <c r="G59282" s="16">
        <v>2.3122127367423646</v>
      </c>
    </row>
    <row r="59283" spans="1:7" x14ac:dyDescent="0.3">
      <c r="A59283" s="13" t="s">
        <v>320</v>
      </c>
      <c r="B59283" s="14" t="s">
        <v>1</v>
      </c>
      <c r="C59283" s="14" t="s">
        <v>23</v>
      </c>
      <c r="D59283" s="14" t="s">
        <v>321</v>
      </c>
      <c r="E59283" s="15">
        <v>45529</v>
      </c>
      <c r="F59283" s="14" t="s">
        <v>15</v>
      </c>
      <c r="G59283" s="16">
        <v>2.3122127367423646</v>
      </c>
    </row>
    <row r="59284" spans="1:7" x14ac:dyDescent="0.3">
      <c r="A59284" s="13" t="s">
        <v>320</v>
      </c>
      <c r="B59284" s="14" t="s">
        <v>1</v>
      </c>
      <c r="C59284" s="14" t="s">
        <v>23</v>
      </c>
      <c r="D59284" s="14" t="s">
        <v>321</v>
      </c>
      <c r="E59284" s="15">
        <v>45530</v>
      </c>
      <c r="F59284" s="14" t="s">
        <v>15</v>
      </c>
      <c r="G59284" s="16">
        <v>2.3276704429345889</v>
      </c>
    </row>
    <row r="59285" spans="1:7" x14ac:dyDescent="0.3">
      <c r="A59285" s="13" t="s">
        <v>320</v>
      </c>
      <c r="B59285" s="14" t="s">
        <v>1</v>
      </c>
      <c r="C59285" s="14" t="s">
        <v>23</v>
      </c>
      <c r="D59285" s="14" t="s">
        <v>321</v>
      </c>
      <c r="E59285" s="15">
        <v>45531</v>
      </c>
      <c r="F59285" s="14" t="s">
        <v>15</v>
      </c>
      <c r="G59285" s="16">
        <v>2.3730877313248149</v>
      </c>
    </row>
    <row r="59286" spans="1:7" x14ac:dyDescent="0.3">
      <c r="A59286" s="13" t="s">
        <v>320</v>
      </c>
      <c r="B59286" s="14" t="s">
        <v>1</v>
      </c>
      <c r="C59286" s="14" t="s">
        <v>23</v>
      </c>
      <c r="D59286" s="14" t="s">
        <v>321</v>
      </c>
      <c r="E59286" s="15">
        <v>45532</v>
      </c>
      <c r="F59286" s="14" t="s">
        <v>15</v>
      </c>
      <c r="G59286" s="16">
        <v>2.3887986164452868</v>
      </c>
    </row>
    <row r="59287" spans="1:7" x14ac:dyDescent="0.3">
      <c r="A59287" s="13" t="s">
        <v>320</v>
      </c>
      <c r="B59287" s="14" t="s">
        <v>1</v>
      </c>
      <c r="C59287" s="14" t="s">
        <v>23</v>
      </c>
      <c r="D59287" s="14" t="s">
        <v>321</v>
      </c>
      <c r="E59287" s="15">
        <v>45533</v>
      </c>
      <c r="F59287" s="14" t="s">
        <v>15</v>
      </c>
      <c r="G59287" s="16">
        <v>2.4035349329917346</v>
      </c>
    </row>
    <row r="59288" spans="1:7" x14ac:dyDescent="0.3">
      <c r="A59288" s="13" t="s">
        <v>320</v>
      </c>
      <c r="B59288" s="14" t="s">
        <v>1</v>
      </c>
      <c r="C59288" s="14" t="s">
        <v>23</v>
      </c>
      <c r="D59288" s="14" t="s">
        <v>321</v>
      </c>
      <c r="E59288" s="15">
        <v>45534</v>
      </c>
      <c r="F59288" s="14" t="s">
        <v>15</v>
      </c>
      <c r="G59288" s="16">
        <v>2.4185991332802352</v>
      </c>
    </row>
    <row r="59289" spans="1:7" x14ac:dyDescent="0.3">
      <c r="A59289" s="13" t="s">
        <v>320</v>
      </c>
      <c r="B59289" s="14" t="s">
        <v>1</v>
      </c>
      <c r="C59289" s="14" t="s">
        <v>23</v>
      </c>
      <c r="D59289" s="14" t="s">
        <v>321</v>
      </c>
      <c r="E59289" s="15">
        <v>45535</v>
      </c>
      <c r="F59289" s="14" t="s">
        <v>15</v>
      </c>
      <c r="G59289" s="16">
        <v>2.4185991332802352</v>
      </c>
    </row>
    <row r="59290" spans="1:7" x14ac:dyDescent="0.3">
      <c r="A59290" s="13" t="s">
        <v>320</v>
      </c>
      <c r="B59290" s="14" t="s">
        <v>1</v>
      </c>
      <c r="C59290" s="14" t="s">
        <v>23</v>
      </c>
      <c r="D59290" s="14" t="s">
        <v>321</v>
      </c>
      <c r="E59290" s="15">
        <v>45536</v>
      </c>
      <c r="F59290" s="14" t="s">
        <v>15</v>
      </c>
      <c r="G59290" s="16">
        <v>2.4185991332802352</v>
      </c>
    </row>
    <row r="59291" spans="1:7" x14ac:dyDescent="0.3">
      <c r="A59291" s="13" t="s">
        <v>320</v>
      </c>
      <c r="B59291" s="14" t="s">
        <v>1</v>
      </c>
      <c r="C59291" s="14" t="s">
        <v>23</v>
      </c>
      <c r="D59291" s="14" t="s">
        <v>321</v>
      </c>
      <c r="E59291" s="15">
        <v>45537</v>
      </c>
      <c r="F59291" s="14" t="s">
        <v>15</v>
      </c>
      <c r="G59291" s="16">
        <v>2.4185991332802352</v>
      </c>
    </row>
    <row r="59292" spans="1:7" x14ac:dyDescent="0.3">
      <c r="A59292" s="13" t="s">
        <v>320</v>
      </c>
      <c r="B59292" s="14" t="s">
        <v>1</v>
      </c>
      <c r="C59292" s="14" t="s">
        <v>23</v>
      </c>
      <c r="D59292" s="14" t="s">
        <v>321</v>
      </c>
      <c r="E59292" s="15">
        <v>45538</v>
      </c>
      <c r="F59292" s="14" t="s">
        <v>15</v>
      </c>
      <c r="G59292" s="16">
        <v>2.4338817713525684</v>
      </c>
    </row>
    <row r="59293" spans="1:7" x14ac:dyDescent="0.3">
      <c r="A59293" s="13" t="s">
        <v>320</v>
      </c>
      <c r="B59293" s="14" t="s">
        <v>1</v>
      </c>
      <c r="C59293" s="14" t="s">
        <v>23</v>
      </c>
      <c r="D59293" s="14" t="s">
        <v>321</v>
      </c>
      <c r="E59293" s="15">
        <v>45539</v>
      </c>
      <c r="F59293" s="14" t="s">
        <v>15</v>
      </c>
      <c r="G59293" s="16">
        <v>2.4854255356737669</v>
      </c>
    </row>
    <row r="59294" spans="1:7" x14ac:dyDescent="0.3">
      <c r="A59294" s="13" t="s">
        <v>320</v>
      </c>
      <c r="B59294" s="14" t="s">
        <v>1</v>
      </c>
      <c r="C59294" s="14" t="s">
        <v>23</v>
      </c>
      <c r="D59294" s="14" t="s">
        <v>321</v>
      </c>
      <c r="E59294" s="15">
        <v>45540</v>
      </c>
      <c r="F59294" s="14" t="s">
        <v>15</v>
      </c>
      <c r="G59294" s="16">
        <v>2.5007206623927853</v>
      </c>
    </row>
    <row r="59295" spans="1:7" x14ac:dyDescent="0.3">
      <c r="A59295" s="13" t="s">
        <v>320</v>
      </c>
      <c r="B59295" s="14" t="s">
        <v>1</v>
      </c>
      <c r="C59295" s="14" t="s">
        <v>23</v>
      </c>
      <c r="D59295" s="14" t="s">
        <v>321</v>
      </c>
      <c r="E59295" s="15">
        <v>45541</v>
      </c>
      <c r="F59295" s="14" t="s">
        <v>15</v>
      </c>
      <c r="G59295" s="16">
        <v>2.516474008911985</v>
      </c>
    </row>
    <row r="59296" spans="1:7" x14ac:dyDescent="0.3">
      <c r="A59296" s="13" t="s">
        <v>320</v>
      </c>
      <c r="B59296" s="14" t="s">
        <v>1</v>
      </c>
      <c r="C59296" s="14" t="s">
        <v>23</v>
      </c>
      <c r="D59296" s="14" t="s">
        <v>321</v>
      </c>
      <c r="E59296" s="15">
        <v>45542</v>
      </c>
      <c r="F59296" s="14" t="s">
        <v>15</v>
      </c>
      <c r="G59296" s="16">
        <v>2.516474008911985</v>
      </c>
    </row>
    <row r="59297" spans="1:7" x14ac:dyDescent="0.3">
      <c r="A59297" s="13" t="s">
        <v>320</v>
      </c>
      <c r="B59297" s="14" t="s">
        <v>1</v>
      </c>
      <c r="C59297" s="14" t="s">
        <v>23</v>
      </c>
      <c r="D59297" s="14" t="s">
        <v>321</v>
      </c>
      <c r="E59297" s="15">
        <v>45543</v>
      </c>
      <c r="F59297" s="14" t="s">
        <v>15</v>
      </c>
      <c r="G59297" s="16">
        <v>2.516474008911985</v>
      </c>
    </row>
    <row r="59298" spans="1:7" x14ac:dyDescent="0.3">
      <c r="A59298" s="13" t="s">
        <v>320</v>
      </c>
      <c r="B59298" s="14" t="s">
        <v>1</v>
      </c>
      <c r="C59298" s="14" t="s">
        <v>23</v>
      </c>
      <c r="D59298" s="14" t="s">
        <v>321</v>
      </c>
      <c r="E59298" s="15">
        <v>45544</v>
      </c>
      <c r="F59298" s="14" t="s">
        <v>15</v>
      </c>
      <c r="G59298" s="16">
        <v>2.5595075552495321</v>
      </c>
    </row>
    <row r="59299" spans="1:7" x14ac:dyDescent="0.3">
      <c r="A59299" s="13" t="s">
        <v>320</v>
      </c>
      <c r="B59299" s="14" t="s">
        <v>1</v>
      </c>
      <c r="C59299" s="14" t="s">
        <v>23</v>
      </c>
      <c r="D59299" s="14" t="s">
        <v>321</v>
      </c>
      <c r="E59299" s="15">
        <v>45545</v>
      </c>
      <c r="F59299" s="14" t="s">
        <v>15</v>
      </c>
      <c r="G59299" s="16">
        <v>2.6016183041302212</v>
      </c>
    </row>
    <row r="59300" spans="1:7" x14ac:dyDescent="0.3">
      <c r="A59300" s="13" t="s">
        <v>320</v>
      </c>
      <c r="B59300" s="14" t="s">
        <v>1</v>
      </c>
      <c r="C59300" s="14" t="s">
        <v>23</v>
      </c>
      <c r="D59300" s="14" t="s">
        <v>321</v>
      </c>
      <c r="E59300" s="15">
        <v>45546</v>
      </c>
      <c r="F59300" s="14" t="s">
        <v>15</v>
      </c>
      <c r="G59300" s="16">
        <v>2.6152163372979227</v>
      </c>
    </row>
    <row r="59301" spans="1:7" x14ac:dyDescent="0.3">
      <c r="A59301" s="13" t="s">
        <v>320</v>
      </c>
      <c r="B59301" s="14" t="s">
        <v>1</v>
      </c>
      <c r="C59301" s="14" t="s">
        <v>23</v>
      </c>
      <c r="D59301" s="14" t="s">
        <v>321</v>
      </c>
      <c r="E59301" s="15">
        <v>45547</v>
      </c>
      <c r="F59301" s="14" t="s">
        <v>15</v>
      </c>
      <c r="G59301" s="16">
        <v>2.6305966138807011</v>
      </c>
    </row>
    <row r="59302" spans="1:7" x14ac:dyDescent="0.3">
      <c r="A59302" s="13" t="s">
        <v>320</v>
      </c>
      <c r="B59302" s="14" t="s">
        <v>1</v>
      </c>
      <c r="C59302" s="14" t="s">
        <v>23</v>
      </c>
      <c r="D59302" s="14" t="s">
        <v>321</v>
      </c>
      <c r="E59302" s="15">
        <v>45548</v>
      </c>
      <c r="F59302" s="14" t="s">
        <v>15</v>
      </c>
      <c r="G59302" s="16">
        <v>2.6459130848322352</v>
      </c>
    </row>
    <row r="59303" spans="1:7" x14ac:dyDescent="0.3">
      <c r="A59303" s="13" t="s">
        <v>320</v>
      </c>
      <c r="B59303" s="14" t="s">
        <v>1</v>
      </c>
      <c r="C59303" s="14" t="s">
        <v>23</v>
      </c>
      <c r="D59303" s="14" t="s">
        <v>321</v>
      </c>
      <c r="E59303" s="15">
        <v>45549</v>
      </c>
      <c r="F59303" s="14" t="s">
        <v>15</v>
      </c>
      <c r="G59303" s="16">
        <v>2.6459130848322352</v>
      </c>
    </row>
    <row r="59304" spans="1:7" x14ac:dyDescent="0.3">
      <c r="A59304" s="13" t="s">
        <v>320</v>
      </c>
      <c r="B59304" s="14" t="s">
        <v>1</v>
      </c>
      <c r="C59304" s="14" t="s">
        <v>23</v>
      </c>
      <c r="D59304" s="14" t="s">
        <v>321</v>
      </c>
      <c r="E59304" s="15">
        <v>45550</v>
      </c>
      <c r="F59304" s="14" t="s">
        <v>15</v>
      </c>
      <c r="G59304" s="16">
        <v>2.6459130848322352</v>
      </c>
    </row>
    <row r="59305" spans="1:7" x14ac:dyDescent="0.3">
      <c r="A59305" s="13" t="s">
        <v>320</v>
      </c>
      <c r="B59305" s="14" t="s">
        <v>1</v>
      </c>
      <c r="C59305" s="14" t="s">
        <v>23</v>
      </c>
      <c r="D59305" s="14" t="s">
        <v>321</v>
      </c>
      <c r="E59305" s="15">
        <v>45551</v>
      </c>
      <c r="F59305" s="14" t="s">
        <v>15</v>
      </c>
      <c r="G59305" s="16">
        <v>2.6613678391625162</v>
      </c>
    </row>
    <row r="59306" spans="1:7" x14ac:dyDescent="0.3">
      <c r="A59306" s="13" t="s">
        <v>320</v>
      </c>
      <c r="B59306" s="14" t="s">
        <v>1</v>
      </c>
      <c r="C59306" s="14" t="s">
        <v>23</v>
      </c>
      <c r="D59306" s="14" t="s">
        <v>321</v>
      </c>
      <c r="E59306" s="15">
        <v>45552</v>
      </c>
      <c r="F59306" s="14" t="s">
        <v>15</v>
      </c>
      <c r="G59306" s="16">
        <v>2.7086756815945225</v>
      </c>
    </row>
    <row r="59307" spans="1:7" x14ac:dyDescent="0.3">
      <c r="A59307" s="13" t="s">
        <v>320</v>
      </c>
      <c r="B59307" s="14" t="s">
        <v>1</v>
      </c>
      <c r="C59307" s="14" t="s">
        <v>23</v>
      </c>
      <c r="D59307" s="14" t="s">
        <v>321</v>
      </c>
      <c r="E59307" s="15">
        <v>45553</v>
      </c>
      <c r="F59307" s="14" t="s">
        <v>15</v>
      </c>
      <c r="G59307" s="16">
        <v>2.7244578655342493</v>
      </c>
    </row>
    <row r="59308" spans="1:7" x14ac:dyDescent="0.3">
      <c r="A59308" s="13" t="s">
        <v>320</v>
      </c>
      <c r="B59308" s="14" t="s">
        <v>1</v>
      </c>
      <c r="C59308" s="14" t="s">
        <v>23</v>
      </c>
      <c r="D59308" s="14" t="s">
        <v>321</v>
      </c>
      <c r="E59308" s="15">
        <v>45554</v>
      </c>
      <c r="F59308" s="14" t="s">
        <v>15</v>
      </c>
      <c r="G59308" s="16">
        <v>2.7396085780843307</v>
      </c>
    </row>
    <row r="59309" spans="1:7" x14ac:dyDescent="0.3">
      <c r="A59309" s="13" t="s">
        <v>320</v>
      </c>
      <c r="B59309" s="14" t="s">
        <v>1</v>
      </c>
      <c r="C59309" s="14" t="s">
        <v>23</v>
      </c>
      <c r="D59309" s="14" t="s">
        <v>321</v>
      </c>
      <c r="E59309" s="15">
        <v>45555</v>
      </c>
      <c r="F59309" s="14" t="s">
        <v>15</v>
      </c>
      <c r="G59309" s="16">
        <v>2.7557440771920865</v>
      </c>
    </row>
    <row r="59310" spans="1:7" x14ac:dyDescent="0.3">
      <c r="A59310" s="13" t="s">
        <v>320</v>
      </c>
      <c r="B59310" s="14" t="s">
        <v>1</v>
      </c>
      <c r="C59310" s="14" t="s">
        <v>23</v>
      </c>
      <c r="D59310" s="14" t="s">
        <v>321</v>
      </c>
      <c r="E59310" s="15">
        <v>45556</v>
      </c>
      <c r="F59310" s="14" t="s">
        <v>15</v>
      </c>
      <c r="G59310" s="16">
        <v>2.7557440771920865</v>
      </c>
    </row>
    <row r="59311" spans="1:7" x14ac:dyDescent="0.3">
      <c r="A59311" s="13" t="s">
        <v>320</v>
      </c>
      <c r="B59311" s="14" t="s">
        <v>1</v>
      </c>
      <c r="C59311" s="14" t="s">
        <v>23</v>
      </c>
      <c r="D59311" s="14" t="s">
        <v>321</v>
      </c>
      <c r="E59311" s="15">
        <v>45557</v>
      </c>
      <c r="F59311" s="14" t="s">
        <v>15</v>
      </c>
      <c r="G59311" s="16">
        <v>2.7557440771920865</v>
      </c>
    </row>
    <row r="59312" spans="1:7" x14ac:dyDescent="0.3">
      <c r="A59312" s="13" t="s">
        <v>320</v>
      </c>
      <c r="B59312" s="14" t="s">
        <v>1</v>
      </c>
      <c r="C59312" s="14" t="s">
        <v>23</v>
      </c>
      <c r="D59312" s="14" t="s">
        <v>321</v>
      </c>
      <c r="E59312" s="15">
        <v>45558</v>
      </c>
      <c r="F59312" s="14" t="s">
        <v>15</v>
      </c>
      <c r="G59312" s="16">
        <v>2.771848014083675</v>
      </c>
    </row>
    <row r="59313" spans="1:7" x14ac:dyDescent="0.3">
      <c r="A59313" s="13" t="s">
        <v>320</v>
      </c>
      <c r="B59313" s="14" t="s">
        <v>1</v>
      </c>
      <c r="C59313" s="14" t="s">
        <v>23</v>
      </c>
      <c r="D59313" s="14" t="s">
        <v>321</v>
      </c>
      <c r="E59313" s="15">
        <v>45559</v>
      </c>
      <c r="F59313" s="14" t="s">
        <v>15</v>
      </c>
      <c r="G59313" s="16">
        <v>2.8321172552441105</v>
      </c>
    </row>
    <row r="59314" spans="1:7" x14ac:dyDescent="0.3">
      <c r="A59314" s="13" t="s">
        <v>320</v>
      </c>
      <c r="B59314" s="14" t="s">
        <v>1</v>
      </c>
      <c r="C59314" s="14" t="s">
        <v>23</v>
      </c>
      <c r="D59314" s="14" t="s">
        <v>321</v>
      </c>
      <c r="E59314" s="15">
        <v>45560</v>
      </c>
      <c r="F59314" s="14" t="s">
        <v>15</v>
      </c>
      <c r="G59314" s="16">
        <v>2.8484089759685784</v>
      </c>
    </row>
    <row r="59315" spans="1:7" x14ac:dyDescent="0.3">
      <c r="A59315" s="13" t="s">
        <v>320</v>
      </c>
      <c r="B59315" s="14" t="s">
        <v>1</v>
      </c>
      <c r="C59315" s="14" t="s">
        <v>23</v>
      </c>
      <c r="D59315" s="14" t="s">
        <v>321</v>
      </c>
      <c r="E59315" s="15">
        <v>45561</v>
      </c>
      <c r="F59315" s="14" t="s">
        <v>15</v>
      </c>
      <c r="G59315" s="16">
        <v>2.8646577811617111</v>
      </c>
    </row>
    <row r="59316" spans="1:7" x14ac:dyDescent="0.3">
      <c r="A59316" s="13" t="s">
        <v>320</v>
      </c>
      <c r="B59316" s="14" t="s">
        <v>1</v>
      </c>
      <c r="C59316" s="14" t="s">
        <v>23</v>
      </c>
      <c r="D59316" s="14" t="s">
        <v>321</v>
      </c>
      <c r="E59316" s="15">
        <v>45562</v>
      </c>
      <c r="F59316" s="14" t="s">
        <v>15</v>
      </c>
      <c r="G59316" s="16">
        <v>2.8836134437572056</v>
      </c>
    </row>
    <row r="59317" spans="1:7" x14ac:dyDescent="0.3">
      <c r="A59317" s="13" t="s">
        <v>320</v>
      </c>
      <c r="B59317" s="14" t="s">
        <v>1</v>
      </c>
      <c r="C59317" s="14" t="s">
        <v>23</v>
      </c>
      <c r="D59317" s="14" t="s">
        <v>321</v>
      </c>
      <c r="E59317" s="15">
        <v>45563</v>
      </c>
      <c r="F59317" s="14" t="s">
        <v>15</v>
      </c>
      <c r="G59317" s="16">
        <v>2.8836134437572056</v>
      </c>
    </row>
    <row r="59318" spans="1:7" x14ac:dyDescent="0.3">
      <c r="A59318" s="13" t="s">
        <v>320</v>
      </c>
      <c r="B59318" s="14" t="s">
        <v>1</v>
      </c>
      <c r="C59318" s="14" t="s">
        <v>23</v>
      </c>
      <c r="D59318" s="14" t="s">
        <v>321</v>
      </c>
      <c r="E59318" s="15">
        <v>45564</v>
      </c>
      <c r="F59318" s="14" t="s">
        <v>15</v>
      </c>
      <c r="G59318" s="16">
        <v>2.8836134437572056</v>
      </c>
    </row>
    <row r="59319" spans="1:7" x14ac:dyDescent="0.3">
      <c r="A59319" s="13" t="s">
        <v>320</v>
      </c>
      <c r="B59319" s="14" t="s">
        <v>1</v>
      </c>
      <c r="C59319" s="14" t="s">
        <v>23</v>
      </c>
      <c r="D59319" s="14" t="s">
        <v>321</v>
      </c>
      <c r="E59319" s="15">
        <v>45565</v>
      </c>
      <c r="F59319" s="14" t="s">
        <v>15</v>
      </c>
      <c r="G59319" s="16">
        <v>2.8998084342364416</v>
      </c>
    </row>
    <row r="59320" spans="1:7" x14ac:dyDescent="0.3">
      <c r="A59320" s="13" t="s">
        <v>320</v>
      </c>
      <c r="B59320" s="14" t="s">
        <v>1</v>
      </c>
      <c r="C59320" s="14" t="s">
        <v>23</v>
      </c>
      <c r="D59320" s="14" t="s">
        <v>321</v>
      </c>
      <c r="E59320" s="15">
        <v>45566</v>
      </c>
      <c r="F59320" s="14" t="s">
        <v>15</v>
      </c>
      <c r="G59320" s="16">
        <v>2.9482427525994201</v>
      </c>
    </row>
    <row r="59321" spans="1:7" x14ac:dyDescent="0.3">
      <c r="A59321" s="13" t="s">
        <v>320</v>
      </c>
      <c r="B59321" s="14" t="s">
        <v>1</v>
      </c>
      <c r="C59321" s="14" t="s">
        <v>23</v>
      </c>
      <c r="D59321" s="14" t="s">
        <v>321</v>
      </c>
      <c r="E59321" s="15">
        <v>45567</v>
      </c>
      <c r="F59321" s="14" t="s">
        <v>15</v>
      </c>
      <c r="G59321" s="16">
        <v>2.9641959174655774</v>
      </c>
    </row>
    <row r="59322" spans="1:7" x14ac:dyDescent="0.3">
      <c r="A59322" s="13" t="s">
        <v>320</v>
      </c>
      <c r="B59322" s="14" t="s">
        <v>1</v>
      </c>
      <c r="C59322" s="14" t="s">
        <v>23</v>
      </c>
      <c r="D59322" s="14" t="s">
        <v>321</v>
      </c>
      <c r="E59322" s="15">
        <v>45568</v>
      </c>
      <c r="F59322" s="14" t="s">
        <v>15</v>
      </c>
      <c r="G59322" s="16">
        <v>2.971064386600581</v>
      </c>
    </row>
    <row r="59323" spans="1:7" x14ac:dyDescent="0.3">
      <c r="A59323" s="13" t="s">
        <v>320</v>
      </c>
      <c r="B59323" s="14" t="s">
        <v>1</v>
      </c>
      <c r="C59323" s="14" t="s">
        <v>23</v>
      </c>
      <c r="D59323" s="14" t="s">
        <v>321</v>
      </c>
      <c r="E59323" s="15">
        <v>45569</v>
      </c>
      <c r="F59323" s="14" t="s">
        <v>15</v>
      </c>
      <c r="G59323" s="16">
        <v>2.987547751285085</v>
      </c>
    </row>
    <row r="59324" spans="1:7" x14ac:dyDescent="0.3">
      <c r="A59324" s="13" t="s">
        <v>320</v>
      </c>
      <c r="B59324" s="14" t="s">
        <v>1</v>
      </c>
      <c r="C59324" s="14" t="s">
        <v>23</v>
      </c>
      <c r="D59324" s="14" t="s">
        <v>321</v>
      </c>
      <c r="E59324" s="15">
        <v>45570</v>
      </c>
      <c r="F59324" s="14" t="s">
        <v>15</v>
      </c>
      <c r="G59324" s="16">
        <v>2.987547751285085</v>
      </c>
    </row>
    <row r="59325" spans="1:7" x14ac:dyDescent="0.3">
      <c r="A59325" s="13" t="s">
        <v>320</v>
      </c>
      <c r="B59325" s="14" t="s">
        <v>1</v>
      </c>
      <c r="C59325" s="14" t="s">
        <v>23</v>
      </c>
      <c r="D59325" s="14" t="s">
        <v>321</v>
      </c>
      <c r="E59325" s="15">
        <v>45571</v>
      </c>
      <c r="F59325" s="14" t="s">
        <v>15</v>
      </c>
      <c r="G59325" s="16">
        <v>2.987547751285085</v>
      </c>
    </row>
    <row r="59326" spans="1:7" x14ac:dyDescent="0.3">
      <c r="A59326" s="13" t="s">
        <v>320</v>
      </c>
      <c r="B59326" s="14" t="s">
        <v>1</v>
      </c>
      <c r="C59326" s="14" t="s">
        <v>23</v>
      </c>
      <c r="D59326" s="14" t="s">
        <v>321</v>
      </c>
      <c r="E59326" s="15">
        <v>45572</v>
      </c>
      <c r="F59326" s="14" t="s">
        <v>15</v>
      </c>
      <c r="G59326" s="16">
        <v>3.0270583639259927</v>
      </c>
    </row>
    <row r="59327" spans="1:7" x14ac:dyDescent="0.3">
      <c r="A59327" s="13" t="s">
        <v>320</v>
      </c>
      <c r="B59327" s="14" t="s">
        <v>1</v>
      </c>
      <c r="C59327" s="14" t="s">
        <v>23</v>
      </c>
      <c r="D59327" s="14" t="s">
        <v>321</v>
      </c>
      <c r="E59327" s="15">
        <v>45573</v>
      </c>
      <c r="F59327" s="14" t="s">
        <v>15</v>
      </c>
      <c r="G59327" s="16">
        <v>3.0789193398729857</v>
      </c>
    </row>
    <row r="59328" spans="1:7" x14ac:dyDescent="0.3">
      <c r="A59328" s="13" t="s">
        <v>320</v>
      </c>
      <c r="B59328" s="14" t="s">
        <v>1</v>
      </c>
      <c r="C59328" s="14" t="s">
        <v>23</v>
      </c>
      <c r="D59328" s="14" t="s">
        <v>321</v>
      </c>
      <c r="E59328" s="15">
        <v>45574</v>
      </c>
      <c r="F59328" s="14" t="s">
        <v>15</v>
      </c>
      <c r="G59328" s="16">
        <v>3.0955455292623033</v>
      </c>
    </row>
    <row r="59329" spans="1:7" x14ac:dyDescent="0.3">
      <c r="A59329" s="13" t="s">
        <v>320</v>
      </c>
      <c r="B59329" s="14" t="s">
        <v>1</v>
      </c>
      <c r="C59329" s="14" t="s">
        <v>23</v>
      </c>
      <c r="D59329" s="14" t="s">
        <v>321</v>
      </c>
      <c r="E59329" s="15">
        <v>45575</v>
      </c>
      <c r="F59329" s="14" t="s">
        <v>15</v>
      </c>
      <c r="G59329" s="16">
        <v>3.1121617277342737</v>
      </c>
    </row>
    <row r="59330" spans="1:7" x14ac:dyDescent="0.3">
      <c r="A59330" s="13" t="s">
        <v>320</v>
      </c>
      <c r="B59330" s="14" t="s">
        <v>1</v>
      </c>
      <c r="C59330" s="14" t="s">
        <v>23</v>
      </c>
      <c r="D59330" s="14" t="s">
        <v>321</v>
      </c>
      <c r="E59330" s="15">
        <v>45576</v>
      </c>
      <c r="F59330" s="14" t="s">
        <v>15</v>
      </c>
      <c r="G59330" s="16">
        <v>3.1286335120373066</v>
      </c>
    </row>
    <row r="59331" spans="1:7" x14ac:dyDescent="0.3">
      <c r="A59331" s="13" t="s">
        <v>320</v>
      </c>
      <c r="B59331" s="14" t="s">
        <v>1</v>
      </c>
      <c r="C59331" s="14" t="s">
        <v>23</v>
      </c>
      <c r="D59331" s="14" t="s">
        <v>321</v>
      </c>
      <c r="E59331" s="15">
        <v>45577</v>
      </c>
      <c r="F59331" s="14" t="s">
        <v>15</v>
      </c>
      <c r="G59331" s="16">
        <v>3.1286335120373066</v>
      </c>
    </row>
    <row r="59332" spans="1:7" x14ac:dyDescent="0.3">
      <c r="A59332" s="13" t="s">
        <v>320</v>
      </c>
      <c r="B59332" s="14" t="s">
        <v>1</v>
      </c>
      <c r="C59332" s="14" t="s">
        <v>23</v>
      </c>
      <c r="D59332" s="14" t="s">
        <v>321</v>
      </c>
      <c r="E59332" s="15">
        <v>45578</v>
      </c>
      <c r="F59332" s="14" t="s">
        <v>15</v>
      </c>
      <c r="G59332" s="16">
        <v>3.1286335120373066</v>
      </c>
    </row>
    <row r="59333" spans="1:7" x14ac:dyDescent="0.3">
      <c r="A59333" s="13" t="s">
        <v>320</v>
      </c>
      <c r="B59333" s="14" t="s">
        <v>1</v>
      </c>
      <c r="C59333" s="14" t="s">
        <v>23</v>
      </c>
      <c r="D59333" s="14" t="s">
        <v>321</v>
      </c>
      <c r="E59333" s="15">
        <v>45579</v>
      </c>
      <c r="F59333" s="14" t="s">
        <v>15</v>
      </c>
      <c r="G59333" s="16">
        <v>3.1286335120373066</v>
      </c>
    </row>
    <row r="59334" spans="1:7" x14ac:dyDescent="0.3">
      <c r="A59334" s="13" t="s">
        <v>320</v>
      </c>
      <c r="B59334" s="14" t="s">
        <v>1</v>
      </c>
      <c r="C59334" s="14" t="s">
        <v>23</v>
      </c>
      <c r="D59334" s="14" t="s">
        <v>321</v>
      </c>
      <c r="E59334" s="15">
        <v>45580</v>
      </c>
      <c r="F59334" s="14" t="s">
        <v>15</v>
      </c>
      <c r="G59334" s="16">
        <v>3.1451838612813021</v>
      </c>
    </row>
    <row r="59335" spans="1:7" x14ac:dyDescent="0.3">
      <c r="A59335" s="13" t="s">
        <v>320</v>
      </c>
      <c r="B59335" s="14" t="s">
        <v>1</v>
      </c>
      <c r="C59335" s="14" t="s">
        <v>23</v>
      </c>
      <c r="D59335" s="14" t="s">
        <v>321</v>
      </c>
      <c r="E59335" s="15">
        <v>45581</v>
      </c>
      <c r="F59335" s="14" t="s">
        <v>15</v>
      </c>
      <c r="G59335" s="16">
        <v>3.2113111860021366</v>
      </c>
    </row>
    <row r="59336" spans="1:7" x14ac:dyDescent="0.3">
      <c r="A59336" s="13" t="s">
        <v>320</v>
      </c>
      <c r="B59336" s="14" t="s">
        <v>1</v>
      </c>
      <c r="C59336" s="14" t="s">
        <v>23</v>
      </c>
      <c r="D59336" s="14" t="s">
        <v>321</v>
      </c>
      <c r="E59336" s="15">
        <v>45582</v>
      </c>
      <c r="F59336" s="14" t="s">
        <v>15</v>
      </c>
      <c r="G59336" s="16">
        <v>3.2276081292515815</v>
      </c>
    </row>
    <row r="59337" spans="1:7" x14ac:dyDescent="0.3">
      <c r="A59337" s="13" t="s">
        <v>320</v>
      </c>
      <c r="B59337" s="14" t="s">
        <v>1</v>
      </c>
      <c r="C59337" s="14" t="s">
        <v>23</v>
      </c>
      <c r="D59337" s="14" t="s">
        <v>321</v>
      </c>
      <c r="E59337" s="15">
        <v>45583</v>
      </c>
      <c r="F59337" s="14" t="s">
        <v>15</v>
      </c>
      <c r="G59337" s="16">
        <v>3.2439704675963941</v>
      </c>
    </row>
    <row r="59338" spans="1:7" x14ac:dyDescent="0.3">
      <c r="A59338" s="13" t="s">
        <v>320</v>
      </c>
      <c r="B59338" s="14" t="s">
        <v>1</v>
      </c>
      <c r="C59338" s="14" t="s">
        <v>23</v>
      </c>
      <c r="D59338" s="14" t="s">
        <v>321</v>
      </c>
      <c r="E59338" s="15">
        <v>45584</v>
      </c>
      <c r="F59338" s="14" t="s">
        <v>15</v>
      </c>
      <c r="G59338" s="16">
        <v>3.2439704675963941</v>
      </c>
    </row>
    <row r="59339" spans="1:7" x14ac:dyDescent="0.3">
      <c r="A59339" s="13" t="s">
        <v>320</v>
      </c>
      <c r="B59339" s="14" t="s">
        <v>1</v>
      </c>
      <c r="C59339" s="14" t="s">
        <v>23</v>
      </c>
      <c r="D59339" s="14" t="s">
        <v>321</v>
      </c>
      <c r="E59339" s="15">
        <v>45585</v>
      </c>
      <c r="F59339" s="14" t="s">
        <v>15</v>
      </c>
      <c r="G59339" s="16">
        <v>3.2439704675963941</v>
      </c>
    </row>
    <row r="59340" spans="1:7" x14ac:dyDescent="0.3">
      <c r="A59340" s="13" t="s">
        <v>320</v>
      </c>
      <c r="B59340" s="14" t="s">
        <v>1</v>
      </c>
      <c r="C59340" s="14" t="s">
        <v>23</v>
      </c>
      <c r="D59340" s="14" t="s">
        <v>321</v>
      </c>
      <c r="E59340" s="15">
        <v>45586</v>
      </c>
      <c r="F59340" s="14" t="s">
        <v>15</v>
      </c>
      <c r="G59340" s="16">
        <v>3.259362324560644</v>
      </c>
    </row>
    <row r="59341" spans="1:7" x14ac:dyDescent="0.3">
      <c r="A59341" s="13" t="s">
        <v>320</v>
      </c>
      <c r="B59341" s="14" t="s">
        <v>1</v>
      </c>
      <c r="C59341" s="14" t="s">
        <v>23</v>
      </c>
      <c r="D59341" s="14" t="s">
        <v>321</v>
      </c>
      <c r="E59341" s="15">
        <v>45587</v>
      </c>
      <c r="F59341" s="14" t="s">
        <v>15</v>
      </c>
      <c r="G59341" s="16">
        <v>3.3084038182188085</v>
      </c>
    </row>
    <row r="59342" spans="1:7" x14ac:dyDescent="0.3">
      <c r="A59342" s="13" t="s">
        <v>320</v>
      </c>
      <c r="B59342" s="14" t="s">
        <v>1</v>
      </c>
      <c r="C59342" s="14" t="s">
        <v>23</v>
      </c>
      <c r="D59342" s="14" t="s">
        <v>321</v>
      </c>
      <c r="E59342" s="15">
        <v>45588</v>
      </c>
      <c r="F59342" s="14" t="s">
        <v>15</v>
      </c>
      <c r="G59342" s="16">
        <v>3.3248072555645294</v>
      </c>
    </row>
    <row r="59343" spans="1:7" x14ac:dyDescent="0.3">
      <c r="A59343" s="13" t="s">
        <v>320</v>
      </c>
      <c r="B59343" s="14" t="s">
        <v>1</v>
      </c>
      <c r="C59343" s="14" t="s">
        <v>23</v>
      </c>
      <c r="D59343" s="14" t="s">
        <v>321</v>
      </c>
      <c r="E59343" s="15">
        <v>45589</v>
      </c>
      <c r="F59343" s="14" t="s">
        <v>15</v>
      </c>
      <c r="G59343" s="16">
        <v>3.340883263300805</v>
      </c>
    </row>
    <row r="59344" spans="1:7" x14ac:dyDescent="0.3">
      <c r="A59344" s="13" t="s">
        <v>320</v>
      </c>
      <c r="B59344" s="14" t="s">
        <v>1</v>
      </c>
      <c r="C59344" s="14" t="s">
        <v>23</v>
      </c>
      <c r="D59344" s="14" t="s">
        <v>321</v>
      </c>
      <c r="E59344" s="15">
        <v>45590</v>
      </c>
      <c r="F59344" s="14" t="s">
        <v>15</v>
      </c>
      <c r="G59344" s="16">
        <v>3.3570557742160085</v>
      </c>
    </row>
    <row r="59345" spans="1:7" x14ac:dyDescent="0.3">
      <c r="A59345" s="13" t="s">
        <v>320</v>
      </c>
      <c r="B59345" s="14" t="s">
        <v>1</v>
      </c>
      <c r="C59345" s="14" t="s">
        <v>23</v>
      </c>
      <c r="D59345" s="14" t="s">
        <v>321</v>
      </c>
      <c r="E59345" s="15">
        <v>45591</v>
      </c>
      <c r="F59345" s="14" t="s">
        <v>15</v>
      </c>
      <c r="G59345" s="16">
        <v>3.3570557742160085</v>
      </c>
    </row>
    <row r="59346" spans="1:7" x14ac:dyDescent="0.3">
      <c r="A59346" s="13" t="s">
        <v>320</v>
      </c>
      <c r="B59346" s="14" t="s">
        <v>1</v>
      </c>
      <c r="C59346" s="14" t="s">
        <v>23</v>
      </c>
      <c r="D59346" s="14" t="s">
        <v>321</v>
      </c>
      <c r="E59346" s="15">
        <v>45592</v>
      </c>
      <c r="F59346" s="14" t="s">
        <v>15</v>
      </c>
      <c r="G59346" s="16">
        <v>3.3570557742160085</v>
      </c>
    </row>
    <row r="59347" spans="1:7" x14ac:dyDescent="0.3">
      <c r="A59347" s="13" t="s">
        <v>320</v>
      </c>
      <c r="B59347" s="14" t="s">
        <v>1</v>
      </c>
      <c r="C59347" s="14" t="s">
        <v>23</v>
      </c>
      <c r="D59347" s="14" t="s">
        <v>321</v>
      </c>
      <c r="E59347" s="15">
        <v>45593</v>
      </c>
      <c r="F59347" s="14" t="s">
        <v>15</v>
      </c>
      <c r="G59347" s="16">
        <v>3.3570557742160085</v>
      </c>
    </row>
    <row r="59348" spans="1:7" x14ac:dyDescent="0.3">
      <c r="A59348" s="13" t="s">
        <v>320</v>
      </c>
      <c r="B59348" s="14" t="s">
        <v>1</v>
      </c>
      <c r="C59348" s="14" t="s">
        <v>23</v>
      </c>
      <c r="D59348" s="14" t="s">
        <v>321</v>
      </c>
      <c r="E59348" s="15">
        <v>45594</v>
      </c>
      <c r="F59348" s="14" t="s">
        <v>15</v>
      </c>
      <c r="G59348" s="16">
        <v>3.3761226993001494</v>
      </c>
    </row>
    <row r="59349" spans="1:7" x14ac:dyDescent="0.3">
      <c r="A59349" s="13" t="s">
        <v>320</v>
      </c>
      <c r="B59349" s="14" t="s">
        <v>1</v>
      </c>
      <c r="C59349" s="14" t="s">
        <v>23</v>
      </c>
      <c r="D59349" s="14" t="s">
        <v>321</v>
      </c>
      <c r="E59349" s="15">
        <v>45595</v>
      </c>
      <c r="F59349" s="14" t="s">
        <v>15</v>
      </c>
      <c r="G59349" s="16">
        <v>3.4395220494524104</v>
      </c>
    </row>
    <row r="59350" spans="1:7" x14ac:dyDescent="0.3">
      <c r="A59350" s="13" t="s">
        <v>320</v>
      </c>
      <c r="B59350" s="14" t="s">
        <v>1</v>
      </c>
      <c r="C59350" s="14" t="s">
        <v>23</v>
      </c>
      <c r="D59350" s="14" t="s">
        <v>321</v>
      </c>
      <c r="E59350" s="15">
        <v>45596</v>
      </c>
      <c r="F59350" s="14" t="s">
        <v>15</v>
      </c>
      <c r="G59350" s="16">
        <v>3.4432508728108471</v>
      </c>
    </row>
    <row r="59351" spans="1:7" x14ac:dyDescent="0.3">
      <c r="A59351" s="13" t="s">
        <v>320</v>
      </c>
      <c r="B59351" s="14" t="s">
        <v>1</v>
      </c>
      <c r="C59351" s="14" t="s">
        <v>23</v>
      </c>
      <c r="D59351" s="14" t="s">
        <v>321</v>
      </c>
      <c r="E59351" s="15">
        <v>45597</v>
      </c>
      <c r="F59351" s="14" t="s">
        <v>15</v>
      </c>
      <c r="G59351" s="16">
        <v>3.4586586244163322</v>
      </c>
    </row>
    <row r="59352" spans="1:7" x14ac:dyDescent="0.3">
      <c r="A59352" s="13" t="s">
        <v>320</v>
      </c>
      <c r="B59352" s="14" t="s">
        <v>1</v>
      </c>
      <c r="C59352" s="14" t="s">
        <v>23</v>
      </c>
      <c r="D59352" s="14" t="s">
        <v>321</v>
      </c>
      <c r="E59352" s="15">
        <v>45598</v>
      </c>
      <c r="F59352" s="14" t="s">
        <v>15</v>
      </c>
      <c r="G59352" s="16">
        <v>3.4586586244163322</v>
      </c>
    </row>
    <row r="59353" spans="1:7" x14ac:dyDescent="0.3">
      <c r="A59353" s="13" t="s">
        <v>320</v>
      </c>
      <c r="B59353" s="14" t="s">
        <v>1</v>
      </c>
      <c r="C59353" s="14" t="s">
        <v>23</v>
      </c>
      <c r="D59353" s="14" t="s">
        <v>321</v>
      </c>
      <c r="E59353" s="15">
        <v>45599</v>
      </c>
      <c r="F59353" s="14" t="s">
        <v>15</v>
      </c>
      <c r="G59353" s="16">
        <v>3.4586586244163322</v>
      </c>
    </row>
    <row r="59354" spans="1:7" x14ac:dyDescent="0.3">
      <c r="A59354" s="13" t="s">
        <v>320</v>
      </c>
      <c r="B59354" s="14" t="s">
        <v>1</v>
      </c>
      <c r="C59354" s="14" t="s">
        <v>23</v>
      </c>
      <c r="D59354" s="14" t="s">
        <v>321</v>
      </c>
      <c r="E59354" s="15">
        <v>45600</v>
      </c>
      <c r="F59354" s="14" t="s">
        <v>15</v>
      </c>
      <c r="G59354" s="16">
        <v>3.465858610354243</v>
      </c>
    </row>
    <row r="59355" spans="1:7" x14ac:dyDescent="0.3">
      <c r="A59355" s="13" t="s">
        <v>320</v>
      </c>
      <c r="B59355" s="14" t="s">
        <v>1</v>
      </c>
      <c r="C59355" s="14" t="s">
        <v>23</v>
      </c>
      <c r="D59355" s="14" t="s">
        <v>321</v>
      </c>
      <c r="E59355" s="15">
        <v>45601</v>
      </c>
      <c r="F59355" s="14" t="s">
        <v>15</v>
      </c>
      <c r="G59355" s="16">
        <v>3.5149430195437428</v>
      </c>
    </row>
    <row r="59356" spans="1:7" x14ac:dyDescent="0.3">
      <c r="A59356" s="13" t="s">
        <v>320</v>
      </c>
      <c r="B59356" s="14" t="s">
        <v>1</v>
      </c>
      <c r="C59356" s="14" t="s">
        <v>23</v>
      </c>
      <c r="D59356" s="14" t="s">
        <v>321</v>
      </c>
      <c r="E59356" s="15">
        <v>45602</v>
      </c>
      <c r="F59356" s="14" t="s">
        <v>15</v>
      </c>
      <c r="G59356" s="16">
        <v>3.5311768383608535</v>
      </c>
    </row>
    <row r="59357" spans="1:7" x14ac:dyDescent="0.3">
      <c r="A59357" s="13" t="s">
        <v>320</v>
      </c>
      <c r="B59357" s="14" t="s">
        <v>1</v>
      </c>
      <c r="C59357" s="14" t="s">
        <v>23</v>
      </c>
      <c r="D59357" s="14" t="s">
        <v>321</v>
      </c>
      <c r="E59357" s="15">
        <v>45603</v>
      </c>
      <c r="F59357" s="14" t="s">
        <v>15</v>
      </c>
      <c r="G59357" s="16">
        <v>3.5489692402842312</v>
      </c>
    </row>
    <row r="59358" spans="1:7" x14ac:dyDescent="0.3">
      <c r="A59358" s="13" t="s">
        <v>320</v>
      </c>
      <c r="B59358" s="14" t="s">
        <v>1</v>
      </c>
      <c r="C59358" s="14" t="s">
        <v>23</v>
      </c>
      <c r="D59358" s="14" t="s">
        <v>321</v>
      </c>
      <c r="E59358" s="15">
        <v>45604</v>
      </c>
      <c r="F59358" s="14" t="s">
        <v>15</v>
      </c>
      <c r="G59358" s="16">
        <v>3.5657727684564744</v>
      </c>
    </row>
    <row r="59359" spans="1:7" x14ac:dyDescent="0.3">
      <c r="A59359" s="13" t="s">
        <v>320</v>
      </c>
      <c r="B59359" s="14" t="s">
        <v>1</v>
      </c>
      <c r="C59359" s="14" t="s">
        <v>23</v>
      </c>
      <c r="D59359" s="14" t="s">
        <v>321</v>
      </c>
      <c r="E59359" s="15">
        <v>45605</v>
      </c>
      <c r="F59359" s="14" t="s">
        <v>15</v>
      </c>
      <c r="G59359" s="16">
        <v>3.5657727684564744</v>
      </c>
    </row>
    <row r="59360" spans="1:7" x14ac:dyDescent="0.3">
      <c r="A59360" s="13" t="s">
        <v>320</v>
      </c>
      <c r="B59360" s="14" t="s">
        <v>1</v>
      </c>
      <c r="C59360" s="14" t="s">
        <v>23</v>
      </c>
      <c r="D59360" s="14" t="s">
        <v>321</v>
      </c>
      <c r="E59360" s="15">
        <v>45606</v>
      </c>
      <c r="F59360" s="14" t="s">
        <v>15</v>
      </c>
      <c r="G59360" s="16">
        <v>3.5657727684564744</v>
      </c>
    </row>
    <row r="59361" spans="1:7" x14ac:dyDescent="0.3">
      <c r="A59361" s="13" t="s">
        <v>320</v>
      </c>
      <c r="B59361" s="14" t="s">
        <v>1</v>
      </c>
      <c r="C59361" s="14" t="s">
        <v>23</v>
      </c>
      <c r="D59361" s="14" t="s">
        <v>321</v>
      </c>
      <c r="E59361" s="15">
        <v>45607</v>
      </c>
      <c r="F59361" s="14" t="s">
        <v>15</v>
      </c>
      <c r="G59361" s="16">
        <v>3.5657727684564744</v>
      </c>
    </row>
    <row r="59362" spans="1:7" x14ac:dyDescent="0.3">
      <c r="A59362" s="13" t="s">
        <v>320</v>
      </c>
      <c r="B59362" s="14" t="s">
        <v>1</v>
      </c>
      <c r="C59362" s="14" t="s">
        <v>23</v>
      </c>
      <c r="D59362" s="14" t="s">
        <v>321</v>
      </c>
      <c r="E59362" s="15">
        <v>45608</v>
      </c>
      <c r="F59362" s="14" t="s">
        <v>15</v>
      </c>
      <c r="G59362" s="16">
        <v>3.5814614010792165</v>
      </c>
    </row>
    <row r="59363" spans="1:7" x14ac:dyDescent="0.3">
      <c r="A59363" s="13" t="s">
        <v>320</v>
      </c>
      <c r="B59363" s="14" t="s">
        <v>1</v>
      </c>
      <c r="C59363" s="14" t="s">
        <v>23</v>
      </c>
      <c r="D59363" s="14" t="s">
        <v>321</v>
      </c>
      <c r="E59363" s="15">
        <v>45609</v>
      </c>
      <c r="F59363" s="14" t="s">
        <v>15</v>
      </c>
      <c r="G59363" s="16">
        <v>3.6588725586792519</v>
      </c>
    </row>
    <row r="59364" spans="1:7" x14ac:dyDescent="0.3">
      <c r="A59364" s="13" t="s">
        <v>320</v>
      </c>
      <c r="B59364" s="14" t="s">
        <v>1</v>
      </c>
      <c r="C59364" s="14" t="s">
        <v>23</v>
      </c>
      <c r="D59364" s="14" t="s">
        <v>321</v>
      </c>
      <c r="E59364" s="15">
        <v>45610</v>
      </c>
      <c r="F59364" s="14" t="s">
        <v>15</v>
      </c>
      <c r="G59364" s="16">
        <v>3.6747062866698412</v>
      </c>
    </row>
    <row r="59365" spans="1:7" x14ac:dyDescent="0.3">
      <c r="A59365" s="13" t="s">
        <v>320</v>
      </c>
      <c r="B59365" s="14" t="s">
        <v>1</v>
      </c>
      <c r="C59365" s="14" t="s">
        <v>23</v>
      </c>
      <c r="D59365" s="14" t="s">
        <v>321</v>
      </c>
      <c r="E59365" s="15">
        <v>45611</v>
      </c>
      <c r="F59365" s="14" t="s">
        <v>15</v>
      </c>
      <c r="G59365" s="16">
        <v>3.6905613588929467</v>
      </c>
    </row>
    <row r="59366" spans="1:7" x14ac:dyDescent="0.3">
      <c r="A59366" s="13" t="s">
        <v>320</v>
      </c>
      <c r="B59366" s="14" t="s">
        <v>1</v>
      </c>
      <c r="C59366" s="14" t="s">
        <v>23</v>
      </c>
      <c r="D59366" s="14" t="s">
        <v>321</v>
      </c>
      <c r="E59366" s="15">
        <v>45612</v>
      </c>
      <c r="F59366" s="14" t="s">
        <v>15</v>
      </c>
      <c r="G59366" s="16">
        <v>3.6905613588929467</v>
      </c>
    </row>
    <row r="59367" spans="1:7" x14ac:dyDescent="0.3">
      <c r="A59367" s="13" t="s">
        <v>320</v>
      </c>
      <c r="B59367" s="14" t="s">
        <v>1</v>
      </c>
      <c r="C59367" s="14" t="s">
        <v>23</v>
      </c>
      <c r="D59367" s="14" t="s">
        <v>321</v>
      </c>
      <c r="E59367" s="15">
        <v>45613</v>
      </c>
      <c r="F59367" s="14" t="s">
        <v>15</v>
      </c>
      <c r="G59367" s="16">
        <v>3.6905613588929467</v>
      </c>
    </row>
    <row r="59368" spans="1:7" x14ac:dyDescent="0.3">
      <c r="A59368" s="13" t="s">
        <v>320</v>
      </c>
      <c r="B59368" s="14" t="s">
        <v>1</v>
      </c>
      <c r="C59368" s="14" t="s">
        <v>23</v>
      </c>
      <c r="D59368" s="14" t="s">
        <v>321</v>
      </c>
      <c r="E59368" s="15">
        <v>45614</v>
      </c>
      <c r="F59368" s="14" t="s">
        <v>15</v>
      </c>
      <c r="G59368" s="16">
        <v>3.7064277844312201</v>
      </c>
    </row>
    <row r="59369" spans="1:7" x14ac:dyDescent="0.3">
      <c r="A59369" s="13" t="s">
        <v>320</v>
      </c>
      <c r="B59369" s="14" t="s">
        <v>1</v>
      </c>
      <c r="C59369" s="14" t="s">
        <v>23</v>
      </c>
      <c r="D59369" s="14" t="s">
        <v>321</v>
      </c>
      <c r="E59369" s="15">
        <v>45615</v>
      </c>
      <c r="F59369" s="14" t="s">
        <v>15</v>
      </c>
      <c r="G59369" s="16">
        <v>3.7533868530212646</v>
      </c>
    </row>
    <row r="59370" spans="1:7" x14ac:dyDescent="0.3">
      <c r="A59370" s="13" t="s">
        <v>320</v>
      </c>
      <c r="B59370" s="14" t="s">
        <v>1</v>
      </c>
      <c r="C59370" s="14" t="s">
        <v>23</v>
      </c>
      <c r="D59370" s="14" t="s">
        <v>321</v>
      </c>
      <c r="E59370" s="15">
        <v>45616</v>
      </c>
      <c r="F59370" s="14" t="s">
        <v>15</v>
      </c>
      <c r="G59370" s="16">
        <v>3.7694655855531805</v>
      </c>
    </row>
    <row r="59371" spans="1:7" x14ac:dyDescent="0.3">
      <c r="A59371" s="13" t="s">
        <v>320</v>
      </c>
      <c r="B59371" s="14" t="s">
        <v>1</v>
      </c>
      <c r="C59371" s="14" t="s">
        <v>23</v>
      </c>
      <c r="D59371" s="14" t="s">
        <v>321</v>
      </c>
      <c r="E59371" s="15">
        <v>45617</v>
      </c>
      <c r="F59371" s="14" t="s">
        <v>15</v>
      </c>
      <c r="G59371" s="16">
        <v>3.7858338276218806</v>
      </c>
    </row>
    <row r="59372" spans="1:7" x14ac:dyDescent="0.3">
      <c r="A59372" s="13" t="s">
        <v>320</v>
      </c>
      <c r="B59372" s="14" t="s">
        <v>1</v>
      </c>
      <c r="C59372" s="14" t="s">
        <v>23</v>
      </c>
      <c r="D59372" s="14" t="s">
        <v>321</v>
      </c>
      <c r="E59372" s="15">
        <v>45618</v>
      </c>
      <c r="F59372" s="14" t="s">
        <v>15</v>
      </c>
      <c r="G59372" s="16">
        <v>3.8018641950311802</v>
      </c>
    </row>
    <row r="59373" spans="1:7" x14ac:dyDescent="0.3">
      <c r="A59373" s="13" t="s">
        <v>320</v>
      </c>
      <c r="B59373" s="14" t="s">
        <v>1</v>
      </c>
      <c r="C59373" s="14" t="s">
        <v>23</v>
      </c>
      <c r="D59373" s="14" t="s">
        <v>321</v>
      </c>
      <c r="E59373" s="15">
        <v>45619</v>
      </c>
      <c r="F59373" s="14" t="s">
        <v>15</v>
      </c>
      <c r="G59373" s="16">
        <v>3.8018641950311802</v>
      </c>
    </row>
    <row r="59374" spans="1:7" x14ac:dyDescent="0.3">
      <c r="A59374" s="13" t="s">
        <v>320</v>
      </c>
      <c r="B59374" s="14" t="s">
        <v>1</v>
      </c>
      <c r="C59374" s="14" t="s">
        <v>23</v>
      </c>
      <c r="D59374" s="14" t="s">
        <v>321</v>
      </c>
      <c r="E59374" s="15">
        <v>45620</v>
      </c>
      <c r="F59374" s="14" t="s">
        <v>15</v>
      </c>
      <c r="G59374" s="16">
        <v>3.8018641950311802</v>
      </c>
    </row>
    <row r="59375" spans="1:7" x14ac:dyDescent="0.3">
      <c r="A59375" s="13" t="s">
        <v>320</v>
      </c>
      <c r="B59375" s="14" t="s">
        <v>1</v>
      </c>
      <c r="C59375" s="14" t="s">
        <v>23</v>
      </c>
      <c r="D59375" s="14" t="s">
        <v>321</v>
      </c>
      <c r="E59375" s="15">
        <v>45621</v>
      </c>
      <c r="F59375" s="14" t="s">
        <v>15</v>
      </c>
      <c r="G59375" s="16">
        <v>3.8178189493614614</v>
      </c>
    </row>
    <row r="59376" spans="1:7" x14ac:dyDescent="0.3">
      <c r="A59376" s="13" t="s">
        <v>320</v>
      </c>
      <c r="B59376" s="14" t="s">
        <v>1</v>
      </c>
      <c r="C59376" s="14" t="s">
        <v>23</v>
      </c>
      <c r="D59376" s="14" t="s">
        <v>321</v>
      </c>
      <c r="E59376" s="15">
        <v>45622</v>
      </c>
      <c r="F59376" s="14" t="s">
        <v>15</v>
      </c>
      <c r="G59376" s="16">
        <v>3.8655107609124504</v>
      </c>
    </row>
    <row r="59377" spans="1:7" x14ac:dyDescent="0.3">
      <c r="A59377" s="13" t="s">
        <v>320</v>
      </c>
      <c r="B59377" s="14" t="s">
        <v>1</v>
      </c>
      <c r="C59377" s="14" t="s">
        <v>23</v>
      </c>
      <c r="D59377" s="14" t="s">
        <v>321</v>
      </c>
      <c r="E59377" s="15">
        <v>45623</v>
      </c>
      <c r="F59377" s="14" t="s">
        <v>15</v>
      </c>
      <c r="G59377" s="16">
        <v>3.8815143344979539</v>
      </c>
    </row>
    <row r="59378" spans="1:7" x14ac:dyDescent="0.3">
      <c r="A59378" s="13" t="s">
        <v>320</v>
      </c>
      <c r="B59378" s="14" t="s">
        <v>1</v>
      </c>
      <c r="C59378" s="14" t="s">
        <v>23</v>
      </c>
      <c r="D59378" s="14" t="s">
        <v>321</v>
      </c>
      <c r="E59378" s="15">
        <v>45624</v>
      </c>
      <c r="F59378" s="14" t="s">
        <v>15</v>
      </c>
      <c r="G59378" s="16">
        <v>3.8815143344979539</v>
      </c>
    </row>
    <row r="59379" spans="1:7" x14ac:dyDescent="0.3">
      <c r="A59379" s="13" t="s">
        <v>320</v>
      </c>
      <c r="B59379" s="14" t="s">
        <v>1</v>
      </c>
      <c r="C59379" s="14" t="s">
        <v>23</v>
      </c>
      <c r="D59379" s="14" t="s">
        <v>321</v>
      </c>
      <c r="E59379" s="15">
        <v>45625</v>
      </c>
      <c r="F59379" s="14" t="s">
        <v>15</v>
      </c>
      <c r="G59379" s="16">
        <v>3.901728398546672</v>
      </c>
    </row>
    <row r="59380" spans="1:7" x14ac:dyDescent="0.3">
      <c r="A59380" s="13" t="s">
        <v>320</v>
      </c>
      <c r="B59380" s="14" t="s">
        <v>1</v>
      </c>
      <c r="C59380" s="14" t="s">
        <v>23</v>
      </c>
      <c r="D59380" s="14" t="s">
        <v>321</v>
      </c>
      <c r="E59380" s="15">
        <v>45626</v>
      </c>
      <c r="F59380" s="14" t="s">
        <v>15</v>
      </c>
      <c r="G59380" s="16">
        <v>3.901728398546672</v>
      </c>
    </row>
    <row r="59381" spans="1:7" x14ac:dyDescent="0.3">
      <c r="A59381" s="13" t="s">
        <v>320</v>
      </c>
      <c r="B59381" s="14" t="s">
        <v>1</v>
      </c>
      <c r="C59381" s="14" t="s">
        <v>23</v>
      </c>
      <c r="D59381" s="14" t="s">
        <v>321</v>
      </c>
      <c r="E59381" s="15">
        <v>45627</v>
      </c>
      <c r="F59381" s="14" t="s">
        <v>15</v>
      </c>
      <c r="G59381" s="16">
        <v>3.901728398546672</v>
      </c>
    </row>
    <row r="59382" spans="1:7" x14ac:dyDescent="0.3">
      <c r="A59382" s="13" t="s">
        <v>320</v>
      </c>
      <c r="B59382" s="14" t="s">
        <v>1</v>
      </c>
      <c r="C59382" s="14" t="s">
        <v>23</v>
      </c>
      <c r="D59382" s="14" t="s">
        <v>321</v>
      </c>
      <c r="E59382" s="15">
        <v>45628</v>
      </c>
      <c r="F59382" s="14" t="s">
        <v>15</v>
      </c>
      <c r="G59382" s="16">
        <v>3.9335014998342643</v>
      </c>
    </row>
    <row r="59383" spans="1:7" x14ac:dyDescent="0.3">
      <c r="A59383" s="13" t="s">
        <v>320</v>
      </c>
      <c r="B59383" s="14" t="s">
        <v>1</v>
      </c>
      <c r="C59383" s="14" t="s">
        <v>23</v>
      </c>
      <c r="D59383" s="14" t="s">
        <v>321</v>
      </c>
      <c r="E59383" s="15">
        <v>45629</v>
      </c>
      <c r="F59383" s="14" t="s">
        <v>15</v>
      </c>
      <c r="G59383" s="16">
        <v>3.9689948554361161</v>
      </c>
    </row>
    <row r="59384" spans="1:7" x14ac:dyDescent="0.3">
      <c r="A59384" s="13" t="s">
        <v>320</v>
      </c>
      <c r="B59384" s="14" t="s">
        <v>1</v>
      </c>
      <c r="C59384" s="14" t="s">
        <v>23</v>
      </c>
      <c r="D59384" s="14" t="s">
        <v>321</v>
      </c>
      <c r="E59384" s="15">
        <v>45630</v>
      </c>
      <c r="F59384" s="14" t="s">
        <v>15</v>
      </c>
      <c r="G59384" s="16">
        <v>3.9831012900570415</v>
      </c>
    </row>
    <row r="59385" spans="1:7" x14ac:dyDescent="0.3">
      <c r="A59385" s="13" t="s">
        <v>320</v>
      </c>
      <c r="B59385" s="14" t="s">
        <v>1</v>
      </c>
      <c r="C59385" s="14" t="s">
        <v>23</v>
      </c>
      <c r="D59385" s="14" t="s">
        <v>321</v>
      </c>
      <c r="E59385" s="15">
        <v>45631</v>
      </c>
      <c r="F59385" s="14" t="s">
        <v>15</v>
      </c>
      <c r="G59385" s="16">
        <v>3.9991604948868678</v>
      </c>
    </row>
    <row r="59386" spans="1:7" x14ac:dyDescent="0.3">
      <c r="A59386" s="13" t="s">
        <v>320</v>
      </c>
      <c r="B59386" s="14" t="s">
        <v>1</v>
      </c>
      <c r="C59386" s="14" t="s">
        <v>23</v>
      </c>
      <c r="D59386" s="14" t="s">
        <v>321</v>
      </c>
      <c r="E59386" s="15">
        <v>45632</v>
      </c>
      <c r="F59386" s="14" t="s">
        <v>15</v>
      </c>
      <c r="G59386" s="16">
        <v>4.0151568023506634</v>
      </c>
    </row>
    <row r="59387" spans="1:7" x14ac:dyDescent="0.3">
      <c r="A59387" s="13" t="s">
        <v>320</v>
      </c>
      <c r="B59387" s="14" t="s">
        <v>1</v>
      </c>
      <c r="C59387" s="14" t="s">
        <v>23</v>
      </c>
      <c r="D59387" s="14" t="s">
        <v>321</v>
      </c>
      <c r="E59387" s="15">
        <v>45633</v>
      </c>
      <c r="F59387" s="14" t="s">
        <v>15</v>
      </c>
      <c r="G59387" s="16">
        <v>4.0151568023506634</v>
      </c>
    </row>
    <row r="59388" spans="1:7" x14ac:dyDescent="0.3">
      <c r="A59388" s="13" t="s">
        <v>320</v>
      </c>
      <c r="B59388" s="14" t="s">
        <v>1</v>
      </c>
      <c r="C59388" s="14" t="s">
        <v>23</v>
      </c>
      <c r="D59388" s="14" t="s">
        <v>321</v>
      </c>
      <c r="E59388" s="15">
        <v>45634</v>
      </c>
      <c r="F59388" s="14" t="s">
        <v>15</v>
      </c>
      <c r="G59388" s="16">
        <v>4.0151568023506634</v>
      </c>
    </row>
    <row r="59389" spans="1:7" x14ac:dyDescent="0.3">
      <c r="A59389" s="13" t="s">
        <v>320</v>
      </c>
      <c r="B59389" s="14" t="s">
        <v>1</v>
      </c>
      <c r="C59389" s="14" t="s">
        <v>23</v>
      </c>
      <c r="D59389" s="14" t="s">
        <v>321</v>
      </c>
      <c r="E59389" s="15">
        <v>45635</v>
      </c>
      <c r="F59389" s="14" t="s">
        <v>15</v>
      </c>
      <c r="G59389" s="16">
        <v>4.0383225012767658</v>
      </c>
    </row>
    <row r="59390" spans="1:7" x14ac:dyDescent="0.3">
      <c r="A59390" s="13" t="s">
        <v>320</v>
      </c>
      <c r="B59390" s="14" t="s">
        <v>1</v>
      </c>
      <c r="C59390" s="14" t="s">
        <v>23</v>
      </c>
      <c r="D59390" s="14" t="s">
        <v>321</v>
      </c>
      <c r="E59390" s="15">
        <v>45636</v>
      </c>
      <c r="F59390" s="14" t="s">
        <v>15</v>
      </c>
      <c r="G59390" s="16">
        <v>4.0858483273599981</v>
      </c>
    </row>
    <row r="59391" spans="1:7" x14ac:dyDescent="0.3">
      <c r="A59391" s="13" t="s">
        <v>320</v>
      </c>
      <c r="B59391" s="14" t="s">
        <v>1</v>
      </c>
      <c r="C59391" s="14" t="s">
        <v>23</v>
      </c>
      <c r="D59391" s="14" t="s">
        <v>321</v>
      </c>
      <c r="E59391" s="15">
        <v>45637</v>
      </c>
      <c r="F59391" s="14" t="s">
        <v>15</v>
      </c>
      <c r="G59391" s="16">
        <v>4.1017964967674816</v>
      </c>
    </row>
    <row r="59392" spans="1:7" x14ac:dyDescent="0.3">
      <c r="A59392" s="13" t="s">
        <v>320</v>
      </c>
      <c r="B59392" s="14" t="s">
        <v>1</v>
      </c>
      <c r="C59392" s="14" t="s">
        <v>23</v>
      </c>
      <c r="D59392" s="14" t="s">
        <v>321</v>
      </c>
      <c r="E59392" s="15">
        <v>45638</v>
      </c>
      <c r="F59392" s="14" t="s">
        <v>15</v>
      </c>
      <c r="G59392" s="16">
        <v>4.1177841757117495</v>
      </c>
    </row>
    <row r="59393" spans="1:7" x14ac:dyDescent="0.3">
      <c r="A59393" s="13" t="s">
        <v>320</v>
      </c>
      <c r="B59393" s="14" t="s">
        <v>1</v>
      </c>
      <c r="C59393" s="14" t="s">
        <v>23</v>
      </c>
      <c r="D59393" s="14" t="s">
        <v>321</v>
      </c>
      <c r="E59393" s="15">
        <v>45639</v>
      </c>
      <c r="F59393" s="14" t="s">
        <v>15</v>
      </c>
      <c r="G59393" s="16">
        <v>4.1337593660093326</v>
      </c>
    </row>
    <row r="59394" spans="1:7" x14ac:dyDescent="0.3">
      <c r="A59394" s="13" t="s">
        <v>320</v>
      </c>
      <c r="B59394" s="14" t="s">
        <v>1</v>
      </c>
      <c r="C59394" s="14" t="s">
        <v>23</v>
      </c>
      <c r="D59394" s="14" t="s">
        <v>321</v>
      </c>
      <c r="E59394" s="15">
        <v>45640</v>
      </c>
      <c r="F59394" s="14" t="s">
        <v>15</v>
      </c>
      <c r="G59394" s="16">
        <v>4.1337593660093326</v>
      </c>
    </row>
    <row r="59395" spans="1:7" x14ac:dyDescent="0.3">
      <c r="A59395" s="13" t="s">
        <v>320</v>
      </c>
      <c r="B59395" s="14" t="s">
        <v>1</v>
      </c>
      <c r="C59395" s="14" t="s">
        <v>23</v>
      </c>
      <c r="D59395" s="14" t="s">
        <v>321</v>
      </c>
      <c r="E59395" s="15">
        <v>45641</v>
      </c>
      <c r="F59395" s="14" t="s">
        <v>15</v>
      </c>
      <c r="G59395" s="16">
        <v>4.1337593660093326</v>
      </c>
    </row>
    <row r="59396" spans="1:7" x14ac:dyDescent="0.3">
      <c r="A59396" s="13" t="s">
        <v>320</v>
      </c>
      <c r="B59396" s="14" t="s">
        <v>1</v>
      </c>
      <c r="C59396" s="14" t="s">
        <v>23</v>
      </c>
      <c r="D59396" s="14" t="s">
        <v>321</v>
      </c>
      <c r="E59396" s="15">
        <v>45642</v>
      </c>
      <c r="F59396" s="14" t="s">
        <v>15</v>
      </c>
      <c r="G59396" s="16">
        <v>4.1498362820108214</v>
      </c>
    </row>
    <row r="59397" spans="1:7" x14ac:dyDescent="0.3">
      <c r="A59397" s="13" t="s">
        <v>320</v>
      </c>
      <c r="B59397" s="14" t="s">
        <v>1</v>
      </c>
      <c r="C59397" s="14" t="s">
        <v>23</v>
      </c>
      <c r="D59397" s="14" t="s">
        <v>321</v>
      </c>
      <c r="E59397" s="15">
        <v>45643</v>
      </c>
      <c r="F59397" s="14" t="s">
        <v>15</v>
      </c>
      <c r="G59397" s="16">
        <v>4.1974429436980509</v>
      </c>
    </row>
    <row r="59398" spans="1:7" x14ac:dyDescent="0.3">
      <c r="A59398" s="13" t="s">
        <v>320</v>
      </c>
      <c r="B59398" s="14" t="s">
        <v>1</v>
      </c>
      <c r="C59398" s="14" t="s">
        <v>23</v>
      </c>
      <c r="D59398" s="14" t="s">
        <v>321</v>
      </c>
      <c r="E59398" s="15">
        <v>45644</v>
      </c>
      <c r="F59398" s="14" t="s">
        <v>15</v>
      </c>
      <c r="G59398" s="16">
        <v>4.2137753092908206</v>
      </c>
    </row>
    <row r="59399" spans="1:7" x14ac:dyDescent="0.3">
      <c r="A59399" s="13" t="s">
        <v>320</v>
      </c>
      <c r="B59399" s="14" t="s">
        <v>1</v>
      </c>
      <c r="C59399" s="14" t="s">
        <v>23</v>
      </c>
      <c r="D59399" s="14" t="s">
        <v>321</v>
      </c>
      <c r="E59399" s="15">
        <v>45645</v>
      </c>
      <c r="F59399" s="14" t="s">
        <v>15</v>
      </c>
      <c r="G59399" s="16">
        <v>4.2291065395520731</v>
      </c>
    </row>
    <row r="59400" spans="1:7" x14ac:dyDescent="0.3">
      <c r="A59400" s="13" t="s">
        <v>320</v>
      </c>
      <c r="B59400" s="14" t="s">
        <v>1</v>
      </c>
      <c r="C59400" s="14" t="s">
        <v>23</v>
      </c>
      <c r="D59400" s="14" t="s">
        <v>321</v>
      </c>
      <c r="E59400" s="15">
        <v>45646</v>
      </c>
      <c r="F59400" s="14" t="s">
        <v>15</v>
      </c>
      <c r="G59400" s="16">
        <v>4.2443778243092378</v>
      </c>
    </row>
    <row r="59401" spans="1:7" x14ac:dyDescent="0.3">
      <c r="A59401" s="13" t="s">
        <v>320</v>
      </c>
      <c r="B59401" s="14" t="s">
        <v>1</v>
      </c>
      <c r="C59401" s="14" t="s">
        <v>23</v>
      </c>
      <c r="D59401" s="14" t="s">
        <v>321</v>
      </c>
      <c r="E59401" s="15">
        <v>45647</v>
      </c>
      <c r="F59401" s="14" t="s">
        <v>15</v>
      </c>
      <c r="G59401" s="16">
        <v>4.2443778243092378</v>
      </c>
    </row>
    <row r="59402" spans="1:7" x14ac:dyDescent="0.3">
      <c r="A59402" s="13" t="s">
        <v>320</v>
      </c>
      <c r="B59402" s="14" t="s">
        <v>1</v>
      </c>
      <c r="C59402" s="14" t="s">
        <v>23</v>
      </c>
      <c r="D59402" s="14" t="s">
        <v>321</v>
      </c>
      <c r="E59402" s="15">
        <v>45648</v>
      </c>
      <c r="F59402" s="14" t="s">
        <v>15</v>
      </c>
      <c r="G59402" s="16">
        <v>4.2443778243092378</v>
      </c>
    </row>
    <row r="59403" spans="1:7" x14ac:dyDescent="0.3">
      <c r="A59403" s="13" t="s">
        <v>320</v>
      </c>
      <c r="B59403" s="14" t="s">
        <v>1</v>
      </c>
      <c r="C59403" s="14" t="s">
        <v>23</v>
      </c>
      <c r="D59403" s="14" t="s">
        <v>321</v>
      </c>
      <c r="E59403" s="15">
        <v>45649</v>
      </c>
      <c r="F59403" s="14" t="s">
        <v>15</v>
      </c>
      <c r="G59403" s="16">
        <v>4.2219247675586837</v>
      </c>
    </row>
    <row r="59404" spans="1:7" x14ac:dyDescent="0.3">
      <c r="A59404" s="13" t="s">
        <v>320</v>
      </c>
      <c r="B59404" s="14" t="s">
        <v>1</v>
      </c>
      <c r="C59404" s="14" t="s">
        <v>23</v>
      </c>
      <c r="D59404" s="14" t="s">
        <v>321</v>
      </c>
      <c r="E59404" s="15">
        <v>45650</v>
      </c>
      <c r="F59404" s="14" t="s">
        <v>15</v>
      </c>
      <c r="G59404" s="16">
        <v>4.2649617198907803</v>
      </c>
    </row>
    <row r="59405" spans="1:7" x14ac:dyDescent="0.3">
      <c r="A59405" s="13" t="s">
        <v>320</v>
      </c>
      <c r="B59405" s="14" t="s">
        <v>1</v>
      </c>
      <c r="C59405" s="14" t="s">
        <v>23</v>
      </c>
      <c r="D59405" s="14" t="s">
        <v>321</v>
      </c>
      <c r="E59405" s="15">
        <v>45651</v>
      </c>
      <c r="F59405" s="14" t="s">
        <v>15</v>
      </c>
      <c r="G59405" s="16">
        <v>4.2649617198907803</v>
      </c>
    </row>
    <row r="59406" spans="1:7" x14ac:dyDescent="0.3">
      <c r="A59406" s="13" t="s">
        <v>320</v>
      </c>
      <c r="B59406" s="14" t="s">
        <v>1</v>
      </c>
      <c r="C59406" s="14" t="s">
        <v>23</v>
      </c>
      <c r="D59406" s="14" t="s">
        <v>321</v>
      </c>
      <c r="E59406" s="15">
        <v>45652</v>
      </c>
      <c r="F59406" s="14" t="s">
        <v>15</v>
      </c>
      <c r="G59406" s="16">
        <v>4.2649617198907803</v>
      </c>
    </row>
    <row r="59407" spans="1:7" x14ac:dyDescent="0.3">
      <c r="A59407" s="13" t="s">
        <v>320</v>
      </c>
      <c r="B59407" s="14" t="s">
        <v>1</v>
      </c>
      <c r="C59407" s="14" t="s">
        <v>23</v>
      </c>
      <c r="D59407" s="14" t="s">
        <v>321</v>
      </c>
      <c r="E59407" s="15">
        <v>45653</v>
      </c>
      <c r="F59407" s="14" t="s">
        <v>15</v>
      </c>
      <c r="G59407" s="16">
        <v>4.2649617198907803</v>
      </c>
    </row>
    <row r="59408" spans="1:7" x14ac:dyDescent="0.3">
      <c r="A59408" s="13" t="s">
        <v>320</v>
      </c>
      <c r="B59408" s="14" t="s">
        <v>1</v>
      </c>
      <c r="C59408" s="14" t="s">
        <v>23</v>
      </c>
      <c r="D59408" s="14" t="s">
        <v>321</v>
      </c>
      <c r="E59408" s="15">
        <v>45654</v>
      </c>
      <c r="F59408" s="14" t="s">
        <v>15</v>
      </c>
      <c r="G59408" s="16">
        <v>4.2649617198907803</v>
      </c>
    </row>
    <row r="59409" spans="1:7" x14ac:dyDescent="0.3">
      <c r="A59409" s="13" t="s">
        <v>320</v>
      </c>
      <c r="B59409" s="14" t="s">
        <v>1</v>
      </c>
      <c r="C59409" s="14" t="s">
        <v>23</v>
      </c>
      <c r="D59409" s="14" t="s">
        <v>321</v>
      </c>
      <c r="E59409" s="15">
        <v>45655</v>
      </c>
      <c r="F59409" s="14" t="s">
        <v>15</v>
      </c>
      <c r="G59409" s="16">
        <v>4.2649617198907803</v>
      </c>
    </row>
    <row r="59410" spans="1:7" x14ac:dyDescent="0.3">
      <c r="A59410" s="13" t="s">
        <v>320</v>
      </c>
      <c r="B59410" s="14" t="s">
        <v>1</v>
      </c>
      <c r="C59410" s="14" t="s">
        <v>23</v>
      </c>
      <c r="D59410" s="14" t="s">
        <v>321</v>
      </c>
      <c r="E59410" s="15">
        <v>45656</v>
      </c>
      <c r="F59410" s="14" t="s">
        <v>15</v>
      </c>
      <c r="G59410" s="16">
        <v>4.2811941763100707</v>
      </c>
    </row>
    <row r="59411" spans="1:7" x14ac:dyDescent="0.3">
      <c r="A59411" s="13" t="s">
        <v>320</v>
      </c>
      <c r="B59411" s="14" t="s">
        <v>1</v>
      </c>
      <c r="C59411" s="14" t="s">
        <v>23</v>
      </c>
      <c r="D59411" s="14" t="s">
        <v>321</v>
      </c>
      <c r="E59411" s="15">
        <v>45657</v>
      </c>
      <c r="F59411" s="14" t="s">
        <v>15</v>
      </c>
      <c r="G59411" s="16">
        <v>4.3819686399954838</v>
      </c>
    </row>
    <row r="59412" spans="1:7" x14ac:dyDescent="0.3">
      <c r="A59412" s="13" t="s">
        <v>320</v>
      </c>
      <c r="B59412" s="14" t="s">
        <v>1</v>
      </c>
      <c r="C59412" s="14" t="s">
        <v>23</v>
      </c>
      <c r="D59412" s="14" t="s">
        <v>321</v>
      </c>
      <c r="E59412" s="15">
        <v>45658</v>
      </c>
      <c r="F59412" s="14" t="s">
        <v>15</v>
      </c>
      <c r="G59412" s="16">
        <v>4.3819686399954838</v>
      </c>
    </row>
    <row r="59413" spans="1:7" x14ac:dyDescent="0.3">
      <c r="A59413" s="13" t="s">
        <v>320</v>
      </c>
      <c r="B59413" s="14" t="s">
        <v>1</v>
      </c>
      <c r="C59413" s="14" t="s">
        <v>23</v>
      </c>
      <c r="D59413" s="14" t="s">
        <v>321</v>
      </c>
      <c r="E59413" s="15">
        <v>45659</v>
      </c>
      <c r="F59413" s="14" t="s">
        <v>15</v>
      </c>
      <c r="G59413" s="16">
        <v>4.3967680809742653</v>
      </c>
    </row>
    <row r="59414" spans="1:7" x14ac:dyDescent="0.3">
      <c r="A59414" s="13" t="s">
        <v>320</v>
      </c>
      <c r="B59414" s="14" t="s">
        <v>1</v>
      </c>
      <c r="C59414" s="14" t="s">
        <v>23</v>
      </c>
      <c r="D59414" s="14" t="s">
        <v>321</v>
      </c>
      <c r="E59414" s="15">
        <v>45660</v>
      </c>
      <c r="F59414" s="14" t="s">
        <v>15</v>
      </c>
      <c r="G59414" s="16">
        <v>4.4195702467486884</v>
      </c>
    </row>
    <row r="59415" spans="1:7" x14ac:dyDescent="0.3">
      <c r="A59415" s="13" t="s">
        <v>320</v>
      </c>
      <c r="B59415" s="14" t="s">
        <v>1</v>
      </c>
      <c r="C59415" s="14" t="s">
        <v>23</v>
      </c>
      <c r="D59415" s="14" t="s">
        <v>321</v>
      </c>
      <c r="E59415" s="15">
        <v>45661</v>
      </c>
      <c r="F59415" s="14" t="s">
        <v>15</v>
      </c>
      <c r="G59415" s="16">
        <v>4.4195702467486884</v>
      </c>
    </row>
    <row r="59416" spans="1:7" x14ac:dyDescent="0.3">
      <c r="A59416" s="13" t="s">
        <v>320</v>
      </c>
      <c r="B59416" s="14" t="s">
        <v>1</v>
      </c>
      <c r="C59416" s="14" t="s">
        <v>23</v>
      </c>
      <c r="D59416" s="14" t="s">
        <v>321</v>
      </c>
      <c r="E59416" s="15">
        <v>45662</v>
      </c>
      <c r="F59416" s="14" t="s">
        <v>15</v>
      </c>
      <c r="G59416" s="16">
        <v>4.4195702467486884</v>
      </c>
    </row>
    <row r="59417" spans="1:7" x14ac:dyDescent="0.3">
      <c r="A59417" s="13" t="s">
        <v>320</v>
      </c>
      <c r="B59417" s="14" t="s">
        <v>1</v>
      </c>
      <c r="C59417" s="14" t="s">
        <v>23</v>
      </c>
      <c r="D59417" s="14" t="s">
        <v>321</v>
      </c>
      <c r="E59417" s="15">
        <v>45663</v>
      </c>
      <c r="F59417" s="14" t="s">
        <v>15</v>
      </c>
      <c r="G59417" s="16">
        <v>4.4357209592987692</v>
      </c>
    </row>
    <row r="59418" spans="1:7" x14ac:dyDescent="0.3">
      <c r="A59418" s="13" t="s">
        <v>320</v>
      </c>
      <c r="B59418" s="14" t="s">
        <v>1</v>
      </c>
      <c r="C59418" s="14" t="s">
        <v>23</v>
      </c>
      <c r="D59418" s="14" t="s">
        <v>321</v>
      </c>
      <c r="E59418" s="15">
        <v>45664</v>
      </c>
      <c r="F59418" s="14" t="s">
        <v>15</v>
      </c>
      <c r="G59418" s="16">
        <v>4.4854139061812752</v>
      </c>
    </row>
    <row r="59419" spans="1:7" x14ac:dyDescent="0.3">
      <c r="A59419" s="13" t="s">
        <v>320</v>
      </c>
      <c r="B59419" s="14" t="s">
        <v>1</v>
      </c>
      <c r="C59419" s="14" t="s">
        <v>23</v>
      </c>
      <c r="D59419" s="14" t="s">
        <v>321</v>
      </c>
      <c r="E59419" s="15">
        <v>45665</v>
      </c>
      <c r="F59419" s="14" t="s">
        <v>15</v>
      </c>
      <c r="G59419" s="16">
        <v>4.5033893235451616</v>
      </c>
    </row>
    <row r="59420" spans="1:7" x14ac:dyDescent="0.3">
      <c r="A59420" s="13" t="s">
        <v>320</v>
      </c>
      <c r="B59420" s="14" t="s">
        <v>1</v>
      </c>
      <c r="C59420" s="14" t="s">
        <v>23</v>
      </c>
      <c r="D59420" s="14" t="s">
        <v>321</v>
      </c>
      <c r="E59420" s="15">
        <v>45666</v>
      </c>
      <c r="F59420" s="14" t="s">
        <v>15</v>
      </c>
      <c r="G59420" s="16">
        <v>4.5033893235451616</v>
      </c>
    </row>
    <row r="59421" spans="1:7" x14ac:dyDescent="0.3">
      <c r="A59421" s="13" t="s">
        <v>320</v>
      </c>
      <c r="B59421" s="14" t="s">
        <v>1</v>
      </c>
      <c r="C59421" s="14" t="s">
        <v>23</v>
      </c>
      <c r="D59421" s="14" t="s">
        <v>321</v>
      </c>
      <c r="E59421" s="15">
        <v>45667</v>
      </c>
      <c r="F59421" s="14" t="s">
        <v>15</v>
      </c>
      <c r="G59421" s="16">
        <v>4.5251512985838902</v>
      </c>
    </row>
    <row r="59422" spans="1:7" x14ac:dyDescent="0.3">
      <c r="A59422" s="13" t="s">
        <v>320</v>
      </c>
      <c r="B59422" s="14" t="s">
        <v>1</v>
      </c>
      <c r="C59422" s="14" t="s">
        <v>23</v>
      </c>
      <c r="D59422" s="14" t="s">
        <v>321</v>
      </c>
      <c r="E59422" s="15">
        <v>45668</v>
      </c>
      <c r="F59422" s="14" t="s">
        <v>15</v>
      </c>
      <c r="G59422" s="16">
        <v>4.5251512985838902</v>
      </c>
    </row>
    <row r="59423" spans="1:7" x14ac:dyDescent="0.3">
      <c r="A59423" s="13" t="s">
        <v>320</v>
      </c>
      <c r="B59423" s="14" t="s">
        <v>1</v>
      </c>
      <c r="C59423" s="14" t="s">
        <v>23</v>
      </c>
      <c r="D59423" s="14" t="s">
        <v>321</v>
      </c>
      <c r="E59423" s="15">
        <v>45669</v>
      </c>
      <c r="F59423" s="14" t="s">
        <v>15</v>
      </c>
      <c r="G59423" s="16">
        <v>4.5251512985838902</v>
      </c>
    </row>
    <row r="59424" spans="1:7" x14ac:dyDescent="0.3">
      <c r="A59424" s="13" t="s">
        <v>320</v>
      </c>
      <c r="B59424" s="14" t="s">
        <v>1</v>
      </c>
      <c r="C59424" s="14" t="s">
        <v>23</v>
      </c>
      <c r="D59424" s="14" t="s">
        <v>321</v>
      </c>
      <c r="E59424" s="15">
        <v>45670</v>
      </c>
      <c r="F59424" s="14" t="s">
        <v>15</v>
      </c>
      <c r="G59424" s="16">
        <v>4.5598515115881035</v>
      </c>
    </row>
    <row r="59425" spans="1:7" x14ac:dyDescent="0.3">
      <c r="A59425" s="13" t="s">
        <v>320</v>
      </c>
      <c r="B59425" s="14" t="s">
        <v>1</v>
      </c>
      <c r="C59425" s="14" t="s">
        <v>23</v>
      </c>
      <c r="D59425" s="14" t="s">
        <v>321</v>
      </c>
      <c r="E59425" s="15">
        <v>45671</v>
      </c>
      <c r="F59425" s="14" t="s">
        <v>15</v>
      </c>
      <c r="G59425" s="16">
        <v>4.6035773830845965</v>
      </c>
    </row>
    <row r="59426" spans="1:7" x14ac:dyDescent="0.3">
      <c r="A59426" s="13" t="s">
        <v>320</v>
      </c>
      <c r="B59426" s="14" t="s">
        <v>1</v>
      </c>
      <c r="C59426" s="14" t="s">
        <v>23</v>
      </c>
      <c r="D59426" s="14" t="s">
        <v>321</v>
      </c>
      <c r="E59426" s="15">
        <v>45672</v>
      </c>
      <c r="F59426" s="14" t="s">
        <v>15</v>
      </c>
      <c r="G59426" s="16">
        <v>4.6199503935456674</v>
      </c>
    </row>
    <row r="59427" spans="1:7" x14ac:dyDescent="0.3">
      <c r="A59427" s="13" t="s">
        <v>320</v>
      </c>
      <c r="B59427" s="14" t="s">
        <v>1</v>
      </c>
      <c r="C59427" s="14" t="s">
        <v>23</v>
      </c>
      <c r="D59427" s="14" t="s">
        <v>321</v>
      </c>
      <c r="E59427" s="15">
        <v>45673</v>
      </c>
      <c r="F59427" s="14" t="s">
        <v>15</v>
      </c>
      <c r="G59427" s="16">
        <v>4.6363270370675913</v>
      </c>
    </row>
    <row r="59428" spans="1:7" x14ac:dyDescent="0.3">
      <c r="A59428" s="13" t="s">
        <v>320</v>
      </c>
      <c r="B59428" s="14" t="s">
        <v>1</v>
      </c>
      <c r="C59428" s="14" t="s">
        <v>23</v>
      </c>
      <c r="D59428" s="14" t="s">
        <v>321</v>
      </c>
      <c r="E59428" s="15">
        <v>45674</v>
      </c>
      <c r="F59428" s="14" t="s">
        <v>15</v>
      </c>
      <c r="G59428" s="16">
        <v>4.6440808377193985</v>
      </c>
    </row>
    <row r="59429" spans="1:7" x14ac:dyDescent="0.3">
      <c r="A59429" s="13" t="s">
        <v>320</v>
      </c>
      <c r="B59429" s="14" t="s">
        <v>1</v>
      </c>
      <c r="C59429" s="14" t="s">
        <v>23</v>
      </c>
      <c r="D59429" s="14" t="s">
        <v>321</v>
      </c>
      <c r="E59429" s="15">
        <v>45675</v>
      </c>
      <c r="F59429" s="14" t="s">
        <v>15</v>
      </c>
      <c r="G59429" s="16">
        <v>4.6440808377193985</v>
      </c>
    </row>
    <row r="59430" spans="1:7" x14ac:dyDescent="0.3">
      <c r="A59430" s="13" t="s">
        <v>320</v>
      </c>
      <c r="B59430" s="14" t="s">
        <v>1</v>
      </c>
      <c r="C59430" s="14" t="s">
        <v>23</v>
      </c>
      <c r="D59430" s="14" t="s">
        <v>321</v>
      </c>
      <c r="E59430" s="15">
        <v>45676</v>
      </c>
      <c r="F59430" s="14" t="s">
        <v>15</v>
      </c>
      <c r="G59430" s="16">
        <v>4.6440808377193985</v>
      </c>
    </row>
    <row r="59431" spans="1:7" x14ac:dyDescent="0.3">
      <c r="A59431" s="13" t="s">
        <v>320</v>
      </c>
      <c r="B59431" s="14" t="s">
        <v>1</v>
      </c>
      <c r="C59431" s="14" t="s">
        <v>23</v>
      </c>
      <c r="D59431" s="14" t="s">
        <v>321</v>
      </c>
      <c r="E59431" s="15">
        <v>45677</v>
      </c>
      <c r="F59431" s="14" t="s">
        <v>15</v>
      </c>
      <c r="G59431" s="16">
        <v>4.6440808377193985</v>
      </c>
    </row>
    <row r="59432" spans="1:7" x14ac:dyDescent="0.3">
      <c r="A59432" s="13" t="s">
        <v>320</v>
      </c>
      <c r="B59432" s="14" t="s">
        <v>1</v>
      </c>
      <c r="C59432" s="14" t="s">
        <v>23</v>
      </c>
      <c r="D59432" s="14" t="s">
        <v>321</v>
      </c>
      <c r="E59432" s="15">
        <v>45678</v>
      </c>
      <c r="F59432" s="14" t="s">
        <v>15</v>
      </c>
      <c r="G59432" s="16">
        <v>4.6613657464547655</v>
      </c>
    </row>
    <row r="59433" spans="1:7" x14ac:dyDescent="0.3">
      <c r="A59433" s="13" t="s">
        <v>320</v>
      </c>
      <c r="B59433" s="14" t="s">
        <v>1</v>
      </c>
      <c r="C59433" s="14" t="s">
        <v>23</v>
      </c>
      <c r="D59433" s="14" t="s">
        <v>321</v>
      </c>
      <c r="E59433" s="15">
        <v>45679</v>
      </c>
      <c r="F59433" s="14" t="s">
        <v>15</v>
      </c>
      <c r="G59433" s="16">
        <v>4.7225838976969445</v>
      </c>
    </row>
    <row r="59434" spans="1:7" x14ac:dyDescent="0.3">
      <c r="A59434" s="13" t="s">
        <v>320</v>
      </c>
      <c r="B59434" s="14" t="s">
        <v>1</v>
      </c>
      <c r="C59434" s="14" t="s">
        <v>23</v>
      </c>
      <c r="D59434" s="14" t="s">
        <v>321</v>
      </c>
      <c r="E59434" s="15">
        <v>45680</v>
      </c>
      <c r="F59434" s="14" t="s">
        <v>15</v>
      </c>
      <c r="G59434" s="16">
        <v>4.737941467649387</v>
      </c>
    </row>
    <row r="59435" spans="1:7" x14ac:dyDescent="0.3">
      <c r="A59435" s="13" t="s">
        <v>320</v>
      </c>
      <c r="B59435" s="14" t="s">
        <v>1</v>
      </c>
      <c r="C59435" s="14" t="s">
        <v>23</v>
      </c>
      <c r="D59435" s="14" t="s">
        <v>321</v>
      </c>
      <c r="E59435" s="15">
        <v>45681</v>
      </c>
      <c r="F59435" s="14" t="s">
        <v>15</v>
      </c>
      <c r="G59435" s="16">
        <v>4.7533469485918385</v>
      </c>
    </row>
    <row r="59436" spans="1:7" x14ac:dyDescent="0.3">
      <c r="A59436" s="13" t="s">
        <v>320</v>
      </c>
      <c r="B59436" s="14" t="s">
        <v>1</v>
      </c>
      <c r="C59436" s="14" t="s">
        <v>23</v>
      </c>
      <c r="D59436" s="14" t="s">
        <v>321</v>
      </c>
      <c r="E59436" s="15">
        <v>45682</v>
      </c>
      <c r="F59436" s="14" t="s">
        <v>15</v>
      </c>
      <c r="G59436" s="16">
        <v>4.7533469485918385</v>
      </c>
    </row>
    <row r="59437" spans="1:7" x14ac:dyDescent="0.3">
      <c r="A59437" s="13" t="s">
        <v>320</v>
      </c>
      <c r="B59437" s="14" t="s">
        <v>1</v>
      </c>
      <c r="C59437" s="14" t="s">
        <v>23</v>
      </c>
      <c r="D59437" s="14" t="s">
        <v>321</v>
      </c>
      <c r="E59437" s="15">
        <v>45683</v>
      </c>
      <c r="F59437" s="14" t="s">
        <v>15</v>
      </c>
      <c r="G59437" s="16">
        <v>4.7533469485918385</v>
      </c>
    </row>
    <row r="59438" spans="1:7" x14ac:dyDescent="0.3">
      <c r="A59438" s="13" t="s">
        <v>320</v>
      </c>
      <c r="B59438" s="14" t="s">
        <v>1</v>
      </c>
      <c r="C59438" s="14" t="s">
        <v>23</v>
      </c>
      <c r="D59438" s="14" t="s">
        <v>321</v>
      </c>
      <c r="E59438" s="15">
        <v>45684</v>
      </c>
      <c r="F59438" s="14" t="s">
        <v>15</v>
      </c>
      <c r="G59438" s="16">
        <v>4.7703364440665332</v>
      </c>
    </row>
    <row r="59439" spans="1:7" x14ac:dyDescent="0.3">
      <c r="A59439" s="13" t="s">
        <v>320</v>
      </c>
      <c r="B59439" s="14" t="s">
        <v>1</v>
      </c>
      <c r="C59439" s="14" t="s">
        <v>23</v>
      </c>
      <c r="D59439" s="14" t="s">
        <v>321</v>
      </c>
      <c r="E59439" s="15">
        <v>45685</v>
      </c>
      <c r="F59439" s="14" t="s">
        <v>15</v>
      </c>
      <c r="G59439" s="16">
        <v>4.8167589549817365</v>
      </c>
    </row>
    <row r="59440" spans="1:7" x14ac:dyDescent="0.3">
      <c r="A59440" s="13" t="s">
        <v>320</v>
      </c>
      <c r="B59440" s="14" t="s">
        <v>1</v>
      </c>
      <c r="C59440" s="14" t="s">
        <v>23</v>
      </c>
      <c r="D59440" s="14" t="s">
        <v>321</v>
      </c>
      <c r="E59440" s="15">
        <v>45686</v>
      </c>
      <c r="F59440" s="14" t="s">
        <v>15</v>
      </c>
      <c r="G59440" s="16">
        <v>4.8322786502747785</v>
      </c>
    </row>
    <row r="59441" spans="1:7" x14ac:dyDescent="0.3">
      <c r="A59441" s="13" t="s">
        <v>320</v>
      </c>
      <c r="B59441" s="14" t="s">
        <v>1</v>
      </c>
      <c r="C59441" s="14" t="s">
        <v>23</v>
      </c>
      <c r="D59441" s="14" t="s">
        <v>321</v>
      </c>
      <c r="E59441" s="15">
        <v>45687</v>
      </c>
      <c r="F59441" s="14" t="s">
        <v>15</v>
      </c>
      <c r="G59441" s="16">
        <v>4.8486666471118713</v>
      </c>
    </row>
    <row r="59442" spans="1:7" x14ac:dyDescent="0.3">
      <c r="A59442" s="13" t="s">
        <v>320</v>
      </c>
      <c r="B59442" s="14" t="s">
        <v>1</v>
      </c>
      <c r="C59442" s="14" t="s">
        <v>23</v>
      </c>
      <c r="D59442" s="14" t="s">
        <v>321</v>
      </c>
      <c r="E59442" s="15">
        <v>45688</v>
      </c>
      <c r="F59442" s="14" t="s">
        <v>15</v>
      </c>
      <c r="G59442" s="16">
        <v>4.8640728092532326</v>
      </c>
    </row>
    <row r="59443" spans="1:7" x14ac:dyDescent="0.3">
      <c r="A59443" s="13" t="s">
        <v>320</v>
      </c>
      <c r="B59443" s="14" t="s">
        <v>1</v>
      </c>
      <c r="C59443" s="14" t="s">
        <v>23</v>
      </c>
      <c r="D59443" s="14" t="s">
        <v>321</v>
      </c>
      <c r="E59443" s="15">
        <v>45689</v>
      </c>
      <c r="F59443" s="14" t="s">
        <v>15</v>
      </c>
      <c r="G59443" s="16">
        <v>4.8640728092532326</v>
      </c>
    </row>
    <row r="59444" spans="1:7" x14ac:dyDescent="0.3">
      <c r="A59444" s="13" t="s">
        <v>320</v>
      </c>
      <c r="B59444" s="14" t="s">
        <v>1</v>
      </c>
      <c r="C59444" s="14" t="s">
        <v>23</v>
      </c>
      <c r="D59444" s="14" t="s">
        <v>321</v>
      </c>
      <c r="E59444" s="15">
        <v>45690</v>
      </c>
      <c r="F59444" s="14" t="s">
        <v>15</v>
      </c>
      <c r="G59444" s="16">
        <v>4.8640728092532326</v>
      </c>
    </row>
    <row r="59445" spans="1:7" x14ac:dyDescent="0.3">
      <c r="A59445" s="13" t="s">
        <v>320</v>
      </c>
      <c r="B59445" s="14" t="s">
        <v>1</v>
      </c>
      <c r="C59445" s="14" t="s">
        <v>23</v>
      </c>
      <c r="D59445" s="14" t="s">
        <v>321</v>
      </c>
      <c r="E59445" s="15">
        <v>45691</v>
      </c>
      <c r="F59445" s="14" t="s">
        <v>15</v>
      </c>
      <c r="G59445" s="16">
        <v>4.8640728092532326</v>
      </c>
    </row>
    <row r="59446" spans="1:7" x14ac:dyDescent="0.3">
      <c r="A59446" s="13" t="s">
        <v>320</v>
      </c>
      <c r="B59446" s="14" t="s">
        <v>1</v>
      </c>
      <c r="C59446" s="14" t="s">
        <v>23</v>
      </c>
      <c r="D59446" s="14" t="s">
        <v>321</v>
      </c>
      <c r="E59446" s="15">
        <v>45692</v>
      </c>
      <c r="F59446" s="14" t="s">
        <v>15</v>
      </c>
      <c r="G59446" s="16">
        <v>4.8783788351548125</v>
      </c>
    </row>
    <row r="59447" spans="1:7" x14ac:dyDescent="0.3">
      <c r="A59447" s="13" t="s">
        <v>320</v>
      </c>
      <c r="B59447" s="14" t="s">
        <v>1</v>
      </c>
      <c r="C59447" s="14" t="s">
        <v>23</v>
      </c>
      <c r="D59447" s="14" t="s">
        <v>321</v>
      </c>
      <c r="E59447" s="15">
        <v>45693</v>
      </c>
      <c r="F59447" s="14" t="s">
        <v>15</v>
      </c>
      <c r="G59447" s="16">
        <v>4.9307102924823685</v>
      </c>
    </row>
    <row r="59448" spans="1:7" x14ac:dyDescent="0.3">
      <c r="A59448" s="13" t="s">
        <v>320</v>
      </c>
      <c r="B59448" s="14" t="s">
        <v>1</v>
      </c>
      <c r="C59448" s="14" t="s">
        <v>23</v>
      </c>
      <c r="D59448" s="14" t="s">
        <v>321</v>
      </c>
      <c r="E59448" s="15">
        <v>45694</v>
      </c>
      <c r="F59448" s="14" t="s">
        <v>15</v>
      </c>
      <c r="G59448" s="16">
        <v>4.9463171812359006</v>
      </c>
    </row>
    <row r="59449" spans="1:7" x14ac:dyDescent="0.3">
      <c r="A59449" s="13" t="s">
        <v>320</v>
      </c>
      <c r="B59449" s="14" t="s">
        <v>1</v>
      </c>
      <c r="C59449" s="14" t="s">
        <v>23</v>
      </c>
      <c r="D59449" s="14" t="s">
        <v>321</v>
      </c>
      <c r="E59449" s="15">
        <v>45695</v>
      </c>
      <c r="F59449" s="14" t="s">
        <v>15</v>
      </c>
      <c r="G59449" s="16">
        <v>4.9620046785271255</v>
      </c>
    </row>
    <row r="59450" spans="1:7" x14ac:dyDescent="0.3">
      <c r="A59450" s="13" t="s">
        <v>320</v>
      </c>
      <c r="B59450" s="14" t="s">
        <v>1</v>
      </c>
      <c r="C59450" s="14" t="s">
        <v>23</v>
      </c>
      <c r="D59450" s="14" t="s">
        <v>321</v>
      </c>
      <c r="E59450" s="15">
        <v>45696</v>
      </c>
      <c r="F59450" s="14" t="s">
        <v>15</v>
      </c>
      <c r="G59450" s="16">
        <v>4.9620046785271255</v>
      </c>
    </row>
    <row r="59451" spans="1:7" x14ac:dyDescent="0.3">
      <c r="A59451" s="13" t="s">
        <v>320</v>
      </c>
      <c r="B59451" s="14" t="s">
        <v>1</v>
      </c>
      <c r="C59451" s="14" t="s">
        <v>23</v>
      </c>
      <c r="D59451" s="14" t="s">
        <v>321</v>
      </c>
      <c r="E59451" s="15">
        <v>45697</v>
      </c>
      <c r="F59451" s="14" t="s">
        <v>15</v>
      </c>
      <c r="G59451" s="16">
        <v>4.9620046785271255</v>
      </c>
    </row>
    <row r="59452" spans="1:7" x14ac:dyDescent="0.3">
      <c r="A59452" s="13" t="s">
        <v>320</v>
      </c>
      <c r="B59452" s="14" t="s">
        <v>1</v>
      </c>
      <c r="C59452" s="14" t="s">
        <v>23</v>
      </c>
      <c r="D59452" s="14" t="s">
        <v>321</v>
      </c>
      <c r="E59452" s="15">
        <v>45698</v>
      </c>
      <c r="F59452" s="14" t="s">
        <v>15</v>
      </c>
      <c r="G59452" s="16">
        <v>4.9862423574713937</v>
      </c>
    </row>
    <row r="59453" spans="1:7" x14ac:dyDescent="0.3">
      <c r="A59453" s="13" t="s">
        <v>320</v>
      </c>
      <c r="B59453" s="14" t="s">
        <v>1</v>
      </c>
      <c r="C59453" s="14" t="s">
        <v>23</v>
      </c>
      <c r="D59453" s="14" t="s">
        <v>321</v>
      </c>
      <c r="E59453" s="15">
        <v>45699</v>
      </c>
      <c r="F59453" s="14" t="s">
        <v>15</v>
      </c>
      <c r="G59453" s="16">
        <v>5.0329854860069423</v>
      </c>
    </row>
    <row r="59454" spans="1:7" x14ac:dyDescent="0.3">
      <c r="A59454" s="13" t="s">
        <v>320</v>
      </c>
      <c r="B59454" s="14" t="s">
        <v>1</v>
      </c>
      <c r="C59454" s="14" t="s">
        <v>23</v>
      </c>
      <c r="D59454" s="14" t="s">
        <v>321</v>
      </c>
      <c r="E59454" s="15">
        <v>45700</v>
      </c>
      <c r="F59454" s="14" t="s">
        <v>15</v>
      </c>
      <c r="G59454" s="16">
        <v>5.048522892471647</v>
      </c>
    </row>
    <row r="59455" spans="1:7" x14ac:dyDescent="0.3">
      <c r="A59455" s="13" t="s">
        <v>320</v>
      </c>
      <c r="B59455" s="14" t="s">
        <v>1</v>
      </c>
      <c r="C59455" s="14" t="s">
        <v>23</v>
      </c>
      <c r="D59455" s="14" t="s">
        <v>321</v>
      </c>
      <c r="E59455" s="15">
        <v>45701</v>
      </c>
      <c r="F59455" s="14" t="s">
        <v>15</v>
      </c>
      <c r="G59455" s="16">
        <v>5.0656352308164596</v>
      </c>
    </row>
    <row r="59456" spans="1:7" x14ac:dyDescent="0.3">
      <c r="A59456" s="13" t="s">
        <v>320</v>
      </c>
      <c r="B59456" s="14" t="s">
        <v>1</v>
      </c>
      <c r="C59456" s="14" t="s">
        <v>23</v>
      </c>
      <c r="D59456" s="14" t="s">
        <v>321</v>
      </c>
      <c r="E59456" s="15">
        <v>45702</v>
      </c>
      <c r="F59456" s="14" t="s">
        <v>15</v>
      </c>
      <c r="G59456" s="16">
        <v>5.0810273148470131</v>
      </c>
    </row>
    <row r="59457" spans="1:7" x14ac:dyDescent="0.3">
      <c r="A59457" s="13" t="s">
        <v>320</v>
      </c>
      <c r="B59457" s="14" t="s">
        <v>1</v>
      </c>
      <c r="C59457" s="14" t="s">
        <v>23</v>
      </c>
      <c r="D59457" s="14" t="s">
        <v>321</v>
      </c>
      <c r="E59457" s="15">
        <v>45703</v>
      </c>
      <c r="F59457" s="14" t="s">
        <v>15</v>
      </c>
      <c r="G59457" s="16">
        <v>5.0810273148470131</v>
      </c>
    </row>
    <row r="59458" spans="1:7" x14ac:dyDescent="0.3">
      <c r="A59458" s="13" t="s">
        <v>320</v>
      </c>
      <c r="B59458" s="14" t="s">
        <v>1</v>
      </c>
      <c r="C59458" s="14" t="s">
        <v>23</v>
      </c>
      <c r="D59458" s="14" t="s">
        <v>321</v>
      </c>
      <c r="E59458" s="15">
        <v>45704</v>
      </c>
      <c r="F59458" s="14" t="s">
        <v>15</v>
      </c>
      <c r="G59458" s="16">
        <v>5.0810273148470131</v>
      </c>
    </row>
    <row r="59459" spans="1:7" x14ac:dyDescent="0.3">
      <c r="A59459" s="13" t="s">
        <v>320</v>
      </c>
      <c r="B59459" s="14" t="s">
        <v>1</v>
      </c>
      <c r="C59459" s="14" t="s">
        <v>23</v>
      </c>
      <c r="D59459" s="14" t="s">
        <v>321</v>
      </c>
      <c r="E59459" s="15">
        <v>45705</v>
      </c>
      <c r="F59459" s="14" t="s">
        <v>15</v>
      </c>
      <c r="G59459" s="16">
        <v>5.0810273148470131</v>
      </c>
    </row>
    <row r="59460" spans="1:7" x14ac:dyDescent="0.3">
      <c r="A59460" s="13" t="s">
        <v>320</v>
      </c>
      <c r="B59460" s="14" t="s">
        <v>1</v>
      </c>
      <c r="C59460" s="14" t="s">
        <v>23</v>
      </c>
      <c r="D59460" s="14" t="s">
        <v>321</v>
      </c>
      <c r="E59460" s="15">
        <v>45706</v>
      </c>
      <c r="F59460" s="14" t="s">
        <v>15</v>
      </c>
      <c r="G59460" s="16">
        <v>5.0966096804397818</v>
      </c>
    </row>
    <row r="59461" spans="1:7" x14ac:dyDescent="0.3">
      <c r="A59461" s="13" t="s">
        <v>320</v>
      </c>
      <c r="B59461" s="14" t="s">
        <v>1</v>
      </c>
      <c r="C59461" s="14" t="s">
        <v>23</v>
      </c>
      <c r="D59461" s="14" t="s">
        <v>321</v>
      </c>
      <c r="E59461" s="15">
        <v>45707</v>
      </c>
      <c r="F59461" s="14" t="s">
        <v>15</v>
      </c>
      <c r="G59461" s="16">
        <v>5.1585430905375471</v>
      </c>
    </row>
    <row r="59462" spans="1:7" x14ac:dyDescent="0.3">
      <c r="A59462" s="13" t="s">
        <v>320</v>
      </c>
      <c r="B59462" s="14" t="s">
        <v>1</v>
      </c>
      <c r="C59462" s="14" t="s">
        <v>23</v>
      </c>
      <c r="D59462" s="14" t="s">
        <v>321</v>
      </c>
      <c r="E59462" s="15">
        <v>45708</v>
      </c>
      <c r="F59462" s="14" t="s">
        <v>15</v>
      </c>
      <c r="G59462" s="16">
        <v>5.1740353108078825</v>
      </c>
    </row>
    <row r="59463" spans="1:7" x14ac:dyDescent="0.3">
      <c r="A59463" s="13" t="s">
        <v>320</v>
      </c>
      <c r="B59463" s="14" t="s">
        <v>1</v>
      </c>
      <c r="C59463" s="14" t="s">
        <v>23</v>
      </c>
      <c r="D59463" s="14" t="s">
        <v>321</v>
      </c>
      <c r="E59463" s="15">
        <v>45709</v>
      </c>
      <c r="F59463" s="14" t="s">
        <v>15</v>
      </c>
      <c r="G59463" s="16">
        <v>5.1834130896613235</v>
      </c>
    </row>
    <row r="59464" spans="1:7" x14ac:dyDescent="0.3">
      <c r="A59464" s="13" t="s">
        <v>320</v>
      </c>
      <c r="B59464" s="14" t="s">
        <v>1</v>
      </c>
      <c r="C59464" s="14" t="s">
        <v>23</v>
      </c>
      <c r="D59464" s="14" t="s">
        <v>321</v>
      </c>
      <c r="E59464" s="15">
        <v>45710</v>
      </c>
      <c r="F59464" s="14" t="s">
        <v>15</v>
      </c>
      <c r="G59464" s="16">
        <v>5.1834130896613235</v>
      </c>
    </row>
    <row r="59465" spans="1:7" x14ac:dyDescent="0.3">
      <c r="A59465" s="13" t="s">
        <v>320</v>
      </c>
      <c r="B59465" s="14" t="s">
        <v>1</v>
      </c>
      <c r="C59465" s="14" t="s">
        <v>23</v>
      </c>
      <c r="D59465" s="14" t="s">
        <v>321</v>
      </c>
      <c r="E59465" s="15">
        <v>45711</v>
      </c>
      <c r="F59465" s="14" t="s">
        <v>15</v>
      </c>
      <c r="G59465" s="16">
        <v>5.1834130896613235</v>
      </c>
    </row>
    <row r="59466" spans="1:7" x14ac:dyDescent="0.3">
      <c r="A59466" s="13" t="s">
        <v>320</v>
      </c>
      <c r="B59466" s="14" t="s">
        <v>1</v>
      </c>
      <c r="C59466" s="14" t="s">
        <v>23</v>
      </c>
      <c r="D59466" s="14" t="s">
        <v>321</v>
      </c>
      <c r="E59466" s="15">
        <v>45712</v>
      </c>
      <c r="F59466" s="14" t="s">
        <v>15</v>
      </c>
      <c r="G59466" s="16">
        <v>5.1958680710579079</v>
      </c>
    </row>
    <row r="59467" spans="1:7" x14ac:dyDescent="0.3">
      <c r="A59467" s="13" t="s">
        <v>320</v>
      </c>
      <c r="B59467" s="14" t="s">
        <v>1</v>
      </c>
      <c r="C59467" s="14" t="s">
        <v>23</v>
      </c>
      <c r="D59467" s="14" t="s">
        <v>321</v>
      </c>
      <c r="E59467" s="15">
        <v>45713</v>
      </c>
      <c r="F59467" s="14" t="s">
        <v>15</v>
      </c>
      <c r="G59467" s="16">
        <v>5.2423866310194329</v>
      </c>
    </row>
    <row r="59468" spans="1:7" x14ac:dyDescent="0.3">
      <c r="A59468" s="13" t="s">
        <v>320</v>
      </c>
      <c r="B59468" s="14" t="s">
        <v>1</v>
      </c>
      <c r="C59468" s="14" t="s">
        <v>23</v>
      </c>
      <c r="D59468" s="14" t="s">
        <v>321</v>
      </c>
      <c r="E59468" s="15">
        <v>45714</v>
      </c>
      <c r="F59468" s="14" t="s">
        <v>15</v>
      </c>
      <c r="G59468" s="16">
        <v>5.2554294870754177</v>
      </c>
    </row>
    <row r="59469" spans="1:7" x14ac:dyDescent="0.3">
      <c r="A59469" s="13" t="s">
        <v>320</v>
      </c>
      <c r="B59469" s="14" t="s">
        <v>1</v>
      </c>
      <c r="C59469" s="14" t="s">
        <v>23</v>
      </c>
      <c r="D59469" s="14" t="s">
        <v>321</v>
      </c>
      <c r="E59469" s="15">
        <v>45715</v>
      </c>
      <c r="F59469" s="14" t="s">
        <v>15</v>
      </c>
      <c r="G59469" s="16">
        <v>5.2712638962649168</v>
      </c>
    </row>
    <row r="59470" spans="1:7" x14ac:dyDescent="0.3">
      <c r="A59470" s="13" t="s">
        <v>320</v>
      </c>
      <c r="B59470" s="14" t="s">
        <v>1</v>
      </c>
      <c r="C59470" s="14" t="s">
        <v>23</v>
      </c>
      <c r="D59470" s="14" t="s">
        <v>321</v>
      </c>
      <c r="E59470" s="15">
        <v>45716</v>
      </c>
      <c r="F59470" s="14" t="s">
        <v>15</v>
      </c>
      <c r="G59470" s="16">
        <v>5.2868587505043712</v>
      </c>
    </row>
    <row r="59471" spans="1:7" x14ac:dyDescent="0.3">
      <c r="A59471" s="13" t="s">
        <v>320</v>
      </c>
      <c r="B59471" s="14" t="s">
        <v>1</v>
      </c>
      <c r="C59471" s="14" t="s">
        <v>23</v>
      </c>
      <c r="D59471" s="14" t="s">
        <v>321</v>
      </c>
      <c r="E59471" s="15">
        <v>45717</v>
      </c>
      <c r="F59471" s="14" t="s">
        <v>15</v>
      </c>
      <c r="G59471" s="16">
        <v>5.2868587505043712</v>
      </c>
    </row>
    <row r="59472" spans="1:7" x14ac:dyDescent="0.3">
      <c r="A59472" s="13" t="s">
        <v>320</v>
      </c>
      <c r="B59472" s="14" t="s">
        <v>1</v>
      </c>
      <c r="C59472" s="14" t="s">
        <v>23</v>
      </c>
      <c r="D59472" s="14" t="s">
        <v>321</v>
      </c>
      <c r="E59472" s="15">
        <v>45718</v>
      </c>
      <c r="F59472" s="14" t="s">
        <v>15</v>
      </c>
      <c r="G59472" s="16">
        <v>5.2868587505043712</v>
      </c>
    </row>
    <row r="59473" spans="1:7" x14ac:dyDescent="0.3">
      <c r="A59473" s="13" t="s">
        <v>320</v>
      </c>
      <c r="B59473" s="14" t="s">
        <v>1</v>
      </c>
      <c r="C59473" s="14" t="s">
        <v>23</v>
      </c>
      <c r="D59473" s="14" t="s">
        <v>321</v>
      </c>
      <c r="E59473" s="15">
        <v>45719</v>
      </c>
      <c r="F59473" s="14" t="s">
        <v>15</v>
      </c>
      <c r="G59473" s="16">
        <v>5.3234624603296572</v>
      </c>
    </row>
    <row r="59474" spans="1:7" x14ac:dyDescent="0.3">
      <c r="A59474" s="13" t="s">
        <v>320</v>
      </c>
      <c r="B59474" s="14" t="s">
        <v>1</v>
      </c>
      <c r="C59474" s="14" t="s">
        <v>23</v>
      </c>
      <c r="D59474" s="14" t="s">
        <v>321</v>
      </c>
      <c r="E59474" s="15">
        <v>45720</v>
      </c>
      <c r="F59474" s="14" t="s">
        <v>15</v>
      </c>
      <c r="G59474" s="16">
        <v>5.3701515470850056</v>
      </c>
    </row>
    <row r="59475" spans="1:7" x14ac:dyDescent="0.3">
      <c r="A59475" s="13" t="s">
        <v>320</v>
      </c>
      <c r="B59475" s="14" t="s">
        <v>1</v>
      </c>
      <c r="C59475" s="14" t="s">
        <v>23</v>
      </c>
      <c r="D59475" s="14" t="s">
        <v>321</v>
      </c>
      <c r="E59475" s="15">
        <v>45721</v>
      </c>
      <c r="F59475" s="14" t="s">
        <v>15</v>
      </c>
      <c r="G59475" s="16">
        <v>5.3860470371101092</v>
      </c>
    </row>
    <row r="59476" spans="1:7" x14ac:dyDescent="0.3">
      <c r="A59476" s="13" t="s">
        <v>320</v>
      </c>
      <c r="B59476" s="14" t="s">
        <v>1</v>
      </c>
      <c r="C59476" s="14" t="s">
        <v>23</v>
      </c>
      <c r="D59476" s="14" t="s">
        <v>321</v>
      </c>
      <c r="E59476" s="15">
        <v>45722</v>
      </c>
      <c r="F59476" s="14" t="s">
        <v>15</v>
      </c>
      <c r="G59476" s="16">
        <v>5.4023199113313982</v>
      </c>
    </row>
    <row r="59477" spans="1:7" x14ac:dyDescent="0.3">
      <c r="A59477" s="13" t="s">
        <v>320</v>
      </c>
      <c r="B59477" s="14" t="s">
        <v>1</v>
      </c>
      <c r="C59477" s="14" t="s">
        <v>23</v>
      </c>
      <c r="D59477" s="14" t="s">
        <v>321</v>
      </c>
      <c r="E59477" s="15">
        <v>45723</v>
      </c>
      <c r="F59477" s="14" t="s">
        <v>15</v>
      </c>
      <c r="G59477" s="16">
        <v>5.4179946929096348</v>
      </c>
    </row>
    <row r="59478" spans="1:7" x14ac:dyDescent="0.3">
      <c r="A59478" s="13" t="s">
        <v>320</v>
      </c>
      <c r="B59478" s="14" t="s">
        <v>1</v>
      </c>
      <c r="C59478" s="14" t="s">
        <v>23</v>
      </c>
      <c r="D59478" s="14" t="s">
        <v>321</v>
      </c>
      <c r="E59478" s="15">
        <v>45724</v>
      </c>
      <c r="F59478" s="14" t="s">
        <v>15</v>
      </c>
      <c r="G59478" s="16">
        <v>5.4179946929096348</v>
      </c>
    </row>
    <row r="59479" spans="1:7" x14ac:dyDescent="0.3">
      <c r="A59479" s="13" t="s">
        <v>320</v>
      </c>
      <c r="B59479" s="14" t="s">
        <v>1</v>
      </c>
      <c r="C59479" s="14" t="s">
        <v>23</v>
      </c>
      <c r="D59479" s="14" t="s">
        <v>321</v>
      </c>
      <c r="E59479" s="15">
        <v>45725</v>
      </c>
      <c r="F59479" s="14" t="s">
        <v>15</v>
      </c>
      <c r="G59479" s="16">
        <v>5.4179946929096348</v>
      </c>
    </row>
    <row r="59480" spans="1:7" x14ac:dyDescent="0.3">
      <c r="A59480" s="13" t="s">
        <v>320</v>
      </c>
      <c r="B59480" s="14" t="s">
        <v>1</v>
      </c>
      <c r="C59480" s="14" t="s">
        <v>23</v>
      </c>
      <c r="D59480" s="14" t="s">
        <v>321</v>
      </c>
      <c r="E59480" s="15">
        <v>45726</v>
      </c>
      <c r="F59480" s="14" t="s">
        <v>15</v>
      </c>
      <c r="G59480" s="16">
        <v>5.4420448150873266</v>
      </c>
    </row>
    <row r="59481" spans="1:7" x14ac:dyDescent="0.3">
      <c r="A59481" s="13" t="s">
        <v>320</v>
      </c>
      <c r="B59481" s="14" t="s">
        <v>1</v>
      </c>
      <c r="C59481" s="14" t="s">
        <v>23</v>
      </c>
      <c r="D59481" s="14" t="s">
        <v>321</v>
      </c>
      <c r="E59481" s="15">
        <v>45727</v>
      </c>
      <c r="F59481" s="14" t="s">
        <v>15</v>
      </c>
      <c r="G59481" s="16">
        <v>5.4886526121060726</v>
      </c>
    </row>
    <row r="59482" spans="1:7" x14ac:dyDescent="0.3">
      <c r="A59482" s="13" t="s">
        <v>320</v>
      </c>
      <c r="B59482" s="14" t="s">
        <v>1</v>
      </c>
      <c r="C59482" s="14" t="s">
        <v>23</v>
      </c>
      <c r="D59482" s="14" t="s">
        <v>321</v>
      </c>
      <c r="E59482" s="15">
        <v>45728</v>
      </c>
      <c r="F59482" s="14" t="s">
        <v>15</v>
      </c>
      <c r="G59482" s="16">
        <v>5.5056321166634206</v>
      </c>
    </row>
    <row r="59483" spans="1:7" x14ac:dyDescent="0.3">
      <c r="A59483" s="13" t="s">
        <v>320</v>
      </c>
      <c r="B59483" s="14" t="s">
        <v>1</v>
      </c>
      <c r="C59483" s="14" t="s">
        <v>23</v>
      </c>
      <c r="D59483" s="14" t="s">
        <v>321</v>
      </c>
      <c r="E59483" s="15">
        <v>45729</v>
      </c>
      <c r="F59483" s="14" t="s">
        <v>15</v>
      </c>
      <c r="G59483" s="16">
        <v>5.5193216575513757</v>
      </c>
    </row>
    <row r="59484" spans="1:7" x14ac:dyDescent="0.3">
      <c r="A59484" s="13" t="s">
        <v>320</v>
      </c>
      <c r="B59484" s="14" t="s">
        <v>1</v>
      </c>
      <c r="C59484" s="14" t="s">
        <v>23</v>
      </c>
      <c r="D59484" s="14" t="s">
        <v>321</v>
      </c>
      <c r="E59484" s="15">
        <v>45730</v>
      </c>
      <c r="F59484" s="14" t="s">
        <v>15</v>
      </c>
      <c r="G59484" s="16">
        <v>5.4343091094293401</v>
      </c>
    </row>
    <row r="59485" spans="1:7" x14ac:dyDescent="0.3">
      <c r="A59485" s="13" t="s">
        <v>320</v>
      </c>
      <c r="B59485" s="14" t="s">
        <v>1</v>
      </c>
      <c r="C59485" s="14" t="s">
        <v>23</v>
      </c>
      <c r="D59485" s="14" t="s">
        <v>321</v>
      </c>
      <c r="E59485" s="15">
        <v>45731</v>
      </c>
      <c r="F59485" s="14" t="s">
        <v>15</v>
      </c>
      <c r="G59485" s="16">
        <v>5.4343091094293401</v>
      </c>
    </row>
    <row r="59486" spans="1:7" x14ac:dyDescent="0.3">
      <c r="A59486" s="13" t="s">
        <v>320</v>
      </c>
      <c r="B59486" s="14" t="s">
        <v>1</v>
      </c>
      <c r="C59486" s="14" t="s">
        <v>23</v>
      </c>
      <c r="D59486" s="14" t="s">
        <v>321</v>
      </c>
      <c r="E59486" s="15">
        <v>45732</v>
      </c>
      <c r="F59486" s="14" t="s">
        <v>15</v>
      </c>
      <c r="G59486" s="16">
        <v>5.4343091094293401</v>
      </c>
    </row>
    <row r="59487" spans="1:7" x14ac:dyDescent="0.3">
      <c r="A59487" s="13" t="s">
        <v>320</v>
      </c>
      <c r="B59487" s="14" t="s">
        <v>1</v>
      </c>
      <c r="C59487" s="14" t="s">
        <v>23</v>
      </c>
      <c r="D59487" s="14" t="s">
        <v>321</v>
      </c>
      <c r="E59487" s="15">
        <v>45733</v>
      </c>
      <c r="F59487" s="14" t="s">
        <v>15</v>
      </c>
      <c r="G59487" s="16">
        <v>5.4343091094293401</v>
      </c>
    </row>
    <row r="59488" spans="1:7" x14ac:dyDescent="0.3">
      <c r="A59488" s="13" t="s">
        <v>320</v>
      </c>
      <c r="B59488" s="14" t="s">
        <v>1</v>
      </c>
      <c r="C59488" s="14" t="s">
        <v>23</v>
      </c>
      <c r="D59488" s="14" t="s">
        <v>321</v>
      </c>
      <c r="E59488" s="15">
        <v>45734</v>
      </c>
      <c r="F59488" s="14" t="s">
        <v>15</v>
      </c>
      <c r="G59488" s="16">
        <v>5.4480649536778776</v>
      </c>
    </row>
    <row r="59489" spans="1:7" x14ac:dyDescent="0.3">
      <c r="A59489" s="13" t="s">
        <v>320</v>
      </c>
      <c r="B59489" s="14" t="s">
        <v>1</v>
      </c>
      <c r="C59489" s="14" t="s">
        <v>23</v>
      </c>
      <c r="D59489" s="14" t="s">
        <v>321</v>
      </c>
      <c r="E59489" s="15">
        <v>45735</v>
      </c>
      <c r="F59489" s="14" t="s">
        <v>15</v>
      </c>
      <c r="G59489" s="16">
        <v>5.503397773403254</v>
      </c>
    </row>
    <row r="59490" spans="1:7" x14ac:dyDescent="0.3">
      <c r="A59490" s="13" t="s">
        <v>320</v>
      </c>
      <c r="B59490" s="14" t="s">
        <v>1</v>
      </c>
      <c r="C59490" s="14" t="s">
        <v>23</v>
      </c>
      <c r="D59490" s="14" t="s">
        <v>321</v>
      </c>
      <c r="E59490" s="15">
        <v>45736</v>
      </c>
      <c r="F59490" s="14" t="s">
        <v>15</v>
      </c>
      <c r="G59490" s="16">
        <v>5.5191561153811275</v>
      </c>
    </row>
    <row r="59491" spans="1:7" x14ac:dyDescent="0.3">
      <c r="A59491" s="13" t="s">
        <v>320</v>
      </c>
      <c r="B59491" s="14" t="s">
        <v>1</v>
      </c>
      <c r="C59491" s="14" t="s">
        <v>23</v>
      </c>
      <c r="D59491" s="14" t="s">
        <v>321</v>
      </c>
      <c r="E59491" s="15">
        <v>45737</v>
      </c>
      <c r="F59491" s="14" t="s">
        <v>15</v>
      </c>
      <c r="G59491" s="16">
        <v>5.5339233129448324</v>
      </c>
    </row>
    <row r="59492" spans="1:7" x14ac:dyDescent="0.3">
      <c r="A59492" s="13" t="s">
        <v>320</v>
      </c>
      <c r="B59492" s="14" t="s">
        <v>1</v>
      </c>
      <c r="C59492" s="14" t="s">
        <v>23</v>
      </c>
      <c r="D59492" s="14" t="s">
        <v>321</v>
      </c>
      <c r="E59492" s="15">
        <v>45738</v>
      </c>
      <c r="F59492" s="14" t="s">
        <v>15</v>
      </c>
      <c r="G59492" s="16">
        <v>5.5339233129448324</v>
      </c>
    </row>
    <row r="59493" spans="1:7" x14ac:dyDescent="0.3">
      <c r="A59493" s="13" t="s">
        <v>320</v>
      </c>
      <c r="B59493" s="14" t="s">
        <v>1</v>
      </c>
      <c r="C59493" s="14" t="s">
        <v>23</v>
      </c>
      <c r="D59493" s="14" t="s">
        <v>321</v>
      </c>
      <c r="E59493" s="15">
        <v>45739</v>
      </c>
      <c r="F59493" s="14" t="s">
        <v>15</v>
      </c>
      <c r="G59493" s="16">
        <v>5.5339233129448324</v>
      </c>
    </row>
    <row r="59494" spans="1:7" x14ac:dyDescent="0.3">
      <c r="A59494" s="13" t="s">
        <v>320</v>
      </c>
      <c r="B59494" s="14" t="s">
        <v>1</v>
      </c>
      <c r="C59494" s="14" t="s">
        <v>23</v>
      </c>
      <c r="D59494" s="14" t="s">
        <v>321</v>
      </c>
      <c r="E59494" s="15">
        <v>45740</v>
      </c>
      <c r="F59494" s="14" t="s">
        <v>15</v>
      </c>
      <c r="G59494" s="16">
        <v>5.5497386485648494</v>
      </c>
    </row>
    <row r="59495" spans="1:7" x14ac:dyDescent="0.3">
      <c r="A59495" s="13" t="s">
        <v>320</v>
      </c>
      <c r="B59495" s="14" t="s">
        <v>1</v>
      </c>
      <c r="C59495" s="14" t="s">
        <v>23</v>
      </c>
      <c r="D59495" s="14" t="s">
        <v>321</v>
      </c>
      <c r="E59495" s="15">
        <v>45741</v>
      </c>
      <c r="F59495" s="14" t="s">
        <v>15</v>
      </c>
      <c r="G59495" s="16">
        <v>5.5972574355926774</v>
      </c>
    </row>
    <row r="59496" spans="1:7" x14ac:dyDescent="0.3">
      <c r="A59496" s="13" t="s">
        <v>320</v>
      </c>
      <c r="B59496" s="14" t="s">
        <v>1</v>
      </c>
      <c r="C59496" s="14" t="s">
        <v>23</v>
      </c>
      <c r="D59496" s="14" t="s">
        <v>321</v>
      </c>
      <c r="E59496" s="15">
        <v>45742</v>
      </c>
      <c r="F59496" s="14" t="s">
        <v>15</v>
      </c>
      <c r="G59496" s="16">
        <v>5.6130446149910789</v>
      </c>
    </row>
    <row r="59497" spans="1:7" x14ac:dyDescent="0.3">
      <c r="A59497" s="13" t="s">
        <v>320</v>
      </c>
      <c r="B59497" s="14" t="s">
        <v>1</v>
      </c>
      <c r="C59497" s="14" t="s">
        <v>23</v>
      </c>
      <c r="D59497" s="14" t="s">
        <v>321</v>
      </c>
      <c r="E59497" s="15">
        <v>45743</v>
      </c>
      <c r="F59497" s="14" t="s">
        <v>15</v>
      </c>
      <c r="G59497" s="16">
        <v>5.6290416036537838</v>
      </c>
    </row>
    <row r="59498" spans="1:7" x14ac:dyDescent="0.3">
      <c r="A59498" s="13" t="s">
        <v>320</v>
      </c>
      <c r="B59498" s="14" t="s">
        <v>1</v>
      </c>
      <c r="C59498" s="14" t="s">
        <v>23</v>
      </c>
      <c r="D59498" s="14" t="s">
        <v>321</v>
      </c>
      <c r="E59498" s="15">
        <v>45744</v>
      </c>
      <c r="F59498" s="14" t="s">
        <v>15</v>
      </c>
      <c r="G59498" s="16">
        <v>5.6448028974936015</v>
      </c>
    </row>
    <row r="59499" spans="1:7" x14ac:dyDescent="0.3">
      <c r="A59499" s="13" t="s">
        <v>320</v>
      </c>
      <c r="B59499" s="14" t="s">
        <v>1</v>
      </c>
      <c r="C59499" s="14" t="s">
        <v>23</v>
      </c>
      <c r="D59499" s="14" t="s">
        <v>321</v>
      </c>
      <c r="E59499" s="15">
        <v>45745</v>
      </c>
      <c r="F59499" s="14" t="s">
        <v>15</v>
      </c>
      <c r="G59499" s="16">
        <v>5.6448028974936015</v>
      </c>
    </row>
    <row r="59500" spans="1:7" x14ac:dyDescent="0.3">
      <c r="A59500" s="13" t="s">
        <v>320</v>
      </c>
      <c r="B59500" s="14" t="s">
        <v>1</v>
      </c>
      <c r="C59500" s="14" t="s">
        <v>23</v>
      </c>
      <c r="D59500" s="14" t="s">
        <v>321</v>
      </c>
      <c r="E59500" s="15">
        <v>45746</v>
      </c>
      <c r="F59500" s="14" t="s">
        <v>15</v>
      </c>
      <c r="G59500" s="16">
        <v>5.6448028974936015</v>
      </c>
    </row>
    <row r="59501" spans="1:7" x14ac:dyDescent="0.3">
      <c r="A59501" s="13" t="s">
        <v>320</v>
      </c>
      <c r="B59501" s="14" t="s">
        <v>1</v>
      </c>
      <c r="C59501" s="14" t="s">
        <v>23</v>
      </c>
      <c r="D59501" s="14" t="s">
        <v>321</v>
      </c>
      <c r="E59501" s="15">
        <v>45747</v>
      </c>
      <c r="F59501" s="14" t="s">
        <v>15</v>
      </c>
      <c r="G59501" s="16">
        <v>5.6604458897893677</v>
      </c>
    </row>
    <row r="59502" spans="1:7" x14ac:dyDescent="0.3">
      <c r="A59502" s="13" t="s">
        <v>322</v>
      </c>
      <c r="B59502" s="14" t="s">
        <v>1</v>
      </c>
      <c r="C59502" s="14" t="s">
        <v>23</v>
      </c>
      <c r="D59502" s="14" t="s">
        <v>323</v>
      </c>
      <c r="E59502" s="15">
        <v>45383</v>
      </c>
      <c r="F59502" s="14" t="s">
        <v>15</v>
      </c>
      <c r="G59502" s="16">
        <v>0</v>
      </c>
    </row>
    <row r="59503" spans="1:7" x14ac:dyDescent="0.3">
      <c r="A59503" s="13" t="s">
        <v>322</v>
      </c>
      <c r="B59503" s="14" t="s">
        <v>1</v>
      </c>
      <c r="C59503" s="14" t="s">
        <v>23</v>
      </c>
      <c r="D59503" s="14" t="s">
        <v>323</v>
      </c>
      <c r="E59503" s="15">
        <v>45384</v>
      </c>
      <c r="F59503" s="14" t="s">
        <v>15</v>
      </c>
      <c r="G59503" s="16">
        <v>0</v>
      </c>
    </row>
    <row r="59504" spans="1:7" x14ac:dyDescent="0.3">
      <c r="A59504" s="13" t="s">
        <v>322</v>
      </c>
      <c r="B59504" s="14" t="s">
        <v>1</v>
      </c>
      <c r="C59504" s="14" t="s">
        <v>23</v>
      </c>
      <c r="D59504" s="14" t="s">
        <v>323</v>
      </c>
      <c r="E59504" s="15">
        <v>45385</v>
      </c>
      <c r="F59504" s="14" t="s">
        <v>15</v>
      </c>
      <c r="G59504" s="16">
        <v>7.5080580695019605E-2</v>
      </c>
    </row>
    <row r="59505" spans="1:7" x14ac:dyDescent="0.3">
      <c r="A59505" s="13" t="s">
        <v>322</v>
      </c>
      <c r="B59505" s="14" t="s">
        <v>1</v>
      </c>
      <c r="C59505" s="14" t="s">
        <v>23</v>
      </c>
      <c r="D59505" s="14" t="s">
        <v>323</v>
      </c>
      <c r="E59505" s="15">
        <v>45386</v>
      </c>
      <c r="F59505" s="14" t="s">
        <v>15</v>
      </c>
      <c r="G59505" s="16">
        <v>9.4161161390039202E-2</v>
      </c>
    </row>
    <row r="59506" spans="1:7" x14ac:dyDescent="0.3">
      <c r="A59506" s="13" t="s">
        <v>322</v>
      </c>
      <c r="B59506" s="14" t="s">
        <v>1</v>
      </c>
      <c r="C59506" s="14" t="s">
        <v>23</v>
      </c>
      <c r="D59506" s="14" t="s">
        <v>323</v>
      </c>
      <c r="E59506" s="15">
        <v>45387</v>
      </c>
      <c r="F59506" s="14" t="s">
        <v>15</v>
      </c>
      <c r="G59506" s="16">
        <v>0.12324174208505881</v>
      </c>
    </row>
    <row r="59507" spans="1:7" x14ac:dyDescent="0.3">
      <c r="A59507" s="13" t="s">
        <v>322</v>
      </c>
      <c r="B59507" s="14" t="s">
        <v>1</v>
      </c>
      <c r="C59507" s="14" t="s">
        <v>23</v>
      </c>
      <c r="D59507" s="14" t="s">
        <v>323</v>
      </c>
      <c r="E59507" s="15">
        <v>45388</v>
      </c>
      <c r="F59507" s="14" t="s">
        <v>15</v>
      </c>
      <c r="G59507" s="16">
        <v>0.12324174208505881</v>
      </c>
    </row>
    <row r="59508" spans="1:7" x14ac:dyDescent="0.3">
      <c r="A59508" s="13" t="s">
        <v>322</v>
      </c>
      <c r="B59508" s="14" t="s">
        <v>1</v>
      </c>
      <c r="C59508" s="14" t="s">
        <v>23</v>
      </c>
      <c r="D59508" s="14" t="s">
        <v>323</v>
      </c>
      <c r="E59508" s="15">
        <v>45389</v>
      </c>
      <c r="F59508" s="14" t="s">
        <v>15</v>
      </c>
      <c r="G59508" s="16">
        <v>0.12324174208505881</v>
      </c>
    </row>
    <row r="59509" spans="1:7" x14ac:dyDescent="0.3">
      <c r="A59509" s="13" t="s">
        <v>322</v>
      </c>
      <c r="B59509" s="14" t="s">
        <v>1</v>
      </c>
      <c r="C59509" s="14" t="s">
        <v>23</v>
      </c>
      <c r="D59509" s="14" t="s">
        <v>323</v>
      </c>
      <c r="E59509" s="15">
        <v>45390</v>
      </c>
      <c r="F59509" s="14" t="s">
        <v>15</v>
      </c>
      <c r="G59509" s="16">
        <v>0.13932232278007842</v>
      </c>
    </row>
    <row r="59510" spans="1:7" x14ac:dyDescent="0.3">
      <c r="A59510" s="13" t="s">
        <v>322</v>
      </c>
      <c r="B59510" s="14" t="s">
        <v>1</v>
      </c>
      <c r="C59510" s="14" t="s">
        <v>23</v>
      </c>
      <c r="D59510" s="14" t="s">
        <v>323</v>
      </c>
      <c r="E59510" s="15">
        <v>45391</v>
      </c>
      <c r="F59510" s="14" t="s">
        <v>15</v>
      </c>
      <c r="G59510" s="16">
        <v>0.18840290347509803</v>
      </c>
    </row>
    <row r="59511" spans="1:7" x14ac:dyDescent="0.3">
      <c r="A59511" s="13" t="s">
        <v>322</v>
      </c>
      <c r="B59511" s="14" t="s">
        <v>1</v>
      </c>
      <c r="C59511" s="14" t="s">
        <v>23</v>
      </c>
      <c r="D59511" s="14" t="s">
        <v>323</v>
      </c>
      <c r="E59511" s="15">
        <v>45392</v>
      </c>
      <c r="F59511" s="14" t="s">
        <v>15</v>
      </c>
      <c r="G59511" s="16">
        <v>0.20848348417011761</v>
      </c>
    </row>
    <row r="59512" spans="1:7" x14ac:dyDescent="0.3">
      <c r="A59512" s="13" t="s">
        <v>322</v>
      </c>
      <c r="B59512" s="14" t="s">
        <v>1</v>
      </c>
      <c r="C59512" s="14" t="s">
        <v>23</v>
      </c>
      <c r="D59512" s="14" t="s">
        <v>323</v>
      </c>
      <c r="E59512" s="15">
        <v>45393</v>
      </c>
      <c r="F59512" s="14" t="s">
        <v>15</v>
      </c>
      <c r="G59512" s="16">
        <v>0.22656406486513719</v>
      </c>
    </row>
    <row r="59513" spans="1:7" x14ac:dyDescent="0.3">
      <c r="A59513" s="13" t="s">
        <v>322</v>
      </c>
      <c r="B59513" s="14" t="s">
        <v>1</v>
      </c>
      <c r="C59513" s="14" t="s">
        <v>23</v>
      </c>
      <c r="D59513" s="14" t="s">
        <v>323</v>
      </c>
      <c r="E59513" s="15">
        <v>45394</v>
      </c>
      <c r="F59513" s="14" t="s">
        <v>15</v>
      </c>
      <c r="G59513" s="16">
        <v>0.2436446455601568</v>
      </c>
    </row>
    <row r="59514" spans="1:7" x14ac:dyDescent="0.3">
      <c r="A59514" s="13" t="s">
        <v>322</v>
      </c>
      <c r="B59514" s="14" t="s">
        <v>1</v>
      </c>
      <c r="C59514" s="14" t="s">
        <v>23</v>
      </c>
      <c r="D59514" s="14" t="s">
        <v>323</v>
      </c>
      <c r="E59514" s="15">
        <v>45395</v>
      </c>
      <c r="F59514" s="14" t="s">
        <v>15</v>
      </c>
      <c r="G59514" s="16">
        <v>0.2436446455601568</v>
      </c>
    </row>
    <row r="59515" spans="1:7" x14ac:dyDescent="0.3">
      <c r="A59515" s="13" t="s">
        <v>322</v>
      </c>
      <c r="B59515" s="14" t="s">
        <v>1</v>
      </c>
      <c r="C59515" s="14" t="s">
        <v>23</v>
      </c>
      <c r="D59515" s="14" t="s">
        <v>323</v>
      </c>
      <c r="E59515" s="15">
        <v>45396</v>
      </c>
      <c r="F59515" s="14" t="s">
        <v>15</v>
      </c>
      <c r="G59515" s="16">
        <v>0.2436446455601568</v>
      </c>
    </row>
    <row r="59516" spans="1:7" x14ac:dyDescent="0.3">
      <c r="A59516" s="13" t="s">
        <v>322</v>
      </c>
      <c r="B59516" s="14" t="s">
        <v>1</v>
      </c>
      <c r="C59516" s="14" t="s">
        <v>23</v>
      </c>
      <c r="D59516" s="14" t="s">
        <v>323</v>
      </c>
      <c r="E59516" s="15">
        <v>45397</v>
      </c>
      <c r="F59516" s="14" t="s">
        <v>15</v>
      </c>
      <c r="G59516" s="16">
        <v>0.26172522625517641</v>
      </c>
    </row>
    <row r="59517" spans="1:7" x14ac:dyDescent="0.3">
      <c r="A59517" s="13" t="s">
        <v>322</v>
      </c>
      <c r="B59517" s="14" t="s">
        <v>1</v>
      </c>
      <c r="C59517" s="14" t="s">
        <v>23</v>
      </c>
      <c r="D59517" s="14" t="s">
        <v>323</v>
      </c>
      <c r="E59517" s="15">
        <v>45398</v>
      </c>
      <c r="F59517" s="14" t="s">
        <v>15</v>
      </c>
      <c r="G59517" s="16">
        <v>0.30980580695019599</v>
      </c>
    </row>
    <row r="59518" spans="1:7" x14ac:dyDescent="0.3">
      <c r="A59518" s="13" t="s">
        <v>322</v>
      </c>
      <c r="B59518" s="14" t="s">
        <v>1</v>
      </c>
      <c r="C59518" s="14" t="s">
        <v>23</v>
      </c>
      <c r="D59518" s="14" t="s">
        <v>323</v>
      </c>
      <c r="E59518" s="15">
        <v>45399</v>
      </c>
      <c r="F59518" s="14" t="s">
        <v>15</v>
      </c>
      <c r="G59518" s="16">
        <v>0.3268863876452156</v>
      </c>
    </row>
    <row r="59519" spans="1:7" x14ac:dyDescent="0.3">
      <c r="A59519" s="13" t="s">
        <v>322</v>
      </c>
      <c r="B59519" s="14" t="s">
        <v>1</v>
      </c>
      <c r="C59519" s="14" t="s">
        <v>23</v>
      </c>
      <c r="D59519" s="14" t="s">
        <v>323</v>
      </c>
      <c r="E59519" s="15">
        <v>45400</v>
      </c>
      <c r="F59519" s="14" t="s">
        <v>15</v>
      </c>
      <c r="G59519" s="16">
        <v>0.34396696834023521</v>
      </c>
    </row>
    <row r="59520" spans="1:7" x14ac:dyDescent="0.3">
      <c r="A59520" s="13" t="s">
        <v>322</v>
      </c>
      <c r="B59520" s="14" t="s">
        <v>1</v>
      </c>
      <c r="C59520" s="14" t="s">
        <v>23</v>
      </c>
      <c r="D59520" s="14" t="s">
        <v>323</v>
      </c>
      <c r="E59520" s="15">
        <v>45401</v>
      </c>
      <c r="F59520" s="14" t="s">
        <v>15</v>
      </c>
      <c r="G59520" s="16">
        <v>0.36104754903525482</v>
      </c>
    </row>
    <row r="59521" spans="1:7" x14ac:dyDescent="0.3">
      <c r="A59521" s="13" t="s">
        <v>322</v>
      </c>
      <c r="B59521" s="14" t="s">
        <v>1</v>
      </c>
      <c r="C59521" s="14" t="s">
        <v>23</v>
      </c>
      <c r="D59521" s="14" t="s">
        <v>323</v>
      </c>
      <c r="E59521" s="15">
        <v>45402</v>
      </c>
      <c r="F59521" s="14" t="s">
        <v>15</v>
      </c>
      <c r="G59521" s="16">
        <v>0.36104754903525482</v>
      </c>
    </row>
    <row r="59522" spans="1:7" x14ac:dyDescent="0.3">
      <c r="A59522" s="13" t="s">
        <v>322</v>
      </c>
      <c r="B59522" s="14" t="s">
        <v>1</v>
      </c>
      <c r="C59522" s="14" t="s">
        <v>23</v>
      </c>
      <c r="D59522" s="14" t="s">
        <v>323</v>
      </c>
      <c r="E59522" s="15">
        <v>45403</v>
      </c>
      <c r="F59522" s="14" t="s">
        <v>15</v>
      </c>
      <c r="G59522" s="16">
        <v>0.36104754903525482</v>
      </c>
    </row>
    <row r="59523" spans="1:7" x14ac:dyDescent="0.3">
      <c r="A59523" s="13" t="s">
        <v>322</v>
      </c>
      <c r="B59523" s="14" t="s">
        <v>1</v>
      </c>
      <c r="C59523" s="14" t="s">
        <v>23</v>
      </c>
      <c r="D59523" s="14" t="s">
        <v>323</v>
      </c>
      <c r="E59523" s="15">
        <v>45404</v>
      </c>
      <c r="F59523" s="14" t="s">
        <v>15</v>
      </c>
      <c r="G59523" s="16">
        <v>0.38512812973027444</v>
      </c>
    </row>
    <row r="59524" spans="1:7" x14ac:dyDescent="0.3">
      <c r="A59524" s="13" t="s">
        <v>322</v>
      </c>
      <c r="B59524" s="14" t="s">
        <v>1</v>
      </c>
      <c r="C59524" s="14" t="s">
        <v>23</v>
      </c>
      <c r="D59524" s="14" t="s">
        <v>323</v>
      </c>
      <c r="E59524" s="15">
        <v>45405</v>
      </c>
      <c r="F59524" s="14" t="s">
        <v>15</v>
      </c>
      <c r="G59524" s="16">
        <v>0.42620871042529407</v>
      </c>
    </row>
    <row r="59525" spans="1:7" x14ac:dyDescent="0.3">
      <c r="A59525" s="13" t="s">
        <v>322</v>
      </c>
      <c r="B59525" s="14" t="s">
        <v>1</v>
      </c>
      <c r="C59525" s="14" t="s">
        <v>23</v>
      </c>
      <c r="D59525" s="14" t="s">
        <v>323</v>
      </c>
      <c r="E59525" s="15">
        <v>45406</v>
      </c>
      <c r="F59525" s="14" t="s">
        <v>15</v>
      </c>
      <c r="G59525" s="16">
        <v>0.44028929112031367</v>
      </c>
    </row>
    <row r="59526" spans="1:7" x14ac:dyDescent="0.3">
      <c r="A59526" s="13" t="s">
        <v>322</v>
      </c>
      <c r="B59526" s="14" t="s">
        <v>1</v>
      </c>
      <c r="C59526" s="14" t="s">
        <v>23</v>
      </c>
      <c r="D59526" s="14" t="s">
        <v>323</v>
      </c>
      <c r="E59526" s="15">
        <v>45407</v>
      </c>
      <c r="F59526" s="14" t="s">
        <v>15</v>
      </c>
      <c r="G59526" s="16">
        <v>0.40736987181533324</v>
      </c>
    </row>
    <row r="59527" spans="1:7" x14ac:dyDescent="0.3">
      <c r="A59527" s="13" t="s">
        <v>322</v>
      </c>
      <c r="B59527" s="14" t="s">
        <v>1</v>
      </c>
      <c r="C59527" s="14" t="s">
        <v>23</v>
      </c>
      <c r="D59527" s="14" t="s">
        <v>323</v>
      </c>
      <c r="E59527" s="15">
        <v>45408</v>
      </c>
      <c r="F59527" s="14" t="s">
        <v>15</v>
      </c>
      <c r="G59527" s="16">
        <v>0.42245045251035285</v>
      </c>
    </row>
    <row r="59528" spans="1:7" x14ac:dyDescent="0.3">
      <c r="A59528" s="13" t="s">
        <v>322</v>
      </c>
      <c r="B59528" s="14" t="s">
        <v>1</v>
      </c>
      <c r="C59528" s="14" t="s">
        <v>23</v>
      </c>
      <c r="D59528" s="14" t="s">
        <v>323</v>
      </c>
      <c r="E59528" s="15">
        <v>45409</v>
      </c>
      <c r="F59528" s="14" t="s">
        <v>15</v>
      </c>
      <c r="G59528" s="16">
        <v>0.42245045251035285</v>
      </c>
    </row>
    <row r="59529" spans="1:7" x14ac:dyDescent="0.3">
      <c r="A59529" s="13" t="s">
        <v>322</v>
      </c>
      <c r="B59529" s="14" t="s">
        <v>1</v>
      </c>
      <c r="C59529" s="14" t="s">
        <v>23</v>
      </c>
      <c r="D59529" s="14" t="s">
        <v>323</v>
      </c>
      <c r="E59529" s="15">
        <v>45410</v>
      </c>
      <c r="F59529" s="14" t="s">
        <v>15</v>
      </c>
      <c r="G59529" s="16">
        <v>0.42245045251035285</v>
      </c>
    </row>
    <row r="59530" spans="1:7" x14ac:dyDescent="0.3">
      <c r="A59530" s="13" t="s">
        <v>322</v>
      </c>
      <c r="B59530" s="14" t="s">
        <v>1</v>
      </c>
      <c r="C59530" s="14" t="s">
        <v>23</v>
      </c>
      <c r="D59530" s="14" t="s">
        <v>323</v>
      </c>
      <c r="E59530" s="15">
        <v>45411</v>
      </c>
      <c r="F59530" s="14" t="s">
        <v>15</v>
      </c>
      <c r="G59530" s="16">
        <v>0.43953103320537246</v>
      </c>
    </row>
    <row r="59531" spans="1:7" x14ac:dyDescent="0.3">
      <c r="A59531" s="13" t="s">
        <v>322</v>
      </c>
      <c r="B59531" s="14" t="s">
        <v>1</v>
      </c>
      <c r="C59531" s="14" t="s">
        <v>23</v>
      </c>
      <c r="D59531" s="14" t="s">
        <v>323</v>
      </c>
      <c r="E59531" s="15">
        <v>45412</v>
      </c>
      <c r="F59531" s="14" t="s">
        <v>15</v>
      </c>
      <c r="G59531" s="16">
        <v>0.48961161390039204</v>
      </c>
    </row>
    <row r="59532" spans="1:7" x14ac:dyDescent="0.3">
      <c r="A59532" s="13" t="s">
        <v>322</v>
      </c>
      <c r="B59532" s="14" t="s">
        <v>1</v>
      </c>
      <c r="C59532" s="14" t="s">
        <v>23</v>
      </c>
      <c r="D59532" s="14" t="s">
        <v>323</v>
      </c>
      <c r="E59532" s="15">
        <v>45413</v>
      </c>
      <c r="F59532" s="14" t="s">
        <v>15</v>
      </c>
      <c r="G59532" s="16">
        <v>0.5066921945954117</v>
      </c>
    </row>
    <row r="59533" spans="1:7" x14ac:dyDescent="0.3">
      <c r="A59533" s="13" t="s">
        <v>322</v>
      </c>
      <c r="B59533" s="14" t="s">
        <v>1</v>
      </c>
      <c r="C59533" s="14" t="s">
        <v>23</v>
      </c>
      <c r="D59533" s="14" t="s">
        <v>323</v>
      </c>
      <c r="E59533" s="15">
        <v>45414</v>
      </c>
      <c r="F59533" s="14" t="s">
        <v>15</v>
      </c>
      <c r="G59533" s="16">
        <v>0.52377277529043131</v>
      </c>
    </row>
    <row r="59534" spans="1:7" x14ac:dyDescent="0.3">
      <c r="A59534" s="13" t="s">
        <v>322</v>
      </c>
      <c r="B59534" s="14" t="s">
        <v>1</v>
      </c>
      <c r="C59534" s="14" t="s">
        <v>23</v>
      </c>
      <c r="D59534" s="14" t="s">
        <v>323</v>
      </c>
      <c r="E59534" s="15">
        <v>45415</v>
      </c>
      <c r="F59534" s="14" t="s">
        <v>15</v>
      </c>
      <c r="G59534" s="16">
        <v>0.54085335598545092</v>
      </c>
    </row>
    <row r="59535" spans="1:7" x14ac:dyDescent="0.3">
      <c r="A59535" s="13" t="s">
        <v>322</v>
      </c>
      <c r="B59535" s="14" t="s">
        <v>1</v>
      </c>
      <c r="C59535" s="14" t="s">
        <v>23</v>
      </c>
      <c r="D59535" s="14" t="s">
        <v>323</v>
      </c>
      <c r="E59535" s="15">
        <v>45416</v>
      </c>
      <c r="F59535" s="14" t="s">
        <v>15</v>
      </c>
      <c r="G59535" s="16">
        <v>0.54085335598545092</v>
      </c>
    </row>
    <row r="59536" spans="1:7" x14ac:dyDescent="0.3">
      <c r="A59536" s="13" t="s">
        <v>322</v>
      </c>
      <c r="B59536" s="14" t="s">
        <v>1</v>
      </c>
      <c r="C59536" s="14" t="s">
        <v>23</v>
      </c>
      <c r="D59536" s="14" t="s">
        <v>323</v>
      </c>
      <c r="E59536" s="15">
        <v>45417</v>
      </c>
      <c r="F59536" s="14" t="s">
        <v>15</v>
      </c>
      <c r="G59536" s="16">
        <v>0.54085335598545092</v>
      </c>
    </row>
    <row r="59537" spans="1:7" x14ac:dyDescent="0.3">
      <c r="A59537" s="13" t="s">
        <v>322</v>
      </c>
      <c r="B59537" s="14" t="s">
        <v>1</v>
      </c>
      <c r="C59537" s="14" t="s">
        <v>23</v>
      </c>
      <c r="D59537" s="14" t="s">
        <v>323</v>
      </c>
      <c r="E59537" s="15">
        <v>45418</v>
      </c>
      <c r="F59537" s="14" t="s">
        <v>15</v>
      </c>
      <c r="G59537" s="16">
        <v>0.54085335598545092</v>
      </c>
    </row>
    <row r="59538" spans="1:7" x14ac:dyDescent="0.3">
      <c r="A59538" s="13" t="s">
        <v>322</v>
      </c>
      <c r="B59538" s="14" t="s">
        <v>1</v>
      </c>
      <c r="C59538" s="14" t="s">
        <v>23</v>
      </c>
      <c r="D59538" s="14" t="s">
        <v>323</v>
      </c>
      <c r="E59538" s="15">
        <v>45419</v>
      </c>
      <c r="F59538" s="14" t="s">
        <v>15</v>
      </c>
      <c r="G59538" s="16">
        <v>0.55693393668047053</v>
      </c>
    </row>
    <row r="59539" spans="1:7" x14ac:dyDescent="0.3">
      <c r="A59539" s="13" t="s">
        <v>322</v>
      </c>
      <c r="B59539" s="14" t="s">
        <v>1</v>
      </c>
      <c r="C59539" s="14" t="s">
        <v>23</v>
      </c>
      <c r="D59539" s="14" t="s">
        <v>323</v>
      </c>
      <c r="E59539" s="15">
        <v>45420</v>
      </c>
      <c r="F59539" s="14" t="s">
        <v>15</v>
      </c>
      <c r="G59539" s="16">
        <v>0.63601451737549008</v>
      </c>
    </row>
    <row r="59540" spans="1:7" x14ac:dyDescent="0.3">
      <c r="A59540" s="13" t="s">
        <v>322</v>
      </c>
      <c r="B59540" s="14" t="s">
        <v>1</v>
      </c>
      <c r="C59540" s="14" t="s">
        <v>23</v>
      </c>
      <c r="D59540" s="14" t="s">
        <v>323</v>
      </c>
      <c r="E59540" s="15">
        <v>45421</v>
      </c>
      <c r="F59540" s="14" t="s">
        <v>15</v>
      </c>
      <c r="G59540" s="16">
        <v>0.65309509807050969</v>
      </c>
    </row>
    <row r="59541" spans="1:7" x14ac:dyDescent="0.3">
      <c r="A59541" s="13" t="s">
        <v>322</v>
      </c>
      <c r="B59541" s="14" t="s">
        <v>1</v>
      </c>
      <c r="C59541" s="14" t="s">
        <v>23</v>
      </c>
      <c r="D59541" s="14" t="s">
        <v>323</v>
      </c>
      <c r="E59541" s="15">
        <v>45422</v>
      </c>
      <c r="F59541" s="14" t="s">
        <v>15</v>
      </c>
      <c r="G59541" s="16">
        <v>0.66917567876552941</v>
      </c>
    </row>
    <row r="59542" spans="1:7" x14ac:dyDescent="0.3">
      <c r="A59542" s="13" t="s">
        <v>322</v>
      </c>
      <c r="B59542" s="14" t="s">
        <v>1</v>
      </c>
      <c r="C59542" s="14" t="s">
        <v>23</v>
      </c>
      <c r="D59542" s="14" t="s">
        <v>323</v>
      </c>
      <c r="E59542" s="15">
        <v>45423</v>
      </c>
      <c r="F59542" s="14" t="s">
        <v>15</v>
      </c>
      <c r="G59542" s="16">
        <v>0.66917567876552941</v>
      </c>
    </row>
    <row r="59543" spans="1:7" x14ac:dyDescent="0.3">
      <c r="A59543" s="13" t="s">
        <v>322</v>
      </c>
      <c r="B59543" s="14" t="s">
        <v>1</v>
      </c>
      <c r="C59543" s="14" t="s">
        <v>23</v>
      </c>
      <c r="D59543" s="14" t="s">
        <v>323</v>
      </c>
      <c r="E59543" s="15">
        <v>45424</v>
      </c>
      <c r="F59543" s="14" t="s">
        <v>15</v>
      </c>
      <c r="G59543" s="16">
        <v>0.66917567876552941</v>
      </c>
    </row>
    <row r="59544" spans="1:7" x14ac:dyDescent="0.3">
      <c r="A59544" s="13" t="s">
        <v>322</v>
      </c>
      <c r="B59544" s="14" t="s">
        <v>1</v>
      </c>
      <c r="C59544" s="14" t="s">
        <v>23</v>
      </c>
      <c r="D59544" s="14" t="s">
        <v>323</v>
      </c>
      <c r="E59544" s="15">
        <v>45425</v>
      </c>
      <c r="F59544" s="14" t="s">
        <v>15</v>
      </c>
      <c r="G59544" s="16">
        <v>0.68625625946054902</v>
      </c>
    </row>
    <row r="59545" spans="1:7" x14ac:dyDescent="0.3">
      <c r="A59545" s="13" t="s">
        <v>322</v>
      </c>
      <c r="B59545" s="14" t="s">
        <v>1</v>
      </c>
      <c r="C59545" s="14" t="s">
        <v>23</v>
      </c>
      <c r="D59545" s="14" t="s">
        <v>323</v>
      </c>
      <c r="E59545" s="15">
        <v>45426</v>
      </c>
      <c r="F59545" s="14" t="s">
        <v>15</v>
      </c>
      <c r="G59545" s="16">
        <v>0.73833684015556855</v>
      </c>
    </row>
    <row r="59546" spans="1:7" x14ac:dyDescent="0.3">
      <c r="A59546" s="13" t="s">
        <v>322</v>
      </c>
      <c r="B59546" s="14" t="s">
        <v>1</v>
      </c>
      <c r="C59546" s="14" t="s">
        <v>23</v>
      </c>
      <c r="D59546" s="14" t="s">
        <v>323</v>
      </c>
      <c r="E59546" s="15">
        <v>45427</v>
      </c>
      <c r="F59546" s="14" t="s">
        <v>15</v>
      </c>
      <c r="G59546" s="16">
        <v>0.75541742085058816</v>
      </c>
    </row>
    <row r="59547" spans="1:7" x14ac:dyDescent="0.3">
      <c r="A59547" s="13" t="s">
        <v>322</v>
      </c>
      <c r="B59547" s="14" t="s">
        <v>1</v>
      </c>
      <c r="C59547" s="14" t="s">
        <v>23</v>
      </c>
      <c r="D59547" s="14" t="s">
        <v>323</v>
      </c>
      <c r="E59547" s="15">
        <v>45428</v>
      </c>
      <c r="F59547" s="14" t="s">
        <v>15</v>
      </c>
      <c r="G59547" s="16">
        <v>0.77249800154560777</v>
      </c>
    </row>
    <row r="59548" spans="1:7" x14ac:dyDescent="0.3">
      <c r="A59548" s="13" t="s">
        <v>322</v>
      </c>
      <c r="B59548" s="14" t="s">
        <v>1</v>
      </c>
      <c r="C59548" s="14" t="s">
        <v>23</v>
      </c>
      <c r="D59548" s="14" t="s">
        <v>323</v>
      </c>
      <c r="E59548" s="15">
        <v>45429</v>
      </c>
      <c r="F59548" s="14" t="s">
        <v>15</v>
      </c>
      <c r="G59548" s="16">
        <v>0.78957858224062738</v>
      </c>
    </row>
    <row r="59549" spans="1:7" x14ac:dyDescent="0.3">
      <c r="A59549" s="13" t="s">
        <v>322</v>
      </c>
      <c r="B59549" s="14" t="s">
        <v>1</v>
      </c>
      <c r="C59549" s="14" t="s">
        <v>23</v>
      </c>
      <c r="D59549" s="14" t="s">
        <v>323</v>
      </c>
      <c r="E59549" s="15">
        <v>45430</v>
      </c>
      <c r="F59549" s="14" t="s">
        <v>15</v>
      </c>
      <c r="G59549" s="16">
        <v>0.78957858224062738</v>
      </c>
    </row>
    <row r="59550" spans="1:7" x14ac:dyDescent="0.3">
      <c r="A59550" s="13" t="s">
        <v>322</v>
      </c>
      <c r="B59550" s="14" t="s">
        <v>1</v>
      </c>
      <c r="C59550" s="14" t="s">
        <v>23</v>
      </c>
      <c r="D59550" s="14" t="s">
        <v>323</v>
      </c>
      <c r="E59550" s="15">
        <v>45431</v>
      </c>
      <c r="F59550" s="14" t="s">
        <v>15</v>
      </c>
      <c r="G59550" s="16">
        <v>0.78957858224062738</v>
      </c>
    </row>
    <row r="59551" spans="1:7" x14ac:dyDescent="0.3">
      <c r="A59551" s="13" t="s">
        <v>322</v>
      </c>
      <c r="B59551" s="14" t="s">
        <v>1</v>
      </c>
      <c r="C59551" s="14" t="s">
        <v>23</v>
      </c>
      <c r="D59551" s="14" t="s">
        <v>323</v>
      </c>
      <c r="E59551" s="15">
        <v>45432</v>
      </c>
      <c r="F59551" s="14" t="s">
        <v>15</v>
      </c>
      <c r="G59551" s="16">
        <v>0.80665916293564699</v>
      </c>
    </row>
    <row r="59552" spans="1:7" x14ac:dyDescent="0.3">
      <c r="A59552" s="13" t="s">
        <v>322</v>
      </c>
      <c r="B59552" s="14" t="s">
        <v>1</v>
      </c>
      <c r="C59552" s="14" t="s">
        <v>23</v>
      </c>
      <c r="D59552" s="14" t="s">
        <v>323</v>
      </c>
      <c r="E59552" s="15">
        <v>45433</v>
      </c>
      <c r="F59552" s="14" t="s">
        <v>15</v>
      </c>
      <c r="G59552" s="16">
        <v>0.85673974363066652</v>
      </c>
    </row>
    <row r="59553" spans="1:7" x14ac:dyDescent="0.3">
      <c r="A59553" s="13" t="s">
        <v>322</v>
      </c>
      <c r="B59553" s="14" t="s">
        <v>1</v>
      </c>
      <c r="C59553" s="14" t="s">
        <v>23</v>
      </c>
      <c r="D59553" s="14" t="s">
        <v>323</v>
      </c>
      <c r="E59553" s="15">
        <v>45434</v>
      </c>
      <c r="F59553" s="14" t="s">
        <v>15</v>
      </c>
      <c r="G59553" s="16">
        <v>0.87382032432568602</v>
      </c>
    </row>
    <row r="59554" spans="1:7" x14ac:dyDescent="0.3">
      <c r="A59554" s="13" t="s">
        <v>322</v>
      </c>
      <c r="B59554" s="14" t="s">
        <v>1</v>
      </c>
      <c r="C59554" s="14" t="s">
        <v>23</v>
      </c>
      <c r="D59554" s="14" t="s">
        <v>323</v>
      </c>
      <c r="E59554" s="15">
        <v>45435</v>
      </c>
      <c r="F59554" s="14" t="s">
        <v>15</v>
      </c>
      <c r="G59554" s="16">
        <v>0.89290090502070574</v>
      </c>
    </row>
    <row r="59555" spans="1:7" x14ac:dyDescent="0.3">
      <c r="A59555" s="13" t="s">
        <v>322</v>
      </c>
      <c r="B59555" s="14" t="s">
        <v>1</v>
      </c>
      <c r="C59555" s="14" t="s">
        <v>23</v>
      </c>
      <c r="D59555" s="14" t="s">
        <v>323</v>
      </c>
      <c r="E59555" s="15">
        <v>45436</v>
      </c>
      <c r="F59555" s="14" t="s">
        <v>15</v>
      </c>
      <c r="G59555" s="16">
        <v>0.90898148571572523</v>
      </c>
    </row>
    <row r="59556" spans="1:7" x14ac:dyDescent="0.3">
      <c r="A59556" s="13" t="s">
        <v>322</v>
      </c>
      <c r="B59556" s="14" t="s">
        <v>1</v>
      </c>
      <c r="C59556" s="14" t="s">
        <v>23</v>
      </c>
      <c r="D59556" s="14" t="s">
        <v>323</v>
      </c>
      <c r="E59556" s="15">
        <v>45437</v>
      </c>
      <c r="F59556" s="14" t="s">
        <v>15</v>
      </c>
      <c r="G59556" s="16">
        <v>0.90898148571572523</v>
      </c>
    </row>
    <row r="59557" spans="1:7" x14ac:dyDescent="0.3">
      <c r="A59557" s="13" t="s">
        <v>322</v>
      </c>
      <c r="B59557" s="14" t="s">
        <v>1</v>
      </c>
      <c r="C59557" s="14" t="s">
        <v>23</v>
      </c>
      <c r="D59557" s="14" t="s">
        <v>323</v>
      </c>
      <c r="E59557" s="15">
        <v>45438</v>
      </c>
      <c r="F59557" s="14" t="s">
        <v>15</v>
      </c>
      <c r="G59557" s="16">
        <v>0.90898148571572523</v>
      </c>
    </row>
    <row r="59558" spans="1:7" x14ac:dyDescent="0.3">
      <c r="A59558" s="13" t="s">
        <v>322</v>
      </c>
      <c r="B59558" s="14" t="s">
        <v>1</v>
      </c>
      <c r="C59558" s="14" t="s">
        <v>23</v>
      </c>
      <c r="D59558" s="14" t="s">
        <v>323</v>
      </c>
      <c r="E59558" s="15">
        <v>45439</v>
      </c>
      <c r="F59558" s="14" t="s">
        <v>15</v>
      </c>
      <c r="G59558" s="16">
        <v>0.90898148571572523</v>
      </c>
    </row>
    <row r="59559" spans="1:7" x14ac:dyDescent="0.3">
      <c r="A59559" s="13" t="s">
        <v>322</v>
      </c>
      <c r="B59559" s="14" t="s">
        <v>1</v>
      </c>
      <c r="C59559" s="14" t="s">
        <v>23</v>
      </c>
      <c r="D59559" s="14" t="s">
        <v>323</v>
      </c>
      <c r="E59559" s="15">
        <v>45440</v>
      </c>
      <c r="F59559" s="14" t="s">
        <v>15</v>
      </c>
      <c r="G59559" s="16">
        <v>0.92506206641074473</v>
      </c>
    </row>
    <row r="59560" spans="1:7" x14ac:dyDescent="0.3">
      <c r="A59560" s="13" t="s">
        <v>322</v>
      </c>
      <c r="B59560" s="14" t="s">
        <v>1</v>
      </c>
      <c r="C59560" s="14" t="s">
        <v>23</v>
      </c>
      <c r="D59560" s="14" t="s">
        <v>323</v>
      </c>
      <c r="E59560" s="15">
        <v>45441</v>
      </c>
      <c r="F59560" s="14" t="s">
        <v>15</v>
      </c>
      <c r="G59560" s="16">
        <v>0.98514264710576449</v>
      </c>
    </row>
    <row r="59561" spans="1:7" x14ac:dyDescent="0.3">
      <c r="A59561" s="13" t="s">
        <v>322</v>
      </c>
      <c r="B59561" s="14" t="s">
        <v>1</v>
      </c>
      <c r="C59561" s="14" t="s">
        <v>23</v>
      </c>
      <c r="D59561" s="14" t="s">
        <v>323</v>
      </c>
      <c r="E59561" s="15">
        <v>45442</v>
      </c>
      <c r="F59561" s="14" t="s">
        <v>15</v>
      </c>
      <c r="G59561" s="16">
        <v>1.0032232278007842</v>
      </c>
    </row>
    <row r="59562" spans="1:7" x14ac:dyDescent="0.3">
      <c r="A59562" s="13" t="s">
        <v>322</v>
      </c>
      <c r="B59562" s="14" t="s">
        <v>1</v>
      </c>
      <c r="C59562" s="14" t="s">
        <v>23</v>
      </c>
      <c r="D59562" s="14" t="s">
        <v>323</v>
      </c>
      <c r="E59562" s="15">
        <v>45443</v>
      </c>
      <c r="F59562" s="14" t="s">
        <v>15</v>
      </c>
      <c r="G59562" s="16">
        <v>1.0143038084958038</v>
      </c>
    </row>
    <row r="59563" spans="1:7" x14ac:dyDescent="0.3">
      <c r="A59563" s="13" t="s">
        <v>322</v>
      </c>
      <c r="B59563" s="14" t="s">
        <v>1</v>
      </c>
      <c r="C59563" s="14" t="s">
        <v>23</v>
      </c>
      <c r="D59563" s="14" t="s">
        <v>323</v>
      </c>
      <c r="E59563" s="15">
        <v>45444</v>
      </c>
      <c r="F59563" s="14" t="s">
        <v>15</v>
      </c>
      <c r="G59563" s="16">
        <v>1.0143038084958038</v>
      </c>
    </row>
    <row r="59564" spans="1:7" x14ac:dyDescent="0.3">
      <c r="A59564" s="13" t="s">
        <v>322</v>
      </c>
      <c r="B59564" s="14" t="s">
        <v>1</v>
      </c>
      <c r="C59564" s="14" t="s">
        <v>23</v>
      </c>
      <c r="D59564" s="14" t="s">
        <v>323</v>
      </c>
      <c r="E59564" s="15">
        <v>45445</v>
      </c>
      <c r="F59564" s="14" t="s">
        <v>15</v>
      </c>
      <c r="G59564" s="16">
        <v>1.0143038084958038</v>
      </c>
    </row>
    <row r="59565" spans="1:7" x14ac:dyDescent="0.3">
      <c r="A59565" s="13" t="s">
        <v>322</v>
      </c>
      <c r="B59565" s="14" t="s">
        <v>1</v>
      </c>
      <c r="C59565" s="14" t="s">
        <v>23</v>
      </c>
      <c r="D59565" s="14" t="s">
        <v>323</v>
      </c>
      <c r="E59565" s="15">
        <v>45446</v>
      </c>
      <c r="F59565" s="14" t="s">
        <v>15</v>
      </c>
      <c r="G59565" s="16">
        <v>1.0143038084958038</v>
      </c>
    </row>
    <row r="59566" spans="1:7" x14ac:dyDescent="0.3">
      <c r="A59566" s="13" t="s">
        <v>322</v>
      </c>
      <c r="B59566" s="14" t="s">
        <v>1</v>
      </c>
      <c r="C59566" s="14" t="s">
        <v>23</v>
      </c>
      <c r="D59566" s="14" t="s">
        <v>323</v>
      </c>
      <c r="E59566" s="15">
        <v>45447</v>
      </c>
      <c r="F59566" s="14" t="s">
        <v>15</v>
      </c>
      <c r="G59566" s="16">
        <v>1.0333843891908234</v>
      </c>
    </row>
    <row r="59567" spans="1:7" x14ac:dyDescent="0.3">
      <c r="A59567" s="13" t="s">
        <v>322</v>
      </c>
      <c r="B59567" s="14" t="s">
        <v>1</v>
      </c>
      <c r="C59567" s="14" t="s">
        <v>23</v>
      </c>
      <c r="D59567" s="14" t="s">
        <v>323</v>
      </c>
      <c r="E59567" s="15">
        <v>45448</v>
      </c>
      <c r="F59567" s="14" t="s">
        <v>15</v>
      </c>
      <c r="G59567" s="16">
        <v>1.1024649698858431</v>
      </c>
    </row>
    <row r="59568" spans="1:7" x14ac:dyDescent="0.3">
      <c r="A59568" s="13" t="s">
        <v>322</v>
      </c>
      <c r="B59568" s="14" t="s">
        <v>1</v>
      </c>
      <c r="C59568" s="14" t="s">
        <v>23</v>
      </c>
      <c r="D59568" s="14" t="s">
        <v>323</v>
      </c>
      <c r="E59568" s="15">
        <v>45449</v>
      </c>
      <c r="F59568" s="14" t="s">
        <v>15</v>
      </c>
      <c r="G59568" s="16">
        <v>1.1185455505808626</v>
      </c>
    </row>
    <row r="59569" spans="1:7" x14ac:dyDescent="0.3">
      <c r="A59569" s="13" t="s">
        <v>322</v>
      </c>
      <c r="B59569" s="14" t="s">
        <v>1</v>
      </c>
      <c r="C59569" s="14" t="s">
        <v>23</v>
      </c>
      <c r="D59569" s="14" t="s">
        <v>323</v>
      </c>
      <c r="E59569" s="15">
        <v>45450</v>
      </c>
      <c r="F59569" s="14" t="s">
        <v>15</v>
      </c>
      <c r="G59569" s="16">
        <v>1.1546261312758823</v>
      </c>
    </row>
    <row r="59570" spans="1:7" x14ac:dyDescent="0.3">
      <c r="A59570" s="13" t="s">
        <v>322</v>
      </c>
      <c r="B59570" s="14" t="s">
        <v>1</v>
      </c>
      <c r="C59570" s="14" t="s">
        <v>23</v>
      </c>
      <c r="D59570" s="14" t="s">
        <v>323</v>
      </c>
      <c r="E59570" s="15">
        <v>45451</v>
      </c>
      <c r="F59570" s="14" t="s">
        <v>15</v>
      </c>
      <c r="G59570" s="16">
        <v>1.1546261312758823</v>
      </c>
    </row>
    <row r="59571" spans="1:7" x14ac:dyDescent="0.3">
      <c r="A59571" s="13" t="s">
        <v>322</v>
      </c>
      <c r="B59571" s="14" t="s">
        <v>1</v>
      </c>
      <c r="C59571" s="14" t="s">
        <v>23</v>
      </c>
      <c r="D59571" s="14" t="s">
        <v>323</v>
      </c>
      <c r="E59571" s="15">
        <v>45452</v>
      </c>
      <c r="F59571" s="14" t="s">
        <v>15</v>
      </c>
      <c r="G59571" s="16">
        <v>1.1546261312758823</v>
      </c>
    </row>
    <row r="59572" spans="1:7" x14ac:dyDescent="0.3">
      <c r="A59572" s="13" t="s">
        <v>322</v>
      </c>
      <c r="B59572" s="14" t="s">
        <v>1</v>
      </c>
      <c r="C59572" s="14" t="s">
        <v>23</v>
      </c>
      <c r="D59572" s="14" t="s">
        <v>323</v>
      </c>
      <c r="E59572" s="15">
        <v>45453</v>
      </c>
      <c r="F59572" s="14" t="s">
        <v>15</v>
      </c>
      <c r="G59572" s="16">
        <v>1.1707067119709018</v>
      </c>
    </row>
    <row r="59573" spans="1:7" x14ac:dyDescent="0.3">
      <c r="A59573" s="13" t="s">
        <v>322</v>
      </c>
      <c r="B59573" s="14" t="s">
        <v>1</v>
      </c>
      <c r="C59573" s="14" t="s">
        <v>23</v>
      </c>
      <c r="D59573" s="14" t="s">
        <v>323</v>
      </c>
      <c r="E59573" s="15">
        <v>45454</v>
      </c>
      <c r="F59573" s="14" t="s">
        <v>15</v>
      </c>
      <c r="G59573" s="16">
        <v>1.2187872926659213</v>
      </c>
    </row>
    <row r="59574" spans="1:7" x14ac:dyDescent="0.3">
      <c r="A59574" s="13" t="s">
        <v>322</v>
      </c>
      <c r="B59574" s="14" t="s">
        <v>1</v>
      </c>
      <c r="C59574" s="14" t="s">
        <v>23</v>
      </c>
      <c r="D59574" s="14" t="s">
        <v>323</v>
      </c>
      <c r="E59574" s="15">
        <v>45455</v>
      </c>
      <c r="F59574" s="14" t="s">
        <v>15</v>
      </c>
      <c r="G59574" s="16">
        <v>1.2348678733609408</v>
      </c>
    </row>
    <row r="59575" spans="1:7" x14ac:dyDescent="0.3">
      <c r="A59575" s="13" t="s">
        <v>322</v>
      </c>
      <c r="B59575" s="14" t="s">
        <v>1</v>
      </c>
      <c r="C59575" s="14" t="s">
        <v>23</v>
      </c>
      <c r="D59575" s="14" t="s">
        <v>323</v>
      </c>
      <c r="E59575" s="15">
        <v>45456</v>
      </c>
      <c r="F59575" s="14" t="s">
        <v>15</v>
      </c>
      <c r="G59575" s="16">
        <v>1.2499484540559604</v>
      </c>
    </row>
    <row r="59576" spans="1:7" x14ac:dyDescent="0.3">
      <c r="A59576" s="13" t="s">
        <v>322</v>
      </c>
      <c r="B59576" s="14" t="s">
        <v>1</v>
      </c>
      <c r="C59576" s="14" t="s">
        <v>23</v>
      </c>
      <c r="D59576" s="14" t="s">
        <v>323</v>
      </c>
      <c r="E59576" s="15">
        <v>45457</v>
      </c>
      <c r="F59576" s="14" t="s">
        <v>15</v>
      </c>
      <c r="G59576" s="16">
        <v>1.2670290347509801</v>
      </c>
    </row>
    <row r="59577" spans="1:7" x14ac:dyDescent="0.3">
      <c r="A59577" s="13" t="s">
        <v>322</v>
      </c>
      <c r="B59577" s="14" t="s">
        <v>1</v>
      </c>
      <c r="C59577" s="14" t="s">
        <v>23</v>
      </c>
      <c r="D59577" s="14" t="s">
        <v>323</v>
      </c>
      <c r="E59577" s="15">
        <v>45458</v>
      </c>
      <c r="F59577" s="14" t="s">
        <v>15</v>
      </c>
      <c r="G59577" s="16">
        <v>1.2670290347509801</v>
      </c>
    </row>
    <row r="59578" spans="1:7" x14ac:dyDescent="0.3">
      <c r="A59578" s="13" t="s">
        <v>322</v>
      </c>
      <c r="B59578" s="14" t="s">
        <v>1</v>
      </c>
      <c r="C59578" s="14" t="s">
        <v>23</v>
      </c>
      <c r="D59578" s="14" t="s">
        <v>323</v>
      </c>
      <c r="E59578" s="15">
        <v>45459</v>
      </c>
      <c r="F59578" s="14" t="s">
        <v>15</v>
      </c>
      <c r="G59578" s="16">
        <v>1.2670290347509801</v>
      </c>
    </row>
    <row r="59579" spans="1:7" x14ac:dyDescent="0.3">
      <c r="A59579" s="13" t="s">
        <v>322</v>
      </c>
      <c r="B59579" s="14" t="s">
        <v>1</v>
      </c>
      <c r="C59579" s="14" t="s">
        <v>23</v>
      </c>
      <c r="D59579" s="14" t="s">
        <v>323</v>
      </c>
      <c r="E59579" s="15">
        <v>45460</v>
      </c>
      <c r="F59579" s="14" t="s">
        <v>15</v>
      </c>
      <c r="G59579" s="16">
        <v>1.2831096154459996</v>
      </c>
    </row>
    <row r="59580" spans="1:7" x14ac:dyDescent="0.3">
      <c r="A59580" s="13" t="s">
        <v>322</v>
      </c>
      <c r="B59580" s="14" t="s">
        <v>1</v>
      </c>
      <c r="C59580" s="14" t="s">
        <v>23</v>
      </c>
      <c r="D59580" s="14" t="s">
        <v>323</v>
      </c>
      <c r="E59580" s="15">
        <v>45461</v>
      </c>
      <c r="F59580" s="14" t="s">
        <v>15</v>
      </c>
      <c r="G59580" s="16">
        <v>1.3311901961410191</v>
      </c>
    </row>
    <row r="59581" spans="1:7" x14ac:dyDescent="0.3">
      <c r="A59581" s="13" t="s">
        <v>322</v>
      </c>
      <c r="B59581" s="14" t="s">
        <v>1</v>
      </c>
      <c r="C59581" s="14" t="s">
        <v>23</v>
      </c>
      <c r="D59581" s="14" t="s">
        <v>323</v>
      </c>
      <c r="E59581" s="15">
        <v>45462</v>
      </c>
      <c r="F59581" s="14" t="s">
        <v>15</v>
      </c>
      <c r="G59581" s="16">
        <v>1.3311901961410191</v>
      </c>
    </row>
    <row r="59582" spans="1:7" x14ac:dyDescent="0.3">
      <c r="A59582" s="13" t="s">
        <v>322</v>
      </c>
      <c r="B59582" s="14" t="s">
        <v>1</v>
      </c>
      <c r="C59582" s="14" t="s">
        <v>23</v>
      </c>
      <c r="D59582" s="14" t="s">
        <v>323</v>
      </c>
      <c r="E59582" s="15">
        <v>45463</v>
      </c>
      <c r="F59582" s="14" t="s">
        <v>15</v>
      </c>
      <c r="G59582" s="16">
        <v>1.3472707768360386</v>
      </c>
    </row>
    <row r="59583" spans="1:7" x14ac:dyDescent="0.3">
      <c r="A59583" s="13" t="s">
        <v>322</v>
      </c>
      <c r="B59583" s="14" t="s">
        <v>1</v>
      </c>
      <c r="C59583" s="14" t="s">
        <v>23</v>
      </c>
      <c r="D59583" s="14" t="s">
        <v>323</v>
      </c>
      <c r="E59583" s="15">
        <v>45464</v>
      </c>
      <c r="F59583" s="14" t="s">
        <v>15</v>
      </c>
      <c r="G59583" s="16">
        <v>1.3803513575310582</v>
      </c>
    </row>
    <row r="59584" spans="1:7" x14ac:dyDescent="0.3">
      <c r="A59584" s="13" t="s">
        <v>322</v>
      </c>
      <c r="B59584" s="14" t="s">
        <v>1</v>
      </c>
      <c r="C59584" s="14" t="s">
        <v>23</v>
      </c>
      <c r="D59584" s="14" t="s">
        <v>323</v>
      </c>
      <c r="E59584" s="15">
        <v>45465</v>
      </c>
      <c r="F59584" s="14" t="s">
        <v>15</v>
      </c>
      <c r="G59584" s="16">
        <v>1.3803513575310582</v>
      </c>
    </row>
    <row r="59585" spans="1:7" x14ac:dyDescent="0.3">
      <c r="A59585" s="13" t="s">
        <v>322</v>
      </c>
      <c r="B59585" s="14" t="s">
        <v>1</v>
      </c>
      <c r="C59585" s="14" t="s">
        <v>23</v>
      </c>
      <c r="D59585" s="14" t="s">
        <v>323</v>
      </c>
      <c r="E59585" s="15">
        <v>45466</v>
      </c>
      <c r="F59585" s="14" t="s">
        <v>15</v>
      </c>
      <c r="G59585" s="16">
        <v>1.3803513575310582</v>
      </c>
    </row>
    <row r="59586" spans="1:7" x14ac:dyDescent="0.3">
      <c r="A59586" s="13" t="s">
        <v>322</v>
      </c>
      <c r="B59586" s="14" t="s">
        <v>1</v>
      </c>
      <c r="C59586" s="14" t="s">
        <v>23</v>
      </c>
      <c r="D59586" s="14" t="s">
        <v>323</v>
      </c>
      <c r="E59586" s="15">
        <v>45467</v>
      </c>
      <c r="F59586" s="14" t="s">
        <v>15</v>
      </c>
      <c r="G59586" s="16">
        <v>1.3964319382260777</v>
      </c>
    </row>
    <row r="59587" spans="1:7" x14ac:dyDescent="0.3">
      <c r="A59587" s="13" t="s">
        <v>322</v>
      </c>
      <c r="B59587" s="14" t="s">
        <v>1</v>
      </c>
      <c r="C59587" s="14" t="s">
        <v>23</v>
      </c>
      <c r="D59587" s="14" t="s">
        <v>323</v>
      </c>
      <c r="E59587" s="15">
        <v>45468</v>
      </c>
      <c r="F59587" s="14" t="s">
        <v>15</v>
      </c>
      <c r="G59587" s="16">
        <v>1.4465125189210972</v>
      </c>
    </row>
    <row r="59588" spans="1:7" x14ac:dyDescent="0.3">
      <c r="A59588" s="13" t="s">
        <v>322</v>
      </c>
      <c r="B59588" s="14" t="s">
        <v>1</v>
      </c>
      <c r="C59588" s="14" t="s">
        <v>23</v>
      </c>
      <c r="D59588" s="14" t="s">
        <v>323</v>
      </c>
      <c r="E59588" s="15">
        <v>45469</v>
      </c>
      <c r="F59588" s="14" t="s">
        <v>15</v>
      </c>
      <c r="G59588" s="16">
        <v>1.4615930996161168</v>
      </c>
    </row>
    <row r="59589" spans="1:7" x14ac:dyDescent="0.3">
      <c r="A59589" s="13" t="s">
        <v>322</v>
      </c>
      <c r="B59589" s="14" t="s">
        <v>1</v>
      </c>
      <c r="C59589" s="14" t="s">
        <v>23</v>
      </c>
      <c r="D59589" s="14" t="s">
        <v>323</v>
      </c>
      <c r="E59589" s="15">
        <v>45470</v>
      </c>
      <c r="F59589" s="14" t="s">
        <v>15</v>
      </c>
      <c r="G59589" s="16">
        <v>1.4776736803111363</v>
      </c>
    </row>
    <row r="59590" spans="1:7" x14ac:dyDescent="0.3">
      <c r="A59590" s="13" t="s">
        <v>322</v>
      </c>
      <c r="B59590" s="14" t="s">
        <v>1</v>
      </c>
      <c r="C59590" s="14" t="s">
        <v>23</v>
      </c>
      <c r="D59590" s="14" t="s">
        <v>323</v>
      </c>
      <c r="E59590" s="15">
        <v>45471</v>
      </c>
      <c r="F59590" s="14" t="s">
        <v>15</v>
      </c>
      <c r="G59590" s="16">
        <v>1.4937542610061558</v>
      </c>
    </row>
    <row r="59591" spans="1:7" x14ac:dyDescent="0.3">
      <c r="A59591" s="13" t="s">
        <v>322</v>
      </c>
      <c r="B59591" s="14" t="s">
        <v>1</v>
      </c>
      <c r="C59591" s="14" t="s">
        <v>23</v>
      </c>
      <c r="D59591" s="14" t="s">
        <v>323</v>
      </c>
      <c r="E59591" s="15">
        <v>45472</v>
      </c>
      <c r="F59591" s="14" t="s">
        <v>15</v>
      </c>
      <c r="G59591" s="16">
        <v>1.4937542610061558</v>
      </c>
    </row>
    <row r="59592" spans="1:7" x14ac:dyDescent="0.3">
      <c r="A59592" s="13" t="s">
        <v>322</v>
      </c>
      <c r="B59592" s="14" t="s">
        <v>1</v>
      </c>
      <c r="C59592" s="14" t="s">
        <v>23</v>
      </c>
      <c r="D59592" s="14" t="s">
        <v>323</v>
      </c>
      <c r="E59592" s="15">
        <v>45473</v>
      </c>
      <c r="F59592" s="14" t="s">
        <v>15</v>
      </c>
      <c r="G59592" s="16">
        <v>1.4937542610061558</v>
      </c>
    </row>
    <row r="59593" spans="1:7" x14ac:dyDescent="0.3">
      <c r="A59593" s="13" t="s">
        <v>322</v>
      </c>
      <c r="B59593" s="14" t="s">
        <v>1</v>
      </c>
      <c r="C59593" s="14" t="s">
        <v>23</v>
      </c>
      <c r="D59593" s="14" t="s">
        <v>323</v>
      </c>
      <c r="E59593" s="15">
        <v>45474</v>
      </c>
      <c r="F59593" s="14" t="s">
        <v>15</v>
      </c>
      <c r="G59593" s="16">
        <v>1.5098348417011755</v>
      </c>
    </row>
    <row r="59594" spans="1:7" x14ac:dyDescent="0.3">
      <c r="A59594" s="13" t="s">
        <v>322</v>
      </c>
      <c r="B59594" s="14" t="s">
        <v>1</v>
      </c>
      <c r="C59594" s="14" t="s">
        <v>23</v>
      </c>
      <c r="D59594" s="14" t="s">
        <v>323</v>
      </c>
      <c r="E59594" s="15">
        <v>45475</v>
      </c>
      <c r="F59594" s="14" t="s">
        <v>15</v>
      </c>
      <c r="G59594" s="16">
        <v>1.558915422396195</v>
      </c>
    </row>
    <row r="59595" spans="1:7" x14ac:dyDescent="0.3">
      <c r="A59595" s="13" t="s">
        <v>322</v>
      </c>
      <c r="B59595" s="14" t="s">
        <v>1</v>
      </c>
      <c r="C59595" s="14" t="s">
        <v>23</v>
      </c>
      <c r="D59595" s="14" t="s">
        <v>323</v>
      </c>
      <c r="E59595" s="15">
        <v>45476</v>
      </c>
      <c r="F59595" s="14" t="s">
        <v>15</v>
      </c>
      <c r="G59595" s="16">
        <v>1.5749960030912145</v>
      </c>
    </row>
    <row r="59596" spans="1:7" x14ac:dyDescent="0.3">
      <c r="A59596" s="13" t="s">
        <v>322</v>
      </c>
      <c r="B59596" s="14" t="s">
        <v>1</v>
      </c>
      <c r="C59596" s="14" t="s">
        <v>23</v>
      </c>
      <c r="D59596" s="14" t="s">
        <v>323</v>
      </c>
      <c r="E59596" s="15">
        <v>45477</v>
      </c>
      <c r="F59596" s="14" t="s">
        <v>15</v>
      </c>
      <c r="G59596" s="16">
        <v>1.5749960030912145</v>
      </c>
    </row>
    <row r="59597" spans="1:7" x14ac:dyDescent="0.3">
      <c r="A59597" s="13" t="s">
        <v>322</v>
      </c>
      <c r="B59597" s="14" t="s">
        <v>1</v>
      </c>
      <c r="C59597" s="14" t="s">
        <v>23</v>
      </c>
      <c r="D59597" s="14" t="s">
        <v>323</v>
      </c>
      <c r="E59597" s="15">
        <v>45478</v>
      </c>
      <c r="F59597" s="14" t="s">
        <v>15</v>
      </c>
      <c r="G59597" s="16">
        <v>1.5910765837862342</v>
      </c>
    </row>
    <row r="59598" spans="1:7" x14ac:dyDescent="0.3">
      <c r="A59598" s="13" t="s">
        <v>322</v>
      </c>
      <c r="B59598" s="14" t="s">
        <v>1</v>
      </c>
      <c r="C59598" s="14" t="s">
        <v>23</v>
      </c>
      <c r="D59598" s="14" t="s">
        <v>323</v>
      </c>
      <c r="E59598" s="15">
        <v>45479</v>
      </c>
      <c r="F59598" s="14" t="s">
        <v>15</v>
      </c>
      <c r="G59598" s="16">
        <v>1.5910765837862342</v>
      </c>
    </row>
    <row r="59599" spans="1:7" x14ac:dyDescent="0.3">
      <c r="A59599" s="13" t="s">
        <v>322</v>
      </c>
      <c r="B59599" s="14" t="s">
        <v>1</v>
      </c>
      <c r="C59599" s="14" t="s">
        <v>23</v>
      </c>
      <c r="D59599" s="14" t="s">
        <v>323</v>
      </c>
      <c r="E59599" s="15">
        <v>45480</v>
      </c>
      <c r="F59599" s="14" t="s">
        <v>15</v>
      </c>
      <c r="G59599" s="16">
        <v>1.5910765837862342</v>
      </c>
    </row>
    <row r="59600" spans="1:7" x14ac:dyDescent="0.3">
      <c r="A59600" s="13" t="s">
        <v>322</v>
      </c>
      <c r="B59600" s="14" t="s">
        <v>1</v>
      </c>
      <c r="C59600" s="14" t="s">
        <v>23</v>
      </c>
      <c r="D59600" s="14" t="s">
        <v>323</v>
      </c>
      <c r="E59600" s="15">
        <v>45481</v>
      </c>
      <c r="F59600" s="14" t="s">
        <v>15</v>
      </c>
      <c r="G59600" s="16">
        <v>1.6491571644812537</v>
      </c>
    </row>
    <row r="59601" spans="1:7" x14ac:dyDescent="0.3">
      <c r="A59601" s="13" t="s">
        <v>322</v>
      </c>
      <c r="B59601" s="14" t="s">
        <v>1</v>
      </c>
      <c r="C59601" s="14" t="s">
        <v>23</v>
      </c>
      <c r="D59601" s="14" t="s">
        <v>323</v>
      </c>
      <c r="E59601" s="15">
        <v>45482</v>
      </c>
      <c r="F59601" s="14" t="s">
        <v>15</v>
      </c>
      <c r="G59601" s="16">
        <v>1.6982377451762734</v>
      </c>
    </row>
    <row r="59602" spans="1:7" x14ac:dyDescent="0.3">
      <c r="A59602" s="13" t="s">
        <v>322</v>
      </c>
      <c r="B59602" s="14" t="s">
        <v>1</v>
      </c>
      <c r="C59602" s="14" t="s">
        <v>23</v>
      </c>
      <c r="D59602" s="14" t="s">
        <v>323</v>
      </c>
      <c r="E59602" s="15">
        <v>45483</v>
      </c>
      <c r="F59602" s="14" t="s">
        <v>15</v>
      </c>
      <c r="G59602" s="16">
        <v>1.7163183258712931</v>
      </c>
    </row>
    <row r="59603" spans="1:7" x14ac:dyDescent="0.3">
      <c r="A59603" s="13" t="s">
        <v>322</v>
      </c>
      <c r="B59603" s="14" t="s">
        <v>1</v>
      </c>
      <c r="C59603" s="14" t="s">
        <v>23</v>
      </c>
      <c r="D59603" s="14" t="s">
        <v>323</v>
      </c>
      <c r="E59603" s="15">
        <v>45484</v>
      </c>
      <c r="F59603" s="14" t="s">
        <v>15</v>
      </c>
      <c r="G59603" s="16">
        <v>1.7333989065663125</v>
      </c>
    </row>
    <row r="59604" spans="1:7" x14ac:dyDescent="0.3">
      <c r="A59604" s="13" t="s">
        <v>322</v>
      </c>
      <c r="B59604" s="14" t="s">
        <v>1</v>
      </c>
      <c r="C59604" s="14" t="s">
        <v>23</v>
      </c>
      <c r="D59604" s="14" t="s">
        <v>323</v>
      </c>
      <c r="E59604" s="15">
        <v>45485</v>
      </c>
      <c r="F59604" s="14" t="s">
        <v>15</v>
      </c>
      <c r="G59604" s="16">
        <v>1.7504794872613321</v>
      </c>
    </row>
    <row r="59605" spans="1:7" x14ac:dyDescent="0.3">
      <c r="A59605" s="13" t="s">
        <v>322</v>
      </c>
      <c r="B59605" s="14" t="s">
        <v>1</v>
      </c>
      <c r="C59605" s="14" t="s">
        <v>23</v>
      </c>
      <c r="D59605" s="14" t="s">
        <v>323</v>
      </c>
      <c r="E59605" s="15">
        <v>45486</v>
      </c>
      <c r="F59605" s="14" t="s">
        <v>15</v>
      </c>
      <c r="G59605" s="16">
        <v>1.7504794872613321</v>
      </c>
    </row>
    <row r="59606" spans="1:7" x14ac:dyDescent="0.3">
      <c r="A59606" s="13" t="s">
        <v>322</v>
      </c>
      <c r="B59606" s="14" t="s">
        <v>1</v>
      </c>
      <c r="C59606" s="14" t="s">
        <v>23</v>
      </c>
      <c r="D59606" s="14" t="s">
        <v>323</v>
      </c>
      <c r="E59606" s="15">
        <v>45487</v>
      </c>
      <c r="F59606" s="14" t="s">
        <v>15</v>
      </c>
      <c r="G59606" s="16">
        <v>1.7504794872613321</v>
      </c>
    </row>
    <row r="59607" spans="1:7" x14ac:dyDescent="0.3">
      <c r="A59607" s="13" t="s">
        <v>322</v>
      </c>
      <c r="B59607" s="14" t="s">
        <v>1</v>
      </c>
      <c r="C59607" s="14" t="s">
        <v>23</v>
      </c>
      <c r="D59607" s="14" t="s">
        <v>323</v>
      </c>
      <c r="E59607" s="15">
        <v>45488</v>
      </c>
      <c r="F59607" s="14" t="s">
        <v>15</v>
      </c>
      <c r="G59607" s="16">
        <v>1.7665600679563518</v>
      </c>
    </row>
    <row r="59608" spans="1:7" x14ac:dyDescent="0.3">
      <c r="A59608" s="13" t="s">
        <v>322</v>
      </c>
      <c r="B59608" s="14" t="s">
        <v>1</v>
      </c>
      <c r="C59608" s="14" t="s">
        <v>23</v>
      </c>
      <c r="D59608" s="14" t="s">
        <v>323</v>
      </c>
      <c r="E59608" s="15">
        <v>45489</v>
      </c>
      <c r="F59608" s="14" t="s">
        <v>15</v>
      </c>
      <c r="G59608" s="16">
        <v>1.8146406486513715</v>
      </c>
    </row>
    <row r="59609" spans="1:7" x14ac:dyDescent="0.3">
      <c r="A59609" s="13" t="s">
        <v>322</v>
      </c>
      <c r="B59609" s="14" t="s">
        <v>1</v>
      </c>
      <c r="C59609" s="14" t="s">
        <v>23</v>
      </c>
      <c r="D59609" s="14" t="s">
        <v>323</v>
      </c>
      <c r="E59609" s="15">
        <v>45490</v>
      </c>
      <c r="F59609" s="14" t="s">
        <v>15</v>
      </c>
      <c r="G59609" s="16">
        <v>1.8307212293463913</v>
      </c>
    </row>
    <row r="59610" spans="1:7" x14ac:dyDescent="0.3">
      <c r="A59610" s="13" t="s">
        <v>322</v>
      </c>
      <c r="B59610" s="14" t="s">
        <v>1</v>
      </c>
      <c r="C59610" s="14" t="s">
        <v>23</v>
      </c>
      <c r="D59610" s="14" t="s">
        <v>323</v>
      </c>
      <c r="E59610" s="15">
        <v>45491</v>
      </c>
      <c r="F59610" s="14" t="s">
        <v>15</v>
      </c>
      <c r="G59610" s="16">
        <v>1.846801810041411</v>
      </c>
    </row>
    <row r="59611" spans="1:7" x14ac:dyDescent="0.3">
      <c r="A59611" s="13" t="s">
        <v>322</v>
      </c>
      <c r="B59611" s="14" t="s">
        <v>1</v>
      </c>
      <c r="C59611" s="14" t="s">
        <v>23</v>
      </c>
      <c r="D59611" s="14" t="s">
        <v>323</v>
      </c>
      <c r="E59611" s="15">
        <v>45492</v>
      </c>
      <c r="F59611" s="14" t="s">
        <v>15</v>
      </c>
      <c r="G59611" s="16">
        <v>1.8628823907364307</v>
      </c>
    </row>
    <row r="59612" spans="1:7" x14ac:dyDescent="0.3">
      <c r="A59612" s="13" t="s">
        <v>322</v>
      </c>
      <c r="B59612" s="14" t="s">
        <v>1</v>
      </c>
      <c r="C59612" s="14" t="s">
        <v>23</v>
      </c>
      <c r="D59612" s="14" t="s">
        <v>323</v>
      </c>
      <c r="E59612" s="15">
        <v>45493</v>
      </c>
      <c r="F59612" s="14" t="s">
        <v>15</v>
      </c>
      <c r="G59612" s="16">
        <v>1.8628823907364307</v>
      </c>
    </row>
    <row r="59613" spans="1:7" x14ac:dyDescent="0.3">
      <c r="A59613" s="13" t="s">
        <v>322</v>
      </c>
      <c r="B59613" s="14" t="s">
        <v>1</v>
      </c>
      <c r="C59613" s="14" t="s">
        <v>23</v>
      </c>
      <c r="D59613" s="14" t="s">
        <v>323</v>
      </c>
      <c r="E59613" s="15">
        <v>45494</v>
      </c>
      <c r="F59613" s="14" t="s">
        <v>15</v>
      </c>
      <c r="G59613" s="16">
        <v>1.8628823907364307</v>
      </c>
    </row>
    <row r="59614" spans="1:7" x14ac:dyDescent="0.3">
      <c r="A59614" s="13" t="s">
        <v>322</v>
      </c>
      <c r="B59614" s="14" t="s">
        <v>1</v>
      </c>
      <c r="C59614" s="14" t="s">
        <v>23</v>
      </c>
      <c r="D59614" s="14" t="s">
        <v>323</v>
      </c>
      <c r="E59614" s="15">
        <v>45495</v>
      </c>
      <c r="F59614" s="14" t="s">
        <v>15</v>
      </c>
      <c r="G59614" s="16">
        <v>1.8789629714314504</v>
      </c>
    </row>
    <row r="59615" spans="1:7" x14ac:dyDescent="0.3">
      <c r="A59615" s="13" t="s">
        <v>322</v>
      </c>
      <c r="B59615" s="14" t="s">
        <v>1</v>
      </c>
      <c r="C59615" s="14" t="s">
        <v>23</v>
      </c>
      <c r="D59615" s="14" t="s">
        <v>323</v>
      </c>
      <c r="E59615" s="15">
        <v>45496</v>
      </c>
      <c r="F59615" s="14" t="s">
        <v>15</v>
      </c>
      <c r="G59615" s="16">
        <v>1.92604355212647</v>
      </c>
    </row>
    <row r="59616" spans="1:7" x14ac:dyDescent="0.3">
      <c r="A59616" s="13" t="s">
        <v>322</v>
      </c>
      <c r="B59616" s="14" t="s">
        <v>1</v>
      </c>
      <c r="C59616" s="14" t="s">
        <v>23</v>
      </c>
      <c r="D59616" s="14" t="s">
        <v>323</v>
      </c>
      <c r="E59616" s="15">
        <v>45497</v>
      </c>
      <c r="F59616" s="14" t="s">
        <v>15</v>
      </c>
      <c r="G59616" s="16">
        <v>1.9441241328214898</v>
      </c>
    </row>
    <row r="59617" spans="1:7" x14ac:dyDescent="0.3">
      <c r="A59617" s="13" t="s">
        <v>322</v>
      </c>
      <c r="B59617" s="14" t="s">
        <v>1</v>
      </c>
      <c r="C59617" s="14" t="s">
        <v>23</v>
      </c>
      <c r="D59617" s="14" t="s">
        <v>323</v>
      </c>
      <c r="E59617" s="15">
        <v>45498</v>
      </c>
      <c r="F59617" s="14" t="s">
        <v>15</v>
      </c>
      <c r="G59617" s="16">
        <v>1.9602047135165095</v>
      </c>
    </row>
    <row r="59618" spans="1:7" x14ac:dyDescent="0.3">
      <c r="A59618" s="13" t="s">
        <v>322</v>
      </c>
      <c r="B59618" s="14" t="s">
        <v>1</v>
      </c>
      <c r="C59618" s="14" t="s">
        <v>23</v>
      </c>
      <c r="D59618" s="14" t="s">
        <v>323</v>
      </c>
      <c r="E59618" s="15">
        <v>45499</v>
      </c>
      <c r="F59618" s="14" t="s">
        <v>15</v>
      </c>
      <c r="G59618" s="16">
        <v>1.9762852942115292</v>
      </c>
    </row>
    <row r="59619" spans="1:7" x14ac:dyDescent="0.3">
      <c r="A59619" s="13" t="s">
        <v>322</v>
      </c>
      <c r="B59619" s="14" t="s">
        <v>1</v>
      </c>
      <c r="C59619" s="14" t="s">
        <v>23</v>
      </c>
      <c r="D59619" s="14" t="s">
        <v>323</v>
      </c>
      <c r="E59619" s="15">
        <v>45500</v>
      </c>
      <c r="F59619" s="14" t="s">
        <v>15</v>
      </c>
      <c r="G59619" s="16">
        <v>1.9762852942115292</v>
      </c>
    </row>
    <row r="59620" spans="1:7" x14ac:dyDescent="0.3">
      <c r="A59620" s="13" t="s">
        <v>322</v>
      </c>
      <c r="B59620" s="14" t="s">
        <v>1</v>
      </c>
      <c r="C59620" s="14" t="s">
        <v>23</v>
      </c>
      <c r="D59620" s="14" t="s">
        <v>323</v>
      </c>
      <c r="E59620" s="15">
        <v>45501</v>
      </c>
      <c r="F59620" s="14" t="s">
        <v>15</v>
      </c>
      <c r="G59620" s="16">
        <v>1.9762852942115292</v>
      </c>
    </row>
    <row r="59621" spans="1:7" x14ac:dyDescent="0.3">
      <c r="A59621" s="13" t="s">
        <v>322</v>
      </c>
      <c r="B59621" s="14" t="s">
        <v>1</v>
      </c>
      <c r="C59621" s="14" t="s">
        <v>23</v>
      </c>
      <c r="D59621" s="14" t="s">
        <v>323</v>
      </c>
      <c r="E59621" s="15">
        <v>45502</v>
      </c>
      <c r="F59621" s="14" t="s">
        <v>15</v>
      </c>
      <c r="G59621" s="16">
        <v>1.9923658749065489</v>
      </c>
    </row>
    <row r="59622" spans="1:7" x14ac:dyDescent="0.3">
      <c r="A59622" s="13" t="s">
        <v>322</v>
      </c>
      <c r="B59622" s="14" t="s">
        <v>1</v>
      </c>
      <c r="C59622" s="14" t="s">
        <v>23</v>
      </c>
      <c r="D59622" s="14" t="s">
        <v>323</v>
      </c>
      <c r="E59622" s="15">
        <v>45503</v>
      </c>
      <c r="F59622" s="14" t="s">
        <v>15</v>
      </c>
      <c r="G59622" s="16">
        <v>2.0374464556015686</v>
      </c>
    </row>
    <row r="59623" spans="1:7" x14ac:dyDescent="0.3">
      <c r="A59623" s="13" t="s">
        <v>322</v>
      </c>
      <c r="B59623" s="14" t="s">
        <v>1</v>
      </c>
      <c r="C59623" s="14" t="s">
        <v>23</v>
      </c>
      <c r="D59623" s="14" t="s">
        <v>323</v>
      </c>
      <c r="E59623" s="15">
        <v>45504</v>
      </c>
      <c r="F59623" s="14" t="s">
        <v>15</v>
      </c>
      <c r="G59623" s="16">
        <v>2.0545270362965882</v>
      </c>
    </row>
    <row r="59624" spans="1:7" x14ac:dyDescent="0.3">
      <c r="A59624" s="13" t="s">
        <v>322</v>
      </c>
      <c r="B59624" s="14" t="s">
        <v>1</v>
      </c>
      <c r="C59624" s="14" t="s">
        <v>23</v>
      </c>
      <c r="D59624" s="14" t="s">
        <v>323</v>
      </c>
      <c r="E59624" s="15">
        <v>45505</v>
      </c>
      <c r="F59624" s="14" t="s">
        <v>15</v>
      </c>
      <c r="G59624" s="16">
        <v>2.0616076169916076</v>
      </c>
    </row>
    <row r="59625" spans="1:7" x14ac:dyDescent="0.3">
      <c r="A59625" s="13" t="s">
        <v>322</v>
      </c>
      <c r="B59625" s="14" t="s">
        <v>1</v>
      </c>
      <c r="C59625" s="14" t="s">
        <v>23</v>
      </c>
      <c r="D59625" s="14" t="s">
        <v>323</v>
      </c>
      <c r="E59625" s="15">
        <v>45506</v>
      </c>
      <c r="F59625" s="14" t="s">
        <v>15</v>
      </c>
      <c r="G59625" s="16">
        <v>2.0696881976866273</v>
      </c>
    </row>
    <row r="59626" spans="1:7" x14ac:dyDescent="0.3">
      <c r="A59626" s="13" t="s">
        <v>322</v>
      </c>
      <c r="B59626" s="14" t="s">
        <v>1</v>
      </c>
      <c r="C59626" s="14" t="s">
        <v>23</v>
      </c>
      <c r="D59626" s="14" t="s">
        <v>323</v>
      </c>
      <c r="E59626" s="15">
        <v>45507</v>
      </c>
      <c r="F59626" s="14" t="s">
        <v>15</v>
      </c>
      <c r="G59626" s="16">
        <v>2.0696881976866273</v>
      </c>
    </row>
    <row r="59627" spans="1:7" x14ac:dyDescent="0.3">
      <c r="A59627" s="13" t="s">
        <v>322</v>
      </c>
      <c r="B59627" s="14" t="s">
        <v>1</v>
      </c>
      <c r="C59627" s="14" t="s">
        <v>23</v>
      </c>
      <c r="D59627" s="14" t="s">
        <v>323</v>
      </c>
      <c r="E59627" s="15">
        <v>45508</v>
      </c>
      <c r="F59627" s="14" t="s">
        <v>15</v>
      </c>
      <c r="G59627" s="16">
        <v>2.0696881976866273</v>
      </c>
    </row>
    <row r="59628" spans="1:7" x14ac:dyDescent="0.3">
      <c r="A59628" s="13" t="s">
        <v>322</v>
      </c>
      <c r="B59628" s="14" t="s">
        <v>1</v>
      </c>
      <c r="C59628" s="14" t="s">
        <v>23</v>
      </c>
      <c r="D59628" s="14" t="s">
        <v>323</v>
      </c>
      <c r="E59628" s="15">
        <v>45509</v>
      </c>
      <c r="F59628" s="14" t="s">
        <v>15</v>
      </c>
      <c r="G59628" s="16">
        <v>2.0696881976866273</v>
      </c>
    </row>
    <row r="59629" spans="1:7" x14ac:dyDescent="0.3">
      <c r="A59629" s="13" t="s">
        <v>322</v>
      </c>
      <c r="B59629" s="14" t="s">
        <v>1</v>
      </c>
      <c r="C59629" s="14" t="s">
        <v>23</v>
      </c>
      <c r="D59629" s="14" t="s">
        <v>323</v>
      </c>
      <c r="E59629" s="15">
        <v>45510</v>
      </c>
      <c r="F59629" s="14" t="s">
        <v>15</v>
      </c>
      <c r="G59629" s="16">
        <v>2.0847687783816466</v>
      </c>
    </row>
    <row r="59630" spans="1:7" x14ac:dyDescent="0.3">
      <c r="A59630" s="13" t="s">
        <v>322</v>
      </c>
      <c r="B59630" s="14" t="s">
        <v>1</v>
      </c>
      <c r="C59630" s="14" t="s">
        <v>23</v>
      </c>
      <c r="D59630" s="14" t="s">
        <v>323</v>
      </c>
      <c r="E59630" s="15">
        <v>45511</v>
      </c>
      <c r="F59630" s="14" t="s">
        <v>15</v>
      </c>
      <c r="G59630" s="16">
        <v>2.1608493590766664</v>
      </c>
    </row>
    <row r="59631" spans="1:7" x14ac:dyDescent="0.3">
      <c r="A59631" s="13" t="s">
        <v>322</v>
      </c>
      <c r="B59631" s="14" t="s">
        <v>1</v>
      </c>
      <c r="C59631" s="14" t="s">
        <v>23</v>
      </c>
      <c r="D59631" s="14" t="s">
        <v>323</v>
      </c>
      <c r="E59631" s="15">
        <v>45512</v>
      </c>
      <c r="F59631" s="14" t="s">
        <v>15</v>
      </c>
      <c r="G59631" s="16">
        <v>2.1709299397716859</v>
      </c>
    </row>
    <row r="59632" spans="1:7" x14ac:dyDescent="0.3">
      <c r="A59632" s="13" t="s">
        <v>322</v>
      </c>
      <c r="B59632" s="14" t="s">
        <v>1</v>
      </c>
      <c r="C59632" s="14" t="s">
        <v>23</v>
      </c>
      <c r="D59632" s="14" t="s">
        <v>323</v>
      </c>
      <c r="E59632" s="15">
        <v>45513</v>
      </c>
      <c r="F59632" s="14" t="s">
        <v>15</v>
      </c>
      <c r="G59632" s="16">
        <v>2.1860105204667053</v>
      </c>
    </row>
    <row r="59633" spans="1:7" x14ac:dyDescent="0.3">
      <c r="A59633" s="13" t="s">
        <v>322</v>
      </c>
      <c r="B59633" s="14" t="s">
        <v>1</v>
      </c>
      <c r="C59633" s="14" t="s">
        <v>23</v>
      </c>
      <c r="D59633" s="14" t="s">
        <v>323</v>
      </c>
      <c r="E59633" s="15">
        <v>45514</v>
      </c>
      <c r="F59633" s="14" t="s">
        <v>15</v>
      </c>
      <c r="G59633" s="16">
        <v>2.1860105204667053</v>
      </c>
    </row>
    <row r="59634" spans="1:7" x14ac:dyDescent="0.3">
      <c r="A59634" s="13" t="s">
        <v>322</v>
      </c>
      <c r="B59634" s="14" t="s">
        <v>1</v>
      </c>
      <c r="C59634" s="14" t="s">
        <v>23</v>
      </c>
      <c r="D59634" s="14" t="s">
        <v>323</v>
      </c>
      <c r="E59634" s="15">
        <v>45515</v>
      </c>
      <c r="F59634" s="14" t="s">
        <v>15</v>
      </c>
      <c r="G59634" s="16">
        <v>2.1860105204667053</v>
      </c>
    </row>
    <row r="59635" spans="1:7" x14ac:dyDescent="0.3">
      <c r="A59635" s="13" t="s">
        <v>322</v>
      </c>
      <c r="B59635" s="14" t="s">
        <v>1</v>
      </c>
      <c r="C59635" s="14" t="s">
        <v>23</v>
      </c>
      <c r="D59635" s="14" t="s">
        <v>323</v>
      </c>
      <c r="E59635" s="15">
        <v>45516</v>
      </c>
      <c r="F59635" s="14" t="s">
        <v>15</v>
      </c>
      <c r="G59635" s="16">
        <v>2.202091101161725</v>
      </c>
    </row>
    <row r="59636" spans="1:7" x14ac:dyDescent="0.3">
      <c r="A59636" s="13" t="s">
        <v>322</v>
      </c>
      <c r="B59636" s="14" t="s">
        <v>1</v>
      </c>
      <c r="C59636" s="14" t="s">
        <v>23</v>
      </c>
      <c r="D59636" s="14" t="s">
        <v>323</v>
      </c>
      <c r="E59636" s="15">
        <v>45517</v>
      </c>
      <c r="F59636" s="14" t="s">
        <v>15</v>
      </c>
      <c r="G59636" s="16">
        <v>2.2471716818567447</v>
      </c>
    </row>
    <row r="59637" spans="1:7" x14ac:dyDescent="0.3">
      <c r="A59637" s="13" t="s">
        <v>322</v>
      </c>
      <c r="B59637" s="14" t="s">
        <v>1</v>
      </c>
      <c r="C59637" s="14" t="s">
        <v>23</v>
      </c>
      <c r="D59637" s="14" t="s">
        <v>323</v>
      </c>
      <c r="E59637" s="15">
        <v>45518</v>
      </c>
      <c r="F59637" s="14" t="s">
        <v>15</v>
      </c>
      <c r="G59637" s="16">
        <v>2.2632522625517644</v>
      </c>
    </row>
    <row r="59638" spans="1:7" x14ac:dyDescent="0.3">
      <c r="A59638" s="13" t="s">
        <v>322</v>
      </c>
      <c r="B59638" s="14" t="s">
        <v>1</v>
      </c>
      <c r="C59638" s="14" t="s">
        <v>23</v>
      </c>
      <c r="D59638" s="14" t="s">
        <v>323</v>
      </c>
      <c r="E59638" s="15">
        <v>45519</v>
      </c>
      <c r="F59638" s="14" t="s">
        <v>15</v>
      </c>
      <c r="G59638" s="16">
        <v>2.2733328432467839</v>
      </c>
    </row>
    <row r="59639" spans="1:7" x14ac:dyDescent="0.3">
      <c r="A59639" s="13" t="s">
        <v>322</v>
      </c>
      <c r="B59639" s="14" t="s">
        <v>1</v>
      </c>
      <c r="C59639" s="14" t="s">
        <v>23</v>
      </c>
      <c r="D59639" s="14" t="s">
        <v>323</v>
      </c>
      <c r="E59639" s="15">
        <v>45520</v>
      </c>
      <c r="F59639" s="14" t="s">
        <v>15</v>
      </c>
      <c r="G59639" s="16">
        <v>2.2894134239418036</v>
      </c>
    </row>
    <row r="59640" spans="1:7" x14ac:dyDescent="0.3">
      <c r="A59640" s="13" t="s">
        <v>322</v>
      </c>
      <c r="B59640" s="14" t="s">
        <v>1</v>
      </c>
      <c r="C59640" s="14" t="s">
        <v>23</v>
      </c>
      <c r="D59640" s="14" t="s">
        <v>323</v>
      </c>
      <c r="E59640" s="15">
        <v>45521</v>
      </c>
      <c r="F59640" s="14" t="s">
        <v>15</v>
      </c>
      <c r="G59640" s="16">
        <v>2.2894134239418036</v>
      </c>
    </row>
    <row r="59641" spans="1:7" x14ac:dyDescent="0.3">
      <c r="A59641" s="13" t="s">
        <v>322</v>
      </c>
      <c r="B59641" s="14" t="s">
        <v>1</v>
      </c>
      <c r="C59641" s="14" t="s">
        <v>23</v>
      </c>
      <c r="D59641" s="14" t="s">
        <v>323</v>
      </c>
      <c r="E59641" s="15">
        <v>45522</v>
      </c>
      <c r="F59641" s="14" t="s">
        <v>15</v>
      </c>
      <c r="G59641" s="16">
        <v>2.2894134239418036</v>
      </c>
    </row>
    <row r="59642" spans="1:7" x14ac:dyDescent="0.3">
      <c r="A59642" s="13" t="s">
        <v>322</v>
      </c>
      <c r="B59642" s="14" t="s">
        <v>1</v>
      </c>
      <c r="C59642" s="14" t="s">
        <v>23</v>
      </c>
      <c r="D59642" s="14" t="s">
        <v>323</v>
      </c>
      <c r="E59642" s="15">
        <v>45523</v>
      </c>
      <c r="F59642" s="14" t="s">
        <v>15</v>
      </c>
      <c r="G59642" s="16">
        <v>2.3054940046368233</v>
      </c>
    </row>
    <row r="59643" spans="1:7" x14ac:dyDescent="0.3">
      <c r="A59643" s="13" t="s">
        <v>322</v>
      </c>
      <c r="B59643" s="14" t="s">
        <v>1</v>
      </c>
      <c r="C59643" s="14" t="s">
        <v>23</v>
      </c>
      <c r="D59643" s="14" t="s">
        <v>323</v>
      </c>
      <c r="E59643" s="15">
        <v>45524</v>
      </c>
      <c r="F59643" s="14" t="s">
        <v>15</v>
      </c>
      <c r="G59643" s="16">
        <v>2.3515745853318428</v>
      </c>
    </row>
    <row r="59644" spans="1:7" x14ac:dyDescent="0.3">
      <c r="A59644" s="13" t="s">
        <v>322</v>
      </c>
      <c r="B59644" s="14" t="s">
        <v>1</v>
      </c>
      <c r="C59644" s="14" t="s">
        <v>23</v>
      </c>
      <c r="D59644" s="14" t="s">
        <v>323</v>
      </c>
      <c r="E59644" s="15">
        <v>45525</v>
      </c>
      <c r="F59644" s="14" t="s">
        <v>15</v>
      </c>
      <c r="G59644" s="16">
        <v>2.3636551660268621</v>
      </c>
    </row>
    <row r="59645" spans="1:7" x14ac:dyDescent="0.3">
      <c r="A59645" s="13" t="s">
        <v>322</v>
      </c>
      <c r="B59645" s="14" t="s">
        <v>1</v>
      </c>
      <c r="C59645" s="14" t="s">
        <v>23</v>
      </c>
      <c r="D59645" s="14" t="s">
        <v>323</v>
      </c>
      <c r="E59645" s="15">
        <v>45526</v>
      </c>
      <c r="F59645" s="14" t="s">
        <v>15</v>
      </c>
      <c r="G59645" s="16">
        <v>2.3797357467218818</v>
      </c>
    </row>
    <row r="59646" spans="1:7" x14ac:dyDescent="0.3">
      <c r="A59646" s="13" t="s">
        <v>322</v>
      </c>
      <c r="B59646" s="14" t="s">
        <v>1</v>
      </c>
      <c r="C59646" s="14" t="s">
        <v>23</v>
      </c>
      <c r="D59646" s="14" t="s">
        <v>323</v>
      </c>
      <c r="E59646" s="15">
        <v>45527</v>
      </c>
      <c r="F59646" s="14" t="s">
        <v>15</v>
      </c>
      <c r="G59646" s="16">
        <v>2.3958163274169015</v>
      </c>
    </row>
    <row r="59647" spans="1:7" x14ac:dyDescent="0.3">
      <c r="A59647" s="13" t="s">
        <v>322</v>
      </c>
      <c r="B59647" s="14" t="s">
        <v>1</v>
      </c>
      <c r="C59647" s="14" t="s">
        <v>23</v>
      </c>
      <c r="D59647" s="14" t="s">
        <v>323</v>
      </c>
      <c r="E59647" s="15">
        <v>45528</v>
      </c>
      <c r="F59647" s="14" t="s">
        <v>15</v>
      </c>
      <c r="G59647" s="16">
        <v>2.3958163274169015</v>
      </c>
    </row>
    <row r="59648" spans="1:7" x14ac:dyDescent="0.3">
      <c r="A59648" s="13" t="s">
        <v>322</v>
      </c>
      <c r="B59648" s="14" t="s">
        <v>1</v>
      </c>
      <c r="C59648" s="14" t="s">
        <v>23</v>
      </c>
      <c r="D59648" s="14" t="s">
        <v>323</v>
      </c>
      <c r="E59648" s="15">
        <v>45529</v>
      </c>
      <c r="F59648" s="14" t="s">
        <v>15</v>
      </c>
      <c r="G59648" s="16">
        <v>2.3958163274169015</v>
      </c>
    </row>
    <row r="59649" spans="1:7" x14ac:dyDescent="0.3">
      <c r="A59649" s="13" t="s">
        <v>322</v>
      </c>
      <c r="B59649" s="14" t="s">
        <v>1</v>
      </c>
      <c r="C59649" s="14" t="s">
        <v>23</v>
      </c>
      <c r="D59649" s="14" t="s">
        <v>323</v>
      </c>
      <c r="E59649" s="15">
        <v>45530</v>
      </c>
      <c r="F59649" s="14" t="s">
        <v>15</v>
      </c>
      <c r="G59649" s="16">
        <v>2.4118969081119213</v>
      </c>
    </row>
    <row r="59650" spans="1:7" x14ac:dyDescent="0.3">
      <c r="A59650" s="13" t="s">
        <v>322</v>
      </c>
      <c r="B59650" s="14" t="s">
        <v>1</v>
      </c>
      <c r="C59650" s="14" t="s">
        <v>23</v>
      </c>
      <c r="D59650" s="14" t="s">
        <v>323</v>
      </c>
      <c r="E59650" s="15">
        <v>45531</v>
      </c>
      <c r="F59650" s="14" t="s">
        <v>15</v>
      </c>
      <c r="G59650" s="16">
        <v>2.4579774888069408</v>
      </c>
    </row>
    <row r="59651" spans="1:7" x14ac:dyDescent="0.3">
      <c r="A59651" s="13" t="s">
        <v>322</v>
      </c>
      <c r="B59651" s="14" t="s">
        <v>1</v>
      </c>
      <c r="C59651" s="14" t="s">
        <v>23</v>
      </c>
      <c r="D59651" s="14" t="s">
        <v>323</v>
      </c>
      <c r="E59651" s="15">
        <v>45532</v>
      </c>
      <c r="F59651" s="14" t="s">
        <v>15</v>
      </c>
      <c r="G59651" s="16">
        <v>2.4750580695019604</v>
      </c>
    </row>
    <row r="59652" spans="1:7" x14ac:dyDescent="0.3">
      <c r="A59652" s="13" t="s">
        <v>322</v>
      </c>
      <c r="B59652" s="14" t="s">
        <v>1</v>
      </c>
      <c r="C59652" s="14" t="s">
        <v>23</v>
      </c>
      <c r="D59652" s="14" t="s">
        <v>323</v>
      </c>
      <c r="E59652" s="15">
        <v>45533</v>
      </c>
      <c r="F59652" s="14" t="s">
        <v>15</v>
      </c>
      <c r="G59652" s="16">
        <v>2.4901386501969798</v>
      </c>
    </row>
    <row r="59653" spans="1:7" x14ac:dyDescent="0.3">
      <c r="A59653" s="13" t="s">
        <v>322</v>
      </c>
      <c r="B59653" s="14" t="s">
        <v>1</v>
      </c>
      <c r="C59653" s="14" t="s">
        <v>23</v>
      </c>
      <c r="D59653" s="14" t="s">
        <v>323</v>
      </c>
      <c r="E59653" s="15">
        <v>45534</v>
      </c>
      <c r="F59653" s="14" t="s">
        <v>15</v>
      </c>
      <c r="G59653" s="16">
        <v>2.5062192308919995</v>
      </c>
    </row>
    <row r="59654" spans="1:7" x14ac:dyDescent="0.3">
      <c r="A59654" s="13" t="s">
        <v>322</v>
      </c>
      <c r="B59654" s="14" t="s">
        <v>1</v>
      </c>
      <c r="C59654" s="14" t="s">
        <v>23</v>
      </c>
      <c r="D59654" s="14" t="s">
        <v>323</v>
      </c>
      <c r="E59654" s="15">
        <v>45535</v>
      </c>
      <c r="F59654" s="14" t="s">
        <v>15</v>
      </c>
      <c r="G59654" s="16">
        <v>2.5062192308919995</v>
      </c>
    </row>
    <row r="59655" spans="1:7" x14ac:dyDescent="0.3">
      <c r="A59655" s="13" t="s">
        <v>322</v>
      </c>
      <c r="B59655" s="14" t="s">
        <v>1</v>
      </c>
      <c r="C59655" s="14" t="s">
        <v>23</v>
      </c>
      <c r="D59655" s="14" t="s">
        <v>323</v>
      </c>
      <c r="E59655" s="15">
        <v>45536</v>
      </c>
      <c r="F59655" s="14" t="s">
        <v>15</v>
      </c>
      <c r="G59655" s="16">
        <v>2.5062192308919995</v>
      </c>
    </row>
    <row r="59656" spans="1:7" x14ac:dyDescent="0.3">
      <c r="A59656" s="13" t="s">
        <v>322</v>
      </c>
      <c r="B59656" s="14" t="s">
        <v>1</v>
      </c>
      <c r="C59656" s="14" t="s">
        <v>23</v>
      </c>
      <c r="D59656" s="14" t="s">
        <v>323</v>
      </c>
      <c r="E59656" s="15">
        <v>45537</v>
      </c>
      <c r="F59656" s="14" t="s">
        <v>15</v>
      </c>
      <c r="G59656" s="16">
        <v>2.5062192308919995</v>
      </c>
    </row>
    <row r="59657" spans="1:7" x14ac:dyDescent="0.3">
      <c r="A59657" s="13" t="s">
        <v>322</v>
      </c>
      <c r="B59657" s="14" t="s">
        <v>1</v>
      </c>
      <c r="C59657" s="14" t="s">
        <v>23</v>
      </c>
      <c r="D59657" s="14" t="s">
        <v>323</v>
      </c>
      <c r="E59657" s="15">
        <v>45538</v>
      </c>
      <c r="F59657" s="14" t="s">
        <v>15</v>
      </c>
      <c r="G59657" s="16">
        <v>2.5222998115870192</v>
      </c>
    </row>
    <row r="59658" spans="1:7" x14ac:dyDescent="0.3">
      <c r="A59658" s="13" t="s">
        <v>322</v>
      </c>
      <c r="B59658" s="14" t="s">
        <v>1</v>
      </c>
      <c r="C59658" s="14" t="s">
        <v>23</v>
      </c>
      <c r="D59658" s="14" t="s">
        <v>323</v>
      </c>
      <c r="E59658" s="15">
        <v>45539</v>
      </c>
      <c r="F59658" s="14" t="s">
        <v>15</v>
      </c>
      <c r="G59658" s="16">
        <v>2.574380392282039</v>
      </c>
    </row>
    <row r="59659" spans="1:7" x14ac:dyDescent="0.3">
      <c r="A59659" s="13" t="s">
        <v>322</v>
      </c>
      <c r="B59659" s="14" t="s">
        <v>1</v>
      </c>
      <c r="C59659" s="14" t="s">
        <v>23</v>
      </c>
      <c r="D59659" s="14" t="s">
        <v>323</v>
      </c>
      <c r="E59659" s="15">
        <v>45540</v>
      </c>
      <c r="F59659" s="14" t="s">
        <v>15</v>
      </c>
      <c r="G59659" s="16">
        <v>2.5904609729770587</v>
      </c>
    </row>
    <row r="59660" spans="1:7" x14ac:dyDescent="0.3">
      <c r="A59660" s="13" t="s">
        <v>322</v>
      </c>
      <c r="B59660" s="14" t="s">
        <v>1</v>
      </c>
      <c r="C59660" s="14" t="s">
        <v>23</v>
      </c>
      <c r="D59660" s="14" t="s">
        <v>323</v>
      </c>
      <c r="E59660" s="15">
        <v>45541</v>
      </c>
      <c r="F59660" s="14" t="s">
        <v>15</v>
      </c>
      <c r="G59660" s="16">
        <v>2.6075415536720783</v>
      </c>
    </row>
    <row r="59661" spans="1:7" x14ac:dyDescent="0.3">
      <c r="A59661" s="13" t="s">
        <v>322</v>
      </c>
      <c r="B59661" s="14" t="s">
        <v>1</v>
      </c>
      <c r="C59661" s="14" t="s">
        <v>23</v>
      </c>
      <c r="D59661" s="14" t="s">
        <v>323</v>
      </c>
      <c r="E59661" s="15">
        <v>45542</v>
      </c>
      <c r="F59661" s="14" t="s">
        <v>15</v>
      </c>
      <c r="G59661" s="16">
        <v>2.6075415536720783</v>
      </c>
    </row>
    <row r="59662" spans="1:7" x14ac:dyDescent="0.3">
      <c r="A59662" s="13" t="s">
        <v>322</v>
      </c>
      <c r="B59662" s="14" t="s">
        <v>1</v>
      </c>
      <c r="C59662" s="14" t="s">
        <v>23</v>
      </c>
      <c r="D59662" s="14" t="s">
        <v>323</v>
      </c>
      <c r="E59662" s="15">
        <v>45543</v>
      </c>
      <c r="F59662" s="14" t="s">
        <v>15</v>
      </c>
      <c r="G59662" s="16">
        <v>2.6075415536720783</v>
      </c>
    </row>
    <row r="59663" spans="1:7" x14ac:dyDescent="0.3">
      <c r="A59663" s="13" t="s">
        <v>322</v>
      </c>
      <c r="B59663" s="14" t="s">
        <v>1</v>
      </c>
      <c r="C59663" s="14" t="s">
        <v>23</v>
      </c>
      <c r="D59663" s="14" t="s">
        <v>323</v>
      </c>
      <c r="E59663" s="15">
        <v>45544</v>
      </c>
      <c r="F59663" s="14" t="s">
        <v>15</v>
      </c>
      <c r="G59663" s="16">
        <v>2.6516221343670976</v>
      </c>
    </row>
    <row r="59664" spans="1:7" x14ac:dyDescent="0.3">
      <c r="A59664" s="13" t="s">
        <v>322</v>
      </c>
      <c r="B59664" s="14" t="s">
        <v>1</v>
      </c>
      <c r="C59664" s="14" t="s">
        <v>23</v>
      </c>
      <c r="D59664" s="14" t="s">
        <v>323</v>
      </c>
      <c r="E59664" s="15">
        <v>45545</v>
      </c>
      <c r="F59664" s="14" t="s">
        <v>15</v>
      </c>
      <c r="G59664" s="16">
        <v>2.6947027150621174</v>
      </c>
    </row>
    <row r="59665" spans="1:7" x14ac:dyDescent="0.3">
      <c r="A59665" s="13" t="s">
        <v>322</v>
      </c>
      <c r="B59665" s="14" t="s">
        <v>1</v>
      </c>
      <c r="C59665" s="14" t="s">
        <v>23</v>
      </c>
      <c r="D59665" s="14" t="s">
        <v>323</v>
      </c>
      <c r="E59665" s="15">
        <v>45546</v>
      </c>
      <c r="F59665" s="14" t="s">
        <v>15</v>
      </c>
      <c r="G59665" s="16">
        <v>2.7097832957571368</v>
      </c>
    </row>
    <row r="59666" spans="1:7" x14ac:dyDescent="0.3">
      <c r="A59666" s="13" t="s">
        <v>322</v>
      </c>
      <c r="B59666" s="14" t="s">
        <v>1</v>
      </c>
      <c r="C59666" s="14" t="s">
        <v>23</v>
      </c>
      <c r="D59666" s="14" t="s">
        <v>323</v>
      </c>
      <c r="E59666" s="15">
        <v>45547</v>
      </c>
      <c r="F59666" s="14" t="s">
        <v>15</v>
      </c>
      <c r="G59666" s="16">
        <v>2.7258638764521566</v>
      </c>
    </row>
    <row r="59667" spans="1:7" x14ac:dyDescent="0.3">
      <c r="A59667" s="13" t="s">
        <v>322</v>
      </c>
      <c r="B59667" s="14" t="s">
        <v>1</v>
      </c>
      <c r="C59667" s="14" t="s">
        <v>23</v>
      </c>
      <c r="D59667" s="14" t="s">
        <v>323</v>
      </c>
      <c r="E59667" s="15">
        <v>45548</v>
      </c>
      <c r="F59667" s="14" t="s">
        <v>15</v>
      </c>
      <c r="G59667" s="16">
        <v>2.7419444571471763</v>
      </c>
    </row>
    <row r="59668" spans="1:7" x14ac:dyDescent="0.3">
      <c r="A59668" s="13" t="s">
        <v>322</v>
      </c>
      <c r="B59668" s="14" t="s">
        <v>1</v>
      </c>
      <c r="C59668" s="14" t="s">
        <v>23</v>
      </c>
      <c r="D59668" s="14" t="s">
        <v>323</v>
      </c>
      <c r="E59668" s="15">
        <v>45549</v>
      </c>
      <c r="F59668" s="14" t="s">
        <v>15</v>
      </c>
      <c r="G59668" s="16">
        <v>2.7419444571471763</v>
      </c>
    </row>
    <row r="59669" spans="1:7" x14ac:dyDescent="0.3">
      <c r="A59669" s="13" t="s">
        <v>322</v>
      </c>
      <c r="B59669" s="14" t="s">
        <v>1</v>
      </c>
      <c r="C59669" s="14" t="s">
        <v>23</v>
      </c>
      <c r="D59669" s="14" t="s">
        <v>323</v>
      </c>
      <c r="E59669" s="15">
        <v>45550</v>
      </c>
      <c r="F59669" s="14" t="s">
        <v>15</v>
      </c>
      <c r="G59669" s="16">
        <v>2.7419444571471763</v>
      </c>
    </row>
    <row r="59670" spans="1:7" x14ac:dyDescent="0.3">
      <c r="A59670" s="13" t="s">
        <v>322</v>
      </c>
      <c r="B59670" s="14" t="s">
        <v>1</v>
      </c>
      <c r="C59670" s="14" t="s">
        <v>23</v>
      </c>
      <c r="D59670" s="14" t="s">
        <v>323</v>
      </c>
      <c r="E59670" s="15">
        <v>45551</v>
      </c>
      <c r="F59670" s="14" t="s">
        <v>15</v>
      </c>
      <c r="G59670" s="16">
        <v>2.7590250378421959</v>
      </c>
    </row>
    <row r="59671" spans="1:7" x14ac:dyDescent="0.3">
      <c r="A59671" s="13" t="s">
        <v>322</v>
      </c>
      <c r="B59671" s="14" t="s">
        <v>1</v>
      </c>
      <c r="C59671" s="14" t="s">
        <v>23</v>
      </c>
      <c r="D59671" s="14" t="s">
        <v>323</v>
      </c>
      <c r="E59671" s="15">
        <v>45552</v>
      </c>
      <c r="F59671" s="14" t="s">
        <v>15</v>
      </c>
      <c r="G59671" s="16">
        <v>2.8071056185372156</v>
      </c>
    </row>
    <row r="59672" spans="1:7" x14ac:dyDescent="0.3">
      <c r="A59672" s="13" t="s">
        <v>322</v>
      </c>
      <c r="B59672" s="14" t="s">
        <v>1</v>
      </c>
      <c r="C59672" s="14" t="s">
        <v>23</v>
      </c>
      <c r="D59672" s="14" t="s">
        <v>323</v>
      </c>
      <c r="E59672" s="15">
        <v>45553</v>
      </c>
      <c r="F59672" s="14" t="s">
        <v>15</v>
      </c>
      <c r="G59672" s="16">
        <v>2.8241861992322352</v>
      </c>
    </row>
    <row r="59673" spans="1:7" x14ac:dyDescent="0.3">
      <c r="A59673" s="13" t="s">
        <v>322</v>
      </c>
      <c r="B59673" s="14" t="s">
        <v>1</v>
      </c>
      <c r="C59673" s="14" t="s">
        <v>23</v>
      </c>
      <c r="D59673" s="14" t="s">
        <v>323</v>
      </c>
      <c r="E59673" s="15">
        <v>45554</v>
      </c>
      <c r="F59673" s="14" t="s">
        <v>15</v>
      </c>
      <c r="G59673" s="16">
        <v>2.840266779927255</v>
      </c>
    </row>
    <row r="59674" spans="1:7" x14ac:dyDescent="0.3">
      <c r="A59674" s="13" t="s">
        <v>322</v>
      </c>
      <c r="B59674" s="14" t="s">
        <v>1</v>
      </c>
      <c r="C59674" s="14" t="s">
        <v>23</v>
      </c>
      <c r="D59674" s="14" t="s">
        <v>323</v>
      </c>
      <c r="E59674" s="15">
        <v>45555</v>
      </c>
      <c r="F59674" s="14" t="s">
        <v>15</v>
      </c>
      <c r="G59674" s="16">
        <v>2.8573473606222746</v>
      </c>
    </row>
    <row r="59675" spans="1:7" x14ac:dyDescent="0.3">
      <c r="A59675" s="13" t="s">
        <v>322</v>
      </c>
      <c r="B59675" s="14" t="s">
        <v>1</v>
      </c>
      <c r="C59675" s="14" t="s">
        <v>23</v>
      </c>
      <c r="D59675" s="14" t="s">
        <v>323</v>
      </c>
      <c r="E59675" s="15">
        <v>45556</v>
      </c>
      <c r="F59675" s="14" t="s">
        <v>15</v>
      </c>
      <c r="G59675" s="16">
        <v>2.8573473606222746</v>
      </c>
    </row>
    <row r="59676" spans="1:7" x14ac:dyDescent="0.3">
      <c r="A59676" s="13" t="s">
        <v>322</v>
      </c>
      <c r="B59676" s="14" t="s">
        <v>1</v>
      </c>
      <c r="C59676" s="14" t="s">
        <v>23</v>
      </c>
      <c r="D59676" s="14" t="s">
        <v>323</v>
      </c>
      <c r="E59676" s="15">
        <v>45557</v>
      </c>
      <c r="F59676" s="14" t="s">
        <v>15</v>
      </c>
      <c r="G59676" s="16">
        <v>2.8573473606222746</v>
      </c>
    </row>
    <row r="59677" spans="1:7" x14ac:dyDescent="0.3">
      <c r="A59677" s="13" t="s">
        <v>322</v>
      </c>
      <c r="B59677" s="14" t="s">
        <v>1</v>
      </c>
      <c r="C59677" s="14" t="s">
        <v>23</v>
      </c>
      <c r="D59677" s="14" t="s">
        <v>323</v>
      </c>
      <c r="E59677" s="15">
        <v>45558</v>
      </c>
      <c r="F59677" s="14" t="s">
        <v>15</v>
      </c>
      <c r="G59677" s="16">
        <v>2.8744279413172942</v>
      </c>
    </row>
    <row r="59678" spans="1:7" x14ac:dyDescent="0.3">
      <c r="A59678" s="13" t="s">
        <v>322</v>
      </c>
      <c r="B59678" s="14" t="s">
        <v>1</v>
      </c>
      <c r="C59678" s="14" t="s">
        <v>23</v>
      </c>
      <c r="D59678" s="14" t="s">
        <v>323</v>
      </c>
      <c r="E59678" s="15">
        <v>45559</v>
      </c>
      <c r="F59678" s="14" t="s">
        <v>15</v>
      </c>
      <c r="G59678" s="16">
        <v>2.9355085220123138</v>
      </c>
    </row>
    <row r="59679" spans="1:7" x14ac:dyDescent="0.3">
      <c r="A59679" s="13" t="s">
        <v>322</v>
      </c>
      <c r="B59679" s="14" t="s">
        <v>1</v>
      </c>
      <c r="C59679" s="14" t="s">
        <v>23</v>
      </c>
      <c r="D59679" s="14" t="s">
        <v>323</v>
      </c>
      <c r="E59679" s="15">
        <v>45560</v>
      </c>
      <c r="F59679" s="14" t="s">
        <v>15</v>
      </c>
      <c r="G59679" s="16">
        <v>2.952589102707333</v>
      </c>
    </row>
    <row r="59680" spans="1:7" x14ac:dyDescent="0.3">
      <c r="A59680" s="13" t="s">
        <v>322</v>
      </c>
      <c r="B59680" s="14" t="s">
        <v>1</v>
      </c>
      <c r="C59680" s="14" t="s">
        <v>23</v>
      </c>
      <c r="D59680" s="14" t="s">
        <v>323</v>
      </c>
      <c r="E59680" s="15">
        <v>45561</v>
      </c>
      <c r="F59680" s="14" t="s">
        <v>15</v>
      </c>
      <c r="G59680" s="16">
        <v>2.9696696834023526</v>
      </c>
    </row>
    <row r="59681" spans="1:7" x14ac:dyDescent="0.3">
      <c r="A59681" s="13" t="s">
        <v>322</v>
      </c>
      <c r="B59681" s="14" t="s">
        <v>1</v>
      </c>
      <c r="C59681" s="14" t="s">
        <v>23</v>
      </c>
      <c r="D59681" s="14" t="s">
        <v>323</v>
      </c>
      <c r="E59681" s="15">
        <v>45562</v>
      </c>
      <c r="F59681" s="14" t="s">
        <v>15</v>
      </c>
      <c r="G59681" s="16">
        <v>2.988750264097372</v>
      </c>
    </row>
    <row r="59682" spans="1:7" x14ac:dyDescent="0.3">
      <c r="A59682" s="13" t="s">
        <v>322</v>
      </c>
      <c r="B59682" s="14" t="s">
        <v>1</v>
      </c>
      <c r="C59682" s="14" t="s">
        <v>23</v>
      </c>
      <c r="D59682" s="14" t="s">
        <v>323</v>
      </c>
      <c r="E59682" s="15">
        <v>45563</v>
      </c>
      <c r="F59682" s="14" t="s">
        <v>15</v>
      </c>
      <c r="G59682" s="16">
        <v>2.988750264097372</v>
      </c>
    </row>
    <row r="59683" spans="1:7" x14ac:dyDescent="0.3">
      <c r="A59683" s="13" t="s">
        <v>322</v>
      </c>
      <c r="B59683" s="14" t="s">
        <v>1</v>
      </c>
      <c r="C59683" s="14" t="s">
        <v>23</v>
      </c>
      <c r="D59683" s="14" t="s">
        <v>323</v>
      </c>
      <c r="E59683" s="15">
        <v>45564</v>
      </c>
      <c r="F59683" s="14" t="s">
        <v>15</v>
      </c>
      <c r="G59683" s="16">
        <v>2.988750264097372</v>
      </c>
    </row>
    <row r="59684" spans="1:7" x14ac:dyDescent="0.3">
      <c r="A59684" s="13" t="s">
        <v>322</v>
      </c>
      <c r="B59684" s="14" t="s">
        <v>1</v>
      </c>
      <c r="C59684" s="14" t="s">
        <v>23</v>
      </c>
      <c r="D59684" s="14" t="s">
        <v>323</v>
      </c>
      <c r="E59684" s="15">
        <v>45565</v>
      </c>
      <c r="F59684" s="14" t="s">
        <v>15</v>
      </c>
      <c r="G59684" s="16">
        <v>3.0058308447923916</v>
      </c>
    </row>
    <row r="59685" spans="1:7" x14ac:dyDescent="0.3">
      <c r="A59685" s="13" t="s">
        <v>322</v>
      </c>
      <c r="B59685" s="14" t="s">
        <v>1</v>
      </c>
      <c r="C59685" s="14" t="s">
        <v>23</v>
      </c>
      <c r="D59685" s="14" t="s">
        <v>323</v>
      </c>
      <c r="E59685" s="15">
        <v>45566</v>
      </c>
      <c r="F59685" s="14" t="s">
        <v>15</v>
      </c>
      <c r="G59685" s="16">
        <v>3.0549114254874112</v>
      </c>
    </row>
    <row r="59686" spans="1:7" x14ac:dyDescent="0.3">
      <c r="A59686" s="13" t="s">
        <v>322</v>
      </c>
      <c r="B59686" s="14" t="s">
        <v>1</v>
      </c>
      <c r="C59686" s="14" t="s">
        <v>23</v>
      </c>
      <c r="D59686" s="14" t="s">
        <v>323</v>
      </c>
      <c r="E59686" s="15">
        <v>45567</v>
      </c>
      <c r="F59686" s="14" t="s">
        <v>15</v>
      </c>
      <c r="G59686" s="16">
        <v>3.070992006182431</v>
      </c>
    </row>
    <row r="59687" spans="1:7" x14ac:dyDescent="0.3">
      <c r="A59687" s="13" t="s">
        <v>322</v>
      </c>
      <c r="B59687" s="14" t="s">
        <v>1</v>
      </c>
      <c r="C59687" s="14" t="s">
        <v>23</v>
      </c>
      <c r="D59687" s="14" t="s">
        <v>323</v>
      </c>
      <c r="E59687" s="15">
        <v>45568</v>
      </c>
      <c r="F59687" s="14" t="s">
        <v>15</v>
      </c>
      <c r="G59687" s="16">
        <v>3.0780725868774508</v>
      </c>
    </row>
    <row r="59688" spans="1:7" x14ac:dyDescent="0.3">
      <c r="A59688" s="13" t="s">
        <v>322</v>
      </c>
      <c r="B59688" s="14" t="s">
        <v>1</v>
      </c>
      <c r="C59688" s="14" t="s">
        <v>23</v>
      </c>
      <c r="D59688" s="14" t="s">
        <v>323</v>
      </c>
      <c r="E59688" s="15">
        <v>45569</v>
      </c>
      <c r="F59688" s="14" t="s">
        <v>15</v>
      </c>
      <c r="G59688" s="16">
        <v>3.0951531675724704</v>
      </c>
    </row>
    <row r="59689" spans="1:7" x14ac:dyDescent="0.3">
      <c r="A59689" s="13" t="s">
        <v>322</v>
      </c>
      <c r="B59689" s="14" t="s">
        <v>1</v>
      </c>
      <c r="C59689" s="14" t="s">
        <v>23</v>
      </c>
      <c r="D59689" s="14" t="s">
        <v>323</v>
      </c>
      <c r="E59689" s="15">
        <v>45570</v>
      </c>
      <c r="F59689" s="14" t="s">
        <v>15</v>
      </c>
      <c r="G59689" s="16">
        <v>3.0951531675724704</v>
      </c>
    </row>
    <row r="59690" spans="1:7" x14ac:dyDescent="0.3">
      <c r="A59690" s="13" t="s">
        <v>322</v>
      </c>
      <c r="B59690" s="14" t="s">
        <v>1</v>
      </c>
      <c r="C59690" s="14" t="s">
        <v>23</v>
      </c>
      <c r="D59690" s="14" t="s">
        <v>323</v>
      </c>
      <c r="E59690" s="15">
        <v>45571</v>
      </c>
      <c r="F59690" s="14" t="s">
        <v>15</v>
      </c>
      <c r="G59690" s="16">
        <v>3.0951531675724704</v>
      </c>
    </row>
    <row r="59691" spans="1:7" x14ac:dyDescent="0.3">
      <c r="A59691" s="13" t="s">
        <v>322</v>
      </c>
      <c r="B59691" s="14" t="s">
        <v>1</v>
      </c>
      <c r="C59691" s="14" t="s">
        <v>23</v>
      </c>
      <c r="D59691" s="14" t="s">
        <v>323</v>
      </c>
      <c r="E59691" s="15">
        <v>45572</v>
      </c>
      <c r="F59691" s="14" t="s">
        <v>15</v>
      </c>
      <c r="G59691" s="16">
        <v>3.1352337482674897</v>
      </c>
    </row>
    <row r="59692" spans="1:7" x14ac:dyDescent="0.3">
      <c r="A59692" s="13" t="s">
        <v>322</v>
      </c>
      <c r="B59692" s="14" t="s">
        <v>1</v>
      </c>
      <c r="C59692" s="14" t="s">
        <v>23</v>
      </c>
      <c r="D59692" s="14" t="s">
        <v>323</v>
      </c>
      <c r="E59692" s="15">
        <v>45573</v>
      </c>
      <c r="F59692" s="14" t="s">
        <v>15</v>
      </c>
      <c r="G59692" s="16">
        <v>3.1883143289625093</v>
      </c>
    </row>
    <row r="59693" spans="1:7" x14ac:dyDescent="0.3">
      <c r="A59693" s="13" t="s">
        <v>322</v>
      </c>
      <c r="B59693" s="14" t="s">
        <v>1</v>
      </c>
      <c r="C59693" s="14" t="s">
        <v>23</v>
      </c>
      <c r="D59693" s="14" t="s">
        <v>323</v>
      </c>
      <c r="E59693" s="15">
        <v>45574</v>
      </c>
      <c r="F59693" s="14" t="s">
        <v>15</v>
      </c>
      <c r="G59693" s="16">
        <v>3.2053949096575289</v>
      </c>
    </row>
    <row r="59694" spans="1:7" x14ac:dyDescent="0.3">
      <c r="A59694" s="13" t="s">
        <v>322</v>
      </c>
      <c r="B59694" s="14" t="s">
        <v>1</v>
      </c>
      <c r="C59694" s="14" t="s">
        <v>23</v>
      </c>
      <c r="D59694" s="14" t="s">
        <v>323</v>
      </c>
      <c r="E59694" s="15">
        <v>45575</v>
      </c>
      <c r="F59694" s="14" t="s">
        <v>15</v>
      </c>
      <c r="G59694" s="16">
        <v>3.2224754903525485</v>
      </c>
    </row>
    <row r="59695" spans="1:7" x14ac:dyDescent="0.3">
      <c r="A59695" s="13" t="s">
        <v>322</v>
      </c>
      <c r="B59695" s="14" t="s">
        <v>1</v>
      </c>
      <c r="C59695" s="14" t="s">
        <v>23</v>
      </c>
      <c r="D59695" s="14" t="s">
        <v>323</v>
      </c>
      <c r="E59695" s="15">
        <v>45576</v>
      </c>
      <c r="F59695" s="14" t="s">
        <v>15</v>
      </c>
      <c r="G59695" s="16">
        <v>3.2395560710475686</v>
      </c>
    </row>
    <row r="59696" spans="1:7" x14ac:dyDescent="0.3">
      <c r="A59696" s="13" t="s">
        <v>322</v>
      </c>
      <c r="B59696" s="14" t="s">
        <v>1</v>
      </c>
      <c r="C59696" s="14" t="s">
        <v>23</v>
      </c>
      <c r="D59696" s="14" t="s">
        <v>323</v>
      </c>
      <c r="E59696" s="15">
        <v>45577</v>
      </c>
      <c r="F59696" s="14" t="s">
        <v>15</v>
      </c>
      <c r="G59696" s="16">
        <v>3.2395560710475686</v>
      </c>
    </row>
    <row r="59697" spans="1:7" x14ac:dyDescent="0.3">
      <c r="A59697" s="13" t="s">
        <v>322</v>
      </c>
      <c r="B59697" s="14" t="s">
        <v>1</v>
      </c>
      <c r="C59697" s="14" t="s">
        <v>23</v>
      </c>
      <c r="D59697" s="14" t="s">
        <v>323</v>
      </c>
      <c r="E59697" s="15">
        <v>45578</v>
      </c>
      <c r="F59697" s="14" t="s">
        <v>15</v>
      </c>
      <c r="G59697" s="16">
        <v>3.2395560710475686</v>
      </c>
    </row>
    <row r="59698" spans="1:7" x14ac:dyDescent="0.3">
      <c r="A59698" s="13" t="s">
        <v>322</v>
      </c>
      <c r="B59698" s="14" t="s">
        <v>1</v>
      </c>
      <c r="C59698" s="14" t="s">
        <v>23</v>
      </c>
      <c r="D59698" s="14" t="s">
        <v>323</v>
      </c>
      <c r="E59698" s="15">
        <v>45579</v>
      </c>
      <c r="F59698" s="14" t="s">
        <v>15</v>
      </c>
      <c r="G59698" s="16">
        <v>3.2395560710475686</v>
      </c>
    </row>
    <row r="59699" spans="1:7" x14ac:dyDescent="0.3">
      <c r="A59699" s="13" t="s">
        <v>322</v>
      </c>
      <c r="B59699" s="14" t="s">
        <v>1</v>
      </c>
      <c r="C59699" s="14" t="s">
        <v>23</v>
      </c>
      <c r="D59699" s="14" t="s">
        <v>323</v>
      </c>
      <c r="E59699" s="15">
        <v>45580</v>
      </c>
      <c r="F59699" s="14" t="s">
        <v>15</v>
      </c>
      <c r="G59699" s="16">
        <v>3.2566366517425882</v>
      </c>
    </row>
    <row r="59700" spans="1:7" x14ac:dyDescent="0.3">
      <c r="A59700" s="13" t="s">
        <v>322</v>
      </c>
      <c r="B59700" s="14" t="s">
        <v>1</v>
      </c>
      <c r="C59700" s="14" t="s">
        <v>23</v>
      </c>
      <c r="D59700" s="14" t="s">
        <v>323</v>
      </c>
      <c r="E59700" s="15">
        <v>45581</v>
      </c>
      <c r="F59700" s="14" t="s">
        <v>15</v>
      </c>
      <c r="G59700" s="16">
        <v>3.3237172324376081</v>
      </c>
    </row>
    <row r="59701" spans="1:7" x14ac:dyDescent="0.3">
      <c r="A59701" s="13" t="s">
        <v>322</v>
      </c>
      <c r="B59701" s="14" t="s">
        <v>1</v>
      </c>
      <c r="C59701" s="14" t="s">
        <v>23</v>
      </c>
      <c r="D59701" s="14" t="s">
        <v>323</v>
      </c>
      <c r="E59701" s="15">
        <v>45582</v>
      </c>
      <c r="F59701" s="14" t="s">
        <v>15</v>
      </c>
      <c r="G59701" s="16">
        <v>3.3407978131326281</v>
      </c>
    </row>
    <row r="59702" spans="1:7" x14ac:dyDescent="0.3">
      <c r="A59702" s="13" t="s">
        <v>322</v>
      </c>
      <c r="B59702" s="14" t="s">
        <v>1</v>
      </c>
      <c r="C59702" s="14" t="s">
        <v>23</v>
      </c>
      <c r="D59702" s="14" t="s">
        <v>323</v>
      </c>
      <c r="E59702" s="15">
        <v>45583</v>
      </c>
      <c r="F59702" s="14" t="s">
        <v>15</v>
      </c>
      <c r="G59702" s="16">
        <v>3.3578783938276482</v>
      </c>
    </row>
    <row r="59703" spans="1:7" x14ac:dyDescent="0.3">
      <c r="A59703" s="13" t="s">
        <v>322</v>
      </c>
      <c r="B59703" s="14" t="s">
        <v>1</v>
      </c>
      <c r="C59703" s="14" t="s">
        <v>23</v>
      </c>
      <c r="D59703" s="14" t="s">
        <v>323</v>
      </c>
      <c r="E59703" s="15">
        <v>45584</v>
      </c>
      <c r="F59703" s="14" t="s">
        <v>15</v>
      </c>
      <c r="G59703" s="16">
        <v>3.3578783938276482</v>
      </c>
    </row>
    <row r="59704" spans="1:7" x14ac:dyDescent="0.3">
      <c r="A59704" s="13" t="s">
        <v>322</v>
      </c>
      <c r="B59704" s="14" t="s">
        <v>1</v>
      </c>
      <c r="C59704" s="14" t="s">
        <v>23</v>
      </c>
      <c r="D59704" s="14" t="s">
        <v>323</v>
      </c>
      <c r="E59704" s="15">
        <v>45585</v>
      </c>
      <c r="F59704" s="14" t="s">
        <v>15</v>
      </c>
      <c r="G59704" s="16">
        <v>3.3578783938276482</v>
      </c>
    </row>
    <row r="59705" spans="1:7" x14ac:dyDescent="0.3">
      <c r="A59705" s="13" t="s">
        <v>322</v>
      </c>
      <c r="B59705" s="14" t="s">
        <v>1</v>
      </c>
      <c r="C59705" s="14" t="s">
        <v>23</v>
      </c>
      <c r="D59705" s="14" t="s">
        <v>323</v>
      </c>
      <c r="E59705" s="15">
        <v>45586</v>
      </c>
      <c r="F59705" s="14" t="s">
        <v>15</v>
      </c>
      <c r="G59705" s="16">
        <v>3.3739589745226675</v>
      </c>
    </row>
    <row r="59706" spans="1:7" x14ac:dyDescent="0.3">
      <c r="A59706" s="13" t="s">
        <v>322</v>
      </c>
      <c r="B59706" s="14" t="s">
        <v>1</v>
      </c>
      <c r="C59706" s="14" t="s">
        <v>23</v>
      </c>
      <c r="D59706" s="14" t="s">
        <v>323</v>
      </c>
      <c r="E59706" s="15">
        <v>45587</v>
      </c>
      <c r="F59706" s="14" t="s">
        <v>15</v>
      </c>
      <c r="G59706" s="16">
        <v>3.424039555217687</v>
      </c>
    </row>
    <row r="59707" spans="1:7" x14ac:dyDescent="0.3">
      <c r="A59707" s="13" t="s">
        <v>322</v>
      </c>
      <c r="B59707" s="14" t="s">
        <v>1</v>
      </c>
      <c r="C59707" s="14" t="s">
        <v>23</v>
      </c>
      <c r="D59707" s="14" t="s">
        <v>323</v>
      </c>
      <c r="E59707" s="15">
        <v>45588</v>
      </c>
      <c r="F59707" s="14" t="s">
        <v>15</v>
      </c>
      <c r="G59707" s="16">
        <v>3.441120135912707</v>
      </c>
    </row>
    <row r="59708" spans="1:7" x14ac:dyDescent="0.3">
      <c r="A59708" s="13" t="s">
        <v>322</v>
      </c>
      <c r="B59708" s="14" t="s">
        <v>1</v>
      </c>
      <c r="C59708" s="14" t="s">
        <v>23</v>
      </c>
      <c r="D59708" s="14" t="s">
        <v>323</v>
      </c>
      <c r="E59708" s="15">
        <v>45589</v>
      </c>
      <c r="F59708" s="14" t="s">
        <v>15</v>
      </c>
      <c r="G59708" s="16">
        <v>3.4582007166077267</v>
      </c>
    </row>
    <row r="59709" spans="1:7" x14ac:dyDescent="0.3">
      <c r="A59709" s="13" t="s">
        <v>322</v>
      </c>
      <c r="B59709" s="14" t="s">
        <v>1</v>
      </c>
      <c r="C59709" s="14" t="s">
        <v>23</v>
      </c>
      <c r="D59709" s="14" t="s">
        <v>323</v>
      </c>
      <c r="E59709" s="15">
        <v>45590</v>
      </c>
      <c r="F59709" s="14" t="s">
        <v>15</v>
      </c>
      <c r="G59709" s="16">
        <v>3.4752812973027467</v>
      </c>
    </row>
    <row r="59710" spans="1:7" x14ac:dyDescent="0.3">
      <c r="A59710" s="13" t="s">
        <v>322</v>
      </c>
      <c r="B59710" s="14" t="s">
        <v>1</v>
      </c>
      <c r="C59710" s="14" t="s">
        <v>23</v>
      </c>
      <c r="D59710" s="14" t="s">
        <v>323</v>
      </c>
      <c r="E59710" s="15">
        <v>45591</v>
      </c>
      <c r="F59710" s="14" t="s">
        <v>15</v>
      </c>
      <c r="G59710" s="16">
        <v>3.4752812973027467</v>
      </c>
    </row>
    <row r="59711" spans="1:7" x14ac:dyDescent="0.3">
      <c r="A59711" s="13" t="s">
        <v>322</v>
      </c>
      <c r="B59711" s="14" t="s">
        <v>1</v>
      </c>
      <c r="C59711" s="14" t="s">
        <v>23</v>
      </c>
      <c r="D59711" s="14" t="s">
        <v>323</v>
      </c>
      <c r="E59711" s="15">
        <v>45592</v>
      </c>
      <c r="F59711" s="14" t="s">
        <v>15</v>
      </c>
      <c r="G59711" s="16">
        <v>3.4752812973027467</v>
      </c>
    </row>
    <row r="59712" spans="1:7" x14ac:dyDescent="0.3">
      <c r="A59712" s="13" t="s">
        <v>322</v>
      </c>
      <c r="B59712" s="14" t="s">
        <v>1</v>
      </c>
      <c r="C59712" s="14" t="s">
        <v>23</v>
      </c>
      <c r="D59712" s="14" t="s">
        <v>323</v>
      </c>
      <c r="E59712" s="15">
        <v>45593</v>
      </c>
      <c r="F59712" s="14" t="s">
        <v>15</v>
      </c>
      <c r="G59712" s="16">
        <v>3.4752812973027467</v>
      </c>
    </row>
    <row r="59713" spans="1:7" x14ac:dyDescent="0.3">
      <c r="A59713" s="13" t="s">
        <v>322</v>
      </c>
      <c r="B59713" s="14" t="s">
        <v>1</v>
      </c>
      <c r="C59713" s="14" t="s">
        <v>23</v>
      </c>
      <c r="D59713" s="14" t="s">
        <v>323</v>
      </c>
      <c r="E59713" s="15">
        <v>45594</v>
      </c>
      <c r="F59713" s="14" t="s">
        <v>15</v>
      </c>
      <c r="G59713" s="16">
        <v>3.495361877997766</v>
      </c>
    </row>
    <row r="59714" spans="1:7" x14ac:dyDescent="0.3">
      <c r="A59714" s="13" t="s">
        <v>322</v>
      </c>
      <c r="B59714" s="14" t="s">
        <v>1</v>
      </c>
      <c r="C59714" s="14" t="s">
        <v>23</v>
      </c>
      <c r="D59714" s="14" t="s">
        <v>323</v>
      </c>
      <c r="E59714" s="15">
        <v>45595</v>
      </c>
      <c r="F59714" s="14" t="s">
        <v>15</v>
      </c>
      <c r="G59714" s="16">
        <v>3.5594424586927857</v>
      </c>
    </row>
    <row r="59715" spans="1:7" x14ac:dyDescent="0.3">
      <c r="A59715" s="13" t="s">
        <v>322</v>
      </c>
      <c r="B59715" s="14" t="s">
        <v>1</v>
      </c>
      <c r="C59715" s="14" t="s">
        <v>23</v>
      </c>
      <c r="D59715" s="14" t="s">
        <v>323</v>
      </c>
      <c r="E59715" s="15">
        <v>45596</v>
      </c>
      <c r="F59715" s="14" t="s">
        <v>15</v>
      </c>
      <c r="G59715" s="16">
        <v>3.5645230393878053</v>
      </c>
    </row>
    <row r="59716" spans="1:7" x14ac:dyDescent="0.3">
      <c r="A59716" s="13" t="s">
        <v>322</v>
      </c>
      <c r="B59716" s="14" t="s">
        <v>1</v>
      </c>
      <c r="C59716" s="14" t="s">
        <v>23</v>
      </c>
      <c r="D59716" s="14" t="s">
        <v>323</v>
      </c>
      <c r="E59716" s="15">
        <v>45597</v>
      </c>
      <c r="F59716" s="14" t="s">
        <v>15</v>
      </c>
      <c r="G59716" s="16">
        <v>3.5806036200828246</v>
      </c>
    </row>
    <row r="59717" spans="1:7" x14ac:dyDescent="0.3">
      <c r="A59717" s="13" t="s">
        <v>322</v>
      </c>
      <c r="B59717" s="14" t="s">
        <v>1</v>
      </c>
      <c r="C59717" s="14" t="s">
        <v>23</v>
      </c>
      <c r="D59717" s="14" t="s">
        <v>323</v>
      </c>
      <c r="E59717" s="15">
        <v>45598</v>
      </c>
      <c r="F59717" s="14" t="s">
        <v>15</v>
      </c>
      <c r="G59717" s="16">
        <v>3.5806036200828246</v>
      </c>
    </row>
    <row r="59718" spans="1:7" x14ac:dyDescent="0.3">
      <c r="A59718" s="13" t="s">
        <v>322</v>
      </c>
      <c r="B59718" s="14" t="s">
        <v>1</v>
      </c>
      <c r="C59718" s="14" t="s">
        <v>23</v>
      </c>
      <c r="D59718" s="14" t="s">
        <v>323</v>
      </c>
      <c r="E59718" s="15">
        <v>45599</v>
      </c>
      <c r="F59718" s="14" t="s">
        <v>15</v>
      </c>
      <c r="G59718" s="16">
        <v>3.5806036200828246</v>
      </c>
    </row>
    <row r="59719" spans="1:7" x14ac:dyDescent="0.3">
      <c r="A59719" s="13" t="s">
        <v>322</v>
      </c>
      <c r="B59719" s="14" t="s">
        <v>1</v>
      </c>
      <c r="C59719" s="14" t="s">
        <v>23</v>
      </c>
      <c r="D59719" s="14" t="s">
        <v>323</v>
      </c>
      <c r="E59719" s="15">
        <v>45600</v>
      </c>
      <c r="F59719" s="14" t="s">
        <v>15</v>
      </c>
      <c r="G59719" s="16">
        <v>3.5886842007778439</v>
      </c>
    </row>
    <row r="59720" spans="1:7" x14ac:dyDescent="0.3">
      <c r="A59720" s="13" t="s">
        <v>322</v>
      </c>
      <c r="B59720" s="14" t="s">
        <v>1</v>
      </c>
      <c r="C59720" s="14" t="s">
        <v>23</v>
      </c>
      <c r="D59720" s="14" t="s">
        <v>323</v>
      </c>
      <c r="E59720" s="15">
        <v>45601</v>
      </c>
      <c r="F59720" s="14" t="s">
        <v>15</v>
      </c>
      <c r="G59720" s="16">
        <v>3.6387647814728639</v>
      </c>
    </row>
    <row r="59721" spans="1:7" x14ac:dyDescent="0.3">
      <c r="A59721" s="13" t="s">
        <v>322</v>
      </c>
      <c r="B59721" s="14" t="s">
        <v>1</v>
      </c>
      <c r="C59721" s="14" t="s">
        <v>23</v>
      </c>
      <c r="D59721" s="14" t="s">
        <v>323</v>
      </c>
      <c r="E59721" s="15">
        <v>45602</v>
      </c>
      <c r="F59721" s="14" t="s">
        <v>15</v>
      </c>
      <c r="G59721" s="16">
        <v>3.6558453621678835</v>
      </c>
    </row>
    <row r="59722" spans="1:7" x14ac:dyDescent="0.3">
      <c r="A59722" s="13" t="s">
        <v>322</v>
      </c>
      <c r="B59722" s="14" t="s">
        <v>1</v>
      </c>
      <c r="C59722" s="14" t="s">
        <v>23</v>
      </c>
      <c r="D59722" s="14" t="s">
        <v>323</v>
      </c>
      <c r="E59722" s="15">
        <v>45603</v>
      </c>
      <c r="F59722" s="14" t="s">
        <v>15</v>
      </c>
      <c r="G59722" s="16">
        <v>3.6739259428629034</v>
      </c>
    </row>
    <row r="59723" spans="1:7" x14ac:dyDescent="0.3">
      <c r="A59723" s="13" t="s">
        <v>322</v>
      </c>
      <c r="B59723" s="14" t="s">
        <v>1</v>
      </c>
      <c r="C59723" s="14" t="s">
        <v>23</v>
      </c>
      <c r="D59723" s="14" t="s">
        <v>323</v>
      </c>
      <c r="E59723" s="15">
        <v>45604</v>
      </c>
      <c r="F59723" s="14" t="s">
        <v>15</v>
      </c>
      <c r="G59723" s="16">
        <v>3.691006523557923</v>
      </c>
    </row>
    <row r="59724" spans="1:7" x14ac:dyDescent="0.3">
      <c r="A59724" s="13" t="s">
        <v>322</v>
      </c>
      <c r="B59724" s="14" t="s">
        <v>1</v>
      </c>
      <c r="C59724" s="14" t="s">
        <v>23</v>
      </c>
      <c r="D59724" s="14" t="s">
        <v>323</v>
      </c>
      <c r="E59724" s="15">
        <v>45605</v>
      </c>
      <c r="F59724" s="14" t="s">
        <v>15</v>
      </c>
      <c r="G59724" s="16">
        <v>3.691006523557923</v>
      </c>
    </row>
    <row r="59725" spans="1:7" x14ac:dyDescent="0.3">
      <c r="A59725" s="13" t="s">
        <v>322</v>
      </c>
      <c r="B59725" s="14" t="s">
        <v>1</v>
      </c>
      <c r="C59725" s="14" t="s">
        <v>23</v>
      </c>
      <c r="D59725" s="14" t="s">
        <v>323</v>
      </c>
      <c r="E59725" s="15">
        <v>45606</v>
      </c>
      <c r="F59725" s="14" t="s">
        <v>15</v>
      </c>
      <c r="G59725" s="16">
        <v>3.691006523557923</v>
      </c>
    </row>
    <row r="59726" spans="1:7" x14ac:dyDescent="0.3">
      <c r="A59726" s="13" t="s">
        <v>322</v>
      </c>
      <c r="B59726" s="14" t="s">
        <v>1</v>
      </c>
      <c r="C59726" s="14" t="s">
        <v>23</v>
      </c>
      <c r="D59726" s="14" t="s">
        <v>323</v>
      </c>
      <c r="E59726" s="15">
        <v>45607</v>
      </c>
      <c r="F59726" s="14" t="s">
        <v>15</v>
      </c>
      <c r="G59726" s="16">
        <v>3.691006523557923</v>
      </c>
    </row>
    <row r="59727" spans="1:7" x14ac:dyDescent="0.3">
      <c r="A59727" s="13" t="s">
        <v>322</v>
      </c>
      <c r="B59727" s="14" t="s">
        <v>1</v>
      </c>
      <c r="C59727" s="14" t="s">
        <v>23</v>
      </c>
      <c r="D59727" s="14" t="s">
        <v>323</v>
      </c>
      <c r="E59727" s="15">
        <v>45608</v>
      </c>
      <c r="F59727" s="14" t="s">
        <v>15</v>
      </c>
      <c r="G59727" s="16">
        <v>3.7080871042529431</v>
      </c>
    </row>
    <row r="59728" spans="1:7" x14ac:dyDescent="0.3">
      <c r="A59728" s="13" t="s">
        <v>322</v>
      </c>
      <c r="B59728" s="14" t="s">
        <v>1</v>
      </c>
      <c r="C59728" s="14" t="s">
        <v>23</v>
      </c>
      <c r="D59728" s="14" t="s">
        <v>323</v>
      </c>
      <c r="E59728" s="15">
        <v>45609</v>
      </c>
      <c r="F59728" s="14" t="s">
        <v>15</v>
      </c>
      <c r="G59728" s="16">
        <v>3.7861676849479631</v>
      </c>
    </row>
    <row r="59729" spans="1:7" x14ac:dyDescent="0.3">
      <c r="A59729" s="13" t="s">
        <v>322</v>
      </c>
      <c r="B59729" s="14" t="s">
        <v>1</v>
      </c>
      <c r="C59729" s="14" t="s">
        <v>23</v>
      </c>
      <c r="D59729" s="14" t="s">
        <v>323</v>
      </c>
      <c r="E59729" s="15">
        <v>45610</v>
      </c>
      <c r="F59729" s="14" t="s">
        <v>15</v>
      </c>
      <c r="G59729" s="16">
        <v>3.8032482656429827</v>
      </c>
    </row>
    <row r="59730" spans="1:7" x14ac:dyDescent="0.3">
      <c r="A59730" s="13" t="s">
        <v>322</v>
      </c>
      <c r="B59730" s="14" t="s">
        <v>1</v>
      </c>
      <c r="C59730" s="14" t="s">
        <v>23</v>
      </c>
      <c r="D59730" s="14" t="s">
        <v>323</v>
      </c>
      <c r="E59730" s="15">
        <v>45611</v>
      </c>
      <c r="F59730" s="14" t="s">
        <v>15</v>
      </c>
      <c r="G59730" s="16">
        <v>3.8203288463380027</v>
      </c>
    </row>
    <row r="59731" spans="1:7" x14ac:dyDescent="0.3">
      <c r="A59731" s="13" t="s">
        <v>322</v>
      </c>
      <c r="B59731" s="14" t="s">
        <v>1</v>
      </c>
      <c r="C59731" s="14" t="s">
        <v>23</v>
      </c>
      <c r="D59731" s="14" t="s">
        <v>323</v>
      </c>
      <c r="E59731" s="15">
        <v>45612</v>
      </c>
      <c r="F59731" s="14" t="s">
        <v>15</v>
      </c>
      <c r="G59731" s="16">
        <v>3.8203288463380027</v>
      </c>
    </row>
    <row r="59732" spans="1:7" x14ac:dyDescent="0.3">
      <c r="A59732" s="13" t="s">
        <v>322</v>
      </c>
      <c r="B59732" s="14" t="s">
        <v>1</v>
      </c>
      <c r="C59732" s="14" t="s">
        <v>23</v>
      </c>
      <c r="D59732" s="14" t="s">
        <v>323</v>
      </c>
      <c r="E59732" s="15">
        <v>45613</v>
      </c>
      <c r="F59732" s="14" t="s">
        <v>15</v>
      </c>
      <c r="G59732" s="16">
        <v>3.8203288463380027</v>
      </c>
    </row>
    <row r="59733" spans="1:7" x14ac:dyDescent="0.3">
      <c r="A59733" s="13" t="s">
        <v>322</v>
      </c>
      <c r="B59733" s="14" t="s">
        <v>1</v>
      </c>
      <c r="C59733" s="14" t="s">
        <v>23</v>
      </c>
      <c r="D59733" s="14" t="s">
        <v>323</v>
      </c>
      <c r="E59733" s="15">
        <v>45614</v>
      </c>
      <c r="F59733" s="14" t="s">
        <v>15</v>
      </c>
      <c r="G59733" s="16">
        <v>3.8374094270330223</v>
      </c>
    </row>
    <row r="59734" spans="1:7" x14ac:dyDescent="0.3">
      <c r="A59734" s="13" t="s">
        <v>322</v>
      </c>
      <c r="B59734" s="14" t="s">
        <v>1</v>
      </c>
      <c r="C59734" s="14" t="s">
        <v>23</v>
      </c>
      <c r="D59734" s="14" t="s">
        <v>323</v>
      </c>
      <c r="E59734" s="15">
        <v>45615</v>
      </c>
      <c r="F59734" s="14" t="s">
        <v>15</v>
      </c>
      <c r="G59734" s="16">
        <v>3.8854900077280421</v>
      </c>
    </row>
    <row r="59735" spans="1:7" x14ac:dyDescent="0.3">
      <c r="A59735" s="13" t="s">
        <v>322</v>
      </c>
      <c r="B59735" s="14" t="s">
        <v>1</v>
      </c>
      <c r="C59735" s="14" t="s">
        <v>23</v>
      </c>
      <c r="D59735" s="14" t="s">
        <v>323</v>
      </c>
      <c r="E59735" s="15">
        <v>45616</v>
      </c>
      <c r="F59735" s="14" t="s">
        <v>15</v>
      </c>
      <c r="G59735" s="16">
        <v>3.9025705884230617</v>
      </c>
    </row>
    <row r="59736" spans="1:7" x14ac:dyDescent="0.3">
      <c r="A59736" s="13" t="s">
        <v>322</v>
      </c>
      <c r="B59736" s="14" t="s">
        <v>1</v>
      </c>
      <c r="C59736" s="14" t="s">
        <v>23</v>
      </c>
      <c r="D59736" s="14" t="s">
        <v>323</v>
      </c>
      <c r="E59736" s="15">
        <v>45617</v>
      </c>
      <c r="F59736" s="14" t="s">
        <v>15</v>
      </c>
      <c r="G59736" s="16">
        <v>3.9196511691180818</v>
      </c>
    </row>
    <row r="59737" spans="1:7" x14ac:dyDescent="0.3">
      <c r="A59737" s="13" t="s">
        <v>322</v>
      </c>
      <c r="B59737" s="14" t="s">
        <v>1</v>
      </c>
      <c r="C59737" s="14" t="s">
        <v>23</v>
      </c>
      <c r="D59737" s="14" t="s">
        <v>323</v>
      </c>
      <c r="E59737" s="15">
        <v>45618</v>
      </c>
      <c r="F59737" s="14" t="s">
        <v>15</v>
      </c>
      <c r="G59737" s="16">
        <v>3.9367317498131014</v>
      </c>
    </row>
    <row r="59738" spans="1:7" x14ac:dyDescent="0.3">
      <c r="A59738" s="13" t="s">
        <v>322</v>
      </c>
      <c r="B59738" s="14" t="s">
        <v>1</v>
      </c>
      <c r="C59738" s="14" t="s">
        <v>23</v>
      </c>
      <c r="D59738" s="14" t="s">
        <v>323</v>
      </c>
      <c r="E59738" s="15">
        <v>45619</v>
      </c>
      <c r="F59738" s="14" t="s">
        <v>15</v>
      </c>
      <c r="G59738" s="16">
        <v>3.9367317498131014</v>
      </c>
    </row>
    <row r="59739" spans="1:7" x14ac:dyDescent="0.3">
      <c r="A59739" s="13" t="s">
        <v>322</v>
      </c>
      <c r="B59739" s="14" t="s">
        <v>1</v>
      </c>
      <c r="C59739" s="14" t="s">
        <v>23</v>
      </c>
      <c r="D59739" s="14" t="s">
        <v>323</v>
      </c>
      <c r="E59739" s="15">
        <v>45620</v>
      </c>
      <c r="F59739" s="14" t="s">
        <v>15</v>
      </c>
      <c r="G59739" s="16">
        <v>3.9367317498131014</v>
      </c>
    </row>
    <row r="59740" spans="1:7" x14ac:dyDescent="0.3">
      <c r="A59740" s="13" t="s">
        <v>322</v>
      </c>
      <c r="B59740" s="14" t="s">
        <v>1</v>
      </c>
      <c r="C59740" s="14" t="s">
        <v>23</v>
      </c>
      <c r="D59740" s="14" t="s">
        <v>323</v>
      </c>
      <c r="E59740" s="15">
        <v>45621</v>
      </c>
      <c r="F59740" s="14" t="s">
        <v>15</v>
      </c>
      <c r="G59740" s="16">
        <v>3.9538123305081214</v>
      </c>
    </row>
    <row r="59741" spans="1:7" x14ac:dyDescent="0.3">
      <c r="A59741" s="13" t="s">
        <v>322</v>
      </c>
      <c r="B59741" s="14" t="s">
        <v>1</v>
      </c>
      <c r="C59741" s="14" t="s">
        <v>23</v>
      </c>
      <c r="D59741" s="14" t="s">
        <v>323</v>
      </c>
      <c r="E59741" s="15">
        <v>45622</v>
      </c>
      <c r="F59741" s="14" t="s">
        <v>15</v>
      </c>
      <c r="G59741" s="16">
        <v>4.0038929112031409</v>
      </c>
    </row>
    <row r="59742" spans="1:7" x14ac:dyDescent="0.3">
      <c r="A59742" s="13" t="s">
        <v>322</v>
      </c>
      <c r="B59742" s="14" t="s">
        <v>1</v>
      </c>
      <c r="C59742" s="14" t="s">
        <v>23</v>
      </c>
      <c r="D59742" s="14" t="s">
        <v>323</v>
      </c>
      <c r="E59742" s="15">
        <v>45623</v>
      </c>
      <c r="F59742" s="14" t="s">
        <v>15</v>
      </c>
      <c r="G59742" s="16">
        <v>4.020973491898161</v>
      </c>
    </row>
    <row r="59743" spans="1:7" x14ac:dyDescent="0.3">
      <c r="A59743" s="13" t="s">
        <v>322</v>
      </c>
      <c r="B59743" s="14" t="s">
        <v>1</v>
      </c>
      <c r="C59743" s="14" t="s">
        <v>23</v>
      </c>
      <c r="D59743" s="14" t="s">
        <v>323</v>
      </c>
      <c r="E59743" s="15">
        <v>45624</v>
      </c>
      <c r="F59743" s="14" t="s">
        <v>15</v>
      </c>
      <c r="G59743" s="16">
        <v>4.020973491898161</v>
      </c>
    </row>
    <row r="59744" spans="1:7" x14ac:dyDescent="0.3">
      <c r="A59744" s="13" t="s">
        <v>322</v>
      </c>
      <c r="B59744" s="14" t="s">
        <v>1</v>
      </c>
      <c r="C59744" s="14" t="s">
        <v>23</v>
      </c>
      <c r="D59744" s="14" t="s">
        <v>323</v>
      </c>
      <c r="E59744" s="15">
        <v>45625</v>
      </c>
      <c r="F59744" s="14" t="s">
        <v>15</v>
      </c>
      <c r="G59744" s="16">
        <v>4.0410540725931803</v>
      </c>
    </row>
    <row r="59745" spans="1:7" x14ac:dyDescent="0.3">
      <c r="A59745" s="13" t="s">
        <v>322</v>
      </c>
      <c r="B59745" s="14" t="s">
        <v>1</v>
      </c>
      <c r="C59745" s="14" t="s">
        <v>23</v>
      </c>
      <c r="D59745" s="14" t="s">
        <v>323</v>
      </c>
      <c r="E59745" s="15">
        <v>45626</v>
      </c>
      <c r="F59745" s="14" t="s">
        <v>15</v>
      </c>
      <c r="G59745" s="16">
        <v>4.0410540725931803</v>
      </c>
    </row>
    <row r="59746" spans="1:7" x14ac:dyDescent="0.3">
      <c r="A59746" s="13" t="s">
        <v>322</v>
      </c>
      <c r="B59746" s="14" t="s">
        <v>1</v>
      </c>
      <c r="C59746" s="14" t="s">
        <v>23</v>
      </c>
      <c r="D59746" s="14" t="s">
        <v>323</v>
      </c>
      <c r="E59746" s="15">
        <v>45627</v>
      </c>
      <c r="F59746" s="14" t="s">
        <v>15</v>
      </c>
      <c r="G59746" s="16">
        <v>4.0410540725931803</v>
      </c>
    </row>
    <row r="59747" spans="1:7" x14ac:dyDescent="0.3">
      <c r="A59747" s="13" t="s">
        <v>322</v>
      </c>
      <c r="B59747" s="14" t="s">
        <v>1</v>
      </c>
      <c r="C59747" s="14" t="s">
        <v>23</v>
      </c>
      <c r="D59747" s="14" t="s">
        <v>323</v>
      </c>
      <c r="E59747" s="15">
        <v>45628</v>
      </c>
      <c r="F59747" s="14" t="s">
        <v>15</v>
      </c>
      <c r="G59747" s="16">
        <v>4.0741346532881995</v>
      </c>
    </row>
    <row r="59748" spans="1:7" x14ac:dyDescent="0.3">
      <c r="A59748" s="13" t="s">
        <v>322</v>
      </c>
      <c r="B59748" s="14" t="s">
        <v>1</v>
      </c>
      <c r="C59748" s="14" t="s">
        <v>23</v>
      </c>
      <c r="D59748" s="14" t="s">
        <v>323</v>
      </c>
      <c r="E59748" s="15">
        <v>45629</v>
      </c>
      <c r="F59748" s="14" t="s">
        <v>15</v>
      </c>
      <c r="G59748" s="16">
        <v>4.1112152339832191</v>
      </c>
    </row>
    <row r="59749" spans="1:7" x14ac:dyDescent="0.3">
      <c r="A59749" s="13" t="s">
        <v>322</v>
      </c>
      <c r="B59749" s="14" t="s">
        <v>1</v>
      </c>
      <c r="C59749" s="14" t="s">
        <v>23</v>
      </c>
      <c r="D59749" s="14" t="s">
        <v>323</v>
      </c>
      <c r="E59749" s="15">
        <v>45630</v>
      </c>
      <c r="F59749" s="14" t="s">
        <v>15</v>
      </c>
      <c r="G59749" s="16">
        <v>4.1262958146782385</v>
      </c>
    </row>
    <row r="59750" spans="1:7" x14ac:dyDescent="0.3">
      <c r="A59750" s="13" t="s">
        <v>322</v>
      </c>
      <c r="B59750" s="14" t="s">
        <v>1</v>
      </c>
      <c r="C59750" s="14" t="s">
        <v>23</v>
      </c>
      <c r="D59750" s="14" t="s">
        <v>323</v>
      </c>
      <c r="E59750" s="15">
        <v>45631</v>
      </c>
      <c r="F59750" s="14" t="s">
        <v>15</v>
      </c>
      <c r="G59750" s="16">
        <v>4.1433763953732585</v>
      </c>
    </row>
    <row r="59751" spans="1:7" x14ac:dyDescent="0.3">
      <c r="A59751" s="13" t="s">
        <v>322</v>
      </c>
      <c r="B59751" s="14" t="s">
        <v>1</v>
      </c>
      <c r="C59751" s="14" t="s">
        <v>23</v>
      </c>
      <c r="D59751" s="14" t="s">
        <v>323</v>
      </c>
      <c r="E59751" s="15">
        <v>45632</v>
      </c>
      <c r="F59751" s="14" t="s">
        <v>15</v>
      </c>
      <c r="G59751" s="16">
        <v>4.1604569760682786</v>
      </c>
    </row>
    <row r="59752" spans="1:7" x14ac:dyDescent="0.3">
      <c r="A59752" s="13" t="s">
        <v>322</v>
      </c>
      <c r="B59752" s="14" t="s">
        <v>1</v>
      </c>
      <c r="C59752" s="14" t="s">
        <v>23</v>
      </c>
      <c r="D59752" s="14" t="s">
        <v>323</v>
      </c>
      <c r="E59752" s="15">
        <v>45633</v>
      </c>
      <c r="F59752" s="14" t="s">
        <v>15</v>
      </c>
      <c r="G59752" s="16">
        <v>4.1604569760682786</v>
      </c>
    </row>
    <row r="59753" spans="1:7" x14ac:dyDescent="0.3">
      <c r="A59753" s="13" t="s">
        <v>322</v>
      </c>
      <c r="B59753" s="14" t="s">
        <v>1</v>
      </c>
      <c r="C59753" s="14" t="s">
        <v>23</v>
      </c>
      <c r="D59753" s="14" t="s">
        <v>323</v>
      </c>
      <c r="E59753" s="15">
        <v>45634</v>
      </c>
      <c r="F59753" s="14" t="s">
        <v>15</v>
      </c>
      <c r="G59753" s="16">
        <v>4.1604569760682786</v>
      </c>
    </row>
    <row r="59754" spans="1:7" x14ac:dyDescent="0.3">
      <c r="A59754" s="13" t="s">
        <v>322</v>
      </c>
      <c r="B59754" s="14" t="s">
        <v>1</v>
      </c>
      <c r="C59754" s="14" t="s">
        <v>23</v>
      </c>
      <c r="D59754" s="14" t="s">
        <v>323</v>
      </c>
      <c r="E59754" s="15">
        <v>45635</v>
      </c>
      <c r="F59754" s="14" t="s">
        <v>15</v>
      </c>
      <c r="G59754" s="16">
        <v>4.1845375567632983</v>
      </c>
    </row>
    <row r="59755" spans="1:7" x14ac:dyDescent="0.3">
      <c r="A59755" s="13" t="s">
        <v>322</v>
      </c>
      <c r="B59755" s="14" t="s">
        <v>1</v>
      </c>
      <c r="C59755" s="14" t="s">
        <v>23</v>
      </c>
      <c r="D59755" s="14" t="s">
        <v>323</v>
      </c>
      <c r="E59755" s="15">
        <v>45636</v>
      </c>
      <c r="F59755" s="14" t="s">
        <v>15</v>
      </c>
      <c r="G59755" s="16">
        <v>4.2336181374583184</v>
      </c>
    </row>
    <row r="59756" spans="1:7" x14ac:dyDescent="0.3">
      <c r="A59756" s="13" t="s">
        <v>322</v>
      </c>
      <c r="B59756" s="14" t="s">
        <v>1</v>
      </c>
      <c r="C59756" s="14" t="s">
        <v>23</v>
      </c>
      <c r="D59756" s="14" t="s">
        <v>323</v>
      </c>
      <c r="E59756" s="15">
        <v>45637</v>
      </c>
      <c r="F59756" s="14" t="s">
        <v>15</v>
      </c>
      <c r="G59756" s="16">
        <v>4.2506987181533384</v>
      </c>
    </row>
    <row r="59757" spans="1:7" x14ac:dyDescent="0.3">
      <c r="A59757" s="13" t="s">
        <v>322</v>
      </c>
      <c r="B59757" s="14" t="s">
        <v>1</v>
      </c>
      <c r="C59757" s="14" t="s">
        <v>23</v>
      </c>
      <c r="D59757" s="14" t="s">
        <v>323</v>
      </c>
      <c r="E59757" s="15">
        <v>45638</v>
      </c>
      <c r="F59757" s="14" t="s">
        <v>15</v>
      </c>
      <c r="G59757" s="16">
        <v>4.2677792988483585</v>
      </c>
    </row>
    <row r="59758" spans="1:7" x14ac:dyDescent="0.3">
      <c r="A59758" s="13" t="s">
        <v>322</v>
      </c>
      <c r="B59758" s="14" t="s">
        <v>1</v>
      </c>
      <c r="C59758" s="14" t="s">
        <v>23</v>
      </c>
      <c r="D59758" s="14" t="s">
        <v>323</v>
      </c>
      <c r="E59758" s="15">
        <v>45639</v>
      </c>
      <c r="F59758" s="14" t="s">
        <v>15</v>
      </c>
      <c r="G59758" s="16">
        <v>4.2838598795433773</v>
      </c>
    </row>
    <row r="59759" spans="1:7" x14ac:dyDescent="0.3">
      <c r="A59759" s="13" t="s">
        <v>322</v>
      </c>
      <c r="B59759" s="14" t="s">
        <v>1</v>
      </c>
      <c r="C59759" s="14" t="s">
        <v>23</v>
      </c>
      <c r="D59759" s="14" t="s">
        <v>323</v>
      </c>
      <c r="E59759" s="15">
        <v>45640</v>
      </c>
      <c r="F59759" s="14" t="s">
        <v>15</v>
      </c>
      <c r="G59759" s="16">
        <v>4.2838598795433773</v>
      </c>
    </row>
    <row r="59760" spans="1:7" x14ac:dyDescent="0.3">
      <c r="A59760" s="13" t="s">
        <v>322</v>
      </c>
      <c r="B59760" s="14" t="s">
        <v>1</v>
      </c>
      <c r="C59760" s="14" t="s">
        <v>23</v>
      </c>
      <c r="D59760" s="14" t="s">
        <v>323</v>
      </c>
      <c r="E59760" s="15">
        <v>45641</v>
      </c>
      <c r="F59760" s="14" t="s">
        <v>15</v>
      </c>
      <c r="G59760" s="16">
        <v>4.2838598795433773</v>
      </c>
    </row>
    <row r="59761" spans="1:7" x14ac:dyDescent="0.3">
      <c r="A59761" s="13" t="s">
        <v>322</v>
      </c>
      <c r="B59761" s="14" t="s">
        <v>1</v>
      </c>
      <c r="C59761" s="14" t="s">
        <v>23</v>
      </c>
      <c r="D59761" s="14" t="s">
        <v>323</v>
      </c>
      <c r="E59761" s="15">
        <v>45642</v>
      </c>
      <c r="F59761" s="14" t="s">
        <v>15</v>
      </c>
      <c r="G59761" s="16">
        <v>4.3009404602383974</v>
      </c>
    </row>
    <row r="59762" spans="1:7" x14ac:dyDescent="0.3">
      <c r="A59762" s="13" t="s">
        <v>322</v>
      </c>
      <c r="B59762" s="14" t="s">
        <v>1</v>
      </c>
      <c r="C59762" s="14" t="s">
        <v>23</v>
      </c>
      <c r="D59762" s="14" t="s">
        <v>323</v>
      </c>
      <c r="E59762" s="15">
        <v>45643</v>
      </c>
      <c r="F59762" s="14" t="s">
        <v>15</v>
      </c>
      <c r="G59762" s="16">
        <v>4.3490210409334171</v>
      </c>
    </row>
    <row r="59763" spans="1:7" x14ac:dyDescent="0.3">
      <c r="A59763" s="13" t="s">
        <v>322</v>
      </c>
      <c r="B59763" s="14" t="s">
        <v>1</v>
      </c>
      <c r="C59763" s="14" t="s">
        <v>23</v>
      </c>
      <c r="D59763" s="14" t="s">
        <v>323</v>
      </c>
      <c r="E59763" s="15">
        <v>45644</v>
      </c>
      <c r="F59763" s="14" t="s">
        <v>15</v>
      </c>
      <c r="G59763" s="16">
        <v>4.3661016216284363</v>
      </c>
    </row>
    <row r="59764" spans="1:7" x14ac:dyDescent="0.3">
      <c r="A59764" s="13" t="s">
        <v>322</v>
      </c>
      <c r="B59764" s="14" t="s">
        <v>1</v>
      </c>
      <c r="C59764" s="14" t="s">
        <v>23</v>
      </c>
      <c r="D59764" s="14" t="s">
        <v>323</v>
      </c>
      <c r="E59764" s="15">
        <v>45645</v>
      </c>
      <c r="F59764" s="14" t="s">
        <v>15</v>
      </c>
      <c r="G59764" s="16">
        <v>4.382182202323456</v>
      </c>
    </row>
    <row r="59765" spans="1:7" x14ac:dyDescent="0.3">
      <c r="A59765" s="13" t="s">
        <v>322</v>
      </c>
      <c r="B59765" s="14" t="s">
        <v>1</v>
      </c>
      <c r="C59765" s="14" t="s">
        <v>23</v>
      </c>
      <c r="D59765" s="14" t="s">
        <v>323</v>
      </c>
      <c r="E59765" s="15">
        <v>45646</v>
      </c>
      <c r="F59765" s="14" t="s">
        <v>15</v>
      </c>
      <c r="G59765" s="16">
        <v>4.3982627830184757</v>
      </c>
    </row>
    <row r="59766" spans="1:7" x14ac:dyDescent="0.3">
      <c r="A59766" s="13" t="s">
        <v>322</v>
      </c>
      <c r="B59766" s="14" t="s">
        <v>1</v>
      </c>
      <c r="C59766" s="14" t="s">
        <v>23</v>
      </c>
      <c r="D59766" s="14" t="s">
        <v>323</v>
      </c>
      <c r="E59766" s="15">
        <v>45647</v>
      </c>
      <c r="F59766" s="14" t="s">
        <v>15</v>
      </c>
      <c r="G59766" s="16">
        <v>4.3982627830184757</v>
      </c>
    </row>
    <row r="59767" spans="1:7" x14ac:dyDescent="0.3">
      <c r="A59767" s="13" t="s">
        <v>322</v>
      </c>
      <c r="B59767" s="14" t="s">
        <v>1</v>
      </c>
      <c r="C59767" s="14" t="s">
        <v>23</v>
      </c>
      <c r="D59767" s="14" t="s">
        <v>323</v>
      </c>
      <c r="E59767" s="15">
        <v>45648</v>
      </c>
      <c r="F59767" s="14" t="s">
        <v>15</v>
      </c>
      <c r="G59767" s="16">
        <v>4.3982627830184757</v>
      </c>
    </row>
    <row r="59768" spans="1:7" x14ac:dyDescent="0.3">
      <c r="A59768" s="13" t="s">
        <v>322</v>
      </c>
      <c r="B59768" s="14" t="s">
        <v>1</v>
      </c>
      <c r="C59768" s="14" t="s">
        <v>23</v>
      </c>
      <c r="D59768" s="14" t="s">
        <v>323</v>
      </c>
      <c r="E59768" s="15">
        <v>45649</v>
      </c>
      <c r="F59768" s="14" t="s">
        <v>15</v>
      </c>
      <c r="G59768" s="16">
        <v>4.3753433637134949</v>
      </c>
    </row>
    <row r="59769" spans="1:7" x14ac:dyDescent="0.3">
      <c r="A59769" s="13" t="s">
        <v>322</v>
      </c>
      <c r="B59769" s="14" t="s">
        <v>1</v>
      </c>
      <c r="C59769" s="14" t="s">
        <v>23</v>
      </c>
      <c r="D59769" s="14" t="s">
        <v>323</v>
      </c>
      <c r="E59769" s="15">
        <v>45650</v>
      </c>
      <c r="F59769" s="14" t="s">
        <v>15</v>
      </c>
      <c r="G59769" s="16">
        <v>4.4194239444085142</v>
      </c>
    </row>
    <row r="59770" spans="1:7" x14ac:dyDescent="0.3">
      <c r="A59770" s="13" t="s">
        <v>322</v>
      </c>
      <c r="B59770" s="14" t="s">
        <v>1</v>
      </c>
      <c r="C59770" s="14" t="s">
        <v>23</v>
      </c>
      <c r="D59770" s="14" t="s">
        <v>323</v>
      </c>
      <c r="E59770" s="15">
        <v>45651</v>
      </c>
      <c r="F59770" s="14" t="s">
        <v>15</v>
      </c>
      <c r="G59770" s="16">
        <v>4.4194239444085142</v>
      </c>
    </row>
    <row r="59771" spans="1:7" x14ac:dyDescent="0.3">
      <c r="A59771" s="13" t="s">
        <v>322</v>
      </c>
      <c r="B59771" s="14" t="s">
        <v>1</v>
      </c>
      <c r="C59771" s="14" t="s">
        <v>23</v>
      </c>
      <c r="D59771" s="14" t="s">
        <v>323</v>
      </c>
      <c r="E59771" s="15">
        <v>45652</v>
      </c>
      <c r="F59771" s="14" t="s">
        <v>15</v>
      </c>
      <c r="G59771" s="16">
        <v>4.4194239444085142</v>
      </c>
    </row>
    <row r="59772" spans="1:7" x14ac:dyDescent="0.3">
      <c r="A59772" s="13" t="s">
        <v>322</v>
      </c>
      <c r="B59772" s="14" t="s">
        <v>1</v>
      </c>
      <c r="C59772" s="14" t="s">
        <v>23</v>
      </c>
      <c r="D59772" s="14" t="s">
        <v>323</v>
      </c>
      <c r="E59772" s="15">
        <v>45653</v>
      </c>
      <c r="F59772" s="14" t="s">
        <v>15</v>
      </c>
      <c r="G59772" s="16">
        <v>4.4194239444085142</v>
      </c>
    </row>
    <row r="59773" spans="1:7" x14ac:dyDescent="0.3">
      <c r="A59773" s="13" t="s">
        <v>322</v>
      </c>
      <c r="B59773" s="14" t="s">
        <v>1</v>
      </c>
      <c r="C59773" s="14" t="s">
        <v>23</v>
      </c>
      <c r="D59773" s="14" t="s">
        <v>323</v>
      </c>
      <c r="E59773" s="15">
        <v>45654</v>
      </c>
      <c r="F59773" s="14" t="s">
        <v>15</v>
      </c>
      <c r="G59773" s="16">
        <v>4.4194239444085142</v>
      </c>
    </row>
    <row r="59774" spans="1:7" x14ac:dyDescent="0.3">
      <c r="A59774" s="13" t="s">
        <v>322</v>
      </c>
      <c r="B59774" s="14" t="s">
        <v>1</v>
      </c>
      <c r="C59774" s="14" t="s">
        <v>23</v>
      </c>
      <c r="D59774" s="14" t="s">
        <v>323</v>
      </c>
      <c r="E59774" s="15">
        <v>45655</v>
      </c>
      <c r="F59774" s="14" t="s">
        <v>15</v>
      </c>
      <c r="G59774" s="16">
        <v>4.4194239444085142</v>
      </c>
    </row>
    <row r="59775" spans="1:7" x14ac:dyDescent="0.3">
      <c r="A59775" s="13" t="s">
        <v>322</v>
      </c>
      <c r="B59775" s="14" t="s">
        <v>1</v>
      </c>
      <c r="C59775" s="14" t="s">
        <v>23</v>
      </c>
      <c r="D59775" s="14" t="s">
        <v>323</v>
      </c>
      <c r="E59775" s="15">
        <v>45656</v>
      </c>
      <c r="F59775" s="14" t="s">
        <v>15</v>
      </c>
      <c r="G59775" s="16">
        <v>4.4365045251035342</v>
      </c>
    </row>
    <row r="59776" spans="1:7" x14ac:dyDescent="0.3">
      <c r="A59776" s="13" t="s">
        <v>322</v>
      </c>
      <c r="B59776" s="14" t="s">
        <v>1</v>
      </c>
      <c r="C59776" s="14" t="s">
        <v>23</v>
      </c>
      <c r="D59776" s="14" t="s">
        <v>323</v>
      </c>
      <c r="E59776" s="15">
        <v>45657</v>
      </c>
      <c r="F59776" s="14" t="s">
        <v>15</v>
      </c>
      <c r="G59776" s="16">
        <v>4.5395851057985537</v>
      </c>
    </row>
    <row r="59777" spans="1:7" x14ac:dyDescent="0.3">
      <c r="A59777" s="13" t="s">
        <v>322</v>
      </c>
      <c r="B59777" s="14" t="s">
        <v>1</v>
      </c>
      <c r="C59777" s="14" t="s">
        <v>23</v>
      </c>
      <c r="D59777" s="14" t="s">
        <v>323</v>
      </c>
      <c r="E59777" s="15">
        <v>45658</v>
      </c>
      <c r="F59777" s="14" t="s">
        <v>15</v>
      </c>
      <c r="G59777" s="16">
        <v>4.5395851057985537</v>
      </c>
    </row>
    <row r="59778" spans="1:7" x14ac:dyDescent="0.3">
      <c r="A59778" s="13" t="s">
        <v>322</v>
      </c>
      <c r="B59778" s="14" t="s">
        <v>1</v>
      </c>
      <c r="C59778" s="14" t="s">
        <v>23</v>
      </c>
      <c r="D59778" s="14" t="s">
        <v>323</v>
      </c>
      <c r="E59778" s="15">
        <v>45659</v>
      </c>
      <c r="F59778" s="14" t="s">
        <v>15</v>
      </c>
      <c r="G59778" s="16">
        <v>4.5546656864935731</v>
      </c>
    </row>
    <row r="59779" spans="1:7" x14ac:dyDescent="0.3">
      <c r="A59779" s="13" t="s">
        <v>322</v>
      </c>
      <c r="B59779" s="14" t="s">
        <v>1</v>
      </c>
      <c r="C59779" s="14" t="s">
        <v>23</v>
      </c>
      <c r="D59779" s="14" t="s">
        <v>323</v>
      </c>
      <c r="E59779" s="15">
        <v>45660</v>
      </c>
      <c r="F59779" s="14" t="s">
        <v>15</v>
      </c>
      <c r="G59779" s="16">
        <v>4.5777462671885925</v>
      </c>
    </row>
    <row r="59780" spans="1:7" x14ac:dyDescent="0.3">
      <c r="A59780" s="13" t="s">
        <v>322</v>
      </c>
      <c r="B59780" s="14" t="s">
        <v>1</v>
      </c>
      <c r="C59780" s="14" t="s">
        <v>23</v>
      </c>
      <c r="D59780" s="14" t="s">
        <v>323</v>
      </c>
      <c r="E59780" s="15">
        <v>45661</v>
      </c>
      <c r="F59780" s="14" t="s">
        <v>15</v>
      </c>
      <c r="G59780" s="16">
        <v>4.5777462671885925</v>
      </c>
    </row>
    <row r="59781" spans="1:7" x14ac:dyDescent="0.3">
      <c r="A59781" s="13" t="s">
        <v>322</v>
      </c>
      <c r="B59781" s="14" t="s">
        <v>1</v>
      </c>
      <c r="C59781" s="14" t="s">
        <v>23</v>
      </c>
      <c r="D59781" s="14" t="s">
        <v>323</v>
      </c>
      <c r="E59781" s="15">
        <v>45662</v>
      </c>
      <c r="F59781" s="14" t="s">
        <v>15</v>
      </c>
      <c r="G59781" s="16">
        <v>4.5777462671885925</v>
      </c>
    </row>
    <row r="59782" spans="1:7" x14ac:dyDescent="0.3">
      <c r="A59782" s="13" t="s">
        <v>322</v>
      </c>
      <c r="B59782" s="14" t="s">
        <v>1</v>
      </c>
      <c r="C59782" s="14" t="s">
        <v>23</v>
      </c>
      <c r="D59782" s="14" t="s">
        <v>323</v>
      </c>
      <c r="E59782" s="15">
        <v>45663</v>
      </c>
      <c r="F59782" s="14" t="s">
        <v>15</v>
      </c>
      <c r="G59782" s="16">
        <v>4.5948268478836125</v>
      </c>
    </row>
    <row r="59783" spans="1:7" x14ac:dyDescent="0.3">
      <c r="A59783" s="13" t="s">
        <v>322</v>
      </c>
      <c r="B59783" s="14" t="s">
        <v>1</v>
      </c>
      <c r="C59783" s="14" t="s">
        <v>23</v>
      </c>
      <c r="D59783" s="14" t="s">
        <v>323</v>
      </c>
      <c r="E59783" s="15">
        <v>45664</v>
      </c>
      <c r="F59783" s="14" t="s">
        <v>15</v>
      </c>
      <c r="G59783" s="16">
        <v>4.6459074285786324</v>
      </c>
    </row>
    <row r="59784" spans="1:7" x14ac:dyDescent="0.3">
      <c r="A59784" s="13" t="s">
        <v>322</v>
      </c>
      <c r="B59784" s="14" t="s">
        <v>1</v>
      </c>
      <c r="C59784" s="14" t="s">
        <v>23</v>
      </c>
      <c r="D59784" s="14" t="s">
        <v>323</v>
      </c>
      <c r="E59784" s="15">
        <v>45665</v>
      </c>
      <c r="F59784" s="14" t="s">
        <v>15</v>
      </c>
      <c r="G59784" s="16">
        <v>4.6639880092736519</v>
      </c>
    </row>
    <row r="59785" spans="1:7" x14ac:dyDescent="0.3">
      <c r="A59785" s="13" t="s">
        <v>322</v>
      </c>
      <c r="B59785" s="14" t="s">
        <v>1</v>
      </c>
      <c r="C59785" s="14" t="s">
        <v>23</v>
      </c>
      <c r="D59785" s="14" t="s">
        <v>323</v>
      </c>
      <c r="E59785" s="15">
        <v>45666</v>
      </c>
      <c r="F59785" s="14" t="s">
        <v>15</v>
      </c>
      <c r="G59785" s="16">
        <v>4.6639880092736519</v>
      </c>
    </row>
    <row r="59786" spans="1:7" x14ac:dyDescent="0.3">
      <c r="A59786" s="13" t="s">
        <v>322</v>
      </c>
      <c r="B59786" s="14" t="s">
        <v>1</v>
      </c>
      <c r="C59786" s="14" t="s">
        <v>23</v>
      </c>
      <c r="D59786" s="14" t="s">
        <v>323</v>
      </c>
      <c r="E59786" s="15">
        <v>45667</v>
      </c>
      <c r="F59786" s="14" t="s">
        <v>15</v>
      </c>
      <c r="G59786" s="16">
        <v>4.6860685899686718</v>
      </c>
    </row>
    <row r="59787" spans="1:7" x14ac:dyDescent="0.3">
      <c r="A59787" s="13" t="s">
        <v>322</v>
      </c>
      <c r="B59787" s="14" t="s">
        <v>1</v>
      </c>
      <c r="C59787" s="14" t="s">
        <v>23</v>
      </c>
      <c r="D59787" s="14" t="s">
        <v>323</v>
      </c>
      <c r="E59787" s="15">
        <v>45668</v>
      </c>
      <c r="F59787" s="14" t="s">
        <v>15</v>
      </c>
      <c r="G59787" s="16">
        <v>4.6860685899686718</v>
      </c>
    </row>
    <row r="59788" spans="1:7" x14ac:dyDescent="0.3">
      <c r="A59788" s="13" t="s">
        <v>322</v>
      </c>
      <c r="B59788" s="14" t="s">
        <v>1</v>
      </c>
      <c r="C59788" s="14" t="s">
        <v>23</v>
      </c>
      <c r="D59788" s="14" t="s">
        <v>323</v>
      </c>
      <c r="E59788" s="15">
        <v>45669</v>
      </c>
      <c r="F59788" s="14" t="s">
        <v>15</v>
      </c>
      <c r="G59788" s="16">
        <v>4.6860685899686718</v>
      </c>
    </row>
    <row r="59789" spans="1:7" x14ac:dyDescent="0.3">
      <c r="A59789" s="13" t="s">
        <v>322</v>
      </c>
      <c r="B59789" s="14" t="s">
        <v>1</v>
      </c>
      <c r="C59789" s="14" t="s">
        <v>23</v>
      </c>
      <c r="D59789" s="14" t="s">
        <v>323</v>
      </c>
      <c r="E59789" s="15">
        <v>45670</v>
      </c>
      <c r="F59789" s="14" t="s">
        <v>15</v>
      </c>
      <c r="G59789" s="16">
        <v>4.7221491706636911</v>
      </c>
    </row>
    <row r="59790" spans="1:7" x14ac:dyDescent="0.3">
      <c r="A59790" s="13" t="s">
        <v>322</v>
      </c>
      <c r="B59790" s="14" t="s">
        <v>1</v>
      </c>
      <c r="C59790" s="14" t="s">
        <v>23</v>
      </c>
      <c r="D59790" s="14" t="s">
        <v>323</v>
      </c>
      <c r="E59790" s="15">
        <v>45671</v>
      </c>
      <c r="F59790" s="14" t="s">
        <v>15</v>
      </c>
      <c r="G59790" s="16">
        <v>4.7672297513587107</v>
      </c>
    </row>
    <row r="59791" spans="1:7" x14ac:dyDescent="0.3">
      <c r="A59791" s="13" t="s">
        <v>322</v>
      </c>
      <c r="B59791" s="14" t="s">
        <v>1</v>
      </c>
      <c r="C59791" s="14" t="s">
        <v>23</v>
      </c>
      <c r="D59791" s="14" t="s">
        <v>323</v>
      </c>
      <c r="E59791" s="15">
        <v>45672</v>
      </c>
      <c r="F59791" s="14" t="s">
        <v>15</v>
      </c>
      <c r="G59791" s="16">
        <v>4.7843103320537299</v>
      </c>
    </row>
    <row r="59792" spans="1:7" x14ac:dyDescent="0.3">
      <c r="A59792" s="13" t="s">
        <v>322</v>
      </c>
      <c r="B59792" s="14" t="s">
        <v>1</v>
      </c>
      <c r="C59792" s="14" t="s">
        <v>23</v>
      </c>
      <c r="D59792" s="14" t="s">
        <v>323</v>
      </c>
      <c r="E59792" s="15">
        <v>45673</v>
      </c>
      <c r="F59792" s="14" t="s">
        <v>15</v>
      </c>
      <c r="G59792" s="16">
        <v>4.80139091274875</v>
      </c>
    </row>
    <row r="59793" spans="1:7" x14ac:dyDescent="0.3">
      <c r="A59793" s="13" t="s">
        <v>322</v>
      </c>
      <c r="B59793" s="14" t="s">
        <v>1</v>
      </c>
      <c r="C59793" s="14" t="s">
        <v>23</v>
      </c>
      <c r="D59793" s="14" t="s">
        <v>323</v>
      </c>
      <c r="E59793" s="15">
        <v>45674</v>
      </c>
      <c r="F59793" s="14" t="s">
        <v>15</v>
      </c>
      <c r="G59793" s="16">
        <v>4.8104714934437691</v>
      </c>
    </row>
    <row r="59794" spans="1:7" x14ac:dyDescent="0.3">
      <c r="A59794" s="13" t="s">
        <v>322</v>
      </c>
      <c r="B59794" s="14" t="s">
        <v>1</v>
      </c>
      <c r="C59794" s="14" t="s">
        <v>23</v>
      </c>
      <c r="D59794" s="14" t="s">
        <v>323</v>
      </c>
      <c r="E59794" s="15">
        <v>45675</v>
      </c>
      <c r="F59794" s="14" t="s">
        <v>15</v>
      </c>
      <c r="G59794" s="16">
        <v>4.8104714934437691</v>
      </c>
    </row>
    <row r="59795" spans="1:7" x14ac:dyDescent="0.3">
      <c r="A59795" s="13" t="s">
        <v>322</v>
      </c>
      <c r="B59795" s="14" t="s">
        <v>1</v>
      </c>
      <c r="C59795" s="14" t="s">
        <v>23</v>
      </c>
      <c r="D59795" s="14" t="s">
        <v>323</v>
      </c>
      <c r="E59795" s="15">
        <v>45676</v>
      </c>
      <c r="F59795" s="14" t="s">
        <v>15</v>
      </c>
      <c r="G59795" s="16">
        <v>4.8104714934437691</v>
      </c>
    </row>
    <row r="59796" spans="1:7" x14ac:dyDescent="0.3">
      <c r="A59796" s="13" t="s">
        <v>322</v>
      </c>
      <c r="B59796" s="14" t="s">
        <v>1</v>
      </c>
      <c r="C59796" s="14" t="s">
        <v>23</v>
      </c>
      <c r="D59796" s="14" t="s">
        <v>323</v>
      </c>
      <c r="E59796" s="15">
        <v>45677</v>
      </c>
      <c r="F59796" s="14" t="s">
        <v>15</v>
      </c>
      <c r="G59796" s="16">
        <v>4.8104714934437691</v>
      </c>
    </row>
    <row r="59797" spans="1:7" x14ac:dyDescent="0.3">
      <c r="A59797" s="13" t="s">
        <v>322</v>
      </c>
      <c r="B59797" s="14" t="s">
        <v>1</v>
      </c>
      <c r="C59797" s="14" t="s">
        <v>23</v>
      </c>
      <c r="D59797" s="14" t="s">
        <v>323</v>
      </c>
      <c r="E59797" s="15">
        <v>45678</v>
      </c>
      <c r="F59797" s="14" t="s">
        <v>15</v>
      </c>
      <c r="G59797" s="16">
        <v>4.8285520741387895</v>
      </c>
    </row>
    <row r="59798" spans="1:7" x14ac:dyDescent="0.3">
      <c r="A59798" s="13" t="s">
        <v>322</v>
      </c>
      <c r="B59798" s="14" t="s">
        <v>1</v>
      </c>
      <c r="C59798" s="14" t="s">
        <v>23</v>
      </c>
      <c r="D59798" s="14" t="s">
        <v>323</v>
      </c>
      <c r="E59798" s="15">
        <v>45679</v>
      </c>
      <c r="F59798" s="14" t="s">
        <v>15</v>
      </c>
      <c r="G59798" s="16">
        <v>4.8906326548338086</v>
      </c>
    </row>
    <row r="59799" spans="1:7" x14ac:dyDescent="0.3">
      <c r="A59799" s="13" t="s">
        <v>322</v>
      </c>
      <c r="B59799" s="14" t="s">
        <v>1</v>
      </c>
      <c r="C59799" s="14" t="s">
        <v>23</v>
      </c>
      <c r="D59799" s="14" t="s">
        <v>323</v>
      </c>
      <c r="E59799" s="15">
        <v>45680</v>
      </c>
      <c r="F59799" s="14" t="s">
        <v>15</v>
      </c>
      <c r="G59799" s="16">
        <v>4.9067132355288283</v>
      </c>
    </row>
    <row r="59800" spans="1:7" x14ac:dyDescent="0.3">
      <c r="A59800" s="13" t="s">
        <v>322</v>
      </c>
      <c r="B59800" s="14" t="s">
        <v>1</v>
      </c>
      <c r="C59800" s="14" t="s">
        <v>23</v>
      </c>
      <c r="D59800" s="14" t="s">
        <v>323</v>
      </c>
      <c r="E59800" s="15">
        <v>45681</v>
      </c>
      <c r="F59800" s="14" t="s">
        <v>15</v>
      </c>
      <c r="G59800" s="16">
        <v>4.9227938162238472</v>
      </c>
    </row>
    <row r="59801" spans="1:7" x14ac:dyDescent="0.3">
      <c r="A59801" s="13" t="s">
        <v>322</v>
      </c>
      <c r="B59801" s="14" t="s">
        <v>1</v>
      </c>
      <c r="C59801" s="14" t="s">
        <v>23</v>
      </c>
      <c r="D59801" s="14" t="s">
        <v>323</v>
      </c>
      <c r="E59801" s="15">
        <v>45682</v>
      </c>
      <c r="F59801" s="14" t="s">
        <v>15</v>
      </c>
      <c r="G59801" s="16">
        <v>4.9227938162238472</v>
      </c>
    </row>
    <row r="59802" spans="1:7" x14ac:dyDescent="0.3">
      <c r="A59802" s="13" t="s">
        <v>322</v>
      </c>
      <c r="B59802" s="14" t="s">
        <v>1</v>
      </c>
      <c r="C59802" s="14" t="s">
        <v>23</v>
      </c>
      <c r="D59802" s="14" t="s">
        <v>323</v>
      </c>
      <c r="E59802" s="15">
        <v>45683</v>
      </c>
      <c r="F59802" s="14" t="s">
        <v>15</v>
      </c>
      <c r="G59802" s="16">
        <v>4.9227938162238472</v>
      </c>
    </row>
    <row r="59803" spans="1:7" x14ac:dyDescent="0.3">
      <c r="A59803" s="13" t="s">
        <v>322</v>
      </c>
      <c r="B59803" s="14" t="s">
        <v>1</v>
      </c>
      <c r="C59803" s="14" t="s">
        <v>23</v>
      </c>
      <c r="D59803" s="14" t="s">
        <v>323</v>
      </c>
      <c r="E59803" s="15">
        <v>45684</v>
      </c>
      <c r="F59803" s="14" t="s">
        <v>15</v>
      </c>
      <c r="G59803" s="16">
        <v>4.9398743969188672</v>
      </c>
    </row>
    <row r="59804" spans="1:7" x14ac:dyDescent="0.3">
      <c r="A59804" s="13" t="s">
        <v>322</v>
      </c>
      <c r="B59804" s="14" t="s">
        <v>1</v>
      </c>
      <c r="C59804" s="14" t="s">
        <v>23</v>
      </c>
      <c r="D59804" s="14" t="s">
        <v>323</v>
      </c>
      <c r="E59804" s="15">
        <v>45685</v>
      </c>
      <c r="F59804" s="14" t="s">
        <v>15</v>
      </c>
      <c r="G59804" s="16">
        <v>4.9869549776138866</v>
      </c>
    </row>
    <row r="59805" spans="1:7" x14ac:dyDescent="0.3">
      <c r="A59805" s="13" t="s">
        <v>322</v>
      </c>
      <c r="B59805" s="14" t="s">
        <v>1</v>
      </c>
      <c r="C59805" s="14" t="s">
        <v>23</v>
      </c>
      <c r="D59805" s="14" t="s">
        <v>323</v>
      </c>
      <c r="E59805" s="15">
        <v>45686</v>
      </c>
      <c r="F59805" s="14" t="s">
        <v>15</v>
      </c>
      <c r="G59805" s="16">
        <v>5.0030355583089063</v>
      </c>
    </row>
    <row r="59806" spans="1:7" x14ac:dyDescent="0.3">
      <c r="A59806" s="13" t="s">
        <v>322</v>
      </c>
      <c r="B59806" s="14" t="s">
        <v>1</v>
      </c>
      <c r="C59806" s="14" t="s">
        <v>23</v>
      </c>
      <c r="D59806" s="14" t="s">
        <v>323</v>
      </c>
      <c r="E59806" s="15">
        <v>45687</v>
      </c>
      <c r="F59806" s="14" t="s">
        <v>15</v>
      </c>
      <c r="G59806" s="16">
        <v>5.0201161390039264</v>
      </c>
    </row>
    <row r="59807" spans="1:7" x14ac:dyDescent="0.3">
      <c r="A59807" s="13" t="s">
        <v>322</v>
      </c>
      <c r="B59807" s="14" t="s">
        <v>1</v>
      </c>
      <c r="C59807" s="14" t="s">
        <v>23</v>
      </c>
      <c r="D59807" s="14" t="s">
        <v>323</v>
      </c>
      <c r="E59807" s="15">
        <v>45688</v>
      </c>
      <c r="F59807" s="14" t="s">
        <v>15</v>
      </c>
      <c r="G59807" s="16">
        <v>5.0361967196989452</v>
      </c>
    </row>
    <row r="59808" spans="1:7" x14ac:dyDescent="0.3">
      <c r="A59808" s="13" t="s">
        <v>322</v>
      </c>
      <c r="B59808" s="14" t="s">
        <v>1</v>
      </c>
      <c r="C59808" s="14" t="s">
        <v>23</v>
      </c>
      <c r="D59808" s="14" t="s">
        <v>323</v>
      </c>
      <c r="E59808" s="15">
        <v>45689</v>
      </c>
      <c r="F59808" s="14" t="s">
        <v>15</v>
      </c>
      <c r="G59808" s="16">
        <v>5.0361967196989452</v>
      </c>
    </row>
    <row r="59809" spans="1:7" x14ac:dyDescent="0.3">
      <c r="A59809" s="13" t="s">
        <v>322</v>
      </c>
      <c r="B59809" s="14" t="s">
        <v>1</v>
      </c>
      <c r="C59809" s="14" t="s">
        <v>23</v>
      </c>
      <c r="D59809" s="14" t="s">
        <v>323</v>
      </c>
      <c r="E59809" s="15">
        <v>45690</v>
      </c>
      <c r="F59809" s="14" t="s">
        <v>15</v>
      </c>
      <c r="G59809" s="16">
        <v>5.0361967196989452</v>
      </c>
    </row>
    <row r="59810" spans="1:7" x14ac:dyDescent="0.3">
      <c r="A59810" s="13" t="s">
        <v>322</v>
      </c>
      <c r="B59810" s="14" t="s">
        <v>1</v>
      </c>
      <c r="C59810" s="14" t="s">
        <v>23</v>
      </c>
      <c r="D59810" s="14" t="s">
        <v>323</v>
      </c>
      <c r="E59810" s="15">
        <v>45691</v>
      </c>
      <c r="F59810" s="14" t="s">
        <v>15</v>
      </c>
      <c r="G59810" s="16">
        <v>5.0361967196989452</v>
      </c>
    </row>
    <row r="59811" spans="1:7" x14ac:dyDescent="0.3">
      <c r="A59811" s="13" t="s">
        <v>322</v>
      </c>
      <c r="B59811" s="14" t="s">
        <v>1</v>
      </c>
      <c r="C59811" s="14" t="s">
        <v>23</v>
      </c>
      <c r="D59811" s="14" t="s">
        <v>323</v>
      </c>
      <c r="E59811" s="15">
        <v>45692</v>
      </c>
      <c r="F59811" s="14" t="s">
        <v>15</v>
      </c>
      <c r="G59811" s="16">
        <v>5.0512773003939646</v>
      </c>
    </row>
    <row r="59812" spans="1:7" x14ac:dyDescent="0.3">
      <c r="A59812" s="13" t="s">
        <v>322</v>
      </c>
      <c r="B59812" s="14" t="s">
        <v>1</v>
      </c>
      <c r="C59812" s="14" t="s">
        <v>23</v>
      </c>
      <c r="D59812" s="14" t="s">
        <v>323</v>
      </c>
      <c r="E59812" s="15">
        <v>45693</v>
      </c>
      <c r="F59812" s="14" t="s">
        <v>15</v>
      </c>
      <c r="G59812" s="16">
        <v>5.1043578810889851</v>
      </c>
    </row>
    <row r="59813" spans="1:7" x14ac:dyDescent="0.3">
      <c r="A59813" s="13" t="s">
        <v>322</v>
      </c>
      <c r="B59813" s="14" t="s">
        <v>1</v>
      </c>
      <c r="C59813" s="14" t="s">
        <v>23</v>
      </c>
      <c r="D59813" s="14" t="s">
        <v>323</v>
      </c>
      <c r="E59813" s="15">
        <v>45694</v>
      </c>
      <c r="F59813" s="14" t="s">
        <v>15</v>
      </c>
      <c r="G59813" s="16">
        <v>5.120438461784004</v>
      </c>
    </row>
    <row r="59814" spans="1:7" x14ac:dyDescent="0.3">
      <c r="A59814" s="13" t="s">
        <v>322</v>
      </c>
      <c r="B59814" s="14" t="s">
        <v>1</v>
      </c>
      <c r="C59814" s="14" t="s">
        <v>23</v>
      </c>
      <c r="D59814" s="14" t="s">
        <v>323</v>
      </c>
      <c r="E59814" s="15">
        <v>45695</v>
      </c>
      <c r="F59814" s="14" t="s">
        <v>15</v>
      </c>
      <c r="G59814" s="16">
        <v>5.1365190424790237</v>
      </c>
    </row>
    <row r="59815" spans="1:7" x14ac:dyDescent="0.3">
      <c r="A59815" s="13" t="s">
        <v>322</v>
      </c>
      <c r="B59815" s="14" t="s">
        <v>1</v>
      </c>
      <c r="C59815" s="14" t="s">
        <v>23</v>
      </c>
      <c r="D59815" s="14" t="s">
        <v>323</v>
      </c>
      <c r="E59815" s="15">
        <v>45696</v>
      </c>
      <c r="F59815" s="14" t="s">
        <v>15</v>
      </c>
      <c r="G59815" s="16">
        <v>5.1365190424790237</v>
      </c>
    </row>
    <row r="59816" spans="1:7" x14ac:dyDescent="0.3">
      <c r="A59816" s="13" t="s">
        <v>322</v>
      </c>
      <c r="B59816" s="14" t="s">
        <v>1</v>
      </c>
      <c r="C59816" s="14" t="s">
        <v>23</v>
      </c>
      <c r="D59816" s="14" t="s">
        <v>323</v>
      </c>
      <c r="E59816" s="15">
        <v>45697</v>
      </c>
      <c r="F59816" s="14" t="s">
        <v>15</v>
      </c>
      <c r="G59816" s="16">
        <v>5.1365190424790237</v>
      </c>
    </row>
    <row r="59817" spans="1:7" x14ac:dyDescent="0.3">
      <c r="A59817" s="13" t="s">
        <v>322</v>
      </c>
      <c r="B59817" s="14" t="s">
        <v>1</v>
      </c>
      <c r="C59817" s="14" t="s">
        <v>23</v>
      </c>
      <c r="D59817" s="14" t="s">
        <v>323</v>
      </c>
      <c r="E59817" s="15">
        <v>45698</v>
      </c>
      <c r="F59817" s="14" t="s">
        <v>15</v>
      </c>
      <c r="G59817" s="16">
        <v>5.1615996231740429</v>
      </c>
    </row>
    <row r="59818" spans="1:7" x14ac:dyDescent="0.3">
      <c r="A59818" s="13" t="s">
        <v>322</v>
      </c>
      <c r="B59818" s="14" t="s">
        <v>1</v>
      </c>
      <c r="C59818" s="14" t="s">
        <v>23</v>
      </c>
      <c r="D59818" s="14" t="s">
        <v>323</v>
      </c>
      <c r="E59818" s="15">
        <v>45699</v>
      </c>
      <c r="F59818" s="14" t="s">
        <v>15</v>
      </c>
      <c r="G59818" s="16">
        <v>5.2096802038690626</v>
      </c>
    </row>
    <row r="59819" spans="1:7" x14ac:dyDescent="0.3">
      <c r="A59819" s="13" t="s">
        <v>322</v>
      </c>
      <c r="B59819" s="14" t="s">
        <v>1</v>
      </c>
      <c r="C59819" s="14" t="s">
        <v>23</v>
      </c>
      <c r="D59819" s="14" t="s">
        <v>323</v>
      </c>
      <c r="E59819" s="15">
        <v>45700</v>
      </c>
      <c r="F59819" s="14" t="s">
        <v>15</v>
      </c>
      <c r="G59819" s="16">
        <v>5.2267607845640827</v>
      </c>
    </row>
    <row r="59820" spans="1:7" x14ac:dyDescent="0.3">
      <c r="A59820" s="13" t="s">
        <v>322</v>
      </c>
      <c r="B59820" s="14" t="s">
        <v>1</v>
      </c>
      <c r="C59820" s="14" t="s">
        <v>23</v>
      </c>
      <c r="D59820" s="14" t="s">
        <v>323</v>
      </c>
      <c r="E59820" s="15">
        <v>45701</v>
      </c>
      <c r="F59820" s="14" t="s">
        <v>15</v>
      </c>
      <c r="G59820" s="16">
        <v>5.2448413652591022</v>
      </c>
    </row>
    <row r="59821" spans="1:7" x14ac:dyDescent="0.3">
      <c r="A59821" s="13" t="s">
        <v>322</v>
      </c>
      <c r="B59821" s="14" t="s">
        <v>1</v>
      </c>
      <c r="C59821" s="14" t="s">
        <v>23</v>
      </c>
      <c r="D59821" s="14" t="s">
        <v>323</v>
      </c>
      <c r="E59821" s="15">
        <v>45702</v>
      </c>
      <c r="F59821" s="14" t="s">
        <v>15</v>
      </c>
      <c r="G59821" s="16">
        <v>5.2619219459541222</v>
      </c>
    </row>
    <row r="59822" spans="1:7" x14ac:dyDescent="0.3">
      <c r="A59822" s="13" t="s">
        <v>322</v>
      </c>
      <c r="B59822" s="14" t="s">
        <v>1</v>
      </c>
      <c r="C59822" s="14" t="s">
        <v>23</v>
      </c>
      <c r="D59822" s="14" t="s">
        <v>323</v>
      </c>
      <c r="E59822" s="15">
        <v>45703</v>
      </c>
      <c r="F59822" s="14" t="s">
        <v>15</v>
      </c>
      <c r="G59822" s="16">
        <v>5.2619219459541222</v>
      </c>
    </row>
    <row r="59823" spans="1:7" x14ac:dyDescent="0.3">
      <c r="A59823" s="13" t="s">
        <v>322</v>
      </c>
      <c r="B59823" s="14" t="s">
        <v>1</v>
      </c>
      <c r="C59823" s="14" t="s">
        <v>23</v>
      </c>
      <c r="D59823" s="14" t="s">
        <v>323</v>
      </c>
      <c r="E59823" s="15">
        <v>45704</v>
      </c>
      <c r="F59823" s="14" t="s">
        <v>15</v>
      </c>
      <c r="G59823" s="16">
        <v>5.2619219459541222</v>
      </c>
    </row>
    <row r="59824" spans="1:7" x14ac:dyDescent="0.3">
      <c r="A59824" s="13" t="s">
        <v>322</v>
      </c>
      <c r="B59824" s="14" t="s">
        <v>1</v>
      </c>
      <c r="C59824" s="14" t="s">
        <v>23</v>
      </c>
      <c r="D59824" s="14" t="s">
        <v>323</v>
      </c>
      <c r="E59824" s="15">
        <v>45705</v>
      </c>
      <c r="F59824" s="14" t="s">
        <v>15</v>
      </c>
      <c r="G59824" s="16">
        <v>5.2619219459541222</v>
      </c>
    </row>
    <row r="59825" spans="1:7" x14ac:dyDescent="0.3">
      <c r="A59825" s="13" t="s">
        <v>322</v>
      </c>
      <c r="B59825" s="14" t="s">
        <v>1</v>
      </c>
      <c r="C59825" s="14" t="s">
        <v>23</v>
      </c>
      <c r="D59825" s="14" t="s">
        <v>323</v>
      </c>
      <c r="E59825" s="15">
        <v>45706</v>
      </c>
      <c r="F59825" s="14" t="s">
        <v>15</v>
      </c>
      <c r="G59825" s="16">
        <v>5.2790025266491423</v>
      </c>
    </row>
    <row r="59826" spans="1:7" x14ac:dyDescent="0.3">
      <c r="A59826" s="13" t="s">
        <v>322</v>
      </c>
      <c r="B59826" s="14" t="s">
        <v>1</v>
      </c>
      <c r="C59826" s="14" t="s">
        <v>23</v>
      </c>
      <c r="D59826" s="14" t="s">
        <v>323</v>
      </c>
      <c r="E59826" s="15">
        <v>45707</v>
      </c>
      <c r="F59826" s="14" t="s">
        <v>15</v>
      </c>
      <c r="G59826" s="16">
        <v>5.3420831073441617</v>
      </c>
    </row>
    <row r="59827" spans="1:7" x14ac:dyDescent="0.3">
      <c r="A59827" s="13" t="s">
        <v>322</v>
      </c>
      <c r="B59827" s="14" t="s">
        <v>1</v>
      </c>
      <c r="C59827" s="14" t="s">
        <v>23</v>
      </c>
      <c r="D59827" s="14" t="s">
        <v>323</v>
      </c>
      <c r="E59827" s="15">
        <v>45708</v>
      </c>
      <c r="F59827" s="14" t="s">
        <v>15</v>
      </c>
      <c r="G59827" s="16">
        <v>5.3591636880391817</v>
      </c>
    </row>
    <row r="59828" spans="1:7" x14ac:dyDescent="0.3">
      <c r="A59828" s="13" t="s">
        <v>322</v>
      </c>
      <c r="B59828" s="14" t="s">
        <v>1</v>
      </c>
      <c r="C59828" s="14" t="s">
        <v>23</v>
      </c>
      <c r="D59828" s="14" t="s">
        <v>323</v>
      </c>
      <c r="E59828" s="15">
        <v>45709</v>
      </c>
      <c r="F59828" s="14" t="s">
        <v>15</v>
      </c>
      <c r="G59828" s="16">
        <v>5.3702442687342016</v>
      </c>
    </row>
    <row r="59829" spans="1:7" x14ac:dyDescent="0.3">
      <c r="A59829" s="13" t="s">
        <v>322</v>
      </c>
      <c r="B59829" s="14" t="s">
        <v>1</v>
      </c>
      <c r="C59829" s="14" t="s">
        <v>23</v>
      </c>
      <c r="D59829" s="14" t="s">
        <v>323</v>
      </c>
      <c r="E59829" s="15">
        <v>45710</v>
      </c>
      <c r="F59829" s="14" t="s">
        <v>15</v>
      </c>
      <c r="G59829" s="16">
        <v>5.3702442687342016</v>
      </c>
    </row>
    <row r="59830" spans="1:7" x14ac:dyDescent="0.3">
      <c r="A59830" s="13" t="s">
        <v>322</v>
      </c>
      <c r="B59830" s="14" t="s">
        <v>1</v>
      </c>
      <c r="C59830" s="14" t="s">
        <v>23</v>
      </c>
      <c r="D59830" s="14" t="s">
        <v>323</v>
      </c>
      <c r="E59830" s="15">
        <v>45711</v>
      </c>
      <c r="F59830" s="14" t="s">
        <v>15</v>
      </c>
      <c r="G59830" s="16">
        <v>5.3702442687342016</v>
      </c>
    </row>
    <row r="59831" spans="1:7" x14ac:dyDescent="0.3">
      <c r="A59831" s="13" t="s">
        <v>322</v>
      </c>
      <c r="B59831" s="14" t="s">
        <v>1</v>
      </c>
      <c r="C59831" s="14" t="s">
        <v>23</v>
      </c>
      <c r="D59831" s="14" t="s">
        <v>323</v>
      </c>
      <c r="E59831" s="15">
        <v>45712</v>
      </c>
      <c r="F59831" s="14" t="s">
        <v>15</v>
      </c>
      <c r="G59831" s="16">
        <v>5.3843248494292215</v>
      </c>
    </row>
    <row r="59832" spans="1:7" x14ac:dyDescent="0.3">
      <c r="A59832" s="13" t="s">
        <v>322</v>
      </c>
      <c r="B59832" s="14" t="s">
        <v>1</v>
      </c>
      <c r="C59832" s="14" t="s">
        <v>23</v>
      </c>
      <c r="D59832" s="14" t="s">
        <v>323</v>
      </c>
      <c r="E59832" s="15">
        <v>45713</v>
      </c>
      <c r="F59832" s="14" t="s">
        <v>15</v>
      </c>
      <c r="G59832" s="16">
        <v>5.4324054301242404</v>
      </c>
    </row>
    <row r="59833" spans="1:7" x14ac:dyDescent="0.3">
      <c r="A59833" s="13" t="s">
        <v>322</v>
      </c>
      <c r="B59833" s="14" t="s">
        <v>1</v>
      </c>
      <c r="C59833" s="14" t="s">
        <v>23</v>
      </c>
      <c r="D59833" s="14" t="s">
        <v>323</v>
      </c>
      <c r="E59833" s="15">
        <v>45714</v>
      </c>
      <c r="F59833" s="14" t="s">
        <v>15</v>
      </c>
      <c r="G59833" s="16">
        <v>5.4464860108192603</v>
      </c>
    </row>
    <row r="59834" spans="1:7" x14ac:dyDescent="0.3">
      <c r="A59834" s="13" t="s">
        <v>322</v>
      </c>
      <c r="B59834" s="14" t="s">
        <v>1</v>
      </c>
      <c r="C59834" s="14" t="s">
        <v>23</v>
      </c>
      <c r="D59834" s="14" t="s">
        <v>323</v>
      </c>
      <c r="E59834" s="15">
        <v>45715</v>
      </c>
      <c r="F59834" s="14" t="s">
        <v>15</v>
      </c>
      <c r="G59834" s="16">
        <v>5.4635665915142804</v>
      </c>
    </row>
    <row r="59835" spans="1:7" x14ac:dyDescent="0.3">
      <c r="A59835" s="13" t="s">
        <v>322</v>
      </c>
      <c r="B59835" s="14" t="s">
        <v>1</v>
      </c>
      <c r="C59835" s="14" t="s">
        <v>23</v>
      </c>
      <c r="D59835" s="14" t="s">
        <v>323</v>
      </c>
      <c r="E59835" s="15">
        <v>45716</v>
      </c>
      <c r="F59835" s="14" t="s">
        <v>15</v>
      </c>
      <c r="G59835" s="16">
        <v>5.4806471722093004</v>
      </c>
    </row>
    <row r="59836" spans="1:7" x14ac:dyDescent="0.3">
      <c r="A59836" s="13" t="s">
        <v>322</v>
      </c>
      <c r="B59836" s="14" t="s">
        <v>1</v>
      </c>
      <c r="C59836" s="14" t="s">
        <v>23</v>
      </c>
      <c r="D59836" s="14" t="s">
        <v>323</v>
      </c>
      <c r="E59836" s="15">
        <v>45717</v>
      </c>
      <c r="F59836" s="14" t="s">
        <v>15</v>
      </c>
      <c r="G59836" s="16">
        <v>0</v>
      </c>
    </row>
    <row r="59837" spans="1:7" x14ac:dyDescent="0.3">
      <c r="A59837" s="13" t="s">
        <v>322</v>
      </c>
      <c r="B59837" s="14" t="s">
        <v>1</v>
      </c>
      <c r="C59837" s="14" t="s">
        <v>23</v>
      </c>
      <c r="D59837" s="14" t="s">
        <v>323</v>
      </c>
      <c r="E59837" s="15">
        <v>45718</v>
      </c>
      <c r="F59837" s="14" t="s">
        <v>15</v>
      </c>
      <c r="G59837" s="16">
        <v>0</v>
      </c>
    </row>
    <row r="59838" spans="1:7" x14ac:dyDescent="0.3">
      <c r="A59838" s="13" t="s">
        <v>322</v>
      </c>
      <c r="B59838" s="14" t="s">
        <v>1</v>
      </c>
      <c r="C59838" s="14" t="s">
        <v>23</v>
      </c>
      <c r="D59838" s="14" t="s">
        <v>323</v>
      </c>
      <c r="E59838" s="15">
        <v>45719</v>
      </c>
      <c r="F59838" s="14" t="s">
        <v>15</v>
      </c>
      <c r="G59838" s="16">
        <v>0</v>
      </c>
    </row>
    <row r="59839" spans="1:7" x14ac:dyDescent="0.3">
      <c r="A59839" s="13" t="s">
        <v>322</v>
      </c>
      <c r="B59839" s="14" t="s">
        <v>1</v>
      </c>
      <c r="C59839" s="14" t="s">
        <v>23</v>
      </c>
      <c r="D59839" s="14" t="s">
        <v>323</v>
      </c>
      <c r="E59839" s="15">
        <v>45720</v>
      </c>
      <c r="F59839" s="14" t="s">
        <v>15</v>
      </c>
      <c r="G59839" s="16">
        <v>0</v>
      </c>
    </row>
    <row r="59840" spans="1:7" x14ac:dyDescent="0.3">
      <c r="A59840" s="13" t="s">
        <v>322</v>
      </c>
      <c r="B59840" s="14" t="s">
        <v>1</v>
      </c>
      <c r="C59840" s="14" t="s">
        <v>23</v>
      </c>
      <c r="D59840" s="14" t="s">
        <v>323</v>
      </c>
      <c r="E59840" s="15">
        <v>45721</v>
      </c>
      <c r="F59840" s="14" t="s">
        <v>15</v>
      </c>
      <c r="G59840" s="16">
        <v>0</v>
      </c>
    </row>
    <row r="59841" spans="1:7" x14ac:dyDescent="0.3">
      <c r="A59841" s="13" t="s">
        <v>322</v>
      </c>
      <c r="B59841" s="14" t="s">
        <v>1</v>
      </c>
      <c r="C59841" s="14" t="s">
        <v>23</v>
      </c>
      <c r="D59841" s="14" t="s">
        <v>323</v>
      </c>
      <c r="E59841" s="15">
        <v>45722</v>
      </c>
      <c r="F59841" s="14" t="s">
        <v>15</v>
      </c>
      <c r="G59841" s="16">
        <v>0</v>
      </c>
    </row>
    <row r="59842" spans="1:7" x14ac:dyDescent="0.3">
      <c r="A59842" s="13" t="s">
        <v>322</v>
      </c>
      <c r="B59842" s="14" t="s">
        <v>1</v>
      </c>
      <c r="C59842" s="14" t="s">
        <v>23</v>
      </c>
      <c r="D59842" s="14" t="s">
        <v>323</v>
      </c>
      <c r="E59842" s="15">
        <v>45723</v>
      </c>
      <c r="F59842" s="14" t="s">
        <v>15</v>
      </c>
      <c r="G59842" s="16">
        <v>0</v>
      </c>
    </row>
    <row r="59843" spans="1:7" x14ac:dyDescent="0.3">
      <c r="A59843" s="13" t="s">
        <v>322</v>
      </c>
      <c r="B59843" s="14" t="s">
        <v>1</v>
      </c>
      <c r="C59843" s="14" t="s">
        <v>23</v>
      </c>
      <c r="D59843" s="14" t="s">
        <v>323</v>
      </c>
      <c r="E59843" s="15">
        <v>45724</v>
      </c>
      <c r="F59843" s="14" t="s">
        <v>15</v>
      </c>
      <c r="G59843" s="16">
        <v>0</v>
      </c>
    </row>
    <row r="59844" spans="1:7" x14ac:dyDescent="0.3">
      <c r="A59844" s="13" t="s">
        <v>322</v>
      </c>
      <c r="B59844" s="14" t="s">
        <v>1</v>
      </c>
      <c r="C59844" s="14" t="s">
        <v>23</v>
      </c>
      <c r="D59844" s="14" t="s">
        <v>323</v>
      </c>
      <c r="E59844" s="15">
        <v>45725</v>
      </c>
      <c r="F59844" s="14" t="s">
        <v>15</v>
      </c>
      <c r="G59844" s="16">
        <v>0</v>
      </c>
    </row>
    <row r="59845" spans="1:7" x14ac:dyDescent="0.3">
      <c r="A59845" s="13" t="s">
        <v>322</v>
      </c>
      <c r="B59845" s="14" t="s">
        <v>1</v>
      </c>
      <c r="C59845" s="14" t="s">
        <v>23</v>
      </c>
      <c r="D59845" s="14" t="s">
        <v>323</v>
      </c>
      <c r="E59845" s="15">
        <v>45726</v>
      </c>
      <c r="F59845" s="14" t="s">
        <v>15</v>
      </c>
      <c r="G59845" s="16">
        <v>0</v>
      </c>
    </row>
    <row r="59846" spans="1:7" x14ac:dyDescent="0.3">
      <c r="A59846" s="13" t="s">
        <v>322</v>
      </c>
      <c r="B59846" s="14" t="s">
        <v>1</v>
      </c>
      <c r="C59846" s="14" t="s">
        <v>23</v>
      </c>
      <c r="D59846" s="14" t="s">
        <v>323</v>
      </c>
      <c r="E59846" s="15">
        <v>45727</v>
      </c>
      <c r="F59846" s="14" t="s">
        <v>15</v>
      </c>
      <c r="G59846" s="16">
        <v>0</v>
      </c>
    </row>
    <row r="59847" spans="1:7" x14ac:dyDescent="0.3">
      <c r="A59847" s="13" t="s">
        <v>322</v>
      </c>
      <c r="B59847" s="14" t="s">
        <v>1</v>
      </c>
      <c r="C59847" s="14" t="s">
        <v>23</v>
      </c>
      <c r="D59847" s="14" t="s">
        <v>323</v>
      </c>
      <c r="E59847" s="15">
        <v>45728</v>
      </c>
      <c r="F59847" s="14" t="s">
        <v>15</v>
      </c>
      <c r="G59847" s="16">
        <v>0</v>
      </c>
    </row>
    <row r="59848" spans="1:7" x14ac:dyDescent="0.3">
      <c r="A59848" s="13" t="s">
        <v>322</v>
      </c>
      <c r="B59848" s="14" t="s">
        <v>1</v>
      </c>
      <c r="C59848" s="14" t="s">
        <v>23</v>
      </c>
      <c r="D59848" s="14" t="s">
        <v>323</v>
      </c>
      <c r="E59848" s="15">
        <v>45729</v>
      </c>
      <c r="F59848" s="14" t="s">
        <v>15</v>
      </c>
      <c r="G59848" s="16">
        <v>0</v>
      </c>
    </row>
    <row r="59849" spans="1:7" x14ac:dyDescent="0.3">
      <c r="A59849" s="13" t="s">
        <v>322</v>
      </c>
      <c r="B59849" s="14" t="s">
        <v>1</v>
      </c>
      <c r="C59849" s="14" t="s">
        <v>23</v>
      </c>
      <c r="D59849" s="14" t="s">
        <v>323</v>
      </c>
      <c r="E59849" s="15">
        <v>45730</v>
      </c>
      <c r="F59849" s="14" t="s">
        <v>15</v>
      </c>
      <c r="G59849" s="16">
        <v>0</v>
      </c>
    </row>
    <row r="59850" spans="1:7" x14ac:dyDescent="0.3">
      <c r="A59850" s="13" t="s">
        <v>322</v>
      </c>
      <c r="B59850" s="14" t="s">
        <v>1</v>
      </c>
      <c r="C59850" s="14" t="s">
        <v>23</v>
      </c>
      <c r="D59850" s="14" t="s">
        <v>323</v>
      </c>
      <c r="E59850" s="15">
        <v>45731</v>
      </c>
      <c r="F59850" s="14" t="s">
        <v>15</v>
      </c>
      <c r="G59850" s="16">
        <v>0</v>
      </c>
    </row>
    <row r="59851" spans="1:7" x14ac:dyDescent="0.3">
      <c r="A59851" s="13" t="s">
        <v>322</v>
      </c>
      <c r="B59851" s="14" t="s">
        <v>1</v>
      </c>
      <c r="C59851" s="14" t="s">
        <v>23</v>
      </c>
      <c r="D59851" s="14" t="s">
        <v>323</v>
      </c>
      <c r="E59851" s="15">
        <v>45732</v>
      </c>
      <c r="F59851" s="14" t="s">
        <v>15</v>
      </c>
      <c r="G59851" s="16">
        <v>0</v>
      </c>
    </row>
    <row r="59852" spans="1:7" x14ac:dyDescent="0.3">
      <c r="A59852" s="13" t="s">
        <v>322</v>
      </c>
      <c r="B59852" s="14" t="s">
        <v>1</v>
      </c>
      <c r="C59852" s="14" t="s">
        <v>23</v>
      </c>
      <c r="D59852" s="14" t="s">
        <v>323</v>
      </c>
      <c r="E59852" s="15">
        <v>45733</v>
      </c>
      <c r="F59852" s="14" t="s">
        <v>15</v>
      </c>
      <c r="G59852" s="16">
        <v>0</v>
      </c>
    </row>
    <row r="59853" spans="1:7" x14ac:dyDescent="0.3">
      <c r="A59853" s="13" t="s">
        <v>322</v>
      </c>
      <c r="B59853" s="14" t="s">
        <v>1</v>
      </c>
      <c r="C59853" s="14" t="s">
        <v>23</v>
      </c>
      <c r="D59853" s="14" t="s">
        <v>323</v>
      </c>
      <c r="E59853" s="15">
        <v>45734</v>
      </c>
      <c r="F59853" s="14" t="s">
        <v>15</v>
      </c>
      <c r="G59853" s="16">
        <v>0</v>
      </c>
    </row>
    <row r="59854" spans="1:7" x14ac:dyDescent="0.3">
      <c r="A59854" s="13" t="s">
        <v>322</v>
      </c>
      <c r="B59854" s="14" t="s">
        <v>1</v>
      </c>
      <c r="C59854" s="14" t="s">
        <v>23</v>
      </c>
      <c r="D59854" s="14" t="s">
        <v>323</v>
      </c>
      <c r="E59854" s="15">
        <v>45735</v>
      </c>
      <c r="F59854" s="14" t="s">
        <v>15</v>
      </c>
      <c r="G59854" s="16">
        <v>0</v>
      </c>
    </row>
    <row r="59855" spans="1:7" x14ac:dyDescent="0.3">
      <c r="A59855" s="13" t="s">
        <v>322</v>
      </c>
      <c r="B59855" s="14" t="s">
        <v>1</v>
      </c>
      <c r="C59855" s="14" t="s">
        <v>23</v>
      </c>
      <c r="D59855" s="14" t="s">
        <v>323</v>
      </c>
      <c r="E59855" s="15">
        <v>45736</v>
      </c>
      <c r="F59855" s="14" t="s">
        <v>15</v>
      </c>
      <c r="G59855" s="16">
        <v>0</v>
      </c>
    </row>
    <row r="59856" spans="1:7" x14ac:dyDescent="0.3">
      <c r="A59856" s="13" t="s">
        <v>322</v>
      </c>
      <c r="B59856" s="14" t="s">
        <v>1</v>
      </c>
      <c r="C59856" s="14" t="s">
        <v>23</v>
      </c>
      <c r="D59856" s="14" t="s">
        <v>323</v>
      </c>
      <c r="E59856" s="15">
        <v>45737</v>
      </c>
      <c r="F59856" s="14" t="s">
        <v>15</v>
      </c>
      <c r="G59856" s="16">
        <v>0</v>
      </c>
    </row>
    <row r="59857" spans="1:7" x14ac:dyDescent="0.3">
      <c r="A59857" s="13" t="s">
        <v>322</v>
      </c>
      <c r="B59857" s="14" t="s">
        <v>1</v>
      </c>
      <c r="C59857" s="14" t="s">
        <v>23</v>
      </c>
      <c r="D59857" s="14" t="s">
        <v>323</v>
      </c>
      <c r="E59857" s="15">
        <v>45738</v>
      </c>
      <c r="F59857" s="14" t="s">
        <v>15</v>
      </c>
      <c r="G59857" s="16">
        <v>0</v>
      </c>
    </row>
    <row r="59858" spans="1:7" x14ac:dyDescent="0.3">
      <c r="A59858" s="13" t="s">
        <v>322</v>
      </c>
      <c r="B59858" s="14" t="s">
        <v>1</v>
      </c>
      <c r="C59858" s="14" t="s">
        <v>23</v>
      </c>
      <c r="D59858" s="14" t="s">
        <v>323</v>
      </c>
      <c r="E59858" s="15">
        <v>45739</v>
      </c>
      <c r="F59858" s="14" t="s">
        <v>15</v>
      </c>
      <c r="G59858" s="16">
        <v>0</v>
      </c>
    </row>
    <row r="59859" spans="1:7" x14ac:dyDescent="0.3">
      <c r="A59859" s="13" t="s">
        <v>322</v>
      </c>
      <c r="B59859" s="14" t="s">
        <v>1</v>
      </c>
      <c r="C59859" s="14" t="s">
        <v>23</v>
      </c>
      <c r="D59859" s="14" t="s">
        <v>323</v>
      </c>
      <c r="E59859" s="15">
        <v>45740</v>
      </c>
      <c r="F59859" s="14" t="s">
        <v>15</v>
      </c>
      <c r="G59859" s="16">
        <v>0</v>
      </c>
    </row>
    <row r="59860" spans="1:7" x14ac:dyDescent="0.3">
      <c r="A59860" s="13" t="s">
        <v>322</v>
      </c>
      <c r="B59860" s="14" t="s">
        <v>1</v>
      </c>
      <c r="C59860" s="14" t="s">
        <v>23</v>
      </c>
      <c r="D59860" s="14" t="s">
        <v>323</v>
      </c>
      <c r="E59860" s="15">
        <v>45741</v>
      </c>
      <c r="F59860" s="14" t="s">
        <v>15</v>
      </c>
      <c r="G59860" s="16">
        <v>0</v>
      </c>
    </row>
    <row r="59861" spans="1:7" x14ac:dyDescent="0.3">
      <c r="A59861" s="13" t="s">
        <v>322</v>
      </c>
      <c r="B59861" s="14" t="s">
        <v>1</v>
      </c>
      <c r="C59861" s="14" t="s">
        <v>23</v>
      </c>
      <c r="D59861" s="14" t="s">
        <v>323</v>
      </c>
      <c r="E59861" s="15">
        <v>45742</v>
      </c>
      <c r="F59861" s="14" t="s">
        <v>15</v>
      </c>
      <c r="G59861" s="16">
        <v>0</v>
      </c>
    </row>
    <row r="59862" spans="1:7" x14ac:dyDescent="0.3">
      <c r="A59862" s="13" t="s">
        <v>322</v>
      </c>
      <c r="B59862" s="14" t="s">
        <v>1</v>
      </c>
      <c r="C59862" s="14" t="s">
        <v>23</v>
      </c>
      <c r="D59862" s="14" t="s">
        <v>323</v>
      </c>
      <c r="E59862" s="15">
        <v>45743</v>
      </c>
      <c r="F59862" s="14" t="s">
        <v>15</v>
      </c>
      <c r="G59862" s="16">
        <v>0</v>
      </c>
    </row>
    <row r="59863" spans="1:7" x14ac:dyDescent="0.3">
      <c r="A59863" s="13" t="s">
        <v>322</v>
      </c>
      <c r="B59863" s="14" t="s">
        <v>1</v>
      </c>
      <c r="C59863" s="14" t="s">
        <v>23</v>
      </c>
      <c r="D59863" s="14" t="s">
        <v>323</v>
      </c>
      <c r="E59863" s="15">
        <v>45744</v>
      </c>
      <c r="F59863" s="14" t="s">
        <v>15</v>
      </c>
      <c r="G59863" s="16">
        <v>0</v>
      </c>
    </row>
    <row r="59864" spans="1:7" x14ac:dyDescent="0.3">
      <c r="A59864" s="13" t="s">
        <v>322</v>
      </c>
      <c r="B59864" s="14" t="s">
        <v>1</v>
      </c>
      <c r="C59864" s="14" t="s">
        <v>23</v>
      </c>
      <c r="D59864" s="14" t="s">
        <v>323</v>
      </c>
      <c r="E59864" s="15">
        <v>45745</v>
      </c>
      <c r="F59864" s="14" t="s">
        <v>15</v>
      </c>
      <c r="G59864" s="16">
        <v>0</v>
      </c>
    </row>
    <row r="59865" spans="1:7" x14ac:dyDescent="0.3">
      <c r="A59865" s="13" t="s">
        <v>322</v>
      </c>
      <c r="B59865" s="14" t="s">
        <v>1</v>
      </c>
      <c r="C59865" s="14" t="s">
        <v>23</v>
      </c>
      <c r="D59865" s="14" t="s">
        <v>323</v>
      </c>
      <c r="E59865" s="15">
        <v>45746</v>
      </c>
      <c r="F59865" s="14" t="s">
        <v>15</v>
      </c>
      <c r="G59865" s="16">
        <v>0</v>
      </c>
    </row>
    <row r="59866" spans="1:7" x14ac:dyDescent="0.3">
      <c r="A59866" s="13" t="s">
        <v>322</v>
      </c>
      <c r="B59866" s="14" t="s">
        <v>1</v>
      </c>
      <c r="C59866" s="14" t="s">
        <v>23</v>
      </c>
      <c r="D59866" s="14" t="s">
        <v>323</v>
      </c>
      <c r="E59866" s="15">
        <v>45747</v>
      </c>
      <c r="F59866" s="14" t="s">
        <v>15</v>
      </c>
      <c r="G59866" s="16">
        <v>0</v>
      </c>
    </row>
    <row r="59867" spans="1:7" x14ac:dyDescent="0.3">
      <c r="A59867" s="13" t="s">
        <v>324</v>
      </c>
      <c r="B59867" s="14" t="s">
        <v>1</v>
      </c>
      <c r="C59867" s="14" t="s">
        <v>38</v>
      </c>
      <c r="D59867" s="14" t="s">
        <v>325</v>
      </c>
      <c r="E59867" s="15">
        <v>45383</v>
      </c>
      <c r="F59867" s="14" t="s">
        <v>28</v>
      </c>
      <c r="G59867" s="16">
        <v>0</v>
      </c>
    </row>
    <row r="59868" spans="1:7" x14ac:dyDescent="0.3">
      <c r="A59868" s="13" t="s">
        <v>324</v>
      </c>
      <c r="B59868" s="14" t="s">
        <v>1</v>
      </c>
      <c r="C59868" s="14" t="s">
        <v>38</v>
      </c>
      <c r="D59868" s="14" t="s">
        <v>325</v>
      </c>
      <c r="E59868" s="15">
        <v>45384</v>
      </c>
      <c r="F59868" s="14" t="s">
        <v>28</v>
      </c>
      <c r="G59868" s="16">
        <v>0</v>
      </c>
    </row>
    <row r="59869" spans="1:7" x14ac:dyDescent="0.3">
      <c r="A59869" s="13" t="s">
        <v>324</v>
      </c>
      <c r="B59869" s="14" t="s">
        <v>1</v>
      </c>
      <c r="C59869" s="14" t="s">
        <v>38</v>
      </c>
      <c r="D59869" s="14" t="s">
        <v>325</v>
      </c>
      <c r="E59869" s="15">
        <v>45385</v>
      </c>
      <c r="F59869" s="14" t="s">
        <v>28</v>
      </c>
      <c r="G59869" s="16">
        <v>0</v>
      </c>
    </row>
    <row r="59870" spans="1:7" x14ac:dyDescent="0.3">
      <c r="A59870" s="13" t="s">
        <v>324</v>
      </c>
      <c r="B59870" s="14" t="s">
        <v>1</v>
      </c>
      <c r="C59870" s="14" t="s">
        <v>38</v>
      </c>
      <c r="D59870" s="14" t="s">
        <v>325</v>
      </c>
      <c r="E59870" s="15">
        <v>45386</v>
      </c>
      <c r="F59870" s="14" t="s">
        <v>28</v>
      </c>
      <c r="G59870" s="16">
        <v>0</v>
      </c>
    </row>
    <row r="59871" spans="1:7" x14ac:dyDescent="0.3">
      <c r="A59871" s="13" t="s">
        <v>324</v>
      </c>
      <c r="B59871" s="14" t="s">
        <v>1</v>
      </c>
      <c r="C59871" s="14" t="s">
        <v>38</v>
      </c>
      <c r="D59871" s="14" t="s">
        <v>325</v>
      </c>
      <c r="E59871" s="15">
        <v>45387</v>
      </c>
      <c r="F59871" s="14" t="s">
        <v>28</v>
      </c>
      <c r="G59871" s="16">
        <v>0</v>
      </c>
    </row>
    <row r="59872" spans="1:7" x14ac:dyDescent="0.3">
      <c r="A59872" s="13" t="s">
        <v>324</v>
      </c>
      <c r="B59872" s="14" t="s">
        <v>1</v>
      </c>
      <c r="C59872" s="14" t="s">
        <v>38</v>
      </c>
      <c r="D59872" s="14" t="s">
        <v>325</v>
      </c>
      <c r="E59872" s="15">
        <v>45388</v>
      </c>
      <c r="F59872" s="14" t="s">
        <v>28</v>
      </c>
      <c r="G59872" s="16">
        <v>0</v>
      </c>
    </row>
    <row r="59873" spans="1:7" x14ac:dyDescent="0.3">
      <c r="A59873" s="13" t="s">
        <v>324</v>
      </c>
      <c r="B59873" s="14" t="s">
        <v>1</v>
      </c>
      <c r="C59873" s="14" t="s">
        <v>38</v>
      </c>
      <c r="D59873" s="14" t="s">
        <v>325</v>
      </c>
      <c r="E59873" s="15">
        <v>45389</v>
      </c>
      <c r="F59873" s="14" t="s">
        <v>28</v>
      </c>
      <c r="G59873" s="16">
        <v>0</v>
      </c>
    </row>
    <row r="59874" spans="1:7" x14ac:dyDescent="0.3">
      <c r="A59874" s="13" t="s">
        <v>324</v>
      </c>
      <c r="B59874" s="14" t="s">
        <v>1</v>
      </c>
      <c r="C59874" s="14" t="s">
        <v>38</v>
      </c>
      <c r="D59874" s="14" t="s">
        <v>325</v>
      </c>
      <c r="E59874" s="15">
        <v>45390</v>
      </c>
      <c r="F59874" s="14" t="s">
        <v>28</v>
      </c>
      <c r="G59874" s="16">
        <v>5.3160327344614955E-2</v>
      </c>
    </row>
    <row r="59875" spans="1:7" x14ac:dyDescent="0.3">
      <c r="A59875" s="13" t="s">
        <v>324</v>
      </c>
      <c r="B59875" s="14" t="s">
        <v>1</v>
      </c>
      <c r="C59875" s="14" t="s">
        <v>38</v>
      </c>
      <c r="D59875" s="14" t="s">
        <v>325</v>
      </c>
      <c r="E59875" s="15">
        <v>45391</v>
      </c>
      <c r="F59875" s="14" t="s">
        <v>28</v>
      </c>
      <c r="G59875" s="16">
        <v>4.0692672669162003E-2</v>
      </c>
    </row>
    <row r="59876" spans="1:7" x14ac:dyDescent="0.3">
      <c r="A59876" s="13" t="s">
        <v>324</v>
      </c>
      <c r="B59876" s="14" t="s">
        <v>1</v>
      </c>
      <c r="C59876" s="14" t="s">
        <v>38</v>
      </c>
      <c r="D59876" s="14" t="s">
        <v>325</v>
      </c>
      <c r="E59876" s="15">
        <v>45392</v>
      </c>
      <c r="F59876" s="14" t="s">
        <v>28</v>
      </c>
      <c r="G59876" s="16">
        <v>4.0692672669162003E-2</v>
      </c>
    </row>
    <row r="59877" spans="1:7" x14ac:dyDescent="0.3">
      <c r="A59877" s="13" t="s">
        <v>324</v>
      </c>
      <c r="B59877" s="14" t="s">
        <v>1</v>
      </c>
      <c r="C59877" s="14" t="s">
        <v>38</v>
      </c>
      <c r="D59877" s="14" t="s">
        <v>325</v>
      </c>
      <c r="E59877" s="15">
        <v>45393</v>
      </c>
      <c r="F59877" s="14" t="s">
        <v>28</v>
      </c>
      <c r="G59877" s="16">
        <v>3.676973002129743E-2</v>
      </c>
    </row>
    <row r="59878" spans="1:7" x14ac:dyDescent="0.3">
      <c r="A59878" s="13" t="s">
        <v>324</v>
      </c>
      <c r="B59878" s="14" t="s">
        <v>1</v>
      </c>
      <c r="C59878" s="14" t="s">
        <v>38</v>
      </c>
      <c r="D59878" s="14" t="s">
        <v>325</v>
      </c>
      <c r="E59878" s="15">
        <v>45394</v>
      </c>
      <c r="F59878" s="14" t="s">
        <v>28</v>
      </c>
      <c r="G59878" s="16">
        <v>0.12472301119602711</v>
      </c>
    </row>
    <row r="59879" spans="1:7" x14ac:dyDescent="0.3">
      <c r="A59879" s="13" t="s">
        <v>324</v>
      </c>
      <c r="B59879" s="14" t="s">
        <v>1</v>
      </c>
      <c r="C59879" s="14" t="s">
        <v>38</v>
      </c>
      <c r="D59879" s="14" t="s">
        <v>325</v>
      </c>
      <c r="E59879" s="15">
        <v>45395</v>
      </c>
      <c r="F59879" s="14" t="s">
        <v>28</v>
      </c>
      <c r="G59879" s="16">
        <v>0.12472301119602711</v>
      </c>
    </row>
    <row r="59880" spans="1:7" x14ac:dyDescent="0.3">
      <c r="A59880" s="13" t="s">
        <v>324</v>
      </c>
      <c r="B59880" s="14" t="s">
        <v>1</v>
      </c>
      <c r="C59880" s="14" t="s">
        <v>38</v>
      </c>
      <c r="D59880" s="14" t="s">
        <v>325</v>
      </c>
      <c r="E59880" s="15">
        <v>45396</v>
      </c>
      <c r="F59880" s="14" t="s">
        <v>28</v>
      </c>
      <c r="G59880" s="16">
        <v>0.12472301119602711</v>
      </c>
    </row>
    <row r="59881" spans="1:7" x14ac:dyDescent="0.3">
      <c r="A59881" s="13" t="s">
        <v>324</v>
      </c>
      <c r="B59881" s="14" t="s">
        <v>1</v>
      </c>
      <c r="C59881" s="14" t="s">
        <v>38</v>
      </c>
      <c r="D59881" s="14" t="s">
        <v>325</v>
      </c>
      <c r="E59881" s="15">
        <v>45397</v>
      </c>
      <c r="F59881" s="14" t="s">
        <v>28</v>
      </c>
      <c r="G59881" s="16">
        <v>0.12060442967040545</v>
      </c>
    </row>
    <row r="59882" spans="1:7" x14ac:dyDescent="0.3">
      <c r="A59882" s="13" t="s">
        <v>324</v>
      </c>
      <c r="B59882" s="14" t="s">
        <v>1</v>
      </c>
      <c r="C59882" s="14" t="s">
        <v>38</v>
      </c>
      <c r="D59882" s="14" t="s">
        <v>325</v>
      </c>
      <c r="E59882" s="15">
        <v>45398</v>
      </c>
      <c r="F59882" s="14" t="s">
        <v>28</v>
      </c>
      <c r="G59882" s="16">
        <v>0.10836644098792143</v>
      </c>
    </row>
    <row r="59883" spans="1:7" x14ac:dyDescent="0.3">
      <c r="A59883" s="13" t="s">
        <v>324</v>
      </c>
      <c r="B59883" s="14" t="s">
        <v>1</v>
      </c>
      <c r="C59883" s="14" t="s">
        <v>38</v>
      </c>
      <c r="D59883" s="14" t="s">
        <v>325</v>
      </c>
      <c r="E59883" s="15">
        <v>45399</v>
      </c>
      <c r="F59883" s="14" t="s">
        <v>28</v>
      </c>
      <c r="G59883" s="16">
        <v>0.1039215367708765</v>
      </c>
    </row>
    <row r="59884" spans="1:7" x14ac:dyDescent="0.3">
      <c r="A59884" s="13" t="s">
        <v>324</v>
      </c>
      <c r="B59884" s="14" t="s">
        <v>1</v>
      </c>
      <c r="C59884" s="14" t="s">
        <v>38</v>
      </c>
      <c r="D59884" s="14" t="s">
        <v>325</v>
      </c>
      <c r="E59884" s="15">
        <v>45400</v>
      </c>
      <c r="F59884" s="14" t="s">
        <v>28</v>
      </c>
      <c r="G59884" s="16">
        <v>0.10007807216857653</v>
      </c>
    </row>
    <row r="59885" spans="1:7" x14ac:dyDescent="0.3">
      <c r="A59885" s="13" t="s">
        <v>324</v>
      </c>
      <c r="B59885" s="14" t="s">
        <v>1</v>
      </c>
      <c r="C59885" s="14" t="s">
        <v>38</v>
      </c>
      <c r="D59885" s="14" t="s">
        <v>325</v>
      </c>
      <c r="E59885" s="15">
        <v>45401</v>
      </c>
      <c r="F59885" s="14" t="s">
        <v>28</v>
      </c>
      <c r="G59885" s="16">
        <v>8.1992840009210768E-2</v>
      </c>
    </row>
    <row r="59886" spans="1:7" x14ac:dyDescent="0.3">
      <c r="A59886" s="13" t="s">
        <v>324</v>
      </c>
      <c r="B59886" s="14" t="s">
        <v>1</v>
      </c>
      <c r="C59886" s="14" t="s">
        <v>38</v>
      </c>
      <c r="D59886" s="14" t="s">
        <v>325</v>
      </c>
      <c r="E59886" s="15">
        <v>45402</v>
      </c>
      <c r="F59886" s="14" t="s">
        <v>28</v>
      </c>
      <c r="G59886" s="16">
        <v>8.1992840009210768E-2</v>
      </c>
    </row>
    <row r="59887" spans="1:7" x14ac:dyDescent="0.3">
      <c r="A59887" s="13" t="s">
        <v>324</v>
      </c>
      <c r="B59887" s="14" t="s">
        <v>1</v>
      </c>
      <c r="C59887" s="14" t="s">
        <v>38</v>
      </c>
      <c r="D59887" s="14" t="s">
        <v>325</v>
      </c>
      <c r="E59887" s="15">
        <v>45403</v>
      </c>
      <c r="F59887" s="14" t="s">
        <v>28</v>
      </c>
      <c r="G59887" s="16">
        <v>8.1992840009210768E-2</v>
      </c>
    </row>
    <row r="59888" spans="1:7" x14ac:dyDescent="0.3">
      <c r="A59888" s="13" t="s">
        <v>324</v>
      </c>
      <c r="B59888" s="14" t="s">
        <v>1</v>
      </c>
      <c r="C59888" s="14" t="s">
        <v>38</v>
      </c>
      <c r="D59888" s="14" t="s">
        <v>325</v>
      </c>
      <c r="E59888" s="15">
        <v>45404</v>
      </c>
      <c r="F59888" s="14" t="s">
        <v>28</v>
      </c>
      <c r="G59888" s="16">
        <v>7.7995178218587008E-2</v>
      </c>
    </row>
    <row r="59889" spans="1:7" x14ac:dyDescent="0.3">
      <c r="A59889" s="13" t="s">
        <v>324</v>
      </c>
      <c r="B59889" s="14" t="s">
        <v>1</v>
      </c>
      <c r="C59889" s="14" t="s">
        <v>38</v>
      </c>
      <c r="D59889" s="14" t="s">
        <v>325</v>
      </c>
      <c r="E59889" s="15">
        <v>45405</v>
      </c>
      <c r="F59889" s="14" t="s">
        <v>28</v>
      </c>
      <c r="G59889" s="16">
        <v>6.6153252916568039E-2</v>
      </c>
    </row>
    <row r="59890" spans="1:7" x14ac:dyDescent="0.3">
      <c r="A59890" s="13" t="s">
        <v>324</v>
      </c>
      <c r="B59890" s="14" t="s">
        <v>1</v>
      </c>
      <c r="C59890" s="14" t="s">
        <v>38</v>
      </c>
      <c r="D59890" s="14" t="s">
        <v>325</v>
      </c>
      <c r="E59890" s="15">
        <v>45406</v>
      </c>
      <c r="F59890" s="14" t="s">
        <v>28</v>
      </c>
      <c r="G59890" s="16">
        <v>6.225970237016875E-2</v>
      </c>
    </row>
    <row r="59891" spans="1:7" x14ac:dyDescent="0.3">
      <c r="A59891" s="13" t="s">
        <v>324</v>
      </c>
      <c r="B59891" s="14" t="s">
        <v>1</v>
      </c>
      <c r="C59891" s="14" t="s">
        <v>38</v>
      </c>
      <c r="D59891" s="14" t="s">
        <v>325</v>
      </c>
      <c r="E59891" s="15">
        <v>45407</v>
      </c>
      <c r="F59891" s="14" t="s">
        <v>28</v>
      </c>
      <c r="G59891" s="16">
        <v>5.6906138170249608E-2</v>
      </c>
    </row>
    <row r="59892" spans="1:7" x14ac:dyDescent="0.3">
      <c r="A59892" s="13" t="s">
        <v>324</v>
      </c>
      <c r="B59892" s="14" t="s">
        <v>1</v>
      </c>
      <c r="C59892" s="14" t="s">
        <v>38</v>
      </c>
      <c r="D59892" s="14" t="s">
        <v>325</v>
      </c>
      <c r="E59892" s="15">
        <v>45408</v>
      </c>
      <c r="F59892" s="14" t="s">
        <v>28</v>
      </c>
      <c r="G59892" s="16">
        <v>0.12409601935528505</v>
      </c>
    </row>
    <row r="59893" spans="1:7" x14ac:dyDescent="0.3">
      <c r="A59893" s="13" t="s">
        <v>324</v>
      </c>
      <c r="B59893" s="14" t="s">
        <v>1</v>
      </c>
      <c r="C59893" s="14" t="s">
        <v>38</v>
      </c>
      <c r="D59893" s="14" t="s">
        <v>325</v>
      </c>
      <c r="E59893" s="15">
        <v>45409</v>
      </c>
      <c r="F59893" s="14" t="s">
        <v>28</v>
      </c>
      <c r="G59893" s="16">
        <v>0.12409601935528505</v>
      </c>
    </row>
    <row r="59894" spans="1:7" x14ac:dyDescent="0.3">
      <c r="A59894" s="13" t="s">
        <v>324</v>
      </c>
      <c r="B59894" s="14" t="s">
        <v>1</v>
      </c>
      <c r="C59894" s="14" t="s">
        <v>38</v>
      </c>
      <c r="D59894" s="14" t="s">
        <v>325</v>
      </c>
      <c r="E59894" s="15">
        <v>45410</v>
      </c>
      <c r="F59894" s="14" t="s">
        <v>28</v>
      </c>
      <c r="G59894" s="16">
        <v>0.12409601935528505</v>
      </c>
    </row>
    <row r="59895" spans="1:7" x14ac:dyDescent="0.3">
      <c r="A59895" s="13" t="s">
        <v>324</v>
      </c>
      <c r="B59895" s="14" t="s">
        <v>1</v>
      </c>
      <c r="C59895" s="14" t="s">
        <v>38</v>
      </c>
      <c r="D59895" s="14" t="s">
        <v>325</v>
      </c>
      <c r="E59895" s="15">
        <v>45411</v>
      </c>
      <c r="F59895" s="14" t="s">
        <v>28</v>
      </c>
      <c r="G59895" s="16">
        <v>0.11792222743643847</v>
      </c>
    </row>
    <row r="59896" spans="1:7" x14ac:dyDescent="0.3">
      <c r="A59896" s="13" t="s">
        <v>324</v>
      </c>
      <c r="B59896" s="14" t="s">
        <v>1</v>
      </c>
      <c r="C59896" s="14" t="s">
        <v>38</v>
      </c>
      <c r="D59896" s="14" t="s">
        <v>325</v>
      </c>
      <c r="E59896" s="15">
        <v>45412</v>
      </c>
      <c r="F59896" s="14" t="s">
        <v>28</v>
      </c>
      <c r="G59896" s="16">
        <v>0.17709004178392562</v>
      </c>
    </row>
    <row r="59897" spans="1:7" x14ac:dyDescent="0.3">
      <c r="A59897" s="13" t="s">
        <v>324</v>
      </c>
      <c r="B59897" s="14" t="s">
        <v>1</v>
      </c>
      <c r="C59897" s="14" t="s">
        <v>38</v>
      </c>
      <c r="D59897" s="14" t="s">
        <v>325</v>
      </c>
      <c r="E59897" s="15">
        <v>45413</v>
      </c>
      <c r="F59897" s="14" t="s">
        <v>28</v>
      </c>
      <c r="G59897" s="16">
        <v>0.17709004178392562</v>
      </c>
    </row>
    <row r="59898" spans="1:7" x14ac:dyDescent="0.3">
      <c r="A59898" s="13" t="s">
        <v>324</v>
      </c>
      <c r="B59898" s="14" t="s">
        <v>1</v>
      </c>
      <c r="C59898" s="14" t="s">
        <v>38</v>
      </c>
      <c r="D59898" s="14" t="s">
        <v>325</v>
      </c>
      <c r="E59898" s="15">
        <v>45414</v>
      </c>
      <c r="F59898" s="14" t="s">
        <v>28</v>
      </c>
      <c r="G59898" s="16">
        <v>0.17159297489177106</v>
      </c>
    </row>
    <row r="59899" spans="1:7" x14ac:dyDescent="0.3">
      <c r="A59899" s="13" t="s">
        <v>324</v>
      </c>
      <c r="B59899" s="14" t="s">
        <v>1</v>
      </c>
      <c r="C59899" s="14" t="s">
        <v>38</v>
      </c>
      <c r="D59899" s="14" t="s">
        <v>325</v>
      </c>
      <c r="E59899" s="15">
        <v>45415</v>
      </c>
      <c r="F59899" s="14" t="s">
        <v>28</v>
      </c>
      <c r="G59899" s="16">
        <v>0.16585118567451629</v>
      </c>
    </row>
    <row r="59900" spans="1:7" x14ac:dyDescent="0.3">
      <c r="A59900" s="13" t="s">
        <v>324</v>
      </c>
      <c r="B59900" s="14" t="s">
        <v>1</v>
      </c>
      <c r="C59900" s="14" t="s">
        <v>38</v>
      </c>
      <c r="D59900" s="14" t="s">
        <v>325</v>
      </c>
      <c r="E59900" s="15">
        <v>45416</v>
      </c>
      <c r="F59900" s="14" t="s">
        <v>28</v>
      </c>
      <c r="G59900" s="16">
        <v>0.16585118567451629</v>
      </c>
    </row>
    <row r="59901" spans="1:7" x14ac:dyDescent="0.3">
      <c r="A59901" s="13" t="s">
        <v>324</v>
      </c>
      <c r="B59901" s="14" t="s">
        <v>1</v>
      </c>
      <c r="C59901" s="14" t="s">
        <v>38</v>
      </c>
      <c r="D59901" s="14" t="s">
        <v>325</v>
      </c>
      <c r="E59901" s="15">
        <v>45417</v>
      </c>
      <c r="F59901" s="14" t="s">
        <v>28</v>
      </c>
      <c r="G59901" s="16">
        <v>0.16585118567451629</v>
      </c>
    </row>
    <row r="59902" spans="1:7" x14ac:dyDescent="0.3">
      <c r="A59902" s="13" t="s">
        <v>324</v>
      </c>
      <c r="B59902" s="14" t="s">
        <v>1</v>
      </c>
      <c r="C59902" s="14" t="s">
        <v>38</v>
      </c>
      <c r="D59902" s="14" t="s">
        <v>325</v>
      </c>
      <c r="E59902" s="15">
        <v>45418</v>
      </c>
      <c r="F59902" s="14" t="s">
        <v>28</v>
      </c>
      <c r="G59902" s="16">
        <v>0.16585118567451629</v>
      </c>
    </row>
    <row r="59903" spans="1:7" x14ac:dyDescent="0.3">
      <c r="A59903" s="13" t="s">
        <v>324</v>
      </c>
      <c r="B59903" s="14" t="s">
        <v>1</v>
      </c>
      <c r="C59903" s="14" t="s">
        <v>38</v>
      </c>
      <c r="D59903" s="14" t="s">
        <v>325</v>
      </c>
      <c r="E59903" s="15">
        <v>45419</v>
      </c>
      <c r="F59903" s="14" t="s">
        <v>28</v>
      </c>
      <c r="G59903" s="16">
        <v>0.16234422680387553</v>
      </c>
    </row>
    <row r="59904" spans="1:7" x14ac:dyDescent="0.3">
      <c r="A59904" s="13" t="s">
        <v>324</v>
      </c>
      <c r="B59904" s="14" t="s">
        <v>1</v>
      </c>
      <c r="C59904" s="14" t="s">
        <v>38</v>
      </c>
      <c r="D59904" s="14" t="s">
        <v>325</v>
      </c>
      <c r="E59904" s="15">
        <v>45420</v>
      </c>
      <c r="F59904" s="14" t="s">
        <v>28</v>
      </c>
      <c r="G59904" s="16">
        <v>0.14604331445633245</v>
      </c>
    </row>
    <row r="59905" spans="1:7" x14ac:dyDescent="0.3">
      <c r="A59905" s="13" t="s">
        <v>324</v>
      </c>
      <c r="B59905" s="14" t="s">
        <v>1</v>
      </c>
      <c r="C59905" s="14" t="s">
        <v>38</v>
      </c>
      <c r="D59905" s="14" t="s">
        <v>325</v>
      </c>
      <c r="E59905" s="15">
        <v>45421</v>
      </c>
      <c r="F59905" s="14" t="s">
        <v>28</v>
      </c>
      <c r="G59905" s="16">
        <v>0.22318533097345133</v>
      </c>
    </row>
    <row r="59906" spans="1:7" x14ac:dyDescent="0.3">
      <c r="A59906" s="13" t="s">
        <v>324</v>
      </c>
      <c r="B59906" s="14" t="s">
        <v>1</v>
      </c>
      <c r="C59906" s="14" t="s">
        <v>38</v>
      </c>
      <c r="D59906" s="14" t="s">
        <v>325</v>
      </c>
      <c r="E59906" s="15">
        <v>45422</v>
      </c>
      <c r="F59906" s="14" t="s">
        <v>28</v>
      </c>
      <c r="G59906" s="16">
        <v>0.40844507383746281</v>
      </c>
    </row>
    <row r="59907" spans="1:7" x14ac:dyDescent="0.3">
      <c r="A59907" s="13" t="s">
        <v>324</v>
      </c>
      <c r="B59907" s="14" t="s">
        <v>1</v>
      </c>
      <c r="C59907" s="14" t="s">
        <v>38</v>
      </c>
      <c r="D59907" s="14" t="s">
        <v>325</v>
      </c>
      <c r="E59907" s="15">
        <v>45423</v>
      </c>
      <c r="F59907" s="14" t="s">
        <v>28</v>
      </c>
      <c r="G59907" s="16">
        <v>0.40844507383746281</v>
      </c>
    </row>
    <row r="59908" spans="1:7" x14ac:dyDescent="0.3">
      <c r="A59908" s="13" t="s">
        <v>324</v>
      </c>
      <c r="B59908" s="14" t="s">
        <v>1</v>
      </c>
      <c r="C59908" s="14" t="s">
        <v>38</v>
      </c>
      <c r="D59908" s="14" t="s">
        <v>325</v>
      </c>
      <c r="E59908" s="15">
        <v>45424</v>
      </c>
      <c r="F59908" s="14" t="s">
        <v>28</v>
      </c>
      <c r="G59908" s="16">
        <v>0.40844507383746281</v>
      </c>
    </row>
    <row r="59909" spans="1:7" x14ac:dyDescent="0.3">
      <c r="A59909" s="13" t="s">
        <v>324</v>
      </c>
      <c r="B59909" s="14" t="s">
        <v>1</v>
      </c>
      <c r="C59909" s="14" t="s">
        <v>38</v>
      </c>
      <c r="D59909" s="14" t="s">
        <v>325</v>
      </c>
      <c r="E59909" s="15">
        <v>45425</v>
      </c>
      <c r="F59909" s="14" t="s">
        <v>28</v>
      </c>
      <c r="G59909" s="16">
        <v>0.40408301544934849</v>
      </c>
    </row>
    <row r="59910" spans="1:7" x14ac:dyDescent="0.3">
      <c r="A59910" s="13" t="s">
        <v>324</v>
      </c>
      <c r="B59910" s="14" t="s">
        <v>1</v>
      </c>
      <c r="C59910" s="14" t="s">
        <v>38</v>
      </c>
      <c r="D59910" s="14" t="s">
        <v>325</v>
      </c>
      <c r="E59910" s="15">
        <v>45426</v>
      </c>
      <c r="F59910" s="14" t="s">
        <v>28</v>
      </c>
      <c r="G59910" s="16">
        <v>0.41835934479900982</v>
      </c>
    </row>
    <row r="59911" spans="1:7" x14ac:dyDescent="0.3">
      <c r="A59911" s="13" t="s">
        <v>324</v>
      </c>
      <c r="B59911" s="14" t="s">
        <v>1</v>
      </c>
      <c r="C59911" s="14" t="s">
        <v>38</v>
      </c>
      <c r="D59911" s="14" t="s">
        <v>325</v>
      </c>
      <c r="E59911" s="15">
        <v>45427</v>
      </c>
      <c r="F59911" s="14" t="s">
        <v>28</v>
      </c>
      <c r="G59911" s="16">
        <v>0.51398084045013959</v>
      </c>
    </row>
    <row r="59912" spans="1:7" x14ac:dyDescent="0.3">
      <c r="A59912" s="13" t="s">
        <v>324</v>
      </c>
      <c r="B59912" s="14" t="s">
        <v>1</v>
      </c>
      <c r="C59912" s="14" t="s">
        <v>38</v>
      </c>
      <c r="D59912" s="14" t="s">
        <v>325</v>
      </c>
      <c r="E59912" s="15">
        <v>45428</v>
      </c>
      <c r="F59912" s="14" t="s">
        <v>28</v>
      </c>
      <c r="G59912" s="16">
        <v>0.51011552827198092</v>
      </c>
    </row>
    <row r="59913" spans="1:7" x14ac:dyDescent="0.3">
      <c r="A59913" s="13" t="s">
        <v>324</v>
      </c>
      <c r="B59913" s="14" t="s">
        <v>1</v>
      </c>
      <c r="C59913" s="14" t="s">
        <v>38</v>
      </c>
      <c r="D59913" s="14" t="s">
        <v>325</v>
      </c>
      <c r="E59913" s="15">
        <v>45429</v>
      </c>
      <c r="F59913" s="14" t="s">
        <v>28</v>
      </c>
      <c r="G59913" s="16">
        <v>0.50579713575808494</v>
      </c>
    </row>
    <row r="59914" spans="1:7" x14ac:dyDescent="0.3">
      <c r="A59914" s="13" t="s">
        <v>324</v>
      </c>
      <c r="B59914" s="14" t="s">
        <v>1</v>
      </c>
      <c r="C59914" s="14" t="s">
        <v>38</v>
      </c>
      <c r="D59914" s="14" t="s">
        <v>325</v>
      </c>
      <c r="E59914" s="15">
        <v>45430</v>
      </c>
      <c r="F59914" s="14" t="s">
        <v>28</v>
      </c>
      <c r="G59914" s="16">
        <v>0.50579713575808494</v>
      </c>
    </row>
    <row r="59915" spans="1:7" x14ac:dyDescent="0.3">
      <c r="A59915" s="13" t="s">
        <v>324</v>
      </c>
      <c r="B59915" s="14" t="s">
        <v>1</v>
      </c>
      <c r="C59915" s="14" t="s">
        <v>38</v>
      </c>
      <c r="D59915" s="14" t="s">
        <v>325</v>
      </c>
      <c r="E59915" s="15">
        <v>45431</v>
      </c>
      <c r="F59915" s="14" t="s">
        <v>28</v>
      </c>
      <c r="G59915" s="16">
        <v>0.50579713575808494</v>
      </c>
    </row>
    <row r="59916" spans="1:7" x14ac:dyDescent="0.3">
      <c r="A59916" s="13" t="s">
        <v>324</v>
      </c>
      <c r="B59916" s="14" t="s">
        <v>1</v>
      </c>
      <c r="C59916" s="14" t="s">
        <v>38</v>
      </c>
      <c r="D59916" s="14" t="s">
        <v>325</v>
      </c>
      <c r="E59916" s="15">
        <v>45432</v>
      </c>
      <c r="F59916" s="14" t="s">
        <v>28</v>
      </c>
      <c r="G59916" s="16">
        <v>0.50228881800037339</v>
      </c>
    </row>
    <row r="59917" spans="1:7" x14ac:dyDescent="0.3">
      <c r="A59917" s="13" t="s">
        <v>324</v>
      </c>
      <c r="B59917" s="14" t="s">
        <v>1</v>
      </c>
      <c r="C59917" s="14" t="s">
        <v>38</v>
      </c>
      <c r="D59917" s="14" t="s">
        <v>325</v>
      </c>
      <c r="E59917" s="15">
        <v>45433</v>
      </c>
      <c r="F59917" s="14" t="s">
        <v>28</v>
      </c>
      <c r="G59917" s="16">
        <v>0.48948550553923265</v>
      </c>
    </row>
    <row r="59918" spans="1:7" x14ac:dyDescent="0.3">
      <c r="A59918" s="13" t="s">
        <v>324</v>
      </c>
      <c r="B59918" s="14" t="s">
        <v>1</v>
      </c>
      <c r="C59918" s="14" t="s">
        <v>38</v>
      </c>
      <c r="D59918" s="14" t="s">
        <v>325</v>
      </c>
      <c r="E59918" s="15">
        <v>45434</v>
      </c>
      <c r="F59918" s="14" t="s">
        <v>28</v>
      </c>
      <c r="G59918" s="16">
        <v>0.48948550553923265</v>
      </c>
    </row>
    <row r="59919" spans="1:7" x14ac:dyDescent="0.3">
      <c r="A59919" s="13" t="s">
        <v>324</v>
      </c>
      <c r="B59919" s="14" t="s">
        <v>1</v>
      </c>
      <c r="C59919" s="14" t="s">
        <v>38</v>
      </c>
      <c r="D59919" s="14" t="s">
        <v>325</v>
      </c>
      <c r="E59919" s="15">
        <v>45435</v>
      </c>
      <c r="F59919" s="14" t="s">
        <v>28</v>
      </c>
      <c r="G59919" s="16">
        <v>0.48684305974312753</v>
      </c>
    </row>
    <row r="59920" spans="1:7" x14ac:dyDescent="0.3">
      <c r="A59920" s="13" t="s">
        <v>324</v>
      </c>
      <c r="B59920" s="14" t="s">
        <v>1</v>
      </c>
      <c r="C59920" s="14" t="s">
        <v>38</v>
      </c>
      <c r="D59920" s="14" t="s">
        <v>325</v>
      </c>
      <c r="E59920" s="15">
        <v>45436</v>
      </c>
      <c r="F59920" s="14" t="s">
        <v>28</v>
      </c>
      <c r="G59920" s="16">
        <v>0.52729405403299667</v>
      </c>
    </row>
    <row r="59921" spans="1:7" x14ac:dyDescent="0.3">
      <c r="A59921" s="13" t="s">
        <v>324</v>
      </c>
      <c r="B59921" s="14" t="s">
        <v>1</v>
      </c>
      <c r="C59921" s="14" t="s">
        <v>38</v>
      </c>
      <c r="D59921" s="14" t="s">
        <v>325</v>
      </c>
      <c r="E59921" s="15">
        <v>45437</v>
      </c>
      <c r="F59921" s="14" t="s">
        <v>28</v>
      </c>
      <c r="G59921" s="16">
        <v>0.52729405403299667</v>
      </c>
    </row>
    <row r="59922" spans="1:7" x14ac:dyDescent="0.3">
      <c r="A59922" s="13" t="s">
        <v>324</v>
      </c>
      <c r="B59922" s="14" t="s">
        <v>1</v>
      </c>
      <c r="C59922" s="14" t="s">
        <v>38</v>
      </c>
      <c r="D59922" s="14" t="s">
        <v>325</v>
      </c>
      <c r="E59922" s="15">
        <v>45438</v>
      </c>
      <c r="F59922" s="14" t="s">
        <v>28</v>
      </c>
      <c r="G59922" s="16">
        <v>0.52729405403299667</v>
      </c>
    </row>
    <row r="59923" spans="1:7" x14ac:dyDescent="0.3">
      <c r="A59923" s="13" t="s">
        <v>324</v>
      </c>
      <c r="B59923" s="14" t="s">
        <v>1</v>
      </c>
      <c r="C59923" s="14" t="s">
        <v>38</v>
      </c>
      <c r="D59923" s="14" t="s">
        <v>325</v>
      </c>
      <c r="E59923" s="15">
        <v>45439</v>
      </c>
      <c r="F59923" s="14" t="s">
        <v>28</v>
      </c>
      <c r="G59923" s="16">
        <v>0.52302528204111398</v>
      </c>
    </row>
    <row r="59924" spans="1:7" x14ac:dyDescent="0.3">
      <c r="A59924" s="13" t="s">
        <v>324</v>
      </c>
      <c r="B59924" s="14" t="s">
        <v>1</v>
      </c>
      <c r="C59924" s="14" t="s">
        <v>38</v>
      </c>
      <c r="D59924" s="14" t="s">
        <v>325</v>
      </c>
      <c r="E59924" s="15">
        <v>45440</v>
      </c>
      <c r="F59924" s="14" t="s">
        <v>28</v>
      </c>
      <c r="G59924" s="16">
        <v>0.51033819245731438</v>
      </c>
    </row>
    <row r="59925" spans="1:7" x14ac:dyDescent="0.3">
      <c r="A59925" s="13" t="s">
        <v>324</v>
      </c>
      <c r="B59925" s="14" t="s">
        <v>1</v>
      </c>
      <c r="C59925" s="14" t="s">
        <v>38</v>
      </c>
      <c r="D59925" s="14" t="s">
        <v>325</v>
      </c>
      <c r="E59925" s="15">
        <v>45441</v>
      </c>
      <c r="F59925" s="14" t="s">
        <v>28</v>
      </c>
      <c r="G59925" s="16">
        <v>0.58792177688400327</v>
      </c>
    </row>
    <row r="59926" spans="1:7" x14ac:dyDescent="0.3">
      <c r="A59926" s="13" t="s">
        <v>324</v>
      </c>
      <c r="B59926" s="14" t="s">
        <v>1</v>
      </c>
      <c r="C59926" s="14" t="s">
        <v>38</v>
      </c>
      <c r="D59926" s="14" t="s">
        <v>325</v>
      </c>
      <c r="E59926" s="15">
        <v>45442</v>
      </c>
      <c r="F59926" s="14" t="s">
        <v>28</v>
      </c>
      <c r="G59926" s="16">
        <v>0.62353523465973748</v>
      </c>
    </row>
    <row r="59927" spans="1:7" x14ac:dyDescent="0.3">
      <c r="A59927" s="13" t="s">
        <v>324</v>
      </c>
      <c r="B59927" s="14" t="s">
        <v>1</v>
      </c>
      <c r="C59927" s="14" t="s">
        <v>38</v>
      </c>
      <c r="D59927" s="14" t="s">
        <v>325</v>
      </c>
      <c r="E59927" s="15">
        <v>45443</v>
      </c>
      <c r="F59927" s="14" t="s">
        <v>28</v>
      </c>
      <c r="G59927" s="16">
        <v>0.61990139058483762</v>
      </c>
    </row>
    <row r="59928" spans="1:7" x14ac:dyDescent="0.3">
      <c r="A59928" s="13" t="s">
        <v>324</v>
      </c>
      <c r="B59928" s="14" t="s">
        <v>1</v>
      </c>
      <c r="C59928" s="14" t="s">
        <v>38</v>
      </c>
      <c r="D59928" s="14" t="s">
        <v>325</v>
      </c>
      <c r="E59928" s="15">
        <v>45444</v>
      </c>
      <c r="F59928" s="14" t="s">
        <v>28</v>
      </c>
      <c r="G59928" s="16">
        <v>0.61990139058483762</v>
      </c>
    </row>
    <row r="59929" spans="1:7" x14ac:dyDescent="0.3">
      <c r="A59929" s="13" t="s">
        <v>324</v>
      </c>
      <c r="B59929" s="14" t="s">
        <v>1</v>
      </c>
      <c r="C59929" s="14" t="s">
        <v>38</v>
      </c>
      <c r="D59929" s="14" t="s">
        <v>325</v>
      </c>
      <c r="E59929" s="15">
        <v>45445</v>
      </c>
      <c r="F59929" s="14" t="s">
        <v>28</v>
      </c>
      <c r="G59929" s="16">
        <v>0.61990139058483762</v>
      </c>
    </row>
    <row r="59930" spans="1:7" x14ac:dyDescent="0.3">
      <c r="A59930" s="13" t="s">
        <v>324</v>
      </c>
      <c r="B59930" s="14" t="s">
        <v>1</v>
      </c>
      <c r="C59930" s="14" t="s">
        <v>38</v>
      </c>
      <c r="D59930" s="14" t="s">
        <v>325</v>
      </c>
      <c r="E59930" s="15">
        <v>45446</v>
      </c>
      <c r="F59930" s="14" t="s">
        <v>28</v>
      </c>
      <c r="G59930" s="16">
        <v>0.61990139058483762</v>
      </c>
    </row>
    <row r="59931" spans="1:7" x14ac:dyDescent="0.3">
      <c r="A59931" s="13" t="s">
        <v>324</v>
      </c>
      <c r="B59931" s="14" t="s">
        <v>1</v>
      </c>
      <c r="C59931" s="14" t="s">
        <v>38</v>
      </c>
      <c r="D59931" s="14" t="s">
        <v>325</v>
      </c>
      <c r="E59931" s="15">
        <v>45447</v>
      </c>
      <c r="F59931" s="14" t="s">
        <v>28</v>
      </c>
      <c r="G59931" s="16">
        <v>0.61374862887828696</v>
      </c>
    </row>
    <row r="59932" spans="1:7" x14ac:dyDescent="0.3">
      <c r="A59932" s="13" t="s">
        <v>324</v>
      </c>
      <c r="B59932" s="14" t="s">
        <v>1</v>
      </c>
      <c r="C59932" s="14" t="s">
        <v>38</v>
      </c>
      <c r="D59932" s="14" t="s">
        <v>325</v>
      </c>
      <c r="E59932" s="15">
        <v>45448</v>
      </c>
      <c r="F59932" s="14" t="s">
        <v>28</v>
      </c>
      <c r="G59932" s="16">
        <v>0.59930470528848945</v>
      </c>
    </row>
    <row r="59933" spans="1:7" x14ac:dyDescent="0.3">
      <c r="A59933" s="13" t="s">
        <v>324</v>
      </c>
      <c r="B59933" s="14" t="s">
        <v>1</v>
      </c>
      <c r="C59933" s="14" t="s">
        <v>38</v>
      </c>
      <c r="D59933" s="14" t="s">
        <v>325</v>
      </c>
      <c r="E59933" s="15">
        <v>45449</v>
      </c>
      <c r="F59933" s="14" t="s">
        <v>28</v>
      </c>
      <c r="G59933" s="16">
        <v>0.65078476138854069</v>
      </c>
    </row>
    <row r="59934" spans="1:7" x14ac:dyDescent="0.3">
      <c r="A59934" s="13" t="s">
        <v>324</v>
      </c>
      <c r="B59934" s="14" t="s">
        <v>1</v>
      </c>
      <c r="C59934" s="14" t="s">
        <v>38</v>
      </c>
      <c r="D59934" s="14" t="s">
        <v>325</v>
      </c>
      <c r="E59934" s="15">
        <v>45450</v>
      </c>
      <c r="F59934" s="14" t="s">
        <v>28</v>
      </c>
      <c r="G59934" s="16">
        <v>0.64943641637870642</v>
      </c>
    </row>
    <row r="59935" spans="1:7" x14ac:dyDescent="0.3">
      <c r="A59935" s="13" t="s">
        <v>324</v>
      </c>
      <c r="B59935" s="14" t="s">
        <v>1</v>
      </c>
      <c r="C59935" s="14" t="s">
        <v>38</v>
      </c>
      <c r="D59935" s="14" t="s">
        <v>325</v>
      </c>
      <c r="E59935" s="15">
        <v>45451</v>
      </c>
      <c r="F59935" s="14" t="s">
        <v>28</v>
      </c>
      <c r="G59935" s="16">
        <v>0.64943641637870642</v>
      </c>
    </row>
    <row r="59936" spans="1:7" x14ac:dyDescent="0.3">
      <c r="A59936" s="13" t="s">
        <v>324</v>
      </c>
      <c r="B59936" s="14" t="s">
        <v>1</v>
      </c>
      <c r="C59936" s="14" t="s">
        <v>38</v>
      </c>
      <c r="D59936" s="14" t="s">
        <v>325</v>
      </c>
      <c r="E59936" s="15">
        <v>45452</v>
      </c>
      <c r="F59936" s="14" t="s">
        <v>28</v>
      </c>
      <c r="G59936" s="16">
        <v>0.64943641637870642</v>
      </c>
    </row>
    <row r="59937" spans="1:7" x14ac:dyDescent="0.3">
      <c r="A59937" s="13" t="s">
        <v>324</v>
      </c>
      <c r="B59937" s="14" t="s">
        <v>1</v>
      </c>
      <c r="C59937" s="14" t="s">
        <v>38</v>
      </c>
      <c r="D59937" s="14" t="s">
        <v>325</v>
      </c>
      <c r="E59937" s="15">
        <v>45453</v>
      </c>
      <c r="F59937" s="14" t="s">
        <v>28</v>
      </c>
      <c r="G59937" s="16">
        <v>0.65119526411957551</v>
      </c>
    </row>
    <row r="59938" spans="1:7" x14ac:dyDescent="0.3">
      <c r="A59938" s="13" t="s">
        <v>324</v>
      </c>
      <c r="B59938" s="14" t="s">
        <v>1</v>
      </c>
      <c r="C59938" s="14" t="s">
        <v>38</v>
      </c>
      <c r="D59938" s="14" t="s">
        <v>325</v>
      </c>
      <c r="E59938" s="15">
        <v>45454</v>
      </c>
      <c r="F59938" s="14" t="s">
        <v>28</v>
      </c>
      <c r="G59938" s="16">
        <v>0.63883152556249012</v>
      </c>
    </row>
    <row r="59939" spans="1:7" x14ac:dyDescent="0.3">
      <c r="A59939" s="13" t="s">
        <v>324</v>
      </c>
      <c r="B59939" s="14" t="s">
        <v>1</v>
      </c>
      <c r="C59939" s="14" t="s">
        <v>38</v>
      </c>
      <c r="D59939" s="14" t="s">
        <v>325</v>
      </c>
      <c r="E59939" s="15">
        <v>45455</v>
      </c>
      <c r="F59939" s="14" t="s">
        <v>28</v>
      </c>
      <c r="G59939" s="16">
        <v>0.67295953442010592</v>
      </c>
    </row>
    <row r="59940" spans="1:7" x14ac:dyDescent="0.3">
      <c r="A59940" s="13" t="s">
        <v>324</v>
      </c>
      <c r="B59940" s="14" t="s">
        <v>1</v>
      </c>
      <c r="C59940" s="14" t="s">
        <v>38</v>
      </c>
      <c r="D59940" s="14" t="s">
        <v>325</v>
      </c>
      <c r="E59940" s="15">
        <v>45456</v>
      </c>
      <c r="F59940" s="14" t="s">
        <v>28</v>
      </c>
      <c r="G59940" s="16">
        <v>0.67073727103545944</v>
      </c>
    </row>
    <row r="59941" spans="1:7" x14ac:dyDescent="0.3">
      <c r="A59941" s="13" t="s">
        <v>324</v>
      </c>
      <c r="B59941" s="14" t="s">
        <v>1</v>
      </c>
      <c r="C59941" s="14" t="s">
        <v>38</v>
      </c>
      <c r="D59941" s="14" t="s">
        <v>325</v>
      </c>
      <c r="E59941" s="15">
        <v>45457</v>
      </c>
      <c r="F59941" s="14" t="s">
        <v>28</v>
      </c>
      <c r="G59941" s="16">
        <v>0.68676522602744439</v>
      </c>
    </row>
    <row r="59942" spans="1:7" x14ac:dyDescent="0.3">
      <c r="A59942" s="13" t="s">
        <v>324</v>
      </c>
      <c r="B59942" s="14" t="s">
        <v>1</v>
      </c>
      <c r="C59942" s="14" t="s">
        <v>38</v>
      </c>
      <c r="D59942" s="14" t="s">
        <v>325</v>
      </c>
      <c r="E59942" s="15">
        <v>45458</v>
      </c>
      <c r="F59942" s="14" t="s">
        <v>28</v>
      </c>
      <c r="G59942" s="16">
        <v>0.68676522602744439</v>
      </c>
    </row>
    <row r="59943" spans="1:7" x14ac:dyDescent="0.3">
      <c r="A59943" s="13" t="s">
        <v>324</v>
      </c>
      <c r="B59943" s="14" t="s">
        <v>1</v>
      </c>
      <c r="C59943" s="14" t="s">
        <v>38</v>
      </c>
      <c r="D59943" s="14" t="s">
        <v>325</v>
      </c>
      <c r="E59943" s="15">
        <v>45459</v>
      </c>
      <c r="F59943" s="14" t="s">
        <v>28</v>
      </c>
      <c r="G59943" s="16">
        <v>0.68676522602744439</v>
      </c>
    </row>
    <row r="59944" spans="1:7" x14ac:dyDescent="0.3">
      <c r="A59944" s="13" t="s">
        <v>324</v>
      </c>
      <c r="B59944" s="14" t="s">
        <v>1</v>
      </c>
      <c r="C59944" s="14" t="s">
        <v>38</v>
      </c>
      <c r="D59944" s="14" t="s">
        <v>325</v>
      </c>
      <c r="E59944" s="15">
        <v>45460</v>
      </c>
      <c r="F59944" s="14" t="s">
        <v>28</v>
      </c>
      <c r="G59944" s="16">
        <v>0.68676522602744439</v>
      </c>
    </row>
    <row r="59945" spans="1:7" x14ac:dyDescent="0.3">
      <c r="A59945" s="13" t="s">
        <v>324</v>
      </c>
      <c r="B59945" s="14" t="s">
        <v>1</v>
      </c>
      <c r="C59945" s="14" t="s">
        <v>38</v>
      </c>
      <c r="D59945" s="14" t="s">
        <v>325</v>
      </c>
      <c r="E59945" s="15">
        <v>45461</v>
      </c>
      <c r="F59945" s="14" t="s">
        <v>28</v>
      </c>
      <c r="G59945" s="16">
        <v>0.68153399494247158</v>
      </c>
    </row>
    <row r="59946" spans="1:7" x14ac:dyDescent="0.3">
      <c r="A59946" s="13" t="s">
        <v>324</v>
      </c>
      <c r="B59946" s="14" t="s">
        <v>1</v>
      </c>
      <c r="C59946" s="14" t="s">
        <v>38</v>
      </c>
      <c r="D59946" s="14" t="s">
        <v>325</v>
      </c>
      <c r="E59946" s="15">
        <v>45462</v>
      </c>
      <c r="F59946" s="14" t="s">
        <v>28</v>
      </c>
      <c r="G59946" s="16">
        <v>0.70631679064401354</v>
      </c>
    </row>
    <row r="59947" spans="1:7" x14ac:dyDescent="0.3">
      <c r="A59947" s="13" t="s">
        <v>324</v>
      </c>
      <c r="B59947" s="14" t="s">
        <v>1</v>
      </c>
      <c r="C59947" s="14" t="s">
        <v>38</v>
      </c>
      <c r="D59947" s="14" t="s">
        <v>325</v>
      </c>
      <c r="E59947" s="15">
        <v>45463</v>
      </c>
      <c r="F59947" s="14" t="s">
        <v>28</v>
      </c>
      <c r="G59947" s="16">
        <v>0.70412982633388466</v>
      </c>
    </row>
    <row r="59948" spans="1:7" x14ac:dyDescent="0.3">
      <c r="A59948" s="13" t="s">
        <v>324</v>
      </c>
      <c r="B59948" s="14" t="s">
        <v>1</v>
      </c>
      <c r="C59948" s="14" t="s">
        <v>38</v>
      </c>
      <c r="D59948" s="14" t="s">
        <v>325</v>
      </c>
      <c r="E59948" s="15">
        <v>45464</v>
      </c>
      <c r="F59948" s="14" t="s">
        <v>28</v>
      </c>
      <c r="G59948" s="16">
        <v>0.69997531220334341</v>
      </c>
    </row>
    <row r="59949" spans="1:7" x14ac:dyDescent="0.3">
      <c r="A59949" s="13" t="s">
        <v>324</v>
      </c>
      <c r="B59949" s="14" t="s">
        <v>1</v>
      </c>
      <c r="C59949" s="14" t="s">
        <v>38</v>
      </c>
      <c r="D59949" s="14" t="s">
        <v>325</v>
      </c>
      <c r="E59949" s="15">
        <v>45465</v>
      </c>
      <c r="F59949" s="14" t="s">
        <v>28</v>
      </c>
      <c r="G59949" s="16">
        <v>0.69997531220334341</v>
      </c>
    </row>
    <row r="59950" spans="1:7" x14ac:dyDescent="0.3">
      <c r="A59950" s="13" t="s">
        <v>324</v>
      </c>
      <c r="B59950" s="14" t="s">
        <v>1</v>
      </c>
      <c r="C59950" s="14" t="s">
        <v>38</v>
      </c>
      <c r="D59950" s="14" t="s">
        <v>325</v>
      </c>
      <c r="E59950" s="15">
        <v>45466</v>
      </c>
      <c r="F59950" s="14" t="s">
        <v>28</v>
      </c>
      <c r="G59950" s="16">
        <v>0.69997531220334341</v>
      </c>
    </row>
    <row r="59951" spans="1:7" x14ac:dyDescent="0.3">
      <c r="A59951" s="13" t="s">
        <v>324</v>
      </c>
      <c r="B59951" s="14" t="s">
        <v>1</v>
      </c>
      <c r="C59951" s="14" t="s">
        <v>38</v>
      </c>
      <c r="D59951" s="14" t="s">
        <v>325</v>
      </c>
      <c r="E59951" s="15">
        <v>45467</v>
      </c>
      <c r="F59951" s="14" t="s">
        <v>28</v>
      </c>
      <c r="G59951" s="16">
        <v>0.69464065689447041</v>
      </c>
    </row>
    <row r="59952" spans="1:7" x14ac:dyDescent="0.3">
      <c r="A59952" s="13" t="s">
        <v>324</v>
      </c>
      <c r="B59952" s="14" t="s">
        <v>1</v>
      </c>
      <c r="C59952" s="14" t="s">
        <v>38</v>
      </c>
      <c r="D59952" s="14" t="s">
        <v>325</v>
      </c>
      <c r="E59952" s="15">
        <v>45468</v>
      </c>
      <c r="F59952" s="14" t="s">
        <v>28</v>
      </c>
      <c r="G59952" s="16">
        <v>0.6828097800284989</v>
      </c>
    </row>
    <row r="59953" spans="1:7" x14ac:dyDescent="0.3">
      <c r="A59953" s="13" t="s">
        <v>324</v>
      </c>
      <c r="B59953" s="14" t="s">
        <v>1</v>
      </c>
      <c r="C59953" s="14" t="s">
        <v>38</v>
      </c>
      <c r="D59953" s="14" t="s">
        <v>325</v>
      </c>
      <c r="E59953" s="15">
        <v>45469</v>
      </c>
      <c r="F59953" s="14" t="s">
        <v>28</v>
      </c>
      <c r="G59953" s="16">
        <v>0.6804835542464881</v>
      </c>
    </row>
    <row r="59954" spans="1:7" x14ac:dyDescent="0.3">
      <c r="A59954" s="13" t="s">
        <v>324</v>
      </c>
      <c r="B59954" s="14" t="s">
        <v>1</v>
      </c>
      <c r="C59954" s="14" t="s">
        <v>38</v>
      </c>
      <c r="D59954" s="14" t="s">
        <v>325</v>
      </c>
      <c r="E59954" s="15">
        <v>45470</v>
      </c>
      <c r="F59954" s="14" t="s">
        <v>28</v>
      </c>
      <c r="G59954" s="16">
        <v>0.67628545384211725</v>
      </c>
    </row>
    <row r="59955" spans="1:7" x14ac:dyDescent="0.3">
      <c r="A59955" s="13" t="s">
        <v>324</v>
      </c>
      <c r="B59955" s="14" t="s">
        <v>1</v>
      </c>
      <c r="C59955" s="14" t="s">
        <v>38</v>
      </c>
      <c r="D59955" s="14" t="s">
        <v>325</v>
      </c>
      <c r="E59955" s="15">
        <v>45471</v>
      </c>
      <c r="F59955" s="14" t="s">
        <v>28</v>
      </c>
      <c r="G59955" s="16">
        <v>0.68788415696354022</v>
      </c>
    </row>
    <row r="59956" spans="1:7" x14ac:dyDescent="0.3">
      <c r="A59956" s="13" t="s">
        <v>324</v>
      </c>
      <c r="B59956" s="14" t="s">
        <v>1</v>
      </c>
      <c r="C59956" s="14" t="s">
        <v>38</v>
      </c>
      <c r="D59956" s="14" t="s">
        <v>325</v>
      </c>
      <c r="E59956" s="15">
        <v>45472</v>
      </c>
      <c r="F59956" s="14" t="s">
        <v>28</v>
      </c>
      <c r="G59956" s="16">
        <v>0.68788415696354022</v>
      </c>
    </row>
    <row r="59957" spans="1:7" x14ac:dyDescent="0.3">
      <c r="A59957" s="13" t="s">
        <v>324</v>
      </c>
      <c r="B59957" s="14" t="s">
        <v>1</v>
      </c>
      <c r="C59957" s="14" t="s">
        <v>38</v>
      </c>
      <c r="D59957" s="14" t="s">
        <v>325</v>
      </c>
      <c r="E59957" s="15">
        <v>45473</v>
      </c>
      <c r="F59957" s="14" t="s">
        <v>28</v>
      </c>
      <c r="G59957" s="16">
        <v>0.68788415696354022</v>
      </c>
    </row>
    <row r="59958" spans="1:7" x14ac:dyDescent="0.3">
      <c r="A59958" s="13" t="s">
        <v>324</v>
      </c>
      <c r="B59958" s="14" t="s">
        <v>1</v>
      </c>
      <c r="C59958" s="14" t="s">
        <v>38</v>
      </c>
      <c r="D59958" s="14" t="s">
        <v>325</v>
      </c>
      <c r="E59958" s="15">
        <v>45474</v>
      </c>
      <c r="F59958" s="14" t="s">
        <v>28</v>
      </c>
      <c r="G59958" s="16">
        <v>9.6548430569316421E-4</v>
      </c>
    </row>
    <row r="59959" spans="1:7" x14ac:dyDescent="0.3">
      <c r="A59959" s="13" t="s">
        <v>324</v>
      </c>
      <c r="B59959" s="14" t="s">
        <v>1</v>
      </c>
      <c r="C59959" s="14" t="s">
        <v>38</v>
      </c>
      <c r="D59959" s="14" t="s">
        <v>325</v>
      </c>
      <c r="E59959" s="15">
        <v>45475</v>
      </c>
      <c r="F59959" s="14" t="s">
        <v>28</v>
      </c>
      <c r="G59959" s="16">
        <v>0</v>
      </c>
    </row>
    <row r="59960" spans="1:7" x14ac:dyDescent="0.3">
      <c r="A59960" s="13" t="s">
        <v>324</v>
      </c>
      <c r="B59960" s="14" t="s">
        <v>1</v>
      </c>
      <c r="C59960" s="14" t="s">
        <v>38</v>
      </c>
      <c r="D59960" s="14" t="s">
        <v>325</v>
      </c>
      <c r="E59960" s="15">
        <v>45476</v>
      </c>
      <c r="F59960" s="14" t="s">
        <v>28</v>
      </c>
      <c r="G59960" s="16">
        <v>0</v>
      </c>
    </row>
    <row r="59961" spans="1:7" x14ac:dyDescent="0.3">
      <c r="A59961" s="13" t="s">
        <v>324</v>
      </c>
      <c r="B59961" s="14" t="s">
        <v>1</v>
      </c>
      <c r="C59961" s="14" t="s">
        <v>38</v>
      </c>
      <c r="D59961" s="14" t="s">
        <v>325</v>
      </c>
      <c r="E59961" s="15">
        <v>45477</v>
      </c>
      <c r="F59961" s="14" t="s">
        <v>28</v>
      </c>
      <c r="G59961" s="16">
        <v>0</v>
      </c>
    </row>
    <row r="59962" spans="1:7" x14ac:dyDescent="0.3">
      <c r="A59962" s="13" t="s">
        <v>324</v>
      </c>
      <c r="B59962" s="14" t="s">
        <v>1</v>
      </c>
      <c r="C59962" s="14" t="s">
        <v>38</v>
      </c>
      <c r="D59962" s="14" t="s">
        <v>325</v>
      </c>
      <c r="E59962" s="15">
        <v>45478</v>
      </c>
      <c r="F59962" s="14" t="s">
        <v>28</v>
      </c>
      <c r="G59962" s="16">
        <v>6.0594477814449904E-2</v>
      </c>
    </row>
    <row r="59963" spans="1:7" x14ac:dyDescent="0.3">
      <c r="A59963" s="13" t="s">
        <v>324</v>
      </c>
      <c r="B59963" s="14" t="s">
        <v>1</v>
      </c>
      <c r="C59963" s="14" t="s">
        <v>38</v>
      </c>
      <c r="D59963" s="14" t="s">
        <v>325</v>
      </c>
      <c r="E59963" s="15">
        <v>45479</v>
      </c>
      <c r="F59963" s="14" t="s">
        <v>28</v>
      </c>
      <c r="G59963" s="16">
        <v>6.0594477814449904E-2</v>
      </c>
    </row>
    <row r="59964" spans="1:7" x14ac:dyDescent="0.3">
      <c r="A59964" s="13" t="s">
        <v>324</v>
      </c>
      <c r="B59964" s="14" t="s">
        <v>1</v>
      </c>
      <c r="C59964" s="14" t="s">
        <v>38</v>
      </c>
      <c r="D59964" s="14" t="s">
        <v>325</v>
      </c>
      <c r="E59964" s="15">
        <v>45480</v>
      </c>
      <c r="F59964" s="14" t="s">
        <v>28</v>
      </c>
      <c r="G59964" s="16">
        <v>6.0594477814449904E-2</v>
      </c>
    </row>
    <row r="59965" spans="1:7" x14ac:dyDescent="0.3">
      <c r="A59965" s="13" t="s">
        <v>324</v>
      </c>
      <c r="B59965" s="14" t="s">
        <v>1</v>
      </c>
      <c r="C59965" s="14" t="s">
        <v>38</v>
      </c>
      <c r="D59965" s="14" t="s">
        <v>325</v>
      </c>
      <c r="E59965" s="15">
        <v>45481</v>
      </c>
      <c r="F59965" s="14" t="s">
        <v>28</v>
      </c>
      <c r="G59965" s="16">
        <v>6.7488240473348018E-2</v>
      </c>
    </row>
    <row r="59966" spans="1:7" x14ac:dyDescent="0.3">
      <c r="A59966" s="13" t="s">
        <v>324</v>
      </c>
      <c r="B59966" s="14" t="s">
        <v>1</v>
      </c>
      <c r="C59966" s="14" t="s">
        <v>38</v>
      </c>
      <c r="D59966" s="14" t="s">
        <v>325</v>
      </c>
      <c r="E59966" s="15">
        <v>45482</v>
      </c>
      <c r="F59966" s="14" t="s">
        <v>28</v>
      </c>
      <c r="G59966" s="16">
        <v>5.4453284815675795E-2</v>
      </c>
    </row>
    <row r="59967" spans="1:7" x14ac:dyDescent="0.3">
      <c r="A59967" s="13" t="s">
        <v>324</v>
      </c>
      <c r="B59967" s="14" t="s">
        <v>1</v>
      </c>
      <c r="C59967" s="14" t="s">
        <v>38</v>
      </c>
      <c r="D59967" s="14" t="s">
        <v>325</v>
      </c>
      <c r="E59967" s="15">
        <v>45483</v>
      </c>
      <c r="F59967" s="14" t="s">
        <v>28</v>
      </c>
      <c r="G59967" s="16">
        <v>5.0014685371186994E-2</v>
      </c>
    </row>
    <row r="59968" spans="1:7" x14ac:dyDescent="0.3">
      <c r="A59968" s="13" t="s">
        <v>324</v>
      </c>
      <c r="B59968" s="14" t="s">
        <v>1</v>
      </c>
      <c r="C59968" s="14" t="s">
        <v>38</v>
      </c>
      <c r="D59968" s="14" t="s">
        <v>325</v>
      </c>
      <c r="E59968" s="15">
        <v>45484</v>
      </c>
      <c r="F59968" s="14" t="s">
        <v>28</v>
      </c>
      <c r="G59968" s="16">
        <v>0.14240303346999716</v>
      </c>
    </row>
    <row r="59969" spans="1:7" x14ac:dyDescent="0.3">
      <c r="A59969" s="13" t="s">
        <v>324</v>
      </c>
      <c r="B59969" s="14" t="s">
        <v>1</v>
      </c>
      <c r="C59969" s="14" t="s">
        <v>38</v>
      </c>
      <c r="D59969" s="14" t="s">
        <v>325</v>
      </c>
      <c r="E59969" s="15">
        <v>45485</v>
      </c>
      <c r="F59969" s="14" t="s">
        <v>28</v>
      </c>
      <c r="G59969" s="16">
        <v>0.16057170800315471</v>
      </c>
    </row>
    <row r="59970" spans="1:7" x14ac:dyDescent="0.3">
      <c r="A59970" s="13" t="s">
        <v>324</v>
      </c>
      <c r="B59970" s="14" t="s">
        <v>1</v>
      </c>
      <c r="C59970" s="14" t="s">
        <v>38</v>
      </c>
      <c r="D59970" s="14" t="s">
        <v>325</v>
      </c>
      <c r="E59970" s="15">
        <v>45486</v>
      </c>
      <c r="F59970" s="14" t="s">
        <v>28</v>
      </c>
      <c r="G59970" s="16">
        <v>0.16057170800315471</v>
      </c>
    </row>
    <row r="59971" spans="1:7" x14ac:dyDescent="0.3">
      <c r="A59971" s="13" t="s">
        <v>324</v>
      </c>
      <c r="B59971" s="14" t="s">
        <v>1</v>
      </c>
      <c r="C59971" s="14" t="s">
        <v>38</v>
      </c>
      <c r="D59971" s="14" t="s">
        <v>325</v>
      </c>
      <c r="E59971" s="15">
        <v>45487</v>
      </c>
      <c r="F59971" s="14" t="s">
        <v>28</v>
      </c>
      <c r="G59971" s="16">
        <v>0.16057170800315471</v>
      </c>
    </row>
    <row r="59972" spans="1:7" x14ac:dyDescent="0.3">
      <c r="A59972" s="13" t="s">
        <v>324</v>
      </c>
      <c r="B59972" s="14" t="s">
        <v>1</v>
      </c>
      <c r="C59972" s="14" t="s">
        <v>38</v>
      </c>
      <c r="D59972" s="14" t="s">
        <v>325</v>
      </c>
      <c r="E59972" s="15">
        <v>45488</v>
      </c>
      <c r="F59972" s="14" t="s">
        <v>28</v>
      </c>
      <c r="G59972" s="16">
        <v>0.15651132206597565</v>
      </c>
    </row>
    <row r="59973" spans="1:7" x14ac:dyDescent="0.3">
      <c r="A59973" s="13" t="s">
        <v>324</v>
      </c>
      <c r="B59973" s="14" t="s">
        <v>1</v>
      </c>
      <c r="C59973" s="14" t="s">
        <v>38</v>
      </c>
      <c r="D59973" s="14" t="s">
        <v>325</v>
      </c>
      <c r="E59973" s="15">
        <v>45489</v>
      </c>
      <c r="F59973" s="14" t="s">
        <v>28</v>
      </c>
      <c r="G59973" s="16">
        <v>0.14336129147750259</v>
      </c>
    </row>
    <row r="59974" spans="1:7" x14ac:dyDescent="0.3">
      <c r="A59974" s="13" t="s">
        <v>324</v>
      </c>
      <c r="B59974" s="14" t="s">
        <v>1</v>
      </c>
      <c r="C59974" s="14" t="s">
        <v>38</v>
      </c>
      <c r="D59974" s="14" t="s">
        <v>325</v>
      </c>
      <c r="E59974" s="15">
        <v>45490</v>
      </c>
      <c r="F59974" s="14" t="s">
        <v>28</v>
      </c>
      <c r="G59974" s="16">
        <v>0.1923678317102176</v>
      </c>
    </row>
    <row r="59975" spans="1:7" x14ac:dyDescent="0.3">
      <c r="A59975" s="13" t="s">
        <v>324</v>
      </c>
      <c r="B59975" s="14" t="s">
        <v>1</v>
      </c>
      <c r="C59975" s="14" t="s">
        <v>38</v>
      </c>
      <c r="D59975" s="14" t="s">
        <v>325</v>
      </c>
      <c r="E59975" s="15">
        <v>45491</v>
      </c>
      <c r="F59975" s="14" t="s">
        <v>28</v>
      </c>
      <c r="G59975" s="16">
        <v>0.18840845429941358</v>
      </c>
    </row>
    <row r="59976" spans="1:7" x14ac:dyDescent="0.3">
      <c r="A59976" s="13" t="s">
        <v>324</v>
      </c>
      <c r="B59976" s="14" t="s">
        <v>1</v>
      </c>
      <c r="C59976" s="14" t="s">
        <v>38</v>
      </c>
      <c r="D59976" s="14" t="s">
        <v>325</v>
      </c>
      <c r="E59976" s="15">
        <v>45492</v>
      </c>
      <c r="F59976" s="14" t="s">
        <v>28</v>
      </c>
      <c r="G59976" s="16">
        <v>0.18418366272804615</v>
      </c>
    </row>
    <row r="59977" spans="1:7" x14ac:dyDescent="0.3">
      <c r="A59977" s="13" t="s">
        <v>324</v>
      </c>
      <c r="B59977" s="14" t="s">
        <v>1</v>
      </c>
      <c r="C59977" s="14" t="s">
        <v>38</v>
      </c>
      <c r="D59977" s="14" t="s">
        <v>325</v>
      </c>
      <c r="E59977" s="15">
        <v>45493</v>
      </c>
      <c r="F59977" s="14" t="s">
        <v>28</v>
      </c>
      <c r="G59977" s="16">
        <v>0.18418366272804615</v>
      </c>
    </row>
    <row r="59978" spans="1:7" x14ac:dyDescent="0.3">
      <c r="A59978" s="13" t="s">
        <v>324</v>
      </c>
      <c r="B59978" s="14" t="s">
        <v>1</v>
      </c>
      <c r="C59978" s="14" t="s">
        <v>38</v>
      </c>
      <c r="D59978" s="14" t="s">
        <v>325</v>
      </c>
      <c r="E59978" s="15">
        <v>45494</v>
      </c>
      <c r="F59978" s="14" t="s">
        <v>28</v>
      </c>
      <c r="G59978" s="16">
        <v>0.18418366272804615</v>
      </c>
    </row>
    <row r="59979" spans="1:7" x14ac:dyDescent="0.3">
      <c r="A59979" s="13" t="s">
        <v>324</v>
      </c>
      <c r="B59979" s="14" t="s">
        <v>1</v>
      </c>
      <c r="C59979" s="14" t="s">
        <v>38</v>
      </c>
      <c r="D59979" s="14" t="s">
        <v>325</v>
      </c>
      <c r="E59979" s="15">
        <v>45495</v>
      </c>
      <c r="F59979" s="14" t="s">
        <v>28</v>
      </c>
      <c r="G59979" s="16">
        <v>0.17993637531751797</v>
      </c>
    </row>
    <row r="59980" spans="1:7" x14ac:dyDescent="0.3">
      <c r="A59980" s="13" t="s">
        <v>324</v>
      </c>
      <c r="B59980" s="14" t="s">
        <v>1</v>
      </c>
      <c r="C59980" s="14" t="s">
        <v>38</v>
      </c>
      <c r="D59980" s="14" t="s">
        <v>325</v>
      </c>
      <c r="E59980" s="15">
        <v>45496</v>
      </c>
      <c r="F59980" s="14" t="s">
        <v>28</v>
      </c>
      <c r="G59980" s="16">
        <v>0.16717393681139683</v>
      </c>
    </row>
    <row r="59981" spans="1:7" x14ac:dyDescent="0.3">
      <c r="A59981" s="13" t="s">
        <v>324</v>
      </c>
      <c r="B59981" s="14" t="s">
        <v>1</v>
      </c>
      <c r="C59981" s="14" t="s">
        <v>38</v>
      </c>
      <c r="D59981" s="14" t="s">
        <v>325</v>
      </c>
      <c r="E59981" s="15">
        <v>45497</v>
      </c>
      <c r="F59981" s="14" t="s">
        <v>28</v>
      </c>
      <c r="G59981" s="16">
        <v>0.1627260674682991</v>
      </c>
    </row>
    <row r="59982" spans="1:7" x14ac:dyDescent="0.3">
      <c r="A59982" s="13" t="s">
        <v>324</v>
      </c>
      <c r="B59982" s="14" t="s">
        <v>1</v>
      </c>
      <c r="C59982" s="14" t="s">
        <v>38</v>
      </c>
      <c r="D59982" s="14" t="s">
        <v>325</v>
      </c>
      <c r="E59982" s="15">
        <v>45498</v>
      </c>
      <c r="F59982" s="14" t="s">
        <v>28</v>
      </c>
      <c r="G59982" s="16">
        <v>0.15848043852873883</v>
      </c>
    </row>
    <row r="59983" spans="1:7" x14ac:dyDescent="0.3">
      <c r="A59983" s="13" t="s">
        <v>324</v>
      </c>
      <c r="B59983" s="14" t="s">
        <v>1</v>
      </c>
      <c r="C59983" s="14" t="s">
        <v>38</v>
      </c>
      <c r="D59983" s="14" t="s">
        <v>325</v>
      </c>
      <c r="E59983" s="15">
        <v>45499</v>
      </c>
      <c r="F59983" s="14" t="s">
        <v>28</v>
      </c>
      <c r="G59983" s="16">
        <v>0.15414177261904355</v>
      </c>
    </row>
    <row r="59984" spans="1:7" x14ac:dyDescent="0.3">
      <c r="A59984" s="13" t="s">
        <v>324</v>
      </c>
      <c r="B59984" s="14" t="s">
        <v>1</v>
      </c>
      <c r="C59984" s="14" t="s">
        <v>38</v>
      </c>
      <c r="D59984" s="14" t="s">
        <v>325</v>
      </c>
      <c r="E59984" s="15">
        <v>45500</v>
      </c>
      <c r="F59984" s="14" t="s">
        <v>28</v>
      </c>
      <c r="G59984" s="16">
        <v>0.15414177261904355</v>
      </c>
    </row>
    <row r="59985" spans="1:7" x14ac:dyDescent="0.3">
      <c r="A59985" s="13" t="s">
        <v>324</v>
      </c>
      <c r="B59985" s="14" t="s">
        <v>1</v>
      </c>
      <c r="C59985" s="14" t="s">
        <v>38</v>
      </c>
      <c r="D59985" s="14" t="s">
        <v>325</v>
      </c>
      <c r="E59985" s="15">
        <v>45501</v>
      </c>
      <c r="F59985" s="14" t="s">
        <v>28</v>
      </c>
      <c r="G59985" s="16">
        <v>0.15414177261904355</v>
      </c>
    </row>
    <row r="59986" spans="1:7" x14ac:dyDescent="0.3">
      <c r="A59986" s="13" t="s">
        <v>324</v>
      </c>
      <c r="B59986" s="14" t="s">
        <v>1</v>
      </c>
      <c r="C59986" s="14" t="s">
        <v>38</v>
      </c>
      <c r="D59986" s="14" t="s">
        <v>325</v>
      </c>
      <c r="E59986" s="15">
        <v>45502</v>
      </c>
      <c r="F59986" s="14" t="s">
        <v>28</v>
      </c>
      <c r="G59986" s="16">
        <v>0.18081289959057761</v>
      </c>
    </row>
    <row r="59987" spans="1:7" x14ac:dyDescent="0.3">
      <c r="A59987" s="13" t="s">
        <v>324</v>
      </c>
      <c r="B59987" s="14" t="s">
        <v>1</v>
      </c>
      <c r="C59987" s="14" t="s">
        <v>38</v>
      </c>
      <c r="D59987" s="14" t="s">
        <v>325</v>
      </c>
      <c r="E59987" s="15">
        <v>45503</v>
      </c>
      <c r="F59987" s="14" t="s">
        <v>28</v>
      </c>
      <c r="G59987" s="16">
        <v>0.16840912140323358</v>
      </c>
    </row>
    <row r="59988" spans="1:7" x14ac:dyDescent="0.3">
      <c r="A59988" s="13" t="s">
        <v>324</v>
      </c>
      <c r="B59988" s="14" t="s">
        <v>1</v>
      </c>
      <c r="C59988" s="14" t="s">
        <v>38</v>
      </c>
      <c r="D59988" s="14" t="s">
        <v>325</v>
      </c>
      <c r="E59988" s="15">
        <v>45504</v>
      </c>
      <c r="F59988" s="14" t="s">
        <v>28</v>
      </c>
      <c r="G59988" s="16">
        <v>0.16353838589068767</v>
      </c>
    </row>
    <row r="59989" spans="1:7" x14ac:dyDescent="0.3">
      <c r="A59989" s="13" t="s">
        <v>324</v>
      </c>
      <c r="B59989" s="14" t="s">
        <v>1</v>
      </c>
      <c r="C59989" s="14" t="s">
        <v>38</v>
      </c>
      <c r="D59989" s="14" t="s">
        <v>325</v>
      </c>
      <c r="E59989" s="15">
        <v>45505</v>
      </c>
      <c r="F59989" s="14" t="s">
        <v>28</v>
      </c>
      <c r="G59989" s="16">
        <v>0.15961428328339189</v>
      </c>
    </row>
    <row r="59990" spans="1:7" x14ac:dyDescent="0.3">
      <c r="A59990" s="13" t="s">
        <v>324</v>
      </c>
      <c r="B59990" s="14" t="s">
        <v>1</v>
      </c>
      <c r="C59990" s="14" t="s">
        <v>38</v>
      </c>
      <c r="D59990" s="14" t="s">
        <v>325</v>
      </c>
      <c r="E59990" s="15">
        <v>45506</v>
      </c>
      <c r="F59990" s="14" t="s">
        <v>28</v>
      </c>
      <c r="G59990" s="16">
        <v>0.15436920198218509</v>
      </c>
    </row>
    <row r="59991" spans="1:7" x14ac:dyDescent="0.3">
      <c r="A59991" s="13" t="s">
        <v>324</v>
      </c>
      <c r="B59991" s="14" t="s">
        <v>1</v>
      </c>
      <c r="C59991" s="14" t="s">
        <v>38</v>
      </c>
      <c r="D59991" s="14" t="s">
        <v>325</v>
      </c>
      <c r="E59991" s="15">
        <v>45507</v>
      </c>
      <c r="F59991" s="14" t="s">
        <v>28</v>
      </c>
      <c r="G59991" s="16">
        <v>0.15436920198218509</v>
      </c>
    </row>
    <row r="59992" spans="1:7" x14ac:dyDescent="0.3">
      <c r="A59992" s="13" t="s">
        <v>324</v>
      </c>
      <c r="B59992" s="14" t="s">
        <v>1</v>
      </c>
      <c r="C59992" s="14" t="s">
        <v>38</v>
      </c>
      <c r="D59992" s="14" t="s">
        <v>325</v>
      </c>
      <c r="E59992" s="15">
        <v>45508</v>
      </c>
      <c r="F59992" s="14" t="s">
        <v>28</v>
      </c>
      <c r="G59992" s="16">
        <v>0.15436920198218509</v>
      </c>
    </row>
    <row r="59993" spans="1:7" x14ac:dyDescent="0.3">
      <c r="A59993" s="13" t="s">
        <v>324</v>
      </c>
      <c r="B59993" s="14" t="s">
        <v>1</v>
      </c>
      <c r="C59993" s="14" t="s">
        <v>38</v>
      </c>
      <c r="D59993" s="14" t="s">
        <v>325</v>
      </c>
      <c r="E59993" s="15">
        <v>45509</v>
      </c>
      <c r="F59993" s="14" t="s">
        <v>28</v>
      </c>
      <c r="G59993" s="16">
        <v>0.15436920198218509</v>
      </c>
    </row>
    <row r="59994" spans="1:7" x14ac:dyDescent="0.3">
      <c r="A59994" s="13" t="s">
        <v>324</v>
      </c>
      <c r="B59994" s="14" t="s">
        <v>1</v>
      </c>
      <c r="C59994" s="14" t="s">
        <v>38</v>
      </c>
      <c r="D59994" s="14" t="s">
        <v>325</v>
      </c>
      <c r="E59994" s="15">
        <v>45510</v>
      </c>
      <c r="F59994" s="14" t="s">
        <v>28</v>
      </c>
      <c r="G59994" s="16">
        <v>0.15007912745459573</v>
      </c>
    </row>
    <row r="59995" spans="1:7" x14ac:dyDescent="0.3">
      <c r="A59995" s="13" t="s">
        <v>324</v>
      </c>
      <c r="B59995" s="14" t="s">
        <v>1</v>
      </c>
      <c r="C59995" s="14" t="s">
        <v>38</v>
      </c>
      <c r="D59995" s="14" t="s">
        <v>325</v>
      </c>
      <c r="E59995" s="15">
        <v>45511</v>
      </c>
      <c r="F59995" s="14" t="s">
        <v>28</v>
      </c>
      <c r="G59995" s="16">
        <v>0.14391029592518489</v>
      </c>
    </row>
    <row r="59996" spans="1:7" x14ac:dyDescent="0.3">
      <c r="A59996" s="13" t="s">
        <v>324</v>
      </c>
      <c r="B59996" s="14" t="s">
        <v>1</v>
      </c>
      <c r="C59996" s="14" t="s">
        <v>38</v>
      </c>
      <c r="D59996" s="14" t="s">
        <v>325</v>
      </c>
      <c r="E59996" s="15">
        <v>45512</v>
      </c>
      <c r="F59996" s="14" t="s">
        <v>28</v>
      </c>
      <c r="G59996" s="16">
        <v>0.1398202322985603</v>
      </c>
    </row>
    <row r="59997" spans="1:7" x14ac:dyDescent="0.3">
      <c r="A59997" s="13" t="s">
        <v>324</v>
      </c>
      <c r="B59997" s="14" t="s">
        <v>1</v>
      </c>
      <c r="C59997" s="14" t="s">
        <v>38</v>
      </c>
      <c r="D59997" s="14" t="s">
        <v>325</v>
      </c>
      <c r="E59997" s="15">
        <v>45513</v>
      </c>
      <c r="F59997" s="14" t="s">
        <v>28</v>
      </c>
      <c r="G59997" s="16">
        <v>0.1398202322985603</v>
      </c>
    </row>
    <row r="59998" spans="1:7" x14ac:dyDescent="0.3">
      <c r="A59998" s="13" t="s">
        <v>324</v>
      </c>
      <c r="B59998" s="14" t="s">
        <v>1</v>
      </c>
      <c r="C59998" s="14" t="s">
        <v>38</v>
      </c>
      <c r="D59998" s="14" t="s">
        <v>325</v>
      </c>
      <c r="E59998" s="15">
        <v>45514</v>
      </c>
      <c r="F59998" s="14" t="s">
        <v>28</v>
      </c>
      <c r="G59998" s="16">
        <v>0.1398202322985603</v>
      </c>
    </row>
    <row r="59999" spans="1:7" x14ac:dyDescent="0.3">
      <c r="A59999" s="13" t="s">
        <v>324</v>
      </c>
      <c r="B59999" s="14" t="s">
        <v>1</v>
      </c>
      <c r="C59999" s="14" t="s">
        <v>38</v>
      </c>
      <c r="D59999" s="14" t="s">
        <v>325</v>
      </c>
      <c r="E59999" s="15">
        <v>45515</v>
      </c>
      <c r="F59999" s="14" t="s">
        <v>28</v>
      </c>
      <c r="G59999" s="16">
        <v>0.1398202322985603</v>
      </c>
    </row>
    <row r="60000" spans="1:7" x14ac:dyDescent="0.3">
      <c r="A60000" s="13" t="s">
        <v>324</v>
      </c>
      <c r="B60000" s="14" t="s">
        <v>1</v>
      </c>
      <c r="C60000" s="14" t="s">
        <v>38</v>
      </c>
      <c r="D60000" s="14" t="s">
        <v>325</v>
      </c>
      <c r="E60000" s="15">
        <v>45516</v>
      </c>
      <c r="F60000" s="14" t="s">
        <v>28</v>
      </c>
      <c r="G60000" s="16">
        <v>0.13575584333475144</v>
      </c>
    </row>
    <row r="60001" spans="1:7" x14ac:dyDescent="0.3">
      <c r="A60001" s="13" t="s">
        <v>324</v>
      </c>
      <c r="B60001" s="14" t="s">
        <v>1</v>
      </c>
      <c r="C60001" s="14" t="s">
        <v>38</v>
      </c>
      <c r="D60001" s="14" t="s">
        <v>325</v>
      </c>
      <c r="E60001" s="15">
        <v>45517</v>
      </c>
      <c r="F60001" s="14" t="s">
        <v>28</v>
      </c>
      <c r="G60001" s="16">
        <v>0.21857353261675827</v>
      </c>
    </row>
    <row r="60002" spans="1:7" x14ac:dyDescent="0.3">
      <c r="A60002" s="13" t="s">
        <v>324</v>
      </c>
      <c r="B60002" s="14" t="s">
        <v>1</v>
      </c>
      <c r="C60002" s="14" t="s">
        <v>38</v>
      </c>
      <c r="D60002" s="14" t="s">
        <v>325</v>
      </c>
      <c r="E60002" s="15">
        <v>45518</v>
      </c>
      <c r="F60002" s="14" t="s">
        <v>28</v>
      </c>
      <c r="G60002" s="16">
        <v>0.27127794708921793</v>
      </c>
    </row>
    <row r="60003" spans="1:7" x14ac:dyDescent="0.3">
      <c r="A60003" s="13" t="s">
        <v>324</v>
      </c>
      <c r="B60003" s="14" t="s">
        <v>1</v>
      </c>
      <c r="C60003" s="14" t="s">
        <v>38</v>
      </c>
      <c r="D60003" s="14" t="s">
        <v>325</v>
      </c>
      <c r="E60003" s="15">
        <v>45519</v>
      </c>
      <c r="F60003" s="14" t="s">
        <v>28</v>
      </c>
      <c r="G60003" s="16">
        <v>0.26864802230879742</v>
      </c>
    </row>
    <row r="60004" spans="1:7" x14ac:dyDescent="0.3">
      <c r="A60004" s="13" t="s">
        <v>324</v>
      </c>
      <c r="B60004" s="14" t="s">
        <v>1</v>
      </c>
      <c r="C60004" s="14" t="s">
        <v>38</v>
      </c>
      <c r="D60004" s="14" t="s">
        <v>325</v>
      </c>
      <c r="E60004" s="15">
        <v>45520</v>
      </c>
      <c r="F60004" s="14" t="s">
        <v>28</v>
      </c>
      <c r="G60004" s="16">
        <v>0.38844848075710653</v>
      </c>
    </row>
    <row r="60005" spans="1:7" x14ac:dyDescent="0.3">
      <c r="A60005" s="13" t="s">
        <v>324</v>
      </c>
      <c r="B60005" s="14" t="s">
        <v>1</v>
      </c>
      <c r="C60005" s="14" t="s">
        <v>38</v>
      </c>
      <c r="D60005" s="14" t="s">
        <v>325</v>
      </c>
      <c r="E60005" s="15">
        <v>45521</v>
      </c>
      <c r="F60005" s="14" t="s">
        <v>28</v>
      </c>
      <c r="G60005" s="16">
        <v>0.38844848075710653</v>
      </c>
    </row>
    <row r="60006" spans="1:7" x14ac:dyDescent="0.3">
      <c r="A60006" s="13" t="s">
        <v>324</v>
      </c>
      <c r="B60006" s="14" t="s">
        <v>1</v>
      </c>
      <c r="C60006" s="14" t="s">
        <v>38</v>
      </c>
      <c r="D60006" s="14" t="s">
        <v>325</v>
      </c>
      <c r="E60006" s="15">
        <v>45522</v>
      </c>
      <c r="F60006" s="14" t="s">
        <v>28</v>
      </c>
      <c r="G60006" s="16">
        <v>0.38844848075710653</v>
      </c>
    </row>
    <row r="60007" spans="1:7" x14ac:dyDescent="0.3">
      <c r="A60007" s="13" t="s">
        <v>324</v>
      </c>
      <c r="B60007" s="14" t="s">
        <v>1</v>
      </c>
      <c r="C60007" s="14" t="s">
        <v>38</v>
      </c>
      <c r="D60007" s="14" t="s">
        <v>325</v>
      </c>
      <c r="E60007" s="15">
        <v>45523</v>
      </c>
      <c r="F60007" s="14" t="s">
        <v>28</v>
      </c>
      <c r="G60007" s="16">
        <v>0.38219173120628941</v>
      </c>
    </row>
    <row r="60008" spans="1:7" x14ac:dyDescent="0.3">
      <c r="A60008" s="13" t="s">
        <v>324</v>
      </c>
      <c r="B60008" s="14" t="s">
        <v>1</v>
      </c>
      <c r="C60008" s="14" t="s">
        <v>38</v>
      </c>
      <c r="D60008" s="14" t="s">
        <v>325</v>
      </c>
      <c r="E60008" s="15">
        <v>45524</v>
      </c>
      <c r="F60008" s="14" t="s">
        <v>28</v>
      </c>
      <c r="G60008" s="16">
        <v>0.36881732625414482</v>
      </c>
    </row>
    <row r="60009" spans="1:7" x14ac:dyDescent="0.3">
      <c r="A60009" s="13" t="s">
        <v>324</v>
      </c>
      <c r="B60009" s="14" t="s">
        <v>1</v>
      </c>
      <c r="C60009" s="14" t="s">
        <v>38</v>
      </c>
      <c r="D60009" s="14" t="s">
        <v>325</v>
      </c>
      <c r="E60009" s="15">
        <v>45525</v>
      </c>
      <c r="F60009" s="14" t="s">
        <v>28</v>
      </c>
      <c r="G60009" s="16">
        <v>0.36482075107509271</v>
      </c>
    </row>
    <row r="60010" spans="1:7" x14ac:dyDescent="0.3">
      <c r="A60010" s="13" t="s">
        <v>324</v>
      </c>
      <c r="B60010" s="14" t="s">
        <v>1</v>
      </c>
      <c r="C60010" s="14" t="s">
        <v>38</v>
      </c>
      <c r="D60010" s="14" t="s">
        <v>325</v>
      </c>
      <c r="E60010" s="15">
        <v>45526</v>
      </c>
      <c r="F60010" s="14" t="s">
        <v>28</v>
      </c>
      <c r="G60010" s="16">
        <v>0.36223192921903025</v>
      </c>
    </row>
    <row r="60011" spans="1:7" x14ac:dyDescent="0.3">
      <c r="A60011" s="13" t="s">
        <v>324</v>
      </c>
      <c r="B60011" s="14" t="s">
        <v>1</v>
      </c>
      <c r="C60011" s="14" t="s">
        <v>38</v>
      </c>
      <c r="D60011" s="14" t="s">
        <v>325</v>
      </c>
      <c r="E60011" s="15">
        <v>45527</v>
      </c>
      <c r="F60011" s="14" t="s">
        <v>28</v>
      </c>
      <c r="G60011" s="16">
        <v>0.35518146507110082</v>
      </c>
    </row>
    <row r="60012" spans="1:7" x14ac:dyDescent="0.3">
      <c r="A60012" s="13" t="s">
        <v>324</v>
      </c>
      <c r="B60012" s="14" t="s">
        <v>1</v>
      </c>
      <c r="C60012" s="14" t="s">
        <v>38</v>
      </c>
      <c r="D60012" s="14" t="s">
        <v>325</v>
      </c>
      <c r="E60012" s="15">
        <v>45528</v>
      </c>
      <c r="F60012" s="14" t="s">
        <v>28</v>
      </c>
      <c r="G60012" s="16">
        <v>0.35518146507110082</v>
      </c>
    </row>
    <row r="60013" spans="1:7" x14ac:dyDescent="0.3">
      <c r="A60013" s="13" t="s">
        <v>324</v>
      </c>
      <c r="B60013" s="14" t="s">
        <v>1</v>
      </c>
      <c r="C60013" s="14" t="s">
        <v>38</v>
      </c>
      <c r="D60013" s="14" t="s">
        <v>325</v>
      </c>
      <c r="E60013" s="15">
        <v>45529</v>
      </c>
      <c r="F60013" s="14" t="s">
        <v>28</v>
      </c>
      <c r="G60013" s="16">
        <v>0.35518146507110082</v>
      </c>
    </row>
    <row r="60014" spans="1:7" x14ac:dyDescent="0.3">
      <c r="A60014" s="13" t="s">
        <v>324</v>
      </c>
      <c r="B60014" s="14" t="s">
        <v>1</v>
      </c>
      <c r="C60014" s="14" t="s">
        <v>38</v>
      </c>
      <c r="D60014" s="14" t="s">
        <v>325</v>
      </c>
      <c r="E60014" s="15">
        <v>45530</v>
      </c>
      <c r="F60014" s="14" t="s">
        <v>28</v>
      </c>
      <c r="G60014" s="16">
        <v>0.35204485594114782</v>
      </c>
    </row>
    <row r="60015" spans="1:7" x14ac:dyDescent="0.3">
      <c r="A60015" s="13" t="s">
        <v>324</v>
      </c>
      <c r="B60015" s="14" t="s">
        <v>1</v>
      </c>
      <c r="C60015" s="14" t="s">
        <v>38</v>
      </c>
      <c r="D60015" s="14" t="s">
        <v>325</v>
      </c>
      <c r="E60015" s="15">
        <v>45531</v>
      </c>
      <c r="F60015" s="14" t="s">
        <v>28</v>
      </c>
      <c r="G60015" s="16">
        <v>0.37783802977330899</v>
      </c>
    </row>
    <row r="60016" spans="1:7" x14ac:dyDescent="0.3">
      <c r="A60016" s="13" t="s">
        <v>324</v>
      </c>
      <c r="B60016" s="14" t="s">
        <v>1</v>
      </c>
      <c r="C60016" s="14" t="s">
        <v>38</v>
      </c>
      <c r="D60016" s="14" t="s">
        <v>325</v>
      </c>
      <c r="E60016" s="15">
        <v>45532</v>
      </c>
      <c r="F60016" s="14" t="s">
        <v>28</v>
      </c>
      <c r="G60016" s="16">
        <v>0.37436757509347418</v>
      </c>
    </row>
    <row r="60017" spans="1:7" x14ac:dyDescent="0.3">
      <c r="A60017" s="13" t="s">
        <v>324</v>
      </c>
      <c r="B60017" s="14" t="s">
        <v>1</v>
      </c>
      <c r="C60017" s="14" t="s">
        <v>38</v>
      </c>
      <c r="D60017" s="14" t="s">
        <v>325</v>
      </c>
      <c r="E60017" s="15">
        <v>45533</v>
      </c>
      <c r="F60017" s="14" t="s">
        <v>28</v>
      </c>
      <c r="G60017" s="16">
        <v>0.36996152424976442</v>
      </c>
    </row>
    <row r="60018" spans="1:7" x14ac:dyDescent="0.3">
      <c r="A60018" s="13" t="s">
        <v>324</v>
      </c>
      <c r="B60018" s="14" t="s">
        <v>1</v>
      </c>
      <c r="C60018" s="14" t="s">
        <v>38</v>
      </c>
      <c r="D60018" s="14" t="s">
        <v>325</v>
      </c>
      <c r="E60018" s="15">
        <v>45534</v>
      </c>
      <c r="F60018" s="14" t="s">
        <v>28</v>
      </c>
      <c r="G60018" s="16">
        <v>0.36688041791820225</v>
      </c>
    </row>
    <row r="60019" spans="1:7" x14ac:dyDescent="0.3">
      <c r="A60019" s="13" t="s">
        <v>324</v>
      </c>
      <c r="B60019" s="14" t="s">
        <v>1</v>
      </c>
      <c r="C60019" s="14" t="s">
        <v>38</v>
      </c>
      <c r="D60019" s="14" t="s">
        <v>325</v>
      </c>
      <c r="E60019" s="15">
        <v>45535</v>
      </c>
      <c r="F60019" s="14" t="s">
        <v>28</v>
      </c>
      <c r="G60019" s="16">
        <v>0.36688041791820225</v>
      </c>
    </row>
    <row r="60020" spans="1:7" x14ac:dyDescent="0.3">
      <c r="A60020" s="13" t="s">
        <v>324</v>
      </c>
      <c r="B60020" s="14" t="s">
        <v>1</v>
      </c>
      <c r="C60020" s="14" t="s">
        <v>38</v>
      </c>
      <c r="D60020" s="14" t="s">
        <v>325</v>
      </c>
      <c r="E60020" s="15">
        <v>45536</v>
      </c>
      <c r="F60020" s="14" t="s">
        <v>28</v>
      </c>
      <c r="G60020" s="16">
        <v>0.36688041791820225</v>
      </c>
    </row>
    <row r="60021" spans="1:7" x14ac:dyDescent="0.3">
      <c r="A60021" s="13" t="s">
        <v>324</v>
      </c>
      <c r="B60021" s="14" t="s">
        <v>1</v>
      </c>
      <c r="C60021" s="14" t="s">
        <v>38</v>
      </c>
      <c r="D60021" s="14" t="s">
        <v>325</v>
      </c>
      <c r="E60021" s="15">
        <v>45537</v>
      </c>
      <c r="F60021" s="14" t="s">
        <v>28</v>
      </c>
      <c r="G60021" s="16">
        <v>0.36282189332467546</v>
      </c>
    </row>
    <row r="60022" spans="1:7" x14ac:dyDescent="0.3">
      <c r="A60022" s="13" t="s">
        <v>324</v>
      </c>
      <c r="B60022" s="14" t="s">
        <v>1</v>
      </c>
      <c r="C60022" s="14" t="s">
        <v>38</v>
      </c>
      <c r="D60022" s="14" t="s">
        <v>325</v>
      </c>
      <c r="E60022" s="15">
        <v>45538</v>
      </c>
      <c r="F60022" s="14" t="s">
        <v>28</v>
      </c>
      <c r="G60022" s="16">
        <v>0.3502490412371439</v>
      </c>
    </row>
    <row r="60023" spans="1:7" x14ac:dyDescent="0.3">
      <c r="A60023" s="13" t="s">
        <v>324</v>
      </c>
      <c r="B60023" s="14" t="s">
        <v>1</v>
      </c>
      <c r="C60023" s="14" t="s">
        <v>38</v>
      </c>
      <c r="D60023" s="14" t="s">
        <v>325</v>
      </c>
      <c r="E60023" s="15">
        <v>45539</v>
      </c>
      <c r="F60023" s="14" t="s">
        <v>28</v>
      </c>
      <c r="G60023" s="16">
        <v>0.34515249579530216</v>
      </c>
    </row>
    <row r="60024" spans="1:7" x14ac:dyDescent="0.3">
      <c r="A60024" s="13" t="s">
        <v>324</v>
      </c>
      <c r="B60024" s="14" t="s">
        <v>1</v>
      </c>
      <c r="C60024" s="14" t="s">
        <v>38</v>
      </c>
      <c r="D60024" s="14" t="s">
        <v>325</v>
      </c>
      <c r="E60024" s="15">
        <v>45540</v>
      </c>
      <c r="F60024" s="14" t="s">
        <v>28</v>
      </c>
      <c r="G60024" s="16">
        <v>0.34004185013371502</v>
      </c>
    </row>
    <row r="60025" spans="1:7" x14ac:dyDescent="0.3">
      <c r="A60025" s="13" t="s">
        <v>324</v>
      </c>
      <c r="B60025" s="14" t="s">
        <v>1</v>
      </c>
      <c r="C60025" s="14" t="s">
        <v>38</v>
      </c>
      <c r="D60025" s="14" t="s">
        <v>325</v>
      </c>
      <c r="E60025" s="15">
        <v>45541</v>
      </c>
      <c r="F60025" s="14" t="s">
        <v>28</v>
      </c>
      <c r="G60025" s="16">
        <v>0.35213699200124721</v>
      </c>
    </row>
    <row r="60026" spans="1:7" x14ac:dyDescent="0.3">
      <c r="A60026" s="13" t="s">
        <v>324</v>
      </c>
      <c r="B60026" s="14" t="s">
        <v>1</v>
      </c>
      <c r="C60026" s="14" t="s">
        <v>38</v>
      </c>
      <c r="D60026" s="14" t="s">
        <v>325</v>
      </c>
      <c r="E60026" s="15">
        <v>45542</v>
      </c>
      <c r="F60026" s="14" t="s">
        <v>28</v>
      </c>
      <c r="G60026" s="16">
        <v>0.35213699200124721</v>
      </c>
    </row>
    <row r="60027" spans="1:7" x14ac:dyDescent="0.3">
      <c r="A60027" s="13" t="s">
        <v>324</v>
      </c>
      <c r="B60027" s="14" t="s">
        <v>1</v>
      </c>
      <c r="C60027" s="14" t="s">
        <v>38</v>
      </c>
      <c r="D60027" s="14" t="s">
        <v>325</v>
      </c>
      <c r="E60027" s="15">
        <v>45543</v>
      </c>
      <c r="F60027" s="14" t="s">
        <v>28</v>
      </c>
      <c r="G60027" s="16">
        <v>0.35213699200124721</v>
      </c>
    </row>
    <row r="60028" spans="1:7" x14ac:dyDescent="0.3">
      <c r="A60028" s="13" t="s">
        <v>324</v>
      </c>
      <c r="B60028" s="14" t="s">
        <v>1</v>
      </c>
      <c r="C60028" s="14" t="s">
        <v>38</v>
      </c>
      <c r="D60028" s="14" t="s">
        <v>325</v>
      </c>
      <c r="E60028" s="15">
        <v>45544</v>
      </c>
      <c r="F60028" s="14" t="s">
        <v>28</v>
      </c>
      <c r="G60028" s="16">
        <v>0.35992728518534739</v>
      </c>
    </row>
    <row r="60029" spans="1:7" x14ac:dyDescent="0.3">
      <c r="A60029" s="13" t="s">
        <v>324</v>
      </c>
      <c r="B60029" s="14" t="s">
        <v>1</v>
      </c>
      <c r="C60029" s="14" t="s">
        <v>38</v>
      </c>
      <c r="D60029" s="14" t="s">
        <v>325</v>
      </c>
      <c r="E60029" s="15">
        <v>45545</v>
      </c>
      <c r="F60029" s="14" t="s">
        <v>28</v>
      </c>
      <c r="G60029" s="16">
        <v>0.40848100983903329</v>
      </c>
    </row>
    <row r="60030" spans="1:7" x14ac:dyDescent="0.3">
      <c r="A60030" s="13" t="s">
        <v>324</v>
      </c>
      <c r="B60030" s="14" t="s">
        <v>1</v>
      </c>
      <c r="C60030" s="14" t="s">
        <v>38</v>
      </c>
      <c r="D60030" s="14" t="s">
        <v>325</v>
      </c>
      <c r="E60030" s="15">
        <v>45546</v>
      </c>
      <c r="F60030" s="14" t="s">
        <v>28</v>
      </c>
      <c r="G60030" s="16">
        <v>0.40423299456380229</v>
      </c>
    </row>
    <row r="60031" spans="1:7" x14ac:dyDescent="0.3">
      <c r="A60031" s="13" t="s">
        <v>324</v>
      </c>
      <c r="B60031" s="14" t="s">
        <v>1</v>
      </c>
      <c r="C60031" s="14" t="s">
        <v>38</v>
      </c>
      <c r="D60031" s="14" t="s">
        <v>325</v>
      </c>
      <c r="E60031" s="15">
        <v>45547</v>
      </c>
      <c r="F60031" s="14" t="s">
        <v>28</v>
      </c>
      <c r="G60031" s="16">
        <v>0.45794166142198078</v>
      </c>
    </row>
    <row r="60032" spans="1:7" x14ac:dyDescent="0.3">
      <c r="A60032" s="13" t="s">
        <v>324</v>
      </c>
      <c r="B60032" s="14" t="s">
        <v>1</v>
      </c>
      <c r="C60032" s="14" t="s">
        <v>38</v>
      </c>
      <c r="D60032" s="14" t="s">
        <v>325</v>
      </c>
      <c r="E60032" s="15">
        <v>45548</v>
      </c>
      <c r="F60032" s="14" t="s">
        <v>28</v>
      </c>
      <c r="G60032" s="16">
        <v>0.5168299101081667</v>
      </c>
    </row>
    <row r="60033" spans="1:7" x14ac:dyDescent="0.3">
      <c r="A60033" s="13" t="s">
        <v>324</v>
      </c>
      <c r="B60033" s="14" t="s">
        <v>1</v>
      </c>
      <c r="C60033" s="14" t="s">
        <v>38</v>
      </c>
      <c r="D60033" s="14" t="s">
        <v>325</v>
      </c>
      <c r="E60033" s="15">
        <v>45549</v>
      </c>
      <c r="F60033" s="14" t="s">
        <v>28</v>
      </c>
      <c r="G60033" s="16">
        <v>0.5168299101081667</v>
      </c>
    </row>
    <row r="60034" spans="1:7" x14ac:dyDescent="0.3">
      <c r="A60034" s="13" t="s">
        <v>324</v>
      </c>
      <c r="B60034" s="14" t="s">
        <v>1</v>
      </c>
      <c r="C60034" s="14" t="s">
        <v>38</v>
      </c>
      <c r="D60034" s="14" t="s">
        <v>325</v>
      </c>
      <c r="E60034" s="15">
        <v>45550</v>
      </c>
      <c r="F60034" s="14" t="s">
        <v>28</v>
      </c>
      <c r="G60034" s="16">
        <v>0.5168299101081667</v>
      </c>
    </row>
    <row r="60035" spans="1:7" x14ac:dyDescent="0.3">
      <c r="A60035" s="13" t="s">
        <v>324</v>
      </c>
      <c r="B60035" s="14" t="s">
        <v>1</v>
      </c>
      <c r="C60035" s="14" t="s">
        <v>38</v>
      </c>
      <c r="D60035" s="14" t="s">
        <v>325</v>
      </c>
      <c r="E60035" s="15">
        <v>45551</v>
      </c>
      <c r="F60035" s="14" t="s">
        <v>28</v>
      </c>
      <c r="G60035" s="16">
        <v>0.53067357484544642</v>
      </c>
    </row>
    <row r="60036" spans="1:7" x14ac:dyDescent="0.3">
      <c r="A60036" s="13" t="s">
        <v>324</v>
      </c>
      <c r="B60036" s="14" t="s">
        <v>1</v>
      </c>
      <c r="C60036" s="14" t="s">
        <v>38</v>
      </c>
      <c r="D60036" s="14" t="s">
        <v>325</v>
      </c>
      <c r="E60036" s="15">
        <v>45552</v>
      </c>
      <c r="F60036" s="14" t="s">
        <v>28</v>
      </c>
      <c r="G60036" s="16">
        <v>0.5192469482646237</v>
      </c>
    </row>
    <row r="60037" spans="1:7" x14ac:dyDescent="0.3">
      <c r="A60037" s="13" t="s">
        <v>324</v>
      </c>
      <c r="B60037" s="14" t="s">
        <v>1</v>
      </c>
      <c r="C60037" s="14" t="s">
        <v>38</v>
      </c>
      <c r="D60037" s="14" t="s">
        <v>325</v>
      </c>
      <c r="E60037" s="15">
        <v>45553</v>
      </c>
      <c r="F60037" s="14" t="s">
        <v>28</v>
      </c>
      <c r="G60037" s="16">
        <v>0.51437104706331516</v>
      </c>
    </row>
    <row r="60038" spans="1:7" x14ac:dyDescent="0.3">
      <c r="A60038" s="13" t="s">
        <v>324</v>
      </c>
      <c r="B60038" s="14" t="s">
        <v>1</v>
      </c>
      <c r="C60038" s="14" t="s">
        <v>38</v>
      </c>
      <c r="D60038" s="14" t="s">
        <v>325</v>
      </c>
      <c r="E60038" s="15">
        <v>45554</v>
      </c>
      <c r="F60038" s="14" t="s">
        <v>28</v>
      </c>
      <c r="G60038" s="16">
        <v>0.50885143822187495</v>
      </c>
    </row>
    <row r="60039" spans="1:7" x14ac:dyDescent="0.3">
      <c r="A60039" s="13" t="s">
        <v>324</v>
      </c>
      <c r="B60039" s="14" t="s">
        <v>1</v>
      </c>
      <c r="C60039" s="14" t="s">
        <v>38</v>
      </c>
      <c r="D60039" s="14" t="s">
        <v>325</v>
      </c>
      <c r="E60039" s="15">
        <v>45555</v>
      </c>
      <c r="F60039" s="14" t="s">
        <v>28</v>
      </c>
      <c r="G60039" s="16">
        <v>0.50404951762205996</v>
      </c>
    </row>
    <row r="60040" spans="1:7" x14ac:dyDescent="0.3">
      <c r="A60040" s="13" t="s">
        <v>324</v>
      </c>
      <c r="B60040" s="14" t="s">
        <v>1</v>
      </c>
      <c r="C60040" s="14" t="s">
        <v>38</v>
      </c>
      <c r="D60040" s="14" t="s">
        <v>325</v>
      </c>
      <c r="E60040" s="15">
        <v>45556</v>
      </c>
      <c r="F60040" s="14" t="s">
        <v>28</v>
      </c>
      <c r="G60040" s="16">
        <v>0.50404951762205996</v>
      </c>
    </row>
    <row r="60041" spans="1:7" x14ac:dyDescent="0.3">
      <c r="A60041" s="13" t="s">
        <v>324</v>
      </c>
      <c r="B60041" s="14" t="s">
        <v>1</v>
      </c>
      <c r="C60041" s="14" t="s">
        <v>38</v>
      </c>
      <c r="D60041" s="14" t="s">
        <v>325</v>
      </c>
      <c r="E60041" s="15">
        <v>45557</v>
      </c>
      <c r="F60041" s="14" t="s">
        <v>28</v>
      </c>
      <c r="G60041" s="16">
        <v>0.50404951762205996</v>
      </c>
    </row>
    <row r="60042" spans="1:7" x14ac:dyDescent="0.3">
      <c r="A60042" s="13" t="s">
        <v>324</v>
      </c>
      <c r="B60042" s="14" t="s">
        <v>1</v>
      </c>
      <c r="C60042" s="14" t="s">
        <v>38</v>
      </c>
      <c r="D60042" s="14" t="s">
        <v>325</v>
      </c>
      <c r="E60042" s="15">
        <v>45558</v>
      </c>
      <c r="F60042" s="14" t="s">
        <v>28</v>
      </c>
      <c r="G60042" s="16">
        <v>0.50011340699971074</v>
      </c>
    </row>
    <row r="60043" spans="1:7" x14ac:dyDescent="0.3">
      <c r="A60043" s="13" t="s">
        <v>324</v>
      </c>
      <c r="B60043" s="14" t="s">
        <v>1</v>
      </c>
      <c r="C60043" s="14" t="s">
        <v>38</v>
      </c>
      <c r="D60043" s="14" t="s">
        <v>325</v>
      </c>
      <c r="E60043" s="15">
        <v>45559</v>
      </c>
      <c r="F60043" s="14" t="s">
        <v>28</v>
      </c>
      <c r="G60043" s="16">
        <v>0.48493530381534522</v>
      </c>
    </row>
    <row r="60044" spans="1:7" x14ac:dyDescent="0.3">
      <c r="A60044" s="13" t="s">
        <v>324</v>
      </c>
      <c r="B60044" s="14" t="s">
        <v>1</v>
      </c>
      <c r="C60044" s="14" t="s">
        <v>38</v>
      </c>
      <c r="D60044" s="14" t="s">
        <v>325</v>
      </c>
      <c r="E60044" s="15">
        <v>45560</v>
      </c>
      <c r="F60044" s="14" t="s">
        <v>28</v>
      </c>
      <c r="G60044" s="16">
        <v>0.48304405594939714</v>
      </c>
    </row>
    <row r="60045" spans="1:7" x14ac:dyDescent="0.3">
      <c r="A60045" s="13" t="s">
        <v>324</v>
      </c>
      <c r="B60045" s="14" t="s">
        <v>1</v>
      </c>
      <c r="C60045" s="14" t="s">
        <v>38</v>
      </c>
      <c r="D60045" s="14" t="s">
        <v>325</v>
      </c>
      <c r="E60045" s="15">
        <v>45561</v>
      </c>
      <c r="F60045" s="14" t="s">
        <v>28</v>
      </c>
      <c r="G60045" s="16">
        <v>0.47629835476396226</v>
      </c>
    </row>
    <row r="60046" spans="1:7" x14ac:dyDescent="0.3">
      <c r="A60046" s="13" t="s">
        <v>324</v>
      </c>
      <c r="B60046" s="14" t="s">
        <v>1</v>
      </c>
      <c r="C60046" s="14" t="s">
        <v>38</v>
      </c>
      <c r="D60046" s="14" t="s">
        <v>325</v>
      </c>
      <c r="E60046" s="15">
        <v>45562</v>
      </c>
      <c r="F60046" s="14" t="s">
        <v>28</v>
      </c>
      <c r="G60046" s="16">
        <v>0.47127012016717124</v>
      </c>
    </row>
    <row r="60047" spans="1:7" x14ac:dyDescent="0.3">
      <c r="A60047" s="13" t="s">
        <v>324</v>
      </c>
      <c r="B60047" s="14" t="s">
        <v>1</v>
      </c>
      <c r="C60047" s="14" t="s">
        <v>38</v>
      </c>
      <c r="D60047" s="14" t="s">
        <v>325</v>
      </c>
      <c r="E60047" s="15">
        <v>45563</v>
      </c>
      <c r="F60047" s="14" t="s">
        <v>28</v>
      </c>
      <c r="G60047" s="16">
        <v>0.47127012016717124</v>
      </c>
    </row>
    <row r="60048" spans="1:7" x14ac:dyDescent="0.3">
      <c r="A60048" s="13" t="s">
        <v>324</v>
      </c>
      <c r="B60048" s="14" t="s">
        <v>1</v>
      </c>
      <c r="C60048" s="14" t="s">
        <v>38</v>
      </c>
      <c r="D60048" s="14" t="s">
        <v>325</v>
      </c>
      <c r="E60048" s="15">
        <v>45564</v>
      </c>
      <c r="F60048" s="14" t="s">
        <v>28</v>
      </c>
      <c r="G60048" s="16">
        <v>0.47127012016717124</v>
      </c>
    </row>
    <row r="60049" spans="1:7" x14ac:dyDescent="0.3">
      <c r="A60049" s="13" t="s">
        <v>324</v>
      </c>
      <c r="B60049" s="14" t="s">
        <v>1</v>
      </c>
      <c r="C60049" s="14" t="s">
        <v>38</v>
      </c>
      <c r="D60049" s="14" t="s">
        <v>325</v>
      </c>
      <c r="E60049" s="15">
        <v>45565</v>
      </c>
      <c r="F60049" s="14" t="s">
        <v>28</v>
      </c>
      <c r="G60049" s="16">
        <v>0.48621809539951949</v>
      </c>
    </row>
    <row r="60050" spans="1:7" x14ac:dyDescent="0.3">
      <c r="A60050" s="13" t="s">
        <v>324</v>
      </c>
      <c r="B60050" s="14" t="s">
        <v>1</v>
      </c>
      <c r="C60050" s="14" t="s">
        <v>38</v>
      </c>
      <c r="D60050" s="14" t="s">
        <v>325</v>
      </c>
      <c r="E60050" s="15">
        <v>45566</v>
      </c>
      <c r="F60050" s="14" t="s">
        <v>28</v>
      </c>
      <c r="G60050" s="16">
        <v>1.0939050071276254E-3</v>
      </c>
    </row>
    <row r="60051" spans="1:7" x14ac:dyDescent="0.3">
      <c r="A60051" s="13" t="s">
        <v>324</v>
      </c>
      <c r="B60051" s="14" t="s">
        <v>1</v>
      </c>
      <c r="C60051" s="14" t="s">
        <v>38</v>
      </c>
      <c r="D60051" s="14" t="s">
        <v>325</v>
      </c>
      <c r="E60051" s="15">
        <v>45567</v>
      </c>
      <c r="F60051" s="14" t="s">
        <v>28</v>
      </c>
      <c r="G60051" s="16">
        <v>0</v>
      </c>
    </row>
    <row r="60052" spans="1:7" x14ac:dyDescent="0.3">
      <c r="A60052" s="13" t="s">
        <v>324</v>
      </c>
      <c r="B60052" s="14" t="s">
        <v>1</v>
      </c>
      <c r="C60052" s="14" t="s">
        <v>38</v>
      </c>
      <c r="D60052" s="14" t="s">
        <v>325</v>
      </c>
      <c r="E60052" s="15">
        <v>45568</v>
      </c>
      <c r="F60052" s="14" t="s">
        <v>28</v>
      </c>
      <c r="G60052" s="16">
        <v>0</v>
      </c>
    </row>
    <row r="60053" spans="1:7" x14ac:dyDescent="0.3">
      <c r="A60053" s="13" t="s">
        <v>324</v>
      </c>
      <c r="B60053" s="14" t="s">
        <v>1</v>
      </c>
      <c r="C60053" s="14" t="s">
        <v>38</v>
      </c>
      <c r="D60053" s="14" t="s">
        <v>325</v>
      </c>
      <c r="E60053" s="15">
        <v>45569</v>
      </c>
      <c r="F60053" s="14" t="s">
        <v>28</v>
      </c>
      <c r="G60053" s="16">
        <v>0</v>
      </c>
    </row>
    <row r="60054" spans="1:7" x14ac:dyDescent="0.3">
      <c r="A60054" s="13" t="s">
        <v>324</v>
      </c>
      <c r="B60054" s="14" t="s">
        <v>1</v>
      </c>
      <c r="C60054" s="14" t="s">
        <v>38</v>
      </c>
      <c r="D60054" s="14" t="s">
        <v>325</v>
      </c>
      <c r="E60054" s="15">
        <v>45570</v>
      </c>
      <c r="F60054" s="14" t="s">
        <v>28</v>
      </c>
      <c r="G60054" s="16">
        <v>0</v>
      </c>
    </row>
    <row r="60055" spans="1:7" x14ac:dyDescent="0.3">
      <c r="A60055" s="13" t="s">
        <v>324</v>
      </c>
      <c r="B60055" s="14" t="s">
        <v>1</v>
      </c>
      <c r="C60055" s="14" t="s">
        <v>38</v>
      </c>
      <c r="D60055" s="14" t="s">
        <v>325</v>
      </c>
      <c r="E60055" s="15">
        <v>45571</v>
      </c>
      <c r="F60055" s="14" t="s">
        <v>28</v>
      </c>
      <c r="G60055" s="16">
        <v>0</v>
      </c>
    </row>
    <row r="60056" spans="1:7" x14ac:dyDescent="0.3">
      <c r="A60056" s="13" t="s">
        <v>324</v>
      </c>
      <c r="B60056" s="14" t="s">
        <v>1</v>
      </c>
      <c r="C60056" s="14" t="s">
        <v>38</v>
      </c>
      <c r="D60056" s="14" t="s">
        <v>325</v>
      </c>
      <c r="E60056" s="15">
        <v>45572</v>
      </c>
      <c r="F60056" s="14" t="s">
        <v>28</v>
      </c>
      <c r="G60056" s="16">
        <v>0</v>
      </c>
    </row>
    <row r="60057" spans="1:7" x14ac:dyDescent="0.3">
      <c r="A60057" s="13" t="s">
        <v>324</v>
      </c>
      <c r="B60057" s="14" t="s">
        <v>1</v>
      </c>
      <c r="C60057" s="14" t="s">
        <v>38</v>
      </c>
      <c r="D60057" s="14" t="s">
        <v>325</v>
      </c>
      <c r="E60057" s="15">
        <v>45573</v>
      </c>
      <c r="F60057" s="14" t="s">
        <v>28</v>
      </c>
      <c r="G60057" s="16">
        <v>0</v>
      </c>
    </row>
    <row r="60058" spans="1:7" x14ac:dyDescent="0.3">
      <c r="A60058" s="13" t="s">
        <v>324</v>
      </c>
      <c r="B60058" s="14" t="s">
        <v>1</v>
      </c>
      <c r="C60058" s="14" t="s">
        <v>38</v>
      </c>
      <c r="D60058" s="14" t="s">
        <v>325</v>
      </c>
      <c r="E60058" s="15">
        <v>45574</v>
      </c>
      <c r="F60058" s="14" t="s">
        <v>28</v>
      </c>
      <c r="G60058" s="16">
        <v>1.67712553740323E-2</v>
      </c>
    </row>
    <row r="60059" spans="1:7" x14ac:dyDescent="0.3">
      <c r="A60059" s="13" t="s">
        <v>324</v>
      </c>
      <c r="B60059" s="14" t="s">
        <v>1</v>
      </c>
      <c r="C60059" s="14" t="s">
        <v>38</v>
      </c>
      <c r="D60059" s="14" t="s">
        <v>325</v>
      </c>
      <c r="E60059" s="15">
        <v>45575</v>
      </c>
      <c r="F60059" s="14" t="s">
        <v>28</v>
      </c>
      <c r="G60059" s="16">
        <v>1.2526575510823944E-2</v>
      </c>
    </row>
    <row r="60060" spans="1:7" x14ac:dyDescent="0.3">
      <c r="A60060" s="13" t="s">
        <v>324</v>
      </c>
      <c r="B60060" s="14" t="s">
        <v>1</v>
      </c>
      <c r="C60060" s="14" t="s">
        <v>38</v>
      </c>
      <c r="D60060" s="14" t="s">
        <v>325</v>
      </c>
      <c r="E60060" s="15">
        <v>45576</v>
      </c>
      <c r="F60060" s="14" t="s">
        <v>28</v>
      </c>
      <c r="G60060" s="16">
        <v>8.3023840418857721E-3</v>
      </c>
    </row>
    <row r="60061" spans="1:7" x14ac:dyDescent="0.3">
      <c r="A60061" s="13" t="s">
        <v>324</v>
      </c>
      <c r="B60061" s="14" t="s">
        <v>1</v>
      </c>
      <c r="C60061" s="14" t="s">
        <v>38</v>
      </c>
      <c r="D60061" s="14" t="s">
        <v>325</v>
      </c>
      <c r="E60061" s="15">
        <v>45577</v>
      </c>
      <c r="F60061" s="14" t="s">
        <v>28</v>
      </c>
      <c r="G60061" s="16">
        <v>8.3023840418857721E-3</v>
      </c>
    </row>
    <row r="60062" spans="1:7" x14ac:dyDescent="0.3">
      <c r="A60062" s="13" t="s">
        <v>324</v>
      </c>
      <c r="B60062" s="14" t="s">
        <v>1</v>
      </c>
      <c r="C60062" s="14" t="s">
        <v>38</v>
      </c>
      <c r="D60062" s="14" t="s">
        <v>325</v>
      </c>
      <c r="E60062" s="15">
        <v>45578</v>
      </c>
      <c r="F60062" s="14" t="s">
        <v>28</v>
      </c>
      <c r="G60062" s="16">
        <v>8.3023840418857721E-3</v>
      </c>
    </row>
    <row r="60063" spans="1:7" x14ac:dyDescent="0.3">
      <c r="A60063" s="13" t="s">
        <v>324</v>
      </c>
      <c r="B60063" s="14" t="s">
        <v>1</v>
      </c>
      <c r="C60063" s="14" t="s">
        <v>38</v>
      </c>
      <c r="D60063" s="14" t="s">
        <v>325</v>
      </c>
      <c r="E60063" s="15">
        <v>45579</v>
      </c>
      <c r="F60063" s="14" t="s">
        <v>28</v>
      </c>
      <c r="G60063" s="16">
        <v>4.078745999291416E-3</v>
      </c>
    </row>
    <row r="60064" spans="1:7" x14ac:dyDescent="0.3">
      <c r="A60064" s="13" t="s">
        <v>324</v>
      </c>
      <c r="B60064" s="14" t="s">
        <v>1</v>
      </c>
      <c r="C60064" s="14" t="s">
        <v>38</v>
      </c>
      <c r="D60064" s="14" t="s">
        <v>325</v>
      </c>
      <c r="E60064" s="15">
        <v>45580</v>
      </c>
      <c r="F60064" s="14" t="s">
        <v>28</v>
      </c>
      <c r="G60064" s="16">
        <v>0</v>
      </c>
    </row>
    <row r="60065" spans="1:7" x14ac:dyDescent="0.3">
      <c r="A60065" s="13" t="s">
        <v>324</v>
      </c>
      <c r="B60065" s="14" t="s">
        <v>1</v>
      </c>
      <c r="C60065" s="14" t="s">
        <v>38</v>
      </c>
      <c r="D60065" s="14" t="s">
        <v>325</v>
      </c>
      <c r="E60065" s="15">
        <v>45581</v>
      </c>
      <c r="F60065" s="14" t="s">
        <v>28</v>
      </c>
      <c r="G60065" s="16">
        <v>0</v>
      </c>
    </row>
    <row r="60066" spans="1:7" x14ac:dyDescent="0.3">
      <c r="A60066" s="13" t="s">
        <v>324</v>
      </c>
      <c r="B60066" s="14" t="s">
        <v>1</v>
      </c>
      <c r="C60066" s="14" t="s">
        <v>38</v>
      </c>
      <c r="D60066" s="14" t="s">
        <v>325</v>
      </c>
      <c r="E60066" s="15">
        <v>45582</v>
      </c>
      <c r="F60066" s="14" t="s">
        <v>28</v>
      </c>
      <c r="G60066" s="16">
        <v>0</v>
      </c>
    </row>
    <row r="60067" spans="1:7" x14ac:dyDescent="0.3">
      <c r="A60067" s="13" t="s">
        <v>324</v>
      </c>
      <c r="B60067" s="14" t="s">
        <v>1</v>
      </c>
      <c r="C60067" s="14" t="s">
        <v>38</v>
      </c>
      <c r="D60067" s="14" t="s">
        <v>325</v>
      </c>
      <c r="E60067" s="15">
        <v>45583</v>
      </c>
      <c r="F60067" s="14" t="s">
        <v>28</v>
      </c>
      <c r="G60067" s="16">
        <v>0</v>
      </c>
    </row>
    <row r="60068" spans="1:7" x14ac:dyDescent="0.3">
      <c r="A60068" s="13" t="s">
        <v>324</v>
      </c>
      <c r="B60068" s="14" t="s">
        <v>1</v>
      </c>
      <c r="C60068" s="14" t="s">
        <v>38</v>
      </c>
      <c r="D60068" s="14" t="s">
        <v>325</v>
      </c>
      <c r="E60068" s="15">
        <v>45584</v>
      </c>
      <c r="F60068" s="14" t="s">
        <v>28</v>
      </c>
      <c r="G60068" s="16">
        <v>0</v>
      </c>
    </row>
    <row r="60069" spans="1:7" x14ac:dyDescent="0.3">
      <c r="A60069" s="13" t="s">
        <v>324</v>
      </c>
      <c r="B60069" s="14" t="s">
        <v>1</v>
      </c>
      <c r="C60069" s="14" t="s">
        <v>38</v>
      </c>
      <c r="D60069" s="14" t="s">
        <v>325</v>
      </c>
      <c r="E60069" s="15">
        <v>45585</v>
      </c>
      <c r="F60069" s="14" t="s">
        <v>28</v>
      </c>
      <c r="G60069" s="16">
        <v>0</v>
      </c>
    </row>
    <row r="60070" spans="1:7" x14ac:dyDescent="0.3">
      <c r="A60070" s="13" t="s">
        <v>324</v>
      </c>
      <c r="B60070" s="14" t="s">
        <v>1</v>
      </c>
      <c r="C60070" s="14" t="s">
        <v>38</v>
      </c>
      <c r="D60070" s="14" t="s">
        <v>325</v>
      </c>
      <c r="E60070" s="15">
        <v>45586</v>
      </c>
      <c r="F60070" s="14" t="s">
        <v>28</v>
      </c>
      <c r="G60070" s="16">
        <v>0</v>
      </c>
    </row>
    <row r="60071" spans="1:7" x14ac:dyDescent="0.3">
      <c r="A60071" s="13" t="s">
        <v>324</v>
      </c>
      <c r="B60071" s="14" t="s">
        <v>1</v>
      </c>
      <c r="C60071" s="14" t="s">
        <v>38</v>
      </c>
      <c r="D60071" s="14" t="s">
        <v>325</v>
      </c>
      <c r="E60071" s="15">
        <v>45587</v>
      </c>
      <c r="F60071" s="14" t="s">
        <v>28</v>
      </c>
      <c r="G60071" s="16">
        <v>0</v>
      </c>
    </row>
    <row r="60072" spans="1:7" x14ac:dyDescent="0.3">
      <c r="A60072" s="13" t="s">
        <v>324</v>
      </c>
      <c r="B60072" s="14" t="s">
        <v>1</v>
      </c>
      <c r="C60072" s="14" t="s">
        <v>38</v>
      </c>
      <c r="D60072" s="14" t="s">
        <v>325</v>
      </c>
      <c r="E60072" s="15">
        <v>45588</v>
      </c>
      <c r="F60072" s="14" t="s">
        <v>28</v>
      </c>
      <c r="G60072" s="16">
        <v>0</v>
      </c>
    </row>
    <row r="60073" spans="1:7" x14ac:dyDescent="0.3">
      <c r="A60073" s="13" t="s">
        <v>324</v>
      </c>
      <c r="B60073" s="14" t="s">
        <v>1</v>
      </c>
      <c r="C60073" s="14" t="s">
        <v>38</v>
      </c>
      <c r="D60073" s="14" t="s">
        <v>325</v>
      </c>
      <c r="E60073" s="15">
        <v>45589</v>
      </c>
      <c r="F60073" s="14" t="s">
        <v>28</v>
      </c>
      <c r="G60073" s="16">
        <v>0</v>
      </c>
    </row>
    <row r="60074" spans="1:7" x14ac:dyDescent="0.3">
      <c r="A60074" s="13" t="s">
        <v>324</v>
      </c>
      <c r="B60074" s="14" t="s">
        <v>1</v>
      </c>
      <c r="C60074" s="14" t="s">
        <v>38</v>
      </c>
      <c r="D60074" s="14" t="s">
        <v>325</v>
      </c>
      <c r="E60074" s="15">
        <v>45590</v>
      </c>
      <c r="F60074" s="14" t="s">
        <v>28</v>
      </c>
      <c r="G60074" s="16">
        <v>0</v>
      </c>
    </row>
    <row r="60075" spans="1:7" x14ac:dyDescent="0.3">
      <c r="A60075" s="13" t="s">
        <v>324</v>
      </c>
      <c r="B60075" s="14" t="s">
        <v>1</v>
      </c>
      <c r="C60075" s="14" t="s">
        <v>38</v>
      </c>
      <c r="D60075" s="14" t="s">
        <v>325</v>
      </c>
      <c r="E60075" s="15">
        <v>45591</v>
      </c>
      <c r="F60075" s="14" t="s">
        <v>28</v>
      </c>
      <c r="G60075" s="16">
        <v>0</v>
      </c>
    </row>
    <row r="60076" spans="1:7" x14ac:dyDescent="0.3">
      <c r="A60076" s="13" t="s">
        <v>324</v>
      </c>
      <c r="B60076" s="14" t="s">
        <v>1</v>
      </c>
      <c r="C60076" s="14" t="s">
        <v>38</v>
      </c>
      <c r="D60076" s="14" t="s">
        <v>325</v>
      </c>
      <c r="E60076" s="15">
        <v>45592</v>
      </c>
      <c r="F60076" s="14" t="s">
        <v>28</v>
      </c>
      <c r="G60076" s="16">
        <v>0</v>
      </c>
    </row>
    <row r="60077" spans="1:7" x14ac:dyDescent="0.3">
      <c r="A60077" s="13" t="s">
        <v>324</v>
      </c>
      <c r="B60077" s="14" t="s">
        <v>1</v>
      </c>
      <c r="C60077" s="14" t="s">
        <v>38</v>
      </c>
      <c r="D60077" s="14" t="s">
        <v>325</v>
      </c>
      <c r="E60077" s="15">
        <v>45593</v>
      </c>
      <c r="F60077" s="14" t="s">
        <v>28</v>
      </c>
      <c r="G60077" s="16">
        <v>0</v>
      </c>
    </row>
    <row r="60078" spans="1:7" x14ac:dyDescent="0.3">
      <c r="A60078" s="13" t="s">
        <v>324</v>
      </c>
      <c r="B60078" s="14" t="s">
        <v>1</v>
      </c>
      <c r="C60078" s="14" t="s">
        <v>38</v>
      </c>
      <c r="D60078" s="14" t="s">
        <v>325</v>
      </c>
      <c r="E60078" s="15">
        <v>45594</v>
      </c>
      <c r="F60078" s="14" t="s">
        <v>28</v>
      </c>
      <c r="G60078" s="16">
        <v>0</v>
      </c>
    </row>
    <row r="60079" spans="1:7" x14ac:dyDescent="0.3">
      <c r="A60079" s="13" t="s">
        <v>324</v>
      </c>
      <c r="B60079" s="14" t="s">
        <v>1</v>
      </c>
      <c r="C60079" s="14" t="s">
        <v>38</v>
      </c>
      <c r="D60079" s="14" t="s">
        <v>325</v>
      </c>
      <c r="E60079" s="15">
        <v>45595</v>
      </c>
      <c r="F60079" s="14" t="s">
        <v>28</v>
      </c>
      <c r="G60079" s="16">
        <v>0</v>
      </c>
    </row>
    <row r="60080" spans="1:7" x14ac:dyDescent="0.3">
      <c r="A60080" s="13" t="s">
        <v>324</v>
      </c>
      <c r="B60080" s="14" t="s">
        <v>1</v>
      </c>
      <c r="C60080" s="14" t="s">
        <v>38</v>
      </c>
      <c r="D60080" s="14" t="s">
        <v>325</v>
      </c>
      <c r="E60080" s="15">
        <v>45596</v>
      </c>
      <c r="F60080" s="14" t="s">
        <v>28</v>
      </c>
      <c r="G60080" s="16">
        <v>0</v>
      </c>
    </row>
    <row r="60081" spans="1:7" x14ac:dyDescent="0.3">
      <c r="A60081" s="13" t="s">
        <v>324</v>
      </c>
      <c r="B60081" s="14" t="s">
        <v>1</v>
      </c>
      <c r="C60081" s="14" t="s">
        <v>38</v>
      </c>
      <c r="D60081" s="14" t="s">
        <v>325</v>
      </c>
      <c r="E60081" s="15">
        <v>45597</v>
      </c>
      <c r="F60081" s="14" t="s">
        <v>28</v>
      </c>
      <c r="G60081" s="16">
        <v>0</v>
      </c>
    </row>
    <row r="60082" spans="1:7" x14ac:dyDescent="0.3">
      <c r="A60082" s="13" t="s">
        <v>324</v>
      </c>
      <c r="B60082" s="14" t="s">
        <v>1</v>
      </c>
      <c r="C60082" s="14" t="s">
        <v>38</v>
      </c>
      <c r="D60082" s="14" t="s">
        <v>325</v>
      </c>
      <c r="E60082" s="15">
        <v>45598</v>
      </c>
      <c r="F60082" s="14" t="s">
        <v>28</v>
      </c>
      <c r="G60082" s="16">
        <v>0</v>
      </c>
    </row>
    <row r="60083" spans="1:7" x14ac:dyDescent="0.3">
      <c r="A60083" s="13" t="s">
        <v>324</v>
      </c>
      <c r="B60083" s="14" t="s">
        <v>1</v>
      </c>
      <c r="C60083" s="14" t="s">
        <v>38</v>
      </c>
      <c r="D60083" s="14" t="s">
        <v>325</v>
      </c>
      <c r="E60083" s="15">
        <v>45599</v>
      </c>
      <c r="F60083" s="14" t="s">
        <v>28</v>
      </c>
      <c r="G60083" s="16">
        <v>0</v>
      </c>
    </row>
    <row r="60084" spans="1:7" x14ac:dyDescent="0.3">
      <c r="A60084" s="13" t="s">
        <v>324</v>
      </c>
      <c r="B60084" s="14" t="s">
        <v>1</v>
      </c>
      <c r="C60084" s="14" t="s">
        <v>38</v>
      </c>
      <c r="D60084" s="14" t="s">
        <v>325</v>
      </c>
      <c r="E60084" s="15">
        <v>45600</v>
      </c>
      <c r="F60084" s="14" t="s">
        <v>28</v>
      </c>
      <c r="G60084" s="16">
        <v>0</v>
      </c>
    </row>
    <row r="60085" spans="1:7" x14ac:dyDescent="0.3">
      <c r="A60085" s="13" t="s">
        <v>324</v>
      </c>
      <c r="B60085" s="14" t="s">
        <v>1</v>
      </c>
      <c r="C60085" s="14" t="s">
        <v>38</v>
      </c>
      <c r="D60085" s="14" t="s">
        <v>325</v>
      </c>
      <c r="E60085" s="15">
        <v>45601</v>
      </c>
      <c r="F60085" s="14" t="s">
        <v>28</v>
      </c>
      <c r="G60085" s="16">
        <v>0</v>
      </c>
    </row>
    <row r="60086" spans="1:7" x14ac:dyDescent="0.3">
      <c r="A60086" s="13" t="s">
        <v>324</v>
      </c>
      <c r="B60086" s="14" t="s">
        <v>1</v>
      </c>
      <c r="C60086" s="14" t="s">
        <v>38</v>
      </c>
      <c r="D60086" s="14" t="s">
        <v>325</v>
      </c>
      <c r="E60086" s="15">
        <v>45602</v>
      </c>
      <c r="F60086" s="14" t="s">
        <v>28</v>
      </c>
      <c r="G60086" s="16">
        <v>0</v>
      </c>
    </row>
    <row r="60087" spans="1:7" x14ac:dyDescent="0.3">
      <c r="A60087" s="13" t="s">
        <v>324</v>
      </c>
      <c r="B60087" s="14" t="s">
        <v>1</v>
      </c>
      <c r="C60087" s="14" t="s">
        <v>38</v>
      </c>
      <c r="D60087" s="14" t="s">
        <v>325</v>
      </c>
      <c r="E60087" s="15">
        <v>45603</v>
      </c>
      <c r="F60087" s="14" t="s">
        <v>28</v>
      </c>
      <c r="G60087" s="16">
        <v>0</v>
      </c>
    </row>
    <row r="60088" spans="1:7" x14ac:dyDescent="0.3">
      <c r="A60088" s="13" t="s">
        <v>324</v>
      </c>
      <c r="B60088" s="14" t="s">
        <v>1</v>
      </c>
      <c r="C60088" s="14" t="s">
        <v>38</v>
      </c>
      <c r="D60088" s="14" t="s">
        <v>325</v>
      </c>
      <c r="E60088" s="15">
        <v>45604</v>
      </c>
      <c r="F60088" s="14" t="s">
        <v>28</v>
      </c>
      <c r="G60088" s="16">
        <v>0</v>
      </c>
    </row>
    <row r="60089" spans="1:7" x14ac:dyDescent="0.3">
      <c r="A60089" s="13" t="s">
        <v>324</v>
      </c>
      <c r="B60089" s="14" t="s">
        <v>1</v>
      </c>
      <c r="C60089" s="14" t="s">
        <v>38</v>
      </c>
      <c r="D60089" s="14" t="s">
        <v>325</v>
      </c>
      <c r="E60089" s="15">
        <v>45605</v>
      </c>
      <c r="F60089" s="14" t="s">
        <v>28</v>
      </c>
      <c r="G60089" s="16">
        <v>0</v>
      </c>
    </row>
    <row r="60090" spans="1:7" x14ac:dyDescent="0.3">
      <c r="A60090" s="13" t="s">
        <v>324</v>
      </c>
      <c r="B60090" s="14" t="s">
        <v>1</v>
      </c>
      <c r="C60090" s="14" t="s">
        <v>38</v>
      </c>
      <c r="D60090" s="14" t="s">
        <v>325</v>
      </c>
      <c r="E60090" s="15">
        <v>45606</v>
      </c>
      <c r="F60090" s="14" t="s">
        <v>28</v>
      </c>
      <c r="G60090" s="16">
        <v>0</v>
      </c>
    </row>
    <row r="60091" spans="1:7" x14ac:dyDescent="0.3">
      <c r="A60091" s="13" t="s">
        <v>324</v>
      </c>
      <c r="B60091" s="14" t="s">
        <v>1</v>
      </c>
      <c r="C60091" s="14" t="s">
        <v>38</v>
      </c>
      <c r="D60091" s="14" t="s">
        <v>325</v>
      </c>
      <c r="E60091" s="15">
        <v>45607</v>
      </c>
      <c r="F60091" s="14" t="s">
        <v>28</v>
      </c>
      <c r="G60091" s="16">
        <v>0</v>
      </c>
    </row>
    <row r="60092" spans="1:7" x14ac:dyDescent="0.3">
      <c r="A60092" s="13" t="s">
        <v>324</v>
      </c>
      <c r="B60092" s="14" t="s">
        <v>1</v>
      </c>
      <c r="C60092" s="14" t="s">
        <v>38</v>
      </c>
      <c r="D60092" s="14" t="s">
        <v>325</v>
      </c>
      <c r="E60092" s="15">
        <v>45608</v>
      </c>
      <c r="F60092" s="14" t="s">
        <v>28</v>
      </c>
      <c r="G60092" s="16">
        <v>0</v>
      </c>
    </row>
    <row r="60093" spans="1:7" x14ac:dyDescent="0.3">
      <c r="A60093" s="13" t="s">
        <v>324</v>
      </c>
      <c r="B60093" s="14" t="s">
        <v>1</v>
      </c>
      <c r="C60093" s="14" t="s">
        <v>38</v>
      </c>
      <c r="D60093" s="14" t="s">
        <v>325</v>
      </c>
      <c r="E60093" s="15">
        <v>45609</v>
      </c>
      <c r="F60093" s="14" t="s">
        <v>28</v>
      </c>
      <c r="G60093" s="16">
        <v>0</v>
      </c>
    </row>
    <row r="60094" spans="1:7" x14ac:dyDescent="0.3">
      <c r="A60094" s="13" t="s">
        <v>324</v>
      </c>
      <c r="B60094" s="14" t="s">
        <v>1</v>
      </c>
      <c r="C60094" s="14" t="s">
        <v>38</v>
      </c>
      <c r="D60094" s="14" t="s">
        <v>325</v>
      </c>
      <c r="E60094" s="15">
        <v>45610</v>
      </c>
      <c r="F60094" s="14" t="s">
        <v>28</v>
      </c>
      <c r="G60094" s="16">
        <v>0</v>
      </c>
    </row>
    <row r="60095" spans="1:7" x14ac:dyDescent="0.3">
      <c r="A60095" s="13" t="s">
        <v>324</v>
      </c>
      <c r="B60095" s="14" t="s">
        <v>1</v>
      </c>
      <c r="C60095" s="14" t="s">
        <v>38</v>
      </c>
      <c r="D60095" s="14" t="s">
        <v>325</v>
      </c>
      <c r="E60095" s="15">
        <v>45611</v>
      </c>
      <c r="F60095" s="14" t="s">
        <v>28</v>
      </c>
      <c r="G60095" s="16">
        <v>0</v>
      </c>
    </row>
    <row r="60096" spans="1:7" x14ac:dyDescent="0.3">
      <c r="A60096" s="13" t="s">
        <v>324</v>
      </c>
      <c r="B60096" s="14" t="s">
        <v>1</v>
      </c>
      <c r="C60096" s="14" t="s">
        <v>38</v>
      </c>
      <c r="D60096" s="14" t="s">
        <v>325</v>
      </c>
      <c r="E60096" s="15">
        <v>45612</v>
      </c>
      <c r="F60096" s="14" t="s">
        <v>28</v>
      </c>
      <c r="G60096" s="16">
        <v>0</v>
      </c>
    </row>
    <row r="60097" spans="1:7" x14ac:dyDescent="0.3">
      <c r="A60097" s="13" t="s">
        <v>324</v>
      </c>
      <c r="B60097" s="14" t="s">
        <v>1</v>
      </c>
      <c r="C60097" s="14" t="s">
        <v>38</v>
      </c>
      <c r="D60097" s="14" t="s">
        <v>325</v>
      </c>
      <c r="E60097" s="15">
        <v>45613</v>
      </c>
      <c r="F60097" s="14" t="s">
        <v>28</v>
      </c>
      <c r="G60097" s="16">
        <v>0</v>
      </c>
    </row>
    <row r="60098" spans="1:7" x14ac:dyDescent="0.3">
      <c r="A60098" s="13" t="s">
        <v>324</v>
      </c>
      <c r="B60098" s="14" t="s">
        <v>1</v>
      </c>
      <c r="C60098" s="14" t="s">
        <v>38</v>
      </c>
      <c r="D60098" s="14" t="s">
        <v>325</v>
      </c>
      <c r="E60098" s="15">
        <v>45614</v>
      </c>
      <c r="F60098" s="14" t="s">
        <v>28</v>
      </c>
      <c r="G60098" s="16">
        <v>0</v>
      </c>
    </row>
    <row r="60099" spans="1:7" x14ac:dyDescent="0.3">
      <c r="A60099" s="13" t="s">
        <v>324</v>
      </c>
      <c r="B60099" s="14" t="s">
        <v>1</v>
      </c>
      <c r="C60099" s="14" t="s">
        <v>38</v>
      </c>
      <c r="D60099" s="14" t="s">
        <v>325</v>
      </c>
      <c r="E60099" s="15">
        <v>45615</v>
      </c>
      <c r="F60099" s="14" t="s">
        <v>28</v>
      </c>
      <c r="G60099" s="16">
        <v>0</v>
      </c>
    </row>
    <row r="60100" spans="1:7" x14ac:dyDescent="0.3">
      <c r="A60100" s="13" t="s">
        <v>324</v>
      </c>
      <c r="B60100" s="14" t="s">
        <v>1</v>
      </c>
      <c r="C60100" s="14" t="s">
        <v>38</v>
      </c>
      <c r="D60100" s="14" t="s">
        <v>325</v>
      </c>
      <c r="E60100" s="15">
        <v>45616</v>
      </c>
      <c r="F60100" s="14" t="s">
        <v>28</v>
      </c>
      <c r="G60100" s="16">
        <v>0</v>
      </c>
    </row>
    <row r="60101" spans="1:7" x14ac:dyDescent="0.3">
      <c r="A60101" s="13" t="s">
        <v>324</v>
      </c>
      <c r="B60101" s="14" t="s">
        <v>1</v>
      </c>
      <c r="C60101" s="14" t="s">
        <v>38</v>
      </c>
      <c r="D60101" s="14" t="s">
        <v>325</v>
      </c>
      <c r="E60101" s="15">
        <v>45617</v>
      </c>
      <c r="F60101" s="14" t="s">
        <v>28</v>
      </c>
      <c r="G60101" s="16">
        <v>4.2031691212536491E-3</v>
      </c>
    </row>
    <row r="60102" spans="1:7" x14ac:dyDescent="0.3">
      <c r="A60102" s="13" t="s">
        <v>324</v>
      </c>
      <c r="B60102" s="14" t="s">
        <v>1</v>
      </c>
      <c r="C60102" s="14" t="s">
        <v>38</v>
      </c>
      <c r="D60102" s="14" t="s">
        <v>325</v>
      </c>
      <c r="E60102" s="15">
        <v>45618</v>
      </c>
      <c r="F60102" s="14" t="s">
        <v>28</v>
      </c>
      <c r="G60102" s="16">
        <v>8.9389625716697186E-5</v>
      </c>
    </row>
    <row r="60103" spans="1:7" x14ac:dyDescent="0.3">
      <c r="A60103" s="13" t="s">
        <v>324</v>
      </c>
      <c r="B60103" s="14" t="s">
        <v>1</v>
      </c>
      <c r="C60103" s="14" t="s">
        <v>38</v>
      </c>
      <c r="D60103" s="14" t="s">
        <v>325</v>
      </c>
      <c r="E60103" s="15">
        <v>45619</v>
      </c>
      <c r="F60103" s="14" t="s">
        <v>28</v>
      </c>
      <c r="G60103" s="16">
        <v>8.9389625716697186E-5</v>
      </c>
    </row>
    <row r="60104" spans="1:7" x14ac:dyDescent="0.3">
      <c r="A60104" s="13" t="s">
        <v>324</v>
      </c>
      <c r="B60104" s="14" t="s">
        <v>1</v>
      </c>
      <c r="C60104" s="14" t="s">
        <v>38</v>
      </c>
      <c r="D60104" s="14" t="s">
        <v>325</v>
      </c>
      <c r="E60104" s="15">
        <v>45620</v>
      </c>
      <c r="F60104" s="14" t="s">
        <v>28</v>
      </c>
      <c r="G60104" s="16">
        <v>8.9389625716697186E-5</v>
      </c>
    </row>
    <row r="60105" spans="1:7" x14ac:dyDescent="0.3">
      <c r="A60105" s="13" t="s">
        <v>324</v>
      </c>
      <c r="B60105" s="14" t="s">
        <v>1</v>
      </c>
      <c r="C60105" s="14" t="s">
        <v>38</v>
      </c>
      <c r="D60105" s="14" t="s">
        <v>325</v>
      </c>
      <c r="E60105" s="15">
        <v>45621</v>
      </c>
      <c r="F60105" s="14" t="s">
        <v>28</v>
      </c>
      <c r="G60105" s="16">
        <v>0</v>
      </c>
    </row>
    <row r="60106" spans="1:7" x14ac:dyDescent="0.3">
      <c r="A60106" s="13" t="s">
        <v>324</v>
      </c>
      <c r="B60106" s="14" t="s">
        <v>1</v>
      </c>
      <c r="C60106" s="14" t="s">
        <v>38</v>
      </c>
      <c r="D60106" s="14" t="s">
        <v>325</v>
      </c>
      <c r="E60106" s="15">
        <v>45622</v>
      </c>
      <c r="F60106" s="14" t="s">
        <v>28</v>
      </c>
      <c r="G60106" s="16">
        <v>0</v>
      </c>
    </row>
    <row r="60107" spans="1:7" x14ac:dyDescent="0.3">
      <c r="A60107" s="13" t="s">
        <v>324</v>
      </c>
      <c r="B60107" s="14" t="s">
        <v>1</v>
      </c>
      <c r="C60107" s="14" t="s">
        <v>38</v>
      </c>
      <c r="D60107" s="14" t="s">
        <v>325</v>
      </c>
      <c r="E60107" s="15">
        <v>45623</v>
      </c>
      <c r="F60107" s="14" t="s">
        <v>28</v>
      </c>
      <c r="G60107" s="16">
        <v>0</v>
      </c>
    </row>
    <row r="60108" spans="1:7" x14ac:dyDescent="0.3">
      <c r="A60108" s="13" t="s">
        <v>324</v>
      </c>
      <c r="B60108" s="14" t="s">
        <v>1</v>
      </c>
      <c r="C60108" s="14" t="s">
        <v>38</v>
      </c>
      <c r="D60108" s="14" t="s">
        <v>325</v>
      </c>
      <c r="E60108" s="15">
        <v>45624</v>
      </c>
      <c r="F60108" s="14" t="s">
        <v>28</v>
      </c>
      <c r="G60108" s="16">
        <v>0</v>
      </c>
    </row>
    <row r="60109" spans="1:7" x14ac:dyDescent="0.3">
      <c r="A60109" s="13" t="s">
        <v>324</v>
      </c>
      <c r="B60109" s="14" t="s">
        <v>1</v>
      </c>
      <c r="C60109" s="14" t="s">
        <v>38</v>
      </c>
      <c r="D60109" s="14" t="s">
        <v>325</v>
      </c>
      <c r="E60109" s="15">
        <v>45625</v>
      </c>
      <c r="F60109" s="14" t="s">
        <v>28</v>
      </c>
      <c r="G60109" s="16">
        <v>6.53860914640209E-3</v>
      </c>
    </row>
    <row r="60110" spans="1:7" x14ac:dyDescent="0.3">
      <c r="A60110" s="13" t="s">
        <v>324</v>
      </c>
      <c r="B60110" s="14" t="s">
        <v>1</v>
      </c>
      <c r="C60110" s="14" t="s">
        <v>38</v>
      </c>
      <c r="D60110" s="14" t="s">
        <v>325</v>
      </c>
      <c r="E60110" s="15">
        <v>45626</v>
      </c>
      <c r="F60110" s="14" t="s">
        <v>28</v>
      </c>
      <c r="G60110" s="16">
        <v>6.53860914640209E-3</v>
      </c>
    </row>
    <row r="60111" spans="1:7" x14ac:dyDescent="0.3">
      <c r="A60111" s="13" t="s">
        <v>324</v>
      </c>
      <c r="B60111" s="14" t="s">
        <v>1</v>
      </c>
      <c r="C60111" s="14" t="s">
        <v>38</v>
      </c>
      <c r="D60111" s="14" t="s">
        <v>325</v>
      </c>
      <c r="E60111" s="15">
        <v>45627</v>
      </c>
      <c r="F60111" s="14" t="s">
        <v>28</v>
      </c>
      <c r="G60111" s="16">
        <v>6.53860914640209E-3</v>
      </c>
    </row>
    <row r="60112" spans="1:7" x14ac:dyDescent="0.3">
      <c r="A60112" s="13" t="s">
        <v>324</v>
      </c>
      <c r="B60112" s="14" t="s">
        <v>1</v>
      </c>
      <c r="C60112" s="14" t="s">
        <v>38</v>
      </c>
      <c r="D60112" s="14" t="s">
        <v>325</v>
      </c>
      <c r="E60112" s="15">
        <v>45628</v>
      </c>
      <c r="F60112" s="14" t="s">
        <v>28</v>
      </c>
      <c r="G60112" s="16">
        <v>2.4934830091615881E-3</v>
      </c>
    </row>
    <row r="60113" spans="1:7" x14ac:dyDescent="0.3">
      <c r="A60113" s="13" t="s">
        <v>324</v>
      </c>
      <c r="B60113" s="14" t="s">
        <v>1</v>
      </c>
      <c r="C60113" s="14" t="s">
        <v>38</v>
      </c>
      <c r="D60113" s="14" t="s">
        <v>325</v>
      </c>
      <c r="E60113" s="15">
        <v>45629</v>
      </c>
      <c r="F60113" s="14" t="s">
        <v>28</v>
      </c>
      <c r="G60113" s="16">
        <v>0</v>
      </c>
    </row>
    <row r="60114" spans="1:7" x14ac:dyDescent="0.3">
      <c r="A60114" s="13" t="s">
        <v>324</v>
      </c>
      <c r="B60114" s="14" t="s">
        <v>1</v>
      </c>
      <c r="C60114" s="14" t="s">
        <v>38</v>
      </c>
      <c r="D60114" s="14" t="s">
        <v>325</v>
      </c>
      <c r="E60114" s="15">
        <v>45630</v>
      </c>
      <c r="F60114" s="14" t="s">
        <v>28</v>
      </c>
      <c r="G60114" s="16">
        <v>0</v>
      </c>
    </row>
    <row r="60115" spans="1:7" x14ac:dyDescent="0.3">
      <c r="A60115" s="13" t="s">
        <v>324</v>
      </c>
      <c r="B60115" s="14" t="s">
        <v>1</v>
      </c>
      <c r="C60115" s="14" t="s">
        <v>38</v>
      </c>
      <c r="D60115" s="14" t="s">
        <v>325</v>
      </c>
      <c r="E60115" s="15">
        <v>45631</v>
      </c>
      <c r="F60115" s="14" t="s">
        <v>28</v>
      </c>
      <c r="G60115" s="16">
        <v>0</v>
      </c>
    </row>
    <row r="60116" spans="1:7" x14ac:dyDescent="0.3">
      <c r="A60116" s="13" t="s">
        <v>324</v>
      </c>
      <c r="B60116" s="14" t="s">
        <v>1</v>
      </c>
      <c r="C60116" s="14" t="s">
        <v>38</v>
      </c>
      <c r="D60116" s="14" t="s">
        <v>325</v>
      </c>
      <c r="E60116" s="15">
        <v>45632</v>
      </c>
      <c r="F60116" s="14" t="s">
        <v>28</v>
      </c>
      <c r="G60116" s="16">
        <v>0</v>
      </c>
    </row>
    <row r="60117" spans="1:7" x14ac:dyDescent="0.3">
      <c r="A60117" s="13" t="s">
        <v>324</v>
      </c>
      <c r="B60117" s="14" t="s">
        <v>1</v>
      </c>
      <c r="C60117" s="14" t="s">
        <v>38</v>
      </c>
      <c r="D60117" s="14" t="s">
        <v>325</v>
      </c>
      <c r="E60117" s="15">
        <v>45633</v>
      </c>
      <c r="F60117" s="14" t="s">
        <v>28</v>
      </c>
      <c r="G60117" s="16">
        <v>0</v>
      </c>
    </row>
    <row r="60118" spans="1:7" x14ac:dyDescent="0.3">
      <c r="A60118" s="13" t="s">
        <v>324</v>
      </c>
      <c r="B60118" s="14" t="s">
        <v>1</v>
      </c>
      <c r="C60118" s="14" t="s">
        <v>38</v>
      </c>
      <c r="D60118" s="14" t="s">
        <v>325</v>
      </c>
      <c r="E60118" s="15">
        <v>45634</v>
      </c>
      <c r="F60118" s="14" t="s">
        <v>28</v>
      </c>
      <c r="G60118" s="16">
        <v>0</v>
      </c>
    </row>
    <row r="60119" spans="1:7" x14ac:dyDescent="0.3">
      <c r="A60119" s="13" t="s">
        <v>324</v>
      </c>
      <c r="B60119" s="14" t="s">
        <v>1</v>
      </c>
      <c r="C60119" s="14" t="s">
        <v>38</v>
      </c>
      <c r="D60119" s="14" t="s">
        <v>325</v>
      </c>
      <c r="E60119" s="15">
        <v>45635</v>
      </c>
      <c r="F60119" s="14" t="s">
        <v>28</v>
      </c>
      <c r="G60119" s="16">
        <v>0</v>
      </c>
    </row>
    <row r="60120" spans="1:7" x14ac:dyDescent="0.3">
      <c r="A60120" s="13" t="s">
        <v>324</v>
      </c>
      <c r="B60120" s="14" t="s">
        <v>1</v>
      </c>
      <c r="C60120" s="14" t="s">
        <v>38</v>
      </c>
      <c r="D60120" s="14" t="s">
        <v>325</v>
      </c>
      <c r="E60120" s="15">
        <v>45636</v>
      </c>
      <c r="F60120" s="14" t="s">
        <v>28</v>
      </c>
      <c r="G60120" s="16">
        <v>0</v>
      </c>
    </row>
    <row r="60121" spans="1:7" x14ac:dyDescent="0.3">
      <c r="A60121" s="13" t="s">
        <v>324</v>
      </c>
      <c r="B60121" s="14" t="s">
        <v>1</v>
      </c>
      <c r="C60121" s="14" t="s">
        <v>38</v>
      </c>
      <c r="D60121" s="14" t="s">
        <v>325</v>
      </c>
      <c r="E60121" s="15">
        <v>45637</v>
      </c>
      <c r="F60121" s="14" t="s">
        <v>28</v>
      </c>
      <c r="G60121" s="16">
        <v>0</v>
      </c>
    </row>
    <row r="60122" spans="1:7" x14ac:dyDescent="0.3">
      <c r="A60122" s="13" t="s">
        <v>324</v>
      </c>
      <c r="B60122" s="14" t="s">
        <v>1</v>
      </c>
      <c r="C60122" s="14" t="s">
        <v>38</v>
      </c>
      <c r="D60122" s="14" t="s">
        <v>325</v>
      </c>
      <c r="E60122" s="15">
        <v>45638</v>
      </c>
      <c r="F60122" s="14" t="s">
        <v>28</v>
      </c>
      <c r="G60122" s="16">
        <v>0</v>
      </c>
    </row>
    <row r="60123" spans="1:7" x14ac:dyDescent="0.3">
      <c r="A60123" s="13" t="s">
        <v>324</v>
      </c>
      <c r="B60123" s="14" t="s">
        <v>1</v>
      </c>
      <c r="C60123" s="14" t="s">
        <v>38</v>
      </c>
      <c r="D60123" s="14" t="s">
        <v>325</v>
      </c>
      <c r="E60123" s="15">
        <v>45639</v>
      </c>
      <c r="F60123" s="14" t="s">
        <v>28</v>
      </c>
      <c r="G60123" s="16">
        <v>0</v>
      </c>
    </row>
    <row r="60124" spans="1:7" x14ac:dyDescent="0.3">
      <c r="A60124" s="13" t="s">
        <v>324</v>
      </c>
      <c r="B60124" s="14" t="s">
        <v>1</v>
      </c>
      <c r="C60124" s="14" t="s">
        <v>38</v>
      </c>
      <c r="D60124" s="14" t="s">
        <v>325</v>
      </c>
      <c r="E60124" s="15">
        <v>45640</v>
      </c>
      <c r="F60124" s="14" t="s">
        <v>28</v>
      </c>
      <c r="G60124" s="16">
        <v>0</v>
      </c>
    </row>
    <row r="60125" spans="1:7" x14ac:dyDescent="0.3">
      <c r="A60125" s="13" t="s">
        <v>324</v>
      </c>
      <c r="B60125" s="14" t="s">
        <v>1</v>
      </c>
      <c r="C60125" s="14" t="s">
        <v>38</v>
      </c>
      <c r="D60125" s="14" t="s">
        <v>325</v>
      </c>
      <c r="E60125" s="15">
        <v>45641</v>
      </c>
      <c r="F60125" s="14" t="s">
        <v>28</v>
      </c>
      <c r="G60125" s="16">
        <v>0</v>
      </c>
    </row>
    <row r="60126" spans="1:7" x14ac:dyDescent="0.3">
      <c r="A60126" s="13" t="s">
        <v>324</v>
      </c>
      <c r="B60126" s="14" t="s">
        <v>1</v>
      </c>
      <c r="C60126" s="14" t="s">
        <v>38</v>
      </c>
      <c r="D60126" s="14" t="s">
        <v>325</v>
      </c>
      <c r="E60126" s="15">
        <v>45642</v>
      </c>
      <c r="F60126" s="14" t="s">
        <v>28</v>
      </c>
      <c r="G60126" s="16">
        <v>0</v>
      </c>
    </row>
    <row r="60127" spans="1:7" x14ac:dyDescent="0.3">
      <c r="A60127" s="13" t="s">
        <v>324</v>
      </c>
      <c r="B60127" s="14" t="s">
        <v>1</v>
      </c>
      <c r="C60127" s="14" t="s">
        <v>38</v>
      </c>
      <c r="D60127" s="14" t="s">
        <v>325</v>
      </c>
      <c r="E60127" s="15">
        <v>45643</v>
      </c>
      <c r="F60127" s="14" t="s">
        <v>28</v>
      </c>
      <c r="G60127" s="16">
        <v>0</v>
      </c>
    </row>
    <row r="60128" spans="1:7" x14ac:dyDescent="0.3">
      <c r="A60128" s="13" t="s">
        <v>324</v>
      </c>
      <c r="B60128" s="14" t="s">
        <v>1</v>
      </c>
      <c r="C60128" s="14" t="s">
        <v>38</v>
      </c>
      <c r="D60128" s="14" t="s">
        <v>325</v>
      </c>
      <c r="E60128" s="15">
        <v>45644</v>
      </c>
      <c r="F60128" s="14" t="s">
        <v>28</v>
      </c>
      <c r="G60128" s="16">
        <v>0</v>
      </c>
    </row>
    <row r="60129" spans="1:7" x14ac:dyDescent="0.3">
      <c r="A60129" s="13" t="s">
        <v>324</v>
      </c>
      <c r="B60129" s="14" t="s">
        <v>1</v>
      </c>
      <c r="C60129" s="14" t="s">
        <v>38</v>
      </c>
      <c r="D60129" s="14" t="s">
        <v>325</v>
      </c>
      <c r="E60129" s="15">
        <v>45645</v>
      </c>
      <c r="F60129" s="14" t="s">
        <v>28</v>
      </c>
      <c r="G60129" s="16">
        <v>0</v>
      </c>
    </row>
    <row r="60130" spans="1:7" x14ac:dyDescent="0.3">
      <c r="A60130" s="13" t="s">
        <v>324</v>
      </c>
      <c r="B60130" s="14" t="s">
        <v>1</v>
      </c>
      <c r="C60130" s="14" t="s">
        <v>38</v>
      </c>
      <c r="D60130" s="14" t="s">
        <v>325</v>
      </c>
      <c r="E60130" s="15">
        <v>45646</v>
      </c>
      <c r="F60130" s="14" t="s">
        <v>28</v>
      </c>
      <c r="G60130" s="16">
        <v>0</v>
      </c>
    </row>
    <row r="60131" spans="1:7" x14ac:dyDescent="0.3">
      <c r="A60131" s="13" t="s">
        <v>324</v>
      </c>
      <c r="B60131" s="14" t="s">
        <v>1</v>
      </c>
      <c r="C60131" s="14" t="s">
        <v>38</v>
      </c>
      <c r="D60131" s="14" t="s">
        <v>325</v>
      </c>
      <c r="E60131" s="15">
        <v>45647</v>
      </c>
      <c r="F60131" s="14" t="s">
        <v>28</v>
      </c>
      <c r="G60131" s="16">
        <v>0</v>
      </c>
    </row>
    <row r="60132" spans="1:7" x14ac:dyDescent="0.3">
      <c r="A60132" s="13" t="s">
        <v>324</v>
      </c>
      <c r="B60132" s="14" t="s">
        <v>1</v>
      </c>
      <c r="C60132" s="14" t="s">
        <v>38</v>
      </c>
      <c r="D60132" s="14" t="s">
        <v>325</v>
      </c>
      <c r="E60132" s="15">
        <v>45648</v>
      </c>
      <c r="F60132" s="14" t="s">
        <v>28</v>
      </c>
      <c r="G60132" s="16">
        <v>0</v>
      </c>
    </row>
    <row r="60133" spans="1:7" x14ac:dyDescent="0.3">
      <c r="A60133" s="13" t="s">
        <v>324</v>
      </c>
      <c r="B60133" s="14" t="s">
        <v>1</v>
      </c>
      <c r="C60133" s="14" t="s">
        <v>38</v>
      </c>
      <c r="D60133" s="14" t="s">
        <v>325</v>
      </c>
      <c r="E60133" s="15">
        <v>45649</v>
      </c>
      <c r="F60133" s="14" t="s">
        <v>28</v>
      </c>
      <c r="G60133" s="16">
        <v>0</v>
      </c>
    </row>
    <row r="60134" spans="1:7" x14ac:dyDescent="0.3">
      <c r="A60134" s="13" t="s">
        <v>324</v>
      </c>
      <c r="B60134" s="14" t="s">
        <v>1</v>
      </c>
      <c r="C60134" s="14" t="s">
        <v>38</v>
      </c>
      <c r="D60134" s="14" t="s">
        <v>325</v>
      </c>
      <c r="E60134" s="15">
        <v>45650</v>
      </c>
      <c r="F60134" s="14" t="s">
        <v>28</v>
      </c>
      <c r="G60134" s="16">
        <v>0</v>
      </c>
    </row>
    <row r="60135" spans="1:7" x14ac:dyDescent="0.3">
      <c r="A60135" s="13" t="s">
        <v>324</v>
      </c>
      <c r="B60135" s="14" t="s">
        <v>1</v>
      </c>
      <c r="C60135" s="14" t="s">
        <v>38</v>
      </c>
      <c r="D60135" s="14" t="s">
        <v>325</v>
      </c>
      <c r="E60135" s="15">
        <v>45651</v>
      </c>
      <c r="F60135" s="14" t="s">
        <v>28</v>
      </c>
      <c r="G60135" s="16">
        <v>0</v>
      </c>
    </row>
    <row r="60136" spans="1:7" x14ac:dyDescent="0.3">
      <c r="A60136" s="13" t="s">
        <v>324</v>
      </c>
      <c r="B60136" s="14" t="s">
        <v>1</v>
      </c>
      <c r="C60136" s="14" t="s">
        <v>38</v>
      </c>
      <c r="D60136" s="14" t="s">
        <v>325</v>
      </c>
      <c r="E60136" s="15">
        <v>45652</v>
      </c>
      <c r="F60136" s="14" t="s">
        <v>28</v>
      </c>
      <c r="G60136" s="16">
        <v>0</v>
      </c>
    </row>
    <row r="60137" spans="1:7" x14ac:dyDescent="0.3">
      <c r="A60137" s="13" t="s">
        <v>324</v>
      </c>
      <c r="B60137" s="14" t="s">
        <v>1</v>
      </c>
      <c r="C60137" s="14" t="s">
        <v>38</v>
      </c>
      <c r="D60137" s="14" t="s">
        <v>325</v>
      </c>
      <c r="E60137" s="15">
        <v>45653</v>
      </c>
      <c r="F60137" s="14" t="s">
        <v>28</v>
      </c>
      <c r="G60137" s="16">
        <v>0</v>
      </c>
    </row>
    <row r="60138" spans="1:7" x14ac:dyDescent="0.3">
      <c r="A60138" s="13" t="s">
        <v>324</v>
      </c>
      <c r="B60138" s="14" t="s">
        <v>1</v>
      </c>
      <c r="C60138" s="14" t="s">
        <v>38</v>
      </c>
      <c r="D60138" s="14" t="s">
        <v>325</v>
      </c>
      <c r="E60138" s="15">
        <v>45654</v>
      </c>
      <c r="F60138" s="14" t="s">
        <v>28</v>
      </c>
      <c r="G60138" s="16">
        <v>0</v>
      </c>
    </row>
    <row r="60139" spans="1:7" x14ac:dyDescent="0.3">
      <c r="A60139" s="13" t="s">
        <v>324</v>
      </c>
      <c r="B60139" s="14" t="s">
        <v>1</v>
      </c>
      <c r="C60139" s="14" t="s">
        <v>38</v>
      </c>
      <c r="D60139" s="14" t="s">
        <v>325</v>
      </c>
      <c r="E60139" s="15">
        <v>45655</v>
      </c>
      <c r="F60139" s="14" t="s">
        <v>28</v>
      </c>
      <c r="G60139" s="16">
        <v>0</v>
      </c>
    </row>
    <row r="60140" spans="1:7" x14ac:dyDescent="0.3">
      <c r="A60140" s="13" t="s">
        <v>324</v>
      </c>
      <c r="B60140" s="14" t="s">
        <v>1</v>
      </c>
      <c r="C60140" s="14" t="s">
        <v>38</v>
      </c>
      <c r="D60140" s="14" t="s">
        <v>325</v>
      </c>
      <c r="E60140" s="15">
        <v>45656</v>
      </c>
      <c r="F60140" s="14" t="s">
        <v>28</v>
      </c>
      <c r="G60140" s="16">
        <v>0</v>
      </c>
    </row>
    <row r="60141" spans="1:7" x14ac:dyDescent="0.3">
      <c r="A60141" s="13" t="s">
        <v>324</v>
      </c>
      <c r="B60141" s="14" t="s">
        <v>1</v>
      </c>
      <c r="C60141" s="14" t="s">
        <v>38</v>
      </c>
      <c r="D60141" s="14" t="s">
        <v>325</v>
      </c>
      <c r="E60141" s="15">
        <v>45657</v>
      </c>
      <c r="F60141" s="14" t="s">
        <v>28</v>
      </c>
      <c r="G60141" s="16">
        <v>0</v>
      </c>
    </row>
    <row r="60142" spans="1:7" x14ac:dyDescent="0.3">
      <c r="A60142" s="13" t="s">
        <v>324</v>
      </c>
      <c r="B60142" s="14" t="s">
        <v>1</v>
      </c>
      <c r="C60142" s="14" t="s">
        <v>38</v>
      </c>
      <c r="D60142" s="14" t="s">
        <v>325</v>
      </c>
      <c r="E60142" s="15">
        <v>45658</v>
      </c>
      <c r="F60142" s="14" t="s">
        <v>28</v>
      </c>
      <c r="G60142" s="16">
        <v>0</v>
      </c>
    </row>
    <row r="60143" spans="1:7" x14ac:dyDescent="0.3">
      <c r="A60143" s="13" t="s">
        <v>324</v>
      </c>
      <c r="B60143" s="14" t="s">
        <v>1</v>
      </c>
      <c r="C60143" s="14" t="s">
        <v>38</v>
      </c>
      <c r="D60143" s="14" t="s">
        <v>325</v>
      </c>
      <c r="E60143" s="15">
        <v>45659</v>
      </c>
      <c r="F60143" s="14" t="s">
        <v>28</v>
      </c>
      <c r="G60143" s="16">
        <v>0</v>
      </c>
    </row>
    <row r="60144" spans="1:7" x14ac:dyDescent="0.3">
      <c r="A60144" s="13" t="s">
        <v>324</v>
      </c>
      <c r="B60144" s="14" t="s">
        <v>1</v>
      </c>
      <c r="C60144" s="14" t="s">
        <v>38</v>
      </c>
      <c r="D60144" s="14" t="s">
        <v>325</v>
      </c>
      <c r="E60144" s="15">
        <v>45660</v>
      </c>
      <c r="F60144" s="14" t="s">
        <v>28</v>
      </c>
      <c r="G60144" s="16">
        <v>9.9057695527369066E-2</v>
      </c>
    </row>
    <row r="60145" spans="1:7" x14ac:dyDescent="0.3">
      <c r="A60145" s="13" t="s">
        <v>324</v>
      </c>
      <c r="B60145" s="14" t="s">
        <v>1</v>
      </c>
      <c r="C60145" s="14" t="s">
        <v>38</v>
      </c>
      <c r="D60145" s="14" t="s">
        <v>325</v>
      </c>
      <c r="E60145" s="15">
        <v>45661</v>
      </c>
      <c r="F60145" s="14" t="s">
        <v>28</v>
      </c>
      <c r="G60145" s="16">
        <v>9.9057695527369066E-2</v>
      </c>
    </row>
    <row r="60146" spans="1:7" x14ac:dyDescent="0.3">
      <c r="A60146" s="13" t="s">
        <v>324</v>
      </c>
      <c r="B60146" s="14" t="s">
        <v>1</v>
      </c>
      <c r="C60146" s="14" t="s">
        <v>38</v>
      </c>
      <c r="D60146" s="14" t="s">
        <v>325</v>
      </c>
      <c r="E60146" s="15">
        <v>45662</v>
      </c>
      <c r="F60146" s="14" t="s">
        <v>28</v>
      </c>
      <c r="G60146" s="16">
        <v>9.9057695527369066E-2</v>
      </c>
    </row>
    <row r="60147" spans="1:7" x14ac:dyDescent="0.3">
      <c r="A60147" s="13" t="s">
        <v>324</v>
      </c>
      <c r="B60147" s="14" t="s">
        <v>1</v>
      </c>
      <c r="C60147" s="14" t="s">
        <v>38</v>
      </c>
      <c r="D60147" s="14" t="s">
        <v>325</v>
      </c>
      <c r="E60147" s="15">
        <v>45663</v>
      </c>
      <c r="F60147" s="14" t="s">
        <v>28</v>
      </c>
      <c r="G60147" s="16">
        <v>9.4498764631530174E-2</v>
      </c>
    </row>
    <row r="60148" spans="1:7" x14ac:dyDescent="0.3">
      <c r="A60148" s="13" t="s">
        <v>324</v>
      </c>
      <c r="B60148" s="14" t="s">
        <v>1</v>
      </c>
      <c r="C60148" s="14" t="s">
        <v>38</v>
      </c>
      <c r="D60148" s="14" t="s">
        <v>325</v>
      </c>
      <c r="E60148" s="15">
        <v>45664</v>
      </c>
      <c r="F60148" s="14" t="s">
        <v>28</v>
      </c>
      <c r="G60148" s="16">
        <v>8.2299634302554672E-2</v>
      </c>
    </row>
    <row r="60149" spans="1:7" x14ac:dyDescent="0.3">
      <c r="A60149" s="13" t="s">
        <v>324</v>
      </c>
      <c r="B60149" s="14" t="s">
        <v>1</v>
      </c>
      <c r="C60149" s="14" t="s">
        <v>38</v>
      </c>
      <c r="D60149" s="14" t="s">
        <v>325</v>
      </c>
      <c r="E60149" s="15">
        <v>45665</v>
      </c>
      <c r="F60149" s="14" t="s">
        <v>28</v>
      </c>
      <c r="G60149" s="16">
        <v>7.8349600451431203E-2</v>
      </c>
    </row>
    <row r="60150" spans="1:7" x14ac:dyDescent="0.3">
      <c r="A60150" s="13" t="s">
        <v>324</v>
      </c>
      <c r="B60150" s="14" t="s">
        <v>1</v>
      </c>
      <c r="C60150" s="14" t="s">
        <v>38</v>
      </c>
      <c r="D60150" s="14" t="s">
        <v>325</v>
      </c>
      <c r="E60150" s="15">
        <v>45666</v>
      </c>
      <c r="F60150" s="14" t="s">
        <v>28</v>
      </c>
      <c r="G60150" s="16">
        <v>7.4154168446197377E-2</v>
      </c>
    </row>
    <row r="60151" spans="1:7" x14ac:dyDescent="0.3">
      <c r="A60151" s="13" t="s">
        <v>324</v>
      </c>
      <c r="B60151" s="14" t="s">
        <v>1</v>
      </c>
      <c r="C60151" s="14" t="s">
        <v>38</v>
      </c>
      <c r="D60151" s="14" t="s">
        <v>325</v>
      </c>
      <c r="E60151" s="15">
        <v>45667</v>
      </c>
      <c r="F60151" s="14" t="s">
        <v>28</v>
      </c>
      <c r="G60151" s="16">
        <v>8.0724098613869075E-2</v>
      </c>
    </row>
    <row r="60152" spans="1:7" x14ac:dyDescent="0.3">
      <c r="A60152" s="13" t="s">
        <v>324</v>
      </c>
      <c r="B60152" s="14" t="s">
        <v>1</v>
      </c>
      <c r="C60152" s="14" t="s">
        <v>38</v>
      </c>
      <c r="D60152" s="14" t="s">
        <v>325</v>
      </c>
      <c r="E60152" s="15">
        <v>45668</v>
      </c>
      <c r="F60152" s="14" t="s">
        <v>28</v>
      </c>
      <c r="G60152" s="16">
        <v>8.0724098613869075E-2</v>
      </c>
    </row>
    <row r="60153" spans="1:7" x14ac:dyDescent="0.3">
      <c r="A60153" s="13" t="s">
        <v>324</v>
      </c>
      <c r="B60153" s="14" t="s">
        <v>1</v>
      </c>
      <c r="C60153" s="14" t="s">
        <v>38</v>
      </c>
      <c r="D60153" s="14" t="s">
        <v>325</v>
      </c>
      <c r="E60153" s="15">
        <v>45669</v>
      </c>
      <c r="F60153" s="14" t="s">
        <v>28</v>
      </c>
      <c r="G60153" s="16">
        <v>8.0724098613869075E-2</v>
      </c>
    </row>
    <row r="60154" spans="1:7" x14ac:dyDescent="0.3">
      <c r="A60154" s="13" t="s">
        <v>324</v>
      </c>
      <c r="B60154" s="14" t="s">
        <v>1</v>
      </c>
      <c r="C60154" s="14" t="s">
        <v>38</v>
      </c>
      <c r="D60154" s="14" t="s">
        <v>325</v>
      </c>
      <c r="E60154" s="15">
        <v>45670</v>
      </c>
      <c r="F60154" s="14" t="s">
        <v>28</v>
      </c>
      <c r="G60154" s="16">
        <v>7.6490321867620198E-2</v>
      </c>
    </row>
    <row r="60155" spans="1:7" x14ac:dyDescent="0.3">
      <c r="A60155" s="13" t="s">
        <v>324</v>
      </c>
      <c r="B60155" s="14" t="s">
        <v>1</v>
      </c>
      <c r="C60155" s="14" t="s">
        <v>38</v>
      </c>
      <c r="D60155" s="14" t="s">
        <v>325</v>
      </c>
      <c r="E60155" s="15">
        <v>45671</v>
      </c>
      <c r="F60155" s="14" t="s">
        <v>28</v>
      </c>
      <c r="G60155" s="16">
        <v>6.4125377006468823E-2</v>
      </c>
    </row>
    <row r="60156" spans="1:7" x14ac:dyDescent="0.3">
      <c r="A60156" s="13" t="s">
        <v>324</v>
      </c>
      <c r="B60156" s="14" t="s">
        <v>1</v>
      </c>
      <c r="C60156" s="14" t="s">
        <v>38</v>
      </c>
      <c r="D60156" s="14" t="s">
        <v>325</v>
      </c>
      <c r="E60156" s="15">
        <v>45672</v>
      </c>
      <c r="F60156" s="14" t="s">
        <v>28</v>
      </c>
      <c r="G60156" s="16">
        <v>6.0139073207506784E-2</v>
      </c>
    </row>
    <row r="60157" spans="1:7" x14ac:dyDescent="0.3">
      <c r="A60157" s="13" t="s">
        <v>324</v>
      </c>
      <c r="B60157" s="14" t="s">
        <v>1</v>
      </c>
      <c r="C60157" s="14" t="s">
        <v>38</v>
      </c>
      <c r="D60157" s="14" t="s">
        <v>325</v>
      </c>
      <c r="E60157" s="15">
        <v>45673</v>
      </c>
      <c r="F60157" s="14" t="s">
        <v>28</v>
      </c>
      <c r="G60157" s="16">
        <v>5.6042822786144642E-2</v>
      </c>
    </row>
    <row r="60158" spans="1:7" x14ac:dyDescent="0.3">
      <c r="A60158" s="13" t="s">
        <v>324</v>
      </c>
      <c r="B60158" s="14" t="s">
        <v>1</v>
      </c>
      <c r="C60158" s="14" t="s">
        <v>38</v>
      </c>
      <c r="D60158" s="14" t="s">
        <v>325</v>
      </c>
      <c r="E60158" s="15">
        <v>45674</v>
      </c>
      <c r="F60158" s="14" t="s">
        <v>28</v>
      </c>
      <c r="G60158" s="16">
        <v>5.21081569447608E-2</v>
      </c>
    </row>
    <row r="60159" spans="1:7" x14ac:dyDescent="0.3">
      <c r="A60159" s="13" t="s">
        <v>324</v>
      </c>
      <c r="B60159" s="14" t="s">
        <v>1</v>
      </c>
      <c r="C60159" s="14" t="s">
        <v>38</v>
      </c>
      <c r="D60159" s="14" t="s">
        <v>325</v>
      </c>
      <c r="E60159" s="15">
        <v>45675</v>
      </c>
      <c r="F60159" s="14" t="s">
        <v>28</v>
      </c>
      <c r="G60159" s="16">
        <v>5.21081569447608E-2</v>
      </c>
    </row>
    <row r="60160" spans="1:7" x14ac:dyDescent="0.3">
      <c r="A60160" s="13" t="s">
        <v>324</v>
      </c>
      <c r="B60160" s="14" t="s">
        <v>1</v>
      </c>
      <c r="C60160" s="14" t="s">
        <v>38</v>
      </c>
      <c r="D60160" s="14" t="s">
        <v>325</v>
      </c>
      <c r="E60160" s="15">
        <v>45676</v>
      </c>
      <c r="F60160" s="14" t="s">
        <v>28</v>
      </c>
      <c r="G60160" s="16">
        <v>5.21081569447608E-2</v>
      </c>
    </row>
    <row r="60161" spans="1:7" x14ac:dyDescent="0.3">
      <c r="A60161" s="13" t="s">
        <v>324</v>
      </c>
      <c r="B60161" s="14" t="s">
        <v>1</v>
      </c>
      <c r="C60161" s="14" t="s">
        <v>38</v>
      </c>
      <c r="D60161" s="14" t="s">
        <v>325</v>
      </c>
      <c r="E60161" s="15">
        <v>45677</v>
      </c>
      <c r="F60161" s="14" t="s">
        <v>28</v>
      </c>
      <c r="G60161" s="16">
        <v>5.999371294466016E-2</v>
      </c>
    </row>
    <row r="60162" spans="1:7" x14ac:dyDescent="0.3">
      <c r="A60162" s="13" t="s">
        <v>324</v>
      </c>
      <c r="B60162" s="14" t="s">
        <v>1</v>
      </c>
      <c r="C60162" s="14" t="s">
        <v>38</v>
      </c>
      <c r="D60162" s="14" t="s">
        <v>325</v>
      </c>
      <c r="E60162" s="15">
        <v>45678</v>
      </c>
      <c r="F60162" s="14" t="s">
        <v>28</v>
      </c>
      <c r="G60162" s="16">
        <v>4.7562994224863778E-2</v>
      </c>
    </row>
    <row r="60163" spans="1:7" x14ac:dyDescent="0.3">
      <c r="A60163" s="13" t="s">
        <v>324</v>
      </c>
      <c r="B60163" s="14" t="s">
        <v>1</v>
      </c>
      <c r="C60163" s="14" t="s">
        <v>38</v>
      </c>
      <c r="D60163" s="14" t="s">
        <v>325</v>
      </c>
      <c r="E60163" s="15">
        <v>45679</v>
      </c>
      <c r="F60163" s="14" t="s">
        <v>28</v>
      </c>
      <c r="G60163" s="16">
        <v>4.3563175696192093E-2</v>
      </c>
    </row>
    <row r="60164" spans="1:7" x14ac:dyDescent="0.3">
      <c r="A60164" s="13" t="s">
        <v>324</v>
      </c>
      <c r="B60164" s="14" t="s">
        <v>1</v>
      </c>
      <c r="C60164" s="14" t="s">
        <v>38</v>
      </c>
      <c r="D60164" s="14" t="s">
        <v>325</v>
      </c>
      <c r="E60164" s="15">
        <v>45680</v>
      </c>
      <c r="F60164" s="14" t="s">
        <v>28</v>
      </c>
      <c r="G60164" s="16">
        <v>3.9413034486743284E-2</v>
      </c>
    </row>
    <row r="60165" spans="1:7" x14ac:dyDescent="0.3">
      <c r="A60165" s="13" t="s">
        <v>324</v>
      </c>
      <c r="B60165" s="14" t="s">
        <v>1</v>
      </c>
      <c r="C60165" s="14" t="s">
        <v>38</v>
      </c>
      <c r="D60165" s="14" t="s">
        <v>325</v>
      </c>
      <c r="E60165" s="15">
        <v>45681</v>
      </c>
      <c r="F60165" s="14" t="s">
        <v>28</v>
      </c>
      <c r="G60165" s="16">
        <v>3.4995170820625483E-2</v>
      </c>
    </row>
    <row r="60166" spans="1:7" x14ac:dyDescent="0.3">
      <c r="A60166" s="13" t="s">
        <v>324</v>
      </c>
      <c r="B60166" s="14" t="s">
        <v>1</v>
      </c>
      <c r="C60166" s="14" t="s">
        <v>38</v>
      </c>
      <c r="D60166" s="14" t="s">
        <v>325</v>
      </c>
      <c r="E60166" s="15">
        <v>45682</v>
      </c>
      <c r="F60166" s="14" t="s">
        <v>28</v>
      </c>
      <c r="G60166" s="16">
        <v>3.4995170820625483E-2</v>
      </c>
    </row>
    <row r="60167" spans="1:7" x14ac:dyDescent="0.3">
      <c r="A60167" s="13" t="s">
        <v>324</v>
      </c>
      <c r="B60167" s="14" t="s">
        <v>1</v>
      </c>
      <c r="C60167" s="14" t="s">
        <v>38</v>
      </c>
      <c r="D60167" s="14" t="s">
        <v>325</v>
      </c>
      <c r="E60167" s="15">
        <v>45683</v>
      </c>
      <c r="F60167" s="14" t="s">
        <v>28</v>
      </c>
      <c r="G60167" s="16">
        <v>3.4995170820625483E-2</v>
      </c>
    </row>
    <row r="60168" spans="1:7" x14ac:dyDescent="0.3">
      <c r="A60168" s="13" t="s">
        <v>324</v>
      </c>
      <c r="B60168" s="14" t="s">
        <v>1</v>
      </c>
      <c r="C60168" s="14" t="s">
        <v>38</v>
      </c>
      <c r="D60168" s="14" t="s">
        <v>325</v>
      </c>
      <c r="E60168" s="15">
        <v>45684</v>
      </c>
      <c r="F60168" s="14" t="s">
        <v>28</v>
      </c>
      <c r="G60168" s="16">
        <v>3.0948820244831983E-2</v>
      </c>
    </row>
    <row r="60169" spans="1:7" x14ac:dyDescent="0.3">
      <c r="A60169" s="13" t="s">
        <v>324</v>
      </c>
      <c r="B60169" s="14" t="s">
        <v>1</v>
      </c>
      <c r="C60169" s="14" t="s">
        <v>38</v>
      </c>
      <c r="D60169" s="14" t="s">
        <v>325</v>
      </c>
      <c r="E60169" s="15">
        <v>45685</v>
      </c>
      <c r="F60169" s="14" t="s">
        <v>28</v>
      </c>
      <c r="G60169" s="16">
        <v>1.849114212920358E-2</v>
      </c>
    </row>
    <row r="60170" spans="1:7" x14ac:dyDescent="0.3">
      <c r="A60170" s="13" t="s">
        <v>324</v>
      </c>
      <c r="B60170" s="14" t="s">
        <v>1</v>
      </c>
      <c r="C60170" s="14" t="s">
        <v>38</v>
      </c>
      <c r="D60170" s="14" t="s">
        <v>325</v>
      </c>
      <c r="E60170" s="15">
        <v>45686</v>
      </c>
      <c r="F60170" s="14" t="s">
        <v>28</v>
      </c>
      <c r="G60170" s="16">
        <v>1.849114212920358E-2</v>
      </c>
    </row>
    <row r="60171" spans="1:7" x14ac:dyDescent="0.3">
      <c r="A60171" s="13" t="s">
        <v>324</v>
      </c>
      <c r="B60171" s="14" t="s">
        <v>1</v>
      </c>
      <c r="C60171" s="14" t="s">
        <v>38</v>
      </c>
      <c r="D60171" s="14" t="s">
        <v>325</v>
      </c>
      <c r="E60171" s="15">
        <v>45687</v>
      </c>
      <c r="F60171" s="14" t="s">
        <v>28</v>
      </c>
      <c r="G60171" s="16">
        <v>1.849114212920358E-2</v>
      </c>
    </row>
    <row r="60172" spans="1:7" x14ac:dyDescent="0.3">
      <c r="A60172" s="13" t="s">
        <v>324</v>
      </c>
      <c r="B60172" s="14" t="s">
        <v>1</v>
      </c>
      <c r="C60172" s="14" t="s">
        <v>38</v>
      </c>
      <c r="D60172" s="14" t="s">
        <v>325</v>
      </c>
      <c r="E60172" s="15">
        <v>45688</v>
      </c>
      <c r="F60172" s="14" t="s">
        <v>28</v>
      </c>
      <c r="G60172" s="16">
        <v>1.4342854985794394E-2</v>
      </c>
    </row>
    <row r="60173" spans="1:7" x14ac:dyDescent="0.3">
      <c r="A60173" s="13" t="s">
        <v>324</v>
      </c>
      <c r="B60173" s="14" t="s">
        <v>1</v>
      </c>
      <c r="C60173" s="14" t="s">
        <v>38</v>
      </c>
      <c r="D60173" s="14" t="s">
        <v>325</v>
      </c>
      <c r="E60173" s="15">
        <v>45689</v>
      </c>
      <c r="F60173" s="14" t="s">
        <v>28</v>
      </c>
      <c r="G60173" s="16">
        <v>1.4342854985794394E-2</v>
      </c>
    </row>
    <row r="60174" spans="1:7" x14ac:dyDescent="0.3">
      <c r="A60174" s="13" t="s">
        <v>324</v>
      </c>
      <c r="B60174" s="14" t="s">
        <v>1</v>
      </c>
      <c r="C60174" s="14" t="s">
        <v>38</v>
      </c>
      <c r="D60174" s="14" t="s">
        <v>325</v>
      </c>
      <c r="E60174" s="15">
        <v>45690</v>
      </c>
      <c r="F60174" s="14" t="s">
        <v>28</v>
      </c>
      <c r="G60174" s="16">
        <v>1.4342854985794394E-2</v>
      </c>
    </row>
    <row r="60175" spans="1:7" x14ac:dyDescent="0.3">
      <c r="A60175" s="13" t="s">
        <v>324</v>
      </c>
      <c r="B60175" s="14" t="s">
        <v>1</v>
      </c>
      <c r="C60175" s="14" t="s">
        <v>38</v>
      </c>
      <c r="D60175" s="14" t="s">
        <v>325</v>
      </c>
      <c r="E60175" s="15">
        <v>45691</v>
      </c>
      <c r="F60175" s="14" t="s">
        <v>28</v>
      </c>
      <c r="G60175" s="16">
        <v>1.4342854985794394E-2</v>
      </c>
    </row>
    <row r="60176" spans="1:7" x14ac:dyDescent="0.3">
      <c r="A60176" s="13" t="s">
        <v>324</v>
      </c>
      <c r="B60176" s="14" t="s">
        <v>1</v>
      </c>
      <c r="C60176" s="14" t="s">
        <v>38</v>
      </c>
      <c r="D60176" s="14" t="s">
        <v>325</v>
      </c>
      <c r="E60176" s="15">
        <v>45692</v>
      </c>
      <c r="F60176" s="14" t="s">
        <v>28</v>
      </c>
      <c r="G60176" s="16">
        <v>1.7904161743868691E-3</v>
      </c>
    </row>
    <row r="60177" spans="1:7" x14ac:dyDescent="0.3">
      <c r="A60177" s="13" t="s">
        <v>324</v>
      </c>
      <c r="B60177" s="14" t="s">
        <v>1</v>
      </c>
      <c r="C60177" s="14" t="s">
        <v>38</v>
      </c>
      <c r="D60177" s="14" t="s">
        <v>325</v>
      </c>
      <c r="E60177" s="15">
        <v>45693</v>
      </c>
      <c r="F60177" s="14" t="s">
        <v>28</v>
      </c>
      <c r="G60177" s="16">
        <v>0</v>
      </c>
    </row>
    <row r="60178" spans="1:7" x14ac:dyDescent="0.3">
      <c r="A60178" s="13" t="s">
        <v>324</v>
      </c>
      <c r="B60178" s="14" t="s">
        <v>1</v>
      </c>
      <c r="C60178" s="14" t="s">
        <v>38</v>
      </c>
      <c r="D60178" s="14" t="s">
        <v>325</v>
      </c>
      <c r="E60178" s="15">
        <v>45694</v>
      </c>
      <c r="F60178" s="14" t="s">
        <v>28</v>
      </c>
      <c r="G60178" s="16">
        <v>0</v>
      </c>
    </row>
    <row r="60179" spans="1:7" x14ac:dyDescent="0.3">
      <c r="A60179" s="13" t="s">
        <v>324</v>
      </c>
      <c r="B60179" s="14" t="s">
        <v>1</v>
      </c>
      <c r="C60179" s="14" t="s">
        <v>38</v>
      </c>
      <c r="D60179" s="14" t="s">
        <v>325</v>
      </c>
      <c r="E60179" s="15">
        <v>45695</v>
      </c>
      <c r="F60179" s="14" t="s">
        <v>28</v>
      </c>
      <c r="G60179" s="16">
        <v>0</v>
      </c>
    </row>
    <row r="60180" spans="1:7" x14ac:dyDescent="0.3">
      <c r="A60180" s="13" t="s">
        <v>324</v>
      </c>
      <c r="B60180" s="14" t="s">
        <v>1</v>
      </c>
      <c r="C60180" s="14" t="s">
        <v>38</v>
      </c>
      <c r="D60180" s="14" t="s">
        <v>325</v>
      </c>
      <c r="E60180" s="15">
        <v>45696</v>
      </c>
      <c r="F60180" s="14" t="s">
        <v>28</v>
      </c>
      <c r="G60180" s="16">
        <v>0</v>
      </c>
    </row>
    <row r="60181" spans="1:7" x14ac:dyDescent="0.3">
      <c r="A60181" s="13" t="s">
        <v>324</v>
      </c>
      <c r="B60181" s="14" t="s">
        <v>1</v>
      </c>
      <c r="C60181" s="14" t="s">
        <v>38</v>
      </c>
      <c r="D60181" s="14" t="s">
        <v>325</v>
      </c>
      <c r="E60181" s="15">
        <v>45697</v>
      </c>
      <c r="F60181" s="14" t="s">
        <v>28</v>
      </c>
      <c r="G60181" s="16">
        <v>0</v>
      </c>
    </row>
    <row r="60182" spans="1:7" x14ac:dyDescent="0.3">
      <c r="A60182" s="13" t="s">
        <v>324</v>
      </c>
      <c r="B60182" s="14" t="s">
        <v>1</v>
      </c>
      <c r="C60182" s="14" t="s">
        <v>38</v>
      </c>
      <c r="D60182" s="14" t="s">
        <v>325</v>
      </c>
      <c r="E60182" s="15">
        <v>45698</v>
      </c>
      <c r="F60182" s="14" t="s">
        <v>28</v>
      </c>
      <c r="G60182" s="16">
        <v>0</v>
      </c>
    </row>
    <row r="60183" spans="1:7" x14ac:dyDescent="0.3">
      <c r="A60183" s="13" t="s">
        <v>324</v>
      </c>
      <c r="B60183" s="14" t="s">
        <v>1</v>
      </c>
      <c r="C60183" s="14" t="s">
        <v>38</v>
      </c>
      <c r="D60183" s="14" t="s">
        <v>325</v>
      </c>
      <c r="E60183" s="15">
        <v>45699</v>
      </c>
      <c r="F60183" s="14" t="s">
        <v>28</v>
      </c>
      <c r="G60183" s="16">
        <v>0</v>
      </c>
    </row>
    <row r="60184" spans="1:7" x14ac:dyDescent="0.3">
      <c r="A60184" s="13" t="s">
        <v>324</v>
      </c>
      <c r="B60184" s="14" t="s">
        <v>1</v>
      </c>
      <c r="C60184" s="14" t="s">
        <v>38</v>
      </c>
      <c r="D60184" s="14" t="s">
        <v>325</v>
      </c>
      <c r="E60184" s="15">
        <v>45700</v>
      </c>
      <c r="F60184" s="14" t="s">
        <v>28</v>
      </c>
      <c r="G60184" s="16">
        <v>0</v>
      </c>
    </row>
    <row r="60185" spans="1:7" x14ac:dyDescent="0.3">
      <c r="A60185" s="13" t="s">
        <v>324</v>
      </c>
      <c r="B60185" s="14" t="s">
        <v>1</v>
      </c>
      <c r="C60185" s="14" t="s">
        <v>38</v>
      </c>
      <c r="D60185" s="14" t="s">
        <v>325</v>
      </c>
      <c r="E60185" s="15">
        <v>45701</v>
      </c>
      <c r="F60185" s="14" t="s">
        <v>28</v>
      </c>
      <c r="G60185" s="16">
        <v>0</v>
      </c>
    </row>
    <row r="60186" spans="1:7" x14ac:dyDescent="0.3">
      <c r="A60186" s="13" t="s">
        <v>324</v>
      </c>
      <c r="B60186" s="14" t="s">
        <v>1</v>
      </c>
      <c r="C60186" s="14" t="s">
        <v>38</v>
      </c>
      <c r="D60186" s="14" t="s">
        <v>325</v>
      </c>
      <c r="E60186" s="15">
        <v>45702</v>
      </c>
      <c r="F60186" s="14" t="s">
        <v>28</v>
      </c>
      <c r="G60186" s="16">
        <v>0</v>
      </c>
    </row>
    <row r="60187" spans="1:7" x14ac:dyDescent="0.3">
      <c r="A60187" s="13" t="s">
        <v>324</v>
      </c>
      <c r="B60187" s="14" t="s">
        <v>1</v>
      </c>
      <c r="C60187" s="14" t="s">
        <v>38</v>
      </c>
      <c r="D60187" s="14" t="s">
        <v>325</v>
      </c>
      <c r="E60187" s="15">
        <v>45703</v>
      </c>
      <c r="F60187" s="14" t="s">
        <v>28</v>
      </c>
      <c r="G60187" s="16">
        <v>0</v>
      </c>
    </row>
    <row r="60188" spans="1:7" x14ac:dyDescent="0.3">
      <c r="A60188" s="13" t="s">
        <v>324</v>
      </c>
      <c r="B60188" s="14" t="s">
        <v>1</v>
      </c>
      <c r="C60188" s="14" t="s">
        <v>38</v>
      </c>
      <c r="D60188" s="14" t="s">
        <v>325</v>
      </c>
      <c r="E60188" s="15">
        <v>45704</v>
      </c>
      <c r="F60188" s="14" t="s">
        <v>28</v>
      </c>
      <c r="G60188" s="16">
        <v>0</v>
      </c>
    </row>
    <row r="60189" spans="1:7" x14ac:dyDescent="0.3">
      <c r="A60189" s="13" t="s">
        <v>324</v>
      </c>
      <c r="B60189" s="14" t="s">
        <v>1</v>
      </c>
      <c r="C60189" s="14" t="s">
        <v>38</v>
      </c>
      <c r="D60189" s="14" t="s">
        <v>325</v>
      </c>
      <c r="E60189" s="15">
        <v>45705</v>
      </c>
      <c r="F60189" s="14" t="s">
        <v>28</v>
      </c>
      <c r="G60189" s="16">
        <v>0</v>
      </c>
    </row>
    <row r="60190" spans="1:7" x14ac:dyDescent="0.3">
      <c r="A60190" s="13" t="s">
        <v>324</v>
      </c>
      <c r="B60190" s="14" t="s">
        <v>1</v>
      </c>
      <c r="C60190" s="14" t="s">
        <v>38</v>
      </c>
      <c r="D60190" s="14" t="s">
        <v>325</v>
      </c>
      <c r="E60190" s="15">
        <v>45706</v>
      </c>
      <c r="F60190" s="14" t="s">
        <v>28</v>
      </c>
      <c r="G60190" s="16">
        <v>0</v>
      </c>
    </row>
    <row r="60191" spans="1:7" x14ac:dyDescent="0.3">
      <c r="A60191" s="13" t="s">
        <v>324</v>
      </c>
      <c r="B60191" s="14" t="s">
        <v>1</v>
      </c>
      <c r="C60191" s="14" t="s">
        <v>38</v>
      </c>
      <c r="D60191" s="14" t="s">
        <v>325</v>
      </c>
      <c r="E60191" s="15">
        <v>45707</v>
      </c>
      <c r="F60191" s="14" t="s">
        <v>28</v>
      </c>
      <c r="G60191" s="16">
        <v>0</v>
      </c>
    </row>
    <row r="60192" spans="1:7" x14ac:dyDescent="0.3">
      <c r="A60192" s="13" t="s">
        <v>324</v>
      </c>
      <c r="B60192" s="14" t="s">
        <v>1</v>
      </c>
      <c r="C60192" s="14" t="s">
        <v>38</v>
      </c>
      <c r="D60192" s="14" t="s">
        <v>325</v>
      </c>
      <c r="E60192" s="15">
        <v>45708</v>
      </c>
      <c r="F60192" s="14" t="s">
        <v>28</v>
      </c>
      <c r="G60192" s="16">
        <v>0</v>
      </c>
    </row>
    <row r="60193" spans="1:7" x14ac:dyDescent="0.3">
      <c r="A60193" s="13" t="s">
        <v>324</v>
      </c>
      <c r="B60193" s="14" t="s">
        <v>1</v>
      </c>
      <c r="C60193" s="14" t="s">
        <v>38</v>
      </c>
      <c r="D60193" s="14" t="s">
        <v>325</v>
      </c>
      <c r="E60193" s="15">
        <v>45709</v>
      </c>
      <c r="F60193" s="14" t="s">
        <v>28</v>
      </c>
      <c r="G60193" s="16">
        <v>0</v>
      </c>
    </row>
    <row r="60194" spans="1:7" x14ac:dyDescent="0.3">
      <c r="A60194" s="13" t="s">
        <v>324</v>
      </c>
      <c r="B60194" s="14" t="s">
        <v>1</v>
      </c>
      <c r="C60194" s="14" t="s">
        <v>38</v>
      </c>
      <c r="D60194" s="14" t="s">
        <v>325</v>
      </c>
      <c r="E60194" s="15">
        <v>45710</v>
      </c>
      <c r="F60194" s="14" t="s">
        <v>28</v>
      </c>
      <c r="G60194" s="16">
        <v>0</v>
      </c>
    </row>
    <row r="60195" spans="1:7" x14ac:dyDescent="0.3">
      <c r="A60195" s="13" t="s">
        <v>324</v>
      </c>
      <c r="B60195" s="14" t="s">
        <v>1</v>
      </c>
      <c r="C60195" s="14" t="s">
        <v>38</v>
      </c>
      <c r="D60195" s="14" t="s">
        <v>325</v>
      </c>
      <c r="E60195" s="15">
        <v>45711</v>
      </c>
      <c r="F60195" s="14" t="s">
        <v>28</v>
      </c>
      <c r="G60195" s="16">
        <v>0</v>
      </c>
    </row>
    <row r="60196" spans="1:7" x14ac:dyDescent="0.3">
      <c r="A60196" s="13" t="s">
        <v>324</v>
      </c>
      <c r="B60196" s="14" t="s">
        <v>1</v>
      </c>
      <c r="C60196" s="14" t="s">
        <v>38</v>
      </c>
      <c r="D60196" s="14" t="s">
        <v>325</v>
      </c>
      <c r="E60196" s="15">
        <v>45712</v>
      </c>
      <c r="F60196" s="14" t="s">
        <v>28</v>
      </c>
      <c r="G60196" s="16">
        <v>0</v>
      </c>
    </row>
    <row r="60197" spans="1:7" x14ac:dyDescent="0.3">
      <c r="A60197" s="13" t="s">
        <v>324</v>
      </c>
      <c r="B60197" s="14" t="s">
        <v>1</v>
      </c>
      <c r="C60197" s="14" t="s">
        <v>38</v>
      </c>
      <c r="D60197" s="14" t="s">
        <v>325</v>
      </c>
      <c r="E60197" s="15">
        <v>45713</v>
      </c>
      <c r="F60197" s="14" t="s">
        <v>28</v>
      </c>
      <c r="G60197" s="16">
        <v>0</v>
      </c>
    </row>
    <row r="60198" spans="1:7" x14ac:dyDescent="0.3">
      <c r="A60198" s="13" t="s">
        <v>324</v>
      </c>
      <c r="B60198" s="14" t="s">
        <v>1</v>
      </c>
      <c r="C60198" s="14" t="s">
        <v>38</v>
      </c>
      <c r="D60198" s="14" t="s">
        <v>325</v>
      </c>
      <c r="E60198" s="15">
        <v>45714</v>
      </c>
      <c r="F60198" s="14" t="s">
        <v>28</v>
      </c>
      <c r="G60198" s="16">
        <v>0</v>
      </c>
    </row>
    <row r="60199" spans="1:7" x14ac:dyDescent="0.3">
      <c r="A60199" s="13" t="s">
        <v>324</v>
      </c>
      <c r="B60199" s="14" t="s">
        <v>1</v>
      </c>
      <c r="C60199" s="14" t="s">
        <v>38</v>
      </c>
      <c r="D60199" s="14" t="s">
        <v>325</v>
      </c>
      <c r="E60199" s="15">
        <v>45715</v>
      </c>
      <c r="F60199" s="14" t="s">
        <v>28</v>
      </c>
      <c r="G60199" s="16">
        <v>0</v>
      </c>
    </row>
    <row r="60200" spans="1:7" x14ac:dyDescent="0.3">
      <c r="A60200" s="13" t="s">
        <v>324</v>
      </c>
      <c r="B60200" s="14" t="s">
        <v>1</v>
      </c>
      <c r="C60200" s="14" t="s">
        <v>38</v>
      </c>
      <c r="D60200" s="14" t="s">
        <v>325</v>
      </c>
      <c r="E60200" s="15">
        <v>45716</v>
      </c>
      <c r="F60200" s="14" t="s">
        <v>28</v>
      </c>
      <c r="G60200" s="16">
        <v>0</v>
      </c>
    </row>
    <row r="60201" spans="1:7" x14ac:dyDescent="0.3">
      <c r="A60201" s="13" t="s">
        <v>324</v>
      </c>
      <c r="B60201" s="14" t="s">
        <v>1</v>
      </c>
      <c r="C60201" s="14" t="s">
        <v>38</v>
      </c>
      <c r="D60201" s="14" t="s">
        <v>325</v>
      </c>
      <c r="E60201" s="15">
        <v>45717</v>
      </c>
      <c r="F60201" s="14" t="s">
        <v>28</v>
      </c>
      <c r="G60201" s="16">
        <v>0</v>
      </c>
    </row>
    <row r="60202" spans="1:7" x14ac:dyDescent="0.3">
      <c r="A60202" s="13" t="s">
        <v>324</v>
      </c>
      <c r="B60202" s="14" t="s">
        <v>1</v>
      </c>
      <c r="C60202" s="14" t="s">
        <v>38</v>
      </c>
      <c r="D60202" s="14" t="s">
        <v>325</v>
      </c>
      <c r="E60202" s="15">
        <v>45718</v>
      </c>
      <c r="F60202" s="14" t="s">
        <v>28</v>
      </c>
      <c r="G60202" s="16">
        <v>0</v>
      </c>
    </row>
    <row r="60203" spans="1:7" x14ac:dyDescent="0.3">
      <c r="A60203" s="13" t="s">
        <v>324</v>
      </c>
      <c r="B60203" s="14" t="s">
        <v>1</v>
      </c>
      <c r="C60203" s="14" t="s">
        <v>38</v>
      </c>
      <c r="D60203" s="14" t="s">
        <v>325</v>
      </c>
      <c r="E60203" s="15">
        <v>45719</v>
      </c>
      <c r="F60203" s="14" t="s">
        <v>28</v>
      </c>
      <c r="G60203" s="16">
        <v>0</v>
      </c>
    </row>
    <row r="60204" spans="1:7" x14ac:dyDescent="0.3">
      <c r="A60204" s="13" t="s">
        <v>324</v>
      </c>
      <c r="B60204" s="14" t="s">
        <v>1</v>
      </c>
      <c r="C60204" s="14" t="s">
        <v>38</v>
      </c>
      <c r="D60204" s="14" t="s">
        <v>325</v>
      </c>
      <c r="E60204" s="15">
        <v>45720</v>
      </c>
      <c r="F60204" s="14" t="s">
        <v>28</v>
      </c>
      <c r="G60204" s="16">
        <v>0</v>
      </c>
    </row>
    <row r="60205" spans="1:7" x14ac:dyDescent="0.3">
      <c r="A60205" s="13" t="s">
        <v>324</v>
      </c>
      <c r="B60205" s="14" t="s">
        <v>1</v>
      </c>
      <c r="C60205" s="14" t="s">
        <v>38</v>
      </c>
      <c r="D60205" s="14" t="s">
        <v>325</v>
      </c>
      <c r="E60205" s="15">
        <v>45721</v>
      </c>
      <c r="F60205" s="14" t="s">
        <v>28</v>
      </c>
      <c r="G60205" s="16">
        <v>0</v>
      </c>
    </row>
    <row r="60206" spans="1:7" x14ac:dyDescent="0.3">
      <c r="A60206" s="13" t="s">
        <v>324</v>
      </c>
      <c r="B60206" s="14" t="s">
        <v>1</v>
      </c>
      <c r="C60206" s="14" t="s">
        <v>38</v>
      </c>
      <c r="D60206" s="14" t="s">
        <v>325</v>
      </c>
      <c r="E60206" s="15">
        <v>45722</v>
      </c>
      <c r="F60206" s="14" t="s">
        <v>28</v>
      </c>
      <c r="G60206" s="16">
        <v>0</v>
      </c>
    </row>
    <row r="60207" spans="1:7" x14ac:dyDescent="0.3">
      <c r="A60207" s="13" t="s">
        <v>324</v>
      </c>
      <c r="B60207" s="14" t="s">
        <v>1</v>
      </c>
      <c r="C60207" s="14" t="s">
        <v>38</v>
      </c>
      <c r="D60207" s="14" t="s">
        <v>325</v>
      </c>
      <c r="E60207" s="15">
        <v>45723</v>
      </c>
      <c r="F60207" s="14" t="s">
        <v>28</v>
      </c>
      <c r="G60207" s="16">
        <v>5.4043887826574648E-2</v>
      </c>
    </row>
    <row r="60208" spans="1:7" x14ac:dyDescent="0.3">
      <c r="A60208" s="13" t="s">
        <v>324</v>
      </c>
      <c r="B60208" s="14" t="s">
        <v>1</v>
      </c>
      <c r="C60208" s="14" t="s">
        <v>38</v>
      </c>
      <c r="D60208" s="14" t="s">
        <v>325</v>
      </c>
      <c r="E60208" s="15">
        <v>45724</v>
      </c>
      <c r="F60208" s="14" t="s">
        <v>28</v>
      </c>
      <c r="G60208" s="16">
        <v>5.4043887826574648E-2</v>
      </c>
    </row>
    <row r="60209" spans="1:7" x14ac:dyDescent="0.3">
      <c r="A60209" s="13" t="s">
        <v>324</v>
      </c>
      <c r="B60209" s="14" t="s">
        <v>1</v>
      </c>
      <c r="C60209" s="14" t="s">
        <v>38</v>
      </c>
      <c r="D60209" s="14" t="s">
        <v>325</v>
      </c>
      <c r="E60209" s="15">
        <v>45725</v>
      </c>
      <c r="F60209" s="14" t="s">
        <v>28</v>
      </c>
      <c r="G60209" s="16">
        <v>5.4043887826574648E-2</v>
      </c>
    </row>
    <row r="60210" spans="1:7" x14ac:dyDescent="0.3">
      <c r="A60210" s="13" t="s">
        <v>324</v>
      </c>
      <c r="B60210" s="14" t="s">
        <v>1</v>
      </c>
      <c r="C60210" s="14" t="s">
        <v>38</v>
      </c>
      <c r="D60210" s="14" t="s">
        <v>325</v>
      </c>
      <c r="E60210" s="15">
        <v>45726</v>
      </c>
      <c r="F60210" s="14" t="s">
        <v>28</v>
      </c>
      <c r="G60210" s="16">
        <v>5.6793568608135253E-2</v>
      </c>
    </row>
    <row r="60211" spans="1:7" x14ac:dyDescent="0.3">
      <c r="A60211" s="13" t="s">
        <v>324</v>
      </c>
      <c r="B60211" s="14" t="s">
        <v>1</v>
      </c>
      <c r="C60211" s="14" t="s">
        <v>38</v>
      </c>
      <c r="D60211" s="14" t="s">
        <v>325</v>
      </c>
      <c r="E60211" s="15">
        <v>45727</v>
      </c>
      <c r="F60211" s="14" t="s">
        <v>28</v>
      </c>
      <c r="G60211" s="16">
        <v>4.4111347477152507E-2</v>
      </c>
    </row>
    <row r="60212" spans="1:7" x14ac:dyDescent="0.3">
      <c r="A60212" s="13" t="s">
        <v>324</v>
      </c>
      <c r="B60212" s="14" t="s">
        <v>1</v>
      </c>
      <c r="C60212" s="14" t="s">
        <v>38</v>
      </c>
      <c r="D60212" s="14" t="s">
        <v>325</v>
      </c>
      <c r="E60212" s="15">
        <v>45728</v>
      </c>
      <c r="F60212" s="14" t="s">
        <v>28</v>
      </c>
      <c r="G60212" s="16">
        <v>4.0020108278735922E-2</v>
      </c>
    </row>
    <row r="60213" spans="1:7" x14ac:dyDescent="0.3">
      <c r="A60213" s="13" t="s">
        <v>324</v>
      </c>
      <c r="B60213" s="14" t="s">
        <v>1</v>
      </c>
      <c r="C60213" s="14" t="s">
        <v>38</v>
      </c>
      <c r="D60213" s="14" t="s">
        <v>325</v>
      </c>
      <c r="E60213" s="15">
        <v>45729</v>
      </c>
      <c r="F60213" s="14" t="s">
        <v>28</v>
      </c>
      <c r="G60213" s="16">
        <v>3.5973875891327514E-2</v>
      </c>
    </row>
    <row r="60214" spans="1:7" x14ac:dyDescent="0.3">
      <c r="A60214" s="13" t="s">
        <v>324</v>
      </c>
      <c r="B60214" s="14" t="s">
        <v>1</v>
      </c>
      <c r="C60214" s="14" t="s">
        <v>38</v>
      </c>
      <c r="D60214" s="14" t="s">
        <v>325</v>
      </c>
      <c r="E60214" s="15">
        <v>45730</v>
      </c>
      <c r="F60214" s="14" t="s">
        <v>28</v>
      </c>
      <c r="G60214" s="16">
        <v>8.5752083705295107E-2</v>
      </c>
    </row>
    <row r="60215" spans="1:7" x14ac:dyDescent="0.3">
      <c r="A60215" s="13" t="s">
        <v>324</v>
      </c>
      <c r="B60215" s="14" t="s">
        <v>1</v>
      </c>
      <c r="C60215" s="14" t="s">
        <v>38</v>
      </c>
      <c r="D60215" s="14" t="s">
        <v>325</v>
      </c>
      <c r="E60215" s="15">
        <v>45731</v>
      </c>
      <c r="F60215" s="14" t="s">
        <v>28</v>
      </c>
      <c r="G60215" s="16">
        <v>8.5752083705295107E-2</v>
      </c>
    </row>
    <row r="60216" spans="1:7" x14ac:dyDescent="0.3">
      <c r="A60216" s="13" t="s">
        <v>324</v>
      </c>
      <c r="B60216" s="14" t="s">
        <v>1</v>
      </c>
      <c r="C60216" s="14" t="s">
        <v>38</v>
      </c>
      <c r="D60216" s="14" t="s">
        <v>325</v>
      </c>
      <c r="E60216" s="15">
        <v>45732</v>
      </c>
      <c r="F60216" s="14" t="s">
        <v>28</v>
      </c>
      <c r="G60216" s="16">
        <v>8.5752083705295107E-2</v>
      </c>
    </row>
    <row r="60217" spans="1:7" x14ac:dyDescent="0.3">
      <c r="A60217" s="13" t="s">
        <v>324</v>
      </c>
      <c r="B60217" s="14" t="s">
        <v>1</v>
      </c>
      <c r="C60217" s="14" t="s">
        <v>38</v>
      </c>
      <c r="D60217" s="14" t="s">
        <v>325</v>
      </c>
      <c r="E60217" s="15">
        <v>45733</v>
      </c>
      <c r="F60217" s="14" t="s">
        <v>28</v>
      </c>
      <c r="G60217" s="16">
        <v>8.5752083705295107E-2</v>
      </c>
    </row>
    <row r="60218" spans="1:7" x14ac:dyDescent="0.3">
      <c r="A60218" s="13" t="s">
        <v>324</v>
      </c>
      <c r="B60218" s="14" t="s">
        <v>1</v>
      </c>
      <c r="C60218" s="14" t="s">
        <v>38</v>
      </c>
      <c r="D60218" s="14" t="s">
        <v>325</v>
      </c>
      <c r="E60218" s="15">
        <v>45734</v>
      </c>
      <c r="F60218" s="14" t="s">
        <v>28</v>
      </c>
      <c r="G60218" s="16">
        <v>8.183670313998806E-2</v>
      </c>
    </row>
    <row r="60219" spans="1:7" x14ac:dyDescent="0.3">
      <c r="A60219" s="13" t="s">
        <v>324</v>
      </c>
      <c r="B60219" s="14" t="s">
        <v>1</v>
      </c>
      <c r="C60219" s="14" t="s">
        <v>38</v>
      </c>
      <c r="D60219" s="14" t="s">
        <v>325</v>
      </c>
      <c r="E60219" s="15">
        <v>45735</v>
      </c>
      <c r="F60219" s="14" t="s">
        <v>28</v>
      </c>
      <c r="G60219" s="16">
        <v>0.2056355961145459</v>
      </c>
    </row>
    <row r="60220" spans="1:7" x14ac:dyDescent="0.3">
      <c r="A60220" s="13" t="s">
        <v>324</v>
      </c>
      <c r="B60220" s="14" t="s">
        <v>1</v>
      </c>
      <c r="C60220" s="14" t="s">
        <v>38</v>
      </c>
      <c r="D60220" s="14" t="s">
        <v>325</v>
      </c>
      <c r="E60220" s="15">
        <v>45736</v>
      </c>
      <c r="F60220" s="14" t="s">
        <v>28</v>
      </c>
      <c r="G60220" s="16">
        <v>0.20211733034840745</v>
      </c>
    </row>
    <row r="60221" spans="1:7" x14ac:dyDescent="0.3">
      <c r="A60221" s="13" t="s">
        <v>324</v>
      </c>
      <c r="B60221" s="14" t="s">
        <v>1</v>
      </c>
      <c r="C60221" s="14" t="s">
        <v>38</v>
      </c>
      <c r="D60221" s="14" t="s">
        <v>325</v>
      </c>
      <c r="E60221" s="15">
        <v>45737</v>
      </c>
      <c r="F60221" s="14" t="s">
        <v>28</v>
      </c>
      <c r="G60221" s="16">
        <v>0.19802863351740979</v>
      </c>
    </row>
    <row r="60222" spans="1:7" x14ac:dyDescent="0.3">
      <c r="A60222" s="13" t="s">
        <v>324</v>
      </c>
      <c r="B60222" s="14" t="s">
        <v>1</v>
      </c>
      <c r="C60222" s="14" t="s">
        <v>38</v>
      </c>
      <c r="D60222" s="14" t="s">
        <v>325</v>
      </c>
      <c r="E60222" s="15">
        <v>45738</v>
      </c>
      <c r="F60222" s="14" t="s">
        <v>28</v>
      </c>
      <c r="G60222" s="16">
        <v>0.19802863351740979</v>
      </c>
    </row>
    <row r="60223" spans="1:7" x14ac:dyDescent="0.3">
      <c r="A60223" s="13" t="s">
        <v>324</v>
      </c>
      <c r="B60223" s="14" t="s">
        <v>1</v>
      </c>
      <c r="C60223" s="14" t="s">
        <v>38</v>
      </c>
      <c r="D60223" s="14" t="s">
        <v>325</v>
      </c>
      <c r="E60223" s="15">
        <v>45739</v>
      </c>
      <c r="F60223" s="14" t="s">
        <v>28</v>
      </c>
      <c r="G60223" s="16">
        <v>0.19802863351740979</v>
      </c>
    </row>
    <row r="60224" spans="1:7" x14ac:dyDescent="0.3">
      <c r="A60224" s="13" t="s">
        <v>324</v>
      </c>
      <c r="B60224" s="14" t="s">
        <v>1</v>
      </c>
      <c r="C60224" s="14" t="s">
        <v>38</v>
      </c>
      <c r="D60224" s="14" t="s">
        <v>325</v>
      </c>
      <c r="E60224" s="15">
        <v>45740</v>
      </c>
      <c r="F60224" s="14" t="s">
        <v>28</v>
      </c>
      <c r="G60224" s="16">
        <v>0.1942578246079851</v>
      </c>
    </row>
    <row r="60225" spans="1:7" x14ac:dyDescent="0.3">
      <c r="A60225" s="13" t="s">
        <v>324</v>
      </c>
      <c r="B60225" s="14" t="s">
        <v>1</v>
      </c>
      <c r="C60225" s="14" t="s">
        <v>38</v>
      </c>
      <c r="D60225" s="14" t="s">
        <v>325</v>
      </c>
      <c r="E60225" s="15">
        <v>45741</v>
      </c>
      <c r="F60225" s="14" t="s">
        <v>28</v>
      </c>
      <c r="G60225" s="16">
        <v>0.18135286264862668</v>
      </c>
    </row>
    <row r="60226" spans="1:7" x14ac:dyDescent="0.3">
      <c r="A60226" s="13" t="s">
        <v>324</v>
      </c>
      <c r="B60226" s="14" t="s">
        <v>1</v>
      </c>
      <c r="C60226" s="14" t="s">
        <v>38</v>
      </c>
      <c r="D60226" s="14" t="s">
        <v>325</v>
      </c>
      <c r="E60226" s="15">
        <v>45742</v>
      </c>
      <c r="F60226" s="14" t="s">
        <v>28</v>
      </c>
      <c r="G60226" s="16">
        <v>0.2707317378424518</v>
      </c>
    </row>
    <row r="60227" spans="1:7" x14ac:dyDescent="0.3">
      <c r="A60227" s="13" t="s">
        <v>324</v>
      </c>
      <c r="B60227" s="14" t="s">
        <v>1</v>
      </c>
      <c r="C60227" s="14" t="s">
        <v>38</v>
      </c>
      <c r="D60227" s="14" t="s">
        <v>325</v>
      </c>
      <c r="E60227" s="15">
        <v>45743</v>
      </c>
      <c r="F60227" s="14" t="s">
        <v>28</v>
      </c>
      <c r="G60227" s="16">
        <v>0.26649158314844418</v>
      </c>
    </row>
    <row r="60228" spans="1:7" x14ac:dyDescent="0.3">
      <c r="A60228" s="13" t="s">
        <v>324</v>
      </c>
      <c r="B60228" s="14" t="s">
        <v>1</v>
      </c>
      <c r="C60228" s="14" t="s">
        <v>38</v>
      </c>
      <c r="D60228" s="14" t="s">
        <v>325</v>
      </c>
      <c r="E60228" s="15">
        <v>45744</v>
      </c>
      <c r="F60228" s="14" t="s">
        <v>28</v>
      </c>
      <c r="G60228" s="16">
        <v>0.26588459512438106</v>
      </c>
    </row>
    <row r="60229" spans="1:7" x14ac:dyDescent="0.3">
      <c r="A60229" s="13" t="s">
        <v>324</v>
      </c>
      <c r="B60229" s="14" t="s">
        <v>1</v>
      </c>
      <c r="C60229" s="14" t="s">
        <v>38</v>
      </c>
      <c r="D60229" s="14" t="s">
        <v>325</v>
      </c>
      <c r="E60229" s="15">
        <v>45745</v>
      </c>
      <c r="F60229" s="14" t="s">
        <v>28</v>
      </c>
      <c r="G60229" s="16">
        <v>0.26588459512438106</v>
      </c>
    </row>
    <row r="60230" spans="1:7" x14ac:dyDescent="0.3">
      <c r="A60230" s="13" t="s">
        <v>324</v>
      </c>
      <c r="B60230" s="14" t="s">
        <v>1</v>
      </c>
      <c r="C60230" s="14" t="s">
        <v>38</v>
      </c>
      <c r="D60230" s="14" t="s">
        <v>325</v>
      </c>
      <c r="E60230" s="15">
        <v>45746</v>
      </c>
      <c r="F60230" s="14" t="s">
        <v>28</v>
      </c>
      <c r="G60230" s="16">
        <v>0.26588459512438106</v>
      </c>
    </row>
    <row r="60231" spans="1:7" x14ac:dyDescent="0.3">
      <c r="A60231" s="13" t="s">
        <v>324</v>
      </c>
      <c r="B60231" s="14" t="s">
        <v>1</v>
      </c>
      <c r="C60231" s="14" t="s">
        <v>38</v>
      </c>
      <c r="D60231" s="14" t="s">
        <v>325</v>
      </c>
      <c r="E60231" s="15">
        <v>45747</v>
      </c>
      <c r="F60231" s="14" t="s">
        <v>28</v>
      </c>
      <c r="G60231" s="16">
        <v>0.26588459512438106</v>
      </c>
    </row>
    <row r="60232" spans="1:7" x14ac:dyDescent="0.3">
      <c r="A60232" s="13" t="s">
        <v>326</v>
      </c>
      <c r="B60232" s="14" t="s">
        <v>1</v>
      </c>
      <c r="C60232" s="14" t="s">
        <v>47</v>
      </c>
      <c r="D60232" s="14" t="s">
        <v>114</v>
      </c>
      <c r="E60232" s="15">
        <v>45383</v>
      </c>
      <c r="F60232" s="14" t="s">
        <v>15</v>
      </c>
      <c r="G60232" s="16">
        <v>0</v>
      </c>
    </row>
    <row r="60233" spans="1:7" x14ac:dyDescent="0.3">
      <c r="A60233" s="13" t="s">
        <v>326</v>
      </c>
      <c r="B60233" s="14" t="s">
        <v>1</v>
      </c>
      <c r="C60233" s="14" t="s">
        <v>47</v>
      </c>
      <c r="D60233" s="14" t="s">
        <v>114</v>
      </c>
      <c r="E60233" s="15">
        <v>45384</v>
      </c>
      <c r="F60233" s="14" t="s">
        <v>15</v>
      </c>
      <c r="G60233" s="16">
        <v>0</v>
      </c>
    </row>
    <row r="60234" spans="1:7" x14ac:dyDescent="0.3">
      <c r="A60234" s="13" t="s">
        <v>326</v>
      </c>
      <c r="B60234" s="14" t="s">
        <v>1</v>
      </c>
      <c r="C60234" s="14" t="s">
        <v>47</v>
      </c>
      <c r="D60234" s="14" t="s">
        <v>114</v>
      </c>
      <c r="E60234" s="15">
        <v>45385</v>
      </c>
      <c r="F60234" s="14" t="s">
        <v>15</v>
      </c>
      <c r="G60234" s="16">
        <v>0</v>
      </c>
    </row>
    <row r="60235" spans="1:7" x14ac:dyDescent="0.3">
      <c r="A60235" s="13" t="s">
        <v>326</v>
      </c>
      <c r="B60235" s="14" t="s">
        <v>1</v>
      </c>
      <c r="C60235" s="14" t="s">
        <v>47</v>
      </c>
      <c r="D60235" s="14" t="s">
        <v>114</v>
      </c>
      <c r="E60235" s="15">
        <v>45386</v>
      </c>
      <c r="F60235" s="14" t="s">
        <v>15</v>
      </c>
      <c r="G60235" s="16">
        <v>0</v>
      </c>
    </row>
    <row r="60236" spans="1:7" x14ac:dyDescent="0.3">
      <c r="A60236" s="13" t="s">
        <v>326</v>
      </c>
      <c r="B60236" s="14" t="s">
        <v>1</v>
      </c>
      <c r="C60236" s="14" t="s">
        <v>47</v>
      </c>
      <c r="D60236" s="14" t="s">
        <v>114</v>
      </c>
      <c r="E60236" s="15">
        <v>45387</v>
      </c>
      <c r="F60236" s="14" t="s">
        <v>15</v>
      </c>
      <c r="G60236" s="16">
        <v>0</v>
      </c>
    </row>
    <row r="60237" spans="1:7" x14ac:dyDescent="0.3">
      <c r="A60237" s="13" t="s">
        <v>326</v>
      </c>
      <c r="B60237" s="14" t="s">
        <v>1</v>
      </c>
      <c r="C60237" s="14" t="s">
        <v>47</v>
      </c>
      <c r="D60237" s="14" t="s">
        <v>114</v>
      </c>
      <c r="E60237" s="15">
        <v>45388</v>
      </c>
      <c r="F60237" s="14" t="s">
        <v>15</v>
      </c>
      <c r="G60237" s="16">
        <v>0</v>
      </c>
    </row>
    <row r="60238" spans="1:7" x14ac:dyDescent="0.3">
      <c r="A60238" s="13" t="s">
        <v>326</v>
      </c>
      <c r="B60238" s="14" t="s">
        <v>1</v>
      </c>
      <c r="C60238" s="14" t="s">
        <v>47</v>
      </c>
      <c r="D60238" s="14" t="s">
        <v>114</v>
      </c>
      <c r="E60238" s="15">
        <v>45389</v>
      </c>
      <c r="F60238" s="14" t="s">
        <v>15</v>
      </c>
      <c r="G60238" s="16">
        <v>0</v>
      </c>
    </row>
    <row r="60239" spans="1:7" x14ac:dyDescent="0.3">
      <c r="A60239" s="13" t="s">
        <v>326</v>
      </c>
      <c r="B60239" s="14" t="s">
        <v>1</v>
      </c>
      <c r="C60239" s="14" t="s">
        <v>47</v>
      </c>
      <c r="D60239" s="14" t="s">
        <v>114</v>
      </c>
      <c r="E60239" s="15">
        <v>45390</v>
      </c>
      <c r="F60239" s="14" t="s">
        <v>15</v>
      </c>
      <c r="G60239" s="16">
        <v>0</v>
      </c>
    </row>
    <row r="60240" spans="1:7" x14ac:dyDescent="0.3">
      <c r="A60240" s="13" t="s">
        <v>326</v>
      </c>
      <c r="B60240" s="14" t="s">
        <v>1</v>
      </c>
      <c r="C60240" s="14" t="s">
        <v>47</v>
      </c>
      <c r="D60240" s="14" t="s">
        <v>114</v>
      </c>
      <c r="E60240" s="15">
        <v>45391</v>
      </c>
      <c r="F60240" s="14" t="s">
        <v>15</v>
      </c>
      <c r="G60240" s="16">
        <v>0</v>
      </c>
    </row>
    <row r="60241" spans="1:7" x14ac:dyDescent="0.3">
      <c r="A60241" s="13" t="s">
        <v>326</v>
      </c>
      <c r="B60241" s="14" t="s">
        <v>1</v>
      </c>
      <c r="C60241" s="14" t="s">
        <v>47</v>
      </c>
      <c r="D60241" s="14" t="s">
        <v>114</v>
      </c>
      <c r="E60241" s="15">
        <v>45392</v>
      </c>
      <c r="F60241" s="14" t="s">
        <v>15</v>
      </c>
      <c r="G60241" s="16">
        <v>0</v>
      </c>
    </row>
    <row r="60242" spans="1:7" x14ac:dyDescent="0.3">
      <c r="A60242" s="13" t="s">
        <v>326</v>
      </c>
      <c r="B60242" s="14" t="s">
        <v>1</v>
      </c>
      <c r="C60242" s="14" t="s">
        <v>47</v>
      </c>
      <c r="D60242" s="14" t="s">
        <v>114</v>
      </c>
      <c r="E60242" s="15">
        <v>45393</v>
      </c>
      <c r="F60242" s="14" t="s">
        <v>15</v>
      </c>
      <c r="G60242" s="16">
        <v>0</v>
      </c>
    </row>
    <row r="60243" spans="1:7" x14ac:dyDescent="0.3">
      <c r="A60243" s="13" t="s">
        <v>326</v>
      </c>
      <c r="B60243" s="14" t="s">
        <v>1</v>
      </c>
      <c r="C60243" s="14" t="s">
        <v>47</v>
      </c>
      <c r="D60243" s="14" t="s">
        <v>114</v>
      </c>
      <c r="E60243" s="15">
        <v>45394</v>
      </c>
      <c r="F60243" s="14" t="s">
        <v>15</v>
      </c>
      <c r="G60243" s="16">
        <v>0</v>
      </c>
    </row>
    <row r="60244" spans="1:7" x14ac:dyDescent="0.3">
      <c r="A60244" s="13" t="s">
        <v>326</v>
      </c>
      <c r="B60244" s="14" t="s">
        <v>1</v>
      </c>
      <c r="C60244" s="14" t="s">
        <v>47</v>
      </c>
      <c r="D60244" s="14" t="s">
        <v>114</v>
      </c>
      <c r="E60244" s="15">
        <v>45395</v>
      </c>
      <c r="F60244" s="14" t="s">
        <v>15</v>
      </c>
      <c r="G60244" s="16">
        <v>0</v>
      </c>
    </row>
    <row r="60245" spans="1:7" x14ac:dyDescent="0.3">
      <c r="A60245" s="13" t="s">
        <v>326</v>
      </c>
      <c r="B60245" s="14" t="s">
        <v>1</v>
      </c>
      <c r="C60245" s="14" t="s">
        <v>47</v>
      </c>
      <c r="D60245" s="14" t="s">
        <v>114</v>
      </c>
      <c r="E60245" s="15">
        <v>45396</v>
      </c>
      <c r="F60245" s="14" t="s">
        <v>15</v>
      </c>
      <c r="G60245" s="16">
        <v>0</v>
      </c>
    </row>
    <row r="60246" spans="1:7" x14ac:dyDescent="0.3">
      <c r="A60246" s="13" t="s">
        <v>326</v>
      </c>
      <c r="B60246" s="14" t="s">
        <v>1</v>
      </c>
      <c r="C60246" s="14" t="s">
        <v>47</v>
      </c>
      <c r="D60246" s="14" t="s">
        <v>114</v>
      </c>
      <c r="E60246" s="15">
        <v>45397</v>
      </c>
      <c r="F60246" s="14" t="s">
        <v>15</v>
      </c>
      <c r="G60246" s="16">
        <v>0</v>
      </c>
    </row>
    <row r="60247" spans="1:7" x14ac:dyDescent="0.3">
      <c r="A60247" s="13" t="s">
        <v>326</v>
      </c>
      <c r="B60247" s="14" t="s">
        <v>1</v>
      </c>
      <c r="C60247" s="14" t="s">
        <v>47</v>
      </c>
      <c r="D60247" s="14" t="s">
        <v>114</v>
      </c>
      <c r="E60247" s="15">
        <v>45398</v>
      </c>
      <c r="F60247" s="14" t="s">
        <v>15</v>
      </c>
      <c r="G60247" s="16">
        <v>0</v>
      </c>
    </row>
    <row r="60248" spans="1:7" x14ac:dyDescent="0.3">
      <c r="A60248" s="13" t="s">
        <v>326</v>
      </c>
      <c r="B60248" s="14" t="s">
        <v>1</v>
      </c>
      <c r="C60248" s="14" t="s">
        <v>47</v>
      </c>
      <c r="D60248" s="14" t="s">
        <v>114</v>
      </c>
      <c r="E60248" s="15">
        <v>45399</v>
      </c>
      <c r="F60248" s="14" t="s">
        <v>15</v>
      </c>
      <c r="G60248" s="16">
        <v>0</v>
      </c>
    </row>
    <row r="60249" spans="1:7" x14ac:dyDescent="0.3">
      <c r="A60249" s="13" t="s">
        <v>326</v>
      </c>
      <c r="B60249" s="14" t="s">
        <v>1</v>
      </c>
      <c r="C60249" s="14" t="s">
        <v>47</v>
      </c>
      <c r="D60249" s="14" t="s">
        <v>114</v>
      </c>
      <c r="E60249" s="15">
        <v>45400</v>
      </c>
      <c r="F60249" s="14" t="s">
        <v>15</v>
      </c>
      <c r="G60249" s="16">
        <v>0</v>
      </c>
    </row>
    <row r="60250" spans="1:7" x14ac:dyDescent="0.3">
      <c r="A60250" s="13" t="s">
        <v>326</v>
      </c>
      <c r="B60250" s="14" t="s">
        <v>1</v>
      </c>
      <c r="C60250" s="14" t="s">
        <v>47</v>
      </c>
      <c r="D60250" s="14" t="s">
        <v>114</v>
      </c>
      <c r="E60250" s="15">
        <v>45401</v>
      </c>
      <c r="F60250" s="14" t="s">
        <v>15</v>
      </c>
      <c r="G60250" s="16">
        <v>0</v>
      </c>
    </row>
    <row r="60251" spans="1:7" x14ac:dyDescent="0.3">
      <c r="A60251" s="13" t="s">
        <v>326</v>
      </c>
      <c r="B60251" s="14" t="s">
        <v>1</v>
      </c>
      <c r="C60251" s="14" t="s">
        <v>47</v>
      </c>
      <c r="D60251" s="14" t="s">
        <v>114</v>
      </c>
      <c r="E60251" s="15">
        <v>45402</v>
      </c>
      <c r="F60251" s="14" t="s">
        <v>15</v>
      </c>
      <c r="G60251" s="16">
        <v>0</v>
      </c>
    </row>
    <row r="60252" spans="1:7" x14ac:dyDescent="0.3">
      <c r="A60252" s="13" t="s">
        <v>326</v>
      </c>
      <c r="B60252" s="14" t="s">
        <v>1</v>
      </c>
      <c r="C60252" s="14" t="s">
        <v>47</v>
      </c>
      <c r="D60252" s="14" t="s">
        <v>114</v>
      </c>
      <c r="E60252" s="15">
        <v>45403</v>
      </c>
      <c r="F60252" s="14" t="s">
        <v>15</v>
      </c>
      <c r="G60252" s="16">
        <v>0</v>
      </c>
    </row>
    <row r="60253" spans="1:7" x14ac:dyDescent="0.3">
      <c r="A60253" s="13" t="s">
        <v>326</v>
      </c>
      <c r="B60253" s="14" t="s">
        <v>1</v>
      </c>
      <c r="C60253" s="14" t="s">
        <v>47</v>
      </c>
      <c r="D60253" s="14" t="s">
        <v>114</v>
      </c>
      <c r="E60253" s="15">
        <v>45404</v>
      </c>
      <c r="F60253" s="14" t="s">
        <v>15</v>
      </c>
      <c r="G60253" s="16">
        <v>0</v>
      </c>
    </row>
    <row r="60254" spans="1:7" x14ac:dyDescent="0.3">
      <c r="A60254" s="13" t="s">
        <v>326</v>
      </c>
      <c r="B60254" s="14" t="s">
        <v>1</v>
      </c>
      <c r="C60254" s="14" t="s">
        <v>47</v>
      </c>
      <c r="D60254" s="14" t="s">
        <v>114</v>
      </c>
      <c r="E60254" s="15">
        <v>45405</v>
      </c>
      <c r="F60254" s="14" t="s">
        <v>15</v>
      </c>
      <c r="G60254" s="16">
        <v>0</v>
      </c>
    </row>
    <row r="60255" spans="1:7" x14ac:dyDescent="0.3">
      <c r="A60255" s="13" t="s">
        <v>326</v>
      </c>
      <c r="B60255" s="14" t="s">
        <v>1</v>
      </c>
      <c r="C60255" s="14" t="s">
        <v>47</v>
      </c>
      <c r="D60255" s="14" t="s">
        <v>114</v>
      </c>
      <c r="E60255" s="15">
        <v>45406</v>
      </c>
      <c r="F60255" s="14" t="s">
        <v>15</v>
      </c>
      <c r="G60255" s="16">
        <v>0</v>
      </c>
    </row>
    <row r="60256" spans="1:7" x14ac:dyDescent="0.3">
      <c r="A60256" s="13" t="s">
        <v>326</v>
      </c>
      <c r="B60256" s="14" t="s">
        <v>1</v>
      </c>
      <c r="C60256" s="14" t="s">
        <v>47</v>
      </c>
      <c r="D60256" s="14" t="s">
        <v>114</v>
      </c>
      <c r="E60256" s="15">
        <v>45407</v>
      </c>
      <c r="F60256" s="14" t="s">
        <v>15</v>
      </c>
      <c r="G60256" s="16">
        <v>0</v>
      </c>
    </row>
    <row r="60257" spans="1:7" x14ac:dyDescent="0.3">
      <c r="A60257" s="13" t="s">
        <v>326</v>
      </c>
      <c r="B60257" s="14" t="s">
        <v>1</v>
      </c>
      <c r="C60257" s="14" t="s">
        <v>47</v>
      </c>
      <c r="D60257" s="14" t="s">
        <v>114</v>
      </c>
      <c r="E60257" s="15">
        <v>45408</v>
      </c>
      <c r="F60257" s="14" t="s">
        <v>15</v>
      </c>
      <c r="G60257" s="16">
        <v>0</v>
      </c>
    </row>
    <row r="60258" spans="1:7" x14ac:dyDescent="0.3">
      <c r="A60258" s="13" t="s">
        <v>326</v>
      </c>
      <c r="B60258" s="14" t="s">
        <v>1</v>
      </c>
      <c r="C60258" s="14" t="s">
        <v>47</v>
      </c>
      <c r="D60258" s="14" t="s">
        <v>114</v>
      </c>
      <c r="E60258" s="15">
        <v>45409</v>
      </c>
      <c r="F60258" s="14" t="s">
        <v>15</v>
      </c>
      <c r="G60258" s="16">
        <v>0</v>
      </c>
    </row>
    <row r="60259" spans="1:7" x14ac:dyDescent="0.3">
      <c r="A60259" s="13" t="s">
        <v>326</v>
      </c>
      <c r="B60259" s="14" t="s">
        <v>1</v>
      </c>
      <c r="C60259" s="14" t="s">
        <v>47</v>
      </c>
      <c r="D60259" s="14" t="s">
        <v>114</v>
      </c>
      <c r="E60259" s="15">
        <v>45410</v>
      </c>
      <c r="F60259" s="14" t="s">
        <v>15</v>
      </c>
      <c r="G60259" s="16">
        <v>0</v>
      </c>
    </row>
    <row r="60260" spans="1:7" x14ac:dyDescent="0.3">
      <c r="A60260" s="13" t="s">
        <v>326</v>
      </c>
      <c r="B60260" s="14" t="s">
        <v>1</v>
      </c>
      <c r="C60260" s="14" t="s">
        <v>47</v>
      </c>
      <c r="D60260" s="14" t="s">
        <v>114</v>
      </c>
      <c r="E60260" s="15">
        <v>45411</v>
      </c>
      <c r="F60260" s="14" t="s">
        <v>15</v>
      </c>
      <c r="G60260" s="16">
        <v>0</v>
      </c>
    </row>
    <row r="60261" spans="1:7" x14ac:dyDescent="0.3">
      <c r="A60261" s="13" t="s">
        <v>326</v>
      </c>
      <c r="B60261" s="14" t="s">
        <v>1</v>
      </c>
      <c r="C60261" s="14" t="s">
        <v>47</v>
      </c>
      <c r="D60261" s="14" t="s">
        <v>114</v>
      </c>
      <c r="E60261" s="15">
        <v>45412</v>
      </c>
      <c r="F60261" s="14" t="s">
        <v>15</v>
      </c>
      <c r="G60261" s="16">
        <v>0</v>
      </c>
    </row>
    <row r="60262" spans="1:7" x14ac:dyDescent="0.3">
      <c r="A60262" s="13" t="s">
        <v>326</v>
      </c>
      <c r="B60262" s="14" t="s">
        <v>1</v>
      </c>
      <c r="C60262" s="14" t="s">
        <v>47</v>
      </c>
      <c r="D60262" s="14" t="s">
        <v>114</v>
      </c>
      <c r="E60262" s="15">
        <v>45413</v>
      </c>
      <c r="F60262" s="14" t="s">
        <v>15</v>
      </c>
      <c r="G60262" s="16">
        <v>3.231646583875526E-3</v>
      </c>
    </row>
    <row r="60263" spans="1:7" x14ac:dyDescent="0.3">
      <c r="A60263" s="13" t="s">
        <v>326</v>
      </c>
      <c r="B60263" s="14" t="s">
        <v>1</v>
      </c>
      <c r="C60263" s="14" t="s">
        <v>47</v>
      </c>
      <c r="D60263" s="14" t="s">
        <v>114</v>
      </c>
      <c r="E60263" s="15">
        <v>45414</v>
      </c>
      <c r="F60263" s="14" t="s">
        <v>15</v>
      </c>
      <c r="G60263" s="16">
        <v>3.9151667694776512E-3</v>
      </c>
    </row>
    <row r="60264" spans="1:7" x14ac:dyDescent="0.3">
      <c r="A60264" s="13" t="s">
        <v>326</v>
      </c>
      <c r="B60264" s="14" t="s">
        <v>1</v>
      </c>
      <c r="C60264" s="14" t="s">
        <v>47</v>
      </c>
      <c r="D60264" s="14" t="s">
        <v>114</v>
      </c>
      <c r="E60264" s="15">
        <v>45415</v>
      </c>
      <c r="F60264" s="14" t="s">
        <v>15</v>
      </c>
      <c r="G60264" s="16">
        <v>4.3630390185839365E-3</v>
      </c>
    </row>
    <row r="60265" spans="1:7" x14ac:dyDescent="0.3">
      <c r="A60265" s="13" t="s">
        <v>326</v>
      </c>
      <c r="B60265" s="14" t="s">
        <v>1</v>
      </c>
      <c r="C60265" s="14" t="s">
        <v>47</v>
      </c>
      <c r="D60265" s="14" t="s">
        <v>114</v>
      </c>
      <c r="E60265" s="15">
        <v>45416</v>
      </c>
      <c r="F60265" s="14" t="s">
        <v>15</v>
      </c>
      <c r="G60265" s="16">
        <v>4.3630390185839365E-3</v>
      </c>
    </row>
    <row r="60266" spans="1:7" x14ac:dyDescent="0.3">
      <c r="A60266" s="13" t="s">
        <v>326</v>
      </c>
      <c r="B60266" s="14" t="s">
        <v>1</v>
      </c>
      <c r="C60266" s="14" t="s">
        <v>47</v>
      </c>
      <c r="D60266" s="14" t="s">
        <v>114</v>
      </c>
      <c r="E60266" s="15">
        <v>45417</v>
      </c>
      <c r="F60266" s="14" t="s">
        <v>15</v>
      </c>
      <c r="G60266" s="16">
        <v>4.3630390185839365E-3</v>
      </c>
    </row>
    <row r="60267" spans="1:7" x14ac:dyDescent="0.3">
      <c r="A60267" s="13" t="s">
        <v>326</v>
      </c>
      <c r="B60267" s="14" t="s">
        <v>1</v>
      </c>
      <c r="C60267" s="14" t="s">
        <v>47</v>
      </c>
      <c r="D60267" s="14" t="s">
        <v>114</v>
      </c>
      <c r="E60267" s="15">
        <v>45418</v>
      </c>
      <c r="F60267" s="14" t="s">
        <v>15</v>
      </c>
      <c r="G60267" s="16">
        <v>4.3630390185839365E-3</v>
      </c>
    </row>
    <row r="60268" spans="1:7" x14ac:dyDescent="0.3">
      <c r="A60268" s="13" t="s">
        <v>326</v>
      </c>
      <c r="B60268" s="14" t="s">
        <v>1</v>
      </c>
      <c r="C60268" s="14" t="s">
        <v>47</v>
      </c>
      <c r="D60268" s="14" t="s">
        <v>114</v>
      </c>
      <c r="E60268" s="15">
        <v>45419</v>
      </c>
      <c r="F60268" s="14" t="s">
        <v>15</v>
      </c>
      <c r="G60268" s="16">
        <v>2.2345394968737798E-3</v>
      </c>
    </row>
    <row r="60269" spans="1:7" x14ac:dyDescent="0.3">
      <c r="A60269" s="13" t="s">
        <v>326</v>
      </c>
      <c r="B60269" s="14" t="s">
        <v>1</v>
      </c>
      <c r="C60269" s="14" t="s">
        <v>47</v>
      </c>
      <c r="D60269" s="14" t="s">
        <v>114</v>
      </c>
      <c r="E60269" s="15">
        <v>45420</v>
      </c>
      <c r="F60269" s="14" t="s">
        <v>15</v>
      </c>
      <c r="G60269" s="16">
        <v>0</v>
      </c>
    </row>
    <row r="60270" spans="1:7" x14ac:dyDescent="0.3">
      <c r="A60270" s="13" t="s">
        <v>326</v>
      </c>
      <c r="B60270" s="14" t="s">
        <v>1</v>
      </c>
      <c r="C60270" s="14" t="s">
        <v>47</v>
      </c>
      <c r="D60270" s="14" t="s">
        <v>114</v>
      </c>
      <c r="E60270" s="15">
        <v>45421</v>
      </c>
      <c r="F60270" s="14" t="s">
        <v>15</v>
      </c>
      <c r="G60270" s="16">
        <v>0</v>
      </c>
    </row>
    <row r="60271" spans="1:7" x14ac:dyDescent="0.3">
      <c r="A60271" s="13" t="s">
        <v>326</v>
      </c>
      <c r="B60271" s="14" t="s">
        <v>1</v>
      </c>
      <c r="C60271" s="14" t="s">
        <v>47</v>
      </c>
      <c r="D60271" s="14" t="s">
        <v>114</v>
      </c>
      <c r="E60271" s="15">
        <v>45422</v>
      </c>
      <c r="F60271" s="14" t="s">
        <v>15</v>
      </c>
      <c r="G60271" s="16">
        <v>0</v>
      </c>
    </row>
    <row r="60272" spans="1:7" x14ac:dyDescent="0.3">
      <c r="A60272" s="13" t="s">
        <v>326</v>
      </c>
      <c r="B60272" s="14" t="s">
        <v>1</v>
      </c>
      <c r="C60272" s="14" t="s">
        <v>47</v>
      </c>
      <c r="D60272" s="14" t="s">
        <v>114</v>
      </c>
      <c r="E60272" s="15">
        <v>45423</v>
      </c>
      <c r="F60272" s="14" t="s">
        <v>15</v>
      </c>
      <c r="G60272" s="16">
        <v>0</v>
      </c>
    </row>
    <row r="60273" spans="1:7" x14ac:dyDescent="0.3">
      <c r="A60273" s="13" t="s">
        <v>326</v>
      </c>
      <c r="B60273" s="14" t="s">
        <v>1</v>
      </c>
      <c r="C60273" s="14" t="s">
        <v>47</v>
      </c>
      <c r="D60273" s="14" t="s">
        <v>114</v>
      </c>
      <c r="E60273" s="15">
        <v>45424</v>
      </c>
      <c r="F60273" s="14" t="s">
        <v>15</v>
      </c>
      <c r="G60273" s="16">
        <v>0</v>
      </c>
    </row>
    <row r="60274" spans="1:7" x14ac:dyDescent="0.3">
      <c r="A60274" s="13" t="s">
        <v>326</v>
      </c>
      <c r="B60274" s="14" t="s">
        <v>1</v>
      </c>
      <c r="C60274" s="14" t="s">
        <v>47</v>
      </c>
      <c r="D60274" s="14" t="s">
        <v>114</v>
      </c>
      <c r="E60274" s="15">
        <v>45425</v>
      </c>
      <c r="F60274" s="14" t="s">
        <v>15</v>
      </c>
      <c r="G60274" s="16">
        <v>0</v>
      </c>
    </row>
    <row r="60275" spans="1:7" x14ac:dyDescent="0.3">
      <c r="A60275" s="13" t="s">
        <v>326</v>
      </c>
      <c r="B60275" s="14" t="s">
        <v>1</v>
      </c>
      <c r="C60275" s="14" t="s">
        <v>47</v>
      </c>
      <c r="D60275" s="14" t="s">
        <v>114</v>
      </c>
      <c r="E60275" s="15">
        <v>45426</v>
      </c>
      <c r="F60275" s="14" t="s">
        <v>15</v>
      </c>
      <c r="G60275" s="16">
        <v>0</v>
      </c>
    </row>
    <row r="60276" spans="1:7" x14ac:dyDescent="0.3">
      <c r="A60276" s="13" t="s">
        <v>326</v>
      </c>
      <c r="B60276" s="14" t="s">
        <v>1</v>
      </c>
      <c r="C60276" s="14" t="s">
        <v>47</v>
      </c>
      <c r="D60276" s="14" t="s">
        <v>114</v>
      </c>
      <c r="E60276" s="15">
        <v>45427</v>
      </c>
      <c r="F60276" s="14" t="s">
        <v>15</v>
      </c>
      <c r="G60276" s="16">
        <v>0</v>
      </c>
    </row>
    <row r="60277" spans="1:7" x14ac:dyDescent="0.3">
      <c r="A60277" s="13" t="s">
        <v>326</v>
      </c>
      <c r="B60277" s="14" t="s">
        <v>1</v>
      </c>
      <c r="C60277" s="14" t="s">
        <v>47</v>
      </c>
      <c r="D60277" s="14" t="s">
        <v>114</v>
      </c>
      <c r="E60277" s="15">
        <v>45428</v>
      </c>
      <c r="F60277" s="14" t="s">
        <v>15</v>
      </c>
      <c r="G60277" s="16">
        <v>0</v>
      </c>
    </row>
    <row r="60278" spans="1:7" x14ac:dyDescent="0.3">
      <c r="A60278" s="13" t="s">
        <v>326</v>
      </c>
      <c r="B60278" s="14" t="s">
        <v>1</v>
      </c>
      <c r="C60278" s="14" t="s">
        <v>47</v>
      </c>
      <c r="D60278" s="14" t="s">
        <v>114</v>
      </c>
      <c r="E60278" s="15">
        <v>45429</v>
      </c>
      <c r="F60278" s="14" t="s">
        <v>15</v>
      </c>
      <c r="G60278" s="16">
        <v>5.2539553754718986E-3</v>
      </c>
    </row>
    <row r="60279" spans="1:7" x14ac:dyDescent="0.3">
      <c r="A60279" s="13" t="s">
        <v>326</v>
      </c>
      <c r="B60279" s="14" t="s">
        <v>1</v>
      </c>
      <c r="C60279" s="14" t="s">
        <v>47</v>
      </c>
      <c r="D60279" s="14" t="s">
        <v>114</v>
      </c>
      <c r="E60279" s="15">
        <v>45430</v>
      </c>
      <c r="F60279" s="14" t="s">
        <v>15</v>
      </c>
      <c r="G60279" s="16">
        <v>5.2539553754718986E-3</v>
      </c>
    </row>
    <row r="60280" spans="1:7" x14ac:dyDescent="0.3">
      <c r="A60280" s="13" t="s">
        <v>326</v>
      </c>
      <c r="B60280" s="14" t="s">
        <v>1</v>
      </c>
      <c r="C60280" s="14" t="s">
        <v>47</v>
      </c>
      <c r="D60280" s="14" t="s">
        <v>114</v>
      </c>
      <c r="E60280" s="15">
        <v>45431</v>
      </c>
      <c r="F60280" s="14" t="s">
        <v>15</v>
      </c>
      <c r="G60280" s="16">
        <v>5.2539553754718986E-3</v>
      </c>
    </row>
    <row r="60281" spans="1:7" x14ac:dyDescent="0.3">
      <c r="A60281" s="13" t="s">
        <v>326</v>
      </c>
      <c r="B60281" s="14" t="s">
        <v>1</v>
      </c>
      <c r="C60281" s="14" t="s">
        <v>47</v>
      </c>
      <c r="D60281" s="14" t="s">
        <v>114</v>
      </c>
      <c r="E60281" s="15">
        <v>45432</v>
      </c>
      <c r="F60281" s="14" t="s">
        <v>15</v>
      </c>
      <c r="G60281" s="16">
        <v>2.9908568184339912E-3</v>
      </c>
    </row>
    <row r="60282" spans="1:7" x14ac:dyDescent="0.3">
      <c r="A60282" s="13" t="s">
        <v>326</v>
      </c>
      <c r="B60282" s="14" t="s">
        <v>1</v>
      </c>
      <c r="C60282" s="14" t="s">
        <v>47</v>
      </c>
      <c r="D60282" s="14" t="s">
        <v>114</v>
      </c>
      <c r="E60282" s="15">
        <v>45433</v>
      </c>
      <c r="F60282" s="14" t="s">
        <v>15</v>
      </c>
      <c r="G60282" s="16">
        <v>9.4496027111877108E-3</v>
      </c>
    </row>
    <row r="60283" spans="1:7" x14ac:dyDescent="0.3">
      <c r="A60283" s="13" t="s">
        <v>326</v>
      </c>
      <c r="B60283" s="14" t="s">
        <v>1</v>
      </c>
      <c r="C60283" s="14" t="s">
        <v>47</v>
      </c>
      <c r="D60283" s="14" t="s">
        <v>114</v>
      </c>
      <c r="E60283" s="15">
        <v>45434</v>
      </c>
      <c r="F60283" s="14" t="s">
        <v>15</v>
      </c>
      <c r="G60283" s="16">
        <v>5.9161509028650729E-2</v>
      </c>
    </row>
    <row r="60284" spans="1:7" x14ac:dyDescent="0.3">
      <c r="A60284" s="13" t="s">
        <v>326</v>
      </c>
      <c r="B60284" s="14" t="s">
        <v>1</v>
      </c>
      <c r="C60284" s="14" t="s">
        <v>47</v>
      </c>
      <c r="D60284" s="14" t="s">
        <v>114</v>
      </c>
      <c r="E60284" s="15">
        <v>45435</v>
      </c>
      <c r="F60284" s="14" t="s">
        <v>15</v>
      </c>
      <c r="G60284" s="16">
        <v>5.69011513853429E-2</v>
      </c>
    </row>
    <row r="60285" spans="1:7" x14ac:dyDescent="0.3">
      <c r="A60285" s="13" t="s">
        <v>326</v>
      </c>
      <c r="B60285" s="14" t="s">
        <v>1</v>
      </c>
      <c r="C60285" s="14" t="s">
        <v>47</v>
      </c>
      <c r="D60285" s="14" t="s">
        <v>114</v>
      </c>
      <c r="E60285" s="15">
        <v>45436</v>
      </c>
      <c r="F60285" s="14" t="s">
        <v>15</v>
      </c>
      <c r="G60285" s="16">
        <v>5.462066515682977E-2</v>
      </c>
    </row>
    <row r="60286" spans="1:7" x14ac:dyDescent="0.3">
      <c r="A60286" s="13" t="s">
        <v>326</v>
      </c>
      <c r="B60286" s="14" t="s">
        <v>1</v>
      </c>
      <c r="C60286" s="14" t="s">
        <v>47</v>
      </c>
      <c r="D60286" s="14" t="s">
        <v>114</v>
      </c>
      <c r="E60286" s="15">
        <v>45437</v>
      </c>
      <c r="F60286" s="14" t="s">
        <v>15</v>
      </c>
      <c r="G60286" s="16">
        <v>5.462066515682977E-2</v>
      </c>
    </row>
    <row r="60287" spans="1:7" x14ac:dyDescent="0.3">
      <c r="A60287" s="13" t="s">
        <v>326</v>
      </c>
      <c r="B60287" s="14" t="s">
        <v>1</v>
      </c>
      <c r="C60287" s="14" t="s">
        <v>47</v>
      </c>
      <c r="D60287" s="14" t="s">
        <v>114</v>
      </c>
      <c r="E60287" s="15">
        <v>45438</v>
      </c>
      <c r="F60287" s="14" t="s">
        <v>15</v>
      </c>
      <c r="G60287" s="16">
        <v>5.462066515682977E-2</v>
      </c>
    </row>
    <row r="60288" spans="1:7" x14ac:dyDescent="0.3">
      <c r="A60288" s="13" t="s">
        <v>326</v>
      </c>
      <c r="B60288" s="14" t="s">
        <v>1</v>
      </c>
      <c r="C60288" s="14" t="s">
        <v>47</v>
      </c>
      <c r="D60288" s="14" t="s">
        <v>114</v>
      </c>
      <c r="E60288" s="15">
        <v>45439</v>
      </c>
      <c r="F60288" s="14" t="s">
        <v>15</v>
      </c>
      <c r="G60288" s="16">
        <v>5.462066515682977E-2</v>
      </c>
    </row>
    <row r="60289" spans="1:7" x14ac:dyDescent="0.3">
      <c r="A60289" s="13" t="s">
        <v>326</v>
      </c>
      <c r="B60289" s="14" t="s">
        <v>1</v>
      </c>
      <c r="C60289" s="14" t="s">
        <v>47</v>
      </c>
      <c r="D60289" s="14" t="s">
        <v>114</v>
      </c>
      <c r="E60289" s="15">
        <v>45440</v>
      </c>
      <c r="F60289" s="14" t="s">
        <v>15</v>
      </c>
      <c r="G60289" s="16">
        <v>5.2335125368626792E-2</v>
      </c>
    </row>
    <row r="60290" spans="1:7" x14ac:dyDescent="0.3">
      <c r="A60290" s="13" t="s">
        <v>326</v>
      </c>
      <c r="B60290" s="14" t="s">
        <v>1</v>
      </c>
      <c r="C60290" s="14" t="s">
        <v>47</v>
      </c>
      <c r="D60290" s="14" t="s">
        <v>114</v>
      </c>
      <c r="E60290" s="15">
        <v>45441</v>
      </c>
      <c r="F60290" s="14" t="s">
        <v>15</v>
      </c>
      <c r="G60290" s="16">
        <v>9.8527698456661109E-2</v>
      </c>
    </row>
    <row r="60291" spans="1:7" x14ac:dyDescent="0.3">
      <c r="A60291" s="13" t="s">
        <v>326</v>
      </c>
      <c r="B60291" s="14" t="s">
        <v>1</v>
      </c>
      <c r="C60291" s="14" t="s">
        <v>47</v>
      </c>
      <c r="D60291" s="14" t="s">
        <v>114</v>
      </c>
      <c r="E60291" s="15">
        <v>45442</v>
      </c>
      <c r="F60291" s="14" t="s">
        <v>15</v>
      </c>
      <c r="G60291" s="16">
        <v>0.11590889991024818</v>
      </c>
    </row>
    <row r="60292" spans="1:7" x14ac:dyDescent="0.3">
      <c r="A60292" s="13" t="s">
        <v>326</v>
      </c>
      <c r="B60292" s="14" t="s">
        <v>1</v>
      </c>
      <c r="C60292" s="14" t="s">
        <v>47</v>
      </c>
      <c r="D60292" s="14" t="s">
        <v>114</v>
      </c>
      <c r="E60292" s="15">
        <v>45443</v>
      </c>
      <c r="F60292" s="14" t="s">
        <v>15</v>
      </c>
      <c r="G60292" s="16">
        <v>0.11363869210822287</v>
      </c>
    </row>
    <row r="60293" spans="1:7" x14ac:dyDescent="0.3">
      <c r="A60293" s="13" t="s">
        <v>326</v>
      </c>
      <c r="B60293" s="14" t="s">
        <v>1</v>
      </c>
      <c r="C60293" s="14" t="s">
        <v>47</v>
      </c>
      <c r="D60293" s="14" t="s">
        <v>114</v>
      </c>
      <c r="E60293" s="15">
        <v>45444</v>
      </c>
      <c r="F60293" s="14" t="s">
        <v>15</v>
      </c>
      <c r="G60293" s="16">
        <v>0.11363869210822287</v>
      </c>
    </row>
    <row r="60294" spans="1:7" x14ac:dyDescent="0.3">
      <c r="A60294" s="13" t="s">
        <v>326</v>
      </c>
      <c r="B60294" s="14" t="s">
        <v>1</v>
      </c>
      <c r="C60294" s="14" t="s">
        <v>47</v>
      </c>
      <c r="D60294" s="14" t="s">
        <v>114</v>
      </c>
      <c r="E60294" s="15">
        <v>45445</v>
      </c>
      <c r="F60294" s="14" t="s">
        <v>15</v>
      </c>
      <c r="G60294" s="16">
        <v>0.11363869210822287</v>
      </c>
    </row>
    <row r="60295" spans="1:7" x14ac:dyDescent="0.3">
      <c r="A60295" s="13" t="s">
        <v>326</v>
      </c>
      <c r="B60295" s="14" t="s">
        <v>1</v>
      </c>
      <c r="C60295" s="14" t="s">
        <v>47</v>
      </c>
      <c r="D60295" s="14" t="s">
        <v>114</v>
      </c>
      <c r="E60295" s="15">
        <v>45446</v>
      </c>
      <c r="F60295" s="14" t="s">
        <v>15</v>
      </c>
      <c r="G60295" s="16">
        <v>0.11363869210822287</v>
      </c>
    </row>
    <row r="60296" spans="1:7" x14ac:dyDescent="0.3">
      <c r="A60296" s="13" t="s">
        <v>326</v>
      </c>
      <c r="B60296" s="14" t="s">
        <v>1</v>
      </c>
      <c r="C60296" s="14" t="s">
        <v>47</v>
      </c>
      <c r="D60296" s="14" t="s">
        <v>114</v>
      </c>
      <c r="E60296" s="15">
        <v>45447</v>
      </c>
      <c r="F60296" s="14" t="s">
        <v>15</v>
      </c>
      <c r="G60296" s="16">
        <v>0.13980152419233904</v>
      </c>
    </row>
    <row r="60297" spans="1:7" x14ac:dyDescent="0.3">
      <c r="A60297" s="13" t="s">
        <v>326</v>
      </c>
      <c r="B60297" s="14" t="s">
        <v>1</v>
      </c>
      <c r="C60297" s="14" t="s">
        <v>47</v>
      </c>
      <c r="D60297" s="14" t="s">
        <v>114</v>
      </c>
      <c r="E60297" s="15">
        <v>45448</v>
      </c>
      <c r="F60297" s="14" t="s">
        <v>15</v>
      </c>
      <c r="G60297" s="16">
        <v>0.15939310126213127</v>
      </c>
    </row>
    <row r="60298" spans="1:7" x14ac:dyDescent="0.3">
      <c r="A60298" s="13" t="s">
        <v>326</v>
      </c>
      <c r="B60298" s="14" t="s">
        <v>1</v>
      </c>
      <c r="C60298" s="14" t="s">
        <v>47</v>
      </c>
      <c r="D60298" s="14" t="s">
        <v>114</v>
      </c>
      <c r="E60298" s="15">
        <v>45449</v>
      </c>
      <c r="F60298" s="14" t="s">
        <v>15</v>
      </c>
      <c r="G60298" s="16">
        <v>0.15714627688036575</v>
      </c>
    </row>
    <row r="60299" spans="1:7" x14ac:dyDescent="0.3">
      <c r="A60299" s="13" t="s">
        <v>326</v>
      </c>
      <c r="B60299" s="14" t="s">
        <v>1</v>
      </c>
      <c r="C60299" s="14" t="s">
        <v>47</v>
      </c>
      <c r="D60299" s="14" t="s">
        <v>114</v>
      </c>
      <c r="E60299" s="15">
        <v>45450</v>
      </c>
      <c r="F60299" s="14" t="s">
        <v>15</v>
      </c>
      <c r="G60299" s="16">
        <v>0.15485294261874283</v>
      </c>
    </row>
    <row r="60300" spans="1:7" x14ac:dyDescent="0.3">
      <c r="A60300" s="13" t="s">
        <v>326</v>
      </c>
      <c r="B60300" s="14" t="s">
        <v>1</v>
      </c>
      <c r="C60300" s="14" t="s">
        <v>47</v>
      </c>
      <c r="D60300" s="14" t="s">
        <v>114</v>
      </c>
      <c r="E60300" s="15">
        <v>45451</v>
      </c>
      <c r="F60300" s="14" t="s">
        <v>15</v>
      </c>
      <c r="G60300" s="16">
        <v>0.15485294261874283</v>
      </c>
    </row>
    <row r="60301" spans="1:7" x14ac:dyDescent="0.3">
      <c r="A60301" s="13" t="s">
        <v>326</v>
      </c>
      <c r="B60301" s="14" t="s">
        <v>1</v>
      </c>
      <c r="C60301" s="14" t="s">
        <v>47</v>
      </c>
      <c r="D60301" s="14" t="s">
        <v>114</v>
      </c>
      <c r="E60301" s="15">
        <v>45452</v>
      </c>
      <c r="F60301" s="14" t="s">
        <v>15</v>
      </c>
      <c r="G60301" s="16">
        <v>0.15485294261874283</v>
      </c>
    </row>
    <row r="60302" spans="1:7" x14ac:dyDescent="0.3">
      <c r="A60302" s="13" t="s">
        <v>326</v>
      </c>
      <c r="B60302" s="14" t="s">
        <v>1</v>
      </c>
      <c r="C60302" s="14" t="s">
        <v>47</v>
      </c>
      <c r="D60302" s="14" t="s">
        <v>114</v>
      </c>
      <c r="E60302" s="15">
        <v>45453</v>
      </c>
      <c r="F60302" s="14" t="s">
        <v>15</v>
      </c>
      <c r="G60302" s="16">
        <v>0.15257202812245935</v>
      </c>
    </row>
    <row r="60303" spans="1:7" x14ac:dyDescent="0.3">
      <c r="A60303" s="13" t="s">
        <v>326</v>
      </c>
      <c r="B60303" s="14" t="s">
        <v>1</v>
      </c>
      <c r="C60303" s="14" t="s">
        <v>47</v>
      </c>
      <c r="D60303" s="14" t="s">
        <v>114</v>
      </c>
      <c r="E60303" s="15">
        <v>45454</v>
      </c>
      <c r="F60303" s="14" t="s">
        <v>15</v>
      </c>
      <c r="G60303" s="16">
        <v>0.14578054637534427</v>
      </c>
    </row>
    <row r="60304" spans="1:7" x14ac:dyDescent="0.3">
      <c r="A60304" s="13" t="s">
        <v>326</v>
      </c>
      <c r="B60304" s="14" t="s">
        <v>1</v>
      </c>
      <c r="C60304" s="14" t="s">
        <v>47</v>
      </c>
      <c r="D60304" s="14" t="s">
        <v>114</v>
      </c>
      <c r="E60304" s="15">
        <v>45455</v>
      </c>
      <c r="F60304" s="14" t="s">
        <v>15</v>
      </c>
      <c r="G60304" s="16">
        <v>0.14350579788534443</v>
      </c>
    </row>
    <row r="60305" spans="1:7" x14ac:dyDescent="0.3">
      <c r="A60305" s="13" t="s">
        <v>326</v>
      </c>
      <c r="B60305" s="14" t="s">
        <v>1</v>
      </c>
      <c r="C60305" s="14" t="s">
        <v>47</v>
      </c>
      <c r="D60305" s="14" t="s">
        <v>114</v>
      </c>
      <c r="E60305" s="15">
        <v>45456</v>
      </c>
      <c r="F60305" s="14" t="s">
        <v>15</v>
      </c>
      <c r="G60305" s="16">
        <v>0.17331127245937469</v>
      </c>
    </row>
    <row r="60306" spans="1:7" x14ac:dyDescent="0.3">
      <c r="A60306" s="13" t="s">
        <v>326</v>
      </c>
      <c r="B60306" s="14" t="s">
        <v>1</v>
      </c>
      <c r="C60306" s="14" t="s">
        <v>47</v>
      </c>
      <c r="D60306" s="14" t="s">
        <v>114</v>
      </c>
      <c r="E60306" s="15">
        <v>45457</v>
      </c>
      <c r="F60306" s="14" t="s">
        <v>15</v>
      </c>
      <c r="G60306" s="16">
        <v>0.17747054711123209</v>
      </c>
    </row>
    <row r="60307" spans="1:7" x14ac:dyDescent="0.3">
      <c r="A60307" s="13" t="s">
        <v>326</v>
      </c>
      <c r="B60307" s="14" t="s">
        <v>1</v>
      </c>
      <c r="C60307" s="14" t="s">
        <v>47</v>
      </c>
      <c r="D60307" s="14" t="s">
        <v>114</v>
      </c>
      <c r="E60307" s="15">
        <v>45458</v>
      </c>
      <c r="F60307" s="14" t="s">
        <v>15</v>
      </c>
      <c r="G60307" s="16">
        <v>0.17747054711123209</v>
      </c>
    </row>
    <row r="60308" spans="1:7" x14ac:dyDescent="0.3">
      <c r="A60308" s="13" t="s">
        <v>326</v>
      </c>
      <c r="B60308" s="14" t="s">
        <v>1</v>
      </c>
      <c r="C60308" s="14" t="s">
        <v>47</v>
      </c>
      <c r="D60308" s="14" t="s">
        <v>114</v>
      </c>
      <c r="E60308" s="15">
        <v>45459</v>
      </c>
      <c r="F60308" s="14" t="s">
        <v>15</v>
      </c>
      <c r="G60308" s="16">
        <v>0.17747054711123209</v>
      </c>
    </row>
    <row r="60309" spans="1:7" x14ac:dyDescent="0.3">
      <c r="A60309" s="13" t="s">
        <v>326</v>
      </c>
      <c r="B60309" s="14" t="s">
        <v>1</v>
      </c>
      <c r="C60309" s="14" t="s">
        <v>47</v>
      </c>
      <c r="D60309" s="14" t="s">
        <v>114</v>
      </c>
      <c r="E60309" s="15">
        <v>45460</v>
      </c>
      <c r="F60309" s="14" t="s">
        <v>15</v>
      </c>
      <c r="G60309" s="16">
        <v>0.17631287219380934</v>
      </c>
    </row>
    <row r="60310" spans="1:7" x14ac:dyDescent="0.3">
      <c r="A60310" s="13" t="s">
        <v>326</v>
      </c>
      <c r="B60310" s="14" t="s">
        <v>1</v>
      </c>
      <c r="C60310" s="14" t="s">
        <v>47</v>
      </c>
      <c r="D60310" s="14" t="s">
        <v>114</v>
      </c>
      <c r="E60310" s="15">
        <v>45461</v>
      </c>
      <c r="F60310" s="14" t="s">
        <v>15</v>
      </c>
      <c r="G60310" s="16">
        <v>0.17724826449930453</v>
      </c>
    </row>
    <row r="60311" spans="1:7" x14ac:dyDescent="0.3">
      <c r="A60311" s="13" t="s">
        <v>326</v>
      </c>
      <c r="B60311" s="14" t="s">
        <v>1</v>
      </c>
      <c r="C60311" s="14" t="s">
        <v>47</v>
      </c>
      <c r="D60311" s="14" t="s">
        <v>114</v>
      </c>
      <c r="E60311" s="15">
        <v>45462</v>
      </c>
      <c r="F60311" s="14" t="s">
        <v>15</v>
      </c>
      <c r="G60311" s="16">
        <v>0.17724826449930453</v>
      </c>
    </row>
    <row r="60312" spans="1:7" x14ac:dyDescent="0.3">
      <c r="A60312" s="13" t="s">
        <v>326</v>
      </c>
      <c r="B60312" s="14" t="s">
        <v>1</v>
      </c>
      <c r="C60312" s="14" t="s">
        <v>47</v>
      </c>
      <c r="D60312" s="14" t="s">
        <v>114</v>
      </c>
      <c r="E60312" s="15">
        <v>45463</v>
      </c>
      <c r="F60312" s="14" t="s">
        <v>15</v>
      </c>
      <c r="G60312" s="16">
        <v>0.21508395786133785</v>
      </c>
    </row>
    <row r="60313" spans="1:7" x14ac:dyDescent="0.3">
      <c r="A60313" s="13" t="s">
        <v>326</v>
      </c>
      <c r="B60313" s="14" t="s">
        <v>1</v>
      </c>
      <c r="C60313" s="14" t="s">
        <v>47</v>
      </c>
      <c r="D60313" s="14" t="s">
        <v>114</v>
      </c>
      <c r="E60313" s="15">
        <v>45464</v>
      </c>
      <c r="F60313" s="14" t="s">
        <v>15</v>
      </c>
      <c r="G60313" s="16">
        <v>0.21053303598311501</v>
      </c>
    </row>
    <row r="60314" spans="1:7" x14ac:dyDescent="0.3">
      <c r="A60314" s="13" t="s">
        <v>326</v>
      </c>
      <c r="B60314" s="14" t="s">
        <v>1</v>
      </c>
      <c r="C60314" s="14" t="s">
        <v>47</v>
      </c>
      <c r="D60314" s="14" t="s">
        <v>114</v>
      </c>
      <c r="E60314" s="15">
        <v>45465</v>
      </c>
      <c r="F60314" s="14" t="s">
        <v>15</v>
      </c>
      <c r="G60314" s="16">
        <v>0.21053303598311501</v>
      </c>
    </row>
    <row r="60315" spans="1:7" x14ac:dyDescent="0.3">
      <c r="A60315" s="13" t="s">
        <v>326</v>
      </c>
      <c r="B60315" s="14" t="s">
        <v>1</v>
      </c>
      <c r="C60315" s="14" t="s">
        <v>47</v>
      </c>
      <c r="D60315" s="14" t="s">
        <v>114</v>
      </c>
      <c r="E60315" s="15">
        <v>45466</v>
      </c>
      <c r="F60315" s="14" t="s">
        <v>15</v>
      </c>
      <c r="G60315" s="16">
        <v>0.21053303598311501</v>
      </c>
    </row>
    <row r="60316" spans="1:7" x14ac:dyDescent="0.3">
      <c r="A60316" s="13" t="s">
        <v>326</v>
      </c>
      <c r="B60316" s="14" t="s">
        <v>1</v>
      </c>
      <c r="C60316" s="14" t="s">
        <v>47</v>
      </c>
      <c r="D60316" s="14" t="s">
        <v>114</v>
      </c>
      <c r="E60316" s="15">
        <v>45467</v>
      </c>
      <c r="F60316" s="14" t="s">
        <v>15</v>
      </c>
      <c r="G60316" s="16">
        <v>0.21134979289945696</v>
      </c>
    </row>
    <row r="60317" spans="1:7" x14ac:dyDescent="0.3">
      <c r="A60317" s="13" t="s">
        <v>326</v>
      </c>
      <c r="B60317" s="14" t="s">
        <v>1</v>
      </c>
      <c r="C60317" s="14" t="s">
        <v>47</v>
      </c>
      <c r="D60317" s="14" t="s">
        <v>114</v>
      </c>
      <c r="E60317" s="15">
        <v>45468</v>
      </c>
      <c r="F60317" s="14" t="s">
        <v>15</v>
      </c>
      <c r="G60317" s="16">
        <v>0.20780395095424378</v>
      </c>
    </row>
    <row r="60318" spans="1:7" x14ac:dyDescent="0.3">
      <c r="A60318" s="13" t="s">
        <v>326</v>
      </c>
      <c r="B60318" s="14" t="s">
        <v>1</v>
      </c>
      <c r="C60318" s="14" t="s">
        <v>47</v>
      </c>
      <c r="D60318" s="14" t="s">
        <v>114</v>
      </c>
      <c r="E60318" s="15">
        <v>45469</v>
      </c>
      <c r="F60318" s="14" t="s">
        <v>15</v>
      </c>
      <c r="G60318" s="16">
        <v>0.20559401677916742</v>
      </c>
    </row>
    <row r="60319" spans="1:7" x14ac:dyDescent="0.3">
      <c r="A60319" s="13" t="s">
        <v>326</v>
      </c>
      <c r="B60319" s="14" t="s">
        <v>1</v>
      </c>
      <c r="C60319" s="14" t="s">
        <v>47</v>
      </c>
      <c r="D60319" s="14" t="s">
        <v>114</v>
      </c>
      <c r="E60319" s="15">
        <v>45470</v>
      </c>
      <c r="F60319" s="14" t="s">
        <v>15</v>
      </c>
      <c r="G60319" s="16">
        <v>0.20338923771067377</v>
      </c>
    </row>
    <row r="60320" spans="1:7" x14ac:dyDescent="0.3">
      <c r="A60320" s="13" t="s">
        <v>326</v>
      </c>
      <c r="B60320" s="14" t="s">
        <v>1</v>
      </c>
      <c r="C60320" s="14" t="s">
        <v>47</v>
      </c>
      <c r="D60320" s="14" t="s">
        <v>114</v>
      </c>
      <c r="E60320" s="15">
        <v>45471</v>
      </c>
      <c r="F60320" s="14" t="s">
        <v>15</v>
      </c>
      <c r="G60320" s="16">
        <v>0.20118891189733026</v>
      </c>
    </row>
    <row r="60321" spans="1:7" x14ac:dyDescent="0.3">
      <c r="A60321" s="13" t="s">
        <v>326</v>
      </c>
      <c r="B60321" s="14" t="s">
        <v>1</v>
      </c>
      <c r="C60321" s="14" t="s">
        <v>47</v>
      </c>
      <c r="D60321" s="14" t="s">
        <v>114</v>
      </c>
      <c r="E60321" s="15">
        <v>45472</v>
      </c>
      <c r="F60321" s="14" t="s">
        <v>15</v>
      </c>
      <c r="G60321" s="16">
        <v>0.20118891189733026</v>
      </c>
    </row>
    <row r="60322" spans="1:7" x14ac:dyDescent="0.3">
      <c r="A60322" s="13" t="s">
        <v>326</v>
      </c>
      <c r="B60322" s="14" t="s">
        <v>1</v>
      </c>
      <c r="C60322" s="14" t="s">
        <v>47</v>
      </c>
      <c r="D60322" s="14" t="s">
        <v>114</v>
      </c>
      <c r="E60322" s="15">
        <v>45473</v>
      </c>
      <c r="F60322" s="14" t="s">
        <v>15</v>
      </c>
      <c r="G60322" s="16">
        <v>0.20118891189733026</v>
      </c>
    </row>
    <row r="60323" spans="1:7" x14ac:dyDescent="0.3">
      <c r="A60323" s="13" t="s">
        <v>326</v>
      </c>
      <c r="B60323" s="14" t="s">
        <v>1</v>
      </c>
      <c r="C60323" s="14" t="s">
        <v>47</v>
      </c>
      <c r="D60323" s="14" t="s">
        <v>114</v>
      </c>
      <c r="E60323" s="15">
        <v>45474</v>
      </c>
      <c r="F60323" s="14" t="s">
        <v>15</v>
      </c>
      <c r="G60323" s="16">
        <v>0.20827316632788667</v>
      </c>
    </row>
    <row r="60324" spans="1:7" x14ac:dyDescent="0.3">
      <c r="A60324" s="13" t="s">
        <v>326</v>
      </c>
      <c r="B60324" s="14" t="s">
        <v>1</v>
      </c>
      <c r="C60324" s="14" t="s">
        <v>47</v>
      </c>
      <c r="D60324" s="14" t="s">
        <v>114</v>
      </c>
      <c r="E60324" s="15">
        <v>45475</v>
      </c>
      <c r="F60324" s="14" t="s">
        <v>15</v>
      </c>
      <c r="G60324" s="16">
        <v>0.20298890423006444</v>
      </c>
    </row>
    <row r="60325" spans="1:7" x14ac:dyDescent="0.3">
      <c r="A60325" s="13" t="s">
        <v>326</v>
      </c>
      <c r="B60325" s="14" t="s">
        <v>1</v>
      </c>
      <c r="C60325" s="14" t="s">
        <v>47</v>
      </c>
      <c r="D60325" s="14" t="s">
        <v>114</v>
      </c>
      <c r="E60325" s="15">
        <v>45476</v>
      </c>
      <c r="F60325" s="14" t="s">
        <v>15</v>
      </c>
      <c r="G60325" s="16">
        <v>0.21211560417011696</v>
      </c>
    </row>
    <row r="60326" spans="1:7" x14ac:dyDescent="0.3">
      <c r="A60326" s="13" t="s">
        <v>326</v>
      </c>
      <c r="B60326" s="14" t="s">
        <v>1</v>
      </c>
      <c r="C60326" s="14" t="s">
        <v>47</v>
      </c>
      <c r="D60326" s="14" t="s">
        <v>114</v>
      </c>
      <c r="E60326" s="15">
        <v>45477</v>
      </c>
      <c r="F60326" s="14" t="s">
        <v>15</v>
      </c>
      <c r="G60326" s="16">
        <v>0.21211560417011696</v>
      </c>
    </row>
    <row r="60327" spans="1:7" x14ac:dyDescent="0.3">
      <c r="A60327" s="13" t="s">
        <v>326</v>
      </c>
      <c r="B60327" s="14" t="s">
        <v>1</v>
      </c>
      <c r="C60327" s="14" t="s">
        <v>47</v>
      </c>
      <c r="D60327" s="14" t="s">
        <v>114</v>
      </c>
      <c r="E60327" s="15">
        <v>45478</v>
      </c>
      <c r="F60327" s="14" t="s">
        <v>15</v>
      </c>
      <c r="G60327" s="16">
        <v>0.20991436486853754</v>
      </c>
    </row>
    <row r="60328" spans="1:7" x14ac:dyDescent="0.3">
      <c r="A60328" s="13" t="s">
        <v>326</v>
      </c>
      <c r="B60328" s="14" t="s">
        <v>1</v>
      </c>
      <c r="C60328" s="14" t="s">
        <v>47</v>
      </c>
      <c r="D60328" s="14" t="s">
        <v>114</v>
      </c>
      <c r="E60328" s="15">
        <v>45479</v>
      </c>
      <c r="F60328" s="14" t="s">
        <v>15</v>
      </c>
      <c r="G60328" s="16">
        <v>0.20991436486853754</v>
      </c>
    </row>
    <row r="60329" spans="1:7" x14ac:dyDescent="0.3">
      <c r="A60329" s="13" t="s">
        <v>326</v>
      </c>
      <c r="B60329" s="14" t="s">
        <v>1</v>
      </c>
      <c r="C60329" s="14" t="s">
        <v>47</v>
      </c>
      <c r="D60329" s="14" t="s">
        <v>114</v>
      </c>
      <c r="E60329" s="15">
        <v>45480</v>
      </c>
      <c r="F60329" s="14" t="s">
        <v>15</v>
      </c>
      <c r="G60329" s="16">
        <v>0.20991436486853754</v>
      </c>
    </row>
    <row r="60330" spans="1:7" x14ac:dyDescent="0.3">
      <c r="A60330" s="13" t="s">
        <v>326</v>
      </c>
      <c r="B60330" s="14" t="s">
        <v>1</v>
      </c>
      <c r="C60330" s="14" t="s">
        <v>47</v>
      </c>
      <c r="D60330" s="14" t="s">
        <v>114</v>
      </c>
      <c r="E60330" s="15">
        <v>45481</v>
      </c>
      <c r="F60330" s="14" t="s">
        <v>15</v>
      </c>
      <c r="G60330" s="16">
        <v>0.20544082358009766</v>
      </c>
    </row>
    <row r="60331" spans="1:7" x14ac:dyDescent="0.3">
      <c r="A60331" s="13" t="s">
        <v>326</v>
      </c>
      <c r="B60331" s="14" t="s">
        <v>1</v>
      </c>
      <c r="C60331" s="14" t="s">
        <v>47</v>
      </c>
      <c r="D60331" s="14" t="s">
        <v>114</v>
      </c>
      <c r="E60331" s="15">
        <v>45482</v>
      </c>
      <c r="F60331" s="14" t="s">
        <v>15</v>
      </c>
      <c r="G60331" s="16">
        <v>0.19870320169892064</v>
      </c>
    </row>
    <row r="60332" spans="1:7" x14ac:dyDescent="0.3">
      <c r="A60332" s="13" t="s">
        <v>326</v>
      </c>
      <c r="B60332" s="14" t="s">
        <v>1</v>
      </c>
      <c r="C60332" s="14" t="s">
        <v>47</v>
      </c>
      <c r="D60332" s="14" t="s">
        <v>114</v>
      </c>
      <c r="E60332" s="15">
        <v>45483</v>
      </c>
      <c r="F60332" s="14" t="s">
        <v>15</v>
      </c>
      <c r="G60332" s="16">
        <v>0.19643447845391232</v>
      </c>
    </row>
    <row r="60333" spans="1:7" x14ac:dyDescent="0.3">
      <c r="A60333" s="13" t="s">
        <v>326</v>
      </c>
      <c r="B60333" s="14" t="s">
        <v>1</v>
      </c>
      <c r="C60333" s="14" t="s">
        <v>47</v>
      </c>
      <c r="D60333" s="14" t="s">
        <v>114</v>
      </c>
      <c r="E60333" s="15">
        <v>45484</v>
      </c>
      <c r="F60333" s="14" t="s">
        <v>15</v>
      </c>
      <c r="G60333" s="16">
        <v>0.19418391078759295</v>
      </c>
    </row>
    <row r="60334" spans="1:7" x14ac:dyDescent="0.3">
      <c r="A60334" s="13" t="s">
        <v>326</v>
      </c>
      <c r="B60334" s="14" t="s">
        <v>1</v>
      </c>
      <c r="C60334" s="14" t="s">
        <v>47</v>
      </c>
      <c r="D60334" s="14" t="s">
        <v>114</v>
      </c>
      <c r="E60334" s="15">
        <v>45485</v>
      </c>
      <c r="F60334" s="14" t="s">
        <v>15</v>
      </c>
      <c r="G60334" s="16">
        <v>0.1919002291727214</v>
      </c>
    </row>
    <row r="60335" spans="1:7" x14ac:dyDescent="0.3">
      <c r="A60335" s="13" t="s">
        <v>326</v>
      </c>
      <c r="B60335" s="14" t="s">
        <v>1</v>
      </c>
      <c r="C60335" s="14" t="s">
        <v>47</v>
      </c>
      <c r="D60335" s="14" t="s">
        <v>114</v>
      </c>
      <c r="E60335" s="15">
        <v>45486</v>
      </c>
      <c r="F60335" s="14" t="s">
        <v>15</v>
      </c>
      <c r="G60335" s="16">
        <v>0.1919002291727214</v>
      </c>
    </row>
    <row r="60336" spans="1:7" x14ac:dyDescent="0.3">
      <c r="A60336" s="13" t="s">
        <v>326</v>
      </c>
      <c r="B60336" s="14" t="s">
        <v>1</v>
      </c>
      <c r="C60336" s="14" t="s">
        <v>47</v>
      </c>
      <c r="D60336" s="14" t="s">
        <v>114</v>
      </c>
      <c r="E60336" s="15">
        <v>45487</v>
      </c>
      <c r="F60336" s="14" t="s">
        <v>15</v>
      </c>
      <c r="G60336" s="16">
        <v>0.1919002291727214</v>
      </c>
    </row>
    <row r="60337" spans="1:7" x14ac:dyDescent="0.3">
      <c r="A60337" s="13" t="s">
        <v>326</v>
      </c>
      <c r="B60337" s="14" t="s">
        <v>1</v>
      </c>
      <c r="C60337" s="14" t="s">
        <v>47</v>
      </c>
      <c r="D60337" s="14" t="s">
        <v>114</v>
      </c>
      <c r="E60337" s="15">
        <v>45488</v>
      </c>
      <c r="F60337" s="14" t="s">
        <v>15</v>
      </c>
      <c r="G60337" s="16">
        <v>0.19283042754388871</v>
      </c>
    </row>
    <row r="60338" spans="1:7" x14ac:dyDescent="0.3">
      <c r="A60338" s="13" t="s">
        <v>326</v>
      </c>
      <c r="B60338" s="14" t="s">
        <v>1</v>
      </c>
      <c r="C60338" s="14" t="s">
        <v>47</v>
      </c>
      <c r="D60338" s="14" t="s">
        <v>114</v>
      </c>
      <c r="E60338" s="15">
        <v>45489</v>
      </c>
      <c r="F60338" s="14" t="s">
        <v>15</v>
      </c>
      <c r="G60338" s="16">
        <v>0.18585370011695865</v>
      </c>
    </row>
    <row r="60339" spans="1:7" x14ac:dyDescent="0.3">
      <c r="A60339" s="13" t="s">
        <v>326</v>
      </c>
      <c r="B60339" s="14" t="s">
        <v>1</v>
      </c>
      <c r="C60339" s="14" t="s">
        <v>47</v>
      </c>
      <c r="D60339" s="14" t="s">
        <v>114</v>
      </c>
      <c r="E60339" s="15">
        <v>45490</v>
      </c>
      <c r="F60339" s="14" t="s">
        <v>15</v>
      </c>
      <c r="G60339" s="16">
        <v>0.18354603943589407</v>
      </c>
    </row>
    <row r="60340" spans="1:7" x14ac:dyDescent="0.3">
      <c r="A60340" s="13" t="s">
        <v>326</v>
      </c>
      <c r="B60340" s="14" t="s">
        <v>1</v>
      </c>
      <c r="C60340" s="14" t="s">
        <v>47</v>
      </c>
      <c r="D60340" s="14" t="s">
        <v>114</v>
      </c>
      <c r="E60340" s="15">
        <v>45491</v>
      </c>
      <c r="F60340" s="14" t="s">
        <v>15</v>
      </c>
      <c r="G60340" s="16">
        <v>0.18120583573642471</v>
      </c>
    </row>
    <row r="60341" spans="1:7" x14ac:dyDescent="0.3">
      <c r="A60341" s="13" t="s">
        <v>326</v>
      </c>
      <c r="B60341" s="14" t="s">
        <v>1</v>
      </c>
      <c r="C60341" s="14" t="s">
        <v>47</v>
      </c>
      <c r="D60341" s="14" t="s">
        <v>114</v>
      </c>
      <c r="E60341" s="15">
        <v>45492</v>
      </c>
      <c r="F60341" s="14" t="s">
        <v>15</v>
      </c>
      <c r="G60341" s="16">
        <v>0.17893174574803034</v>
      </c>
    </row>
    <row r="60342" spans="1:7" x14ac:dyDescent="0.3">
      <c r="A60342" s="13" t="s">
        <v>326</v>
      </c>
      <c r="B60342" s="14" t="s">
        <v>1</v>
      </c>
      <c r="C60342" s="14" t="s">
        <v>47</v>
      </c>
      <c r="D60342" s="14" t="s">
        <v>114</v>
      </c>
      <c r="E60342" s="15">
        <v>45493</v>
      </c>
      <c r="F60342" s="14" t="s">
        <v>15</v>
      </c>
      <c r="G60342" s="16">
        <v>0.17893174574803034</v>
      </c>
    </row>
    <row r="60343" spans="1:7" x14ac:dyDescent="0.3">
      <c r="A60343" s="13" t="s">
        <v>326</v>
      </c>
      <c r="B60343" s="14" t="s">
        <v>1</v>
      </c>
      <c r="C60343" s="14" t="s">
        <v>47</v>
      </c>
      <c r="D60343" s="14" t="s">
        <v>114</v>
      </c>
      <c r="E60343" s="15">
        <v>45494</v>
      </c>
      <c r="F60343" s="14" t="s">
        <v>15</v>
      </c>
      <c r="G60343" s="16">
        <v>0.17893174574803034</v>
      </c>
    </row>
    <row r="60344" spans="1:7" x14ac:dyDescent="0.3">
      <c r="A60344" s="13" t="s">
        <v>326</v>
      </c>
      <c r="B60344" s="14" t="s">
        <v>1</v>
      </c>
      <c r="C60344" s="14" t="s">
        <v>47</v>
      </c>
      <c r="D60344" s="14" t="s">
        <v>114</v>
      </c>
      <c r="E60344" s="15">
        <v>45495</v>
      </c>
      <c r="F60344" s="14" t="s">
        <v>15</v>
      </c>
      <c r="G60344" s="16">
        <v>0.17669579389348578</v>
      </c>
    </row>
    <row r="60345" spans="1:7" x14ac:dyDescent="0.3">
      <c r="A60345" s="13" t="s">
        <v>326</v>
      </c>
      <c r="B60345" s="14" t="s">
        <v>1</v>
      </c>
      <c r="C60345" s="14" t="s">
        <v>47</v>
      </c>
      <c r="D60345" s="14" t="s">
        <v>114</v>
      </c>
      <c r="E60345" s="15">
        <v>45496</v>
      </c>
      <c r="F60345" s="14" t="s">
        <v>15</v>
      </c>
      <c r="G60345" s="16">
        <v>0.17009991232098354</v>
      </c>
    </row>
    <row r="60346" spans="1:7" x14ac:dyDescent="0.3">
      <c r="A60346" s="13" t="s">
        <v>326</v>
      </c>
      <c r="B60346" s="14" t="s">
        <v>1</v>
      </c>
      <c r="C60346" s="14" t="s">
        <v>47</v>
      </c>
      <c r="D60346" s="14" t="s">
        <v>114</v>
      </c>
      <c r="E60346" s="15">
        <v>45497</v>
      </c>
      <c r="F60346" s="14" t="s">
        <v>15</v>
      </c>
      <c r="G60346" s="16">
        <v>0.16787476566321333</v>
      </c>
    </row>
    <row r="60347" spans="1:7" x14ac:dyDescent="0.3">
      <c r="A60347" s="13" t="s">
        <v>326</v>
      </c>
      <c r="B60347" s="14" t="s">
        <v>1</v>
      </c>
      <c r="C60347" s="14" t="s">
        <v>47</v>
      </c>
      <c r="D60347" s="14" t="s">
        <v>114</v>
      </c>
      <c r="E60347" s="15">
        <v>45498</v>
      </c>
      <c r="F60347" s="14" t="s">
        <v>15</v>
      </c>
      <c r="G60347" s="16">
        <v>0.16566264583791027</v>
      </c>
    </row>
    <row r="60348" spans="1:7" x14ac:dyDescent="0.3">
      <c r="A60348" s="13" t="s">
        <v>326</v>
      </c>
      <c r="B60348" s="14" t="s">
        <v>1</v>
      </c>
      <c r="C60348" s="14" t="s">
        <v>47</v>
      </c>
      <c r="D60348" s="14" t="s">
        <v>114</v>
      </c>
      <c r="E60348" s="15">
        <v>45499</v>
      </c>
      <c r="F60348" s="14" t="s">
        <v>15</v>
      </c>
      <c r="G60348" s="16">
        <v>0.16350565742858417</v>
      </c>
    </row>
    <row r="60349" spans="1:7" x14ac:dyDescent="0.3">
      <c r="A60349" s="13" t="s">
        <v>326</v>
      </c>
      <c r="B60349" s="14" t="s">
        <v>1</v>
      </c>
      <c r="C60349" s="14" t="s">
        <v>47</v>
      </c>
      <c r="D60349" s="14" t="s">
        <v>114</v>
      </c>
      <c r="E60349" s="15">
        <v>45500</v>
      </c>
      <c r="F60349" s="14" t="s">
        <v>15</v>
      </c>
      <c r="G60349" s="16">
        <v>0.16350565742858417</v>
      </c>
    </row>
    <row r="60350" spans="1:7" x14ac:dyDescent="0.3">
      <c r="A60350" s="13" t="s">
        <v>326</v>
      </c>
      <c r="B60350" s="14" t="s">
        <v>1</v>
      </c>
      <c r="C60350" s="14" t="s">
        <v>47</v>
      </c>
      <c r="D60350" s="14" t="s">
        <v>114</v>
      </c>
      <c r="E60350" s="15">
        <v>45501</v>
      </c>
      <c r="F60350" s="14" t="s">
        <v>15</v>
      </c>
      <c r="G60350" s="16">
        <v>0.16350565742858417</v>
      </c>
    </row>
    <row r="60351" spans="1:7" x14ac:dyDescent="0.3">
      <c r="A60351" s="13" t="s">
        <v>326</v>
      </c>
      <c r="B60351" s="14" t="s">
        <v>1</v>
      </c>
      <c r="C60351" s="14" t="s">
        <v>47</v>
      </c>
      <c r="D60351" s="14" t="s">
        <v>114</v>
      </c>
      <c r="E60351" s="15">
        <v>45502</v>
      </c>
      <c r="F60351" s="14" t="s">
        <v>15</v>
      </c>
      <c r="G60351" s="16">
        <v>0.16140193945916834</v>
      </c>
    </row>
    <row r="60352" spans="1:7" x14ac:dyDescent="0.3">
      <c r="A60352" s="13" t="s">
        <v>326</v>
      </c>
      <c r="B60352" s="14" t="s">
        <v>1</v>
      </c>
      <c r="C60352" s="14" t="s">
        <v>47</v>
      </c>
      <c r="D60352" s="14" t="s">
        <v>114</v>
      </c>
      <c r="E60352" s="15">
        <v>45503</v>
      </c>
      <c r="F60352" s="14" t="s">
        <v>15</v>
      </c>
      <c r="G60352" s="16">
        <v>0.15500460077078576</v>
      </c>
    </row>
    <row r="60353" spans="1:7" x14ac:dyDescent="0.3">
      <c r="A60353" s="13" t="s">
        <v>326</v>
      </c>
      <c r="B60353" s="14" t="s">
        <v>1</v>
      </c>
      <c r="C60353" s="14" t="s">
        <v>47</v>
      </c>
      <c r="D60353" s="14" t="s">
        <v>114</v>
      </c>
      <c r="E60353" s="15">
        <v>45504</v>
      </c>
      <c r="F60353" s="14" t="s">
        <v>15</v>
      </c>
      <c r="G60353" s="16">
        <v>0.15287424758141477</v>
      </c>
    </row>
    <row r="60354" spans="1:7" x14ac:dyDescent="0.3">
      <c r="A60354" s="13" t="s">
        <v>326</v>
      </c>
      <c r="B60354" s="14" t="s">
        <v>1</v>
      </c>
      <c r="C60354" s="14" t="s">
        <v>47</v>
      </c>
      <c r="D60354" s="14" t="s">
        <v>114</v>
      </c>
      <c r="E60354" s="15">
        <v>45505</v>
      </c>
      <c r="F60354" s="14" t="s">
        <v>15</v>
      </c>
      <c r="G60354" s="16">
        <v>0.1507765777842158</v>
      </c>
    </row>
    <row r="60355" spans="1:7" x14ac:dyDescent="0.3">
      <c r="A60355" s="13" t="s">
        <v>326</v>
      </c>
      <c r="B60355" s="14" t="s">
        <v>1</v>
      </c>
      <c r="C60355" s="14" t="s">
        <v>47</v>
      </c>
      <c r="D60355" s="14" t="s">
        <v>114</v>
      </c>
      <c r="E60355" s="15">
        <v>45506</v>
      </c>
      <c r="F60355" s="14" t="s">
        <v>15</v>
      </c>
      <c r="G60355" s="16">
        <v>0.14811107766465478</v>
      </c>
    </row>
    <row r="60356" spans="1:7" x14ac:dyDescent="0.3">
      <c r="A60356" s="13" t="s">
        <v>326</v>
      </c>
      <c r="B60356" s="14" t="s">
        <v>1</v>
      </c>
      <c r="C60356" s="14" t="s">
        <v>47</v>
      </c>
      <c r="D60356" s="14" t="s">
        <v>114</v>
      </c>
      <c r="E60356" s="15">
        <v>45507</v>
      </c>
      <c r="F60356" s="14" t="s">
        <v>15</v>
      </c>
      <c r="G60356" s="16">
        <v>0.14811107766465478</v>
      </c>
    </row>
    <row r="60357" spans="1:7" x14ac:dyDescent="0.3">
      <c r="A60357" s="13" t="s">
        <v>326</v>
      </c>
      <c r="B60357" s="14" t="s">
        <v>1</v>
      </c>
      <c r="C60357" s="14" t="s">
        <v>47</v>
      </c>
      <c r="D60357" s="14" t="s">
        <v>114</v>
      </c>
      <c r="E60357" s="15">
        <v>45508</v>
      </c>
      <c r="F60357" s="14" t="s">
        <v>15</v>
      </c>
      <c r="G60357" s="16">
        <v>0.14811107766465478</v>
      </c>
    </row>
    <row r="60358" spans="1:7" x14ac:dyDescent="0.3">
      <c r="A60358" s="13" t="s">
        <v>326</v>
      </c>
      <c r="B60358" s="14" t="s">
        <v>1</v>
      </c>
      <c r="C60358" s="14" t="s">
        <v>47</v>
      </c>
      <c r="D60358" s="14" t="s">
        <v>114</v>
      </c>
      <c r="E60358" s="15">
        <v>45509</v>
      </c>
      <c r="F60358" s="14" t="s">
        <v>15</v>
      </c>
      <c r="G60358" s="16">
        <v>0.14811107766465478</v>
      </c>
    </row>
    <row r="60359" spans="1:7" x14ac:dyDescent="0.3">
      <c r="A60359" s="13" t="s">
        <v>326</v>
      </c>
      <c r="B60359" s="14" t="s">
        <v>1</v>
      </c>
      <c r="C60359" s="14" t="s">
        <v>47</v>
      </c>
      <c r="D60359" s="14" t="s">
        <v>114</v>
      </c>
      <c r="E60359" s="15">
        <v>45510</v>
      </c>
      <c r="F60359" s="14" t="s">
        <v>15</v>
      </c>
      <c r="G60359" s="16">
        <v>0.14602794674297717</v>
      </c>
    </row>
    <row r="60360" spans="1:7" x14ac:dyDescent="0.3">
      <c r="A60360" s="13" t="s">
        <v>326</v>
      </c>
      <c r="B60360" s="14" t="s">
        <v>1</v>
      </c>
      <c r="C60360" s="14" t="s">
        <v>47</v>
      </c>
      <c r="D60360" s="14" t="s">
        <v>114</v>
      </c>
      <c r="E60360" s="15">
        <v>45511</v>
      </c>
      <c r="F60360" s="14" t="s">
        <v>15</v>
      </c>
      <c r="G60360" s="16">
        <v>0.13805296559402122</v>
      </c>
    </row>
    <row r="60361" spans="1:7" x14ac:dyDescent="0.3">
      <c r="A60361" s="13" t="s">
        <v>326</v>
      </c>
      <c r="B60361" s="14" t="s">
        <v>1</v>
      </c>
      <c r="C60361" s="14" t="s">
        <v>47</v>
      </c>
      <c r="D60361" s="14" t="s">
        <v>114</v>
      </c>
      <c r="E60361" s="15">
        <v>45512</v>
      </c>
      <c r="F60361" s="14" t="s">
        <v>15</v>
      </c>
      <c r="G60361" s="16">
        <v>0.13607893439425589</v>
      </c>
    </row>
    <row r="60362" spans="1:7" x14ac:dyDescent="0.3">
      <c r="A60362" s="13" t="s">
        <v>326</v>
      </c>
      <c r="B60362" s="14" t="s">
        <v>1</v>
      </c>
      <c r="C60362" s="14" t="s">
        <v>47</v>
      </c>
      <c r="D60362" s="14" t="s">
        <v>114</v>
      </c>
      <c r="E60362" s="15">
        <v>45513</v>
      </c>
      <c r="F60362" s="14" t="s">
        <v>15</v>
      </c>
      <c r="G60362" s="16">
        <v>0.13412653704126631</v>
      </c>
    </row>
    <row r="60363" spans="1:7" x14ac:dyDescent="0.3">
      <c r="A60363" s="13" t="s">
        <v>326</v>
      </c>
      <c r="B60363" s="14" t="s">
        <v>1</v>
      </c>
      <c r="C60363" s="14" t="s">
        <v>47</v>
      </c>
      <c r="D60363" s="14" t="s">
        <v>114</v>
      </c>
      <c r="E60363" s="15">
        <v>45514</v>
      </c>
      <c r="F60363" s="14" t="s">
        <v>15</v>
      </c>
      <c r="G60363" s="16">
        <v>0.13412653704126631</v>
      </c>
    </row>
    <row r="60364" spans="1:7" x14ac:dyDescent="0.3">
      <c r="A60364" s="13" t="s">
        <v>326</v>
      </c>
      <c r="B60364" s="14" t="s">
        <v>1</v>
      </c>
      <c r="C60364" s="14" t="s">
        <v>47</v>
      </c>
      <c r="D60364" s="14" t="s">
        <v>114</v>
      </c>
      <c r="E60364" s="15">
        <v>45515</v>
      </c>
      <c r="F60364" s="14" t="s">
        <v>15</v>
      </c>
      <c r="G60364" s="16">
        <v>0.13412653704126631</v>
      </c>
    </row>
    <row r="60365" spans="1:7" x14ac:dyDescent="0.3">
      <c r="A60365" s="13" t="s">
        <v>326</v>
      </c>
      <c r="B60365" s="14" t="s">
        <v>1</v>
      </c>
      <c r="C60365" s="14" t="s">
        <v>47</v>
      </c>
      <c r="D60365" s="14" t="s">
        <v>114</v>
      </c>
      <c r="E60365" s="15">
        <v>45516</v>
      </c>
      <c r="F60365" s="14" t="s">
        <v>15</v>
      </c>
      <c r="G60365" s="16">
        <v>0.13211610049719549</v>
      </c>
    </row>
    <row r="60366" spans="1:7" x14ac:dyDescent="0.3">
      <c r="A60366" s="13" t="s">
        <v>326</v>
      </c>
      <c r="B60366" s="14" t="s">
        <v>1</v>
      </c>
      <c r="C60366" s="14" t="s">
        <v>47</v>
      </c>
      <c r="D60366" s="14" t="s">
        <v>114</v>
      </c>
      <c r="E60366" s="15">
        <v>45517</v>
      </c>
      <c r="F60366" s="14" t="s">
        <v>15</v>
      </c>
      <c r="G60366" s="16">
        <v>0.12694968116595295</v>
      </c>
    </row>
    <row r="60367" spans="1:7" x14ac:dyDescent="0.3">
      <c r="A60367" s="13" t="s">
        <v>326</v>
      </c>
      <c r="B60367" s="14" t="s">
        <v>1</v>
      </c>
      <c r="C60367" s="14" t="s">
        <v>47</v>
      </c>
      <c r="D60367" s="14" t="s">
        <v>114</v>
      </c>
      <c r="E60367" s="15">
        <v>45518</v>
      </c>
      <c r="F60367" s="14" t="s">
        <v>15</v>
      </c>
      <c r="G60367" s="16">
        <v>0.12492714827744834</v>
      </c>
    </row>
    <row r="60368" spans="1:7" x14ac:dyDescent="0.3">
      <c r="A60368" s="13" t="s">
        <v>326</v>
      </c>
      <c r="B60368" s="14" t="s">
        <v>1</v>
      </c>
      <c r="C60368" s="14" t="s">
        <v>47</v>
      </c>
      <c r="D60368" s="14" t="s">
        <v>114</v>
      </c>
      <c r="E60368" s="15">
        <v>45519</v>
      </c>
      <c r="F60368" s="14" t="s">
        <v>15</v>
      </c>
      <c r="G60368" s="16">
        <v>0.12284576202083332</v>
      </c>
    </row>
    <row r="60369" spans="1:7" x14ac:dyDescent="0.3">
      <c r="A60369" s="13" t="s">
        <v>326</v>
      </c>
      <c r="B60369" s="14" t="s">
        <v>1</v>
      </c>
      <c r="C60369" s="14" t="s">
        <v>47</v>
      </c>
      <c r="D60369" s="14" t="s">
        <v>114</v>
      </c>
      <c r="E60369" s="15">
        <v>45520</v>
      </c>
      <c r="F60369" s="14" t="s">
        <v>15</v>
      </c>
      <c r="G60369" s="16">
        <v>0.12265850046714048</v>
      </c>
    </row>
    <row r="60370" spans="1:7" x14ac:dyDescent="0.3">
      <c r="A60370" s="13" t="s">
        <v>326</v>
      </c>
      <c r="B60370" s="14" t="s">
        <v>1</v>
      </c>
      <c r="C60370" s="14" t="s">
        <v>47</v>
      </c>
      <c r="D60370" s="14" t="s">
        <v>114</v>
      </c>
      <c r="E60370" s="15">
        <v>45521</v>
      </c>
      <c r="F60370" s="14" t="s">
        <v>15</v>
      </c>
      <c r="G60370" s="16">
        <v>0.12265850046714048</v>
      </c>
    </row>
    <row r="60371" spans="1:7" x14ac:dyDescent="0.3">
      <c r="A60371" s="13" t="s">
        <v>326</v>
      </c>
      <c r="B60371" s="14" t="s">
        <v>1</v>
      </c>
      <c r="C60371" s="14" t="s">
        <v>47</v>
      </c>
      <c r="D60371" s="14" t="s">
        <v>114</v>
      </c>
      <c r="E60371" s="15">
        <v>45522</v>
      </c>
      <c r="F60371" s="14" t="s">
        <v>15</v>
      </c>
      <c r="G60371" s="16">
        <v>0.12265850046714048</v>
      </c>
    </row>
    <row r="60372" spans="1:7" x14ac:dyDescent="0.3">
      <c r="A60372" s="13" t="s">
        <v>326</v>
      </c>
      <c r="B60372" s="14" t="s">
        <v>1</v>
      </c>
      <c r="C60372" s="14" t="s">
        <v>47</v>
      </c>
      <c r="D60372" s="14" t="s">
        <v>114</v>
      </c>
      <c r="E60372" s="15">
        <v>45523</v>
      </c>
      <c r="F60372" s="14" t="s">
        <v>15</v>
      </c>
      <c r="G60372" s="16">
        <v>0.12050430352191449</v>
      </c>
    </row>
    <row r="60373" spans="1:7" x14ac:dyDescent="0.3">
      <c r="A60373" s="13" t="s">
        <v>326</v>
      </c>
      <c r="B60373" s="14" t="s">
        <v>1</v>
      </c>
      <c r="C60373" s="14" t="s">
        <v>47</v>
      </c>
      <c r="D60373" s="14" t="s">
        <v>114</v>
      </c>
      <c r="E60373" s="15">
        <v>45524</v>
      </c>
      <c r="F60373" s="14" t="s">
        <v>15</v>
      </c>
      <c r="G60373" s="16">
        <v>0.11404404058027545</v>
      </c>
    </row>
    <row r="60374" spans="1:7" x14ac:dyDescent="0.3">
      <c r="A60374" s="13" t="s">
        <v>326</v>
      </c>
      <c r="B60374" s="14" t="s">
        <v>1</v>
      </c>
      <c r="C60374" s="14" t="s">
        <v>47</v>
      </c>
      <c r="D60374" s="14" t="s">
        <v>114</v>
      </c>
      <c r="E60374" s="15">
        <v>45525</v>
      </c>
      <c r="F60374" s="14" t="s">
        <v>15</v>
      </c>
      <c r="G60374" s="16">
        <v>0.11186146375003178</v>
      </c>
    </row>
    <row r="60375" spans="1:7" x14ac:dyDescent="0.3">
      <c r="A60375" s="13" t="s">
        <v>326</v>
      </c>
      <c r="B60375" s="14" t="s">
        <v>1</v>
      </c>
      <c r="C60375" s="14" t="s">
        <v>47</v>
      </c>
      <c r="D60375" s="14" t="s">
        <v>114</v>
      </c>
      <c r="E60375" s="15">
        <v>45526</v>
      </c>
      <c r="F60375" s="14" t="s">
        <v>15</v>
      </c>
      <c r="G60375" s="16">
        <v>0.10968191100589657</v>
      </c>
    </row>
    <row r="60376" spans="1:7" x14ac:dyDescent="0.3">
      <c r="A60376" s="13" t="s">
        <v>326</v>
      </c>
      <c r="B60376" s="14" t="s">
        <v>1</v>
      </c>
      <c r="C60376" s="14" t="s">
        <v>47</v>
      </c>
      <c r="D60376" s="14" t="s">
        <v>114</v>
      </c>
      <c r="E60376" s="15">
        <v>45527</v>
      </c>
      <c r="F60376" s="14" t="s">
        <v>15</v>
      </c>
      <c r="G60376" s="16">
        <v>0.10746385931938075</v>
      </c>
    </row>
    <row r="60377" spans="1:7" x14ac:dyDescent="0.3">
      <c r="A60377" s="13" t="s">
        <v>326</v>
      </c>
      <c r="B60377" s="14" t="s">
        <v>1</v>
      </c>
      <c r="C60377" s="14" t="s">
        <v>47</v>
      </c>
      <c r="D60377" s="14" t="s">
        <v>114</v>
      </c>
      <c r="E60377" s="15">
        <v>45528</v>
      </c>
      <c r="F60377" s="14" t="s">
        <v>15</v>
      </c>
      <c r="G60377" s="16">
        <v>0.10746385931938075</v>
      </c>
    </row>
    <row r="60378" spans="1:7" x14ac:dyDescent="0.3">
      <c r="A60378" s="13" t="s">
        <v>326</v>
      </c>
      <c r="B60378" s="14" t="s">
        <v>1</v>
      </c>
      <c r="C60378" s="14" t="s">
        <v>47</v>
      </c>
      <c r="D60378" s="14" t="s">
        <v>114</v>
      </c>
      <c r="E60378" s="15">
        <v>45529</v>
      </c>
      <c r="F60378" s="14" t="s">
        <v>15</v>
      </c>
      <c r="G60378" s="16">
        <v>0.10746385931938075</v>
      </c>
    </row>
    <row r="60379" spans="1:7" x14ac:dyDescent="0.3">
      <c r="A60379" s="13" t="s">
        <v>326</v>
      </c>
      <c r="B60379" s="14" t="s">
        <v>1</v>
      </c>
      <c r="C60379" s="14" t="s">
        <v>47</v>
      </c>
      <c r="D60379" s="14" t="s">
        <v>114</v>
      </c>
      <c r="E60379" s="15">
        <v>45530</v>
      </c>
      <c r="F60379" s="14" t="s">
        <v>15</v>
      </c>
      <c r="G60379" s="16">
        <v>0.10746385931938075</v>
      </c>
    </row>
    <row r="60380" spans="1:7" x14ac:dyDescent="0.3">
      <c r="A60380" s="13" t="s">
        <v>326</v>
      </c>
      <c r="B60380" s="14" t="s">
        <v>1</v>
      </c>
      <c r="C60380" s="14" t="s">
        <v>47</v>
      </c>
      <c r="D60380" s="14" t="s">
        <v>114</v>
      </c>
      <c r="E60380" s="15">
        <v>45531</v>
      </c>
      <c r="F60380" s="14" t="s">
        <v>15</v>
      </c>
      <c r="G60380" s="16">
        <v>0.10526627836959904</v>
      </c>
    </row>
    <row r="60381" spans="1:7" x14ac:dyDescent="0.3">
      <c r="A60381" s="13" t="s">
        <v>326</v>
      </c>
      <c r="B60381" s="14" t="s">
        <v>1</v>
      </c>
      <c r="C60381" s="14" t="s">
        <v>47</v>
      </c>
      <c r="D60381" s="14" t="s">
        <v>114</v>
      </c>
      <c r="E60381" s="15">
        <v>45532</v>
      </c>
      <c r="F60381" s="14" t="s">
        <v>15</v>
      </c>
      <c r="G60381" s="16">
        <v>9.6294854324446802E-2</v>
      </c>
    </row>
    <row r="60382" spans="1:7" x14ac:dyDescent="0.3">
      <c r="A60382" s="13" t="s">
        <v>326</v>
      </c>
      <c r="B60382" s="14" t="s">
        <v>1</v>
      </c>
      <c r="C60382" s="14" t="s">
        <v>47</v>
      </c>
      <c r="D60382" s="14" t="s">
        <v>114</v>
      </c>
      <c r="E60382" s="15">
        <v>45533</v>
      </c>
      <c r="F60382" s="14" t="s">
        <v>15</v>
      </c>
      <c r="G60382" s="16">
        <v>9.405895350213242E-2</v>
      </c>
    </row>
    <row r="60383" spans="1:7" x14ac:dyDescent="0.3">
      <c r="A60383" s="13" t="s">
        <v>326</v>
      </c>
      <c r="B60383" s="14" t="s">
        <v>1</v>
      </c>
      <c r="C60383" s="14" t="s">
        <v>47</v>
      </c>
      <c r="D60383" s="14" t="s">
        <v>114</v>
      </c>
      <c r="E60383" s="15">
        <v>45534</v>
      </c>
      <c r="F60383" s="14" t="s">
        <v>15</v>
      </c>
      <c r="G60383" s="16">
        <v>9.1843302062467019E-2</v>
      </c>
    </row>
    <row r="60384" spans="1:7" x14ac:dyDescent="0.3">
      <c r="A60384" s="13" t="s">
        <v>326</v>
      </c>
      <c r="B60384" s="14" t="s">
        <v>1</v>
      </c>
      <c r="C60384" s="14" t="s">
        <v>47</v>
      </c>
      <c r="D60384" s="14" t="s">
        <v>114</v>
      </c>
      <c r="E60384" s="15">
        <v>45535</v>
      </c>
      <c r="F60384" s="14" t="s">
        <v>15</v>
      </c>
      <c r="G60384" s="16">
        <v>9.1843302062467019E-2</v>
      </c>
    </row>
    <row r="60385" spans="1:7" x14ac:dyDescent="0.3">
      <c r="A60385" s="13" t="s">
        <v>326</v>
      </c>
      <c r="B60385" s="14" t="s">
        <v>1</v>
      </c>
      <c r="C60385" s="14" t="s">
        <v>47</v>
      </c>
      <c r="D60385" s="14" t="s">
        <v>114</v>
      </c>
      <c r="E60385" s="15">
        <v>45536</v>
      </c>
      <c r="F60385" s="14" t="s">
        <v>15</v>
      </c>
      <c r="G60385" s="16">
        <v>9.1843302062467019E-2</v>
      </c>
    </row>
    <row r="60386" spans="1:7" x14ac:dyDescent="0.3">
      <c r="A60386" s="13" t="s">
        <v>326</v>
      </c>
      <c r="B60386" s="14" t="s">
        <v>1</v>
      </c>
      <c r="C60386" s="14" t="s">
        <v>47</v>
      </c>
      <c r="D60386" s="14" t="s">
        <v>114</v>
      </c>
      <c r="E60386" s="15">
        <v>45537</v>
      </c>
      <c r="F60386" s="14" t="s">
        <v>15</v>
      </c>
      <c r="G60386" s="16">
        <v>9.1843302062467019E-2</v>
      </c>
    </row>
    <row r="60387" spans="1:7" x14ac:dyDescent="0.3">
      <c r="A60387" s="13" t="s">
        <v>326</v>
      </c>
      <c r="B60387" s="14" t="s">
        <v>1</v>
      </c>
      <c r="C60387" s="14" t="s">
        <v>47</v>
      </c>
      <c r="D60387" s="14" t="s">
        <v>114</v>
      </c>
      <c r="E60387" s="15">
        <v>45538</v>
      </c>
      <c r="F60387" s="14" t="s">
        <v>15</v>
      </c>
      <c r="G60387" s="16">
        <v>9.307432697117253E-2</v>
      </c>
    </row>
    <row r="60388" spans="1:7" x14ac:dyDescent="0.3">
      <c r="A60388" s="13" t="s">
        <v>326</v>
      </c>
      <c r="B60388" s="14" t="s">
        <v>1</v>
      </c>
      <c r="C60388" s="14" t="s">
        <v>47</v>
      </c>
      <c r="D60388" s="14" t="s">
        <v>114</v>
      </c>
      <c r="E60388" s="15">
        <v>45539</v>
      </c>
      <c r="F60388" s="14" t="s">
        <v>15</v>
      </c>
      <c r="G60388" s="16">
        <v>8.8946670966412247E-2</v>
      </c>
    </row>
    <row r="60389" spans="1:7" x14ac:dyDescent="0.3">
      <c r="A60389" s="13" t="s">
        <v>326</v>
      </c>
      <c r="B60389" s="14" t="s">
        <v>1</v>
      </c>
      <c r="C60389" s="14" t="s">
        <v>47</v>
      </c>
      <c r="D60389" s="14" t="s">
        <v>114</v>
      </c>
      <c r="E60389" s="15">
        <v>45540</v>
      </c>
      <c r="F60389" s="14" t="s">
        <v>15</v>
      </c>
      <c r="G60389" s="16">
        <v>9.3602387179469809E-2</v>
      </c>
    </row>
    <row r="60390" spans="1:7" x14ac:dyDescent="0.3">
      <c r="A60390" s="13" t="s">
        <v>326</v>
      </c>
      <c r="B60390" s="14" t="s">
        <v>1</v>
      </c>
      <c r="C60390" s="14" t="s">
        <v>47</v>
      </c>
      <c r="D60390" s="14" t="s">
        <v>114</v>
      </c>
      <c r="E60390" s="15">
        <v>45541</v>
      </c>
      <c r="F60390" s="14" t="s">
        <v>15</v>
      </c>
      <c r="G60390" s="16">
        <v>9.1446789623203364E-2</v>
      </c>
    </row>
    <row r="60391" spans="1:7" x14ac:dyDescent="0.3">
      <c r="A60391" s="13" t="s">
        <v>326</v>
      </c>
      <c r="B60391" s="14" t="s">
        <v>1</v>
      </c>
      <c r="C60391" s="14" t="s">
        <v>47</v>
      </c>
      <c r="D60391" s="14" t="s">
        <v>114</v>
      </c>
      <c r="E60391" s="15">
        <v>45542</v>
      </c>
      <c r="F60391" s="14" t="s">
        <v>15</v>
      </c>
      <c r="G60391" s="16">
        <v>9.1446789623203364E-2</v>
      </c>
    </row>
    <row r="60392" spans="1:7" x14ac:dyDescent="0.3">
      <c r="A60392" s="13" t="s">
        <v>326</v>
      </c>
      <c r="B60392" s="14" t="s">
        <v>1</v>
      </c>
      <c r="C60392" s="14" t="s">
        <v>47</v>
      </c>
      <c r="D60392" s="14" t="s">
        <v>114</v>
      </c>
      <c r="E60392" s="15">
        <v>45543</v>
      </c>
      <c r="F60392" s="14" t="s">
        <v>15</v>
      </c>
      <c r="G60392" s="16">
        <v>9.1446789623203364E-2</v>
      </c>
    </row>
    <row r="60393" spans="1:7" x14ac:dyDescent="0.3">
      <c r="A60393" s="13" t="s">
        <v>326</v>
      </c>
      <c r="B60393" s="14" t="s">
        <v>1</v>
      </c>
      <c r="C60393" s="14" t="s">
        <v>47</v>
      </c>
      <c r="D60393" s="14" t="s">
        <v>114</v>
      </c>
      <c r="E60393" s="15">
        <v>45544</v>
      </c>
      <c r="F60393" s="14" t="s">
        <v>15</v>
      </c>
      <c r="G60393" s="16">
        <v>8.9314491454154876E-2</v>
      </c>
    </row>
    <row r="60394" spans="1:7" x14ac:dyDescent="0.3">
      <c r="A60394" s="13" t="s">
        <v>326</v>
      </c>
      <c r="B60394" s="14" t="s">
        <v>1</v>
      </c>
      <c r="C60394" s="14" t="s">
        <v>47</v>
      </c>
      <c r="D60394" s="14" t="s">
        <v>114</v>
      </c>
      <c r="E60394" s="15">
        <v>45545</v>
      </c>
      <c r="F60394" s="14" t="s">
        <v>15</v>
      </c>
      <c r="G60394" s="16">
        <v>8.3093502338901004E-2</v>
      </c>
    </row>
    <row r="60395" spans="1:7" x14ac:dyDescent="0.3">
      <c r="A60395" s="13" t="s">
        <v>326</v>
      </c>
      <c r="B60395" s="14" t="s">
        <v>1</v>
      </c>
      <c r="C60395" s="14" t="s">
        <v>47</v>
      </c>
      <c r="D60395" s="14" t="s">
        <v>114</v>
      </c>
      <c r="E60395" s="15">
        <v>45546</v>
      </c>
      <c r="F60395" s="14" t="s">
        <v>15</v>
      </c>
      <c r="G60395" s="16">
        <v>8.1008673043927101E-2</v>
      </c>
    </row>
    <row r="60396" spans="1:7" x14ac:dyDescent="0.3">
      <c r="A60396" s="13" t="s">
        <v>326</v>
      </c>
      <c r="B60396" s="14" t="s">
        <v>1</v>
      </c>
      <c r="C60396" s="14" t="s">
        <v>47</v>
      </c>
      <c r="D60396" s="14" t="s">
        <v>114</v>
      </c>
      <c r="E60396" s="15">
        <v>45547</v>
      </c>
      <c r="F60396" s="14" t="s">
        <v>15</v>
      </c>
      <c r="G60396" s="16">
        <v>8.4091930580518143E-2</v>
      </c>
    </row>
    <row r="60397" spans="1:7" x14ac:dyDescent="0.3">
      <c r="A60397" s="13" t="s">
        <v>326</v>
      </c>
      <c r="B60397" s="14" t="s">
        <v>1</v>
      </c>
      <c r="C60397" s="14" t="s">
        <v>47</v>
      </c>
      <c r="D60397" s="14" t="s">
        <v>114</v>
      </c>
      <c r="E60397" s="15">
        <v>45548</v>
      </c>
      <c r="F60397" s="14" t="s">
        <v>15</v>
      </c>
      <c r="G60397" s="16">
        <v>8.8751849402835509E-2</v>
      </c>
    </row>
    <row r="60398" spans="1:7" x14ac:dyDescent="0.3">
      <c r="A60398" s="13" t="s">
        <v>326</v>
      </c>
      <c r="B60398" s="14" t="s">
        <v>1</v>
      </c>
      <c r="C60398" s="14" t="s">
        <v>47</v>
      </c>
      <c r="D60398" s="14" t="s">
        <v>114</v>
      </c>
      <c r="E60398" s="15">
        <v>45549</v>
      </c>
      <c r="F60398" s="14" t="s">
        <v>15</v>
      </c>
      <c r="G60398" s="16">
        <v>8.8751849402835509E-2</v>
      </c>
    </row>
    <row r="60399" spans="1:7" x14ac:dyDescent="0.3">
      <c r="A60399" s="13" t="s">
        <v>326</v>
      </c>
      <c r="B60399" s="14" t="s">
        <v>1</v>
      </c>
      <c r="C60399" s="14" t="s">
        <v>47</v>
      </c>
      <c r="D60399" s="14" t="s">
        <v>114</v>
      </c>
      <c r="E60399" s="15">
        <v>45550</v>
      </c>
      <c r="F60399" s="14" t="s">
        <v>15</v>
      </c>
      <c r="G60399" s="16">
        <v>8.8751849402835509E-2</v>
      </c>
    </row>
    <row r="60400" spans="1:7" x14ac:dyDescent="0.3">
      <c r="A60400" s="13" t="s">
        <v>326</v>
      </c>
      <c r="B60400" s="14" t="s">
        <v>1</v>
      </c>
      <c r="C60400" s="14" t="s">
        <v>47</v>
      </c>
      <c r="D60400" s="14" t="s">
        <v>114</v>
      </c>
      <c r="E60400" s="15">
        <v>45551</v>
      </c>
      <c r="F60400" s="14" t="s">
        <v>15</v>
      </c>
      <c r="G60400" s="16">
        <v>8.6570229915846106E-2</v>
      </c>
    </row>
    <row r="60401" spans="1:7" x14ac:dyDescent="0.3">
      <c r="A60401" s="13" t="s">
        <v>326</v>
      </c>
      <c r="B60401" s="14" t="s">
        <v>1</v>
      </c>
      <c r="C60401" s="14" t="s">
        <v>47</v>
      </c>
      <c r="D60401" s="14" t="s">
        <v>114</v>
      </c>
      <c r="E60401" s="15">
        <v>45552</v>
      </c>
      <c r="F60401" s="14" t="s">
        <v>15</v>
      </c>
      <c r="G60401" s="16">
        <v>8.1807693012098656E-2</v>
      </c>
    </row>
    <row r="60402" spans="1:7" x14ac:dyDescent="0.3">
      <c r="A60402" s="13" t="s">
        <v>326</v>
      </c>
      <c r="B60402" s="14" t="s">
        <v>1</v>
      </c>
      <c r="C60402" s="14" t="s">
        <v>47</v>
      </c>
      <c r="D60402" s="14" t="s">
        <v>114</v>
      </c>
      <c r="E60402" s="15">
        <v>45553</v>
      </c>
      <c r="F60402" s="14" t="s">
        <v>15</v>
      </c>
      <c r="G60402" s="16">
        <v>8.0323055529814225E-2</v>
      </c>
    </row>
    <row r="60403" spans="1:7" x14ac:dyDescent="0.3">
      <c r="A60403" s="13" t="s">
        <v>326</v>
      </c>
      <c r="B60403" s="14" t="s">
        <v>1</v>
      </c>
      <c r="C60403" s="14" t="s">
        <v>47</v>
      </c>
      <c r="D60403" s="14" t="s">
        <v>114</v>
      </c>
      <c r="E60403" s="15">
        <v>45554</v>
      </c>
      <c r="F60403" s="14" t="s">
        <v>15</v>
      </c>
      <c r="G60403" s="16">
        <v>7.8115386050954624E-2</v>
      </c>
    </row>
    <row r="60404" spans="1:7" x14ac:dyDescent="0.3">
      <c r="A60404" s="13" t="s">
        <v>326</v>
      </c>
      <c r="B60404" s="14" t="s">
        <v>1</v>
      </c>
      <c r="C60404" s="14" t="s">
        <v>47</v>
      </c>
      <c r="D60404" s="14" t="s">
        <v>114</v>
      </c>
      <c r="E60404" s="15">
        <v>45555</v>
      </c>
      <c r="F60404" s="14" t="s">
        <v>15</v>
      </c>
      <c r="G60404" s="16">
        <v>8.753492783231212E-2</v>
      </c>
    </row>
    <row r="60405" spans="1:7" x14ac:dyDescent="0.3">
      <c r="A60405" s="13" t="s">
        <v>326</v>
      </c>
      <c r="B60405" s="14" t="s">
        <v>1</v>
      </c>
      <c r="C60405" s="14" t="s">
        <v>47</v>
      </c>
      <c r="D60405" s="14" t="s">
        <v>114</v>
      </c>
      <c r="E60405" s="15">
        <v>45556</v>
      </c>
      <c r="F60405" s="14" t="s">
        <v>15</v>
      </c>
      <c r="G60405" s="16">
        <v>8.753492783231212E-2</v>
      </c>
    </row>
    <row r="60406" spans="1:7" x14ac:dyDescent="0.3">
      <c r="A60406" s="13" t="s">
        <v>326</v>
      </c>
      <c r="B60406" s="14" t="s">
        <v>1</v>
      </c>
      <c r="C60406" s="14" t="s">
        <v>47</v>
      </c>
      <c r="D60406" s="14" t="s">
        <v>114</v>
      </c>
      <c r="E60406" s="15">
        <v>45557</v>
      </c>
      <c r="F60406" s="14" t="s">
        <v>15</v>
      </c>
      <c r="G60406" s="16">
        <v>8.753492783231212E-2</v>
      </c>
    </row>
    <row r="60407" spans="1:7" x14ac:dyDescent="0.3">
      <c r="A60407" s="13" t="s">
        <v>326</v>
      </c>
      <c r="B60407" s="14" t="s">
        <v>1</v>
      </c>
      <c r="C60407" s="14" t="s">
        <v>47</v>
      </c>
      <c r="D60407" s="14" t="s">
        <v>114</v>
      </c>
      <c r="E60407" s="15">
        <v>45558</v>
      </c>
      <c r="F60407" s="14" t="s">
        <v>15</v>
      </c>
      <c r="G60407" s="16">
        <v>8.527214814842933E-2</v>
      </c>
    </row>
    <row r="60408" spans="1:7" x14ac:dyDescent="0.3">
      <c r="A60408" s="13" t="s">
        <v>326</v>
      </c>
      <c r="B60408" s="14" t="s">
        <v>1</v>
      </c>
      <c r="C60408" s="14" t="s">
        <v>47</v>
      </c>
      <c r="D60408" s="14" t="s">
        <v>114</v>
      </c>
      <c r="E60408" s="15">
        <v>45559</v>
      </c>
      <c r="F60408" s="14" t="s">
        <v>15</v>
      </c>
      <c r="G60408" s="16">
        <v>8.6219951338556672E-2</v>
      </c>
    </row>
    <row r="60409" spans="1:7" x14ac:dyDescent="0.3">
      <c r="A60409" s="13" t="s">
        <v>326</v>
      </c>
      <c r="B60409" s="14" t="s">
        <v>1</v>
      </c>
      <c r="C60409" s="14" t="s">
        <v>47</v>
      </c>
      <c r="D60409" s="14" t="s">
        <v>114</v>
      </c>
      <c r="E60409" s="15">
        <v>45560</v>
      </c>
      <c r="F60409" s="14" t="s">
        <v>15</v>
      </c>
      <c r="G60409" s="16">
        <v>8.3952788974669249E-2</v>
      </c>
    </row>
    <row r="60410" spans="1:7" x14ac:dyDescent="0.3">
      <c r="A60410" s="13" t="s">
        <v>326</v>
      </c>
      <c r="B60410" s="14" t="s">
        <v>1</v>
      </c>
      <c r="C60410" s="14" t="s">
        <v>47</v>
      </c>
      <c r="D60410" s="14" t="s">
        <v>114</v>
      </c>
      <c r="E60410" s="15">
        <v>45561</v>
      </c>
      <c r="F60410" s="14" t="s">
        <v>15</v>
      </c>
      <c r="G60410" s="16">
        <v>8.1669739964123939E-2</v>
      </c>
    </row>
    <row r="60411" spans="1:7" x14ac:dyDescent="0.3">
      <c r="A60411" s="13" t="s">
        <v>326</v>
      </c>
      <c r="B60411" s="14" t="s">
        <v>1</v>
      </c>
      <c r="C60411" s="14" t="s">
        <v>47</v>
      </c>
      <c r="D60411" s="14" t="s">
        <v>114</v>
      </c>
      <c r="E60411" s="15">
        <v>45562</v>
      </c>
      <c r="F60411" s="14" t="s">
        <v>15</v>
      </c>
      <c r="G60411" s="16">
        <v>7.9377045489536335E-2</v>
      </c>
    </row>
    <row r="60412" spans="1:7" x14ac:dyDescent="0.3">
      <c r="A60412" s="13" t="s">
        <v>326</v>
      </c>
      <c r="B60412" s="14" t="s">
        <v>1</v>
      </c>
      <c r="C60412" s="14" t="s">
        <v>47</v>
      </c>
      <c r="D60412" s="14" t="s">
        <v>114</v>
      </c>
      <c r="E60412" s="15">
        <v>45563</v>
      </c>
      <c r="F60412" s="14" t="s">
        <v>15</v>
      </c>
      <c r="G60412" s="16">
        <v>7.9377045489536335E-2</v>
      </c>
    </row>
    <row r="60413" spans="1:7" x14ac:dyDescent="0.3">
      <c r="A60413" s="13" t="s">
        <v>326</v>
      </c>
      <c r="B60413" s="14" t="s">
        <v>1</v>
      </c>
      <c r="C60413" s="14" t="s">
        <v>47</v>
      </c>
      <c r="D60413" s="14" t="s">
        <v>114</v>
      </c>
      <c r="E60413" s="15">
        <v>45564</v>
      </c>
      <c r="F60413" s="14" t="s">
        <v>15</v>
      </c>
      <c r="G60413" s="16">
        <v>7.9377045489536335E-2</v>
      </c>
    </row>
    <row r="60414" spans="1:7" x14ac:dyDescent="0.3">
      <c r="A60414" s="13" t="s">
        <v>326</v>
      </c>
      <c r="B60414" s="14" t="s">
        <v>1</v>
      </c>
      <c r="C60414" s="14" t="s">
        <v>47</v>
      </c>
      <c r="D60414" s="14" t="s">
        <v>114</v>
      </c>
      <c r="E60414" s="15">
        <v>45565</v>
      </c>
      <c r="F60414" s="14" t="s">
        <v>15</v>
      </c>
      <c r="G60414" s="16">
        <v>8.5688111191445537E-2</v>
      </c>
    </row>
    <row r="60415" spans="1:7" x14ac:dyDescent="0.3">
      <c r="A60415" s="13" t="s">
        <v>326</v>
      </c>
      <c r="B60415" s="14" t="s">
        <v>1</v>
      </c>
      <c r="C60415" s="14" t="s">
        <v>47</v>
      </c>
      <c r="D60415" s="14" t="s">
        <v>114</v>
      </c>
      <c r="E60415" s="15">
        <v>45566</v>
      </c>
      <c r="F60415" s="14" t="s">
        <v>15</v>
      </c>
      <c r="G60415" s="16">
        <v>8.3545640515713657E-2</v>
      </c>
    </row>
    <row r="60416" spans="1:7" x14ac:dyDescent="0.3">
      <c r="A60416" s="13" t="s">
        <v>326</v>
      </c>
      <c r="B60416" s="14" t="s">
        <v>1</v>
      </c>
      <c r="C60416" s="14" t="s">
        <v>47</v>
      </c>
      <c r="D60416" s="14" t="s">
        <v>114</v>
      </c>
      <c r="E60416" s="15">
        <v>45567</v>
      </c>
      <c r="F60416" s="14" t="s">
        <v>15</v>
      </c>
      <c r="G60416" s="16">
        <v>8.6497284928910678E-2</v>
      </c>
    </row>
    <row r="60417" spans="1:7" x14ac:dyDescent="0.3">
      <c r="A60417" s="13" t="s">
        <v>326</v>
      </c>
      <c r="B60417" s="14" t="s">
        <v>1</v>
      </c>
      <c r="C60417" s="14" t="s">
        <v>47</v>
      </c>
      <c r="D60417" s="14" t="s">
        <v>114</v>
      </c>
      <c r="E60417" s="15">
        <v>45568</v>
      </c>
      <c r="F60417" s="14" t="s">
        <v>15</v>
      </c>
      <c r="G60417" s="16">
        <v>8.4179957910666917E-2</v>
      </c>
    </row>
    <row r="60418" spans="1:7" x14ac:dyDescent="0.3">
      <c r="A60418" s="13" t="s">
        <v>326</v>
      </c>
      <c r="B60418" s="14" t="s">
        <v>1</v>
      </c>
      <c r="C60418" s="14" t="s">
        <v>47</v>
      </c>
      <c r="D60418" s="14" t="s">
        <v>114</v>
      </c>
      <c r="E60418" s="15">
        <v>45569</v>
      </c>
      <c r="F60418" s="14" t="s">
        <v>15</v>
      </c>
      <c r="G60418" s="16">
        <v>8.1858172798704706E-2</v>
      </c>
    </row>
    <row r="60419" spans="1:7" x14ac:dyDescent="0.3">
      <c r="A60419" s="13" t="s">
        <v>326</v>
      </c>
      <c r="B60419" s="14" t="s">
        <v>1</v>
      </c>
      <c r="C60419" s="14" t="s">
        <v>47</v>
      </c>
      <c r="D60419" s="14" t="s">
        <v>114</v>
      </c>
      <c r="E60419" s="15">
        <v>45570</v>
      </c>
      <c r="F60419" s="14" t="s">
        <v>15</v>
      </c>
      <c r="G60419" s="16">
        <v>8.1858172798704706E-2</v>
      </c>
    </row>
    <row r="60420" spans="1:7" x14ac:dyDescent="0.3">
      <c r="A60420" s="13" t="s">
        <v>326</v>
      </c>
      <c r="B60420" s="14" t="s">
        <v>1</v>
      </c>
      <c r="C60420" s="14" t="s">
        <v>47</v>
      </c>
      <c r="D60420" s="14" t="s">
        <v>114</v>
      </c>
      <c r="E60420" s="15">
        <v>45571</v>
      </c>
      <c r="F60420" s="14" t="s">
        <v>15</v>
      </c>
      <c r="G60420" s="16">
        <v>8.1858172798704706E-2</v>
      </c>
    </row>
    <row r="60421" spans="1:7" x14ac:dyDescent="0.3">
      <c r="A60421" s="13" t="s">
        <v>326</v>
      </c>
      <c r="B60421" s="14" t="s">
        <v>1</v>
      </c>
      <c r="C60421" s="14" t="s">
        <v>47</v>
      </c>
      <c r="D60421" s="14" t="s">
        <v>114</v>
      </c>
      <c r="E60421" s="15">
        <v>45572</v>
      </c>
      <c r="F60421" s="14" t="s">
        <v>15</v>
      </c>
      <c r="G60421" s="16">
        <v>7.9539855092968029E-2</v>
      </c>
    </row>
    <row r="60422" spans="1:7" x14ac:dyDescent="0.3">
      <c r="A60422" s="13" t="s">
        <v>326</v>
      </c>
      <c r="B60422" s="14" t="s">
        <v>1</v>
      </c>
      <c r="C60422" s="14" t="s">
        <v>47</v>
      </c>
      <c r="D60422" s="14" t="s">
        <v>114</v>
      </c>
      <c r="E60422" s="15">
        <v>45573</v>
      </c>
      <c r="F60422" s="14" t="s">
        <v>15</v>
      </c>
      <c r="G60422" s="16">
        <v>7.2546483107835069E-2</v>
      </c>
    </row>
    <row r="60423" spans="1:7" x14ac:dyDescent="0.3">
      <c r="A60423" s="13" t="s">
        <v>326</v>
      </c>
      <c r="B60423" s="14" t="s">
        <v>1</v>
      </c>
      <c r="C60423" s="14" t="s">
        <v>47</v>
      </c>
      <c r="D60423" s="14" t="s">
        <v>114</v>
      </c>
      <c r="E60423" s="15">
        <v>45574</v>
      </c>
      <c r="F60423" s="14" t="s">
        <v>15</v>
      </c>
      <c r="G60423" s="16">
        <v>7.0196958746069307E-2</v>
      </c>
    </row>
    <row r="60424" spans="1:7" x14ac:dyDescent="0.3">
      <c r="A60424" s="13" t="s">
        <v>326</v>
      </c>
      <c r="B60424" s="14" t="s">
        <v>1</v>
      </c>
      <c r="C60424" s="14" t="s">
        <v>47</v>
      </c>
      <c r="D60424" s="14" t="s">
        <v>114</v>
      </c>
      <c r="E60424" s="15">
        <v>45575</v>
      </c>
      <c r="F60424" s="14" t="s">
        <v>15</v>
      </c>
      <c r="G60424" s="16">
        <v>6.784396697807811E-2</v>
      </c>
    </row>
    <row r="60425" spans="1:7" x14ac:dyDescent="0.3">
      <c r="A60425" s="13" t="s">
        <v>326</v>
      </c>
      <c r="B60425" s="14" t="s">
        <v>1</v>
      </c>
      <c r="C60425" s="14" t="s">
        <v>47</v>
      </c>
      <c r="D60425" s="14" t="s">
        <v>114</v>
      </c>
      <c r="E60425" s="15">
        <v>45576</v>
      </c>
      <c r="F60425" s="14" t="s">
        <v>15</v>
      </c>
      <c r="G60425" s="16">
        <v>6.5483049710143043E-2</v>
      </c>
    </row>
    <row r="60426" spans="1:7" x14ac:dyDescent="0.3">
      <c r="A60426" s="13" t="s">
        <v>326</v>
      </c>
      <c r="B60426" s="14" t="s">
        <v>1</v>
      </c>
      <c r="C60426" s="14" t="s">
        <v>47</v>
      </c>
      <c r="D60426" s="14" t="s">
        <v>114</v>
      </c>
      <c r="E60426" s="15">
        <v>45577</v>
      </c>
      <c r="F60426" s="14" t="s">
        <v>15</v>
      </c>
      <c r="G60426" s="16">
        <v>6.5483049710143043E-2</v>
      </c>
    </row>
    <row r="60427" spans="1:7" x14ac:dyDescent="0.3">
      <c r="A60427" s="13" t="s">
        <v>326</v>
      </c>
      <c r="B60427" s="14" t="s">
        <v>1</v>
      </c>
      <c r="C60427" s="14" t="s">
        <v>47</v>
      </c>
      <c r="D60427" s="14" t="s">
        <v>114</v>
      </c>
      <c r="E60427" s="15">
        <v>45578</v>
      </c>
      <c r="F60427" s="14" t="s">
        <v>15</v>
      </c>
      <c r="G60427" s="16">
        <v>6.5483049710143043E-2</v>
      </c>
    </row>
    <row r="60428" spans="1:7" x14ac:dyDescent="0.3">
      <c r="A60428" s="13" t="s">
        <v>326</v>
      </c>
      <c r="B60428" s="14" t="s">
        <v>1</v>
      </c>
      <c r="C60428" s="14" t="s">
        <v>47</v>
      </c>
      <c r="D60428" s="14" t="s">
        <v>114</v>
      </c>
      <c r="E60428" s="15">
        <v>45579</v>
      </c>
      <c r="F60428" s="14" t="s">
        <v>15</v>
      </c>
      <c r="G60428" s="16">
        <v>6.5483049710143043E-2</v>
      </c>
    </row>
    <row r="60429" spans="1:7" x14ac:dyDescent="0.3">
      <c r="A60429" s="13" t="s">
        <v>326</v>
      </c>
      <c r="B60429" s="14" t="s">
        <v>1</v>
      </c>
      <c r="C60429" s="14" t="s">
        <v>47</v>
      </c>
      <c r="D60429" s="14" t="s">
        <v>114</v>
      </c>
      <c r="E60429" s="15">
        <v>45580</v>
      </c>
      <c r="F60429" s="14" t="s">
        <v>15</v>
      </c>
      <c r="G60429" s="16">
        <v>6.6675728479545185E-2</v>
      </c>
    </row>
    <row r="60430" spans="1:7" x14ac:dyDescent="0.3">
      <c r="A60430" s="13" t="s">
        <v>326</v>
      </c>
      <c r="B60430" s="14" t="s">
        <v>1</v>
      </c>
      <c r="C60430" s="14" t="s">
        <v>47</v>
      </c>
      <c r="D60430" s="14" t="s">
        <v>114</v>
      </c>
      <c r="E60430" s="15">
        <v>45581</v>
      </c>
      <c r="F60430" s="14" t="s">
        <v>15</v>
      </c>
      <c r="G60430" s="16">
        <v>5.7262106949049915E-2</v>
      </c>
    </row>
    <row r="60431" spans="1:7" x14ac:dyDescent="0.3">
      <c r="A60431" s="13" t="s">
        <v>326</v>
      </c>
      <c r="B60431" s="14" t="s">
        <v>1</v>
      </c>
      <c r="C60431" s="14" t="s">
        <v>47</v>
      </c>
      <c r="D60431" s="14" t="s">
        <v>114</v>
      </c>
      <c r="E60431" s="15">
        <v>45582</v>
      </c>
      <c r="F60431" s="14" t="s">
        <v>15</v>
      </c>
      <c r="G60431" s="16">
        <v>5.4921994118467536E-2</v>
      </c>
    </row>
    <row r="60432" spans="1:7" x14ac:dyDescent="0.3">
      <c r="A60432" s="13" t="s">
        <v>326</v>
      </c>
      <c r="B60432" s="14" t="s">
        <v>1</v>
      </c>
      <c r="C60432" s="14" t="s">
        <v>47</v>
      </c>
      <c r="D60432" s="14" t="s">
        <v>114</v>
      </c>
      <c r="E60432" s="15">
        <v>45583</v>
      </c>
      <c r="F60432" s="14" t="s">
        <v>15</v>
      </c>
      <c r="G60432" s="16">
        <v>5.2569002350476346E-2</v>
      </c>
    </row>
    <row r="60433" spans="1:7" x14ac:dyDescent="0.3">
      <c r="A60433" s="13" t="s">
        <v>326</v>
      </c>
      <c r="B60433" s="14" t="s">
        <v>1</v>
      </c>
      <c r="C60433" s="14" t="s">
        <v>47</v>
      </c>
      <c r="D60433" s="14" t="s">
        <v>114</v>
      </c>
      <c r="E60433" s="15">
        <v>45584</v>
      </c>
      <c r="F60433" s="14" t="s">
        <v>15</v>
      </c>
      <c r="G60433" s="16">
        <v>5.2569002350476346E-2</v>
      </c>
    </row>
    <row r="60434" spans="1:7" x14ac:dyDescent="0.3">
      <c r="A60434" s="13" t="s">
        <v>326</v>
      </c>
      <c r="B60434" s="14" t="s">
        <v>1</v>
      </c>
      <c r="C60434" s="14" t="s">
        <v>47</v>
      </c>
      <c r="D60434" s="14" t="s">
        <v>114</v>
      </c>
      <c r="E60434" s="15">
        <v>45585</v>
      </c>
      <c r="F60434" s="14" t="s">
        <v>15</v>
      </c>
      <c r="G60434" s="16">
        <v>5.2569002350476346E-2</v>
      </c>
    </row>
    <row r="60435" spans="1:7" x14ac:dyDescent="0.3">
      <c r="A60435" s="13" t="s">
        <v>326</v>
      </c>
      <c r="B60435" s="14" t="s">
        <v>1</v>
      </c>
      <c r="C60435" s="14" t="s">
        <v>47</v>
      </c>
      <c r="D60435" s="14" t="s">
        <v>114</v>
      </c>
      <c r="E60435" s="15">
        <v>45586</v>
      </c>
      <c r="F60435" s="14" t="s">
        <v>15</v>
      </c>
      <c r="G60435" s="16">
        <v>5.319797993637005E-2</v>
      </c>
    </row>
    <row r="60436" spans="1:7" x14ac:dyDescent="0.3">
      <c r="A60436" s="13" t="s">
        <v>326</v>
      </c>
      <c r="B60436" s="14" t="s">
        <v>1</v>
      </c>
      <c r="C60436" s="14" t="s">
        <v>47</v>
      </c>
      <c r="D60436" s="14" t="s">
        <v>114</v>
      </c>
      <c r="E60436" s="15">
        <v>45587</v>
      </c>
      <c r="F60436" s="14" t="s">
        <v>15</v>
      </c>
      <c r="G60436" s="16">
        <v>4.6128820358023792E-2</v>
      </c>
    </row>
    <row r="60437" spans="1:7" x14ac:dyDescent="0.3">
      <c r="A60437" s="13" t="s">
        <v>326</v>
      </c>
      <c r="B60437" s="14" t="s">
        <v>1</v>
      </c>
      <c r="C60437" s="14" t="s">
        <v>47</v>
      </c>
      <c r="D60437" s="14" t="s">
        <v>114</v>
      </c>
      <c r="E60437" s="15">
        <v>45588</v>
      </c>
      <c r="F60437" s="14" t="s">
        <v>15</v>
      </c>
      <c r="G60437" s="16">
        <v>4.3775828590032595E-2</v>
      </c>
    </row>
    <row r="60438" spans="1:7" x14ac:dyDescent="0.3">
      <c r="A60438" s="13" t="s">
        <v>326</v>
      </c>
      <c r="B60438" s="14" t="s">
        <v>1</v>
      </c>
      <c r="C60438" s="14" t="s">
        <v>47</v>
      </c>
      <c r="D60438" s="14" t="s">
        <v>114</v>
      </c>
      <c r="E60438" s="15">
        <v>45589</v>
      </c>
      <c r="F60438" s="14" t="s">
        <v>15</v>
      </c>
      <c r="G60438" s="16">
        <v>4.1437201790689729E-2</v>
      </c>
    </row>
    <row r="60439" spans="1:7" x14ac:dyDescent="0.3">
      <c r="A60439" s="13" t="s">
        <v>326</v>
      </c>
      <c r="B60439" s="14" t="s">
        <v>1</v>
      </c>
      <c r="C60439" s="14" t="s">
        <v>47</v>
      </c>
      <c r="D60439" s="14" t="s">
        <v>114</v>
      </c>
      <c r="E60439" s="15">
        <v>45590</v>
      </c>
      <c r="F60439" s="14" t="s">
        <v>15</v>
      </c>
      <c r="G60439" s="16">
        <v>3.9114921334981116E-2</v>
      </c>
    </row>
    <row r="60440" spans="1:7" x14ac:dyDescent="0.3">
      <c r="A60440" s="13" t="s">
        <v>326</v>
      </c>
      <c r="B60440" s="14" t="s">
        <v>1</v>
      </c>
      <c r="C60440" s="14" t="s">
        <v>47</v>
      </c>
      <c r="D60440" s="14" t="s">
        <v>114</v>
      </c>
      <c r="E60440" s="15">
        <v>45591</v>
      </c>
      <c r="F60440" s="14" t="s">
        <v>15</v>
      </c>
      <c r="G60440" s="16">
        <v>3.9114921334981116E-2</v>
      </c>
    </row>
    <row r="60441" spans="1:7" x14ac:dyDescent="0.3">
      <c r="A60441" s="13" t="s">
        <v>326</v>
      </c>
      <c r="B60441" s="14" t="s">
        <v>1</v>
      </c>
      <c r="C60441" s="14" t="s">
        <v>47</v>
      </c>
      <c r="D60441" s="14" t="s">
        <v>114</v>
      </c>
      <c r="E60441" s="15">
        <v>45592</v>
      </c>
      <c r="F60441" s="14" t="s">
        <v>15</v>
      </c>
      <c r="G60441" s="16">
        <v>3.9114921334981116E-2</v>
      </c>
    </row>
    <row r="60442" spans="1:7" x14ac:dyDescent="0.3">
      <c r="A60442" s="13" t="s">
        <v>326</v>
      </c>
      <c r="B60442" s="14" t="s">
        <v>1</v>
      </c>
      <c r="C60442" s="14" t="s">
        <v>47</v>
      </c>
      <c r="D60442" s="14" t="s">
        <v>114</v>
      </c>
      <c r="E60442" s="15">
        <v>45593</v>
      </c>
      <c r="F60442" s="14" t="s">
        <v>15</v>
      </c>
      <c r="G60442" s="16">
        <v>3.9114921334981116E-2</v>
      </c>
    </row>
    <row r="60443" spans="1:7" x14ac:dyDescent="0.3">
      <c r="A60443" s="13" t="s">
        <v>326</v>
      </c>
      <c r="B60443" s="14" t="s">
        <v>1</v>
      </c>
      <c r="C60443" s="14" t="s">
        <v>47</v>
      </c>
      <c r="D60443" s="14" t="s">
        <v>114</v>
      </c>
      <c r="E60443" s="15">
        <v>45594</v>
      </c>
      <c r="F60443" s="14" t="s">
        <v>15</v>
      </c>
      <c r="G60443" s="16">
        <v>4.1069934130235179E-2</v>
      </c>
    </row>
    <row r="60444" spans="1:7" x14ac:dyDescent="0.3">
      <c r="A60444" s="13" t="s">
        <v>326</v>
      </c>
      <c r="B60444" s="14" t="s">
        <v>1</v>
      </c>
      <c r="C60444" s="14" t="s">
        <v>47</v>
      </c>
      <c r="D60444" s="14" t="s">
        <v>114</v>
      </c>
      <c r="E60444" s="15">
        <v>45595</v>
      </c>
      <c r="F60444" s="14" t="s">
        <v>15</v>
      </c>
      <c r="G60444" s="16">
        <v>3.1678107724585514E-2</v>
      </c>
    </row>
    <row r="60445" spans="1:7" x14ac:dyDescent="0.3">
      <c r="A60445" s="13" t="s">
        <v>326</v>
      </c>
      <c r="B60445" s="14" t="s">
        <v>1</v>
      </c>
      <c r="C60445" s="14" t="s">
        <v>47</v>
      </c>
      <c r="D60445" s="14" t="s">
        <v>114</v>
      </c>
      <c r="E60445" s="15">
        <v>45596</v>
      </c>
      <c r="F60445" s="14" t="s">
        <v>15</v>
      </c>
      <c r="G60445" s="16">
        <v>2.9287469831860882E-2</v>
      </c>
    </row>
    <row r="60446" spans="1:7" x14ac:dyDescent="0.3">
      <c r="A60446" s="13" t="s">
        <v>326</v>
      </c>
      <c r="B60446" s="14" t="s">
        <v>1</v>
      </c>
      <c r="C60446" s="14" t="s">
        <v>47</v>
      </c>
      <c r="D60446" s="14" t="s">
        <v>114</v>
      </c>
      <c r="E60446" s="15">
        <v>45597</v>
      </c>
      <c r="F60446" s="14" t="s">
        <v>15</v>
      </c>
      <c r="G60446" s="16">
        <v>2.6918627063981945E-2</v>
      </c>
    </row>
    <row r="60447" spans="1:7" x14ac:dyDescent="0.3">
      <c r="A60447" s="13" t="s">
        <v>326</v>
      </c>
      <c r="B60447" s="14" t="s">
        <v>1</v>
      </c>
      <c r="C60447" s="14" t="s">
        <v>47</v>
      </c>
      <c r="D60447" s="14" t="s">
        <v>114</v>
      </c>
      <c r="E60447" s="15">
        <v>45598</v>
      </c>
      <c r="F60447" s="14" t="s">
        <v>15</v>
      </c>
      <c r="G60447" s="16">
        <v>2.6918627063981945E-2</v>
      </c>
    </row>
    <row r="60448" spans="1:7" x14ac:dyDescent="0.3">
      <c r="A60448" s="13" t="s">
        <v>326</v>
      </c>
      <c r="B60448" s="14" t="s">
        <v>1</v>
      </c>
      <c r="C60448" s="14" t="s">
        <v>47</v>
      </c>
      <c r="D60448" s="14" t="s">
        <v>114</v>
      </c>
      <c r="E60448" s="15">
        <v>45599</v>
      </c>
      <c r="F60448" s="14" t="s">
        <v>15</v>
      </c>
      <c r="G60448" s="16">
        <v>2.6918627063981945E-2</v>
      </c>
    </row>
    <row r="60449" spans="1:7" x14ac:dyDescent="0.3">
      <c r="A60449" s="13" t="s">
        <v>326</v>
      </c>
      <c r="B60449" s="14" t="s">
        <v>1</v>
      </c>
      <c r="C60449" s="14" t="s">
        <v>47</v>
      </c>
      <c r="D60449" s="14" t="s">
        <v>114</v>
      </c>
      <c r="E60449" s="15">
        <v>45600</v>
      </c>
      <c r="F60449" s="14" t="s">
        <v>15</v>
      </c>
      <c r="G60449" s="16">
        <v>2.7442096431872696E-2</v>
      </c>
    </row>
    <row r="60450" spans="1:7" x14ac:dyDescent="0.3">
      <c r="A60450" s="13" t="s">
        <v>326</v>
      </c>
      <c r="B60450" s="14" t="s">
        <v>1</v>
      </c>
      <c r="C60450" s="14" t="s">
        <v>47</v>
      </c>
      <c r="D60450" s="14" t="s">
        <v>114</v>
      </c>
      <c r="E60450" s="15">
        <v>45601</v>
      </c>
      <c r="F60450" s="14" t="s">
        <v>15</v>
      </c>
      <c r="G60450" s="16">
        <v>2.0519558602488174E-2</v>
      </c>
    </row>
    <row r="60451" spans="1:7" x14ac:dyDescent="0.3">
      <c r="A60451" s="13" t="s">
        <v>326</v>
      </c>
      <c r="B60451" s="14" t="s">
        <v>1</v>
      </c>
      <c r="C60451" s="14" t="s">
        <v>47</v>
      </c>
      <c r="D60451" s="14" t="s">
        <v>114</v>
      </c>
      <c r="E60451" s="15">
        <v>45602</v>
      </c>
      <c r="F60451" s="14" t="s">
        <v>15</v>
      </c>
      <c r="G60451" s="16">
        <v>1.8203222271737415E-2</v>
      </c>
    </row>
    <row r="60452" spans="1:7" x14ac:dyDescent="0.3">
      <c r="A60452" s="13" t="s">
        <v>326</v>
      </c>
      <c r="B60452" s="14" t="s">
        <v>1</v>
      </c>
      <c r="C60452" s="14" t="s">
        <v>47</v>
      </c>
      <c r="D60452" s="14" t="s">
        <v>114</v>
      </c>
      <c r="E60452" s="15">
        <v>45603</v>
      </c>
      <c r="F60452" s="14" t="s">
        <v>15</v>
      </c>
      <c r="G60452" s="16">
        <v>1.6866180527802355E-2</v>
      </c>
    </row>
    <row r="60453" spans="1:7" x14ac:dyDescent="0.3">
      <c r="A60453" s="13" t="s">
        <v>326</v>
      </c>
      <c r="B60453" s="14" t="s">
        <v>1</v>
      </c>
      <c r="C60453" s="14" t="s">
        <v>47</v>
      </c>
      <c r="D60453" s="14" t="s">
        <v>114</v>
      </c>
      <c r="E60453" s="15">
        <v>45604</v>
      </c>
      <c r="F60453" s="14" t="s">
        <v>15</v>
      </c>
      <c r="G60453" s="16">
        <v>1.4488421572486539E-2</v>
      </c>
    </row>
    <row r="60454" spans="1:7" x14ac:dyDescent="0.3">
      <c r="A60454" s="13" t="s">
        <v>326</v>
      </c>
      <c r="B60454" s="14" t="s">
        <v>1</v>
      </c>
      <c r="C60454" s="14" t="s">
        <v>47</v>
      </c>
      <c r="D60454" s="14" t="s">
        <v>114</v>
      </c>
      <c r="E60454" s="15">
        <v>45605</v>
      </c>
      <c r="F60454" s="14" t="s">
        <v>15</v>
      </c>
      <c r="G60454" s="16">
        <v>1.4488421572486539E-2</v>
      </c>
    </row>
    <row r="60455" spans="1:7" x14ac:dyDescent="0.3">
      <c r="A60455" s="13" t="s">
        <v>326</v>
      </c>
      <c r="B60455" s="14" t="s">
        <v>1</v>
      </c>
      <c r="C60455" s="14" t="s">
        <v>47</v>
      </c>
      <c r="D60455" s="14" t="s">
        <v>114</v>
      </c>
      <c r="E60455" s="15">
        <v>45606</v>
      </c>
      <c r="F60455" s="14" t="s">
        <v>15</v>
      </c>
      <c r="G60455" s="16">
        <v>1.4488421572486539E-2</v>
      </c>
    </row>
    <row r="60456" spans="1:7" x14ac:dyDescent="0.3">
      <c r="A60456" s="13" t="s">
        <v>326</v>
      </c>
      <c r="B60456" s="14" t="s">
        <v>1</v>
      </c>
      <c r="C60456" s="14" t="s">
        <v>47</v>
      </c>
      <c r="D60456" s="14" t="s">
        <v>114</v>
      </c>
      <c r="E60456" s="15">
        <v>45607</v>
      </c>
      <c r="F60456" s="14" t="s">
        <v>15</v>
      </c>
      <c r="G60456" s="16">
        <v>1.4488421572486539E-2</v>
      </c>
    </row>
    <row r="60457" spans="1:7" x14ac:dyDescent="0.3">
      <c r="A60457" s="13" t="s">
        <v>326</v>
      </c>
      <c r="B60457" s="14" t="s">
        <v>1</v>
      </c>
      <c r="C60457" s="14" t="s">
        <v>47</v>
      </c>
      <c r="D60457" s="14" t="s">
        <v>114</v>
      </c>
      <c r="E60457" s="15">
        <v>45608</v>
      </c>
      <c r="F60457" s="14" t="s">
        <v>15</v>
      </c>
      <c r="G60457" s="16">
        <v>1.208185863953179E-2</v>
      </c>
    </row>
    <row r="60458" spans="1:7" x14ac:dyDescent="0.3">
      <c r="A60458" s="13" t="s">
        <v>326</v>
      </c>
      <c r="B60458" s="14" t="s">
        <v>1</v>
      </c>
      <c r="C60458" s="14" t="s">
        <v>47</v>
      </c>
      <c r="D60458" s="14" t="s">
        <v>114</v>
      </c>
      <c r="E60458" s="15">
        <v>45609</v>
      </c>
      <c r="F60458" s="14" t="s">
        <v>15</v>
      </c>
      <c r="G60458" s="16">
        <v>2.4223860949586611E-3</v>
      </c>
    </row>
    <row r="60459" spans="1:7" x14ac:dyDescent="0.3">
      <c r="A60459" s="13" t="s">
        <v>326</v>
      </c>
      <c r="B60459" s="14" t="s">
        <v>1</v>
      </c>
      <c r="C60459" s="14" t="s">
        <v>47</v>
      </c>
      <c r="D60459" s="14" t="s">
        <v>114</v>
      </c>
      <c r="E60459" s="15">
        <v>45610</v>
      </c>
      <c r="F60459" s="14" t="s">
        <v>15</v>
      </c>
      <c r="G60459" s="16">
        <v>4.1859509592626777E-5</v>
      </c>
    </row>
    <row r="60460" spans="1:7" x14ac:dyDescent="0.3">
      <c r="A60460" s="13" t="s">
        <v>326</v>
      </c>
      <c r="B60460" s="14" t="s">
        <v>1</v>
      </c>
      <c r="C60460" s="14" t="s">
        <v>47</v>
      </c>
      <c r="D60460" s="14" t="s">
        <v>114</v>
      </c>
      <c r="E60460" s="15">
        <v>45611</v>
      </c>
      <c r="F60460" s="14" t="s">
        <v>15</v>
      </c>
      <c r="G60460" s="16">
        <v>0</v>
      </c>
    </row>
    <row r="60461" spans="1:7" x14ac:dyDescent="0.3">
      <c r="A60461" s="13" t="s">
        <v>326</v>
      </c>
      <c r="B60461" s="14" t="s">
        <v>1</v>
      </c>
      <c r="C60461" s="14" t="s">
        <v>47</v>
      </c>
      <c r="D60461" s="14" t="s">
        <v>114</v>
      </c>
      <c r="E60461" s="15">
        <v>45612</v>
      </c>
      <c r="F60461" s="14" t="s">
        <v>15</v>
      </c>
      <c r="G60461" s="16">
        <v>0</v>
      </c>
    </row>
    <row r="60462" spans="1:7" x14ac:dyDescent="0.3">
      <c r="A60462" s="13" t="s">
        <v>326</v>
      </c>
      <c r="B60462" s="14" t="s">
        <v>1</v>
      </c>
      <c r="C60462" s="14" t="s">
        <v>47</v>
      </c>
      <c r="D60462" s="14" t="s">
        <v>114</v>
      </c>
      <c r="E60462" s="15">
        <v>45613</v>
      </c>
      <c r="F60462" s="14" t="s">
        <v>15</v>
      </c>
      <c r="G60462" s="16">
        <v>0</v>
      </c>
    </row>
    <row r="60463" spans="1:7" x14ac:dyDescent="0.3">
      <c r="A60463" s="13" t="s">
        <v>326</v>
      </c>
      <c r="B60463" s="14" t="s">
        <v>1</v>
      </c>
      <c r="C60463" s="14" t="s">
        <v>47</v>
      </c>
      <c r="D60463" s="14" t="s">
        <v>114</v>
      </c>
      <c r="E60463" s="15">
        <v>45614</v>
      </c>
      <c r="F60463" s="14" t="s">
        <v>15</v>
      </c>
      <c r="G60463" s="16">
        <v>0</v>
      </c>
    </row>
    <row r="60464" spans="1:7" x14ac:dyDescent="0.3">
      <c r="A60464" s="13" t="s">
        <v>326</v>
      </c>
      <c r="B60464" s="14" t="s">
        <v>1</v>
      </c>
      <c r="C60464" s="14" t="s">
        <v>47</v>
      </c>
      <c r="D60464" s="14" t="s">
        <v>114</v>
      </c>
      <c r="E60464" s="15">
        <v>45615</v>
      </c>
      <c r="F60464" s="14" t="s">
        <v>15</v>
      </c>
      <c r="G60464" s="16">
        <v>0</v>
      </c>
    </row>
    <row r="60465" spans="1:7" x14ac:dyDescent="0.3">
      <c r="A60465" s="13" t="s">
        <v>326</v>
      </c>
      <c r="B60465" s="14" t="s">
        <v>1</v>
      </c>
      <c r="C60465" s="14" t="s">
        <v>47</v>
      </c>
      <c r="D60465" s="14" t="s">
        <v>114</v>
      </c>
      <c r="E60465" s="15">
        <v>45616</v>
      </c>
      <c r="F60465" s="14" t="s">
        <v>15</v>
      </c>
      <c r="G60465" s="16">
        <v>0</v>
      </c>
    </row>
    <row r="60466" spans="1:7" x14ac:dyDescent="0.3">
      <c r="A60466" s="13" t="s">
        <v>326</v>
      </c>
      <c r="B60466" s="14" t="s">
        <v>1</v>
      </c>
      <c r="C60466" s="14" t="s">
        <v>47</v>
      </c>
      <c r="D60466" s="14" t="s">
        <v>114</v>
      </c>
      <c r="E60466" s="15">
        <v>45617</v>
      </c>
      <c r="F60466" s="14" t="s">
        <v>15</v>
      </c>
      <c r="G60466" s="16">
        <v>0</v>
      </c>
    </row>
    <row r="60467" spans="1:7" x14ac:dyDescent="0.3">
      <c r="A60467" s="13" t="s">
        <v>326</v>
      </c>
      <c r="B60467" s="14" t="s">
        <v>1</v>
      </c>
      <c r="C60467" s="14" t="s">
        <v>47</v>
      </c>
      <c r="D60467" s="14" t="s">
        <v>114</v>
      </c>
      <c r="E60467" s="15">
        <v>45618</v>
      </c>
      <c r="F60467" s="14" t="s">
        <v>15</v>
      </c>
      <c r="G60467" s="16">
        <v>0</v>
      </c>
    </row>
    <row r="60468" spans="1:7" x14ac:dyDescent="0.3">
      <c r="A60468" s="13" t="s">
        <v>326</v>
      </c>
      <c r="B60468" s="14" t="s">
        <v>1</v>
      </c>
      <c r="C60468" s="14" t="s">
        <v>47</v>
      </c>
      <c r="D60468" s="14" t="s">
        <v>114</v>
      </c>
      <c r="E60468" s="15">
        <v>45619</v>
      </c>
      <c r="F60468" s="14" t="s">
        <v>15</v>
      </c>
      <c r="G60468" s="16">
        <v>0</v>
      </c>
    </row>
    <row r="60469" spans="1:7" x14ac:dyDescent="0.3">
      <c r="A60469" s="13" t="s">
        <v>326</v>
      </c>
      <c r="B60469" s="14" t="s">
        <v>1</v>
      </c>
      <c r="C60469" s="14" t="s">
        <v>47</v>
      </c>
      <c r="D60469" s="14" t="s">
        <v>114</v>
      </c>
      <c r="E60469" s="15">
        <v>45620</v>
      </c>
      <c r="F60469" s="14" t="s">
        <v>15</v>
      </c>
      <c r="G60469" s="16">
        <v>0</v>
      </c>
    </row>
    <row r="60470" spans="1:7" x14ac:dyDescent="0.3">
      <c r="A60470" s="13" t="s">
        <v>326</v>
      </c>
      <c r="B60470" s="14" t="s">
        <v>1</v>
      </c>
      <c r="C60470" s="14" t="s">
        <v>47</v>
      </c>
      <c r="D60470" s="14" t="s">
        <v>114</v>
      </c>
      <c r="E60470" s="15">
        <v>45621</v>
      </c>
      <c r="F60470" s="14" t="s">
        <v>15</v>
      </c>
      <c r="G60470" s="16">
        <v>0</v>
      </c>
    </row>
    <row r="60471" spans="1:7" x14ac:dyDescent="0.3">
      <c r="A60471" s="13" t="s">
        <v>326</v>
      </c>
      <c r="B60471" s="14" t="s">
        <v>1</v>
      </c>
      <c r="C60471" s="14" t="s">
        <v>47</v>
      </c>
      <c r="D60471" s="14" t="s">
        <v>114</v>
      </c>
      <c r="E60471" s="15">
        <v>45622</v>
      </c>
      <c r="F60471" s="14" t="s">
        <v>15</v>
      </c>
      <c r="G60471" s="16">
        <v>0</v>
      </c>
    </row>
    <row r="60472" spans="1:7" x14ac:dyDescent="0.3">
      <c r="A60472" s="13" t="s">
        <v>326</v>
      </c>
      <c r="B60472" s="14" t="s">
        <v>1</v>
      </c>
      <c r="C60472" s="14" t="s">
        <v>47</v>
      </c>
      <c r="D60472" s="14" t="s">
        <v>114</v>
      </c>
      <c r="E60472" s="15">
        <v>45623</v>
      </c>
      <c r="F60472" s="14" t="s">
        <v>15</v>
      </c>
      <c r="G60472" s="16">
        <v>0</v>
      </c>
    </row>
    <row r="60473" spans="1:7" x14ac:dyDescent="0.3">
      <c r="A60473" s="13" t="s">
        <v>326</v>
      </c>
      <c r="B60473" s="14" t="s">
        <v>1</v>
      </c>
      <c r="C60473" s="14" t="s">
        <v>47</v>
      </c>
      <c r="D60473" s="14" t="s">
        <v>114</v>
      </c>
      <c r="E60473" s="15">
        <v>45624</v>
      </c>
      <c r="F60473" s="14" t="s">
        <v>15</v>
      </c>
      <c r="G60473" s="16">
        <v>0</v>
      </c>
    </row>
    <row r="60474" spans="1:7" x14ac:dyDescent="0.3">
      <c r="A60474" s="13" t="s">
        <v>326</v>
      </c>
      <c r="B60474" s="14" t="s">
        <v>1</v>
      </c>
      <c r="C60474" s="14" t="s">
        <v>47</v>
      </c>
      <c r="D60474" s="14" t="s">
        <v>114</v>
      </c>
      <c r="E60474" s="15">
        <v>45625</v>
      </c>
      <c r="F60474" s="14" t="s">
        <v>15</v>
      </c>
      <c r="G60474" s="16">
        <v>0</v>
      </c>
    </row>
    <row r="60475" spans="1:7" x14ac:dyDescent="0.3">
      <c r="A60475" s="13" t="s">
        <v>326</v>
      </c>
      <c r="B60475" s="14" t="s">
        <v>1</v>
      </c>
      <c r="C60475" s="14" t="s">
        <v>47</v>
      </c>
      <c r="D60475" s="14" t="s">
        <v>114</v>
      </c>
      <c r="E60475" s="15">
        <v>45626</v>
      </c>
      <c r="F60475" s="14" t="s">
        <v>15</v>
      </c>
      <c r="G60475" s="16">
        <v>0</v>
      </c>
    </row>
    <row r="60476" spans="1:7" x14ac:dyDescent="0.3">
      <c r="A60476" s="13" t="s">
        <v>326</v>
      </c>
      <c r="B60476" s="14" t="s">
        <v>1</v>
      </c>
      <c r="C60476" s="14" t="s">
        <v>47</v>
      </c>
      <c r="D60476" s="14" t="s">
        <v>114</v>
      </c>
      <c r="E60476" s="15">
        <v>45627</v>
      </c>
      <c r="F60476" s="14" t="s">
        <v>15</v>
      </c>
      <c r="G60476" s="16">
        <v>0</v>
      </c>
    </row>
    <row r="60477" spans="1:7" x14ac:dyDescent="0.3">
      <c r="A60477" s="13" t="s">
        <v>326</v>
      </c>
      <c r="B60477" s="14" t="s">
        <v>1</v>
      </c>
      <c r="C60477" s="14" t="s">
        <v>47</v>
      </c>
      <c r="D60477" s="14" t="s">
        <v>114</v>
      </c>
      <c r="E60477" s="15">
        <v>45628</v>
      </c>
      <c r="F60477" s="14" t="s">
        <v>15</v>
      </c>
      <c r="G60477" s="16">
        <v>0</v>
      </c>
    </row>
    <row r="60478" spans="1:7" x14ac:dyDescent="0.3">
      <c r="A60478" s="13" t="s">
        <v>326</v>
      </c>
      <c r="B60478" s="14" t="s">
        <v>1</v>
      </c>
      <c r="C60478" s="14" t="s">
        <v>47</v>
      </c>
      <c r="D60478" s="14" t="s">
        <v>114</v>
      </c>
      <c r="E60478" s="15">
        <v>45629</v>
      </c>
      <c r="F60478" s="14" t="s">
        <v>15</v>
      </c>
      <c r="G60478" s="16">
        <v>0</v>
      </c>
    </row>
    <row r="60479" spans="1:7" x14ac:dyDescent="0.3">
      <c r="A60479" s="13" t="s">
        <v>326</v>
      </c>
      <c r="B60479" s="14" t="s">
        <v>1</v>
      </c>
      <c r="C60479" s="14" t="s">
        <v>47</v>
      </c>
      <c r="D60479" s="14" t="s">
        <v>114</v>
      </c>
      <c r="E60479" s="15">
        <v>45630</v>
      </c>
      <c r="F60479" s="14" t="s">
        <v>15</v>
      </c>
      <c r="G60479" s="16">
        <v>0</v>
      </c>
    </row>
    <row r="60480" spans="1:7" x14ac:dyDescent="0.3">
      <c r="A60480" s="13" t="s">
        <v>326</v>
      </c>
      <c r="B60480" s="14" t="s">
        <v>1</v>
      </c>
      <c r="C60480" s="14" t="s">
        <v>47</v>
      </c>
      <c r="D60480" s="14" t="s">
        <v>114</v>
      </c>
      <c r="E60480" s="15">
        <v>45631</v>
      </c>
      <c r="F60480" s="14" t="s">
        <v>15</v>
      </c>
      <c r="G60480" s="16">
        <v>0</v>
      </c>
    </row>
    <row r="60481" spans="1:7" x14ac:dyDescent="0.3">
      <c r="A60481" s="13" t="s">
        <v>326</v>
      </c>
      <c r="B60481" s="14" t="s">
        <v>1</v>
      </c>
      <c r="C60481" s="14" t="s">
        <v>47</v>
      </c>
      <c r="D60481" s="14" t="s">
        <v>114</v>
      </c>
      <c r="E60481" s="15">
        <v>45632</v>
      </c>
      <c r="F60481" s="14" t="s">
        <v>15</v>
      </c>
      <c r="G60481" s="16">
        <v>0</v>
      </c>
    </row>
    <row r="60482" spans="1:7" x14ac:dyDescent="0.3">
      <c r="A60482" s="13" t="s">
        <v>326</v>
      </c>
      <c r="B60482" s="14" t="s">
        <v>1</v>
      </c>
      <c r="C60482" s="14" t="s">
        <v>47</v>
      </c>
      <c r="D60482" s="14" t="s">
        <v>114</v>
      </c>
      <c r="E60482" s="15">
        <v>45633</v>
      </c>
      <c r="F60482" s="14" t="s">
        <v>15</v>
      </c>
      <c r="G60482" s="16">
        <v>0</v>
      </c>
    </row>
    <row r="60483" spans="1:7" x14ac:dyDescent="0.3">
      <c r="A60483" s="13" t="s">
        <v>326</v>
      </c>
      <c r="B60483" s="14" t="s">
        <v>1</v>
      </c>
      <c r="C60483" s="14" t="s">
        <v>47</v>
      </c>
      <c r="D60483" s="14" t="s">
        <v>114</v>
      </c>
      <c r="E60483" s="15">
        <v>45634</v>
      </c>
      <c r="F60483" s="14" t="s">
        <v>15</v>
      </c>
      <c r="G60483" s="16">
        <v>0</v>
      </c>
    </row>
    <row r="60484" spans="1:7" x14ac:dyDescent="0.3">
      <c r="A60484" s="13" t="s">
        <v>326</v>
      </c>
      <c r="B60484" s="14" t="s">
        <v>1</v>
      </c>
      <c r="C60484" s="14" t="s">
        <v>47</v>
      </c>
      <c r="D60484" s="14" t="s">
        <v>114</v>
      </c>
      <c r="E60484" s="15">
        <v>45635</v>
      </c>
      <c r="F60484" s="14" t="s">
        <v>15</v>
      </c>
      <c r="G60484" s="16">
        <v>0</v>
      </c>
    </row>
    <row r="60485" spans="1:7" x14ac:dyDescent="0.3">
      <c r="A60485" s="13" t="s">
        <v>326</v>
      </c>
      <c r="B60485" s="14" t="s">
        <v>1</v>
      </c>
      <c r="C60485" s="14" t="s">
        <v>47</v>
      </c>
      <c r="D60485" s="14" t="s">
        <v>114</v>
      </c>
      <c r="E60485" s="15">
        <v>45636</v>
      </c>
      <c r="F60485" s="14" t="s">
        <v>15</v>
      </c>
      <c r="G60485" s="16">
        <v>0</v>
      </c>
    </row>
    <row r="60486" spans="1:7" x14ac:dyDescent="0.3">
      <c r="A60486" s="13" t="s">
        <v>326</v>
      </c>
      <c r="B60486" s="14" t="s">
        <v>1</v>
      </c>
      <c r="C60486" s="14" t="s">
        <v>47</v>
      </c>
      <c r="D60486" s="14" t="s">
        <v>114</v>
      </c>
      <c r="E60486" s="15">
        <v>45637</v>
      </c>
      <c r="F60486" s="14" t="s">
        <v>15</v>
      </c>
      <c r="G60486" s="16">
        <v>0</v>
      </c>
    </row>
    <row r="60487" spans="1:7" x14ac:dyDescent="0.3">
      <c r="A60487" s="13" t="s">
        <v>326</v>
      </c>
      <c r="B60487" s="14" t="s">
        <v>1</v>
      </c>
      <c r="C60487" s="14" t="s">
        <v>47</v>
      </c>
      <c r="D60487" s="14" t="s">
        <v>114</v>
      </c>
      <c r="E60487" s="15">
        <v>45638</v>
      </c>
      <c r="F60487" s="14" t="s">
        <v>15</v>
      </c>
      <c r="G60487" s="16">
        <v>0</v>
      </c>
    </row>
    <row r="60488" spans="1:7" x14ac:dyDescent="0.3">
      <c r="A60488" s="13" t="s">
        <v>326</v>
      </c>
      <c r="B60488" s="14" t="s">
        <v>1</v>
      </c>
      <c r="C60488" s="14" t="s">
        <v>47</v>
      </c>
      <c r="D60488" s="14" t="s">
        <v>114</v>
      </c>
      <c r="E60488" s="15">
        <v>45639</v>
      </c>
      <c r="F60488" s="14" t="s">
        <v>15</v>
      </c>
      <c r="G60488" s="16">
        <v>0</v>
      </c>
    </row>
    <row r="60489" spans="1:7" x14ac:dyDescent="0.3">
      <c r="A60489" s="13" t="s">
        <v>326</v>
      </c>
      <c r="B60489" s="14" t="s">
        <v>1</v>
      </c>
      <c r="C60489" s="14" t="s">
        <v>47</v>
      </c>
      <c r="D60489" s="14" t="s">
        <v>114</v>
      </c>
      <c r="E60489" s="15">
        <v>45640</v>
      </c>
      <c r="F60489" s="14" t="s">
        <v>15</v>
      </c>
      <c r="G60489" s="16">
        <v>0</v>
      </c>
    </row>
    <row r="60490" spans="1:7" x14ac:dyDescent="0.3">
      <c r="A60490" s="13" t="s">
        <v>326</v>
      </c>
      <c r="B60490" s="14" t="s">
        <v>1</v>
      </c>
      <c r="C60490" s="14" t="s">
        <v>47</v>
      </c>
      <c r="D60490" s="14" t="s">
        <v>114</v>
      </c>
      <c r="E60490" s="15">
        <v>45641</v>
      </c>
      <c r="F60490" s="14" t="s">
        <v>15</v>
      </c>
      <c r="G60490" s="16">
        <v>0</v>
      </c>
    </row>
    <row r="60491" spans="1:7" x14ac:dyDescent="0.3">
      <c r="A60491" s="13" t="s">
        <v>326</v>
      </c>
      <c r="B60491" s="14" t="s">
        <v>1</v>
      </c>
      <c r="C60491" s="14" t="s">
        <v>47</v>
      </c>
      <c r="D60491" s="14" t="s">
        <v>114</v>
      </c>
      <c r="E60491" s="15">
        <v>45642</v>
      </c>
      <c r="F60491" s="14" t="s">
        <v>15</v>
      </c>
      <c r="G60491" s="16">
        <v>0</v>
      </c>
    </row>
    <row r="60492" spans="1:7" x14ac:dyDescent="0.3">
      <c r="A60492" s="13" t="s">
        <v>326</v>
      </c>
      <c r="B60492" s="14" t="s">
        <v>1</v>
      </c>
      <c r="C60492" s="14" t="s">
        <v>47</v>
      </c>
      <c r="D60492" s="14" t="s">
        <v>114</v>
      </c>
      <c r="E60492" s="15">
        <v>45643</v>
      </c>
      <c r="F60492" s="14" t="s">
        <v>15</v>
      </c>
      <c r="G60492" s="16">
        <v>0</v>
      </c>
    </row>
    <row r="60493" spans="1:7" x14ac:dyDescent="0.3">
      <c r="A60493" s="13" t="s">
        <v>326</v>
      </c>
      <c r="B60493" s="14" t="s">
        <v>1</v>
      </c>
      <c r="C60493" s="14" t="s">
        <v>47</v>
      </c>
      <c r="D60493" s="14" t="s">
        <v>114</v>
      </c>
      <c r="E60493" s="15">
        <v>45644</v>
      </c>
      <c r="F60493" s="14" t="s">
        <v>15</v>
      </c>
      <c r="G60493" s="16">
        <v>0</v>
      </c>
    </row>
    <row r="60494" spans="1:7" x14ac:dyDescent="0.3">
      <c r="A60494" s="13" t="s">
        <v>326</v>
      </c>
      <c r="B60494" s="14" t="s">
        <v>1</v>
      </c>
      <c r="C60494" s="14" t="s">
        <v>47</v>
      </c>
      <c r="D60494" s="14" t="s">
        <v>114</v>
      </c>
      <c r="E60494" s="15">
        <v>45645</v>
      </c>
      <c r="F60494" s="14" t="s">
        <v>15</v>
      </c>
      <c r="G60494" s="16">
        <v>0</v>
      </c>
    </row>
    <row r="60495" spans="1:7" x14ac:dyDescent="0.3">
      <c r="A60495" s="13" t="s">
        <v>326</v>
      </c>
      <c r="B60495" s="14" t="s">
        <v>1</v>
      </c>
      <c r="C60495" s="14" t="s">
        <v>47</v>
      </c>
      <c r="D60495" s="14" t="s">
        <v>114</v>
      </c>
      <c r="E60495" s="15">
        <v>45646</v>
      </c>
      <c r="F60495" s="14" t="s">
        <v>15</v>
      </c>
      <c r="G60495" s="16">
        <v>0</v>
      </c>
    </row>
    <row r="60496" spans="1:7" x14ac:dyDescent="0.3">
      <c r="A60496" s="13" t="s">
        <v>326</v>
      </c>
      <c r="B60496" s="14" t="s">
        <v>1</v>
      </c>
      <c r="C60496" s="14" t="s">
        <v>47</v>
      </c>
      <c r="D60496" s="14" t="s">
        <v>114</v>
      </c>
      <c r="E60496" s="15">
        <v>45647</v>
      </c>
      <c r="F60496" s="14" t="s">
        <v>15</v>
      </c>
      <c r="G60496" s="16">
        <v>0</v>
      </c>
    </row>
    <row r="60497" spans="1:7" x14ac:dyDescent="0.3">
      <c r="A60497" s="13" t="s">
        <v>326</v>
      </c>
      <c r="B60497" s="14" t="s">
        <v>1</v>
      </c>
      <c r="C60497" s="14" t="s">
        <v>47</v>
      </c>
      <c r="D60497" s="14" t="s">
        <v>114</v>
      </c>
      <c r="E60497" s="15">
        <v>45648</v>
      </c>
      <c r="F60497" s="14" t="s">
        <v>15</v>
      </c>
      <c r="G60497" s="16">
        <v>0</v>
      </c>
    </row>
    <row r="60498" spans="1:7" x14ac:dyDescent="0.3">
      <c r="A60498" s="13" t="s">
        <v>326</v>
      </c>
      <c r="B60498" s="14" t="s">
        <v>1</v>
      </c>
      <c r="C60498" s="14" t="s">
        <v>47</v>
      </c>
      <c r="D60498" s="14" t="s">
        <v>114</v>
      </c>
      <c r="E60498" s="15">
        <v>45649</v>
      </c>
      <c r="F60498" s="14" t="s">
        <v>15</v>
      </c>
      <c r="G60498" s="16">
        <v>0</v>
      </c>
    </row>
    <row r="60499" spans="1:7" x14ac:dyDescent="0.3">
      <c r="A60499" s="13" t="s">
        <v>326</v>
      </c>
      <c r="B60499" s="14" t="s">
        <v>1</v>
      </c>
      <c r="C60499" s="14" t="s">
        <v>47</v>
      </c>
      <c r="D60499" s="14" t="s">
        <v>114</v>
      </c>
      <c r="E60499" s="15">
        <v>45650</v>
      </c>
      <c r="F60499" s="14" t="s">
        <v>15</v>
      </c>
      <c r="G60499" s="16">
        <v>0</v>
      </c>
    </row>
    <row r="60500" spans="1:7" x14ac:dyDescent="0.3">
      <c r="A60500" s="13" t="s">
        <v>326</v>
      </c>
      <c r="B60500" s="14" t="s">
        <v>1</v>
      </c>
      <c r="C60500" s="14" t="s">
        <v>47</v>
      </c>
      <c r="D60500" s="14" t="s">
        <v>114</v>
      </c>
      <c r="E60500" s="15">
        <v>45651</v>
      </c>
      <c r="F60500" s="14" t="s">
        <v>15</v>
      </c>
      <c r="G60500" s="16">
        <v>0</v>
      </c>
    </row>
    <row r="60501" spans="1:7" x14ac:dyDescent="0.3">
      <c r="A60501" s="13" t="s">
        <v>326</v>
      </c>
      <c r="B60501" s="14" t="s">
        <v>1</v>
      </c>
      <c r="C60501" s="14" t="s">
        <v>47</v>
      </c>
      <c r="D60501" s="14" t="s">
        <v>114</v>
      </c>
      <c r="E60501" s="15">
        <v>45652</v>
      </c>
      <c r="F60501" s="14" t="s">
        <v>15</v>
      </c>
      <c r="G60501" s="16">
        <v>0</v>
      </c>
    </row>
    <row r="60502" spans="1:7" x14ac:dyDescent="0.3">
      <c r="A60502" s="13" t="s">
        <v>326</v>
      </c>
      <c r="B60502" s="14" t="s">
        <v>1</v>
      </c>
      <c r="C60502" s="14" t="s">
        <v>47</v>
      </c>
      <c r="D60502" s="14" t="s">
        <v>114</v>
      </c>
      <c r="E60502" s="15">
        <v>45653</v>
      </c>
      <c r="F60502" s="14" t="s">
        <v>15</v>
      </c>
      <c r="G60502" s="16">
        <v>0</v>
      </c>
    </row>
    <row r="60503" spans="1:7" x14ac:dyDescent="0.3">
      <c r="A60503" s="13" t="s">
        <v>326</v>
      </c>
      <c r="B60503" s="14" t="s">
        <v>1</v>
      </c>
      <c r="C60503" s="14" t="s">
        <v>47</v>
      </c>
      <c r="D60503" s="14" t="s">
        <v>114</v>
      </c>
      <c r="E60503" s="15">
        <v>45654</v>
      </c>
      <c r="F60503" s="14" t="s">
        <v>15</v>
      </c>
      <c r="G60503" s="16">
        <v>0</v>
      </c>
    </row>
    <row r="60504" spans="1:7" x14ac:dyDescent="0.3">
      <c r="A60504" s="13" t="s">
        <v>326</v>
      </c>
      <c r="B60504" s="14" t="s">
        <v>1</v>
      </c>
      <c r="C60504" s="14" t="s">
        <v>47</v>
      </c>
      <c r="D60504" s="14" t="s">
        <v>114</v>
      </c>
      <c r="E60504" s="15">
        <v>45655</v>
      </c>
      <c r="F60504" s="14" t="s">
        <v>15</v>
      </c>
      <c r="G60504" s="16">
        <v>0</v>
      </c>
    </row>
    <row r="60505" spans="1:7" x14ac:dyDescent="0.3">
      <c r="A60505" s="13" t="s">
        <v>326</v>
      </c>
      <c r="B60505" s="14" t="s">
        <v>1</v>
      </c>
      <c r="C60505" s="14" t="s">
        <v>47</v>
      </c>
      <c r="D60505" s="14" t="s">
        <v>114</v>
      </c>
      <c r="E60505" s="15">
        <v>45656</v>
      </c>
      <c r="F60505" s="14" t="s">
        <v>15</v>
      </c>
      <c r="G60505" s="16">
        <v>0</v>
      </c>
    </row>
    <row r="60506" spans="1:7" x14ac:dyDescent="0.3">
      <c r="A60506" s="13" t="s">
        <v>326</v>
      </c>
      <c r="B60506" s="14" t="s">
        <v>1</v>
      </c>
      <c r="C60506" s="14" t="s">
        <v>47</v>
      </c>
      <c r="D60506" s="14" t="s">
        <v>114</v>
      </c>
      <c r="E60506" s="15">
        <v>45657</v>
      </c>
      <c r="F60506" s="14" t="s">
        <v>15</v>
      </c>
      <c r="G60506" s="16">
        <v>0</v>
      </c>
    </row>
    <row r="60507" spans="1:7" x14ac:dyDescent="0.3">
      <c r="A60507" s="13" t="s">
        <v>326</v>
      </c>
      <c r="B60507" s="14" t="s">
        <v>1</v>
      </c>
      <c r="C60507" s="14" t="s">
        <v>47</v>
      </c>
      <c r="D60507" s="14" t="s">
        <v>114</v>
      </c>
      <c r="E60507" s="15">
        <v>45658</v>
      </c>
      <c r="F60507" s="14" t="s">
        <v>15</v>
      </c>
      <c r="G60507" s="16">
        <v>0</v>
      </c>
    </row>
    <row r="60508" spans="1:7" x14ac:dyDescent="0.3">
      <c r="A60508" s="13" t="s">
        <v>326</v>
      </c>
      <c r="B60508" s="14" t="s">
        <v>1</v>
      </c>
      <c r="C60508" s="14" t="s">
        <v>47</v>
      </c>
      <c r="D60508" s="14" t="s">
        <v>114</v>
      </c>
      <c r="E60508" s="15">
        <v>45659</v>
      </c>
      <c r="F60508" s="14" t="s">
        <v>15</v>
      </c>
      <c r="G60508" s="16">
        <v>0</v>
      </c>
    </row>
    <row r="60509" spans="1:7" x14ac:dyDescent="0.3">
      <c r="A60509" s="13" t="s">
        <v>326</v>
      </c>
      <c r="B60509" s="14" t="s">
        <v>1</v>
      </c>
      <c r="C60509" s="14" t="s">
        <v>47</v>
      </c>
      <c r="D60509" s="14" t="s">
        <v>114</v>
      </c>
      <c r="E60509" s="15">
        <v>45660</v>
      </c>
      <c r="F60509" s="14" t="s">
        <v>15</v>
      </c>
      <c r="G60509" s="16">
        <v>0</v>
      </c>
    </row>
    <row r="60510" spans="1:7" x14ac:dyDescent="0.3">
      <c r="A60510" s="13" t="s">
        <v>326</v>
      </c>
      <c r="B60510" s="14" t="s">
        <v>1</v>
      </c>
      <c r="C60510" s="14" t="s">
        <v>47</v>
      </c>
      <c r="D60510" s="14" t="s">
        <v>114</v>
      </c>
      <c r="E60510" s="15">
        <v>45661</v>
      </c>
      <c r="F60510" s="14" t="s">
        <v>15</v>
      </c>
      <c r="G60510" s="16">
        <v>0</v>
      </c>
    </row>
    <row r="60511" spans="1:7" x14ac:dyDescent="0.3">
      <c r="A60511" s="13" t="s">
        <v>326</v>
      </c>
      <c r="B60511" s="14" t="s">
        <v>1</v>
      </c>
      <c r="C60511" s="14" t="s">
        <v>47</v>
      </c>
      <c r="D60511" s="14" t="s">
        <v>114</v>
      </c>
      <c r="E60511" s="15">
        <v>45662</v>
      </c>
      <c r="F60511" s="14" t="s">
        <v>15</v>
      </c>
      <c r="G60511" s="16">
        <v>0</v>
      </c>
    </row>
    <row r="60512" spans="1:7" x14ac:dyDescent="0.3">
      <c r="A60512" s="13" t="s">
        <v>326</v>
      </c>
      <c r="B60512" s="14" t="s">
        <v>1</v>
      </c>
      <c r="C60512" s="14" t="s">
        <v>47</v>
      </c>
      <c r="D60512" s="14" t="s">
        <v>114</v>
      </c>
      <c r="E60512" s="15">
        <v>45663</v>
      </c>
      <c r="F60512" s="14" t="s">
        <v>15</v>
      </c>
      <c r="G60512" s="16">
        <v>0</v>
      </c>
    </row>
    <row r="60513" spans="1:7" x14ac:dyDescent="0.3">
      <c r="A60513" s="13" t="s">
        <v>326</v>
      </c>
      <c r="B60513" s="14" t="s">
        <v>1</v>
      </c>
      <c r="C60513" s="14" t="s">
        <v>47</v>
      </c>
      <c r="D60513" s="14" t="s">
        <v>114</v>
      </c>
      <c r="E60513" s="15">
        <v>45664</v>
      </c>
      <c r="F60513" s="14" t="s">
        <v>15</v>
      </c>
      <c r="G60513" s="16">
        <v>0</v>
      </c>
    </row>
    <row r="60514" spans="1:7" x14ac:dyDescent="0.3">
      <c r="A60514" s="13" t="s">
        <v>326</v>
      </c>
      <c r="B60514" s="14" t="s">
        <v>1</v>
      </c>
      <c r="C60514" s="14" t="s">
        <v>47</v>
      </c>
      <c r="D60514" s="14" t="s">
        <v>114</v>
      </c>
      <c r="E60514" s="15">
        <v>45665</v>
      </c>
      <c r="F60514" s="14" t="s">
        <v>15</v>
      </c>
      <c r="G60514" s="16">
        <v>0</v>
      </c>
    </row>
    <row r="60515" spans="1:7" x14ac:dyDescent="0.3">
      <c r="A60515" s="13" t="s">
        <v>326</v>
      </c>
      <c r="B60515" s="14" t="s">
        <v>1</v>
      </c>
      <c r="C60515" s="14" t="s">
        <v>47</v>
      </c>
      <c r="D60515" s="14" t="s">
        <v>114</v>
      </c>
      <c r="E60515" s="15">
        <v>45666</v>
      </c>
      <c r="F60515" s="14" t="s">
        <v>15</v>
      </c>
      <c r="G60515" s="16">
        <v>0</v>
      </c>
    </row>
    <row r="60516" spans="1:7" x14ac:dyDescent="0.3">
      <c r="A60516" s="13" t="s">
        <v>326</v>
      </c>
      <c r="B60516" s="14" t="s">
        <v>1</v>
      </c>
      <c r="C60516" s="14" t="s">
        <v>47</v>
      </c>
      <c r="D60516" s="14" t="s">
        <v>114</v>
      </c>
      <c r="E60516" s="15">
        <v>45667</v>
      </c>
      <c r="F60516" s="14" t="s">
        <v>15</v>
      </c>
      <c r="G60516" s="16">
        <v>0</v>
      </c>
    </row>
    <row r="60517" spans="1:7" x14ac:dyDescent="0.3">
      <c r="A60517" s="13" t="s">
        <v>326</v>
      </c>
      <c r="B60517" s="14" t="s">
        <v>1</v>
      </c>
      <c r="C60517" s="14" t="s">
        <v>47</v>
      </c>
      <c r="D60517" s="14" t="s">
        <v>114</v>
      </c>
      <c r="E60517" s="15">
        <v>45668</v>
      </c>
      <c r="F60517" s="14" t="s">
        <v>15</v>
      </c>
      <c r="G60517" s="16">
        <v>0</v>
      </c>
    </row>
    <row r="60518" spans="1:7" x14ac:dyDescent="0.3">
      <c r="A60518" s="13" t="s">
        <v>326</v>
      </c>
      <c r="B60518" s="14" t="s">
        <v>1</v>
      </c>
      <c r="C60518" s="14" t="s">
        <v>47</v>
      </c>
      <c r="D60518" s="14" t="s">
        <v>114</v>
      </c>
      <c r="E60518" s="15">
        <v>45669</v>
      </c>
      <c r="F60518" s="14" t="s">
        <v>15</v>
      </c>
      <c r="G60518" s="16">
        <v>0</v>
      </c>
    </row>
    <row r="60519" spans="1:7" x14ac:dyDescent="0.3">
      <c r="A60519" s="13" t="s">
        <v>326</v>
      </c>
      <c r="B60519" s="14" t="s">
        <v>1</v>
      </c>
      <c r="C60519" s="14" t="s">
        <v>47</v>
      </c>
      <c r="D60519" s="14" t="s">
        <v>114</v>
      </c>
      <c r="E60519" s="15">
        <v>45670</v>
      </c>
      <c r="F60519" s="14" t="s">
        <v>15</v>
      </c>
      <c r="G60519" s="16">
        <v>0</v>
      </c>
    </row>
    <row r="60520" spans="1:7" x14ac:dyDescent="0.3">
      <c r="A60520" s="13" t="s">
        <v>326</v>
      </c>
      <c r="B60520" s="14" t="s">
        <v>1</v>
      </c>
      <c r="C60520" s="14" t="s">
        <v>47</v>
      </c>
      <c r="D60520" s="14" t="s">
        <v>114</v>
      </c>
      <c r="E60520" s="15">
        <v>45671</v>
      </c>
      <c r="F60520" s="14" t="s">
        <v>15</v>
      </c>
      <c r="G60520" s="16">
        <v>0</v>
      </c>
    </row>
    <row r="60521" spans="1:7" x14ac:dyDescent="0.3">
      <c r="A60521" s="13" t="s">
        <v>326</v>
      </c>
      <c r="B60521" s="14" t="s">
        <v>1</v>
      </c>
      <c r="C60521" s="14" t="s">
        <v>47</v>
      </c>
      <c r="D60521" s="14" t="s">
        <v>114</v>
      </c>
      <c r="E60521" s="15">
        <v>45672</v>
      </c>
      <c r="F60521" s="14" t="s">
        <v>15</v>
      </c>
      <c r="G60521" s="16">
        <v>0</v>
      </c>
    </row>
    <row r="60522" spans="1:7" x14ac:dyDescent="0.3">
      <c r="A60522" s="13" t="s">
        <v>326</v>
      </c>
      <c r="B60522" s="14" t="s">
        <v>1</v>
      </c>
      <c r="C60522" s="14" t="s">
        <v>47</v>
      </c>
      <c r="D60522" s="14" t="s">
        <v>114</v>
      </c>
      <c r="E60522" s="15">
        <v>45673</v>
      </c>
      <c r="F60522" s="14" t="s">
        <v>15</v>
      </c>
      <c r="G60522" s="16">
        <v>0</v>
      </c>
    </row>
    <row r="60523" spans="1:7" x14ac:dyDescent="0.3">
      <c r="A60523" s="13" t="s">
        <v>326</v>
      </c>
      <c r="B60523" s="14" t="s">
        <v>1</v>
      </c>
      <c r="C60523" s="14" t="s">
        <v>47</v>
      </c>
      <c r="D60523" s="14" t="s">
        <v>114</v>
      </c>
      <c r="E60523" s="15">
        <v>45674</v>
      </c>
      <c r="F60523" s="14" t="s">
        <v>15</v>
      </c>
      <c r="G60523" s="16">
        <v>0</v>
      </c>
    </row>
    <row r="60524" spans="1:7" x14ac:dyDescent="0.3">
      <c r="A60524" s="13" t="s">
        <v>326</v>
      </c>
      <c r="B60524" s="14" t="s">
        <v>1</v>
      </c>
      <c r="C60524" s="14" t="s">
        <v>47</v>
      </c>
      <c r="D60524" s="14" t="s">
        <v>114</v>
      </c>
      <c r="E60524" s="15">
        <v>45675</v>
      </c>
      <c r="F60524" s="14" t="s">
        <v>15</v>
      </c>
      <c r="G60524" s="16">
        <v>0</v>
      </c>
    </row>
    <row r="60525" spans="1:7" x14ac:dyDescent="0.3">
      <c r="A60525" s="13" t="s">
        <v>326</v>
      </c>
      <c r="B60525" s="14" t="s">
        <v>1</v>
      </c>
      <c r="C60525" s="14" t="s">
        <v>47</v>
      </c>
      <c r="D60525" s="14" t="s">
        <v>114</v>
      </c>
      <c r="E60525" s="15">
        <v>45676</v>
      </c>
      <c r="F60525" s="14" t="s">
        <v>15</v>
      </c>
      <c r="G60525" s="16">
        <v>0</v>
      </c>
    </row>
    <row r="60526" spans="1:7" x14ac:dyDescent="0.3">
      <c r="A60526" s="13" t="s">
        <v>326</v>
      </c>
      <c r="B60526" s="14" t="s">
        <v>1</v>
      </c>
      <c r="C60526" s="14" t="s">
        <v>47</v>
      </c>
      <c r="D60526" s="14" t="s">
        <v>114</v>
      </c>
      <c r="E60526" s="15">
        <v>45677</v>
      </c>
      <c r="F60526" s="14" t="s">
        <v>15</v>
      </c>
      <c r="G60526" s="16">
        <v>0</v>
      </c>
    </row>
    <row r="60527" spans="1:7" x14ac:dyDescent="0.3">
      <c r="A60527" s="13" t="s">
        <v>326</v>
      </c>
      <c r="B60527" s="14" t="s">
        <v>1</v>
      </c>
      <c r="C60527" s="14" t="s">
        <v>47</v>
      </c>
      <c r="D60527" s="14" t="s">
        <v>114</v>
      </c>
      <c r="E60527" s="15">
        <v>45678</v>
      </c>
      <c r="F60527" s="14" t="s">
        <v>15</v>
      </c>
      <c r="G60527" s="16">
        <v>0</v>
      </c>
    </row>
    <row r="60528" spans="1:7" x14ac:dyDescent="0.3">
      <c r="A60528" s="13" t="s">
        <v>326</v>
      </c>
      <c r="B60528" s="14" t="s">
        <v>1</v>
      </c>
      <c r="C60528" s="14" t="s">
        <v>47</v>
      </c>
      <c r="D60528" s="14" t="s">
        <v>114</v>
      </c>
      <c r="E60528" s="15">
        <v>45679</v>
      </c>
      <c r="F60528" s="14" t="s">
        <v>15</v>
      </c>
      <c r="G60528" s="16">
        <v>0</v>
      </c>
    </row>
    <row r="60529" spans="1:7" x14ac:dyDescent="0.3">
      <c r="A60529" s="13" t="s">
        <v>326</v>
      </c>
      <c r="B60529" s="14" t="s">
        <v>1</v>
      </c>
      <c r="C60529" s="14" t="s">
        <v>47</v>
      </c>
      <c r="D60529" s="14" t="s">
        <v>114</v>
      </c>
      <c r="E60529" s="15">
        <v>45680</v>
      </c>
      <c r="F60529" s="14" t="s">
        <v>15</v>
      </c>
      <c r="G60529" s="16">
        <v>0</v>
      </c>
    </row>
    <row r="60530" spans="1:7" x14ac:dyDescent="0.3">
      <c r="A60530" s="13" t="s">
        <v>326</v>
      </c>
      <c r="B60530" s="14" t="s">
        <v>1</v>
      </c>
      <c r="C60530" s="14" t="s">
        <v>47</v>
      </c>
      <c r="D60530" s="14" t="s">
        <v>114</v>
      </c>
      <c r="E60530" s="15">
        <v>45681</v>
      </c>
      <c r="F60530" s="14" t="s">
        <v>15</v>
      </c>
      <c r="G60530" s="16">
        <v>0</v>
      </c>
    </row>
    <row r="60531" spans="1:7" x14ac:dyDescent="0.3">
      <c r="A60531" s="13" t="s">
        <v>326</v>
      </c>
      <c r="B60531" s="14" t="s">
        <v>1</v>
      </c>
      <c r="C60531" s="14" t="s">
        <v>47</v>
      </c>
      <c r="D60531" s="14" t="s">
        <v>114</v>
      </c>
      <c r="E60531" s="15">
        <v>45682</v>
      </c>
      <c r="F60531" s="14" t="s">
        <v>15</v>
      </c>
      <c r="G60531" s="16">
        <v>0</v>
      </c>
    </row>
    <row r="60532" spans="1:7" x14ac:dyDescent="0.3">
      <c r="A60532" s="13" t="s">
        <v>326</v>
      </c>
      <c r="B60532" s="14" t="s">
        <v>1</v>
      </c>
      <c r="C60532" s="14" t="s">
        <v>47</v>
      </c>
      <c r="D60532" s="14" t="s">
        <v>114</v>
      </c>
      <c r="E60532" s="15">
        <v>45683</v>
      </c>
      <c r="F60532" s="14" t="s">
        <v>15</v>
      </c>
      <c r="G60532" s="16">
        <v>0</v>
      </c>
    </row>
    <row r="60533" spans="1:7" x14ac:dyDescent="0.3">
      <c r="A60533" s="13" t="s">
        <v>326</v>
      </c>
      <c r="B60533" s="14" t="s">
        <v>1</v>
      </c>
      <c r="C60533" s="14" t="s">
        <v>47</v>
      </c>
      <c r="D60533" s="14" t="s">
        <v>114</v>
      </c>
      <c r="E60533" s="15">
        <v>45684</v>
      </c>
      <c r="F60533" s="14" t="s">
        <v>15</v>
      </c>
      <c r="G60533" s="16">
        <v>0</v>
      </c>
    </row>
    <row r="60534" spans="1:7" x14ac:dyDescent="0.3">
      <c r="A60534" s="13" t="s">
        <v>326</v>
      </c>
      <c r="B60534" s="14" t="s">
        <v>1</v>
      </c>
      <c r="C60534" s="14" t="s">
        <v>47</v>
      </c>
      <c r="D60534" s="14" t="s">
        <v>114</v>
      </c>
      <c r="E60534" s="15">
        <v>45685</v>
      </c>
      <c r="F60534" s="14" t="s">
        <v>15</v>
      </c>
      <c r="G60534" s="16">
        <v>0</v>
      </c>
    </row>
    <row r="60535" spans="1:7" x14ac:dyDescent="0.3">
      <c r="A60535" s="13" t="s">
        <v>326</v>
      </c>
      <c r="B60535" s="14" t="s">
        <v>1</v>
      </c>
      <c r="C60535" s="14" t="s">
        <v>47</v>
      </c>
      <c r="D60535" s="14" t="s">
        <v>114</v>
      </c>
      <c r="E60535" s="15">
        <v>45686</v>
      </c>
      <c r="F60535" s="14" t="s">
        <v>15</v>
      </c>
      <c r="G60535" s="16">
        <v>0</v>
      </c>
    </row>
    <row r="60536" spans="1:7" x14ac:dyDescent="0.3">
      <c r="A60536" s="13" t="s">
        <v>326</v>
      </c>
      <c r="B60536" s="14" t="s">
        <v>1</v>
      </c>
      <c r="C60536" s="14" t="s">
        <v>47</v>
      </c>
      <c r="D60536" s="14" t="s">
        <v>114</v>
      </c>
      <c r="E60536" s="15">
        <v>45687</v>
      </c>
      <c r="F60536" s="14" t="s">
        <v>15</v>
      </c>
      <c r="G60536" s="16">
        <v>0</v>
      </c>
    </row>
    <row r="60537" spans="1:7" x14ac:dyDescent="0.3">
      <c r="A60537" s="13" t="s">
        <v>326</v>
      </c>
      <c r="B60537" s="14" t="s">
        <v>1</v>
      </c>
      <c r="C60537" s="14" t="s">
        <v>47</v>
      </c>
      <c r="D60537" s="14" t="s">
        <v>114</v>
      </c>
      <c r="E60537" s="15">
        <v>45688</v>
      </c>
      <c r="F60537" s="14" t="s">
        <v>15</v>
      </c>
      <c r="G60537" s="16">
        <v>0</v>
      </c>
    </row>
    <row r="60538" spans="1:7" x14ac:dyDescent="0.3">
      <c r="A60538" s="13" t="s">
        <v>326</v>
      </c>
      <c r="B60538" s="14" t="s">
        <v>1</v>
      </c>
      <c r="C60538" s="14" t="s">
        <v>47</v>
      </c>
      <c r="D60538" s="14" t="s">
        <v>114</v>
      </c>
      <c r="E60538" s="15">
        <v>45689</v>
      </c>
      <c r="F60538" s="14" t="s">
        <v>15</v>
      </c>
      <c r="G60538" s="16">
        <v>0</v>
      </c>
    </row>
    <row r="60539" spans="1:7" x14ac:dyDescent="0.3">
      <c r="A60539" s="13" t="s">
        <v>326</v>
      </c>
      <c r="B60539" s="14" t="s">
        <v>1</v>
      </c>
      <c r="C60539" s="14" t="s">
        <v>47</v>
      </c>
      <c r="D60539" s="14" t="s">
        <v>114</v>
      </c>
      <c r="E60539" s="15">
        <v>45690</v>
      </c>
      <c r="F60539" s="14" t="s">
        <v>15</v>
      </c>
      <c r="G60539" s="16">
        <v>0</v>
      </c>
    </row>
    <row r="60540" spans="1:7" x14ac:dyDescent="0.3">
      <c r="A60540" s="13" t="s">
        <v>326</v>
      </c>
      <c r="B60540" s="14" t="s">
        <v>1</v>
      </c>
      <c r="C60540" s="14" t="s">
        <v>47</v>
      </c>
      <c r="D60540" s="14" t="s">
        <v>114</v>
      </c>
      <c r="E60540" s="15">
        <v>45691</v>
      </c>
      <c r="F60540" s="14" t="s">
        <v>15</v>
      </c>
      <c r="G60540" s="16">
        <v>0</v>
      </c>
    </row>
    <row r="60541" spans="1:7" x14ac:dyDescent="0.3">
      <c r="A60541" s="13" t="s">
        <v>326</v>
      </c>
      <c r="B60541" s="14" t="s">
        <v>1</v>
      </c>
      <c r="C60541" s="14" t="s">
        <v>47</v>
      </c>
      <c r="D60541" s="14" t="s">
        <v>114</v>
      </c>
      <c r="E60541" s="15">
        <v>45692</v>
      </c>
      <c r="F60541" s="14" t="s">
        <v>15</v>
      </c>
      <c r="G60541" s="16">
        <v>0</v>
      </c>
    </row>
    <row r="60542" spans="1:7" x14ac:dyDescent="0.3">
      <c r="A60542" s="13" t="s">
        <v>326</v>
      </c>
      <c r="B60542" s="14" t="s">
        <v>1</v>
      </c>
      <c r="C60542" s="14" t="s">
        <v>47</v>
      </c>
      <c r="D60542" s="14" t="s">
        <v>114</v>
      </c>
      <c r="E60542" s="15">
        <v>45693</v>
      </c>
      <c r="F60542" s="14" t="s">
        <v>15</v>
      </c>
      <c r="G60542" s="16">
        <v>0</v>
      </c>
    </row>
    <row r="60543" spans="1:7" x14ac:dyDescent="0.3">
      <c r="A60543" s="13" t="s">
        <v>326</v>
      </c>
      <c r="B60543" s="14" t="s">
        <v>1</v>
      </c>
      <c r="C60543" s="14" t="s">
        <v>47</v>
      </c>
      <c r="D60543" s="14" t="s">
        <v>114</v>
      </c>
      <c r="E60543" s="15">
        <v>45694</v>
      </c>
      <c r="F60543" s="14" t="s">
        <v>15</v>
      </c>
      <c r="G60543" s="16">
        <v>0</v>
      </c>
    </row>
    <row r="60544" spans="1:7" x14ac:dyDescent="0.3">
      <c r="A60544" s="13" t="s">
        <v>326</v>
      </c>
      <c r="B60544" s="14" t="s">
        <v>1</v>
      </c>
      <c r="C60544" s="14" t="s">
        <v>47</v>
      </c>
      <c r="D60544" s="14" t="s">
        <v>114</v>
      </c>
      <c r="E60544" s="15">
        <v>45695</v>
      </c>
      <c r="F60544" s="14" t="s">
        <v>15</v>
      </c>
      <c r="G60544" s="16">
        <v>0</v>
      </c>
    </row>
    <row r="60545" spans="1:7" x14ac:dyDescent="0.3">
      <c r="A60545" s="13" t="s">
        <v>326</v>
      </c>
      <c r="B60545" s="14" t="s">
        <v>1</v>
      </c>
      <c r="C60545" s="14" t="s">
        <v>47</v>
      </c>
      <c r="D60545" s="14" t="s">
        <v>114</v>
      </c>
      <c r="E60545" s="15">
        <v>45696</v>
      </c>
      <c r="F60545" s="14" t="s">
        <v>15</v>
      </c>
      <c r="G60545" s="16">
        <v>0</v>
      </c>
    </row>
    <row r="60546" spans="1:7" x14ac:dyDescent="0.3">
      <c r="A60546" s="13" t="s">
        <v>326</v>
      </c>
      <c r="B60546" s="14" t="s">
        <v>1</v>
      </c>
      <c r="C60546" s="14" t="s">
        <v>47</v>
      </c>
      <c r="D60546" s="14" t="s">
        <v>114</v>
      </c>
      <c r="E60546" s="15">
        <v>45697</v>
      </c>
      <c r="F60546" s="14" t="s">
        <v>15</v>
      </c>
      <c r="G60546" s="16">
        <v>0</v>
      </c>
    </row>
    <row r="60547" spans="1:7" x14ac:dyDescent="0.3">
      <c r="A60547" s="13" t="s">
        <v>326</v>
      </c>
      <c r="B60547" s="14" t="s">
        <v>1</v>
      </c>
      <c r="C60547" s="14" t="s">
        <v>47</v>
      </c>
      <c r="D60547" s="14" t="s">
        <v>114</v>
      </c>
      <c r="E60547" s="15">
        <v>45698</v>
      </c>
      <c r="F60547" s="14" t="s">
        <v>15</v>
      </c>
      <c r="G60547" s="16">
        <v>0</v>
      </c>
    </row>
    <row r="60548" spans="1:7" x14ac:dyDescent="0.3">
      <c r="A60548" s="13" t="s">
        <v>326</v>
      </c>
      <c r="B60548" s="14" t="s">
        <v>1</v>
      </c>
      <c r="C60548" s="14" t="s">
        <v>47</v>
      </c>
      <c r="D60548" s="14" t="s">
        <v>114</v>
      </c>
      <c r="E60548" s="15">
        <v>45699</v>
      </c>
      <c r="F60548" s="14" t="s">
        <v>15</v>
      </c>
      <c r="G60548" s="16">
        <v>0</v>
      </c>
    </row>
    <row r="60549" spans="1:7" x14ac:dyDescent="0.3">
      <c r="A60549" s="13" t="s">
        <v>326</v>
      </c>
      <c r="B60549" s="14" t="s">
        <v>1</v>
      </c>
      <c r="C60549" s="14" t="s">
        <v>47</v>
      </c>
      <c r="D60549" s="14" t="s">
        <v>114</v>
      </c>
      <c r="E60549" s="15">
        <v>45700</v>
      </c>
      <c r="F60549" s="14" t="s">
        <v>15</v>
      </c>
      <c r="G60549" s="16">
        <v>0</v>
      </c>
    </row>
    <row r="60550" spans="1:7" x14ac:dyDescent="0.3">
      <c r="A60550" s="13" t="s">
        <v>326</v>
      </c>
      <c r="B60550" s="14" t="s">
        <v>1</v>
      </c>
      <c r="C60550" s="14" t="s">
        <v>47</v>
      </c>
      <c r="D60550" s="14" t="s">
        <v>114</v>
      </c>
      <c r="E60550" s="15">
        <v>45701</v>
      </c>
      <c r="F60550" s="14" t="s">
        <v>15</v>
      </c>
      <c r="G60550" s="16">
        <v>0</v>
      </c>
    </row>
    <row r="60551" spans="1:7" x14ac:dyDescent="0.3">
      <c r="A60551" s="13" t="s">
        <v>326</v>
      </c>
      <c r="B60551" s="14" t="s">
        <v>1</v>
      </c>
      <c r="C60551" s="14" t="s">
        <v>47</v>
      </c>
      <c r="D60551" s="14" t="s">
        <v>114</v>
      </c>
      <c r="E60551" s="15">
        <v>45702</v>
      </c>
      <c r="F60551" s="14" t="s">
        <v>15</v>
      </c>
      <c r="G60551" s="16">
        <v>0</v>
      </c>
    </row>
    <row r="60552" spans="1:7" x14ac:dyDescent="0.3">
      <c r="A60552" s="13" t="s">
        <v>326</v>
      </c>
      <c r="B60552" s="14" t="s">
        <v>1</v>
      </c>
      <c r="C60552" s="14" t="s">
        <v>47</v>
      </c>
      <c r="D60552" s="14" t="s">
        <v>114</v>
      </c>
      <c r="E60552" s="15">
        <v>45703</v>
      </c>
      <c r="F60552" s="14" t="s">
        <v>15</v>
      </c>
      <c r="G60552" s="16">
        <v>0</v>
      </c>
    </row>
    <row r="60553" spans="1:7" x14ac:dyDescent="0.3">
      <c r="A60553" s="13" t="s">
        <v>326</v>
      </c>
      <c r="B60553" s="14" t="s">
        <v>1</v>
      </c>
      <c r="C60553" s="14" t="s">
        <v>47</v>
      </c>
      <c r="D60553" s="14" t="s">
        <v>114</v>
      </c>
      <c r="E60553" s="15">
        <v>45704</v>
      </c>
      <c r="F60553" s="14" t="s">
        <v>15</v>
      </c>
      <c r="G60553" s="16">
        <v>0</v>
      </c>
    </row>
    <row r="60554" spans="1:7" x14ac:dyDescent="0.3">
      <c r="A60554" s="13" t="s">
        <v>326</v>
      </c>
      <c r="B60554" s="14" t="s">
        <v>1</v>
      </c>
      <c r="C60554" s="14" t="s">
        <v>47</v>
      </c>
      <c r="D60554" s="14" t="s">
        <v>114</v>
      </c>
      <c r="E60554" s="15">
        <v>45705</v>
      </c>
      <c r="F60554" s="14" t="s">
        <v>15</v>
      </c>
      <c r="G60554" s="16">
        <v>0</v>
      </c>
    </row>
    <row r="60555" spans="1:7" x14ac:dyDescent="0.3">
      <c r="A60555" s="13" t="s">
        <v>326</v>
      </c>
      <c r="B60555" s="14" t="s">
        <v>1</v>
      </c>
      <c r="C60555" s="14" t="s">
        <v>47</v>
      </c>
      <c r="D60555" s="14" t="s">
        <v>114</v>
      </c>
      <c r="E60555" s="15">
        <v>45706</v>
      </c>
      <c r="F60555" s="14" t="s">
        <v>15</v>
      </c>
      <c r="G60555" s="16">
        <v>0</v>
      </c>
    </row>
    <row r="60556" spans="1:7" x14ac:dyDescent="0.3">
      <c r="A60556" s="13" t="s">
        <v>326</v>
      </c>
      <c r="B60556" s="14" t="s">
        <v>1</v>
      </c>
      <c r="C60556" s="14" t="s">
        <v>47</v>
      </c>
      <c r="D60556" s="14" t="s">
        <v>114</v>
      </c>
      <c r="E60556" s="15">
        <v>45707</v>
      </c>
      <c r="F60556" s="14" t="s">
        <v>15</v>
      </c>
      <c r="G60556" s="16">
        <v>0</v>
      </c>
    </row>
    <row r="60557" spans="1:7" x14ac:dyDescent="0.3">
      <c r="A60557" s="13" t="s">
        <v>326</v>
      </c>
      <c r="B60557" s="14" t="s">
        <v>1</v>
      </c>
      <c r="C60557" s="14" t="s">
        <v>47</v>
      </c>
      <c r="D60557" s="14" t="s">
        <v>114</v>
      </c>
      <c r="E60557" s="15">
        <v>45708</v>
      </c>
      <c r="F60557" s="14" t="s">
        <v>15</v>
      </c>
      <c r="G60557" s="16">
        <v>0</v>
      </c>
    </row>
    <row r="60558" spans="1:7" x14ac:dyDescent="0.3">
      <c r="A60558" s="13" t="s">
        <v>326</v>
      </c>
      <c r="B60558" s="14" t="s">
        <v>1</v>
      </c>
      <c r="C60558" s="14" t="s">
        <v>47</v>
      </c>
      <c r="D60558" s="14" t="s">
        <v>114</v>
      </c>
      <c r="E60558" s="15">
        <v>45709</v>
      </c>
      <c r="F60558" s="14" t="s">
        <v>15</v>
      </c>
      <c r="G60558" s="16">
        <v>0</v>
      </c>
    </row>
    <row r="60559" spans="1:7" x14ac:dyDescent="0.3">
      <c r="A60559" s="13" t="s">
        <v>326</v>
      </c>
      <c r="B60559" s="14" t="s">
        <v>1</v>
      </c>
      <c r="C60559" s="14" t="s">
        <v>47</v>
      </c>
      <c r="D60559" s="14" t="s">
        <v>114</v>
      </c>
      <c r="E60559" s="15">
        <v>45710</v>
      </c>
      <c r="F60559" s="14" t="s">
        <v>15</v>
      </c>
      <c r="G60559" s="16">
        <v>0</v>
      </c>
    </row>
    <row r="60560" spans="1:7" x14ac:dyDescent="0.3">
      <c r="A60560" s="13" t="s">
        <v>326</v>
      </c>
      <c r="B60560" s="14" t="s">
        <v>1</v>
      </c>
      <c r="C60560" s="14" t="s">
        <v>47</v>
      </c>
      <c r="D60560" s="14" t="s">
        <v>114</v>
      </c>
      <c r="E60560" s="15">
        <v>45711</v>
      </c>
      <c r="F60560" s="14" t="s">
        <v>15</v>
      </c>
      <c r="G60560" s="16">
        <v>0</v>
      </c>
    </row>
    <row r="60561" spans="1:7" x14ac:dyDescent="0.3">
      <c r="A60561" s="13" t="s">
        <v>326</v>
      </c>
      <c r="B60561" s="14" t="s">
        <v>1</v>
      </c>
      <c r="C60561" s="14" t="s">
        <v>47</v>
      </c>
      <c r="D60561" s="14" t="s">
        <v>114</v>
      </c>
      <c r="E60561" s="15">
        <v>45712</v>
      </c>
      <c r="F60561" s="14" t="s">
        <v>15</v>
      </c>
      <c r="G60561" s="16">
        <v>0</v>
      </c>
    </row>
    <row r="60562" spans="1:7" x14ac:dyDescent="0.3">
      <c r="A60562" s="13" t="s">
        <v>326</v>
      </c>
      <c r="B60562" s="14" t="s">
        <v>1</v>
      </c>
      <c r="C60562" s="14" t="s">
        <v>47</v>
      </c>
      <c r="D60562" s="14" t="s">
        <v>114</v>
      </c>
      <c r="E60562" s="15">
        <v>45713</v>
      </c>
      <c r="F60562" s="14" t="s">
        <v>15</v>
      </c>
      <c r="G60562" s="16">
        <v>0</v>
      </c>
    </row>
    <row r="60563" spans="1:7" x14ac:dyDescent="0.3">
      <c r="A60563" s="13" t="s">
        <v>326</v>
      </c>
      <c r="B60563" s="14" t="s">
        <v>1</v>
      </c>
      <c r="C60563" s="14" t="s">
        <v>47</v>
      </c>
      <c r="D60563" s="14" t="s">
        <v>114</v>
      </c>
      <c r="E60563" s="15">
        <v>45714</v>
      </c>
      <c r="F60563" s="14" t="s">
        <v>15</v>
      </c>
      <c r="G60563" s="16">
        <v>0</v>
      </c>
    </row>
    <row r="60564" spans="1:7" x14ac:dyDescent="0.3">
      <c r="A60564" s="13" t="s">
        <v>326</v>
      </c>
      <c r="B60564" s="14" t="s">
        <v>1</v>
      </c>
      <c r="C60564" s="14" t="s">
        <v>47</v>
      </c>
      <c r="D60564" s="14" t="s">
        <v>114</v>
      </c>
      <c r="E60564" s="15">
        <v>45715</v>
      </c>
      <c r="F60564" s="14" t="s">
        <v>15</v>
      </c>
      <c r="G60564" s="16">
        <v>0</v>
      </c>
    </row>
    <row r="60565" spans="1:7" x14ac:dyDescent="0.3">
      <c r="A60565" s="13" t="s">
        <v>326</v>
      </c>
      <c r="B60565" s="14" t="s">
        <v>1</v>
      </c>
      <c r="C60565" s="14" t="s">
        <v>47</v>
      </c>
      <c r="D60565" s="14" t="s">
        <v>114</v>
      </c>
      <c r="E60565" s="15">
        <v>45716</v>
      </c>
      <c r="F60565" s="14" t="s">
        <v>15</v>
      </c>
      <c r="G60565" s="16">
        <v>0</v>
      </c>
    </row>
    <row r="60566" spans="1:7" x14ac:dyDescent="0.3">
      <c r="A60566" s="13" t="s">
        <v>326</v>
      </c>
      <c r="B60566" s="14" t="s">
        <v>1</v>
      </c>
      <c r="C60566" s="14" t="s">
        <v>47</v>
      </c>
      <c r="D60566" s="14" t="s">
        <v>114</v>
      </c>
      <c r="E60566" s="15">
        <v>45717</v>
      </c>
      <c r="F60566" s="14" t="s">
        <v>15</v>
      </c>
      <c r="G60566" s="16">
        <v>0</v>
      </c>
    </row>
    <row r="60567" spans="1:7" x14ac:dyDescent="0.3">
      <c r="A60567" s="13" t="s">
        <v>326</v>
      </c>
      <c r="B60567" s="14" t="s">
        <v>1</v>
      </c>
      <c r="C60567" s="14" t="s">
        <v>47</v>
      </c>
      <c r="D60567" s="14" t="s">
        <v>114</v>
      </c>
      <c r="E60567" s="15">
        <v>45718</v>
      </c>
      <c r="F60567" s="14" t="s">
        <v>15</v>
      </c>
      <c r="G60567" s="16">
        <v>0</v>
      </c>
    </row>
    <row r="60568" spans="1:7" x14ac:dyDescent="0.3">
      <c r="A60568" s="13" t="s">
        <v>326</v>
      </c>
      <c r="B60568" s="14" t="s">
        <v>1</v>
      </c>
      <c r="C60568" s="14" t="s">
        <v>47</v>
      </c>
      <c r="D60568" s="14" t="s">
        <v>114</v>
      </c>
      <c r="E60568" s="15">
        <v>45719</v>
      </c>
      <c r="F60568" s="14" t="s">
        <v>15</v>
      </c>
      <c r="G60568" s="16">
        <v>0</v>
      </c>
    </row>
    <row r="60569" spans="1:7" x14ac:dyDescent="0.3">
      <c r="A60569" s="13" t="s">
        <v>326</v>
      </c>
      <c r="B60569" s="14" t="s">
        <v>1</v>
      </c>
      <c r="C60569" s="14" t="s">
        <v>47</v>
      </c>
      <c r="D60569" s="14" t="s">
        <v>114</v>
      </c>
      <c r="E60569" s="15">
        <v>45720</v>
      </c>
      <c r="F60569" s="14" t="s">
        <v>15</v>
      </c>
      <c r="G60569" s="16">
        <v>0</v>
      </c>
    </row>
    <row r="60570" spans="1:7" x14ac:dyDescent="0.3">
      <c r="A60570" s="13" t="s">
        <v>326</v>
      </c>
      <c r="B60570" s="14" t="s">
        <v>1</v>
      </c>
      <c r="C60570" s="14" t="s">
        <v>47</v>
      </c>
      <c r="D60570" s="14" t="s">
        <v>114</v>
      </c>
      <c r="E60570" s="15">
        <v>45721</v>
      </c>
      <c r="F60570" s="14" t="s">
        <v>15</v>
      </c>
      <c r="G60570" s="16">
        <v>0</v>
      </c>
    </row>
    <row r="60571" spans="1:7" x14ac:dyDescent="0.3">
      <c r="A60571" s="13" t="s">
        <v>326</v>
      </c>
      <c r="B60571" s="14" t="s">
        <v>1</v>
      </c>
      <c r="C60571" s="14" t="s">
        <v>47</v>
      </c>
      <c r="D60571" s="14" t="s">
        <v>114</v>
      </c>
      <c r="E60571" s="15">
        <v>45722</v>
      </c>
      <c r="F60571" s="14" t="s">
        <v>15</v>
      </c>
      <c r="G60571" s="16">
        <v>0</v>
      </c>
    </row>
    <row r="60572" spans="1:7" x14ac:dyDescent="0.3">
      <c r="A60572" s="13" t="s">
        <v>326</v>
      </c>
      <c r="B60572" s="14" t="s">
        <v>1</v>
      </c>
      <c r="C60572" s="14" t="s">
        <v>47</v>
      </c>
      <c r="D60572" s="14" t="s">
        <v>114</v>
      </c>
      <c r="E60572" s="15">
        <v>45723</v>
      </c>
      <c r="F60572" s="14" t="s">
        <v>15</v>
      </c>
      <c r="G60572" s="16">
        <v>0</v>
      </c>
    </row>
    <row r="60573" spans="1:7" x14ac:dyDescent="0.3">
      <c r="A60573" s="13" t="s">
        <v>326</v>
      </c>
      <c r="B60573" s="14" t="s">
        <v>1</v>
      </c>
      <c r="C60573" s="14" t="s">
        <v>47</v>
      </c>
      <c r="D60573" s="14" t="s">
        <v>114</v>
      </c>
      <c r="E60573" s="15">
        <v>45724</v>
      </c>
      <c r="F60573" s="14" t="s">
        <v>15</v>
      </c>
      <c r="G60573" s="16">
        <v>0</v>
      </c>
    </row>
    <row r="60574" spans="1:7" x14ac:dyDescent="0.3">
      <c r="A60574" s="13" t="s">
        <v>326</v>
      </c>
      <c r="B60574" s="14" t="s">
        <v>1</v>
      </c>
      <c r="C60574" s="14" t="s">
        <v>47</v>
      </c>
      <c r="D60574" s="14" t="s">
        <v>114</v>
      </c>
      <c r="E60574" s="15">
        <v>45725</v>
      </c>
      <c r="F60574" s="14" t="s">
        <v>15</v>
      </c>
      <c r="G60574" s="16">
        <v>0</v>
      </c>
    </row>
    <row r="60575" spans="1:7" x14ac:dyDescent="0.3">
      <c r="A60575" s="13" t="s">
        <v>326</v>
      </c>
      <c r="B60575" s="14" t="s">
        <v>1</v>
      </c>
      <c r="C60575" s="14" t="s">
        <v>47</v>
      </c>
      <c r="D60575" s="14" t="s">
        <v>114</v>
      </c>
      <c r="E60575" s="15">
        <v>45726</v>
      </c>
      <c r="F60575" s="14" t="s">
        <v>15</v>
      </c>
      <c r="G60575" s="16">
        <v>0</v>
      </c>
    </row>
    <row r="60576" spans="1:7" x14ac:dyDescent="0.3">
      <c r="A60576" s="13" t="s">
        <v>326</v>
      </c>
      <c r="B60576" s="14" t="s">
        <v>1</v>
      </c>
      <c r="C60576" s="14" t="s">
        <v>47</v>
      </c>
      <c r="D60576" s="14" t="s">
        <v>114</v>
      </c>
      <c r="E60576" s="15">
        <v>45727</v>
      </c>
      <c r="F60576" s="14" t="s">
        <v>15</v>
      </c>
      <c r="G60576" s="16">
        <v>0</v>
      </c>
    </row>
    <row r="60577" spans="1:7" x14ac:dyDescent="0.3">
      <c r="A60577" s="13" t="s">
        <v>326</v>
      </c>
      <c r="B60577" s="14" t="s">
        <v>1</v>
      </c>
      <c r="C60577" s="14" t="s">
        <v>47</v>
      </c>
      <c r="D60577" s="14" t="s">
        <v>114</v>
      </c>
      <c r="E60577" s="15">
        <v>45728</v>
      </c>
      <c r="F60577" s="14" t="s">
        <v>15</v>
      </c>
      <c r="G60577" s="16">
        <v>0</v>
      </c>
    </row>
    <row r="60578" spans="1:7" x14ac:dyDescent="0.3">
      <c r="A60578" s="13" t="s">
        <v>326</v>
      </c>
      <c r="B60578" s="14" t="s">
        <v>1</v>
      </c>
      <c r="C60578" s="14" t="s">
        <v>47</v>
      </c>
      <c r="D60578" s="14" t="s">
        <v>114</v>
      </c>
      <c r="E60578" s="15">
        <v>45729</v>
      </c>
      <c r="F60578" s="14" t="s">
        <v>15</v>
      </c>
      <c r="G60578" s="16">
        <v>0</v>
      </c>
    </row>
    <row r="60579" spans="1:7" x14ac:dyDescent="0.3">
      <c r="A60579" s="13" t="s">
        <v>326</v>
      </c>
      <c r="B60579" s="14" t="s">
        <v>1</v>
      </c>
      <c r="C60579" s="14" t="s">
        <v>47</v>
      </c>
      <c r="D60579" s="14" t="s">
        <v>114</v>
      </c>
      <c r="E60579" s="15">
        <v>45730</v>
      </c>
      <c r="F60579" s="14" t="s">
        <v>15</v>
      </c>
      <c r="G60579" s="16">
        <v>0</v>
      </c>
    </row>
    <row r="60580" spans="1:7" x14ac:dyDescent="0.3">
      <c r="A60580" s="13" t="s">
        <v>326</v>
      </c>
      <c r="B60580" s="14" t="s">
        <v>1</v>
      </c>
      <c r="C60580" s="14" t="s">
        <v>47</v>
      </c>
      <c r="D60580" s="14" t="s">
        <v>114</v>
      </c>
      <c r="E60580" s="15">
        <v>45731</v>
      </c>
      <c r="F60580" s="14" t="s">
        <v>15</v>
      </c>
      <c r="G60580" s="16">
        <v>0</v>
      </c>
    </row>
    <row r="60581" spans="1:7" x14ac:dyDescent="0.3">
      <c r="A60581" s="13" t="s">
        <v>326</v>
      </c>
      <c r="B60581" s="14" t="s">
        <v>1</v>
      </c>
      <c r="C60581" s="14" t="s">
        <v>47</v>
      </c>
      <c r="D60581" s="14" t="s">
        <v>114</v>
      </c>
      <c r="E60581" s="15">
        <v>45732</v>
      </c>
      <c r="F60581" s="14" t="s">
        <v>15</v>
      </c>
      <c r="G60581" s="16">
        <v>0</v>
      </c>
    </row>
    <row r="60582" spans="1:7" x14ac:dyDescent="0.3">
      <c r="A60582" s="13" t="s">
        <v>326</v>
      </c>
      <c r="B60582" s="14" t="s">
        <v>1</v>
      </c>
      <c r="C60582" s="14" t="s">
        <v>47</v>
      </c>
      <c r="D60582" s="14" t="s">
        <v>114</v>
      </c>
      <c r="E60582" s="15">
        <v>45733</v>
      </c>
      <c r="F60582" s="14" t="s">
        <v>15</v>
      </c>
      <c r="G60582" s="16">
        <v>0</v>
      </c>
    </row>
    <row r="60583" spans="1:7" x14ac:dyDescent="0.3">
      <c r="A60583" s="13" t="s">
        <v>326</v>
      </c>
      <c r="B60583" s="14" t="s">
        <v>1</v>
      </c>
      <c r="C60583" s="14" t="s">
        <v>47</v>
      </c>
      <c r="D60583" s="14" t="s">
        <v>114</v>
      </c>
      <c r="E60583" s="15">
        <v>45734</v>
      </c>
      <c r="F60583" s="14" t="s">
        <v>15</v>
      </c>
      <c r="G60583" s="16">
        <v>0</v>
      </c>
    </row>
    <row r="60584" spans="1:7" x14ac:dyDescent="0.3">
      <c r="A60584" s="13" t="s">
        <v>326</v>
      </c>
      <c r="B60584" s="14" t="s">
        <v>1</v>
      </c>
      <c r="C60584" s="14" t="s">
        <v>47</v>
      </c>
      <c r="D60584" s="14" t="s">
        <v>114</v>
      </c>
      <c r="E60584" s="15">
        <v>45735</v>
      </c>
      <c r="F60584" s="14" t="s">
        <v>15</v>
      </c>
      <c r="G60584" s="16">
        <v>0</v>
      </c>
    </row>
    <row r="60585" spans="1:7" x14ac:dyDescent="0.3">
      <c r="A60585" s="13" t="s">
        <v>326</v>
      </c>
      <c r="B60585" s="14" t="s">
        <v>1</v>
      </c>
      <c r="C60585" s="14" t="s">
        <v>47</v>
      </c>
      <c r="D60585" s="14" t="s">
        <v>114</v>
      </c>
      <c r="E60585" s="15">
        <v>45736</v>
      </c>
      <c r="F60585" s="14" t="s">
        <v>15</v>
      </c>
      <c r="G60585" s="16">
        <v>0</v>
      </c>
    </row>
    <row r="60586" spans="1:7" x14ac:dyDescent="0.3">
      <c r="A60586" s="13" t="s">
        <v>326</v>
      </c>
      <c r="B60586" s="14" t="s">
        <v>1</v>
      </c>
      <c r="C60586" s="14" t="s">
        <v>47</v>
      </c>
      <c r="D60586" s="14" t="s">
        <v>114</v>
      </c>
      <c r="E60586" s="15">
        <v>45737</v>
      </c>
      <c r="F60586" s="14" t="s">
        <v>15</v>
      </c>
      <c r="G60586" s="16">
        <v>0</v>
      </c>
    </row>
    <row r="60587" spans="1:7" x14ac:dyDescent="0.3">
      <c r="A60587" s="13" t="s">
        <v>326</v>
      </c>
      <c r="B60587" s="14" t="s">
        <v>1</v>
      </c>
      <c r="C60587" s="14" t="s">
        <v>47</v>
      </c>
      <c r="D60587" s="14" t="s">
        <v>114</v>
      </c>
      <c r="E60587" s="15">
        <v>45738</v>
      </c>
      <c r="F60587" s="14" t="s">
        <v>15</v>
      </c>
      <c r="G60587" s="16">
        <v>0</v>
      </c>
    </row>
    <row r="60588" spans="1:7" x14ac:dyDescent="0.3">
      <c r="A60588" s="13" t="s">
        <v>326</v>
      </c>
      <c r="B60588" s="14" t="s">
        <v>1</v>
      </c>
      <c r="C60588" s="14" t="s">
        <v>47</v>
      </c>
      <c r="D60588" s="14" t="s">
        <v>114</v>
      </c>
      <c r="E60588" s="15">
        <v>45739</v>
      </c>
      <c r="F60588" s="14" t="s">
        <v>15</v>
      </c>
      <c r="G60588" s="16">
        <v>0</v>
      </c>
    </row>
    <row r="60589" spans="1:7" x14ac:dyDescent="0.3">
      <c r="A60589" s="13" t="s">
        <v>326</v>
      </c>
      <c r="B60589" s="14" t="s">
        <v>1</v>
      </c>
      <c r="C60589" s="14" t="s">
        <v>47</v>
      </c>
      <c r="D60589" s="14" t="s">
        <v>114</v>
      </c>
      <c r="E60589" s="15">
        <v>45740</v>
      </c>
      <c r="F60589" s="14" t="s">
        <v>15</v>
      </c>
      <c r="G60589" s="16">
        <v>0</v>
      </c>
    </row>
    <row r="60590" spans="1:7" x14ac:dyDescent="0.3">
      <c r="A60590" s="13" t="s">
        <v>326</v>
      </c>
      <c r="B60590" s="14" t="s">
        <v>1</v>
      </c>
      <c r="C60590" s="14" t="s">
        <v>47</v>
      </c>
      <c r="D60590" s="14" t="s">
        <v>114</v>
      </c>
      <c r="E60590" s="15">
        <v>45741</v>
      </c>
      <c r="F60590" s="14" t="s">
        <v>15</v>
      </c>
      <c r="G60590" s="16">
        <v>0</v>
      </c>
    </row>
    <row r="60591" spans="1:7" x14ac:dyDescent="0.3">
      <c r="A60591" s="13" t="s">
        <v>326</v>
      </c>
      <c r="B60591" s="14" t="s">
        <v>1</v>
      </c>
      <c r="C60591" s="14" t="s">
        <v>47</v>
      </c>
      <c r="D60591" s="14" t="s">
        <v>114</v>
      </c>
      <c r="E60591" s="15">
        <v>45742</v>
      </c>
      <c r="F60591" s="14" t="s">
        <v>15</v>
      </c>
      <c r="G60591" s="16">
        <v>0</v>
      </c>
    </row>
    <row r="60592" spans="1:7" x14ac:dyDescent="0.3">
      <c r="A60592" s="13" t="s">
        <v>326</v>
      </c>
      <c r="B60592" s="14" t="s">
        <v>1</v>
      </c>
      <c r="C60592" s="14" t="s">
        <v>47</v>
      </c>
      <c r="D60592" s="14" t="s">
        <v>114</v>
      </c>
      <c r="E60592" s="15">
        <v>45743</v>
      </c>
      <c r="F60592" s="14" t="s">
        <v>15</v>
      </c>
      <c r="G60592" s="16">
        <v>0</v>
      </c>
    </row>
    <row r="60593" spans="1:7" x14ac:dyDescent="0.3">
      <c r="A60593" s="13" t="s">
        <v>326</v>
      </c>
      <c r="B60593" s="14" t="s">
        <v>1</v>
      </c>
      <c r="C60593" s="14" t="s">
        <v>47</v>
      </c>
      <c r="D60593" s="14" t="s">
        <v>114</v>
      </c>
      <c r="E60593" s="15">
        <v>45744</v>
      </c>
      <c r="F60593" s="14" t="s">
        <v>15</v>
      </c>
      <c r="G60593" s="16">
        <v>0</v>
      </c>
    </row>
    <row r="60594" spans="1:7" x14ac:dyDescent="0.3">
      <c r="A60594" s="13" t="s">
        <v>326</v>
      </c>
      <c r="B60594" s="14" t="s">
        <v>1</v>
      </c>
      <c r="C60594" s="14" t="s">
        <v>47</v>
      </c>
      <c r="D60594" s="14" t="s">
        <v>114</v>
      </c>
      <c r="E60594" s="15">
        <v>45745</v>
      </c>
      <c r="F60594" s="14" t="s">
        <v>15</v>
      </c>
      <c r="G60594" s="16">
        <v>0</v>
      </c>
    </row>
    <row r="60595" spans="1:7" x14ac:dyDescent="0.3">
      <c r="A60595" s="13" t="s">
        <v>326</v>
      </c>
      <c r="B60595" s="14" t="s">
        <v>1</v>
      </c>
      <c r="C60595" s="14" t="s">
        <v>47</v>
      </c>
      <c r="D60595" s="14" t="s">
        <v>114</v>
      </c>
      <c r="E60595" s="15">
        <v>45746</v>
      </c>
      <c r="F60595" s="14" t="s">
        <v>15</v>
      </c>
      <c r="G60595" s="16">
        <v>0</v>
      </c>
    </row>
    <row r="60596" spans="1:7" x14ac:dyDescent="0.3">
      <c r="A60596" s="13" t="s">
        <v>326</v>
      </c>
      <c r="B60596" s="14" t="s">
        <v>1</v>
      </c>
      <c r="C60596" s="14" t="s">
        <v>47</v>
      </c>
      <c r="D60596" s="14" t="s">
        <v>114</v>
      </c>
      <c r="E60596" s="15">
        <v>45747</v>
      </c>
      <c r="F60596" s="14" t="s">
        <v>15</v>
      </c>
      <c r="G60596" s="16">
        <v>0</v>
      </c>
    </row>
    <row r="60597" spans="1:7" x14ac:dyDescent="0.3">
      <c r="A60597" s="13" t="s">
        <v>327</v>
      </c>
      <c r="B60597" s="14" t="s">
        <v>1</v>
      </c>
      <c r="C60597" s="14" t="s">
        <v>51</v>
      </c>
      <c r="D60597" s="14" t="s">
        <v>328</v>
      </c>
      <c r="E60597" s="15">
        <v>45383</v>
      </c>
      <c r="F60597" s="14" t="s">
        <v>61</v>
      </c>
      <c r="G60597" s="16">
        <v>0</v>
      </c>
    </row>
    <row r="60598" spans="1:7" x14ac:dyDescent="0.3">
      <c r="A60598" s="13" t="s">
        <v>327</v>
      </c>
      <c r="B60598" s="14" t="s">
        <v>1</v>
      </c>
      <c r="C60598" s="14" t="s">
        <v>51</v>
      </c>
      <c r="D60598" s="14" t="s">
        <v>328</v>
      </c>
      <c r="E60598" s="15">
        <v>45384</v>
      </c>
      <c r="F60598" s="14" t="s">
        <v>61</v>
      </c>
      <c r="G60598" s="16">
        <v>0</v>
      </c>
    </row>
    <row r="60599" spans="1:7" x14ac:dyDescent="0.3">
      <c r="A60599" s="13" t="s">
        <v>327</v>
      </c>
      <c r="B60599" s="14" t="s">
        <v>1</v>
      </c>
      <c r="C60599" s="14" t="s">
        <v>51</v>
      </c>
      <c r="D60599" s="14" t="s">
        <v>328</v>
      </c>
      <c r="E60599" s="15">
        <v>45385</v>
      </c>
      <c r="F60599" s="14" t="s">
        <v>61</v>
      </c>
      <c r="G60599" s="16">
        <v>0</v>
      </c>
    </row>
    <row r="60600" spans="1:7" x14ac:dyDescent="0.3">
      <c r="A60600" s="13" t="s">
        <v>327</v>
      </c>
      <c r="B60600" s="14" t="s">
        <v>1</v>
      </c>
      <c r="C60600" s="14" t="s">
        <v>51</v>
      </c>
      <c r="D60600" s="14" t="s">
        <v>328</v>
      </c>
      <c r="E60600" s="15">
        <v>45386</v>
      </c>
      <c r="F60600" s="14" t="s">
        <v>61</v>
      </c>
      <c r="G60600" s="16">
        <v>0</v>
      </c>
    </row>
    <row r="60601" spans="1:7" x14ac:dyDescent="0.3">
      <c r="A60601" s="13" t="s">
        <v>327</v>
      </c>
      <c r="B60601" s="14" t="s">
        <v>1</v>
      </c>
      <c r="C60601" s="14" t="s">
        <v>51</v>
      </c>
      <c r="D60601" s="14" t="s">
        <v>328</v>
      </c>
      <c r="E60601" s="15">
        <v>45387</v>
      </c>
      <c r="F60601" s="14" t="s">
        <v>61</v>
      </c>
      <c r="G60601" s="16">
        <v>0</v>
      </c>
    </row>
    <row r="60602" spans="1:7" x14ac:dyDescent="0.3">
      <c r="A60602" s="13" t="s">
        <v>327</v>
      </c>
      <c r="B60602" s="14" t="s">
        <v>1</v>
      </c>
      <c r="C60602" s="14" t="s">
        <v>51</v>
      </c>
      <c r="D60602" s="14" t="s">
        <v>328</v>
      </c>
      <c r="E60602" s="15">
        <v>45388</v>
      </c>
      <c r="F60602" s="14" t="s">
        <v>61</v>
      </c>
      <c r="G60602" s="16">
        <v>0</v>
      </c>
    </row>
    <row r="60603" spans="1:7" x14ac:dyDescent="0.3">
      <c r="A60603" s="13" t="s">
        <v>327</v>
      </c>
      <c r="B60603" s="14" t="s">
        <v>1</v>
      </c>
      <c r="C60603" s="14" t="s">
        <v>51</v>
      </c>
      <c r="D60603" s="14" t="s">
        <v>328</v>
      </c>
      <c r="E60603" s="15">
        <v>45389</v>
      </c>
      <c r="F60603" s="14" t="s">
        <v>61</v>
      </c>
      <c r="G60603" s="16">
        <v>0</v>
      </c>
    </row>
    <row r="60604" spans="1:7" x14ac:dyDescent="0.3">
      <c r="A60604" s="13" t="s">
        <v>327</v>
      </c>
      <c r="B60604" s="14" t="s">
        <v>1</v>
      </c>
      <c r="C60604" s="14" t="s">
        <v>51</v>
      </c>
      <c r="D60604" s="14" t="s">
        <v>328</v>
      </c>
      <c r="E60604" s="15">
        <v>45390</v>
      </c>
      <c r="F60604" s="14" t="s">
        <v>61</v>
      </c>
      <c r="G60604" s="16">
        <v>0</v>
      </c>
    </row>
    <row r="60605" spans="1:7" x14ac:dyDescent="0.3">
      <c r="A60605" s="13" t="s">
        <v>327</v>
      </c>
      <c r="B60605" s="14" t="s">
        <v>1</v>
      </c>
      <c r="C60605" s="14" t="s">
        <v>51</v>
      </c>
      <c r="D60605" s="14" t="s">
        <v>328</v>
      </c>
      <c r="E60605" s="15">
        <v>45391</v>
      </c>
      <c r="F60605" s="14" t="s">
        <v>61</v>
      </c>
      <c r="G60605" s="16">
        <v>0</v>
      </c>
    </row>
    <row r="60606" spans="1:7" x14ac:dyDescent="0.3">
      <c r="A60606" s="13" t="s">
        <v>327</v>
      </c>
      <c r="B60606" s="14" t="s">
        <v>1</v>
      </c>
      <c r="C60606" s="14" t="s">
        <v>51</v>
      </c>
      <c r="D60606" s="14" t="s">
        <v>328</v>
      </c>
      <c r="E60606" s="15">
        <v>45392</v>
      </c>
      <c r="F60606" s="14" t="s">
        <v>61</v>
      </c>
      <c r="G60606" s="16">
        <v>0</v>
      </c>
    </row>
    <row r="60607" spans="1:7" x14ac:dyDescent="0.3">
      <c r="A60607" s="13" t="s">
        <v>327</v>
      </c>
      <c r="B60607" s="14" t="s">
        <v>1</v>
      </c>
      <c r="C60607" s="14" t="s">
        <v>51</v>
      </c>
      <c r="D60607" s="14" t="s">
        <v>328</v>
      </c>
      <c r="E60607" s="15">
        <v>45393</v>
      </c>
      <c r="F60607" s="14" t="s">
        <v>61</v>
      </c>
      <c r="G60607" s="16">
        <v>0</v>
      </c>
    </row>
    <row r="60608" spans="1:7" x14ac:dyDescent="0.3">
      <c r="A60608" s="13" t="s">
        <v>327</v>
      </c>
      <c r="B60608" s="14" t="s">
        <v>1</v>
      </c>
      <c r="C60608" s="14" t="s">
        <v>51</v>
      </c>
      <c r="D60608" s="14" t="s">
        <v>328</v>
      </c>
      <c r="E60608" s="15">
        <v>45394</v>
      </c>
      <c r="F60608" s="14" t="s">
        <v>61</v>
      </c>
      <c r="G60608" s="16">
        <v>0</v>
      </c>
    </row>
    <row r="60609" spans="1:7" x14ac:dyDescent="0.3">
      <c r="A60609" s="13" t="s">
        <v>327</v>
      </c>
      <c r="B60609" s="14" t="s">
        <v>1</v>
      </c>
      <c r="C60609" s="14" t="s">
        <v>51</v>
      </c>
      <c r="D60609" s="14" t="s">
        <v>328</v>
      </c>
      <c r="E60609" s="15">
        <v>45395</v>
      </c>
      <c r="F60609" s="14" t="s">
        <v>61</v>
      </c>
      <c r="G60609" s="16">
        <v>0</v>
      </c>
    </row>
    <row r="60610" spans="1:7" x14ac:dyDescent="0.3">
      <c r="A60610" s="13" t="s">
        <v>327</v>
      </c>
      <c r="B60610" s="14" t="s">
        <v>1</v>
      </c>
      <c r="C60610" s="14" t="s">
        <v>51</v>
      </c>
      <c r="D60610" s="14" t="s">
        <v>328</v>
      </c>
      <c r="E60610" s="15">
        <v>45396</v>
      </c>
      <c r="F60610" s="14" t="s">
        <v>61</v>
      </c>
      <c r="G60610" s="16">
        <v>0</v>
      </c>
    </row>
    <row r="60611" spans="1:7" x14ac:dyDescent="0.3">
      <c r="A60611" s="13" t="s">
        <v>327</v>
      </c>
      <c r="B60611" s="14" t="s">
        <v>1</v>
      </c>
      <c r="C60611" s="14" t="s">
        <v>51</v>
      </c>
      <c r="D60611" s="14" t="s">
        <v>328</v>
      </c>
      <c r="E60611" s="15">
        <v>45397</v>
      </c>
      <c r="F60611" s="14" t="s">
        <v>61</v>
      </c>
      <c r="G60611" s="16">
        <v>0</v>
      </c>
    </row>
    <row r="60612" spans="1:7" x14ac:dyDescent="0.3">
      <c r="A60612" s="13" t="s">
        <v>327</v>
      </c>
      <c r="B60612" s="14" t="s">
        <v>1</v>
      </c>
      <c r="C60612" s="14" t="s">
        <v>51</v>
      </c>
      <c r="D60612" s="14" t="s">
        <v>328</v>
      </c>
      <c r="E60612" s="15">
        <v>45398</v>
      </c>
      <c r="F60612" s="14" t="s">
        <v>61</v>
      </c>
      <c r="G60612" s="16">
        <v>0</v>
      </c>
    </row>
    <row r="60613" spans="1:7" x14ac:dyDescent="0.3">
      <c r="A60613" s="13" t="s">
        <v>327</v>
      </c>
      <c r="B60613" s="14" t="s">
        <v>1</v>
      </c>
      <c r="C60613" s="14" t="s">
        <v>51</v>
      </c>
      <c r="D60613" s="14" t="s">
        <v>328</v>
      </c>
      <c r="E60613" s="15">
        <v>45399</v>
      </c>
      <c r="F60613" s="14" t="s">
        <v>61</v>
      </c>
      <c r="G60613" s="16">
        <v>0</v>
      </c>
    </row>
    <row r="60614" spans="1:7" x14ac:dyDescent="0.3">
      <c r="A60614" s="13" t="s">
        <v>327</v>
      </c>
      <c r="B60614" s="14" t="s">
        <v>1</v>
      </c>
      <c r="C60614" s="14" t="s">
        <v>51</v>
      </c>
      <c r="D60614" s="14" t="s">
        <v>328</v>
      </c>
      <c r="E60614" s="15">
        <v>45400</v>
      </c>
      <c r="F60614" s="14" t="s">
        <v>61</v>
      </c>
      <c r="G60614" s="16">
        <v>0</v>
      </c>
    </row>
    <row r="60615" spans="1:7" x14ac:dyDescent="0.3">
      <c r="A60615" s="13" t="s">
        <v>327</v>
      </c>
      <c r="B60615" s="14" t="s">
        <v>1</v>
      </c>
      <c r="C60615" s="14" t="s">
        <v>51</v>
      </c>
      <c r="D60615" s="14" t="s">
        <v>328</v>
      </c>
      <c r="E60615" s="15">
        <v>45401</v>
      </c>
      <c r="F60615" s="14" t="s">
        <v>61</v>
      </c>
      <c r="G60615" s="16">
        <v>0</v>
      </c>
    </row>
    <row r="60616" spans="1:7" x14ac:dyDescent="0.3">
      <c r="A60616" s="13" t="s">
        <v>327</v>
      </c>
      <c r="B60616" s="14" t="s">
        <v>1</v>
      </c>
      <c r="C60616" s="14" t="s">
        <v>51</v>
      </c>
      <c r="D60616" s="14" t="s">
        <v>328</v>
      </c>
      <c r="E60616" s="15">
        <v>45402</v>
      </c>
      <c r="F60616" s="14" t="s">
        <v>61</v>
      </c>
      <c r="G60616" s="16">
        <v>0</v>
      </c>
    </row>
    <row r="60617" spans="1:7" x14ac:dyDescent="0.3">
      <c r="A60617" s="13" t="s">
        <v>327</v>
      </c>
      <c r="B60617" s="14" t="s">
        <v>1</v>
      </c>
      <c r="C60617" s="14" t="s">
        <v>51</v>
      </c>
      <c r="D60617" s="14" t="s">
        <v>328</v>
      </c>
      <c r="E60617" s="15">
        <v>45403</v>
      </c>
      <c r="F60617" s="14" t="s">
        <v>61</v>
      </c>
      <c r="G60617" s="16">
        <v>0</v>
      </c>
    </row>
    <row r="60618" spans="1:7" x14ac:dyDescent="0.3">
      <c r="A60618" s="13" t="s">
        <v>327</v>
      </c>
      <c r="B60618" s="14" t="s">
        <v>1</v>
      </c>
      <c r="C60618" s="14" t="s">
        <v>51</v>
      </c>
      <c r="D60618" s="14" t="s">
        <v>328</v>
      </c>
      <c r="E60618" s="15">
        <v>45404</v>
      </c>
      <c r="F60618" s="14" t="s">
        <v>61</v>
      </c>
      <c r="G60618" s="16">
        <v>0</v>
      </c>
    </row>
    <row r="60619" spans="1:7" x14ac:dyDescent="0.3">
      <c r="A60619" s="13" t="s">
        <v>327</v>
      </c>
      <c r="B60619" s="14" t="s">
        <v>1</v>
      </c>
      <c r="C60619" s="14" t="s">
        <v>51</v>
      </c>
      <c r="D60619" s="14" t="s">
        <v>328</v>
      </c>
      <c r="E60619" s="15">
        <v>45405</v>
      </c>
      <c r="F60619" s="14" t="s">
        <v>61</v>
      </c>
      <c r="G60619" s="16">
        <v>0</v>
      </c>
    </row>
    <row r="60620" spans="1:7" x14ac:dyDescent="0.3">
      <c r="A60620" s="13" t="s">
        <v>327</v>
      </c>
      <c r="B60620" s="14" t="s">
        <v>1</v>
      </c>
      <c r="C60620" s="14" t="s">
        <v>51</v>
      </c>
      <c r="D60620" s="14" t="s">
        <v>328</v>
      </c>
      <c r="E60620" s="15">
        <v>45406</v>
      </c>
      <c r="F60620" s="14" t="s">
        <v>61</v>
      </c>
      <c r="G60620" s="16">
        <v>0</v>
      </c>
    </row>
    <row r="60621" spans="1:7" x14ac:dyDescent="0.3">
      <c r="A60621" s="13" t="s">
        <v>327</v>
      </c>
      <c r="B60621" s="14" t="s">
        <v>1</v>
      </c>
      <c r="C60621" s="14" t="s">
        <v>51</v>
      </c>
      <c r="D60621" s="14" t="s">
        <v>328</v>
      </c>
      <c r="E60621" s="15">
        <v>45407</v>
      </c>
      <c r="F60621" s="14" t="s">
        <v>61</v>
      </c>
      <c r="G60621" s="16">
        <v>0</v>
      </c>
    </row>
    <row r="60622" spans="1:7" x14ac:dyDescent="0.3">
      <c r="A60622" s="13" t="s">
        <v>327</v>
      </c>
      <c r="B60622" s="14" t="s">
        <v>1</v>
      </c>
      <c r="C60622" s="14" t="s">
        <v>51</v>
      </c>
      <c r="D60622" s="14" t="s">
        <v>328</v>
      </c>
      <c r="E60622" s="15">
        <v>45408</v>
      </c>
      <c r="F60622" s="14" t="s">
        <v>61</v>
      </c>
      <c r="G60622" s="16">
        <v>0</v>
      </c>
    </row>
    <row r="60623" spans="1:7" x14ac:dyDescent="0.3">
      <c r="A60623" s="13" t="s">
        <v>327</v>
      </c>
      <c r="B60623" s="14" t="s">
        <v>1</v>
      </c>
      <c r="C60623" s="14" t="s">
        <v>51</v>
      </c>
      <c r="D60623" s="14" t="s">
        <v>328</v>
      </c>
      <c r="E60623" s="15">
        <v>45409</v>
      </c>
      <c r="F60623" s="14" t="s">
        <v>61</v>
      </c>
      <c r="G60623" s="16">
        <v>0</v>
      </c>
    </row>
    <row r="60624" spans="1:7" x14ac:dyDescent="0.3">
      <c r="A60624" s="13" t="s">
        <v>327</v>
      </c>
      <c r="B60624" s="14" t="s">
        <v>1</v>
      </c>
      <c r="C60624" s="14" t="s">
        <v>51</v>
      </c>
      <c r="D60624" s="14" t="s">
        <v>328</v>
      </c>
      <c r="E60624" s="15">
        <v>45410</v>
      </c>
      <c r="F60624" s="14" t="s">
        <v>61</v>
      </c>
      <c r="G60624" s="16">
        <v>0</v>
      </c>
    </row>
    <row r="60625" spans="1:7" x14ac:dyDescent="0.3">
      <c r="A60625" s="13" t="s">
        <v>327</v>
      </c>
      <c r="B60625" s="14" t="s">
        <v>1</v>
      </c>
      <c r="C60625" s="14" t="s">
        <v>51</v>
      </c>
      <c r="D60625" s="14" t="s">
        <v>328</v>
      </c>
      <c r="E60625" s="15">
        <v>45411</v>
      </c>
      <c r="F60625" s="14" t="s">
        <v>61</v>
      </c>
      <c r="G60625" s="16">
        <v>0</v>
      </c>
    </row>
    <row r="60626" spans="1:7" x14ac:dyDescent="0.3">
      <c r="A60626" s="13" t="s">
        <v>327</v>
      </c>
      <c r="B60626" s="14" t="s">
        <v>1</v>
      </c>
      <c r="C60626" s="14" t="s">
        <v>51</v>
      </c>
      <c r="D60626" s="14" t="s">
        <v>328</v>
      </c>
      <c r="E60626" s="15">
        <v>45412</v>
      </c>
      <c r="F60626" s="14" t="s">
        <v>61</v>
      </c>
      <c r="G60626" s="16">
        <v>0</v>
      </c>
    </row>
    <row r="60627" spans="1:7" x14ac:dyDescent="0.3">
      <c r="A60627" s="13" t="s">
        <v>327</v>
      </c>
      <c r="B60627" s="14" t="s">
        <v>1</v>
      </c>
      <c r="C60627" s="14" t="s">
        <v>51</v>
      </c>
      <c r="D60627" s="14" t="s">
        <v>328</v>
      </c>
      <c r="E60627" s="15">
        <v>45413</v>
      </c>
      <c r="F60627" s="14" t="s">
        <v>61</v>
      </c>
      <c r="G60627" s="16">
        <v>0</v>
      </c>
    </row>
    <row r="60628" spans="1:7" x14ac:dyDescent="0.3">
      <c r="A60628" s="13" t="s">
        <v>327</v>
      </c>
      <c r="B60628" s="14" t="s">
        <v>1</v>
      </c>
      <c r="C60628" s="14" t="s">
        <v>51</v>
      </c>
      <c r="D60628" s="14" t="s">
        <v>328</v>
      </c>
      <c r="E60628" s="15">
        <v>45414</v>
      </c>
      <c r="F60628" s="14" t="s">
        <v>61</v>
      </c>
      <c r="G60628" s="16">
        <v>0</v>
      </c>
    </row>
    <row r="60629" spans="1:7" x14ac:dyDescent="0.3">
      <c r="A60629" s="13" t="s">
        <v>327</v>
      </c>
      <c r="B60629" s="14" t="s">
        <v>1</v>
      </c>
      <c r="C60629" s="14" t="s">
        <v>51</v>
      </c>
      <c r="D60629" s="14" t="s">
        <v>328</v>
      </c>
      <c r="E60629" s="15">
        <v>45415</v>
      </c>
      <c r="F60629" s="14" t="s">
        <v>61</v>
      </c>
      <c r="G60629" s="16">
        <v>0</v>
      </c>
    </row>
    <row r="60630" spans="1:7" x14ac:dyDescent="0.3">
      <c r="A60630" s="13" t="s">
        <v>327</v>
      </c>
      <c r="B60630" s="14" t="s">
        <v>1</v>
      </c>
      <c r="C60630" s="14" t="s">
        <v>51</v>
      </c>
      <c r="D60630" s="14" t="s">
        <v>328</v>
      </c>
      <c r="E60630" s="15">
        <v>45416</v>
      </c>
      <c r="F60630" s="14" t="s">
        <v>61</v>
      </c>
      <c r="G60630" s="16">
        <v>0</v>
      </c>
    </row>
    <row r="60631" spans="1:7" x14ac:dyDescent="0.3">
      <c r="A60631" s="13" t="s">
        <v>327</v>
      </c>
      <c r="B60631" s="14" t="s">
        <v>1</v>
      </c>
      <c r="C60631" s="14" t="s">
        <v>51</v>
      </c>
      <c r="D60631" s="14" t="s">
        <v>328</v>
      </c>
      <c r="E60631" s="15">
        <v>45417</v>
      </c>
      <c r="F60631" s="14" t="s">
        <v>61</v>
      </c>
      <c r="G60631" s="16">
        <v>0</v>
      </c>
    </row>
    <row r="60632" spans="1:7" x14ac:dyDescent="0.3">
      <c r="A60632" s="13" t="s">
        <v>327</v>
      </c>
      <c r="B60632" s="14" t="s">
        <v>1</v>
      </c>
      <c r="C60632" s="14" t="s">
        <v>51</v>
      </c>
      <c r="D60632" s="14" t="s">
        <v>328</v>
      </c>
      <c r="E60632" s="15">
        <v>45418</v>
      </c>
      <c r="F60632" s="14" t="s">
        <v>61</v>
      </c>
      <c r="G60632" s="16">
        <v>0</v>
      </c>
    </row>
    <row r="60633" spans="1:7" x14ac:dyDescent="0.3">
      <c r="A60633" s="13" t="s">
        <v>327</v>
      </c>
      <c r="B60633" s="14" t="s">
        <v>1</v>
      </c>
      <c r="C60633" s="14" t="s">
        <v>51</v>
      </c>
      <c r="D60633" s="14" t="s">
        <v>328</v>
      </c>
      <c r="E60633" s="15">
        <v>45419</v>
      </c>
      <c r="F60633" s="14" t="s">
        <v>61</v>
      </c>
      <c r="G60633" s="16">
        <v>0</v>
      </c>
    </row>
    <row r="60634" spans="1:7" x14ac:dyDescent="0.3">
      <c r="A60634" s="13" t="s">
        <v>327</v>
      </c>
      <c r="B60634" s="14" t="s">
        <v>1</v>
      </c>
      <c r="C60634" s="14" t="s">
        <v>51</v>
      </c>
      <c r="D60634" s="14" t="s">
        <v>328</v>
      </c>
      <c r="E60634" s="15">
        <v>45420</v>
      </c>
      <c r="F60634" s="14" t="s">
        <v>61</v>
      </c>
      <c r="G60634" s="16">
        <v>0</v>
      </c>
    </row>
    <row r="60635" spans="1:7" x14ac:dyDescent="0.3">
      <c r="A60635" s="13" t="s">
        <v>327</v>
      </c>
      <c r="B60635" s="14" t="s">
        <v>1</v>
      </c>
      <c r="C60635" s="14" t="s">
        <v>51</v>
      </c>
      <c r="D60635" s="14" t="s">
        <v>328</v>
      </c>
      <c r="E60635" s="15">
        <v>45421</v>
      </c>
      <c r="F60635" s="14" t="s">
        <v>61</v>
      </c>
      <c r="G60635" s="16">
        <v>0</v>
      </c>
    </row>
    <row r="60636" spans="1:7" x14ac:dyDescent="0.3">
      <c r="A60636" s="13" t="s">
        <v>327</v>
      </c>
      <c r="B60636" s="14" t="s">
        <v>1</v>
      </c>
      <c r="C60636" s="14" t="s">
        <v>51</v>
      </c>
      <c r="D60636" s="14" t="s">
        <v>328</v>
      </c>
      <c r="E60636" s="15">
        <v>45422</v>
      </c>
      <c r="F60636" s="14" t="s">
        <v>61</v>
      </c>
      <c r="G60636" s="16">
        <v>0</v>
      </c>
    </row>
    <row r="60637" spans="1:7" x14ac:dyDescent="0.3">
      <c r="A60637" s="13" t="s">
        <v>327</v>
      </c>
      <c r="B60637" s="14" t="s">
        <v>1</v>
      </c>
      <c r="C60637" s="14" t="s">
        <v>51</v>
      </c>
      <c r="D60637" s="14" t="s">
        <v>328</v>
      </c>
      <c r="E60637" s="15">
        <v>45423</v>
      </c>
      <c r="F60637" s="14" t="s">
        <v>61</v>
      </c>
      <c r="G60637" s="16">
        <v>0</v>
      </c>
    </row>
    <row r="60638" spans="1:7" x14ac:dyDescent="0.3">
      <c r="A60638" s="13" t="s">
        <v>327</v>
      </c>
      <c r="B60638" s="14" t="s">
        <v>1</v>
      </c>
      <c r="C60638" s="14" t="s">
        <v>51</v>
      </c>
      <c r="D60638" s="14" t="s">
        <v>328</v>
      </c>
      <c r="E60638" s="15">
        <v>45424</v>
      </c>
      <c r="F60638" s="14" t="s">
        <v>61</v>
      </c>
      <c r="G60638" s="16">
        <v>0</v>
      </c>
    </row>
    <row r="60639" spans="1:7" x14ac:dyDescent="0.3">
      <c r="A60639" s="13" t="s">
        <v>327</v>
      </c>
      <c r="B60639" s="14" t="s">
        <v>1</v>
      </c>
      <c r="C60639" s="14" t="s">
        <v>51</v>
      </c>
      <c r="D60639" s="14" t="s">
        <v>328</v>
      </c>
      <c r="E60639" s="15">
        <v>45425</v>
      </c>
      <c r="F60639" s="14" t="s">
        <v>61</v>
      </c>
      <c r="G60639" s="16">
        <v>0</v>
      </c>
    </row>
    <row r="60640" spans="1:7" x14ac:dyDescent="0.3">
      <c r="A60640" s="13" t="s">
        <v>327</v>
      </c>
      <c r="B60640" s="14" t="s">
        <v>1</v>
      </c>
      <c r="C60640" s="14" t="s">
        <v>51</v>
      </c>
      <c r="D60640" s="14" t="s">
        <v>328</v>
      </c>
      <c r="E60640" s="15">
        <v>45426</v>
      </c>
      <c r="F60640" s="14" t="s">
        <v>61</v>
      </c>
      <c r="G60640" s="16">
        <v>0</v>
      </c>
    </row>
    <row r="60641" spans="1:7" x14ac:dyDescent="0.3">
      <c r="A60641" s="13" t="s">
        <v>327</v>
      </c>
      <c r="B60641" s="14" t="s">
        <v>1</v>
      </c>
      <c r="C60641" s="14" t="s">
        <v>51</v>
      </c>
      <c r="D60641" s="14" t="s">
        <v>328</v>
      </c>
      <c r="E60641" s="15">
        <v>45427</v>
      </c>
      <c r="F60641" s="14" t="s">
        <v>61</v>
      </c>
      <c r="G60641" s="16">
        <v>0</v>
      </c>
    </row>
    <row r="60642" spans="1:7" x14ac:dyDescent="0.3">
      <c r="A60642" s="13" t="s">
        <v>327</v>
      </c>
      <c r="B60642" s="14" t="s">
        <v>1</v>
      </c>
      <c r="C60642" s="14" t="s">
        <v>51</v>
      </c>
      <c r="D60642" s="14" t="s">
        <v>328</v>
      </c>
      <c r="E60642" s="15">
        <v>45428</v>
      </c>
      <c r="F60642" s="14" t="s">
        <v>61</v>
      </c>
      <c r="G60642" s="16">
        <v>0</v>
      </c>
    </row>
    <row r="60643" spans="1:7" x14ac:dyDescent="0.3">
      <c r="A60643" s="13" t="s">
        <v>327</v>
      </c>
      <c r="B60643" s="14" t="s">
        <v>1</v>
      </c>
      <c r="C60643" s="14" t="s">
        <v>51</v>
      </c>
      <c r="D60643" s="14" t="s">
        <v>328</v>
      </c>
      <c r="E60643" s="15">
        <v>45429</v>
      </c>
      <c r="F60643" s="14" t="s">
        <v>61</v>
      </c>
      <c r="G60643" s="16">
        <v>0</v>
      </c>
    </row>
    <row r="60644" spans="1:7" x14ac:dyDescent="0.3">
      <c r="A60644" s="13" t="s">
        <v>327</v>
      </c>
      <c r="B60644" s="14" t="s">
        <v>1</v>
      </c>
      <c r="C60644" s="14" t="s">
        <v>51</v>
      </c>
      <c r="D60644" s="14" t="s">
        <v>328</v>
      </c>
      <c r="E60644" s="15">
        <v>45430</v>
      </c>
      <c r="F60644" s="14" t="s">
        <v>61</v>
      </c>
      <c r="G60644" s="16">
        <v>0</v>
      </c>
    </row>
    <row r="60645" spans="1:7" x14ac:dyDescent="0.3">
      <c r="A60645" s="13" t="s">
        <v>327</v>
      </c>
      <c r="B60645" s="14" t="s">
        <v>1</v>
      </c>
      <c r="C60645" s="14" t="s">
        <v>51</v>
      </c>
      <c r="D60645" s="14" t="s">
        <v>328</v>
      </c>
      <c r="E60645" s="15">
        <v>45431</v>
      </c>
      <c r="F60645" s="14" t="s">
        <v>61</v>
      </c>
      <c r="G60645" s="16">
        <v>0</v>
      </c>
    </row>
    <row r="60646" spans="1:7" x14ac:dyDescent="0.3">
      <c r="A60646" s="13" t="s">
        <v>327</v>
      </c>
      <c r="B60646" s="14" t="s">
        <v>1</v>
      </c>
      <c r="C60646" s="14" t="s">
        <v>51</v>
      </c>
      <c r="D60646" s="14" t="s">
        <v>328</v>
      </c>
      <c r="E60646" s="15">
        <v>45432</v>
      </c>
      <c r="F60646" s="14" t="s">
        <v>61</v>
      </c>
      <c r="G60646" s="16">
        <v>0</v>
      </c>
    </row>
    <row r="60647" spans="1:7" x14ac:dyDescent="0.3">
      <c r="A60647" s="13" t="s">
        <v>327</v>
      </c>
      <c r="B60647" s="14" t="s">
        <v>1</v>
      </c>
      <c r="C60647" s="14" t="s">
        <v>51</v>
      </c>
      <c r="D60647" s="14" t="s">
        <v>328</v>
      </c>
      <c r="E60647" s="15">
        <v>45433</v>
      </c>
      <c r="F60647" s="14" t="s">
        <v>61</v>
      </c>
      <c r="G60647" s="16">
        <v>0</v>
      </c>
    </row>
    <row r="60648" spans="1:7" x14ac:dyDescent="0.3">
      <c r="A60648" s="13" t="s">
        <v>327</v>
      </c>
      <c r="B60648" s="14" t="s">
        <v>1</v>
      </c>
      <c r="C60648" s="14" t="s">
        <v>51</v>
      </c>
      <c r="D60648" s="14" t="s">
        <v>328</v>
      </c>
      <c r="E60648" s="15">
        <v>45434</v>
      </c>
      <c r="F60648" s="14" t="s">
        <v>61</v>
      </c>
      <c r="G60648" s="16">
        <v>0</v>
      </c>
    </row>
    <row r="60649" spans="1:7" x14ac:dyDescent="0.3">
      <c r="A60649" s="13" t="s">
        <v>327</v>
      </c>
      <c r="B60649" s="14" t="s">
        <v>1</v>
      </c>
      <c r="C60649" s="14" t="s">
        <v>51</v>
      </c>
      <c r="D60649" s="14" t="s">
        <v>328</v>
      </c>
      <c r="E60649" s="15">
        <v>45435</v>
      </c>
      <c r="F60649" s="14" t="s">
        <v>61</v>
      </c>
      <c r="G60649" s="16">
        <v>0</v>
      </c>
    </row>
    <row r="60650" spans="1:7" x14ac:dyDescent="0.3">
      <c r="A60650" s="13" t="s">
        <v>327</v>
      </c>
      <c r="B60650" s="14" t="s">
        <v>1</v>
      </c>
      <c r="C60650" s="14" t="s">
        <v>51</v>
      </c>
      <c r="D60650" s="14" t="s">
        <v>328</v>
      </c>
      <c r="E60650" s="15">
        <v>45436</v>
      </c>
      <c r="F60650" s="14" t="s">
        <v>61</v>
      </c>
      <c r="G60650" s="16">
        <v>0</v>
      </c>
    </row>
    <row r="60651" spans="1:7" x14ac:dyDescent="0.3">
      <c r="A60651" s="13" t="s">
        <v>327</v>
      </c>
      <c r="B60651" s="14" t="s">
        <v>1</v>
      </c>
      <c r="C60651" s="14" t="s">
        <v>51</v>
      </c>
      <c r="D60651" s="14" t="s">
        <v>328</v>
      </c>
      <c r="E60651" s="15">
        <v>45437</v>
      </c>
      <c r="F60651" s="14" t="s">
        <v>61</v>
      </c>
      <c r="G60651" s="16">
        <v>0</v>
      </c>
    </row>
    <row r="60652" spans="1:7" x14ac:dyDescent="0.3">
      <c r="A60652" s="13" t="s">
        <v>327</v>
      </c>
      <c r="B60652" s="14" t="s">
        <v>1</v>
      </c>
      <c r="C60652" s="14" t="s">
        <v>51</v>
      </c>
      <c r="D60652" s="14" t="s">
        <v>328</v>
      </c>
      <c r="E60652" s="15">
        <v>45438</v>
      </c>
      <c r="F60652" s="14" t="s">
        <v>61</v>
      </c>
      <c r="G60652" s="16">
        <v>0</v>
      </c>
    </row>
    <row r="60653" spans="1:7" x14ac:dyDescent="0.3">
      <c r="A60653" s="13" t="s">
        <v>327</v>
      </c>
      <c r="B60653" s="14" t="s">
        <v>1</v>
      </c>
      <c r="C60653" s="14" t="s">
        <v>51</v>
      </c>
      <c r="D60653" s="14" t="s">
        <v>328</v>
      </c>
      <c r="E60653" s="15">
        <v>45439</v>
      </c>
      <c r="F60653" s="14" t="s">
        <v>61</v>
      </c>
      <c r="G60653" s="16">
        <v>0</v>
      </c>
    </row>
    <row r="60654" spans="1:7" x14ac:dyDescent="0.3">
      <c r="A60654" s="13" t="s">
        <v>327</v>
      </c>
      <c r="B60654" s="14" t="s">
        <v>1</v>
      </c>
      <c r="C60654" s="14" t="s">
        <v>51</v>
      </c>
      <c r="D60654" s="14" t="s">
        <v>328</v>
      </c>
      <c r="E60654" s="15">
        <v>45440</v>
      </c>
      <c r="F60654" s="14" t="s">
        <v>61</v>
      </c>
      <c r="G60654" s="16">
        <v>0</v>
      </c>
    </row>
    <row r="60655" spans="1:7" x14ac:dyDescent="0.3">
      <c r="A60655" s="13" t="s">
        <v>327</v>
      </c>
      <c r="B60655" s="14" t="s">
        <v>1</v>
      </c>
      <c r="C60655" s="14" t="s">
        <v>51</v>
      </c>
      <c r="D60655" s="14" t="s">
        <v>328</v>
      </c>
      <c r="E60655" s="15">
        <v>45441</v>
      </c>
      <c r="F60655" s="14" t="s">
        <v>61</v>
      </c>
      <c r="G60655" s="16">
        <v>0</v>
      </c>
    </row>
    <row r="60656" spans="1:7" x14ac:dyDescent="0.3">
      <c r="A60656" s="13" t="s">
        <v>327</v>
      </c>
      <c r="B60656" s="14" t="s">
        <v>1</v>
      </c>
      <c r="C60656" s="14" t="s">
        <v>51</v>
      </c>
      <c r="D60656" s="14" t="s">
        <v>328</v>
      </c>
      <c r="E60656" s="15">
        <v>45442</v>
      </c>
      <c r="F60656" s="14" t="s">
        <v>61</v>
      </c>
      <c r="G60656" s="16">
        <v>0</v>
      </c>
    </row>
    <row r="60657" spans="1:7" x14ac:dyDescent="0.3">
      <c r="A60657" s="13" t="s">
        <v>327</v>
      </c>
      <c r="B60657" s="14" t="s">
        <v>1</v>
      </c>
      <c r="C60657" s="14" t="s">
        <v>51</v>
      </c>
      <c r="D60657" s="14" t="s">
        <v>328</v>
      </c>
      <c r="E60657" s="15">
        <v>45443</v>
      </c>
      <c r="F60657" s="14" t="s">
        <v>61</v>
      </c>
      <c r="G60657" s="16">
        <v>0</v>
      </c>
    </row>
    <row r="60658" spans="1:7" x14ac:dyDescent="0.3">
      <c r="A60658" s="13" t="s">
        <v>327</v>
      </c>
      <c r="B60658" s="14" t="s">
        <v>1</v>
      </c>
      <c r="C60658" s="14" t="s">
        <v>51</v>
      </c>
      <c r="D60658" s="14" t="s">
        <v>328</v>
      </c>
      <c r="E60658" s="15">
        <v>45444</v>
      </c>
      <c r="F60658" s="14" t="s">
        <v>61</v>
      </c>
      <c r="G60658" s="16">
        <v>0</v>
      </c>
    </row>
    <row r="60659" spans="1:7" x14ac:dyDescent="0.3">
      <c r="A60659" s="13" t="s">
        <v>327</v>
      </c>
      <c r="B60659" s="14" t="s">
        <v>1</v>
      </c>
      <c r="C60659" s="14" t="s">
        <v>51</v>
      </c>
      <c r="D60659" s="14" t="s">
        <v>328</v>
      </c>
      <c r="E60659" s="15">
        <v>45445</v>
      </c>
      <c r="F60659" s="14" t="s">
        <v>61</v>
      </c>
      <c r="G60659" s="16">
        <v>0</v>
      </c>
    </row>
    <row r="60660" spans="1:7" x14ac:dyDescent="0.3">
      <c r="A60660" s="13" t="s">
        <v>327</v>
      </c>
      <c r="B60660" s="14" t="s">
        <v>1</v>
      </c>
      <c r="C60660" s="14" t="s">
        <v>51</v>
      </c>
      <c r="D60660" s="14" t="s">
        <v>328</v>
      </c>
      <c r="E60660" s="15">
        <v>45446</v>
      </c>
      <c r="F60660" s="14" t="s">
        <v>61</v>
      </c>
      <c r="G60660" s="16">
        <v>0</v>
      </c>
    </row>
    <row r="60661" spans="1:7" x14ac:dyDescent="0.3">
      <c r="A60661" s="13" t="s">
        <v>327</v>
      </c>
      <c r="B60661" s="14" t="s">
        <v>1</v>
      </c>
      <c r="C60661" s="14" t="s">
        <v>51</v>
      </c>
      <c r="D60661" s="14" t="s">
        <v>328</v>
      </c>
      <c r="E60661" s="15">
        <v>45447</v>
      </c>
      <c r="F60661" s="14" t="s">
        <v>61</v>
      </c>
      <c r="G60661" s="16">
        <v>0</v>
      </c>
    </row>
    <row r="60662" spans="1:7" x14ac:dyDescent="0.3">
      <c r="A60662" s="13" t="s">
        <v>327</v>
      </c>
      <c r="B60662" s="14" t="s">
        <v>1</v>
      </c>
      <c r="C60662" s="14" t="s">
        <v>51</v>
      </c>
      <c r="D60662" s="14" t="s">
        <v>328</v>
      </c>
      <c r="E60662" s="15">
        <v>45448</v>
      </c>
      <c r="F60662" s="14" t="s">
        <v>61</v>
      </c>
      <c r="G60662" s="16">
        <v>0</v>
      </c>
    </row>
    <row r="60663" spans="1:7" x14ac:dyDescent="0.3">
      <c r="A60663" s="13" t="s">
        <v>327</v>
      </c>
      <c r="B60663" s="14" t="s">
        <v>1</v>
      </c>
      <c r="C60663" s="14" t="s">
        <v>51</v>
      </c>
      <c r="D60663" s="14" t="s">
        <v>328</v>
      </c>
      <c r="E60663" s="15">
        <v>45449</v>
      </c>
      <c r="F60663" s="14" t="s">
        <v>61</v>
      </c>
      <c r="G60663" s="16">
        <v>0</v>
      </c>
    </row>
    <row r="60664" spans="1:7" x14ac:dyDescent="0.3">
      <c r="A60664" s="13" t="s">
        <v>327</v>
      </c>
      <c r="B60664" s="14" t="s">
        <v>1</v>
      </c>
      <c r="C60664" s="14" t="s">
        <v>51</v>
      </c>
      <c r="D60664" s="14" t="s">
        <v>328</v>
      </c>
      <c r="E60664" s="15">
        <v>45450</v>
      </c>
      <c r="F60664" s="14" t="s">
        <v>61</v>
      </c>
      <c r="G60664" s="16">
        <v>0</v>
      </c>
    </row>
    <row r="60665" spans="1:7" x14ac:dyDescent="0.3">
      <c r="A60665" s="13" t="s">
        <v>327</v>
      </c>
      <c r="B60665" s="14" t="s">
        <v>1</v>
      </c>
      <c r="C60665" s="14" t="s">
        <v>51</v>
      </c>
      <c r="D60665" s="14" t="s">
        <v>328</v>
      </c>
      <c r="E60665" s="15">
        <v>45451</v>
      </c>
      <c r="F60665" s="14" t="s">
        <v>61</v>
      </c>
      <c r="G60665" s="16">
        <v>0</v>
      </c>
    </row>
    <row r="60666" spans="1:7" x14ac:dyDescent="0.3">
      <c r="A60666" s="13" t="s">
        <v>327</v>
      </c>
      <c r="B60666" s="14" t="s">
        <v>1</v>
      </c>
      <c r="C60666" s="14" t="s">
        <v>51</v>
      </c>
      <c r="D60666" s="14" t="s">
        <v>328</v>
      </c>
      <c r="E60666" s="15">
        <v>45452</v>
      </c>
      <c r="F60666" s="14" t="s">
        <v>61</v>
      </c>
      <c r="G60666" s="16">
        <v>0</v>
      </c>
    </row>
    <row r="60667" spans="1:7" x14ac:dyDescent="0.3">
      <c r="A60667" s="13" t="s">
        <v>327</v>
      </c>
      <c r="B60667" s="14" t="s">
        <v>1</v>
      </c>
      <c r="C60667" s="14" t="s">
        <v>51</v>
      </c>
      <c r="D60667" s="14" t="s">
        <v>328</v>
      </c>
      <c r="E60667" s="15">
        <v>45453</v>
      </c>
      <c r="F60667" s="14" t="s">
        <v>61</v>
      </c>
      <c r="G60667" s="16">
        <v>0</v>
      </c>
    </row>
    <row r="60668" spans="1:7" x14ac:dyDescent="0.3">
      <c r="A60668" s="13" t="s">
        <v>327</v>
      </c>
      <c r="B60668" s="14" t="s">
        <v>1</v>
      </c>
      <c r="C60668" s="14" t="s">
        <v>51</v>
      </c>
      <c r="D60668" s="14" t="s">
        <v>328</v>
      </c>
      <c r="E60668" s="15">
        <v>45454</v>
      </c>
      <c r="F60668" s="14" t="s">
        <v>61</v>
      </c>
      <c r="G60668" s="16">
        <v>0</v>
      </c>
    </row>
    <row r="60669" spans="1:7" x14ac:dyDescent="0.3">
      <c r="A60669" s="13" t="s">
        <v>327</v>
      </c>
      <c r="B60669" s="14" t="s">
        <v>1</v>
      </c>
      <c r="C60669" s="14" t="s">
        <v>51</v>
      </c>
      <c r="D60669" s="14" t="s">
        <v>328</v>
      </c>
      <c r="E60669" s="15">
        <v>45455</v>
      </c>
      <c r="F60669" s="14" t="s">
        <v>61</v>
      </c>
      <c r="G60669" s="16">
        <v>0</v>
      </c>
    </row>
    <row r="60670" spans="1:7" x14ac:dyDescent="0.3">
      <c r="A60670" s="13" t="s">
        <v>327</v>
      </c>
      <c r="B60670" s="14" t="s">
        <v>1</v>
      </c>
      <c r="C60670" s="14" t="s">
        <v>51</v>
      </c>
      <c r="D60670" s="14" t="s">
        <v>328</v>
      </c>
      <c r="E60670" s="15">
        <v>45456</v>
      </c>
      <c r="F60670" s="14" t="s">
        <v>61</v>
      </c>
      <c r="G60670" s="16">
        <v>0</v>
      </c>
    </row>
    <row r="60671" spans="1:7" x14ac:dyDescent="0.3">
      <c r="A60671" s="13" t="s">
        <v>327</v>
      </c>
      <c r="B60671" s="14" t="s">
        <v>1</v>
      </c>
      <c r="C60671" s="14" t="s">
        <v>51</v>
      </c>
      <c r="D60671" s="14" t="s">
        <v>328</v>
      </c>
      <c r="E60671" s="15">
        <v>45457</v>
      </c>
      <c r="F60671" s="14" t="s">
        <v>61</v>
      </c>
      <c r="G60671" s="16">
        <v>0</v>
      </c>
    </row>
    <row r="60672" spans="1:7" x14ac:dyDescent="0.3">
      <c r="A60672" s="13" t="s">
        <v>327</v>
      </c>
      <c r="B60672" s="14" t="s">
        <v>1</v>
      </c>
      <c r="C60672" s="14" t="s">
        <v>51</v>
      </c>
      <c r="D60672" s="14" t="s">
        <v>328</v>
      </c>
      <c r="E60672" s="15">
        <v>45458</v>
      </c>
      <c r="F60672" s="14" t="s">
        <v>61</v>
      </c>
      <c r="G60672" s="16">
        <v>0</v>
      </c>
    </row>
    <row r="60673" spans="1:7" x14ac:dyDescent="0.3">
      <c r="A60673" s="13" t="s">
        <v>327</v>
      </c>
      <c r="B60673" s="14" t="s">
        <v>1</v>
      </c>
      <c r="C60673" s="14" t="s">
        <v>51</v>
      </c>
      <c r="D60673" s="14" t="s">
        <v>328</v>
      </c>
      <c r="E60673" s="15">
        <v>45459</v>
      </c>
      <c r="F60673" s="14" t="s">
        <v>61</v>
      </c>
      <c r="G60673" s="16">
        <v>0</v>
      </c>
    </row>
    <row r="60674" spans="1:7" x14ac:dyDescent="0.3">
      <c r="A60674" s="13" t="s">
        <v>327</v>
      </c>
      <c r="B60674" s="14" t="s">
        <v>1</v>
      </c>
      <c r="C60674" s="14" t="s">
        <v>51</v>
      </c>
      <c r="D60674" s="14" t="s">
        <v>328</v>
      </c>
      <c r="E60674" s="15">
        <v>45460</v>
      </c>
      <c r="F60674" s="14" t="s">
        <v>61</v>
      </c>
      <c r="G60674" s="16">
        <v>0</v>
      </c>
    </row>
    <row r="60675" spans="1:7" x14ac:dyDescent="0.3">
      <c r="A60675" s="13" t="s">
        <v>327</v>
      </c>
      <c r="B60675" s="14" t="s">
        <v>1</v>
      </c>
      <c r="C60675" s="14" t="s">
        <v>51</v>
      </c>
      <c r="D60675" s="14" t="s">
        <v>328</v>
      </c>
      <c r="E60675" s="15">
        <v>45461</v>
      </c>
      <c r="F60675" s="14" t="s">
        <v>61</v>
      </c>
      <c r="G60675" s="16">
        <v>0</v>
      </c>
    </row>
    <row r="60676" spans="1:7" x14ac:dyDescent="0.3">
      <c r="A60676" s="13" t="s">
        <v>327</v>
      </c>
      <c r="B60676" s="14" t="s">
        <v>1</v>
      </c>
      <c r="C60676" s="14" t="s">
        <v>51</v>
      </c>
      <c r="D60676" s="14" t="s">
        <v>328</v>
      </c>
      <c r="E60676" s="15">
        <v>45462</v>
      </c>
      <c r="F60676" s="14" t="s">
        <v>61</v>
      </c>
      <c r="G60676" s="16">
        <v>0</v>
      </c>
    </row>
    <row r="60677" spans="1:7" x14ac:dyDescent="0.3">
      <c r="A60677" s="13" t="s">
        <v>327</v>
      </c>
      <c r="B60677" s="14" t="s">
        <v>1</v>
      </c>
      <c r="C60677" s="14" t="s">
        <v>51</v>
      </c>
      <c r="D60677" s="14" t="s">
        <v>328</v>
      </c>
      <c r="E60677" s="15">
        <v>45463</v>
      </c>
      <c r="F60677" s="14" t="s">
        <v>61</v>
      </c>
      <c r="G60677" s="16">
        <v>0</v>
      </c>
    </row>
    <row r="60678" spans="1:7" x14ac:dyDescent="0.3">
      <c r="A60678" s="13" t="s">
        <v>327</v>
      </c>
      <c r="B60678" s="14" t="s">
        <v>1</v>
      </c>
      <c r="C60678" s="14" t="s">
        <v>51</v>
      </c>
      <c r="D60678" s="14" t="s">
        <v>328</v>
      </c>
      <c r="E60678" s="15">
        <v>45464</v>
      </c>
      <c r="F60678" s="14" t="s">
        <v>61</v>
      </c>
      <c r="G60678" s="16">
        <v>0</v>
      </c>
    </row>
    <row r="60679" spans="1:7" x14ac:dyDescent="0.3">
      <c r="A60679" s="13" t="s">
        <v>327</v>
      </c>
      <c r="B60679" s="14" t="s">
        <v>1</v>
      </c>
      <c r="C60679" s="14" t="s">
        <v>51</v>
      </c>
      <c r="D60679" s="14" t="s">
        <v>328</v>
      </c>
      <c r="E60679" s="15">
        <v>45465</v>
      </c>
      <c r="F60679" s="14" t="s">
        <v>61</v>
      </c>
      <c r="G60679" s="16">
        <v>0</v>
      </c>
    </row>
    <row r="60680" spans="1:7" x14ac:dyDescent="0.3">
      <c r="A60680" s="13" t="s">
        <v>327</v>
      </c>
      <c r="B60680" s="14" t="s">
        <v>1</v>
      </c>
      <c r="C60680" s="14" t="s">
        <v>51</v>
      </c>
      <c r="D60680" s="14" t="s">
        <v>328</v>
      </c>
      <c r="E60680" s="15">
        <v>45466</v>
      </c>
      <c r="F60680" s="14" t="s">
        <v>61</v>
      </c>
      <c r="G60680" s="16">
        <v>0</v>
      </c>
    </row>
    <row r="60681" spans="1:7" x14ac:dyDescent="0.3">
      <c r="A60681" s="13" t="s">
        <v>327</v>
      </c>
      <c r="B60681" s="14" t="s">
        <v>1</v>
      </c>
      <c r="C60681" s="14" t="s">
        <v>51</v>
      </c>
      <c r="D60681" s="14" t="s">
        <v>328</v>
      </c>
      <c r="E60681" s="15">
        <v>45467</v>
      </c>
      <c r="F60681" s="14" t="s">
        <v>61</v>
      </c>
      <c r="G60681" s="16">
        <v>0</v>
      </c>
    </row>
    <row r="60682" spans="1:7" x14ac:dyDescent="0.3">
      <c r="A60682" s="13" t="s">
        <v>327</v>
      </c>
      <c r="B60682" s="14" t="s">
        <v>1</v>
      </c>
      <c r="C60682" s="14" t="s">
        <v>51</v>
      </c>
      <c r="D60682" s="14" t="s">
        <v>328</v>
      </c>
      <c r="E60682" s="15">
        <v>45468</v>
      </c>
      <c r="F60682" s="14" t="s">
        <v>61</v>
      </c>
      <c r="G60682" s="16">
        <v>0</v>
      </c>
    </row>
    <row r="60683" spans="1:7" x14ac:dyDescent="0.3">
      <c r="A60683" s="13" t="s">
        <v>327</v>
      </c>
      <c r="B60683" s="14" t="s">
        <v>1</v>
      </c>
      <c r="C60683" s="14" t="s">
        <v>51</v>
      </c>
      <c r="D60683" s="14" t="s">
        <v>328</v>
      </c>
      <c r="E60683" s="15">
        <v>45469</v>
      </c>
      <c r="F60683" s="14" t="s">
        <v>61</v>
      </c>
      <c r="G60683" s="16">
        <v>0</v>
      </c>
    </row>
    <row r="60684" spans="1:7" x14ac:dyDescent="0.3">
      <c r="A60684" s="13" t="s">
        <v>327</v>
      </c>
      <c r="B60684" s="14" t="s">
        <v>1</v>
      </c>
      <c r="C60684" s="14" t="s">
        <v>51</v>
      </c>
      <c r="D60684" s="14" t="s">
        <v>328</v>
      </c>
      <c r="E60684" s="15">
        <v>45470</v>
      </c>
      <c r="F60684" s="14" t="s">
        <v>61</v>
      </c>
      <c r="G60684" s="16">
        <v>0</v>
      </c>
    </row>
    <row r="60685" spans="1:7" x14ac:dyDescent="0.3">
      <c r="A60685" s="13" t="s">
        <v>327</v>
      </c>
      <c r="B60685" s="14" t="s">
        <v>1</v>
      </c>
      <c r="C60685" s="14" t="s">
        <v>51</v>
      </c>
      <c r="D60685" s="14" t="s">
        <v>328</v>
      </c>
      <c r="E60685" s="15">
        <v>45471</v>
      </c>
      <c r="F60685" s="14" t="s">
        <v>61</v>
      </c>
      <c r="G60685" s="16">
        <v>0</v>
      </c>
    </row>
    <row r="60686" spans="1:7" x14ac:dyDescent="0.3">
      <c r="A60686" s="13" t="s">
        <v>327</v>
      </c>
      <c r="B60686" s="14" t="s">
        <v>1</v>
      </c>
      <c r="C60686" s="14" t="s">
        <v>51</v>
      </c>
      <c r="D60686" s="14" t="s">
        <v>328</v>
      </c>
      <c r="E60686" s="15">
        <v>45472</v>
      </c>
      <c r="F60686" s="14" t="s">
        <v>61</v>
      </c>
      <c r="G60686" s="16">
        <v>0</v>
      </c>
    </row>
    <row r="60687" spans="1:7" x14ac:dyDescent="0.3">
      <c r="A60687" s="13" t="s">
        <v>327</v>
      </c>
      <c r="B60687" s="14" t="s">
        <v>1</v>
      </c>
      <c r="C60687" s="14" t="s">
        <v>51</v>
      </c>
      <c r="D60687" s="14" t="s">
        <v>328</v>
      </c>
      <c r="E60687" s="15">
        <v>45473</v>
      </c>
      <c r="F60687" s="14" t="s">
        <v>61</v>
      </c>
      <c r="G60687" s="16">
        <v>0</v>
      </c>
    </row>
    <row r="60688" spans="1:7" x14ac:dyDescent="0.3">
      <c r="A60688" s="13" t="s">
        <v>327</v>
      </c>
      <c r="B60688" s="14" t="s">
        <v>1</v>
      </c>
      <c r="C60688" s="14" t="s">
        <v>51</v>
      </c>
      <c r="D60688" s="14" t="s">
        <v>328</v>
      </c>
      <c r="E60688" s="15">
        <v>45474</v>
      </c>
      <c r="F60688" s="14" t="s">
        <v>61</v>
      </c>
      <c r="G60688" s="16">
        <v>0</v>
      </c>
    </row>
    <row r="60689" spans="1:7" x14ac:dyDescent="0.3">
      <c r="A60689" s="13" t="s">
        <v>327</v>
      </c>
      <c r="B60689" s="14" t="s">
        <v>1</v>
      </c>
      <c r="C60689" s="14" t="s">
        <v>51</v>
      </c>
      <c r="D60689" s="14" t="s">
        <v>328</v>
      </c>
      <c r="E60689" s="15">
        <v>45475</v>
      </c>
      <c r="F60689" s="14" t="s">
        <v>61</v>
      </c>
      <c r="G60689" s="16">
        <v>0</v>
      </c>
    </row>
    <row r="60690" spans="1:7" x14ac:dyDescent="0.3">
      <c r="A60690" s="13" t="s">
        <v>327</v>
      </c>
      <c r="B60690" s="14" t="s">
        <v>1</v>
      </c>
      <c r="C60690" s="14" t="s">
        <v>51</v>
      </c>
      <c r="D60690" s="14" t="s">
        <v>328</v>
      </c>
      <c r="E60690" s="15">
        <v>45476</v>
      </c>
      <c r="F60690" s="14" t="s">
        <v>61</v>
      </c>
      <c r="G60690" s="16">
        <v>0</v>
      </c>
    </row>
    <row r="60691" spans="1:7" x14ac:dyDescent="0.3">
      <c r="A60691" s="13" t="s">
        <v>327</v>
      </c>
      <c r="B60691" s="14" t="s">
        <v>1</v>
      </c>
      <c r="C60691" s="14" t="s">
        <v>51</v>
      </c>
      <c r="D60691" s="14" t="s">
        <v>328</v>
      </c>
      <c r="E60691" s="15">
        <v>45477</v>
      </c>
      <c r="F60691" s="14" t="s">
        <v>61</v>
      </c>
      <c r="G60691" s="16">
        <v>0</v>
      </c>
    </row>
    <row r="60692" spans="1:7" x14ac:dyDescent="0.3">
      <c r="A60692" s="13" t="s">
        <v>327</v>
      </c>
      <c r="B60692" s="14" t="s">
        <v>1</v>
      </c>
      <c r="C60692" s="14" t="s">
        <v>51</v>
      </c>
      <c r="D60692" s="14" t="s">
        <v>328</v>
      </c>
      <c r="E60692" s="15">
        <v>45478</v>
      </c>
      <c r="F60692" s="14" t="s">
        <v>61</v>
      </c>
      <c r="G60692" s="16">
        <v>0</v>
      </c>
    </row>
    <row r="60693" spans="1:7" x14ac:dyDescent="0.3">
      <c r="A60693" s="13" t="s">
        <v>327</v>
      </c>
      <c r="B60693" s="14" t="s">
        <v>1</v>
      </c>
      <c r="C60693" s="14" t="s">
        <v>51</v>
      </c>
      <c r="D60693" s="14" t="s">
        <v>328</v>
      </c>
      <c r="E60693" s="15">
        <v>45479</v>
      </c>
      <c r="F60693" s="14" t="s">
        <v>61</v>
      </c>
      <c r="G60693" s="16">
        <v>0</v>
      </c>
    </row>
    <row r="60694" spans="1:7" x14ac:dyDescent="0.3">
      <c r="A60694" s="13" t="s">
        <v>327</v>
      </c>
      <c r="B60694" s="14" t="s">
        <v>1</v>
      </c>
      <c r="C60694" s="14" t="s">
        <v>51</v>
      </c>
      <c r="D60694" s="14" t="s">
        <v>328</v>
      </c>
      <c r="E60694" s="15">
        <v>45480</v>
      </c>
      <c r="F60694" s="14" t="s">
        <v>61</v>
      </c>
      <c r="G60694" s="16">
        <v>0</v>
      </c>
    </row>
    <row r="60695" spans="1:7" x14ac:dyDescent="0.3">
      <c r="A60695" s="13" t="s">
        <v>327</v>
      </c>
      <c r="B60695" s="14" t="s">
        <v>1</v>
      </c>
      <c r="C60695" s="14" t="s">
        <v>51</v>
      </c>
      <c r="D60695" s="14" t="s">
        <v>328</v>
      </c>
      <c r="E60695" s="15">
        <v>45481</v>
      </c>
      <c r="F60695" s="14" t="s">
        <v>61</v>
      </c>
      <c r="G60695" s="16">
        <v>0</v>
      </c>
    </row>
    <row r="60696" spans="1:7" x14ac:dyDescent="0.3">
      <c r="A60696" s="13" t="s">
        <v>327</v>
      </c>
      <c r="B60696" s="14" t="s">
        <v>1</v>
      </c>
      <c r="C60696" s="14" t="s">
        <v>51</v>
      </c>
      <c r="D60696" s="14" t="s">
        <v>328</v>
      </c>
      <c r="E60696" s="15">
        <v>45482</v>
      </c>
      <c r="F60696" s="14" t="s">
        <v>61</v>
      </c>
      <c r="G60696" s="16">
        <v>0</v>
      </c>
    </row>
    <row r="60697" spans="1:7" x14ac:dyDescent="0.3">
      <c r="A60697" s="13" t="s">
        <v>327</v>
      </c>
      <c r="B60697" s="14" t="s">
        <v>1</v>
      </c>
      <c r="C60697" s="14" t="s">
        <v>51</v>
      </c>
      <c r="D60697" s="14" t="s">
        <v>328</v>
      </c>
      <c r="E60697" s="15">
        <v>45483</v>
      </c>
      <c r="F60697" s="14" t="s">
        <v>61</v>
      </c>
      <c r="G60697" s="16">
        <v>0</v>
      </c>
    </row>
    <row r="60698" spans="1:7" x14ac:dyDescent="0.3">
      <c r="A60698" s="13" t="s">
        <v>327</v>
      </c>
      <c r="B60698" s="14" t="s">
        <v>1</v>
      </c>
      <c r="C60698" s="14" t="s">
        <v>51</v>
      </c>
      <c r="D60698" s="14" t="s">
        <v>328</v>
      </c>
      <c r="E60698" s="15">
        <v>45484</v>
      </c>
      <c r="F60698" s="14" t="s">
        <v>61</v>
      </c>
      <c r="G60698" s="16">
        <v>0</v>
      </c>
    </row>
    <row r="60699" spans="1:7" x14ac:dyDescent="0.3">
      <c r="A60699" s="13" t="s">
        <v>327</v>
      </c>
      <c r="B60699" s="14" t="s">
        <v>1</v>
      </c>
      <c r="C60699" s="14" t="s">
        <v>51</v>
      </c>
      <c r="D60699" s="14" t="s">
        <v>328</v>
      </c>
      <c r="E60699" s="15">
        <v>45485</v>
      </c>
      <c r="F60699" s="14" t="s">
        <v>61</v>
      </c>
      <c r="G60699" s="16">
        <v>0</v>
      </c>
    </row>
    <row r="60700" spans="1:7" x14ac:dyDescent="0.3">
      <c r="A60700" s="13" t="s">
        <v>327</v>
      </c>
      <c r="B60700" s="14" t="s">
        <v>1</v>
      </c>
      <c r="C60700" s="14" t="s">
        <v>51</v>
      </c>
      <c r="D60700" s="14" t="s">
        <v>328</v>
      </c>
      <c r="E60700" s="15">
        <v>45486</v>
      </c>
      <c r="F60700" s="14" t="s">
        <v>61</v>
      </c>
      <c r="G60700" s="16">
        <v>0</v>
      </c>
    </row>
    <row r="60701" spans="1:7" x14ac:dyDescent="0.3">
      <c r="A60701" s="13" t="s">
        <v>327</v>
      </c>
      <c r="B60701" s="14" t="s">
        <v>1</v>
      </c>
      <c r="C60701" s="14" t="s">
        <v>51</v>
      </c>
      <c r="D60701" s="14" t="s">
        <v>328</v>
      </c>
      <c r="E60701" s="15">
        <v>45487</v>
      </c>
      <c r="F60701" s="14" t="s">
        <v>61</v>
      </c>
      <c r="G60701" s="16">
        <v>0</v>
      </c>
    </row>
    <row r="60702" spans="1:7" x14ac:dyDescent="0.3">
      <c r="A60702" s="13" t="s">
        <v>327</v>
      </c>
      <c r="B60702" s="14" t="s">
        <v>1</v>
      </c>
      <c r="C60702" s="14" t="s">
        <v>51</v>
      </c>
      <c r="D60702" s="14" t="s">
        <v>328</v>
      </c>
      <c r="E60702" s="15">
        <v>45488</v>
      </c>
      <c r="F60702" s="14" t="s">
        <v>61</v>
      </c>
      <c r="G60702" s="16">
        <v>0</v>
      </c>
    </row>
    <row r="60703" spans="1:7" x14ac:dyDescent="0.3">
      <c r="A60703" s="13" t="s">
        <v>327</v>
      </c>
      <c r="B60703" s="14" t="s">
        <v>1</v>
      </c>
      <c r="C60703" s="14" t="s">
        <v>51</v>
      </c>
      <c r="D60703" s="14" t="s">
        <v>328</v>
      </c>
      <c r="E60703" s="15">
        <v>45489</v>
      </c>
      <c r="F60703" s="14" t="s">
        <v>61</v>
      </c>
      <c r="G60703" s="16">
        <v>0</v>
      </c>
    </row>
    <row r="60704" spans="1:7" x14ac:dyDescent="0.3">
      <c r="A60704" s="13" t="s">
        <v>327</v>
      </c>
      <c r="B60704" s="14" t="s">
        <v>1</v>
      </c>
      <c r="C60704" s="14" t="s">
        <v>51</v>
      </c>
      <c r="D60704" s="14" t="s">
        <v>328</v>
      </c>
      <c r="E60704" s="15">
        <v>45490</v>
      </c>
      <c r="F60704" s="14" t="s">
        <v>61</v>
      </c>
      <c r="G60704" s="16">
        <v>0</v>
      </c>
    </row>
    <row r="60705" spans="1:7" x14ac:dyDescent="0.3">
      <c r="A60705" s="13" t="s">
        <v>327</v>
      </c>
      <c r="B60705" s="14" t="s">
        <v>1</v>
      </c>
      <c r="C60705" s="14" t="s">
        <v>51</v>
      </c>
      <c r="D60705" s="14" t="s">
        <v>328</v>
      </c>
      <c r="E60705" s="15">
        <v>45491</v>
      </c>
      <c r="F60705" s="14" t="s">
        <v>61</v>
      </c>
      <c r="G60705" s="16">
        <v>0</v>
      </c>
    </row>
    <row r="60706" spans="1:7" x14ac:dyDescent="0.3">
      <c r="A60706" s="13" t="s">
        <v>327</v>
      </c>
      <c r="B60706" s="14" t="s">
        <v>1</v>
      </c>
      <c r="C60706" s="14" t="s">
        <v>51</v>
      </c>
      <c r="D60706" s="14" t="s">
        <v>328</v>
      </c>
      <c r="E60706" s="15">
        <v>45492</v>
      </c>
      <c r="F60706" s="14" t="s">
        <v>61</v>
      </c>
      <c r="G60706" s="16">
        <v>0</v>
      </c>
    </row>
    <row r="60707" spans="1:7" x14ac:dyDescent="0.3">
      <c r="A60707" s="13" t="s">
        <v>327</v>
      </c>
      <c r="B60707" s="14" t="s">
        <v>1</v>
      </c>
      <c r="C60707" s="14" t="s">
        <v>51</v>
      </c>
      <c r="D60707" s="14" t="s">
        <v>328</v>
      </c>
      <c r="E60707" s="15">
        <v>45493</v>
      </c>
      <c r="F60707" s="14" t="s">
        <v>61</v>
      </c>
      <c r="G60707" s="16">
        <v>0</v>
      </c>
    </row>
    <row r="60708" spans="1:7" x14ac:dyDescent="0.3">
      <c r="A60708" s="13" t="s">
        <v>327</v>
      </c>
      <c r="B60708" s="14" t="s">
        <v>1</v>
      </c>
      <c r="C60708" s="14" t="s">
        <v>51</v>
      </c>
      <c r="D60708" s="14" t="s">
        <v>328</v>
      </c>
      <c r="E60708" s="15">
        <v>45494</v>
      </c>
      <c r="F60708" s="14" t="s">
        <v>61</v>
      </c>
      <c r="G60708" s="16">
        <v>0</v>
      </c>
    </row>
    <row r="60709" spans="1:7" x14ac:dyDescent="0.3">
      <c r="A60709" s="13" t="s">
        <v>327</v>
      </c>
      <c r="B60709" s="14" t="s">
        <v>1</v>
      </c>
      <c r="C60709" s="14" t="s">
        <v>51</v>
      </c>
      <c r="D60709" s="14" t="s">
        <v>328</v>
      </c>
      <c r="E60709" s="15">
        <v>45495</v>
      </c>
      <c r="F60709" s="14" t="s">
        <v>61</v>
      </c>
      <c r="G60709" s="16">
        <v>0</v>
      </c>
    </row>
    <row r="60710" spans="1:7" x14ac:dyDescent="0.3">
      <c r="A60710" s="13" t="s">
        <v>327</v>
      </c>
      <c r="B60710" s="14" t="s">
        <v>1</v>
      </c>
      <c r="C60710" s="14" t="s">
        <v>51</v>
      </c>
      <c r="D60710" s="14" t="s">
        <v>328</v>
      </c>
      <c r="E60710" s="15">
        <v>45496</v>
      </c>
      <c r="F60710" s="14" t="s">
        <v>61</v>
      </c>
      <c r="G60710" s="16">
        <v>0</v>
      </c>
    </row>
    <row r="60711" spans="1:7" x14ac:dyDescent="0.3">
      <c r="A60711" s="13" t="s">
        <v>327</v>
      </c>
      <c r="B60711" s="14" t="s">
        <v>1</v>
      </c>
      <c r="C60711" s="14" t="s">
        <v>51</v>
      </c>
      <c r="D60711" s="14" t="s">
        <v>328</v>
      </c>
      <c r="E60711" s="15">
        <v>45497</v>
      </c>
      <c r="F60711" s="14" t="s">
        <v>61</v>
      </c>
      <c r="G60711" s="16">
        <v>0</v>
      </c>
    </row>
    <row r="60712" spans="1:7" x14ac:dyDescent="0.3">
      <c r="A60712" s="13" t="s">
        <v>327</v>
      </c>
      <c r="B60712" s="14" t="s">
        <v>1</v>
      </c>
      <c r="C60712" s="14" t="s">
        <v>51</v>
      </c>
      <c r="D60712" s="14" t="s">
        <v>328</v>
      </c>
      <c r="E60712" s="15">
        <v>45498</v>
      </c>
      <c r="F60712" s="14" t="s">
        <v>61</v>
      </c>
      <c r="G60712" s="16">
        <v>0</v>
      </c>
    </row>
    <row r="60713" spans="1:7" x14ac:dyDescent="0.3">
      <c r="A60713" s="13" t="s">
        <v>327</v>
      </c>
      <c r="B60713" s="14" t="s">
        <v>1</v>
      </c>
      <c r="C60713" s="14" t="s">
        <v>51</v>
      </c>
      <c r="D60713" s="14" t="s">
        <v>328</v>
      </c>
      <c r="E60713" s="15">
        <v>45499</v>
      </c>
      <c r="F60713" s="14" t="s">
        <v>61</v>
      </c>
      <c r="G60713" s="16">
        <v>0</v>
      </c>
    </row>
    <row r="60714" spans="1:7" x14ac:dyDescent="0.3">
      <c r="A60714" s="13" t="s">
        <v>327</v>
      </c>
      <c r="B60714" s="14" t="s">
        <v>1</v>
      </c>
      <c r="C60714" s="14" t="s">
        <v>51</v>
      </c>
      <c r="D60714" s="14" t="s">
        <v>328</v>
      </c>
      <c r="E60714" s="15">
        <v>45500</v>
      </c>
      <c r="F60714" s="14" t="s">
        <v>61</v>
      </c>
      <c r="G60714" s="16">
        <v>0</v>
      </c>
    </row>
    <row r="60715" spans="1:7" x14ac:dyDescent="0.3">
      <c r="A60715" s="13" t="s">
        <v>327</v>
      </c>
      <c r="B60715" s="14" t="s">
        <v>1</v>
      </c>
      <c r="C60715" s="14" t="s">
        <v>51</v>
      </c>
      <c r="D60715" s="14" t="s">
        <v>328</v>
      </c>
      <c r="E60715" s="15">
        <v>45501</v>
      </c>
      <c r="F60715" s="14" t="s">
        <v>61</v>
      </c>
      <c r="G60715" s="16">
        <v>0</v>
      </c>
    </row>
    <row r="60716" spans="1:7" x14ac:dyDescent="0.3">
      <c r="A60716" s="13" t="s">
        <v>327</v>
      </c>
      <c r="B60716" s="14" t="s">
        <v>1</v>
      </c>
      <c r="C60716" s="14" t="s">
        <v>51</v>
      </c>
      <c r="D60716" s="14" t="s">
        <v>328</v>
      </c>
      <c r="E60716" s="15">
        <v>45502</v>
      </c>
      <c r="F60716" s="14" t="s">
        <v>61</v>
      </c>
      <c r="G60716" s="16">
        <v>0</v>
      </c>
    </row>
    <row r="60717" spans="1:7" x14ac:dyDescent="0.3">
      <c r="A60717" s="13" t="s">
        <v>327</v>
      </c>
      <c r="B60717" s="14" t="s">
        <v>1</v>
      </c>
      <c r="C60717" s="14" t="s">
        <v>51</v>
      </c>
      <c r="D60717" s="14" t="s">
        <v>328</v>
      </c>
      <c r="E60717" s="15">
        <v>45503</v>
      </c>
      <c r="F60717" s="14" t="s">
        <v>61</v>
      </c>
      <c r="G60717" s="16">
        <v>0</v>
      </c>
    </row>
    <row r="60718" spans="1:7" x14ac:dyDescent="0.3">
      <c r="A60718" s="13" t="s">
        <v>327</v>
      </c>
      <c r="B60718" s="14" t="s">
        <v>1</v>
      </c>
      <c r="C60718" s="14" t="s">
        <v>51</v>
      </c>
      <c r="D60718" s="14" t="s">
        <v>328</v>
      </c>
      <c r="E60718" s="15">
        <v>45504</v>
      </c>
      <c r="F60718" s="14" t="s">
        <v>61</v>
      </c>
      <c r="G60718" s="16">
        <v>0</v>
      </c>
    </row>
    <row r="60719" spans="1:7" x14ac:dyDescent="0.3">
      <c r="A60719" s="13" t="s">
        <v>327</v>
      </c>
      <c r="B60719" s="14" t="s">
        <v>1</v>
      </c>
      <c r="C60719" s="14" t="s">
        <v>51</v>
      </c>
      <c r="D60719" s="14" t="s">
        <v>328</v>
      </c>
      <c r="E60719" s="15">
        <v>45505</v>
      </c>
      <c r="F60719" s="14" t="s">
        <v>61</v>
      </c>
      <c r="G60719" s="16">
        <v>0</v>
      </c>
    </row>
    <row r="60720" spans="1:7" x14ac:dyDescent="0.3">
      <c r="A60720" s="13" t="s">
        <v>327</v>
      </c>
      <c r="B60720" s="14" t="s">
        <v>1</v>
      </c>
      <c r="C60720" s="14" t="s">
        <v>51</v>
      </c>
      <c r="D60720" s="14" t="s">
        <v>328</v>
      </c>
      <c r="E60720" s="15">
        <v>45506</v>
      </c>
      <c r="F60720" s="14" t="s">
        <v>61</v>
      </c>
      <c r="G60720" s="16">
        <v>0</v>
      </c>
    </row>
    <row r="60721" spans="1:7" x14ac:dyDescent="0.3">
      <c r="A60721" s="13" t="s">
        <v>327</v>
      </c>
      <c r="B60721" s="14" t="s">
        <v>1</v>
      </c>
      <c r="C60721" s="14" t="s">
        <v>51</v>
      </c>
      <c r="D60721" s="14" t="s">
        <v>328</v>
      </c>
      <c r="E60721" s="15">
        <v>45507</v>
      </c>
      <c r="F60721" s="14" t="s">
        <v>61</v>
      </c>
      <c r="G60721" s="16">
        <v>0</v>
      </c>
    </row>
    <row r="60722" spans="1:7" x14ac:dyDescent="0.3">
      <c r="A60722" s="13" t="s">
        <v>327</v>
      </c>
      <c r="B60722" s="14" t="s">
        <v>1</v>
      </c>
      <c r="C60722" s="14" t="s">
        <v>51</v>
      </c>
      <c r="D60722" s="14" t="s">
        <v>328</v>
      </c>
      <c r="E60722" s="15">
        <v>45508</v>
      </c>
      <c r="F60722" s="14" t="s">
        <v>61</v>
      </c>
      <c r="G60722" s="16">
        <v>0</v>
      </c>
    </row>
    <row r="60723" spans="1:7" x14ac:dyDescent="0.3">
      <c r="A60723" s="13" t="s">
        <v>327</v>
      </c>
      <c r="B60723" s="14" t="s">
        <v>1</v>
      </c>
      <c r="C60723" s="14" t="s">
        <v>51</v>
      </c>
      <c r="D60723" s="14" t="s">
        <v>328</v>
      </c>
      <c r="E60723" s="15">
        <v>45509</v>
      </c>
      <c r="F60723" s="14" t="s">
        <v>61</v>
      </c>
      <c r="G60723" s="16">
        <v>0</v>
      </c>
    </row>
    <row r="60724" spans="1:7" x14ac:dyDescent="0.3">
      <c r="A60724" s="13" t="s">
        <v>327</v>
      </c>
      <c r="B60724" s="14" t="s">
        <v>1</v>
      </c>
      <c r="C60724" s="14" t="s">
        <v>51</v>
      </c>
      <c r="D60724" s="14" t="s">
        <v>328</v>
      </c>
      <c r="E60724" s="15">
        <v>45510</v>
      </c>
      <c r="F60724" s="14" t="s">
        <v>61</v>
      </c>
      <c r="G60724" s="16">
        <v>0</v>
      </c>
    </row>
    <row r="60725" spans="1:7" x14ac:dyDescent="0.3">
      <c r="A60725" s="13" t="s">
        <v>327</v>
      </c>
      <c r="B60725" s="14" t="s">
        <v>1</v>
      </c>
      <c r="C60725" s="14" t="s">
        <v>51</v>
      </c>
      <c r="D60725" s="14" t="s">
        <v>328</v>
      </c>
      <c r="E60725" s="15">
        <v>45511</v>
      </c>
      <c r="F60725" s="14" t="s">
        <v>61</v>
      </c>
      <c r="G60725" s="16">
        <v>0</v>
      </c>
    </row>
    <row r="60726" spans="1:7" x14ac:dyDescent="0.3">
      <c r="A60726" s="13" t="s">
        <v>327</v>
      </c>
      <c r="B60726" s="14" t="s">
        <v>1</v>
      </c>
      <c r="C60726" s="14" t="s">
        <v>51</v>
      </c>
      <c r="D60726" s="14" t="s">
        <v>328</v>
      </c>
      <c r="E60726" s="15">
        <v>45512</v>
      </c>
      <c r="F60726" s="14" t="s">
        <v>61</v>
      </c>
      <c r="G60726" s="16">
        <v>0</v>
      </c>
    </row>
    <row r="60727" spans="1:7" x14ac:dyDescent="0.3">
      <c r="A60727" s="13" t="s">
        <v>327</v>
      </c>
      <c r="B60727" s="14" t="s">
        <v>1</v>
      </c>
      <c r="C60727" s="14" t="s">
        <v>51</v>
      </c>
      <c r="D60727" s="14" t="s">
        <v>328</v>
      </c>
      <c r="E60727" s="15">
        <v>45513</v>
      </c>
      <c r="F60727" s="14" t="s">
        <v>61</v>
      </c>
      <c r="G60727" s="16">
        <v>0</v>
      </c>
    </row>
    <row r="60728" spans="1:7" x14ac:dyDescent="0.3">
      <c r="A60728" s="13" t="s">
        <v>327</v>
      </c>
      <c r="B60728" s="14" t="s">
        <v>1</v>
      </c>
      <c r="C60728" s="14" t="s">
        <v>51</v>
      </c>
      <c r="D60728" s="14" t="s">
        <v>328</v>
      </c>
      <c r="E60728" s="15">
        <v>45514</v>
      </c>
      <c r="F60728" s="14" t="s">
        <v>61</v>
      </c>
      <c r="G60728" s="16">
        <v>0</v>
      </c>
    </row>
    <row r="60729" spans="1:7" x14ac:dyDescent="0.3">
      <c r="A60729" s="13" t="s">
        <v>327</v>
      </c>
      <c r="B60729" s="14" t="s">
        <v>1</v>
      </c>
      <c r="C60729" s="14" t="s">
        <v>51</v>
      </c>
      <c r="D60729" s="14" t="s">
        <v>328</v>
      </c>
      <c r="E60729" s="15">
        <v>45515</v>
      </c>
      <c r="F60729" s="14" t="s">
        <v>61</v>
      </c>
      <c r="G60729" s="16">
        <v>0</v>
      </c>
    </row>
    <row r="60730" spans="1:7" x14ac:dyDescent="0.3">
      <c r="A60730" s="13" t="s">
        <v>327</v>
      </c>
      <c r="B60730" s="14" t="s">
        <v>1</v>
      </c>
      <c r="C60730" s="14" t="s">
        <v>51</v>
      </c>
      <c r="D60730" s="14" t="s">
        <v>328</v>
      </c>
      <c r="E60730" s="15">
        <v>45516</v>
      </c>
      <c r="F60730" s="14" t="s">
        <v>61</v>
      </c>
      <c r="G60730" s="16">
        <v>0</v>
      </c>
    </row>
    <row r="60731" spans="1:7" x14ac:dyDescent="0.3">
      <c r="A60731" s="13" t="s">
        <v>327</v>
      </c>
      <c r="B60731" s="14" t="s">
        <v>1</v>
      </c>
      <c r="C60731" s="14" t="s">
        <v>51</v>
      </c>
      <c r="D60731" s="14" t="s">
        <v>328</v>
      </c>
      <c r="E60731" s="15">
        <v>45517</v>
      </c>
      <c r="F60731" s="14" t="s">
        <v>61</v>
      </c>
      <c r="G60731" s="16">
        <v>0</v>
      </c>
    </row>
    <row r="60732" spans="1:7" x14ac:dyDescent="0.3">
      <c r="A60732" s="13" t="s">
        <v>327</v>
      </c>
      <c r="B60732" s="14" t="s">
        <v>1</v>
      </c>
      <c r="C60732" s="14" t="s">
        <v>51</v>
      </c>
      <c r="D60732" s="14" t="s">
        <v>328</v>
      </c>
      <c r="E60732" s="15">
        <v>45518</v>
      </c>
      <c r="F60732" s="14" t="s">
        <v>61</v>
      </c>
      <c r="G60732" s="16">
        <v>0</v>
      </c>
    </row>
    <row r="60733" spans="1:7" x14ac:dyDescent="0.3">
      <c r="A60733" s="13" t="s">
        <v>327</v>
      </c>
      <c r="B60733" s="14" t="s">
        <v>1</v>
      </c>
      <c r="C60733" s="14" t="s">
        <v>51</v>
      </c>
      <c r="D60733" s="14" t="s">
        <v>328</v>
      </c>
      <c r="E60733" s="15">
        <v>45519</v>
      </c>
      <c r="F60733" s="14" t="s">
        <v>61</v>
      </c>
      <c r="G60733" s="16">
        <v>0</v>
      </c>
    </row>
    <row r="60734" spans="1:7" x14ac:dyDescent="0.3">
      <c r="A60734" s="13" t="s">
        <v>327</v>
      </c>
      <c r="B60734" s="14" t="s">
        <v>1</v>
      </c>
      <c r="C60734" s="14" t="s">
        <v>51</v>
      </c>
      <c r="D60734" s="14" t="s">
        <v>328</v>
      </c>
      <c r="E60734" s="15">
        <v>45520</v>
      </c>
      <c r="F60734" s="14" t="s">
        <v>61</v>
      </c>
      <c r="G60734" s="16">
        <v>0</v>
      </c>
    </row>
    <row r="60735" spans="1:7" x14ac:dyDescent="0.3">
      <c r="A60735" s="13" t="s">
        <v>327</v>
      </c>
      <c r="B60735" s="14" t="s">
        <v>1</v>
      </c>
      <c r="C60735" s="14" t="s">
        <v>51</v>
      </c>
      <c r="D60735" s="14" t="s">
        <v>328</v>
      </c>
      <c r="E60735" s="15">
        <v>45521</v>
      </c>
      <c r="F60735" s="14" t="s">
        <v>61</v>
      </c>
      <c r="G60735" s="16">
        <v>0</v>
      </c>
    </row>
    <row r="60736" spans="1:7" x14ac:dyDescent="0.3">
      <c r="A60736" s="13" t="s">
        <v>327</v>
      </c>
      <c r="B60736" s="14" t="s">
        <v>1</v>
      </c>
      <c r="C60736" s="14" t="s">
        <v>51</v>
      </c>
      <c r="D60736" s="14" t="s">
        <v>328</v>
      </c>
      <c r="E60736" s="15">
        <v>45522</v>
      </c>
      <c r="F60736" s="14" t="s">
        <v>61</v>
      </c>
      <c r="G60736" s="16">
        <v>0</v>
      </c>
    </row>
    <row r="60737" spans="1:7" x14ac:dyDescent="0.3">
      <c r="A60737" s="13" t="s">
        <v>327</v>
      </c>
      <c r="B60737" s="14" t="s">
        <v>1</v>
      </c>
      <c r="C60737" s="14" t="s">
        <v>51</v>
      </c>
      <c r="D60737" s="14" t="s">
        <v>328</v>
      </c>
      <c r="E60737" s="15">
        <v>45523</v>
      </c>
      <c r="F60737" s="14" t="s">
        <v>61</v>
      </c>
      <c r="G60737" s="16">
        <v>0</v>
      </c>
    </row>
    <row r="60738" spans="1:7" x14ac:dyDescent="0.3">
      <c r="A60738" s="13" t="s">
        <v>327</v>
      </c>
      <c r="B60738" s="14" t="s">
        <v>1</v>
      </c>
      <c r="C60738" s="14" t="s">
        <v>51</v>
      </c>
      <c r="D60738" s="14" t="s">
        <v>328</v>
      </c>
      <c r="E60738" s="15">
        <v>45524</v>
      </c>
      <c r="F60738" s="14" t="s">
        <v>61</v>
      </c>
      <c r="G60738" s="16">
        <v>0</v>
      </c>
    </row>
    <row r="60739" spans="1:7" x14ac:dyDescent="0.3">
      <c r="A60739" s="13" t="s">
        <v>327</v>
      </c>
      <c r="B60739" s="14" t="s">
        <v>1</v>
      </c>
      <c r="C60739" s="14" t="s">
        <v>51</v>
      </c>
      <c r="D60739" s="14" t="s">
        <v>328</v>
      </c>
      <c r="E60739" s="15">
        <v>45525</v>
      </c>
      <c r="F60739" s="14" t="s">
        <v>61</v>
      </c>
      <c r="G60739" s="16">
        <v>0</v>
      </c>
    </row>
    <row r="60740" spans="1:7" x14ac:dyDescent="0.3">
      <c r="A60740" s="13" t="s">
        <v>327</v>
      </c>
      <c r="B60740" s="14" t="s">
        <v>1</v>
      </c>
      <c r="C60740" s="14" t="s">
        <v>51</v>
      </c>
      <c r="D60740" s="14" t="s">
        <v>328</v>
      </c>
      <c r="E60740" s="15">
        <v>45526</v>
      </c>
      <c r="F60740" s="14" t="s">
        <v>61</v>
      </c>
      <c r="G60740" s="16">
        <v>0</v>
      </c>
    </row>
    <row r="60741" spans="1:7" x14ac:dyDescent="0.3">
      <c r="A60741" s="13" t="s">
        <v>327</v>
      </c>
      <c r="B60741" s="14" t="s">
        <v>1</v>
      </c>
      <c r="C60741" s="14" t="s">
        <v>51</v>
      </c>
      <c r="D60741" s="14" t="s">
        <v>328</v>
      </c>
      <c r="E60741" s="15">
        <v>45527</v>
      </c>
      <c r="F60741" s="14" t="s">
        <v>61</v>
      </c>
      <c r="G60741" s="16">
        <v>0</v>
      </c>
    </row>
    <row r="60742" spans="1:7" x14ac:dyDescent="0.3">
      <c r="A60742" s="13" t="s">
        <v>327</v>
      </c>
      <c r="B60742" s="14" t="s">
        <v>1</v>
      </c>
      <c r="C60742" s="14" t="s">
        <v>51</v>
      </c>
      <c r="D60742" s="14" t="s">
        <v>328</v>
      </c>
      <c r="E60742" s="15">
        <v>45528</v>
      </c>
      <c r="F60742" s="14" t="s">
        <v>61</v>
      </c>
      <c r="G60742" s="16">
        <v>0</v>
      </c>
    </row>
    <row r="60743" spans="1:7" x14ac:dyDescent="0.3">
      <c r="A60743" s="13" t="s">
        <v>327</v>
      </c>
      <c r="B60743" s="14" t="s">
        <v>1</v>
      </c>
      <c r="C60743" s="14" t="s">
        <v>51</v>
      </c>
      <c r="D60743" s="14" t="s">
        <v>328</v>
      </c>
      <c r="E60743" s="15">
        <v>45529</v>
      </c>
      <c r="F60743" s="14" t="s">
        <v>61</v>
      </c>
      <c r="G60743" s="16">
        <v>0</v>
      </c>
    </row>
    <row r="60744" spans="1:7" x14ac:dyDescent="0.3">
      <c r="A60744" s="13" t="s">
        <v>327</v>
      </c>
      <c r="B60744" s="14" t="s">
        <v>1</v>
      </c>
      <c r="C60744" s="14" t="s">
        <v>51</v>
      </c>
      <c r="D60744" s="14" t="s">
        <v>328</v>
      </c>
      <c r="E60744" s="15">
        <v>45530</v>
      </c>
      <c r="F60744" s="14" t="s">
        <v>61</v>
      </c>
      <c r="G60744" s="16">
        <v>0</v>
      </c>
    </row>
    <row r="60745" spans="1:7" x14ac:dyDescent="0.3">
      <c r="A60745" s="13" t="s">
        <v>327</v>
      </c>
      <c r="B60745" s="14" t="s">
        <v>1</v>
      </c>
      <c r="C60745" s="14" t="s">
        <v>51</v>
      </c>
      <c r="D60745" s="14" t="s">
        <v>328</v>
      </c>
      <c r="E60745" s="15">
        <v>45531</v>
      </c>
      <c r="F60745" s="14" t="s">
        <v>61</v>
      </c>
      <c r="G60745" s="16">
        <v>0</v>
      </c>
    </row>
    <row r="60746" spans="1:7" x14ac:dyDescent="0.3">
      <c r="A60746" s="13" t="s">
        <v>327</v>
      </c>
      <c r="B60746" s="14" t="s">
        <v>1</v>
      </c>
      <c r="C60746" s="14" t="s">
        <v>51</v>
      </c>
      <c r="D60746" s="14" t="s">
        <v>328</v>
      </c>
      <c r="E60746" s="15">
        <v>45532</v>
      </c>
      <c r="F60746" s="14" t="s">
        <v>61</v>
      </c>
      <c r="G60746" s="16">
        <v>0</v>
      </c>
    </row>
    <row r="60747" spans="1:7" x14ac:dyDescent="0.3">
      <c r="A60747" s="13" t="s">
        <v>327</v>
      </c>
      <c r="B60747" s="14" t="s">
        <v>1</v>
      </c>
      <c r="C60747" s="14" t="s">
        <v>51</v>
      </c>
      <c r="D60747" s="14" t="s">
        <v>328</v>
      </c>
      <c r="E60747" s="15">
        <v>45533</v>
      </c>
      <c r="F60747" s="14" t="s">
        <v>61</v>
      </c>
      <c r="G60747" s="16">
        <v>0</v>
      </c>
    </row>
    <row r="60748" spans="1:7" x14ac:dyDescent="0.3">
      <c r="A60748" s="13" t="s">
        <v>327</v>
      </c>
      <c r="B60748" s="14" t="s">
        <v>1</v>
      </c>
      <c r="C60748" s="14" t="s">
        <v>51</v>
      </c>
      <c r="D60748" s="14" t="s">
        <v>328</v>
      </c>
      <c r="E60748" s="15">
        <v>45534</v>
      </c>
      <c r="F60748" s="14" t="s">
        <v>61</v>
      </c>
      <c r="G60748" s="16">
        <v>0</v>
      </c>
    </row>
    <row r="60749" spans="1:7" x14ac:dyDescent="0.3">
      <c r="A60749" s="13" t="s">
        <v>327</v>
      </c>
      <c r="B60749" s="14" t="s">
        <v>1</v>
      </c>
      <c r="C60749" s="14" t="s">
        <v>51</v>
      </c>
      <c r="D60749" s="14" t="s">
        <v>328</v>
      </c>
      <c r="E60749" s="15">
        <v>45535</v>
      </c>
      <c r="F60749" s="14" t="s">
        <v>61</v>
      </c>
      <c r="G60749" s="16">
        <v>0</v>
      </c>
    </row>
    <row r="60750" spans="1:7" x14ac:dyDescent="0.3">
      <c r="A60750" s="13" t="s">
        <v>327</v>
      </c>
      <c r="B60750" s="14" t="s">
        <v>1</v>
      </c>
      <c r="C60750" s="14" t="s">
        <v>51</v>
      </c>
      <c r="D60750" s="14" t="s">
        <v>328</v>
      </c>
      <c r="E60750" s="15">
        <v>45536</v>
      </c>
      <c r="F60750" s="14" t="s">
        <v>61</v>
      </c>
      <c r="G60750" s="16">
        <v>0</v>
      </c>
    </row>
    <row r="60751" spans="1:7" x14ac:dyDescent="0.3">
      <c r="A60751" s="13" t="s">
        <v>327</v>
      </c>
      <c r="B60751" s="14" t="s">
        <v>1</v>
      </c>
      <c r="C60751" s="14" t="s">
        <v>51</v>
      </c>
      <c r="D60751" s="14" t="s">
        <v>328</v>
      </c>
      <c r="E60751" s="15">
        <v>45537</v>
      </c>
      <c r="F60751" s="14" t="s">
        <v>61</v>
      </c>
      <c r="G60751" s="16">
        <v>0</v>
      </c>
    </row>
    <row r="60752" spans="1:7" x14ac:dyDescent="0.3">
      <c r="A60752" s="13" t="s">
        <v>327</v>
      </c>
      <c r="B60752" s="14" t="s">
        <v>1</v>
      </c>
      <c r="C60752" s="14" t="s">
        <v>51</v>
      </c>
      <c r="D60752" s="14" t="s">
        <v>328</v>
      </c>
      <c r="E60752" s="15">
        <v>45538</v>
      </c>
      <c r="F60752" s="14" t="s">
        <v>61</v>
      </c>
      <c r="G60752" s="16">
        <v>0</v>
      </c>
    </row>
    <row r="60753" spans="1:7" x14ac:dyDescent="0.3">
      <c r="A60753" s="13" t="s">
        <v>327</v>
      </c>
      <c r="B60753" s="14" t="s">
        <v>1</v>
      </c>
      <c r="C60753" s="14" t="s">
        <v>51</v>
      </c>
      <c r="D60753" s="14" t="s">
        <v>328</v>
      </c>
      <c r="E60753" s="15">
        <v>45539</v>
      </c>
      <c r="F60753" s="14" t="s">
        <v>61</v>
      </c>
      <c r="G60753" s="16">
        <v>0</v>
      </c>
    </row>
    <row r="60754" spans="1:7" x14ac:dyDescent="0.3">
      <c r="A60754" s="13" t="s">
        <v>327</v>
      </c>
      <c r="B60754" s="14" t="s">
        <v>1</v>
      </c>
      <c r="C60754" s="14" t="s">
        <v>51</v>
      </c>
      <c r="D60754" s="14" t="s">
        <v>328</v>
      </c>
      <c r="E60754" s="15">
        <v>45540</v>
      </c>
      <c r="F60754" s="14" t="s">
        <v>61</v>
      </c>
      <c r="G60754" s="16">
        <v>0</v>
      </c>
    </row>
    <row r="60755" spans="1:7" x14ac:dyDescent="0.3">
      <c r="A60755" s="13" t="s">
        <v>327</v>
      </c>
      <c r="B60755" s="14" t="s">
        <v>1</v>
      </c>
      <c r="C60755" s="14" t="s">
        <v>51</v>
      </c>
      <c r="D60755" s="14" t="s">
        <v>328</v>
      </c>
      <c r="E60755" s="15">
        <v>45541</v>
      </c>
      <c r="F60755" s="14" t="s">
        <v>61</v>
      </c>
      <c r="G60755" s="16">
        <v>0</v>
      </c>
    </row>
    <row r="60756" spans="1:7" x14ac:dyDescent="0.3">
      <c r="A60756" s="13" t="s">
        <v>327</v>
      </c>
      <c r="B60756" s="14" t="s">
        <v>1</v>
      </c>
      <c r="C60756" s="14" t="s">
        <v>51</v>
      </c>
      <c r="D60756" s="14" t="s">
        <v>328</v>
      </c>
      <c r="E60756" s="15">
        <v>45542</v>
      </c>
      <c r="F60756" s="14" t="s">
        <v>61</v>
      </c>
      <c r="G60756" s="16">
        <v>0</v>
      </c>
    </row>
    <row r="60757" spans="1:7" x14ac:dyDescent="0.3">
      <c r="A60757" s="13" t="s">
        <v>327</v>
      </c>
      <c r="B60757" s="14" t="s">
        <v>1</v>
      </c>
      <c r="C60757" s="14" t="s">
        <v>51</v>
      </c>
      <c r="D60757" s="14" t="s">
        <v>328</v>
      </c>
      <c r="E60757" s="15">
        <v>45543</v>
      </c>
      <c r="F60757" s="14" t="s">
        <v>61</v>
      </c>
      <c r="G60757" s="16">
        <v>0</v>
      </c>
    </row>
    <row r="60758" spans="1:7" x14ac:dyDescent="0.3">
      <c r="A60758" s="13" t="s">
        <v>327</v>
      </c>
      <c r="B60758" s="14" t="s">
        <v>1</v>
      </c>
      <c r="C60758" s="14" t="s">
        <v>51</v>
      </c>
      <c r="D60758" s="14" t="s">
        <v>328</v>
      </c>
      <c r="E60758" s="15">
        <v>45544</v>
      </c>
      <c r="F60758" s="14" t="s">
        <v>61</v>
      </c>
      <c r="G60758" s="16">
        <v>0</v>
      </c>
    </row>
    <row r="60759" spans="1:7" x14ac:dyDescent="0.3">
      <c r="A60759" s="13" t="s">
        <v>327</v>
      </c>
      <c r="B60759" s="14" t="s">
        <v>1</v>
      </c>
      <c r="C60759" s="14" t="s">
        <v>51</v>
      </c>
      <c r="D60759" s="14" t="s">
        <v>328</v>
      </c>
      <c r="E60759" s="15">
        <v>45545</v>
      </c>
      <c r="F60759" s="14" t="s">
        <v>61</v>
      </c>
      <c r="G60759" s="16">
        <v>0</v>
      </c>
    </row>
    <row r="60760" spans="1:7" x14ac:dyDescent="0.3">
      <c r="A60760" s="13" t="s">
        <v>327</v>
      </c>
      <c r="B60760" s="14" t="s">
        <v>1</v>
      </c>
      <c r="C60760" s="14" t="s">
        <v>51</v>
      </c>
      <c r="D60760" s="14" t="s">
        <v>328</v>
      </c>
      <c r="E60760" s="15">
        <v>45546</v>
      </c>
      <c r="F60760" s="14" t="s">
        <v>61</v>
      </c>
      <c r="G60760" s="16">
        <v>0</v>
      </c>
    </row>
    <row r="60761" spans="1:7" x14ac:dyDescent="0.3">
      <c r="A60761" s="13" t="s">
        <v>327</v>
      </c>
      <c r="B60761" s="14" t="s">
        <v>1</v>
      </c>
      <c r="C60761" s="14" t="s">
        <v>51</v>
      </c>
      <c r="D60761" s="14" t="s">
        <v>328</v>
      </c>
      <c r="E60761" s="15">
        <v>45547</v>
      </c>
      <c r="F60761" s="14" t="s">
        <v>61</v>
      </c>
      <c r="G60761" s="16">
        <v>0</v>
      </c>
    </row>
    <row r="60762" spans="1:7" x14ac:dyDescent="0.3">
      <c r="A60762" s="13" t="s">
        <v>327</v>
      </c>
      <c r="B60762" s="14" t="s">
        <v>1</v>
      </c>
      <c r="C60762" s="14" t="s">
        <v>51</v>
      </c>
      <c r="D60762" s="14" t="s">
        <v>328</v>
      </c>
      <c r="E60762" s="15">
        <v>45548</v>
      </c>
      <c r="F60762" s="14" t="s">
        <v>61</v>
      </c>
      <c r="G60762" s="16">
        <v>0</v>
      </c>
    </row>
    <row r="60763" spans="1:7" x14ac:dyDescent="0.3">
      <c r="A60763" s="13" t="s">
        <v>327</v>
      </c>
      <c r="B60763" s="14" t="s">
        <v>1</v>
      </c>
      <c r="C60763" s="14" t="s">
        <v>51</v>
      </c>
      <c r="D60763" s="14" t="s">
        <v>328</v>
      </c>
      <c r="E60763" s="15">
        <v>45549</v>
      </c>
      <c r="F60763" s="14" t="s">
        <v>61</v>
      </c>
      <c r="G60763" s="16">
        <v>0</v>
      </c>
    </row>
    <row r="60764" spans="1:7" x14ac:dyDescent="0.3">
      <c r="A60764" s="13" t="s">
        <v>327</v>
      </c>
      <c r="B60764" s="14" t="s">
        <v>1</v>
      </c>
      <c r="C60764" s="14" t="s">
        <v>51</v>
      </c>
      <c r="D60764" s="14" t="s">
        <v>328</v>
      </c>
      <c r="E60764" s="15">
        <v>45550</v>
      </c>
      <c r="F60764" s="14" t="s">
        <v>61</v>
      </c>
      <c r="G60764" s="16">
        <v>0</v>
      </c>
    </row>
    <row r="60765" spans="1:7" x14ac:dyDescent="0.3">
      <c r="A60765" s="13" t="s">
        <v>327</v>
      </c>
      <c r="B60765" s="14" t="s">
        <v>1</v>
      </c>
      <c r="C60765" s="14" t="s">
        <v>51</v>
      </c>
      <c r="D60765" s="14" t="s">
        <v>328</v>
      </c>
      <c r="E60765" s="15">
        <v>45551</v>
      </c>
      <c r="F60765" s="14" t="s">
        <v>61</v>
      </c>
      <c r="G60765" s="16">
        <v>0</v>
      </c>
    </row>
    <row r="60766" spans="1:7" x14ac:dyDescent="0.3">
      <c r="A60766" s="13" t="s">
        <v>327</v>
      </c>
      <c r="B60766" s="14" t="s">
        <v>1</v>
      </c>
      <c r="C60766" s="14" t="s">
        <v>51</v>
      </c>
      <c r="D60766" s="14" t="s">
        <v>328</v>
      </c>
      <c r="E60766" s="15">
        <v>45552</v>
      </c>
      <c r="F60766" s="14" t="s">
        <v>61</v>
      </c>
      <c r="G60766" s="16">
        <v>0</v>
      </c>
    </row>
    <row r="60767" spans="1:7" x14ac:dyDescent="0.3">
      <c r="A60767" s="13" t="s">
        <v>327</v>
      </c>
      <c r="B60767" s="14" t="s">
        <v>1</v>
      </c>
      <c r="C60767" s="14" t="s">
        <v>51</v>
      </c>
      <c r="D60767" s="14" t="s">
        <v>328</v>
      </c>
      <c r="E60767" s="15">
        <v>45553</v>
      </c>
      <c r="F60767" s="14" t="s">
        <v>61</v>
      </c>
      <c r="G60767" s="16">
        <v>0</v>
      </c>
    </row>
    <row r="60768" spans="1:7" x14ac:dyDescent="0.3">
      <c r="A60768" s="13" t="s">
        <v>327</v>
      </c>
      <c r="B60768" s="14" t="s">
        <v>1</v>
      </c>
      <c r="C60768" s="14" t="s">
        <v>51</v>
      </c>
      <c r="D60768" s="14" t="s">
        <v>328</v>
      </c>
      <c r="E60768" s="15">
        <v>45554</v>
      </c>
      <c r="F60768" s="14" t="s">
        <v>61</v>
      </c>
      <c r="G60768" s="16">
        <v>0</v>
      </c>
    </row>
    <row r="60769" spans="1:7" x14ac:dyDescent="0.3">
      <c r="A60769" s="13" t="s">
        <v>327</v>
      </c>
      <c r="B60769" s="14" t="s">
        <v>1</v>
      </c>
      <c r="C60769" s="14" t="s">
        <v>51</v>
      </c>
      <c r="D60769" s="14" t="s">
        <v>328</v>
      </c>
      <c r="E60769" s="15">
        <v>45555</v>
      </c>
      <c r="F60769" s="14" t="s">
        <v>61</v>
      </c>
      <c r="G60769" s="16">
        <v>0</v>
      </c>
    </row>
    <row r="60770" spans="1:7" x14ac:dyDescent="0.3">
      <c r="A60770" s="13" t="s">
        <v>327</v>
      </c>
      <c r="B60770" s="14" t="s">
        <v>1</v>
      </c>
      <c r="C60770" s="14" t="s">
        <v>51</v>
      </c>
      <c r="D60770" s="14" t="s">
        <v>328</v>
      </c>
      <c r="E60770" s="15">
        <v>45556</v>
      </c>
      <c r="F60770" s="14" t="s">
        <v>61</v>
      </c>
      <c r="G60770" s="16">
        <v>0</v>
      </c>
    </row>
    <row r="60771" spans="1:7" x14ac:dyDescent="0.3">
      <c r="A60771" s="13" t="s">
        <v>327</v>
      </c>
      <c r="B60771" s="14" t="s">
        <v>1</v>
      </c>
      <c r="C60771" s="14" t="s">
        <v>51</v>
      </c>
      <c r="D60771" s="14" t="s">
        <v>328</v>
      </c>
      <c r="E60771" s="15">
        <v>45557</v>
      </c>
      <c r="F60771" s="14" t="s">
        <v>61</v>
      </c>
      <c r="G60771" s="16">
        <v>0</v>
      </c>
    </row>
    <row r="60772" spans="1:7" x14ac:dyDescent="0.3">
      <c r="A60772" s="13" t="s">
        <v>327</v>
      </c>
      <c r="B60772" s="14" t="s">
        <v>1</v>
      </c>
      <c r="C60772" s="14" t="s">
        <v>51</v>
      </c>
      <c r="D60772" s="14" t="s">
        <v>328</v>
      </c>
      <c r="E60772" s="15">
        <v>45558</v>
      </c>
      <c r="F60772" s="14" t="s">
        <v>61</v>
      </c>
      <c r="G60772" s="16">
        <v>0</v>
      </c>
    </row>
    <row r="60773" spans="1:7" x14ac:dyDescent="0.3">
      <c r="A60773" s="13" t="s">
        <v>327</v>
      </c>
      <c r="B60773" s="14" t="s">
        <v>1</v>
      </c>
      <c r="C60773" s="14" t="s">
        <v>51</v>
      </c>
      <c r="D60773" s="14" t="s">
        <v>328</v>
      </c>
      <c r="E60773" s="15">
        <v>45559</v>
      </c>
      <c r="F60773" s="14" t="s">
        <v>61</v>
      </c>
      <c r="G60773" s="16">
        <v>0</v>
      </c>
    </row>
    <row r="60774" spans="1:7" x14ac:dyDescent="0.3">
      <c r="A60774" s="13" t="s">
        <v>327</v>
      </c>
      <c r="B60774" s="14" t="s">
        <v>1</v>
      </c>
      <c r="C60774" s="14" t="s">
        <v>51</v>
      </c>
      <c r="D60774" s="14" t="s">
        <v>328</v>
      </c>
      <c r="E60774" s="15">
        <v>45560</v>
      </c>
      <c r="F60774" s="14" t="s">
        <v>61</v>
      </c>
      <c r="G60774" s="16">
        <v>0</v>
      </c>
    </row>
    <row r="60775" spans="1:7" x14ac:dyDescent="0.3">
      <c r="A60775" s="13" t="s">
        <v>327</v>
      </c>
      <c r="B60775" s="14" t="s">
        <v>1</v>
      </c>
      <c r="C60775" s="14" t="s">
        <v>51</v>
      </c>
      <c r="D60775" s="14" t="s">
        <v>328</v>
      </c>
      <c r="E60775" s="15">
        <v>45561</v>
      </c>
      <c r="F60775" s="14" t="s">
        <v>61</v>
      </c>
      <c r="G60775" s="16">
        <v>0</v>
      </c>
    </row>
    <row r="60776" spans="1:7" x14ac:dyDescent="0.3">
      <c r="A60776" s="13" t="s">
        <v>327</v>
      </c>
      <c r="B60776" s="14" t="s">
        <v>1</v>
      </c>
      <c r="C60776" s="14" t="s">
        <v>51</v>
      </c>
      <c r="D60776" s="14" t="s">
        <v>328</v>
      </c>
      <c r="E60776" s="15">
        <v>45562</v>
      </c>
      <c r="F60776" s="14" t="s">
        <v>61</v>
      </c>
      <c r="G60776" s="16">
        <v>0</v>
      </c>
    </row>
    <row r="60777" spans="1:7" x14ac:dyDescent="0.3">
      <c r="A60777" s="13" t="s">
        <v>327</v>
      </c>
      <c r="B60777" s="14" t="s">
        <v>1</v>
      </c>
      <c r="C60777" s="14" t="s">
        <v>51</v>
      </c>
      <c r="D60777" s="14" t="s">
        <v>328</v>
      </c>
      <c r="E60777" s="15">
        <v>45563</v>
      </c>
      <c r="F60777" s="14" t="s">
        <v>61</v>
      </c>
      <c r="G60777" s="16">
        <v>0</v>
      </c>
    </row>
    <row r="60778" spans="1:7" x14ac:dyDescent="0.3">
      <c r="A60778" s="13" t="s">
        <v>327</v>
      </c>
      <c r="B60778" s="14" t="s">
        <v>1</v>
      </c>
      <c r="C60778" s="14" t="s">
        <v>51</v>
      </c>
      <c r="D60778" s="14" t="s">
        <v>328</v>
      </c>
      <c r="E60778" s="15">
        <v>45564</v>
      </c>
      <c r="F60778" s="14" t="s">
        <v>61</v>
      </c>
      <c r="G60778" s="16">
        <v>0</v>
      </c>
    </row>
    <row r="60779" spans="1:7" x14ac:dyDescent="0.3">
      <c r="A60779" s="13" t="s">
        <v>327</v>
      </c>
      <c r="B60779" s="14" t="s">
        <v>1</v>
      </c>
      <c r="C60779" s="14" t="s">
        <v>51</v>
      </c>
      <c r="D60779" s="14" t="s">
        <v>328</v>
      </c>
      <c r="E60779" s="15">
        <v>45565</v>
      </c>
      <c r="F60779" s="14" t="s">
        <v>61</v>
      </c>
      <c r="G60779" s="16">
        <v>0</v>
      </c>
    </row>
    <row r="60780" spans="1:7" x14ac:dyDescent="0.3">
      <c r="A60780" s="13" t="s">
        <v>327</v>
      </c>
      <c r="B60780" s="14" t="s">
        <v>1</v>
      </c>
      <c r="C60780" s="14" t="s">
        <v>51</v>
      </c>
      <c r="D60780" s="14" t="s">
        <v>328</v>
      </c>
      <c r="E60780" s="15">
        <v>45566</v>
      </c>
      <c r="F60780" s="14" t="s">
        <v>61</v>
      </c>
      <c r="G60780" s="16">
        <v>0</v>
      </c>
    </row>
    <row r="60781" spans="1:7" x14ac:dyDescent="0.3">
      <c r="A60781" s="13" t="s">
        <v>327</v>
      </c>
      <c r="B60781" s="14" t="s">
        <v>1</v>
      </c>
      <c r="C60781" s="14" t="s">
        <v>51</v>
      </c>
      <c r="D60781" s="14" t="s">
        <v>328</v>
      </c>
      <c r="E60781" s="15">
        <v>45567</v>
      </c>
      <c r="F60781" s="14" t="s">
        <v>61</v>
      </c>
      <c r="G60781" s="16">
        <v>0</v>
      </c>
    </row>
    <row r="60782" spans="1:7" x14ac:dyDescent="0.3">
      <c r="A60782" s="13" t="s">
        <v>327</v>
      </c>
      <c r="B60782" s="14" t="s">
        <v>1</v>
      </c>
      <c r="C60782" s="14" t="s">
        <v>51</v>
      </c>
      <c r="D60782" s="14" t="s">
        <v>328</v>
      </c>
      <c r="E60782" s="15">
        <v>45568</v>
      </c>
      <c r="F60782" s="14" t="s">
        <v>61</v>
      </c>
      <c r="G60782" s="16">
        <v>0</v>
      </c>
    </row>
    <row r="60783" spans="1:7" x14ac:dyDescent="0.3">
      <c r="A60783" s="13" t="s">
        <v>327</v>
      </c>
      <c r="B60783" s="14" t="s">
        <v>1</v>
      </c>
      <c r="C60783" s="14" t="s">
        <v>51</v>
      </c>
      <c r="D60783" s="14" t="s">
        <v>328</v>
      </c>
      <c r="E60783" s="15">
        <v>45569</v>
      </c>
      <c r="F60783" s="14" t="s">
        <v>61</v>
      </c>
      <c r="G60783" s="16">
        <v>0</v>
      </c>
    </row>
    <row r="60784" spans="1:7" x14ac:dyDescent="0.3">
      <c r="A60784" s="13" t="s">
        <v>327</v>
      </c>
      <c r="B60784" s="14" t="s">
        <v>1</v>
      </c>
      <c r="C60784" s="14" t="s">
        <v>51</v>
      </c>
      <c r="D60784" s="14" t="s">
        <v>328</v>
      </c>
      <c r="E60784" s="15">
        <v>45570</v>
      </c>
      <c r="F60784" s="14" t="s">
        <v>61</v>
      </c>
      <c r="G60784" s="16">
        <v>0</v>
      </c>
    </row>
    <row r="60785" spans="1:7" x14ac:dyDescent="0.3">
      <c r="A60785" s="13" t="s">
        <v>327</v>
      </c>
      <c r="B60785" s="14" t="s">
        <v>1</v>
      </c>
      <c r="C60785" s="14" t="s">
        <v>51</v>
      </c>
      <c r="D60785" s="14" t="s">
        <v>328</v>
      </c>
      <c r="E60785" s="15">
        <v>45571</v>
      </c>
      <c r="F60785" s="14" t="s">
        <v>61</v>
      </c>
      <c r="G60785" s="16">
        <v>0</v>
      </c>
    </row>
    <row r="60786" spans="1:7" x14ac:dyDescent="0.3">
      <c r="A60786" s="13" t="s">
        <v>327</v>
      </c>
      <c r="B60786" s="14" t="s">
        <v>1</v>
      </c>
      <c r="C60786" s="14" t="s">
        <v>51</v>
      </c>
      <c r="D60786" s="14" t="s">
        <v>328</v>
      </c>
      <c r="E60786" s="15">
        <v>45572</v>
      </c>
      <c r="F60786" s="14" t="s">
        <v>61</v>
      </c>
      <c r="G60786" s="16">
        <v>0</v>
      </c>
    </row>
    <row r="60787" spans="1:7" x14ac:dyDescent="0.3">
      <c r="A60787" s="13" t="s">
        <v>327</v>
      </c>
      <c r="B60787" s="14" t="s">
        <v>1</v>
      </c>
      <c r="C60787" s="14" t="s">
        <v>51</v>
      </c>
      <c r="D60787" s="14" t="s">
        <v>328</v>
      </c>
      <c r="E60787" s="15">
        <v>45573</v>
      </c>
      <c r="F60787" s="14" t="s">
        <v>61</v>
      </c>
      <c r="G60787" s="16">
        <v>0</v>
      </c>
    </row>
    <row r="60788" spans="1:7" x14ac:dyDescent="0.3">
      <c r="A60788" s="13" t="s">
        <v>327</v>
      </c>
      <c r="B60788" s="14" t="s">
        <v>1</v>
      </c>
      <c r="C60788" s="14" t="s">
        <v>51</v>
      </c>
      <c r="D60788" s="14" t="s">
        <v>328</v>
      </c>
      <c r="E60788" s="15">
        <v>45574</v>
      </c>
      <c r="F60788" s="14" t="s">
        <v>61</v>
      </c>
      <c r="G60788" s="16">
        <v>0</v>
      </c>
    </row>
    <row r="60789" spans="1:7" x14ac:dyDescent="0.3">
      <c r="A60789" s="13" t="s">
        <v>327</v>
      </c>
      <c r="B60789" s="14" t="s">
        <v>1</v>
      </c>
      <c r="C60789" s="14" t="s">
        <v>51</v>
      </c>
      <c r="D60789" s="14" t="s">
        <v>328</v>
      </c>
      <c r="E60789" s="15">
        <v>45575</v>
      </c>
      <c r="F60789" s="14" t="s">
        <v>61</v>
      </c>
      <c r="G60789" s="16">
        <v>0</v>
      </c>
    </row>
    <row r="60790" spans="1:7" x14ac:dyDescent="0.3">
      <c r="A60790" s="13" t="s">
        <v>327</v>
      </c>
      <c r="B60790" s="14" t="s">
        <v>1</v>
      </c>
      <c r="C60790" s="14" t="s">
        <v>51</v>
      </c>
      <c r="D60790" s="14" t="s">
        <v>328</v>
      </c>
      <c r="E60790" s="15">
        <v>45576</v>
      </c>
      <c r="F60790" s="14" t="s">
        <v>61</v>
      </c>
      <c r="G60790" s="16">
        <v>0</v>
      </c>
    </row>
    <row r="60791" spans="1:7" x14ac:dyDescent="0.3">
      <c r="A60791" s="13" t="s">
        <v>327</v>
      </c>
      <c r="B60791" s="14" t="s">
        <v>1</v>
      </c>
      <c r="C60791" s="14" t="s">
        <v>51</v>
      </c>
      <c r="D60791" s="14" t="s">
        <v>328</v>
      </c>
      <c r="E60791" s="15">
        <v>45577</v>
      </c>
      <c r="F60791" s="14" t="s">
        <v>61</v>
      </c>
      <c r="G60791" s="16">
        <v>0</v>
      </c>
    </row>
    <row r="60792" spans="1:7" x14ac:dyDescent="0.3">
      <c r="A60792" s="13" t="s">
        <v>327</v>
      </c>
      <c r="B60792" s="14" t="s">
        <v>1</v>
      </c>
      <c r="C60792" s="14" t="s">
        <v>51</v>
      </c>
      <c r="D60792" s="14" t="s">
        <v>328</v>
      </c>
      <c r="E60792" s="15">
        <v>45578</v>
      </c>
      <c r="F60792" s="14" t="s">
        <v>61</v>
      </c>
      <c r="G60792" s="16">
        <v>0</v>
      </c>
    </row>
    <row r="60793" spans="1:7" x14ac:dyDescent="0.3">
      <c r="A60793" s="13" t="s">
        <v>327</v>
      </c>
      <c r="B60793" s="14" t="s">
        <v>1</v>
      </c>
      <c r="C60793" s="14" t="s">
        <v>51</v>
      </c>
      <c r="D60793" s="14" t="s">
        <v>328</v>
      </c>
      <c r="E60793" s="15">
        <v>45579</v>
      </c>
      <c r="F60793" s="14" t="s">
        <v>61</v>
      </c>
      <c r="G60793" s="16">
        <v>0</v>
      </c>
    </row>
    <row r="60794" spans="1:7" x14ac:dyDescent="0.3">
      <c r="A60794" s="13" t="s">
        <v>327</v>
      </c>
      <c r="B60794" s="14" t="s">
        <v>1</v>
      </c>
      <c r="C60794" s="14" t="s">
        <v>51</v>
      </c>
      <c r="D60794" s="14" t="s">
        <v>328</v>
      </c>
      <c r="E60794" s="15">
        <v>45580</v>
      </c>
      <c r="F60794" s="14" t="s">
        <v>61</v>
      </c>
      <c r="G60794" s="16">
        <v>0</v>
      </c>
    </row>
    <row r="60795" spans="1:7" x14ac:dyDescent="0.3">
      <c r="A60795" s="13" t="s">
        <v>327</v>
      </c>
      <c r="B60795" s="14" t="s">
        <v>1</v>
      </c>
      <c r="C60795" s="14" t="s">
        <v>51</v>
      </c>
      <c r="D60795" s="14" t="s">
        <v>328</v>
      </c>
      <c r="E60795" s="15">
        <v>45581</v>
      </c>
      <c r="F60795" s="14" t="s">
        <v>61</v>
      </c>
      <c r="G60795" s="16">
        <v>0</v>
      </c>
    </row>
    <row r="60796" spans="1:7" x14ac:dyDescent="0.3">
      <c r="A60796" s="13" t="s">
        <v>327</v>
      </c>
      <c r="B60796" s="14" t="s">
        <v>1</v>
      </c>
      <c r="C60796" s="14" t="s">
        <v>51</v>
      </c>
      <c r="D60796" s="14" t="s">
        <v>328</v>
      </c>
      <c r="E60796" s="15">
        <v>45582</v>
      </c>
      <c r="F60796" s="14" t="s">
        <v>61</v>
      </c>
      <c r="G60796" s="16">
        <v>0</v>
      </c>
    </row>
    <row r="60797" spans="1:7" x14ac:dyDescent="0.3">
      <c r="A60797" s="13" t="s">
        <v>327</v>
      </c>
      <c r="B60797" s="14" t="s">
        <v>1</v>
      </c>
      <c r="C60797" s="14" t="s">
        <v>51</v>
      </c>
      <c r="D60797" s="14" t="s">
        <v>328</v>
      </c>
      <c r="E60797" s="15">
        <v>45583</v>
      </c>
      <c r="F60797" s="14" t="s">
        <v>61</v>
      </c>
      <c r="G60797" s="16">
        <v>0</v>
      </c>
    </row>
    <row r="60798" spans="1:7" x14ac:dyDescent="0.3">
      <c r="A60798" s="13" t="s">
        <v>327</v>
      </c>
      <c r="B60798" s="14" t="s">
        <v>1</v>
      </c>
      <c r="C60798" s="14" t="s">
        <v>51</v>
      </c>
      <c r="D60798" s="14" t="s">
        <v>328</v>
      </c>
      <c r="E60798" s="15">
        <v>45584</v>
      </c>
      <c r="F60798" s="14" t="s">
        <v>61</v>
      </c>
      <c r="G60798" s="16">
        <v>0</v>
      </c>
    </row>
    <row r="60799" spans="1:7" x14ac:dyDescent="0.3">
      <c r="A60799" s="13" t="s">
        <v>327</v>
      </c>
      <c r="B60799" s="14" t="s">
        <v>1</v>
      </c>
      <c r="C60799" s="14" t="s">
        <v>51</v>
      </c>
      <c r="D60799" s="14" t="s">
        <v>328</v>
      </c>
      <c r="E60799" s="15">
        <v>45585</v>
      </c>
      <c r="F60799" s="14" t="s">
        <v>61</v>
      </c>
      <c r="G60799" s="16">
        <v>0</v>
      </c>
    </row>
    <row r="60800" spans="1:7" x14ac:dyDescent="0.3">
      <c r="A60800" s="13" t="s">
        <v>327</v>
      </c>
      <c r="B60800" s="14" t="s">
        <v>1</v>
      </c>
      <c r="C60800" s="14" t="s">
        <v>51</v>
      </c>
      <c r="D60800" s="14" t="s">
        <v>328</v>
      </c>
      <c r="E60800" s="15">
        <v>45586</v>
      </c>
      <c r="F60800" s="14" t="s">
        <v>61</v>
      </c>
      <c r="G60800" s="16">
        <v>0</v>
      </c>
    </row>
    <row r="60801" spans="1:7" x14ac:dyDescent="0.3">
      <c r="A60801" s="13" t="s">
        <v>327</v>
      </c>
      <c r="B60801" s="14" t="s">
        <v>1</v>
      </c>
      <c r="C60801" s="14" t="s">
        <v>51</v>
      </c>
      <c r="D60801" s="14" t="s">
        <v>328</v>
      </c>
      <c r="E60801" s="15">
        <v>45587</v>
      </c>
      <c r="F60801" s="14" t="s">
        <v>61</v>
      </c>
      <c r="G60801" s="16">
        <v>0</v>
      </c>
    </row>
    <row r="60802" spans="1:7" x14ac:dyDescent="0.3">
      <c r="A60802" s="13" t="s">
        <v>327</v>
      </c>
      <c r="B60802" s="14" t="s">
        <v>1</v>
      </c>
      <c r="C60802" s="14" t="s">
        <v>51</v>
      </c>
      <c r="D60802" s="14" t="s">
        <v>328</v>
      </c>
      <c r="E60802" s="15">
        <v>45588</v>
      </c>
      <c r="F60802" s="14" t="s">
        <v>61</v>
      </c>
      <c r="G60802" s="16">
        <v>0</v>
      </c>
    </row>
    <row r="60803" spans="1:7" x14ac:dyDescent="0.3">
      <c r="A60803" s="13" t="s">
        <v>327</v>
      </c>
      <c r="B60803" s="14" t="s">
        <v>1</v>
      </c>
      <c r="C60803" s="14" t="s">
        <v>51</v>
      </c>
      <c r="D60803" s="14" t="s">
        <v>328</v>
      </c>
      <c r="E60803" s="15">
        <v>45589</v>
      </c>
      <c r="F60803" s="14" t="s">
        <v>61</v>
      </c>
      <c r="G60803" s="16">
        <v>0</v>
      </c>
    </row>
    <row r="60804" spans="1:7" x14ac:dyDescent="0.3">
      <c r="A60804" s="13" t="s">
        <v>327</v>
      </c>
      <c r="B60804" s="14" t="s">
        <v>1</v>
      </c>
      <c r="C60804" s="14" t="s">
        <v>51</v>
      </c>
      <c r="D60804" s="14" t="s">
        <v>328</v>
      </c>
      <c r="E60804" s="15">
        <v>45590</v>
      </c>
      <c r="F60804" s="14" t="s">
        <v>61</v>
      </c>
      <c r="G60804" s="16">
        <v>0</v>
      </c>
    </row>
    <row r="60805" spans="1:7" x14ac:dyDescent="0.3">
      <c r="A60805" s="13" t="s">
        <v>327</v>
      </c>
      <c r="B60805" s="14" t="s">
        <v>1</v>
      </c>
      <c r="C60805" s="14" t="s">
        <v>51</v>
      </c>
      <c r="D60805" s="14" t="s">
        <v>328</v>
      </c>
      <c r="E60805" s="15">
        <v>45591</v>
      </c>
      <c r="F60805" s="14" t="s">
        <v>61</v>
      </c>
      <c r="G60805" s="16">
        <v>0</v>
      </c>
    </row>
    <row r="60806" spans="1:7" x14ac:dyDescent="0.3">
      <c r="A60806" s="13" t="s">
        <v>327</v>
      </c>
      <c r="B60806" s="14" t="s">
        <v>1</v>
      </c>
      <c r="C60806" s="14" t="s">
        <v>51</v>
      </c>
      <c r="D60806" s="14" t="s">
        <v>328</v>
      </c>
      <c r="E60806" s="15">
        <v>45592</v>
      </c>
      <c r="F60806" s="14" t="s">
        <v>61</v>
      </c>
      <c r="G60806" s="16">
        <v>0</v>
      </c>
    </row>
    <row r="60807" spans="1:7" x14ac:dyDescent="0.3">
      <c r="A60807" s="13" t="s">
        <v>327</v>
      </c>
      <c r="B60807" s="14" t="s">
        <v>1</v>
      </c>
      <c r="C60807" s="14" t="s">
        <v>51</v>
      </c>
      <c r="D60807" s="14" t="s">
        <v>328</v>
      </c>
      <c r="E60807" s="15">
        <v>45593</v>
      </c>
      <c r="F60807" s="14" t="s">
        <v>61</v>
      </c>
      <c r="G60807" s="16">
        <v>0</v>
      </c>
    </row>
    <row r="60808" spans="1:7" x14ac:dyDescent="0.3">
      <c r="A60808" s="13" t="s">
        <v>327</v>
      </c>
      <c r="B60808" s="14" t="s">
        <v>1</v>
      </c>
      <c r="C60808" s="14" t="s">
        <v>51</v>
      </c>
      <c r="D60808" s="14" t="s">
        <v>328</v>
      </c>
      <c r="E60808" s="15">
        <v>45594</v>
      </c>
      <c r="F60808" s="14" t="s">
        <v>61</v>
      </c>
      <c r="G60808" s="16">
        <v>0</v>
      </c>
    </row>
    <row r="60809" spans="1:7" x14ac:dyDescent="0.3">
      <c r="A60809" s="13" t="s">
        <v>327</v>
      </c>
      <c r="B60809" s="14" t="s">
        <v>1</v>
      </c>
      <c r="C60809" s="14" t="s">
        <v>51</v>
      </c>
      <c r="D60809" s="14" t="s">
        <v>328</v>
      </c>
      <c r="E60809" s="15">
        <v>45595</v>
      </c>
      <c r="F60809" s="14" t="s">
        <v>61</v>
      </c>
      <c r="G60809" s="16">
        <v>0</v>
      </c>
    </row>
    <row r="60810" spans="1:7" x14ac:dyDescent="0.3">
      <c r="A60810" s="13" t="s">
        <v>327</v>
      </c>
      <c r="B60810" s="14" t="s">
        <v>1</v>
      </c>
      <c r="C60810" s="14" t="s">
        <v>51</v>
      </c>
      <c r="D60810" s="14" t="s">
        <v>328</v>
      </c>
      <c r="E60810" s="15">
        <v>45596</v>
      </c>
      <c r="F60810" s="14" t="s">
        <v>61</v>
      </c>
      <c r="G60810" s="16">
        <v>0</v>
      </c>
    </row>
    <row r="60811" spans="1:7" x14ac:dyDescent="0.3">
      <c r="A60811" s="13" t="s">
        <v>327</v>
      </c>
      <c r="B60811" s="14" t="s">
        <v>1</v>
      </c>
      <c r="C60811" s="14" t="s">
        <v>51</v>
      </c>
      <c r="D60811" s="14" t="s">
        <v>328</v>
      </c>
      <c r="E60811" s="15">
        <v>45597</v>
      </c>
      <c r="F60811" s="14" t="s">
        <v>61</v>
      </c>
      <c r="G60811" s="16">
        <v>0</v>
      </c>
    </row>
    <row r="60812" spans="1:7" x14ac:dyDescent="0.3">
      <c r="A60812" s="13" t="s">
        <v>327</v>
      </c>
      <c r="B60812" s="14" t="s">
        <v>1</v>
      </c>
      <c r="C60812" s="14" t="s">
        <v>51</v>
      </c>
      <c r="D60812" s="14" t="s">
        <v>328</v>
      </c>
      <c r="E60812" s="15">
        <v>45598</v>
      </c>
      <c r="F60812" s="14" t="s">
        <v>61</v>
      </c>
      <c r="G60812" s="16">
        <v>0</v>
      </c>
    </row>
    <row r="60813" spans="1:7" x14ac:dyDescent="0.3">
      <c r="A60813" s="13" t="s">
        <v>327</v>
      </c>
      <c r="B60813" s="14" t="s">
        <v>1</v>
      </c>
      <c r="C60813" s="14" t="s">
        <v>51</v>
      </c>
      <c r="D60813" s="14" t="s">
        <v>328</v>
      </c>
      <c r="E60813" s="15">
        <v>45599</v>
      </c>
      <c r="F60813" s="14" t="s">
        <v>61</v>
      </c>
      <c r="G60813" s="16">
        <v>0</v>
      </c>
    </row>
    <row r="60814" spans="1:7" x14ac:dyDescent="0.3">
      <c r="A60814" s="13" t="s">
        <v>327</v>
      </c>
      <c r="B60814" s="14" t="s">
        <v>1</v>
      </c>
      <c r="C60814" s="14" t="s">
        <v>51</v>
      </c>
      <c r="D60814" s="14" t="s">
        <v>328</v>
      </c>
      <c r="E60814" s="15">
        <v>45600</v>
      </c>
      <c r="F60814" s="14" t="s">
        <v>61</v>
      </c>
      <c r="G60814" s="16">
        <v>0</v>
      </c>
    </row>
    <row r="60815" spans="1:7" x14ac:dyDescent="0.3">
      <c r="A60815" s="13" t="s">
        <v>327</v>
      </c>
      <c r="B60815" s="14" t="s">
        <v>1</v>
      </c>
      <c r="C60815" s="14" t="s">
        <v>51</v>
      </c>
      <c r="D60815" s="14" t="s">
        <v>328</v>
      </c>
      <c r="E60815" s="15">
        <v>45601</v>
      </c>
      <c r="F60815" s="14" t="s">
        <v>61</v>
      </c>
      <c r="G60815" s="16">
        <v>0</v>
      </c>
    </row>
    <row r="60816" spans="1:7" x14ac:dyDescent="0.3">
      <c r="A60816" s="13" t="s">
        <v>327</v>
      </c>
      <c r="B60816" s="14" t="s">
        <v>1</v>
      </c>
      <c r="C60816" s="14" t="s">
        <v>51</v>
      </c>
      <c r="D60816" s="14" t="s">
        <v>328</v>
      </c>
      <c r="E60816" s="15">
        <v>45602</v>
      </c>
      <c r="F60816" s="14" t="s">
        <v>61</v>
      </c>
      <c r="G60816" s="16">
        <v>0</v>
      </c>
    </row>
    <row r="60817" spans="1:7" x14ac:dyDescent="0.3">
      <c r="A60817" s="13" t="s">
        <v>327</v>
      </c>
      <c r="B60817" s="14" t="s">
        <v>1</v>
      </c>
      <c r="C60817" s="14" t="s">
        <v>51</v>
      </c>
      <c r="D60817" s="14" t="s">
        <v>328</v>
      </c>
      <c r="E60817" s="15">
        <v>45603</v>
      </c>
      <c r="F60817" s="14" t="s">
        <v>61</v>
      </c>
      <c r="G60817" s="16">
        <v>0</v>
      </c>
    </row>
    <row r="60818" spans="1:7" x14ac:dyDescent="0.3">
      <c r="A60818" s="13" t="s">
        <v>327</v>
      </c>
      <c r="B60818" s="14" t="s">
        <v>1</v>
      </c>
      <c r="C60818" s="14" t="s">
        <v>51</v>
      </c>
      <c r="D60818" s="14" t="s">
        <v>328</v>
      </c>
      <c r="E60818" s="15">
        <v>45604</v>
      </c>
      <c r="F60818" s="14" t="s">
        <v>61</v>
      </c>
      <c r="G60818" s="16">
        <v>0</v>
      </c>
    </row>
    <row r="60819" spans="1:7" x14ac:dyDescent="0.3">
      <c r="A60819" s="13" t="s">
        <v>327</v>
      </c>
      <c r="B60819" s="14" t="s">
        <v>1</v>
      </c>
      <c r="C60819" s="14" t="s">
        <v>51</v>
      </c>
      <c r="D60819" s="14" t="s">
        <v>328</v>
      </c>
      <c r="E60819" s="15">
        <v>45605</v>
      </c>
      <c r="F60819" s="14" t="s">
        <v>61</v>
      </c>
      <c r="G60819" s="16">
        <v>0</v>
      </c>
    </row>
    <row r="60820" spans="1:7" x14ac:dyDescent="0.3">
      <c r="A60820" s="13" t="s">
        <v>327</v>
      </c>
      <c r="B60820" s="14" t="s">
        <v>1</v>
      </c>
      <c r="C60820" s="14" t="s">
        <v>51</v>
      </c>
      <c r="D60820" s="14" t="s">
        <v>328</v>
      </c>
      <c r="E60820" s="15">
        <v>45606</v>
      </c>
      <c r="F60820" s="14" t="s">
        <v>61</v>
      </c>
      <c r="G60820" s="16">
        <v>0</v>
      </c>
    </row>
    <row r="60821" spans="1:7" x14ac:dyDescent="0.3">
      <c r="A60821" s="13" t="s">
        <v>327</v>
      </c>
      <c r="B60821" s="14" t="s">
        <v>1</v>
      </c>
      <c r="C60821" s="14" t="s">
        <v>51</v>
      </c>
      <c r="D60821" s="14" t="s">
        <v>328</v>
      </c>
      <c r="E60821" s="15">
        <v>45607</v>
      </c>
      <c r="F60821" s="14" t="s">
        <v>61</v>
      </c>
      <c r="G60821" s="16">
        <v>0</v>
      </c>
    </row>
    <row r="60822" spans="1:7" x14ac:dyDescent="0.3">
      <c r="A60822" s="13" t="s">
        <v>327</v>
      </c>
      <c r="B60822" s="14" t="s">
        <v>1</v>
      </c>
      <c r="C60822" s="14" t="s">
        <v>51</v>
      </c>
      <c r="D60822" s="14" t="s">
        <v>328</v>
      </c>
      <c r="E60822" s="15">
        <v>45608</v>
      </c>
      <c r="F60822" s="14" t="s">
        <v>61</v>
      </c>
      <c r="G60822" s="16">
        <v>0</v>
      </c>
    </row>
    <row r="60823" spans="1:7" x14ac:dyDescent="0.3">
      <c r="A60823" s="13" t="s">
        <v>327</v>
      </c>
      <c r="B60823" s="14" t="s">
        <v>1</v>
      </c>
      <c r="C60823" s="14" t="s">
        <v>51</v>
      </c>
      <c r="D60823" s="14" t="s">
        <v>328</v>
      </c>
      <c r="E60823" s="15">
        <v>45609</v>
      </c>
      <c r="F60823" s="14" t="s">
        <v>61</v>
      </c>
      <c r="G60823" s="16">
        <v>0</v>
      </c>
    </row>
    <row r="60824" spans="1:7" x14ac:dyDescent="0.3">
      <c r="A60824" s="13" t="s">
        <v>327</v>
      </c>
      <c r="B60824" s="14" t="s">
        <v>1</v>
      </c>
      <c r="C60824" s="14" t="s">
        <v>51</v>
      </c>
      <c r="D60824" s="14" t="s">
        <v>328</v>
      </c>
      <c r="E60824" s="15">
        <v>45610</v>
      </c>
      <c r="F60824" s="14" t="s">
        <v>61</v>
      </c>
      <c r="G60824" s="16">
        <v>0</v>
      </c>
    </row>
    <row r="60825" spans="1:7" x14ac:dyDescent="0.3">
      <c r="A60825" s="13" t="s">
        <v>327</v>
      </c>
      <c r="B60825" s="14" t="s">
        <v>1</v>
      </c>
      <c r="C60825" s="14" t="s">
        <v>51</v>
      </c>
      <c r="D60825" s="14" t="s">
        <v>328</v>
      </c>
      <c r="E60825" s="15">
        <v>45611</v>
      </c>
      <c r="F60825" s="14" t="s">
        <v>61</v>
      </c>
      <c r="G60825" s="16">
        <v>0</v>
      </c>
    </row>
    <row r="60826" spans="1:7" x14ac:dyDescent="0.3">
      <c r="A60826" s="13" t="s">
        <v>327</v>
      </c>
      <c r="B60826" s="14" t="s">
        <v>1</v>
      </c>
      <c r="C60826" s="14" t="s">
        <v>51</v>
      </c>
      <c r="D60826" s="14" t="s">
        <v>328</v>
      </c>
      <c r="E60826" s="15">
        <v>45612</v>
      </c>
      <c r="F60826" s="14" t="s">
        <v>61</v>
      </c>
      <c r="G60826" s="16">
        <v>0</v>
      </c>
    </row>
    <row r="60827" spans="1:7" x14ac:dyDescent="0.3">
      <c r="A60827" s="13" t="s">
        <v>327</v>
      </c>
      <c r="B60827" s="14" t="s">
        <v>1</v>
      </c>
      <c r="C60827" s="14" t="s">
        <v>51</v>
      </c>
      <c r="D60827" s="14" t="s">
        <v>328</v>
      </c>
      <c r="E60827" s="15">
        <v>45613</v>
      </c>
      <c r="F60827" s="14" t="s">
        <v>61</v>
      </c>
      <c r="G60827" s="16">
        <v>0</v>
      </c>
    </row>
    <row r="60828" spans="1:7" x14ac:dyDescent="0.3">
      <c r="A60828" s="13" t="s">
        <v>327</v>
      </c>
      <c r="B60828" s="14" t="s">
        <v>1</v>
      </c>
      <c r="C60828" s="14" t="s">
        <v>51</v>
      </c>
      <c r="D60828" s="14" t="s">
        <v>328</v>
      </c>
      <c r="E60828" s="15">
        <v>45614</v>
      </c>
      <c r="F60828" s="14" t="s">
        <v>61</v>
      </c>
      <c r="G60828" s="16">
        <v>0</v>
      </c>
    </row>
    <row r="60829" spans="1:7" x14ac:dyDescent="0.3">
      <c r="A60829" s="13" t="s">
        <v>327</v>
      </c>
      <c r="B60829" s="14" t="s">
        <v>1</v>
      </c>
      <c r="C60829" s="14" t="s">
        <v>51</v>
      </c>
      <c r="D60829" s="14" t="s">
        <v>328</v>
      </c>
      <c r="E60829" s="15">
        <v>45615</v>
      </c>
      <c r="F60829" s="14" t="s">
        <v>61</v>
      </c>
      <c r="G60829" s="16">
        <v>0</v>
      </c>
    </row>
    <row r="60830" spans="1:7" x14ac:dyDescent="0.3">
      <c r="A60830" s="13" t="s">
        <v>327</v>
      </c>
      <c r="B60830" s="14" t="s">
        <v>1</v>
      </c>
      <c r="C60830" s="14" t="s">
        <v>51</v>
      </c>
      <c r="D60830" s="14" t="s">
        <v>328</v>
      </c>
      <c r="E60830" s="15">
        <v>45616</v>
      </c>
      <c r="F60830" s="14" t="s">
        <v>61</v>
      </c>
      <c r="G60830" s="16">
        <v>0</v>
      </c>
    </row>
    <row r="60831" spans="1:7" x14ac:dyDescent="0.3">
      <c r="A60831" s="13" t="s">
        <v>327</v>
      </c>
      <c r="B60831" s="14" t="s">
        <v>1</v>
      </c>
      <c r="C60831" s="14" t="s">
        <v>51</v>
      </c>
      <c r="D60831" s="14" t="s">
        <v>328</v>
      </c>
      <c r="E60831" s="15">
        <v>45617</v>
      </c>
      <c r="F60831" s="14" t="s">
        <v>61</v>
      </c>
      <c r="G60831" s="16">
        <v>0</v>
      </c>
    </row>
    <row r="60832" spans="1:7" x14ac:dyDescent="0.3">
      <c r="A60832" s="13" t="s">
        <v>327</v>
      </c>
      <c r="B60832" s="14" t="s">
        <v>1</v>
      </c>
      <c r="C60832" s="14" t="s">
        <v>51</v>
      </c>
      <c r="D60832" s="14" t="s">
        <v>328</v>
      </c>
      <c r="E60832" s="15">
        <v>45618</v>
      </c>
      <c r="F60832" s="14" t="s">
        <v>61</v>
      </c>
      <c r="G60832" s="16">
        <v>0</v>
      </c>
    </row>
    <row r="60833" spans="1:7" x14ac:dyDescent="0.3">
      <c r="A60833" s="13" t="s">
        <v>327</v>
      </c>
      <c r="B60833" s="14" t="s">
        <v>1</v>
      </c>
      <c r="C60833" s="14" t="s">
        <v>51</v>
      </c>
      <c r="D60833" s="14" t="s">
        <v>328</v>
      </c>
      <c r="E60833" s="15">
        <v>45619</v>
      </c>
      <c r="F60833" s="14" t="s">
        <v>61</v>
      </c>
      <c r="G60833" s="16">
        <v>0</v>
      </c>
    </row>
    <row r="60834" spans="1:7" x14ac:dyDescent="0.3">
      <c r="A60834" s="13" t="s">
        <v>327</v>
      </c>
      <c r="B60834" s="14" t="s">
        <v>1</v>
      </c>
      <c r="C60834" s="14" t="s">
        <v>51</v>
      </c>
      <c r="D60834" s="14" t="s">
        <v>328</v>
      </c>
      <c r="E60834" s="15">
        <v>45620</v>
      </c>
      <c r="F60834" s="14" t="s">
        <v>61</v>
      </c>
      <c r="G60834" s="16">
        <v>0</v>
      </c>
    </row>
    <row r="60835" spans="1:7" x14ac:dyDescent="0.3">
      <c r="A60835" s="13" t="s">
        <v>327</v>
      </c>
      <c r="B60835" s="14" t="s">
        <v>1</v>
      </c>
      <c r="C60835" s="14" t="s">
        <v>51</v>
      </c>
      <c r="D60835" s="14" t="s">
        <v>328</v>
      </c>
      <c r="E60835" s="15">
        <v>45621</v>
      </c>
      <c r="F60835" s="14" t="s">
        <v>61</v>
      </c>
      <c r="G60835" s="16">
        <v>0</v>
      </c>
    </row>
    <row r="60836" spans="1:7" x14ac:dyDescent="0.3">
      <c r="A60836" s="13" t="s">
        <v>327</v>
      </c>
      <c r="B60836" s="14" t="s">
        <v>1</v>
      </c>
      <c r="C60836" s="14" t="s">
        <v>51</v>
      </c>
      <c r="D60836" s="14" t="s">
        <v>328</v>
      </c>
      <c r="E60836" s="15">
        <v>45622</v>
      </c>
      <c r="F60836" s="14" t="s">
        <v>61</v>
      </c>
      <c r="G60836" s="16">
        <v>0</v>
      </c>
    </row>
    <row r="60837" spans="1:7" x14ac:dyDescent="0.3">
      <c r="A60837" s="13" t="s">
        <v>327</v>
      </c>
      <c r="B60837" s="14" t="s">
        <v>1</v>
      </c>
      <c r="C60837" s="14" t="s">
        <v>51</v>
      </c>
      <c r="D60837" s="14" t="s">
        <v>328</v>
      </c>
      <c r="E60837" s="15">
        <v>45623</v>
      </c>
      <c r="F60837" s="14" t="s">
        <v>61</v>
      </c>
      <c r="G60837" s="16">
        <v>0</v>
      </c>
    </row>
    <row r="60838" spans="1:7" x14ac:dyDescent="0.3">
      <c r="A60838" s="13" t="s">
        <v>327</v>
      </c>
      <c r="B60838" s="14" t="s">
        <v>1</v>
      </c>
      <c r="C60838" s="14" t="s">
        <v>51</v>
      </c>
      <c r="D60838" s="14" t="s">
        <v>328</v>
      </c>
      <c r="E60838" s="15">
        <v>45624</v>
      </c>
      <c r="F60838" s="14" t="s">
        <v>61</v>
      </c>
      <c r="G60838" s="16">
        <v>0</v>
      </c>
    </row>
    <row r="60839" spans="1:7" x14ac:dyDescent="0.3">
      <c r="A60839" s="13" t="s">
        <v>327</v>
      </c>
      <c r="B60839" s="14" t="s">
        <v>1</v>
      </c>
      <c r="C60839" s="14" t="s">
        <v>51</v>
      </c>
      <c r="D60839" s="14" t="s">
        <v>328</v>
      </c>
      <c r="E60839" s="15">
        <v>45625</v>
      </c>
      <c r="F60839" s="14" t="s">
        <v>61</v>
      </c>
      <c r="G60839" s="16">
        <v>0</v>
      </c>
    </row>
    <row r="60840" spans="1:7" x14ac:dyDescent="0.3">
      <c r="A60840" s="13" t="s">
        <v>327</v>
      </c>
      <c r="B60840" s="14" t="s">
        <v>1</v>
      </c>
      <c r="C60840" s="14" t="s">
        <v>51</v>
      </c>
      <c r="D60840" s="14" t="s">
        <v>328</v>
      </c>
      <c r="E60840" s="15">
        <v>45626</v>
      </c>
      <c r="F60840" s="14" t="s">
        <v>61</v>
      </c>
      <c r="G60840" s="16">
        <v>0</v>
      </c>
    </row>
    <row r="60841" spans="1:7" x14ac:dyDescent="0.3">
      <c r="A60841" s="13" t="s">
        <v>327</v>
      </c>
      <c r="B60841" s="14" t="s">
        <v>1</v>
      </c>
      <c r="C60841" s="14" t="s">
        <v>51</v>
      </c>
      <c r="D60841" s="14" t="s">
        <v>328</v>
      </c>
      <c r="E60841" s="15">
        <v>45627</v>
      </c>
      <c r="F60841" s="14" t="s">
        <v>61</v>
      </c>
      <c r="G60841" s="16">
        <v>0</v>
      </c>
    </row>
    <row r="60842" spans="1:7" x14ac:dyDescent="0.3">
      <c r="A60842" s="13" t="s">
        <v>327</v>
      </c>
      <c r="B60842" s="14" t="s">
        <v>1</v>
      </c>
      <c r="C60842" s="14" t="s">
        <v>51</v>
      </c>
      <c r="D60842" s="14" t="s">
        <v>328</v>
      </c>
      <c r="E60842" s="15">
        <v>45628</v>
      </c>
      <c r="F60842" s="14" t="s">
        <v>61</v>
      </c>
      <c r="G60842" s="16">
        <v>0</v>
      </c>
    </row>
    <row r="60843" spans="1:7" x14ac:dyDescent="0.3">
      <c r="A60843" s="13" t="s">
        <v>327</v>
      </c>
      <c r="B60843" s="14" t="s">
        <v>1</v>
      </c>
      <c r="C60843" s="14" t="s">
        <v>51</v>
      </c>
      <c r="D60843" s="14" t="s">
        <v>328</v>
      </c>
      <c r="E60843" s="15">
        <v>45629</v>
      </c>
      <c r="F60843" s="14" t="s">
        <v>61</v>
      </c>
      <c r="G60843" s="16">
        <v>0</v>
      </c>
    </row>
    <row r="60844" spans="1:7" x14ac:dyDescent="0.3">
      <c r="A60844" s="13" t="s">
        <v>327</v>
      </c>
      <c r="B60844" s="14" t="s">
        <v>1</v>
      </c>
      <c r="C60844" s="14" t="s">
        <v>51</v>
      </c>
      <c r="D60844" s="14" t="s">
        <v>328</v>
      </c>
      <c r="E60844" s="15">
        <v>45630</v>
      </c>
      <c r="F60844" s="14" t="s">
        <v>61</v>
      </c>
      <c r="G60844" s="16">
        <v>0</v>
      </c>
    </row>
    <row r="60845" spans="1:7" x14ac:dyDescent="0.3">
      <c r="A60845" s="13" t="s">
        <v>327</v>
      </c>
      <c r="B60845" s="14" t="s">
        <v>1</v>
      </c>
      <c r="C60845" s="14" t="s">
        <v>51</v>
      </c>
      <c r="D60845" s="14" t="s">
        <v>328</v>
      </c>
      <c r="E60845" s="15">
        <v>45631</v>
      </c>
      <c r="F60845" s="14" t="s">
        <v>61</v>
      </c>
      <c r="G60845" s="16">
        <v>0</v>
      </c>
    </row>
    <row r="60846" spans="1:7" x14ac:dyDescent="0.3">
      <c r="A60846" s="13" t="s">
        <v>327</v>
      </c>
      <c r="B60846" s="14" t="s">
        <v>1</v>
      </c>
      <c r="C60846" s="14" t="s">
        <v>51</v>
      </c>
      <c r="D60846" s="14" t="s">
        <v>328</v>
      </c>
      <c r="E60846" s="15">
        <v>45632</v>
      </c>
      <c r="F60846" s="14" t="s">
        <v>61</v>
      </c>
      <c r="G60846" s="16">
        <v>0</v>
      </c>
    </row>
    <row r="60847" spans="1:7" x14ac:dyDescent="0.3">
      <c r="A60847" s="13" t="s">
        <v>327</v>
      </c>
      <c r="B60847" s="14" t="s">
        <v>1</v>
      </c>
      <c r="C60847" s="14" t="s">
        <v>51</v>
      </c>
      <c r="D60847" s="14" t="s">
        <v>328</v>
      </c>
      <c r="E60847" s="15">
        <v>45633</v>
      </c>
      <c r="F60847" s="14" t="s">
        <v>61</v>
      </c>
      <c r="G60847" s="16">
        <v>0</v>
      </c>
    </row>
    <row r="60848" spans="1:7" x14ac:dyDescent="0.3">
      <c r="A60848" s="13" t="s">
        <v>327</v>
      </c>
      <c r="B60848" s="14" t="s">
        <v>1</v>
      </c>
      <c r="C60848" s="14" t="s">
        <v>51</v>
      </c>
      <c r="D60848" s="14" t="s">
        <v>328</v>
      </c>
      <c r="E60848" s="15">
        <v>45634</v>
      </c>
      <c r="F60848" s="14" t="s">
        <v>61</v>
      </c>
      <c r="G60848" s="16">
        <v>0</v>
      </c>
    </row>
    <row r="60849" spans="1:7" x14ac:dyDescent="0.3">
      <c r="A60849" s="13" t="s">
        <v>327</v>
      </c>
      <c r="B60849" s="14" t="s">
        <v>1</v>
      </c>
      <c r="C60849" s="14" t="s">
        <v>51</v>
      </c>
      <c r="D60849" s="14" t="s">
        <v>328</v>
      </c>
      <c r="E60849" s="15">
        <v>45635</v>
      </c>
      <c r="F60849" s="14" t="s">
        <v>61</v>
      </c>
      <c r="G60849" s="16">
        <v>0</v>
      </c>
    </row>
    <row r="60850" spans="1:7" x14ac:dyDescent="0.3">
      <c r="A60850" s="13" t="s">
        <v>327</v>
      </c>
      <c r="B60850" s="14" t="s">
        <v>1</v>
      </c>
      <c r="C60850" s="14" t="s">
        <v>51</v>
      </c>
      <c r="D60850" s="14" t="s">
        <v>328</v>
      </c>
      <c r="E60850" s="15">
        <v>45636</v>
      </c>
      <c r="F60850" s="14" t="s">
        <v>61</v>
      </c>
      <c r="G60850" s="16">
        <v>0</v>
      </c>
    </row>
    <row r="60851" spans="1:7" x14ac:dyDescent="0.3">
      <c r="A60851" s="13" t="s">
        <v>327</v>
      </c>
      <c r="B60851" s="14" t="s">
        <v>1</v>
      </c>
      <c r="C60851" s="14" t="s">
        <v>51</v>
      </c>
      <c r="D60851" s="14" t="s">
        <v>328</v>
      </c>
      <c r="E60851" s="15">
        <v>45637</v>
      </c>
      <c r="F60851" s="14" t="s">
        <v>61</v>
      </c>
      <c r="G60851" s="16">
        <v>0</v>
      </c>
    </row>
    <row r="60852" spans="1:7" x14ac:dyDescent="0.3">
      <c r="A60852" s="13" t="s">
        <v>327</v>
      </c>
      <c r="B60852" s="14" t="s">
        <v>1</v>
      </c>
      <c r="C60852" s="14" t="s">
        <v>51</v>
      </c>
      <c r="D60852" s="14" t="s">
        <v>328</v>
      </c>
      <c r="E60852" s="15">
        <v>45638</v>
      </c>
      <c r="F60852" s="14" t="s">
        <v>61</v>
      </c>
      <c r="G60852" s="16">
        <v>0</v>
      </c>
    </row>
    <row r="60853" spans="1:7" x14ac:dyDescent="0.3">
      <c r="A60853" s="13" t="s">
        <v>327</v>
      </c>
      <c r="B60853" s="14" t="s">
        <v>1</v>
      </c>
      <c r="C60853" s="14" t="s">
        <v>51</v>
      </c>
      <c r="D60853" s="14" t="s">
        <v>328</v>
      </c>
      <c r="E60853" s="15">
        <v>45639</v>
      </c>
      <c r="F60853" s="14" t="s">
        <v>61</v>
      </c>
      <c r="G60853" s="16">
        <v>0</v>
      </c>
    </row>
    <row r="60854" spans="1:7" x14ac:dyDescent="0.3">
      <c r="A60854" s="13" t="s">
        <v>327</v>
      </c>
      <c r="B60854" s="14" t="s">
        <v>1</v>
      </c>
      <c r="C60854" s="14" t="s">
        <v>51</v>
      </c>
      <c r="D60854" s="14" t="s">
        <v>328</v>
      </c>
      <c r="E60854" s="15">
        <v>45640</v>
      </c>
      <c r="F60854" s="14" t="s">
        <v>61</v>
      </c>
      <c r="G60854" s="16">
        <v>0</v>
      </c>
    </row>
    <row r="60855" spans="1:7" x14ac:dyDescent="0.3">
      <c r="A60855" s="13" t="s">
        <v>327</v>
      </c>
      <c r="B60855" s="14" t="s">
        <v>1</v>
      </c>
      <c r="C60855" s="14" t="s">
        <v>51</v>
      </c>
      <c r="D60855" s="14" t="s">
        <v>328</v>
      </c>
      <c r="E60855" s="15">
        <v>45641</v>
      </c>
      <c r="F60855" s="14" t="s">
        <v>61</v>
      </c>
      <c r="G60855" s="16">
        <v>0</v>
      </c>
    </row>
    <row r="60856" spans="1:7" x14ac:dyDescent="0.3">
      <c r="A60856" s="13" t="s">
        <v>327</v>
      </c>
      <c r="B60856" s="14" t="s">
        <v>1</v>
      </c>
      <c r="C60856" s="14" t="s">
        <v>51</v>
      </c>
      <c r="D60856" s="14" t="s">
        <v>328</v>
      </c>
      <c r="E60856" s="15">
        <v>45642</v>
      </c>
      <c r="F60856" s="14" t="s">
        <v>61</v>
      </c>
      <c r="G60856" s="16">
        <v>0</v>
      </c>
    </row>
    <row r="60857" spans="1:7" x14ac:dyDescent="0.3">
      <c r="A60857" s="13" t="s">
        <v>327</v>
      </c>
      <c r="B60857" s="14" t="s">
        <v>1</v>
      </c>
      <c r="C60857" s="14" t="s">
        <v>51</v>
      </c>
      <c r="D60857" s="14" t="s">
        <v>328</v>
      </c>
      <c r="E60857" s="15">
        <v>45643</v>
      </c>
      <c r="F60857" s="14" t="s">
        <v>61</v>
      </c>
      <c r="G60857" s="16">
        <v>0</v>
      </c>
    </row>
    <row r="60858" spans="1:7" x14ac:dyDescent="0.3">
      <c r="A60858" s="13" t="s">
        <v>327</v>
      </c>
      <c r="B60858" s="14" t="s">
        <v>1</v>
      </c>
      <c r="C60858" s="14" t="s">
        <v>51</v>
      </c>
      <c r="D60858" s="14" t="s">
        <v>328</v>
      </c>
      <c r="E60858" s="15">
        <v>45644</v>
      </c>
      <c r="F60858" s="14" t="s">
        <v>61</v>
      </c>
      <c r="G60858" s="16">
        <v>0</v>
      </c>
    </row>
    <row r="60859" spans="1:7" x14ac:dyDescent="0.3">
      <c r="A60859" s="13" t="s">
        <v>327</v>
      </c>
      <c r="B60859" s="14" t="s">
        <v>1</v>
      </c>
      <c r="C60859" s="14" t="s">
        <v>51</v>
      </c>
      <c r="D60859" s="14" t="s">
        <v>328</v>
      </c>
      <c r="E60859" s="15">
        <v>45645</v>
      </c>
      <c r="F60859" s="14" t="s">
        <v>61</v>
      </c>
      <c r="G60859" s="16">
        <v>0</v>
      </c>
    </row>
    <row r="60860" spans="1:7" x14ac:dyDescent="0.3">
      <c r="A60860" s="13" t="s">
        <v>327</v>
      </c>
      <c r="B60860" s="14" t="s">
        <v>1</v>
      </c>
      <c r="C60860" s="14" t="s">
        <v>51</v>
      </c>
      <c r="D60860" s="14" t="s">
        <v>328</v>
      </c>
      <c r="E60860" s="15">
        <v>45646</v>
      </c>
      <c r="F60860" s="14" t="s">
        <v>61</v>
      </c>
      <c r="G60860" s="16">
        <v>0</v>
      </c>
    </row>
    <row r="60861" spans="1:7" x14ac:dyDescent="0.3">
      <c r="A60861" s="13" t="s">
        <v>327</v>
      </c>
      <c r="B60861" s="14" t="s">
        <v>1</v>
      </c>
      <c r="C60861" s="14" t="s">
        <v>51</v>
      </c>
      <c r="D60861" s="14" t="s">
        <v>328</v>
      </c>
      <c r="E60861" s="15">
        <v>45647</v>
      </c>
      <c r="F60861" s="14" t="s">
        <v>61</v>
      </c>
      <c r="G60861" s="16">
        <v>0</v>
      </c>
    </row>
    <row r="60862" spans="1:7" x14ac:dyDescent="0.3">
      <c r="A60862" s="13" t="s">
        <v>327</v>
      </c>
      <c r="B60862" s="14" t="s">
        <v>1</v>
      </c>
      <c r="C60862" s="14" t="s">
        <v>51</v>
      </c>
      <c r="D60862" s="14" t="s">
        <v>328</v>
      </c>
      <c r="E60862" s="15">
        <v>45648</v>
      </c>
      <c r="F60862" s="14" t="s">
        <v>61</v>
      </c>
      <c r="G60862" s="16">
        <v>0</v>
      </c>
    </row>
    <row r="60863" spans="1:7" x14ac:dyDescent="0.3">
      <c r="A60863" s="13" t="s">
        <v>327</v>
      </c>
      <c r="B60863" s="14" t="s">
        <v>1</v>
      </c>
      <c r="C60863" s="14" t="s">
        <v>51</v>
      </c>
      <c r="D60863" s="14" t="s">
        <v>328</v>
      </c>
      <c r="E60863" s="15">
        <v>45649</v>
      </c>
      <c r="F60863" s="14" t="s">
        <v>61</v>
      </c>
      <c r="G60863" s="16">
        <v>0</v>
      </c>
    </row>
    <row r="60864" spans="1:7" x14ac:dyDescent="0.3">
      <c r="A60864" s="13" t="s">
        <v>327</v>
      </c>
      <c r="B60864" s="14" t="s">
        <v>1</v>
      </c>
      <c r="C60864" s="14" t="s">
        <v>51</v>
      </c>
      <c r="D60864" s="14" t="s">
        <v>328</v>
      </c>
      <c r="E60864" s="15">
        <v>45650</v>
      </c>
      <c r="F60864" s="14" t="s">
        <v>61</v>
      </c>
      <c r="G60864" s="16">
        <v>0</v>
      </c>
    </row>
    <row r="60865" spans="1:7" x14ac:dyDescent="0.3">
      <c r="A60865" s="13" t="s">
        <v>327</v>
      </c>
      <c r="B60865" s="14" t="s">
        <v>1</v>
      </c>
      <c r="C60865" s="14" t="s">
        <v>51</v>
      </c>
      <c r="D60865" s="14" t="s">
        <v>328</v>
      </c>
      <c r="E60865" s="15">
        <v>45651</v>
      </c>
      <c r="F60865" s="14" t="s">
        <v>61</v>
      </c>
      <c r="G60865" s="16">
        <v>0</v>
      </c>
    </row>
    <row r="60866" spans="1:7" x14ac:dyDescent="0.3">
      <c r="A60866" s="13" t="s">
        <v>327</v>
      </c>
      <c r="B60866" s="14" t="s">
        <v>1</v>
      </c>
      <c r="C60866" s="14" t="s">
        <v>51</v>
      </c>
      <c r="D60866" s="14" t="s">
        <v>328</v>
      </c>
      <c r="E60866" s="15">
        <v>45652</v>
      </c>
      <c r="F60866" s="14" t="s">
        <v>61</v>
      </c>
      <c r="G60866" s="16">
        <v>0</v>
      </c>
    </row>
    <row r="60867" spans="1:7" x14ac:dyDescent="0.3">
      <c r="A60867" s="13" t="s">
        <v>327</v>
      </c>
      <c r="B60867" s="14" t="s">
        <v>1</v>
      </c>
      <c r="C60867" s="14" t="s">
        <v>51</v>
      </c>
      <c r="D60867" s="14" t="s">
        <v>328</v>
      </c>
      <c r="E60867" s="15">
        <v>45653</v>
      </c>
      <c r="F60867" s="14" t="s">
        <v>61</v>
      </c>
      <c r="G60867" s="16">
        <v>0</v>
      </c>
    </row>
    <row r="60868" spans="1:7" x14ac:dyDescent="0.3">
      <c r="A60868" s="13" t="s">
        <v>327</v>
      </c>
      <c r="B60868" s="14" t="s">
        <v>1</v>
      </c>
      <c r="C60868" s="14" t="s">
        <v>51</v>
      </c>
      <c r="D60868" s="14" t="s">
        <v>328</v>
      </c>
      <c r="E60868" s="15">
        <v>45654</v>
      </c>
      <c r="F60868" s="14" t="s">
        <v>61</v>
      </c>
      <c r="G60868" s="16">
        <v>0</v>
      </c>
    </row>
    <row r="60869" spans="1:7" x14ac:dyDescent="0.3">
      <c r="A60869" s="13" t="s">
        <v>327</v>
      </c>
      <c r="B60869" s="14" t="s">
        <v>1</v>
      </c>
      <c r="C60869" s="14" t="s">
        <v>51</v>
      </c>
      <c r="D60869" s="14" t="s">
        <v>328</v>
      </c>
      <c r="E60869" s="15">
        <v>45655</v>
      </c>
      <c r="F60869" s="14" t="s">
        <v>61</v>
      </c>
      <c r="G60869" s="16">
        <v>0</v>
      </c>
    </row>
    <row r="60870" spans="1:7" x14ac:dyDescent="0.3">
      <c r="A60870" s="13" t="s">
        <v>327</v>
      </c>
      <c r="B60870" s="14" t="s">
        <v>1</v>
      </c>
      <c r="C60870" s="14" t="s">
        <v>51</v>
      </c>
      <c r="D60870" s="14" t="s">
        <v>328</v>
      </c>
      <c r="E60870" s="15">
        <v>45656</v>
      </c>
      <c r="F60870" s="14" t="s">
        <v>61</v>
      </c>
      <c r="G60870" s="16">
        <v>0</v>
      </c>
    </row>
    <row r="60871" spans="1:7" x14ac:dyDescent="0.3">
      <c r="A60871" s="13" t="s">
        <v>327</v>
      </c>
      <c r="B60871" s="14" t="s">
        <v>1</v>
      </c>
      <c r="C60871" s="14" t="s">
        <v>51</v>
      </c>
      <c r="D60871" s="14" t="s">
        <v>328</v>
      </c>
      <c r="E60871" s="15">
        <v>45657</v>
      </c>
      <c r="F60871" s="14" t="s">
        <v>61</v>
      </c>
      <c r="G60871" s="16">
        <v>0</v>
      </c>
    </row>
    <row r="60872" spans="1:7" x14ac:dyDescent="0.3">
      <c r="A60872" s="13" t="s">
        <v>327</v>
      </c>
      <c r="B60872" s="14" t="s">
        <v>1</v>
      </c>
      <c r="C60872" s="14" t="s">
        <v>51</v>
      </c>
      <c r="D60872" s="14" t="s">
        <v>328</v>
      </c>
      <c r="E60872" s="15">
        <v>45658</v>
      </c>
      <c r="F60872" s="14" t="s">
        <v>61</v>
      </c>
      <c r="G60872" s="16">
        <v>0</v>
      </c>
    </row>
    <row r="60873" spans="1:7" x14ac:dyDescent="0.3">
      <c r="A60873" s="13" t="s">
        <v>327</v>
      </c>
      <c r="B60873" s="14" t="s">
        <v>1</v>
      </c>
      <c r="C60873" s="14" t="s">
        <v>51</v>
      </c>
      <c r="D60873" s="14" t="s">
        <v>328</v>
      </c>
      <c r="E60873" s="15">
        <v>45659</v>
      </c>
      <c r="F60873" s="14" t="s">
        <v>61</v>
      </c>
      <c r="G60873" s="16">
        <v>0</v>
      </c>
    </row>
    <row r="60874" spans="1:7" x14ac:dyDescent="0.3">
      <c r="A60874" s="13" t="s">
        <v>327</v>
      </c>
      <c r="B60874" s="14" t="s">
        <v>1</v>
      </c>
      <c r="C60874" s="14" t="s">
        <v>51</v>
      </c>
      <c r="D60874" s="14" t="s">
        <v>328</v>
      </c>
      <c r="E60874" s="15">
        <v>45660</v>
      </c>
      <c r="F60874" s="14" t="s">
        <v>61</v>
      </c>
      <c r="G60874" s="16">
        <v>0</v>
      </c>
    </row>
    <row r="60875" spans="1:7" x14ac:dyDescent="0.3">
      <c r="A60875" s="13" t="s">
        <v>327</v>
      </c>
      <c r="B60875" s="14" t="s">
        <v>1</v>
      </c>
      <c r="C60875" s="14" t="s">
        <v>51</v>
      </c>
      <c r="D60875" s="14" t="s">
        <v>328</v>
      </c>
      <c r="E60875" s="15">
        <v>45661</v>
      </c>
      <c r="F60875" s="14" t="s">
        <v>61</v>
      </c>
      <c r="G60875" s="16">
        <v>0</v>
      </c>
    </row>
    <row r="60876" spans="1:7" x14ac:dyDescent="0.3">
      <c r="A60876" s="13" t="s">
        <v>327</v>
      </c>
      <c r="B60876" s="14" t="s">
        <v>1</v>
      </c>
      <c r="C60876" s="14" t="s">
        <v>51</v>
      </c>
      <c r="D60876" s="14" t="s">
        <v>328</v>
      </c>
      <c r="E60876" s="15">
        <v>45662</v>
      </c>
      <c r="F60876" s="14" t="s">
        <v>61</v>
      </c>
      <c r="G60876" s="16">
        <v>0</v>
      </c>
    </row>
    <row r="60877" spans="1:7" x14ac:dyDescent="0.3">
      <c r="A60877" s="13" t="s">
        <v>327</v>
      </c>
      <c r="B60877" s="14" t="s">
        <v>1</v>
      </c>
      <c r="C60877" s="14" t="s">
        <v>51</v>
      </c>
      <c r="D60877" s="14" t="s">
        <v>328</v>
      </c>
      <c r="E60877" s="15">
        <v>45663</v>
      </c>
      <c r="F60877" s="14" t="s">
        <v>61</v>
      </c>
      <c r="G60877" s="16">
        <v>0</v>
      </c>
    </row>
    <row r="60878" spans="1:7" x14ac:dyDescent="0.3">
      <c r="A60878" s="13" t="s">
        <v>327</v>
      </c>
      <c r="B60878" s="14" t="s">
        <v>1</v>
      </c>
      <c r="C60878" s="14" t="s">
        <v>51</v>
      </c>
      <c r="D60878" s="14" t="s">
        <v>328</v>
      </c>
      <c r="E60878" s="15">
        <v>45664</v>
      </c>
      <c r="F60878" s="14" t="s">
        <v>61</v>
      </c>
      <c r="G60878" s="16">
        <v>0</v>
      </c>
    </row>
    <row r="60879" spans="1:7" x14ac:dyDescent="0.3">
      <c r="A60879" s="13" t="s">
        <v>327</v>
      </c>
      <c r="B60879" s="14" t="s">
        <v>1</v>
      </c>
      <c r="C60879" s="14" t="s">
        <v>51</v>
      </c>
      <c r="D60879" s="14" t="s">
        <v>328</v>
      </c>
      <c r="E60879" s="15">
        <v>45665</v>
      </c>
      <c r="F60879" s="14" t="s">
        <v>61</v>
      </c>
      <c r="G60879" s="16">
        <v>0</v>
      </c>
    </row>
    <row r="60880" spans="1:7" x14ac:dyDescent="0.3">
      <c r="A60880" s="13" t="s">
        <v>327</v>
      </c>
      <c r="B60880" s="14" t="s">
        <v>1</v>
      </c>
      <c r="C60880" s="14" t="s">
        <v>51</v>
      </c>
      <c r="D60880" s="14" t="s">
        <v>328</v>
      </c>
      <c r="E60880" s="15">
        <v>45666</v>
      </c>
      <c r="F60880" s="14" t="s">
        <v>61</v>
      </c>
      <c r="G60880" s="16">
        <v>0</v>
      </c>
    </row>
    <row r="60881" spans="1:7" x14ac:dyDescent="0.3">
      <c r="A60881" s="13" t="s">
        <v>327</v>
      </c>
      <c r="B60881" s="14" t="s">
        <v>1</v>
      </c>
      <c r="C60881" s="14" t="s">
        <v>51</v>
      </c>
      <c r="D60881" s="14" t="s">
        <v>328</v>
      </c>
      <c r="E60881" s="15">
        <v>45667</v>
      </c>
      <c r="F60881" s="14" t="s">
        <v>61</v>
      </c>
      <c r="G60881" s="16">
        <v>0</v>
      </c>
    </row>
    <row r="60882" spans="1:7" x14ac:dyDescent="0.3">
      <c r="A60882" s="13" t="s">
        <v>327</v>
      </c>
      <c r="B60882" s="14" t="s">
        <v>1</v>
      </c>
      <c r="C60882" s="14" t="s">
        <v>51</v>
      </c>
      <c r="D60882" s="14" t="s">
        <v>328</v>
      </c>
      <c r="E60882" s="15">
        <v>45668</v>
      </c>
      <c r="F60882" s="14" t="s">
        <v>61</v>
      </c>
      <c r="G60882" s="16">
        <v>0</v>
      </c>
    </row>
    <row r="60883" spans="1:7" x14ac:dyDescent="0.3">
      <c r="A60883" s="13" t="s">
        <v>327</v>
      </c>
      <c r="B60883" s="14" t="s">
        <v>1</v>
      </c>
      <c r="C60883" s="14" t="s">
        <v>51</v>
      </c>
      <c r="D60883" s="14" t="s">
        <v>328</v>
      </c>
      <c r="E60883" s="15">
        <v>45669</v>
      </c>
      <c r="F60883" s="14" t="s">
        <v>61</v>
      </c>
      <c r="G60883" s="16">
        <v>0</v>
      </c>
    </row>
    <row r="60884" spans="1:7" x14ac:dyDescent="0.3">
      <c r="A60884" s="13" t="s">
        <v>327</v>
      </c>
      <c r="B60884" s="14" t="s">
        <v>1</v>
      </c>
      <c r="C60884" s="14" t="s">
        <v>51</v>
      </c>
      <c r="D60884" s="14" t="s">
        <v>328</v>
      </c>
      <c r="E60884" s="15">
        <v>45670</v>
      </c>
      <c r="F60884" s="14" t="s">
        <v>61</v>
      </c>
      <c r="G60884" s="16">
        <v>0</v>
      </c>
    </row>
    <row r="60885" spans="1:7" x14ac:dyDescent="0.3">
      <c r="A60885" s="13" t="s">
        <v>327</v>
      </c>
      <c r="B60885" s="14" t="s">
        <v>1</v>
      </c>
      <c r="C60885" s="14" t="s">
        <v>51</v>
      </c>
      <c r="D60885" s="14" t="s">
        <v>328</v>
      </c>
      <c r="E60885" s="15">
        <v>45671</v>
      </c>
      <c r="F60885" s="14" t="s">
        <v>61</v>
      </c>
      <c r="G60885" s="16">
        <v>0</v>
      </c>
    </row>
    <row r="60886" spans="1:7" x14ac:dyDescent="0.3">
      <c r="A60886" s="13" t="s">
        <v>327</v>
      </c>
      <c r="B60886" s="14" t="s">
        <v>1</v>
      </c>
      <c r="C60886" s="14" t="s">
        <v>51</v>
      </c>
      <c r="D60886" s="14" t="s">
        <v>328</v>
      </c>
      <c r="E60886" s="15">
        <v>45672</v>
      </c>
      <c r="F60886" s="14" t="s">
        <v>61</v>
      </c>
      <c r="G60886" s="16">
        <v>0</v>
      </c>
    </row>
    <row r="60887" spans="1:7" x14ac:dyDescent="0.3">
      <c r="A60887" s="13" t="s">
        <v>327</v>
      </c>
      <c r="B60887" s="14" t="s">
        <v>1</v>
      </c>
      <c r="C60887" s="14" t="s">
        <v>51</v>
      </c>
      <c r="D60887" s="14" t="s">
        <v>328</v>
      </c>
      <c r="E60887" s="15">
        <v>45673</v>
      </c>
      <c r="F60887" s="14" t="s">
        <v>61</v>
      </c>
      <c r="G60887" s="16">
        <v>0</v>
      </c>
    </row>
    <row r="60888" spans="1:7" x14ac:dyDescent="0.3">
      <c r="A60888" s="13" t="s">
        <v>327</v>
      </c>
      <c r="B60888" s="14" t="s">
        <v>1</v>
      </c>
      <c r="C60888" s="14" t="s">
        <v>51</v>
      </c>
      <c r="D60888" s="14" t="s">
        <v>328</v>
      </c>
      <c r="E60888" s="15">
        <v>45674</v>
      </c>
      <c r="F60888" s="14" t="s">
        <v>61</v>
      </c>
      <c r="G60888" s="16">
        <v>0</v>
      </c>
    </row>
    <row r="60889" spans="1:7" x14ac:dyDescent="0.3">
      <c r="A60889" s="13" t="s">
        <v>327</v>
      </c>
      <c r="B60889" s="14" t="s">
        <v>1</v>
      </c>
      <c r="C60889" s="14" t="s">
        <v>51</v>
      </c>
      <c r="D60889" s="14" t="s">
        <v>328</v>
      </c>
      <c r="E60889" s="15">
        <v>45675</v>
      </c>
      <c r="F60889" s="14" t="s">
        <v>61</v>
      </c>
      <c r="G60889" s="16">
        <v>0</v>
      </c>
    </row>
    <row r="60890" spans="1:7" x14ac:dyDescent="0.3">
      <c r="A60890" s="13" t="s">
        <v>327</v>
      </c>
      <c r="B60890" s="14" t="s">
        <v>1</v>
      </c>
      <c r="C60890" s="14" t="s">
        <v>51</v>
      </c>
      <c r="D60890" s="14" t="s">
        <v>328</v>
      </c>
      <c r="E60890" s="15">
        <v>45676</v>
      </c>
      <c r="F60890" s="14" t="s">
        <v>61</v>
      </c>
      <c r="G60890" s="16">
        <v>0</v>
      </c>
    </row>
    <row r="60891" spans="1:7" x14ac:dyDescent="0.3">
      <c r="A60891" s="13" t="s">
        <v>327</v>
      </c>
      <c r="B60891" s="14" t="s">
        <v>1</v>
      </c>
      <c r="C60891" s="14" t="s">
        <v>51</v>
      </c>
      <c r="D60891" s="14" t="s">
        <v>328</v>
      </c>
      <c r="E60891" s="15">
        <v>45677</v>
      </c>
      <c r="F60891" s="14" t="s">
        <v>61</v>
      </c>
      <c r="G60891" s="16">
        <v>0</v>
      </c>
    </row>
    <row r="60892" spans="1:7" x14ac:dyDescent="0.3">
      <c r="A60892" s="13" t="s">
        <v>327</v>
      </c>
      <c r="B60892" s="14" t="s">
        <v>1</v>
      </c>
      <c r="C60892" s="14" t="s">
        <v>51</v>
      </c>
      <c r="D60892" s="14" t="s">
        <v>328</v>
      </c>
      <c r="E60892" s="15">
        <v>45678</v>
      </c>
      <c r="F60892" s="14" t="s">
        <v>61</v>
      </c>
      <c r="G60892" s="16">
        <v>0</v>
      </c>
    </row>
    <row r="60893" spans="1:7" x14ac:dyDescent="0.3">
      <c r="A60893" s="13" t="s">
        <v>327</v>
      </c>
      <c r="B60893" s="14" t="s">
        <v>1</v>
      </c>
      <c r="C60893" s="14" t="s">
        <v>51</v>
      </c>
      <c r="D60893" s="14" t="s">
        <v>328</v>
      </c>
      <c r="E60893" s="15">
        <v>45679</v>
      </c>
      <c r="F60893" s="14" t="s">
        <v>61</v>
      </c>
      <c r="G60893" s="16">
        <v>0</v>
      </c>
    </row>
    <row r="60894" spans="1:7" x14ac:dyDescent="0.3">
      <c r="A60894" s="13" t="s">
        <v>327</v>
      </c>
      <c r="B60894" s="14" t="s">
        <v>1</v>
      </c>
      <c r="C60894" s="14" t="s">
        <v>51</v>
      </c>
      <c r="D60894" s="14" t="s">
        <v>328</v>
      </c>
      <c r="E60894" s="15">
        <v>45680</v>
      </c>
      <c r="F60894" s="14" t="s">
        <v>61</v>
      </c>
      <c r="G60894" s="16">
        <v>0</v>
      </c>
    </row>
    <row r="60895" spans="1:7" x14ac:dyDescent="0.3">
      <c r="A60895" s="13" t="s">
        <v>327</v>
      </c>
      <c r="B60895" s="14" t="s">
        <v>1</v>
      </c>
      <c r="C60895" s="14" t="s">
        <v>51</v>
      </c>
      <c r="D60895" s="14" t="s">
        <v>328</v>
      </c>
      <c r="E60895" s="15">
        <v>45681</v>
      </c>
      <c r="F60895" s="14" t="s">
        <v>61</v>
      </c>
      <c r="G60895" s="16">
        <v>0</v>
      </c>
    </row>
    <row r="60896" spans="1:7" x14ac:dyDescent="0.3">
      <c r="A60896" s="13" t="s">
        <v>327</v>
      </c>
      <c r="B60896" s="14" t="s">
        <v>1</v>
      </c>
      <c r="C60896" s="14" t="s">
        <v>51</v>
      </c>
      <c r="D60896" s="14" t="s">
        <v>328</v>
      </c>
      <c r="E60896" s="15">
        <v>45682</v>
      </c>
      <c r="F60896" s="14" t="s">
        <v>61</v>
      </c>
      <c r="G60896" s="16">
        <v>0</v>
      </c>
    </row>
    <row r="60897" spans="1:7" x14ac:dyDescent="0.3">
      <c r="A60897" s="13" t="s">
        <v>327</v>
      </c>
      <c r="B60897" s="14" t="s">
        <v>1</v>
      </c>
      <c r="C60897" s="14" t="s">
        <v>51</v>
      </c>
      <c r="D60897" s="14" t="s">
        <v>328</v>
      </c>
      <c r="E60897" s="15">
        <v>45683</v>
      </c>
      <c r="F60897" s="14" t="s">
        <v>61</v>
      </c>
      <c r="G60897" s="16">
        <v>0</v>
      </c>
    </row>
    <row r="60898" spans="1:7" x14ac:dyDescent="0.3">
      <c r="A60898" s="13" t="s">
        <v>327</v>
      </c>
      <c r="B60898" s="14" t="s">
        <v>1</v>
      </c>
      <c r="C60898" s="14" t="s">
        <v>51</v>
      </c>
      <c r="D60898" s="14" t="s">
        <v>328</v>
      </c>
      <c r="E60898" s="15">
        <v>45684</v>
      </c>
      <c r="F60898" s="14" t="s">
        <v>61</v>
      </c>
      <c r="G60898" s="16">
        <v>0</v>
      </c>
    </row>
    <row r="60899" spans="1:7" x14ac:dyDescent="0.3">
      <c r="A60899" s="13" t="s">
        <v>327</v>
      </c>
      <c r="B60899" s="14" t="s">
        <v>1</v>
      </c>
      <c r="C60899" s="14" t="s">
        <v>51</v>
      </c>
      <c r="D60899" s="14" t="s">
        <v>328</v>
      </c>
      <c r="E60899" s="15">
        <v>45685</v>
      </c>
      <c r="F60899" s="14" t="s">
        <v>61</v>
      </c>
      <c r="G60899" s="16">
        <v>0</v>
      </c>
    </row>
    <row r="60900" spans="1:7" x14ac:dyDescent="0.3">
      <c r="A60900" s="13" t="s">
        <v>327</v>
      </c>
      <c r="B60900" s="14" t="s">
        <v>1</v>
      </c>
      <c r="C60900" s="14" t="s">
        <v>51</v>
      </c>
      <c r="D60900" s="14" t="s">
        <v>328</v>
      </c>
      <c r="E60900" s="15">
        <v>45686</v>
      </c>
      <c r="F60900" s="14" t="s">
        <v>61</v>
      </c>
      <c r="G60900" s="16">
        <v>0</v>
      </c>
    </row>
    <row r="60901" spans="1:7" x14ac:dyDescent="0.3">
      <c r="A60901" s="13" t="s">
        <v>327</v>
      </c>
      <c r="B60901" s="14" t="s">
        <v>1</v>
      </c>
      <c r="C60901" s="14" t="s">
        <v>51</v>
      </c>
      <c r="D60901" s="14" t="s">
        <v>328</v>
      </c>
      <c r="E60901" s="15">
        <v>45687</v>
      </c>
      <c r="F60901" s="14" t="s">
        <v>61</v>
      </c>
      <c r="G60901" s="16">
        <v>0</v>
      </c>
    </row>
    <row r="60902" spans="1:7" x14ac:dyDescent="0.3">
      <c r="A60902" s="13" t="s">
        <v>327</v>
      </c>
      <c r="B60902" s="14" t="s">
        <v>1</v>
      </c>
      <c r="C60902" s="14" t="s">
        <v>51</v>
      </c>
      <c r="D60902" s="14" t="s">
        <v>328</v>
      </c>
      <c r="E60902" s="15">
        <v>45688</v>
      </c>
      <c r="F60902" s="14" t="s">
        <v>61</v>
      </c>
      <c r="G60902" s="16">
        <v>0</v>
      </c>
    </row>
    <row r="60903" spans="1:7" x14ac:dyDescent="0.3">
      <c r="A60903" s="13" t="s">
        <v>327</v>
      </c>
      <c r="B60903" s="14" t="s">
        <v>1</v>
      </c>
      <c r="C60903" s="14" t="s">
        <v>51</v>
      </c>
      <c r="D60903" s="14" t="s">
        <v>328</v>
      </c>
      <c r="E60903" s="15">
        <v>45689</v>
      </c>
      <c r="F60903" s="14" t="s">
        <v>61</v>
      </c>
      <c r="G60903" s="16">
        <v>0</v>
      </c>
    </row>
    <row r="60904" spans="1:7" x14ac:dyDescent="0.3">
      <c r="A60904" s="13" t="s">
        <v>327</v>
      </c>
      <c r="B60904" s="14" t="s">
        <v>1</v>
      </c>
      <c r="C60904" s="14" t="s">
        <v>51</v>
      </c>
      <c r="D60904" s="14" t="s">
        <v>328</v>
      </c>
      <c r="E60904" s="15">
        <v>45690</v>
      </c>
      <c r="F60904" s="14" t="s">
        <v>61</v>
      </c>
      <c r="G60904" s="16">
        <v>0</v>
      </c>
    </row>
    <row r="60905" spans="1:7" x14ac:dyDescent="0.3">
      <c r="A60905" s="13" t="s">
        <v>327</v>
      </c>
      <c r="B60905" s="14" t="s">
        <v>1</v>
      </c>
      <c r="C60905" s="14" t="s">
        <v>51</v>
      </c>
      <c r="D60905" s="14" t="s">
        <v>328</v>
      </c>
      <c r="E60905" s="15">
        <v>45691</v>
      </c>
      <c r="F60905" s="14" t="s">
        <v>61</v>
      </c>
      <c r="G60905" s="16">
        <v>0</v>
      </c>
    </row>
    <row r="60906" spans="1:7" x14ac:dyDescent="0.3">
      <c r="A60906" s="13" t="s">
        <v>327</v>
      </c>
      <c r="B60906" s="14" t="s">
        <v>1</v>
      </c>
      <c r="C60906" s="14" t="s">
        <v>51</v>
      </c>
      <c r="D60906" s="14" t="s">
        <v>328</v>
      </c>
      <c r="E60906" s="15">
        <v>45692</v>
      </c>
      <c r="F60906" s="14" t="s">
        <v>61</v>
      </c>
      <c r="G60906" s="16">
        <v>0</v>
      </c>
    </row>
    <row r="60907" spans="1:7" x14ac:dyDescent="0.3">
      <c r="A60907" s="13" t="s">
        <v>327</v>
      </c>
      <c r="B60907" s="14" t="s">
        <v>1</v>
      </c>
      <c r="C60907" s="14" t="s">
        <v>51</v>
      </c>
      <c r="D60907" s="14" t="s">
        <v>328</v>
      </c>
      <c r="E60907" s="15">
        <v>45693</v>
      </c>
      <c r="F60907" s="14" t="s">
        <v>61</v>
      </c>
      <c r="G60907" s="16">
        <v>0</v>
      </c>
    </row>
    <row r="60908" spans="1:7" x14ac:dyDescent="0.3">
      <c r="A60908" s="13" t="s">
        <v>327</v>
      </c>
      <c r="B60908" s="14" t="s">
        <v>1</v>
      </c>
      <c r="C60908" s="14" t="s">
        <v>51</v>
      </c>
      <c r="D60908" s="14" t="s">
        <v>328</v>
      </c>
      <c r="E60908" s="15">
        <v>45694</v>
      </c>
      <c r="F60908" s="14" t="s">
        <v>61</v>
      </c>
      <c r="G60908" s="16">
        <v>0</v>
      </c>
    </row>
    <row r="60909" spans="1:7" x14ac:dyDescent="0.3">
      <c r="A60909" s="13" t="s">
        <v>327</v>
      </c>
      <c r="B60909" s="14" t="s">
        <v>1</v>
      </c>
      <c r="C60909" s="14" t="s">
        <v>51</v>
      </c>
      <c r="D60909" s="14" t="s">
        <v>328</v>
      </c>
      <c r="E60909" s="15">
        <v>45695</v>
      </c>
      <c r="F60909" s="14" t="s">
        <v>61</v>
      </c>
      <c r="G60909" s="16">
        <v>0</v>
      </c>
    </row>
    <row r="60910" spans="1:7" x14ac:dyDescent="0.3">
      <c r="A60910" s="13" t="s">
        <v>327</v>
      </c>
      <c r="B60910" s="14" t="s">
        <v>1</v>
      </c>
      <c r="C60910" s="14" t="s">
        <v>51</v>
      </c>
      <c r="D60910" s="14" t="s">
        <v>328</v>
      </c>
      <c r="E60910" s="15">
        <v>45696</v>
      </c>
      <c r="F60910" s="14" t="s">
        <v>61</v>
      </c>
      <c r="G60910" s="16">
        <v>0</v>
      </c>
    </row>
    <row r="60911" spans="1:7" x14ac:dyDescent="0.3">
      <c r="A60911" s="13" t="s">
        <v>327</v>
      </c>
      <c r="B60911" s="14" t="s">
        <v>1</v>
      </c>
      <c r="C60911" s="14" t="s">
        <v>51</v>
      </c>
      <c r="D60911" s="14" t="s">
        <v>328</v>
      </c>
      <c r="E60911" s="15">
        <v>45697</v>
      </c>
      <c r="F60911" s="14" t="s">
        <v>61</v>
      </c>
      <c r="G60911" s="16">
        <v>0</v>
      </c>
    </row>
    <row r="60912" spans="1:7" x14ac:dyDescent="0.3">
      <c r="A60912" s="13" t="s">
        <v>327</v>
      </c>
      <c r="B60912" s="14" t="s">
        <v>1</v>
      </c>
      <c r="C60912" s="14" t="s">
        <v>51</v>
      </c>
      <c r="D60912" s="14" t="s">
        <v>328</v>
      </c>
      <c r="E60912" s="15">
        <v>45698</v>
      </c>
      <c r="F60912" s="14" t="s">
        <v>61</v>
      </c>
      <c r="G60912" s="16">
        <v>0</v>
      </c>
    </row>
    <row r="60913" spans="1:7" x14ac:dyDescent="0.3">
      <c r="A60913" s="13" t="s">
        <v>327</v>
      </c>
      <c r="B60913" s="14" t="s">
        <v>1</v>
      </c>
      <c r="C60913" s="14" t="s">
        <v>51</v>
      </c>
      <c r="D60913" s="14" t="s">
        <v>328</v>
      </c>
      <c r="E60913" s="15">
        <v>45699</v>
      </c>
      <c r="F60913" s="14" t="s">
        <v>61</v>
      </c>
      <c r="G60913" s="16">
        <v>0</v>
      </c>
    </row>
    <row r="60914" spans="1:7" x14ac:dyDescent="0.3">
      <c r="A60914" s="13" t="s">
        <v>327</v>
      </c>
      <c r="B60914" s="14" t="s">
        <v>1</v>
      </c>
      <c r="C60914" s="14" t="s">
        <v>51</v>
      </c>
      <c r="D60914" s="14" t="s">
        <v>328</v>
      </c>
      <c r="E60914" s="15">
        <v>45700</v>
      </c>
      <c r="F60914" s="14" t="s">
        <v>61</v>
      </c>
      <c r="G60914" s="16">
        <v>0</v>
      </c>
    </row>
    <row r="60915" spans="1:7" x14ac:dyDescent="0.3">
      <c r="A60915" s="13" t="s">
        <v>327</v>
      </c>
      <c r="B60915" s="14" t="s">
        <v>1</v>
      </c>
      <c r="C60915" s="14" t="s">
        <v>51</v>
      </c>
      <c r="D60915" s="14" t="s">
        <v>328</v>
      </c>
      <c r="E60915" s="15">
        <v>45701</v>
      </c>
      <c r="F60915" s="14" t="s">
        <v>61</v>
      </c>
      <c r="G60915" s="16">
        <v>0</v>
      </c>
    </row>
    <row r="60916" spans="1:7" x14ac:dyDescent="0.3">
      <c r="A60916" s="13" t="s">
        <v>327</v>
      </c>
      <c r="B60916" s="14" t="s">
        <v>1</v>
      </c>
      <c r="C60916" s="14" t="s">
        <v>51</v>
      </c>
      <c r="D60916" s="14" t="s">
        <v>328</v>
      </c>
      <c r="E60916" s="15">
        <v>45702</v>
      </c>
      <c r="F60916" s="14" t="s">
        <v>61</v>
      </c>
      <c r="G60916" s="16">
        <v>0</v>
      </c>
    </row>
    <row r="60917" spans="1:7" x14ac:dyDescent="0.3">
      <c r="A60917" s="13" t="s">
        <v>327</v>
      </c>
      <c r="B60917" s="14" t="s">
        <v>1</v>
      </c>
      <c r="C60917" s="14" t="s">
        <v>51</v>
      </c>
      <c r="D60917" s="14" t="s">
        <v>328</v>
      </c>
      <c r="E60917" s="15">
        <v>45703</v>
      </c>
      <c r="F60917" s="14" t="s">
        <v>61</v>
      </c>
      <c r="G60917" s="16">
        <v>0</v>
      </c>
    </row>
    <row r="60918" spans="1:7" x14ac:dyDescent="0.3">
      <c r="A60918" s="13" t="s">
        <v>327</v>
      </c>
      <c r="B60918" s="14" t="s">
        <v>1</v>
      </c>
      <c r="C60918" s="14" t="s">
        <v>51</v>
      </c>
      <c r="D60918" s="14" t="s">
        <v>328</v>
      </c>
      <c r="E60918" s="15">
        <v>45704</v>
      </c>
      <c r="F60918" s="14" t="s">
        <v>61</v>
      </c>
      <c r="G60918" s="16">
        <v>0</v>
      </c>
    </row>
    <row r="60919" spans="1:7" x14ac:dyDescent="0.3">
      <c r="A60919" s="13" t="s">
        <v>327</v>
      </c>
      <c r="B60919" s="14" t="s">
        <v>1</v>
      </c>
      <c r="C60919" s="14" t="s">
        <v>51</v>
      </c>
      <c r="D60919" s="14" t="s">
        <v>328</v>
      </c>
      <c r="E60919" s="15">
        <v>45705</v>
      </c>
      <c r="F60919" s="14" t="s">
        <v>61</v>
      </c>
      <c r="G60919" s="16">
        <v>0</v>
      </c>
    </row>
    <row r="60920" spans="1:7" x14ac:dyDescent="0.3">
      <c r="A60920" s="13" t="s">
        <v>327</v>
      </c>
      <c r="B60920" s="14" t="s">
        <v>1</v>
      </c>
      <c r="C60920" s="14" t="s">
        <v>51</v>
      </c>
      <c r="D60920" s="14" t="s">
        <v>328</v>
      </c>
      <c r="E60920" s="15">
        <v>45706</v>
      </c>
      <c r="F60920" s="14" t="s">
        <v>61</v>
      </c>
      <c r="G60920" s="16">
        <v>0</v>
      </c>
    </row>
    <row r="60921" spans="1:7" x14ac:dyDescent="0.3">
      <c r="A60921" s="13" t="s">
        <v>327</v>
      </c>
      <c r="B60921" s="14" t="s">
        <v>1</v>
      </c>
      <c r="C60921" s="14" t="s">
        <v>51</v>
      </c>
      <c r="D60921" s="14" t="s">
        <v>328</v>
      </c>
      <c r="E60921" s="15">
        <v>45707</v>
      </c>
      <c r="F60921" s="14" t="s">
        <v>61</v>
      </c>
      <c r="G60921" s="16">
        <v>0</v>
      </c>
    </row>
    <row r="60922" spans="1:7" x14ac:dyDescent="0.3">
      <c r="A60922" s="13" t="s">
        <v>327</v>
      </c>
      <c r="B60922" s="14" t="s">
        <v>1</v>
      </c>
      <c r="C60922" s="14" t="s">
        <v>51</v>
      </c>
      <c r="D60922" s="14" t="s">
        <v>328</v>
      </c>
      <c r="E60922" s="15">
        <v>45708</v>
      </c>
      <c r="F60922" s="14" t="s">
        <v>61</v>
      </c>
      <c r="G60922" s="16">
        <v>0</v>
      </c>
    </row>
    <row r="60923" spans="1:7" x14ac:dyDescent="0.3">
      <c r="A60923" s="13" t="s">
        <v>327</v>
      </c>
      <c r="B60923" s="14" t="s">
        <v>1</v>
      </c>
      <c r="C60923" s="14" t="s">
        <v>51</v>
      </c>
      <c r="D60923" s="14" t="s">
        <v>328</v>
      </c>
      <c r="E60923" s="15">
        <v>45709</v>
      </c>
      <c r="F60923" s="14" t="s">
        <v>61</v>
      </c>
      <c r="G60923" s="16">
        <v>0</v>
      </c>
    </row>
    <row r="60924" spans="1:7" x14ac:dyDescent="0.3">
      <c r="A60924" s="13" t="s">
        <v>327</v>
      </c>
      <c r="B60924" s="14" t="s">
        <v>1</v>
      </c>
      <c r="C60924" s="14" t="s">
        <v>51</v>
      </c>
      <c r="D60924" s="14" t="s">
        <v>328</v>
      </c>
      <c r="E60924" s="15">
        <v>45710</v>
      </c>
      <c r="F60924" s="14" t="s">
        <v>61</v>
      </c>
      <c r="G60924" s="16">
        <v>0</v>
      </c>
    </row>
    <row r="60925" spans="1:7" x14ac:dyDescent="0.3">
      <c r="A60925" s="13" t="s">
        <v>327</v>
      </c>
      <c r="B60925" s="14" t="s">
        <v>1</v>
      </c>
      <c r="C60925" s="14" t="s">
        <v>51</v>
      </c>
      <c r="D60925" s="14" t="s">
        <v>328</v>
      </c>
      <c r="E60925" s="15">
        <v>45711</v>
      </c>
      <c r="F60925" s="14" t="s">
        <v>61</v>
      </c>
      <c r="G60925" s="16">
        <v>0</v>
      </c>
    </row>
    <row r="60926" spans="1:7" x14ac:dyDescent="0.3">
      <c r="A60926" s="13" t="s">
        <v>327</v>
      </c>
      <c r="B60926" s="14" t="s">
        <v>1</v>
      </c>
      <c r="C60926" s="14" t="s">
        <v>51</v>
      </c>
      <c r="D60926" s="14" t="s">
        <v>328</v>
      </c>
      <c r="E60926" s="15">
        <v>45712</v>
      </c>
      <c r="F60926" s="14" t="s">
        <v>61</v>
      </c>
      <c r="G60926" s="16">
        <v>0</v>
      </c>
    </row>
    <row r="60927" spans="1:7" x14ac:dyDescent="0.3">
      <c r="A60927" s="13" t="s">
        <v>327</v>
      </c>
      <c r="B60927" s="14" t="s">
        <v>1</v>
      </c>
      <c r="C60927" s="14" t="s">
        <v>51</v>
      </c>
      <c r="D60927" s="14" t="s">
        <v>328</v>
      </c>
      <c r="E60927" s="15">
        <v>45713</v>
      </c>
      <c r="F60927" s="14" t="s">
        <v>61</v>
      </c>
      <c r="G60927" s="16">
        <v>0</v>
      </c>
    </row>
    <row r="60928" spans="1:7" x14ac:dyDescent="0.3">
      <c r="A60928" s="13" t="s">
        <v>327</v>
      </c>
      <c r="B60928" s="14" t="s">
        <v>1</v>
      </c>
      <c r="C60928" s="14" t="s">
        <v>51</v>
      </c>
      <c r="D60928" s="14" t="s">
        <v>328</v>
      </c>
      <c r="E60928" s="15">
        <v>45714</v>
      </c>
      <c r="F60928" s="14" t="s">
        <v>61</v>
      </c>
      <c r="G60928" s="16">
        <v>0</v>
      </c>
    </row>
    <row r="60929" spans="1:7" x14ac:dyDescent="0.3">
      <c r="A60929" s="13" t="s">
        <v>327</v>
      </c>
      <c r="B60929" s="14" t="s">
        <v>1</v>
      </c>
      <c r="C60929" s="14" t="s">
        <v>51</v>
      </c>
      <c r="D60929" s="14" t="s">
        <v>328</v>
      </c>
      <c r="E60929" s="15">
        <v>45715</v>
      </c>
      <c r="F60929" s="14" t="s">
        <v>61</v>
      </c>
      <c r="G60929" s="16">
        <v>0</v>
      </c>
    </row>
    <row r="60930" spans="1:7" x14ac:dyDescent="0.3">
      <c r="A60930" s="13" t="s">
        <v>327</v>
      </c>
      <c r="B60930" s="14" t="s">
        <v>1</v>
      </c>
      <c r="C60930" s="14" t="s">
        <v>51</v>
      </c>
      <c r="D60930" s="14" t="s">
        <v>328</v>
      </c>
      <c r="E60930" s="15">
        <v>45716</v>
      </c>
      <c r="F60930" s="14" t="s">
        <v>61</v>
      </c>
      <c r="G60930" s="16">
        <v>0</v>
      </c>
    </row>
    <row r="60931" spans="1:7" x14ac:dyDescent="0.3">
      <c r="A60931" s="13" t="s">
        <v>327</v>
      </c>
      <c r="B60931" s="14" t="s">
        <v>1</v>
      </c>
      <c r="C60931" s="14" t="s">
        <v>51</v>
      </c>
      <c r="D60931" s="14" t="s">
        <v>328</v>
      </c>
      <c r="E60931" s="15">
        <v>45717</v>
      </c>
      <c r="F60931" s="14" t="s">
        <v>61</v>
      </c>
      <c r="G60931" s="16">
        <v>0</v>
      </c>
    </row>
    <row r="60932" spans="1:7" x14ac:dyDescent="0.3">
      <c r="A60932" s="13" t="s">
        <v>327</v>
      </c>
      <c r="B60932" s="14" t="s">
        <v>1</v>
      </c>
      <c r="C60932" s="14" t="s">
        <v>51</v>
      </c>
      <c r="D60932" s="14" t="s">
        <v>328</v>
      </c>
      <c r="E60932" s="15">
        <v>45718</v>
      </c>
      <c r="F60932" s="14" t="s">
        <v>61</v>
      </c>
      <c r="G60932" s="16">
        <v>0</v>
      </c>
    </row>
    <row r="60933" spans="1:7" x14ac:dyDescent="0.3">
      <c r="A60933" s="13" t="s">
        <v>327</v>
      </c>
      <c r="B60933" s="14" t="s">
        <v>1</v>
      </c>
      <c r="C60933" s="14" t="s">
        <v>51</v>
      </c>
      <c r="D60933" s="14" t="s">
        <v>328</v>
      </c>
      <c r="E60933" s="15">
        <v>45719</v>
      </c>
      <c r="F60933" s="14" t="s">
        <v>61</v>
      </c>
      <c r="G60933" s="16">
        <v>0</v>
      </c>
    </row>
    <row r="60934" spans="1:7" x14ac:dyDescent="0.3">
      <c r="A60934" s="13" t="s">
        <v>327</v>
      </c>
      <c r="B60934" s="14" t="s">
        <v>1</v>
      </c>
      <c r="C60934" s="14" t="s">
        <v>51</v>
      </c>
      <c r="D60934" s="14" t="s">
        <v>328</v>
      </c>
      <c r="E60934" s="15">
        <v>45720</v>
      </c>
      <c r="F60934" s="14" t="s">
        <v>61</v>
      </c>
      <c r="G60934" s="16">
        <v>0</v>
      </c>
    </row>
    <row r="60935" spans="1:7" x14ac:dyDescent="0.3">
      <c r="A60935" s="13" t="s">
        <v>327</v>
      </c>
      <c r="B60935" s="14" t="s">
        <v>1</v>
      </c>
      <c r="C60935" s="14" t="s">
        <v>51</v>
      </c>
      <c r="D60935" s="14" t="s">
        <v>328</v>
      </c>
      <c r="E60935" s="15">
        <v>45721</v>
      </c>
      <c r="F60935" s="14" t="s">
        <v>61</v>
      </c>
      <c r="G60935" s="16">
        <v>0</v>
      </c>
    </row>
    <row r="60936" spans="1:7" x14ac:dyDescent="0.3">
      <c r="A60936" s="13" t="s">
        <v>327</v>
      </c>
      <c r="B60936" s="14" t="s">
        <v>1</v>
      </c>
      <c r="C60936" s="14" t="s">
        <v>51</v>
      </c>
      <c r="D60936" s="14" t="s">
        <v>328</v>
      </c>
      <c r="E60936" s="15">
        <v>45722</v>
      </c>
      <c r="F60936" s="14" t="s">
        <v>61</v>
      </c>
      <c r="G60936" s="16">
        <v>0</v>
      </c>
    </row>
    <row r="60937" spans="1:7" x14ac:dyDescent="0.3">
      <c r="A60937" s="13" t="s">
        <v>327</v>
      </c>
      <c r="B60937" s="14" t="s">
        <v>1</v>
      </c>
      <c r="C60937" s="14" t="s">
        <v>51</v>
      </c>
      <c r="D60937" s="14" t="s">
        <v>328</v>
      </c>
      <c r="E60937" s="15">
        <v>45723</v>
      </c>
      <c r="F60937" s="14" t="s">
        <v>61</v>
      </c>
      <c r="G60937" s="16">
        <v>0</v>
      </c>
    </row>
    <row r="60938" spans="1:7" x14ac:dyDescent="0.3">
      <c r="A60938" s="13" t="s">
        <v>327</v>
      </c>
      <c r="B60938" s="14" t="s">
        <v>1</v>
      </c>
      <c r="C60938" s="14" t="s">
        <v>51</v>
      </c>
      <c r="D60938" s="14" t="s">
        <v>328</v>
      </c>
      <c r="E60938" s="15">
        <v>45724</v>
      </c>
      <c r="F60938" s="14" t="s">
        <v>61</v>
      </c>
      <c r="G60938" s="16">
        <v>0</v>
      </c>
    </row>
    <row r="60939" spans="1:7" x14ac:dyDescent="0.3">
      <c r="A60939" s="13" t="s">
        <v>327</v>
      </c>
      <c r="B60939" s="14" t="s">
        <v>1</v>
      </c>
      <c r="C60939" s="14" t="s">
        <v>51</v>
      </c>
      <c r="D60939" s="14" t="s">
        <v>328</v>
      </c>
      <c r="E60939" s="15">
        <v>45725</v>
      </c>
      <c r="F60939" s="14" t="s">
        <v>61</v>
      </c>
      <c r="G60939" s="16">
        <v>0</v>
      </c>
    </row>
    <row r="60940" spans="1:7" x14ac:dyDescent="0.3">
      <c r="A60940" s="13" t="s">
        <v>327</v>
      </c>
      <c r="B60940" s="14" t="s">
        <v>1</v>
      </c>
      <c r="C60940" s="14" t="s">
        <v>51</v>
      </c>
      <c r="D60940" s="14" t="s">
        <v>328</v>
      </c>
      <c r="E60940" s="15">
        <v>45726</v>
      </c>
      <c r="F60940" s="14" t="s">
        <v>61</v>
      </c>
      <c r="G60940" s="16">
        <v>0</v>
      </c>
    </row>
    <row r="60941" spans="1:7" x14ac:dyDescent="0.3">
      <c r="A60941" s="13" t="s">
        <v>327</v>
      </c>
      <c r="B60941" s="14" t="s">
        <v>1</v>
      </c>
      <c r="C60941" s="14" t="s">
        <v>51</v>
      </c>
      <c r="D60941" s="14" t="s">
        <v>328</v>
      </c>
      <c r="E60941" s="15">
        <v>45727</v>
      </c>
      <c r="F60941" s="14" t="s">
        <v>61</v>
      </c>
      <c r="G60941" s="16">
        <v>0</v>
      </c>
    </row>
    <row r="60942" spans="1:7" x14ac:dyDescent="0.3">
      <c r="A60942" s="13" t="s">
        <v>327</v>
      </c>
      <c r="B60942" s="14" t="s">
        <v>1</v>
      </c>
      <c r="C60942" s="14" t="s">
        <v>51</v>
      </c>
      <c r="D60942" s="14" t="s">
        <v>328</v>
      </c>
      <c r="E60942" s="15">
        <v>45728</v>
      </c>
      <c r="F60942" s="14" t="s">
        <v>61</v>
      </c>
      <c r="G60942" s="16">
        <v>0</v>
      </c>
    </row>
    <row r="60943" spans="1:7" x14ac:dyDescent="0.3">
      <c r="A60943" s="13" t="s">
        <v>327</v>
      </c>
      <c r="B60943" s="14" t="s">
        <v>1</v>
      </c>
      <c r="C60943" s="14" t="s">
        <v>51</v>
      </c>
      <c r="D60943" s="14" t="s">
        <v>328</v>
      </c>
      <c r="E60943" s="15">
        <v>45729</v>
      </c>
      <c r="F60943" s="14" t="s">
        <v>61</v>
      </c>
      <c r="G60943" s="16">
        <v>0</v>
      </c>
    </row>
    <row r="60944" spans="1:7" x14ac:dyDescent="0.3">
      <c r="A60944" s="13" t="s">
        <v>327</v>
      </c>
      <c r="B60944" s="14" t="s">
        <v>1</v>
      </c>
      <c r="C60944" s="14" t="s">
        <v>51</v>
      </c>
      <c r="D60944" s="14" t="s">
        <v>328</v>
      </c>
      <c r="E60944" s="15">
        <v>45730</v>
      </c>
      <c r="F60944" s="14" t="s">
        <v>61</v>
      </c>
      <c r="G60944" s="16">
        <v>0</v>
      </c>
    </row>
    <row r="60945" spans="1:7" x14ac:dyDescent="0.3">
      <c r="A60945" s="13" t="s">
        <v>327</v>
      </c>
      <c r="B60945" s="14" t="s">
        <v>1</v>
      </c>
      <c r="C60945" s="14" t="s">
        <v>51</v>
      </c>
      <c r="D60945" s="14" t="s">
        <v>328</v>
      </c>
      <c r="E60945" s="15">
        <v>45731</v>
      </c>
      <c r="F60945" s="14" t="s">
        <v>61</v>
      </c>
      <c r="G60945" s="16">
        <v>0</v>
      </c>
    </row>
    <row r="60946" spans="1:7" x14ac:dyDescent="0.3">
      <c r="A60946" s="13" t="s">
        <v>327</v>
      </c>
      <c r="B60946" s="14" t="s">
        <v>1</v>
      </c>
      <c r="C60946" s="14" t="s">
        <v>51</v>
      </c>
      <c r="D60946" s="14" t="s">
        <v>328</v>
      </c>
      <c r="E60946" s="15">
        <v>45732</v>
      </c>
      <c r="F60946" s="14" t="s">
        <v>61</v>
      </c>
      <c r="G60946" s="16">
        <v>0</v>
      </c>
    </row>
    <row r="60947" spans="1:7" x14ac:dyDescent="0.3">
      <c r="A60947" s="13" t="s">
        <v>327</v>
      </c>
      <c r="B60947" s="14" t="s">
        <v>1</v>
      </c>
      <c r="C60947" s="14" t="s">
        <v>51</v>
      </c>
      <c r="D60947" s="14" t="s">
        <v>328</v>
      </c>
      <c r="E60947" s="15">
        <v>45733</v>
      </c>
      <c r="F60947" s="14" t="s">
        <v>61</v>
      </c>
      <c r="G60947" s="16">
        <v>0</v>
      </c>
    </row>
    <row r="60948" spans="1:7" x14ac:dyDescent="0.3">
      <c r="A60948" s="13" t="s">
        <v>327</v>
      </c>
      <c r="B60948" s="14" t="s">
        <v>1</v>
      </c>
      <c r="C60948" s="14" t="s">
        <v>51</v>
      </c>
      <c r="D60948" s="14" t="s">
        <v>328</v>
      </c>
      <c r="E60948" s="15">
        <v>45734</v>
      </c>
      <c r="F60948" s="14" t="s">
        <v>61</v>
      </c>
      <c r="G60948" s="16">
        <v>0</v>
      </c>
    </row>
    <row r="60949" spans="1:7" x14ac:dyDescent="0.3">
      <c r="A60949" s="13" t="s">
        <v>327</v>
      </c>
      <c r="B60949" s="14" t="s">
        <v>1</v>
      </c>
      <c r="C60949" s="14" t="s">
        <v>51</v>
      </c>
      <c r="D60949" s="14" t="s">
        <v>328</v>
      </c>
      <c r="E60949" s="15">
        <v>45735</v>
      </c>
      <c r="F60949" s="14" t="s">
        <v>61</v>
      </c>
      <c r="G60949" s="16">
        <v>0</v>
      </c>
    </row>
    <row r="60950" spans="1:7" x14ac:dyDescent="0.3">
      <c r="A60950" s="13" t="s">
        <v>327</v>
      </c>
      <c r="B60950" s="14" t="s">
        <v>1</v>
      </c>
      <c r="C60950" s="14" t="s">
        <v>51</v>
      </c>
      <c r="D60950" s="14" t="s">
        <v>328</v>
      </c>
      <c r="E60950" s="15">
        <v>45736</v>
      </c>
      <c r="F60950" s="14" t="s">
        <v>61</v>
      </c>
      <c r="G60950" s="16">
        <v>0</v>
      </c>
    </row>
    <row r="60951" spans="1:7" x14ac:dyDescent="0.3">
      <c r="A60951" s="13" t="s">
        <v>327</v>
      </c>
      <c r="B60951" s="14" t="s">
        <v>1</v>
      </c>
      <c r="C60951" s="14" t="s">
        <v>51</v>
      </c>
      <c r="D60951" s="14" t="s">
        <v>328</v>
      </c>
      <c r="E60951" s="15">
        <v>45737</v>
      </c>
      <c r="F60951" s="14" t="s">
        <v>61</v>
      </c>
      <c r="G60951" s="16">
        <v>0</v>
      </c>
    </row>
    <row r="60952" spans="1:7" x14ac:dyDescent="0.3">
      <c r="A60952" s="13" t="s">
        <v>327</v>
      </c>
      <c r="B60952" s="14" t="s">
        <v>1</v>
      </c>
      <c r="C60952" s="14" t="s">
        <v>51</v>
      </c>
      <c r="D60952" s="14" t="s">
        <v>328</v>
      </c>
      <c r="E60952" s="15">
        <v>45738</v>
      </c>
      <c r="F60952" s="14" t="s">
        <v>61</v>
      </c>
      <c r="G60952" s="16">
        <v>0</v>
      </c>
    </row>
    <row r="60953" spans="1:7" x14ac:dyDescent="0.3">
      <c r="A60953" s="13" t="s">
        <v>327</v>
      </c>
      <c r="B60953" s="14" t="s">
        <v>1</v>
      </c>
      <c r="C60953" s="14" t="s">
        <v>51</v>
      </c>
      <c r="D60953" s="14" t="s">
        <v>328</v>
      </c>
      <c r="E60953" s="15">
        <v>45739</v>
      </c>
      <c r="F60953" s="14" t="s">
        <v>61</v>
      </c>
      <c r="G60953" s="16">
        <v>0</v>
      </c>
    </row>
    <row r="60954" spans="1:7" x14ac:dyDescent="0.3">
      <c r="A60954" s="13" t="s">
        <v>327</v>
      </c>
      <c r="B60954" s="14" t="s">
        <v>1</v>
      </c>
      <c r="C60954" s="14" t="s">
        <v>51</v>
      </c>
      <c r="D60954" s="14" t="s">
        <v>328</v>
      </c>
      <c r="E60954" s="15">
        <v>45740</v>
      </c>
      <c r="F60954" s="14" t="s">
        <v>61</v>
      </c>
      <c r="G60954" s="16">
        <v>0</v>
      </c>
    </row>
    <row r="60955" spans="1:7" x14ac:dyDescent="0.3">
      <c r="A60955" s="13" t="s">
        <v>327</v>
      </c>
      <c r="B60955" s="14" t="s">
        <v>1</v>
      </c>
      <c r="C60955" s="14" t="s">
        <v>51</v>
      </c>
      <c r="D60955" s="14" t="s">
        <v>328</v>
      </c>
      <c r="E60955" s="15">
        <v>45741</v>
      </c>
      <c r="F60955" s="14" t="s">
        <v>61</v>
      </c>
      <c r="G60955" s="16">
        <v>0</v>
      </c>
    </row>
    <row r="60956" spans="1:7" x14ac:dyDescent="0.3">
      <c r="A60956" s="13" t="s">
        <v>327</v>
      </c>
      <c r="B60956" s="14" t="s">
        <v>1</v>
      </c>
      <c r="C60956" s="14" t="s">
        <v>51</v>
      </c>
      <c r="D60956" s="14" t="s">
        <v>328</v>
      </c>
      <c r="E60956" s="15">
        <v>45742</v>
      </c>
      <c r="F60956" s="14" t="s">
        <v>61</v>
      </c>
      <c r="G60956" s="16">
        <v>0</v>
      </c>
    </row>
    <row r="60957" spans="1:7" x14ac:dyDescent="0.3">
      <c r="A60957" s="13" t="s">
        <v>327</v>
      </c>
      <c r="B60957" s="14" t="s">
        <v>1</v>
      </c>
      <c r="C60957" s="14" t="s">
        <v>51</v>
      </c>
      <c r="D60957" s="14" t="s">
        <v>328</v>
      </c>
      <c r="E60957" s="15">
        <v>45743</v>
      </c>
      <c r="F60957" s="14" t="s">
        <v>61</v>
      </c>
      <c r="G60957" s="16">
        <v>0</v>
      </c>
    </row>
    <row r="60958" spans="1:7" x14ac:dyDescent="0.3">
      <c r="A60958" s="13" t="s">
        <v>327</v>
      </c>
      <c r="B60958" s="14" t="s">
        <v>1</v>
      </c>
      <c r="C60958" s="14" t="s">
        <v>51</v>
      </c>
      <c r="D60958" s="14" t="s">
        <v>328</v>
      </c>
      <c r="E60958" s="15">
        <v>45744</v>
      </c>
      <c r="F60958" s="14" t="s">
        <v>61</v>
      </c>
      <c r="G60958" s="16">
        <v>0</v>
      </c>
    </row>
    <row r="60959" spans="1:7" x14ac:dyDescent="0.3">
      <c r="A60959" s="13" t="s">
        <v>327</v>
      </c>
      <c r="B60959" s="14" t="s">
        <v>1</v>
      </c>
      <c r="C60959" s="14" t="s">
        <v>51</v>
      </c>
      <c r="D60959" s="14" t="s">
        <v>328</v>
      </c>
      <c r="E60959" s="15">
        <v>45745</v>
      </c>
      <c r="F60959" s="14" t="s">
        <v>61</v>
      </c>
      <c r="G60959" s="16">
        <v>0</v>
      </c>
    </row>
    <row r="60960" spans="1:7" x14ac:dyDescent="0.3">
      <c r="A60960" s="13" t="s">
        <v>327</v>
      </c>
      <c r="B60960" s="14" t="s">
        <v>1</v>
      </c>
      <c r="C60960" s="14" t="s">
        <v>51</v>
      </c>
      <c r="D60960" s="14" t="s">
        <v>328</v>
      </c>
      <c r="E60960" s="15">
        <v>45746</v>
      </c>
      <c r="F60960" s="14" t="s">
        <v>61</v>
      </c>
      <c r="G60960" s="16">
        <v>0</v>
      </c>
    </row>
    <row r="60961" spans="1:7" x14ac:dyDescent="0.3">
      <c r="A60961" s="13" t="s">
        <v>327</v>
      </c>
      <c r="B60961" s="14" t="s">
        <v>1</v>
      </c>
      <c r="C60961" s="14" t="s">
        <v>51</v>
      </c>
      <c r="D60961" s="14" t="s">
        <v>328</v>
      </c>
      <c r="E60961" s="15">
        <v>45747</v>
      </c>
      <c r="F60961" s="14" t="s">
        <v>61</v>
      </c>
      <c r="G60961" s="16">
        <v>0</v>
      </c>
    </row>
    <row r="60962" spans="1:7" x14ac:dyDescent="0.3">
      <c r="A60962" s="13" t="s">
        <v>329</v>
      </c>
      <c r="B60962" s="14" t="s">
        <v>1</v>
      </c>
      <c r="C60962" s="14" t="s">
        <v>23</v>
      </c>
      <c r="D60962" s="14" t="s">
        <v>330</v>
      </c>
      <c r="E60962" s="15">
        <v>45383</v>
      </c>
      <c r="F60962" s="14" t="s">
        <v>15</v>
      </c>
      <c r="G60962" s="16">
        <v>0</v>
      </c>
    </row>
    <row r="60963" spans="1:7" x14ac:dyDescent="0.3">
      <c r="A60963" s="13" t="s">
        <v>329</v>
      </c>
      <c r="B60963" s="14" t="s">
        <v>1</v>
      </c>
      <c r="C60963" s="14" t="s">
        <v>23</v>
      </c>
      <c r="D60963" s="14" t="s">
        <v>330</v>
      </c>
      <c r="E60963" s="15">
        <v>45384</v>
      </c>
      <c r="F60963" s="14" t="s">
        <v>15</v>
      </c>
      <c r="G60963" s="16">
        <v>0</v>
      </c>
    </row>
    <row r="60964" spans="1:7" x14ac:dyDescent="0.3">
      <c r="A60964" s="13" t="s">
        <v>329</v>
      </c>
      <c r="B60964" s="14" t="s">
        <v>1</v>
      </c>
      <c r="C60964" s="14" t="s">
        <v>23</v>
      </c>
      <c r="D60964" s="14" t="s">
        <v>330</v>
      </c>
      <c r="E60964" s="15">
        <v>45385</v>
      </c>
      <c r="F60964" s="14" t="s">
        <v>15</v>
      </c>
      <c r="G60964" s="16">
        <v>7.9547622164824458E-2</v>
      </c>
    </row>
    <row r="60965" spans="1:7" x14ac:dyDescent="0.3">
      <c r="A60965" s="13" t="s">
        <v>329</v>
      </c>
      <c r="B60965" s="14" t="s">
        <v>1</v>
      </c>
      <c r="C60965" s="14" t="s">
        <v>23</v>
      </c>
      <c r="D60965" s="14" t="s">
        <v>330</v>
      </c>
      <c r="E60965" s="15">
        <v>45386</v>
      </c>
      <c r="F60965" s="14" t="s">
        <v>15</v>
      </c>
      <c r="G60965" s="16">
        <v>9.9804015525689405E-2</v>
      </c>
    </row>
    <row r="60966" spans="1:7" x14ac:dyDescent="0.3">
      <c r="A60966" s="13" t="s">
        <v>329</v>
      </c>
      <c r="B60966" s="14" t="s">
        <v>1</v>
      </c>
      <c r="C60966" s="14" t="s">
        <v>23</v>
      </c>
      <c r="D60966" s="14" t="s">
        <v>330</v>
      </c>
      <c r="E60966" s="15">
        <v>45387</v>
      </c>
      <c r="F60966" s="14" t="s">
        <v>15</v>
      </c>
      <c r="G60966" s="16">
        <v>0.1316018598894996</v>
      </c>
    </row>
    <row r="60967" spans="1:7" x14ac:dyDescent="0.3">
      <c r="A60967" s="13" t="s">
        <v>329</v>
      </c>
      <c r="B60967" s="14" t="s">
        <v>1</v>
      </c>
      <c r="C60967" s="14" t="s">
        <v>23</v>
      </c>
      <c r="D60967" s="14" t="s">
        <v>330</v>
      </c>
      <c r="E60967" s="15">
        <v>45388</v>
      </c>
      <c r="F60967" s="14" t="s">
        <v>15</v>
      </c>
      <c r="G60967" s="16">
        <v>0.1316018598894996</v>
      </c>
    </row>
    <row r="60968" spans="1:7" x14ac:dyDescent="0.3">
      <c r="A60968" s="13" t="s">
        <v>329</v>
      </c>
      <c r="B60968" s="14" t="s">
        <v>1</v>
      </c>
      <c r="C60968" s="14" t="s">
        <v>23</v>
      </c>
      <c r="D60968" s="14" t="s">
        <v>330</v>
      </c>
      <c r="E60968" s="15">
        <v>45389</v>
      </c>
      <c r="F60968" s="14" t="s">
        <v>15</v>
      </c>
      <c r="G60968" s="16">
        <v>0.1316018598894996</v>
      </c>
    </row>
    <row r="60969" spans="1:7" x14ac:dyDescent="0.3">
      <c r="A60969" s="13" t="s">
        <v>329</v>
      </c>
      <c r="B60969" s="14" t="s">
        <v>1</v>
      </c>
      <c r="C60969" s="14" t="s">
        <v>23</v>
      </c>
      <c r="D60969" s="14" t="s">
        <v>330</v>
      </c>
      <c r="E60969" s="15">
        <v>45390</v>
      </c>
      <c r="F60969" s="14" t="s">
        <v>15</v>
      </c>
      <c r="G60969" s="16">
        <v>0.1496449770788095</v>
      </c>
    </row>
    <row r="60970" spans="1:7" x14ac:dyDescent="0.3">
      <c r="A60970" s="13" t="s">
        <v>329</v>
      </c>
      <c r="B60970" s="14" t="s">
        <v>1</v>
      </c>
      <c r="C60970" s="14" t="s">
        <v>23</v>
      </c>
      <c r="D60970" s="14" t="s">
        <v>330</v>
      </c>
      <c r="E60970" s="15">
        <v>45391</v>
      </c>
      <c r="F60970" s="14" t="s">
        <v>15</v>
      </c>
      <c r="G60970" s="16">
        <v>0.20366620548960387</v>
      </c>
    </row>
    <row r="60971" spans="1:7" x14ac:dyDescent="0.3">
      <c r="A60971" s="13" t="s">
        <v>329</v>
      </c>
      <c r="B60971" s="14" t="s">
        <v>1</v>
      </c>
      <c r="C60971" s="14" t="s">
        <v>23</v>
      </c>
      <c r="D60971" s="14" t="s">
        <v>330</v>
      </c>
      <c r="E60971" s="15">
        <v>45392</v>
      </c>
      <c r="F60971" s="14" t="s">
        <v>15</v>
      </c>
      <c r="G60971" s="16">
        <v>0.22491604615881131</v>
      </c>
    </row>
    <row r="60972" spans="1:7" x14ac:dyDescent="0.3">
      <c r="A60972" s="13" t="s">
        <v>329</v>
      </c>
      <c r="B60972" s="14" t="s">
        <v>1</v>
      </c>
      <c r="C60972" s="14" t="s">
        <v>23</v>
      </c>
      <c r="D60972" s="14" t="s">
        <v>330</v>
      </c>
      <c r="E60972" s="15">
        <v>45393</v>
      </c>
      <c r="F60972" s="14" t="s">
        <v>15</v>
      </c>
      <c r="G60972" s="16">
        <v>0.24439639866991761</v>
      </c>
    </row>
    <row r="60973" spans="1:7" x14ac:dyDescent="0.3">
      <c r="A60973" s="13" t="s">
        <v>329</v>
      </c>
      <c r="B60973" s="14" t="s">
        <v>1</v>
      </c>
      <c r="C60973" s="14" t="s">
        <v>23</v>
      </c>
      <c r="D60973" s="14" t="s">
        <v>330</v>
      </c>
      <c r="E60973" s="15">
        <v>45394</v>
      </c>
      <c r="F60973" s="14" t="s">
        <v>15</v>
      </c>
      <c r="G60973" s="16">
        <v>0.2624161631815119</v>
      </c>
    </row>
    <row r="60974" spans="1:7" x14ac:dyDescent="0.3">
      <c r="A60974" s="13" t="s">
        <v>329</v>
      </c>
      <c r="B60974" s="14" t="s">
        <v>1</v>
      </c>
      <c r="C60974" s="14" t="s">
        <v>23</v>
      </c>
      <c r="D60974" s="14" t="s">
        <v>330</v>
      </c>
      <c r="E60974" s="15">
        <v>45395</v>
      </c>
      <c r="F60974" s="14" t="s">
        <v>15</v>
      </c>
      <c r="G60974" s="16">
        <v>0.2624161631815119</v>
      </c>
    </row>
    <row r="60975" spans="1:7" x14ac:dyDescent="0.3">
      <c r="A60975" s="13" t="s">
        <v>329</v>
      </c>
      <c r="B60975" s="14" t="s">
        <v>1</v>
      </c>
      <c r="C60975" s="14" t="s">
        <v>23</v>
      </c>
      <c r="D60975" s="14" t="s">
        <v>330</v>
      </c>
      <c r="E60975" s="15">
        <v>45396</v>
      </c>
      <c r="F60975" s="14" t="s">
        <v>15</v>
      </c>
      <c r="G60975" s="16">
        <v>0.2624161631815119</v>
      </c>
    </row>
    <row r="60976" spans="1:7" x14ac:dyDescent="0.3">
      <c r="A60976" s="13" t="s">
        <v>329</v>
      </c>
      <c r="B60976" s="14" t="s">
        <v>1</v>
      </c>
      <c r="C60976" s="14" t="s">
        <v>23</v>
      </c>
      <c r="D60976" s="14" t="s">
        <v>330</v>
      </c>
      <c r="E60976" s="15">
        <v>45397</v>
      </c>
      <c r="F60976" s="14" t="s">
        <v>15</v>
      </c>
      <c r="G60976" s="16">
        <v>0.28187769413147429</v>
      </c>
    </row>
    <row r="60977" spans="1:7" x14ac:dyDescent="0.3">
      <c r="A60977" s="13" t="s">
        <v>329</v>
      </c>
      <c r="B60977" s="14" t="s">
        <v>1</v>
      </c>
      <c r="C60977" s="14" t="s">
        <v>23</v>
      </c>
      <c r="D60977" s="14" t="s">
        <v>330</v>
      </c>
      <c r="E60977" s="15">
        <v>45398</v>
      </c>
      <c r="F60977" s="14" t="s">
        <v>15</v>
      </c>
      <c r="G60977" s="16">
        <v>0.33508284251277626</v>
      </c>
    </row>
    <row r="60978" spans="1:7" x14ac:dyDescent="0.3">
      <c r="A60978" s="13" t="s">
        <v>329</v>
      </c>
      <c r="B60978" s="14" t="s">
        <v>1</v>
      </c>
      <c r="C60978" s="14" t="s">
        <v>23</v>
      </c>
      <c r="D60978" s="14" t="s">
        <v>330</v>
      </c>
      <c r="E60978" s="15">
        <v>45399</v>
      </c>
      <c r="F60978" s="14" t="s">
        <v>15</v>
      </c>
      <c r="G60978" s="16">
        <v>0.35282442367879235</v>
      </c>
    </row>
    <row r="60979" spans="1:7" x14ac:dyDescent="0.3">
      <c r="A60979" s="13" t="s">
        <v>329</v>
      </c>
      <c r="B60979" s="14" t="s">
        <v>1</v>
      </c>
      <c r="C60979" s="14" t="s">
        <v>23</v>
      </c>
      <c r="D60979" s="14" t="s">
        <v>330</v>
      </c>
      <c r="E60979" s="15">
        <v>45400</v>
      </c>
      <c r="F60979" s="14" t="s">
        <v>15</v>
      </c>
      <c r="G60979" s="16">
        <v>0.37058708994322009</v>
      </c>
    </row>
    <row r="60980" spans="1:7" x14ac:dyDescent="0.3">
      <c r="A60980" s="13" t="s">
        <v>329</v>
      </c>
      <c r="B60980" s="14" t="s">
        <v>1</v>
      </c>
      <c r="C60980" s="14" t="s">
        <v>23</v>
      </c>
      <c r="D60980" s="14" t="s">
        <v>330</v>
      </c>
      <c r="E60980" s="15">
        <v>45401</v>
      </c>
      <c r="F60980" s="14" t="s">
        <v>15</v>
      </c>
      <c r="G60980" s="16">
        <v>0.38841501545851698</v>
      </c>
    </row>
    <row r="60981" spans="1:7" x14ac:dyDescent="0.3">
      <c r="A60981" s="13" t="s">
        <v>329</v>
      </c>
      <c r="B60981" s="14" t="s">
        <v>1</v>
      </c>
      <c r="C60981" s="14" t="s">
        <v>23</v>
      </c>
      <c r="D60981" s="14" t="s">
        <v>330</v>
      </c>
      <c r="E60981" s="15">
        <v>45402</v>
      </c>
      <c r="F60981" s="14" t="s">
        <v>15</v>
      </c>
      <c r="G60981" s="16">
        <v>0.38841501545851698</v>
      </c>
    </row>
    <row r="60982" spans="1:7" x14ac:dyDescent="0.3">
      <c r="A60982" s="13" t="s">
        <v>329</v>
      </c>
      <c r="B60982" s="14" t="s">
        <v>1</v>
      </c>
      <c r="C60982" s="14" t="s">
        <v>23</v>
      </c>
      <c r="D60982" s="14" t="s">
        <v>330</v>
      </c>
      <c r="E60982" s="15">
        <v>45403</v>
      </c>
      <c r="F60982" s="14" t="s">
        <v>15</v>
      </c>
      <c r="G60982" s="16">
        <v>0.38841501545851698</v>
      </c>
    </row>
    <row r="60983" spans="1:7" x14ac:dyDescent="0.3">
      <c r="A60983" s="13" t="s">
        <v>329</v>
      </c>
      <c r="B60983" s="14" t="s">
        <v>1</v>
      </c>
      <c r="C60983" s="14" t="s">
        <v>23</v>
      </c>
      <c r="D60983" s="14" t="s">
        <v>330</v>
      </c>
      <c r="E60983" s="15">
        <v>45404</v>
      </c>
      <c r="F60983" s="14" t="s">
        <v>15</v>
      </c>
      <c r="G60983" s="16">
        <v>0.41414410239679655</v>
      </c>
    </row>
    <row r="60984" spans="1:7" x14ac:dyDescent="0.3">
      <c r="A60984" s="13" t="s">
        <v>329</v>
      </c>
      <c r="B60984" s="14" t="s">
        <v>1</v>
      </c>
      <c r="C60984" s="14" t="s">
        <v>23</v>
      </c>
      <c r="D60984" s="14" t="s">
        <v>330</v>
      </c>
      <c r="E60984" s="15">
        <v>45405</v>
      </c>
      <c r="F60984" s="14" t="s">
        <v>15</v>
      </c>
      <c r="G60984" s="16">
        <v>0.46016324013099508</v>
      </c>
    </row>
    <row r="60985" spans="1:7" x14ac:dyDescent="0.3">
      <c r="A60985" s="13" t="s">
        <v>329</v>
      </c>
      <c r="B60985" s="14" t="s">
        <v>1</v>
      </c>
      <c r="C60985" s="14" t="s">
        <v>23</v>
      </c>
      <c r="D60985" s="14" t="s">
        <v>330</v>
      </c>
      <c r="E60985" s="15">
        <v>45406</v>
      </c>
      <c r="F60985" s="14" t="s">
        <v>15</v>
      </c>
      <c r="G60985" s="16">
        <v>0.4748845987708073</v>
      </c>
    </row>
    <row r="60986" spans="1:7" x14ac:dyDescent="0.3">
      <c r="A60986" s="13" t="s">
        <v>329</v>
      </c>
      <c r="B60986" s="14" t="s">
        <v>1</v>
      </c>
      <c r="C60986" s="14" t="s">
        <v>23</v>
      </c>
      <c r="D60986" s="14" t="s">
        <v>330</v>
      </c>
      <c r="E60986" s="15">
        <v>45407</v>
      </c>
      <c r="F60986" s="14" t="s">
        <v>15</v>
      </c>
      <c r="G60986" s="16">
        <v>0.43750598616302644</v>
      </c>
    </row>
    <row r="60987" spans="1:7" x14ac:dyDescent="0.3">
      <c r="A60987" s="13" t="s">
        <v>329</v>
      </c>
      <c r="B60987" s="14" t="s">
        <v>1</v>
      </c>
      <c r="C60987" s="14" t="s">
        <v>23</v>
      </c>
      <c r="D60987" s="14" t="s">
        <v>330</v>
      </c>
      <c r="E60987" s="15">
        <v>45408</v>
      </c>
      <c r="F60987" s="14" t="s">
        <v>15</v>
      </c>
      <c r="G60987" s="16">
        <v>0.45399152278895039</v>
      </c>
    </row>
    <row r="60988" spans="1:7" x14ac:dyDescent="0.3">
      <c r="A60988" s="13" t="s">
        <v>329</v>
      </c>
      <c r="B60988" s="14" t="s">
        <v>1</v>
      </c>
      <c r="C60988" s="14" t="s">
        <v>23</v>
      </c>
      <c r="D60988" s="14" t="s">
        <v>330</v>
      </c>
      <c r="E60988" s="15">
        <v>45409</v>
      </c>
      <c r="F60988" s="14" t="s">
        <v>15</v>
      </c>
      <c r="G60988" s="16">
        <v>0.45399152278895039</v>
      </c>
    </row>
    <row r="60989" spans="1:7" x14ac:dyDescent="0.3">
      <c r="A60989" s="13" t="s">
        <v>329</v>
      </c>
      <c r="B60989" s="14" t="s">
        <v>1</v>
      </c>
      <c r="C60989" s="14" t="s">
        <v>23</v>
      </c>
      <c r="D60989" s="14" t="s">
        <v>330</v>
      </c>
      <c r="E60989" s="15">
        <v>45410</v>
      </c>
      <c r="F60989" s="14" t="s">
        <v>15</v>
      </c>
      <c r="G60989" s="16">
        <v>0.45399152278895039</v>
      </c>
    </row>
    <row r="60990" spans="1:7" x14ac:dyDescent="0.3">
      <c r="A60990" s="13" t="s">
        <v>329</v>
      </c>
      <c r="B60990" s="14" t="s">
        <v>1</v>
      </c>
      <c r="C60990" s="14" t="s">
        <v>23</v>
      </c>
      <c r="D60990" s="14" t="s">
        <v>330</v>
      </c>
      <c r="E60990" s="15">
        <v>45411</v>
      </c>
      <c r="F60990" s="14" t="s">
        <v>15</v>
      </c>
      <c r="G60990" s="16">
        <v>0.47227678583136601</v>
      </c>
    </row>
    <row r="60991" spans="1:7" x14ac:dyDescent="0.3">
      <c r="A60991" s="13" t="s">
        <v>329</v>
      </c>
      <c r="B60991" s="14" t="s">
        <v>1</v>
      </c>
      <c r="C60991" s="14" t="s">
        <v>23</v>
      </c>
      <c r="D60991" s="14" t="s">
        <v>330</v>
      </c>
      <c r="E60991" s="15">
        <v>45412</v>
      </c>
      <c r="F60991" s="14" t="s">
        <v>15</v>
      </c>
      <c r="G60991" s="16">
        <v>0.52728314181375879</v>
      </c>
    </row>
    <row r="60992" spans="1:7" x14ac:dyDescent="0.3">
      <c r="A60992" s="13" t="s">
        <v>329</v>
      </c>
      <c r="B60992" s="14" t="s">
        <v>1</v>
      </c>
      <c r="C60992" s="14" t="s">
        <v>23</v>
      </c>
      <c r="D60992" s="14" t="s">
        <v>330</v>
      </c>
      <c r="E60992" s="15">
        <v>45413</v>
      </c>
      <c r="F60992" s="14" t="s">
        <v>15</v>
      </c>
      <c r="G60992" s="16">
        <v>0.54548772385977284</v>
      </c>
    </row>
    <row r="60993" spans="1:7" x14ac:dyDescent="0.3">
      <c r="A60993" s="13" t="s">
        <v>329</v>
      </c>
      <c r="B60993" s="14" t="s">
        <v>1</v>
      </c>
      <c r="C60993" s="14" t="s">
        <v>23</v>
      </c>
      <c r="D60993" s="14" t="s">
        <v>330</v>
      </c>
      <c r="E60993" s="15">
        <v>45414</v>
      </c>
      <c r="F60993" s="14" t="s">
        <v>15</v>
      </c>
      <c r="G60993" s="16">
        <v>0.56414398008002653</v>
      </c>
    </row>
    <row r="60994" spans="1:7" x14ac:dyDescent="0.3">
      <c r="A60994" s="13" t="s">
        <v>329</v>
      </c>
      <c r="B60994" s="14" t="s">
        <v>1</v>
      </c>
      <c r="C60994" s="14" t="s">
        <v>23</v>
      </c>
      <c r="D60994" s="14" t="s">
        <v>330</v>
      </c>
      <c r="E60994" s="15">
        <v>45415</v>
      </c>
      <c r="F60994" s="14" t="s">
        <v>15</v>
      </c>
      <c r="G60994" s="16">
        <v>0.58247908062777876</v>
      </c>
    </row>
    <row r="60995" spans="1:7" x14ac:dyDescent="0.3">
      <c r="A60995" s="13" t="s">
        <v>329</v>
      </c>
      <c r="B60995" s="14" t="s">
        <v>1</v>
      </c>
      <c r="C60995" s="14" t="s">
        <v>23</v>
      </c>
      <c r="D60995" s="14" t="s">
        <v>330</v>
      </c>
      <c r="E60995" s="15">
        <v>45416</v>
      </c>
      <c r="F60995" s="14" t="s">
        <v>15</v>
      </c>
      <c r="G60995" s="16">
        <v>0.58247908062777876</v>
      </c>
    </row>
    <row r="60996" spans="1:7" x14ac:dyDescent="0.3">
      <c r="A60996" s="13" t="s">
        <v>329</v>
      </c>
      <c r="B60996" s="14" t="s">
        <v>1</v>
      </c>
      <c r="C60996" s="14" t="s">
        <v>23</v>
      </c>
      <c r="D60996" s="14" t="s">
        <v>330</v>
      </c>
      <c r="E60996" s="15">
        <v>45417</v>
      </c>
      <c r="F60996" s="14" t="s">
        <v>15</v>
      </c>
      <c r="G60996" s="16">
        <v>0.58247908062777876</v>
      </c>
    </row>
    <row r="60997" spans="1:7" x14ac:dyDescent="0.3">
      <c r="A60997" s="13" t="s">
        <v>329</v>
      </c>
      <c r="B60997" s="14" t="s">
        <v>1</v>
      </c>
      <c r="C60997" s="14" t="s">
        <v>23</v>
      </c>
      <c r="D60997" s="14" t="s">
        <v>330</v>
      </c>
      <c r="E60997" s="15">
        <v>45418</v>
      </c>
      <c r="F60997" s="14" t="s">
        <v>15</v>
      </c>
      <c r="G60997" s="16">
        <v>0.58247908062777876</v>
      </c>
    </row>
    <row r="60998" spans="1:7" x14ac:dyDescent="0.3">
      <c r="A60998" s="13" t="s">
        <v>329</v>
      </c>
      <c r="B60998" s="14" t="s">
        <v>1</v>
      </c>
      <c r="C60998" s="14" t="s">
        <v>23</v>
      </c>
      <c r="D60998" s="14" t="s">
        <v>330</v>
      </c>
      <c r="E60998" s="15">
        <v>45419</v>
      </c>
      <c r="F60998" s="14" t="s">
        <v>15</v>
      </c>
      <c r="G60998" s="16">
        <v>0.60014825800544735</v>
      </c>
    </row>
    <row r="60999" spans="1:7" x14ac:dyDescent="0.3">
      <c r="A60999" s="13" t="s">
        <v>329</v>
      </c>
      <c r="B60999" s="14" t="s">
        <v>1</v>
      </c>
      <c r="C60999" s="14" t="s">
        <v>23</v>
      </c>
      <c r="D60999" s="14" t="s">
        <v>330</v>
      </c>
      <c r="E60999" s="15">
        <v>45420</v>
      </c>
      <c r="F60999" s="14" t="s">
        <v>15</v>
      </c>
      <c r="G60999" s="16">
        <v>0.68976702282964097</v>
      </c>
    </row>
    <row r="61000" spans="1:7" x14ac:dyDescent="0.3">
      <c r="A61000" s="13" t="s">
        <v>329</v>
      </c>
      <c r="B61000" s="14" t="s">
        <v>1</v>
      </c>
      <c r="C61000" s="14" t="s">
        <v>23</v>
      </c>
      <c r="D61000" s="14" t="s">
        <v>330</v>
      </c>
      <c r="E61000" s="15">
        <v>45421</v>
      </c>
      <c r="F61000" s="14" t="s">
        <v>15</v>
      </c>
      <c r="G61000" s="16">
        <v>0.70811432136820984</v>
      </c>
    </row>
    <row r="61001" spans="1:7" x14ac:dyDescent="0.3">
      <c r="A61001" s="13" t="s">
        <v>329</v>
      </c>
      <c r="B61001" s="14" t="s">
        <v>1</v>
      </c>
      <c r="C61001" s="14" t="s">
        <v>23</v>
      </c>
      <c r="D61001" s="14" t="s">
        <v>330</v>
      </c>
      <c r="E61001" s="15">
        <v>45422</v>
      </c>
      <c r="F61001" s="14" t="s">
        <v>15</v>
      </c>
      <c r="G61001" s="16">
        <v>0.7263016519700688</v>
      </c>
    </row>
    <row r="61002" spans="1:7" x14ac:dyDescent="0.3">
      <c r="A61002" s="13" t="s">
        <v>329</v>
      </c>
      <c r="B61002" s="14" t="s">
        <v>1</v>
      </c>
      <c r="C61002" s="14" t="s">
        <v>23</v>
      </c>
      <c r="D61002" s="14" t="s">
        <v>330</v>
      </c>
      <c r="E61002" s="15">
        <v>45423</v>
      </c>
      <c r="F61002" s="14" t="s">
        <v>15</v>
      </c>
      <c r="G61002" s="16">
        <v>0.7263016519700688</v>
      </c>
    </row>
    <row r="61003" spans="1:7" x14ac:dyDescent="0.3">
      <c r="A61003" s="13" t="s">
        <v>329</v>
      </c>
      <c r="B61003" s="14" t="s">
        <v>1</v>
      </c>
      <c r="C61003" s="14" t="s">
        <v>23</v>
      </c>
      <c r="D61003" s="14" t="s">
        <v>330</v>
      </c>
      <c r="E61003" s="15">
        <v>45424</v>
      </c>
      <c r="F61003" s="14" t="s">
        <v>15</v>
      </c>
      <c r="G61003" s="16">
        <v>0.7263016519700688</v>
      </c>
    </row>
    <row r="61004" spans="1:7" x14ac:dyDescent="0.3">
      <c r="A61004" s="13" t="s">
        <v>329</v>
      </c>
      <c r="B61004" s="14" t="s">
        <v>1</v>
      </c>
      <c r="C61004" s="14" t="s">
        <v>23</v>
      </c>
      <c r="D61004" s="14" t="s">
        <v>330</v>
      </c>
      <c r="E61004" s="15">
        <v>45425</v>
      </c>
      <c r="F61004" s="14" t="s">
        <v>15</v>
      </c>
      <c r="G61004" s="16">
        <v>0.7452056145324063</v>
      </c>
    </row>
    <row r="61005" spans="1:7" x14ac:dyDescent="0.3">
      <c r="A61005" s="13" t="s">
        <v>329</v>
      </c>
      <c r="B61005" s="14" t="s">
        <v>1</v>
      </c>
      <c r="C61005" s="14" t="s">
        <v>23</v>
      </c>
      <c r="D61005" s="14" t="s">
        <v>330</v>
      </c>
      <c r="E61005" s="15">
        <v>45426</v>
      </c>
      <c r="F61005" s="14" t="s">
        <v>15</v>
      </c>
      <c r="G61005" s="16">
        <v>0.8016455829497795</v>
      </c>
    </row>
    <row r="61006" spans="1:7" x14ac:dyDescent="0.3">
      <c r="A61006" s="13" t="s">
        <v>329</v>
      </c>
      <c r="B61006" s="14" t="s">
        <v>1</v>
      </c>
      <c r="C61006" s="14" t="s">
        <v>23</v>
      </c>
      <c r="D61006" s="14" t="s">
        <v>330</v>
      </c>
      <c r="E61006" s="15">
        <v>45427</v>
      </c>
      <c r="F61006" s="14" t="s">
        <v>15</v>
      </c>
      <c r="G61006" s="16">
        <v>0.81981078291115683</v>
      </c>
    </row>
    <row r="61007" spans="1:7" x14ac:dyDescent="0.3">
      <c r="A61007" s="13" t="s">
        <v>329</v>
      </c>
      <c r="B61007" s="14" t="s">
        <v>1</v>
      </c>
      <c r="C61007" s="14" t="s">
        <v>23</v>
      </c>
      <c r="D61007" s="14" t="s">
        <v>330</v>
      </c>
      <c r="E61007" s="15">
        <v>45428</v>
      </c>
      <c r="F61007" s="14" t="s">
        <v>15</v>
      </c>
      <c r="G61007" s="16">
        <v>0.83823937234566814</v>
      </c>
    </row>
    <row r="61008" spans="1:7" x14ac:dyDescent="0.3">
      <c r="A61008" s="13" t="s">
        <v>329</v>
      </c>
      <c r="B61008" s="14" t="s">
        <v>1</v>
      </c>
      <c r="C61008" s="14" t="s">
        <v>23</v>
      </c>
      <c r="D61008" s="14" t="s">
        <v>330</v>
      </c>
      <c r="E61008" s="15">
        <v>45429</v>
      </c>
      <c r="F61008" s="14" t="s">
        <v>15</v>
      </c>
      <c r="G61008" s="16">
        <v>0.85666543505351034</v>
      </c>
    </row>
    <row r="61009" spans="1:7" x14ac:dyDescent="0.3">
      <c r="A61009" s="13" t="s">
        <v>329</v>
      </c>
      <c r="B61009" s="14" t="s">
        <v>1</v>
      </c>
      <c r="C61009" s="14" t="s">
        <v>23</v>
      </c>
      <c r="D61009" s="14" t="s">
        <v>330</v>
      </c>
      <c r="E61009" s="15">
        <v>45430</v>
      </c>
      <c r="F61009" s="14" t="s">
        <v>15</v>
      </c>
      <c r="G61009" s="16">
        <v>0.85666543505351034</v>
      </c>
    </row>
    <row r="61010" spans="1:7" x14ac:dyDescent="0.3">
      <c r="A61010" s="13" t="s">
        <v>329</v>
      </c>
      <c r="B61010" s="14" t="s">
        <v>1</v>
      </c>
      <c r="C61010" s="14" t="s">
        <v>23</v>
      </c>
      <c r="D61010" s="14" t="s">
        <v>330</v>
      </c>
      <c r="E61010" s="15">
        <v>45431</v>
      </c>
      <c r="F61010" s="14" t="s">
        <v>15</v>
      </c>
      <c r="G61010" s="16">
        <v>0.85666543505351034</v>
      </c>
    </row>
    <row r="61011" spans="1:7" x14ac:dyDescent="0.3">
      <c r="A61011" s="13" t="s">
        <v>329</v>
      </c>
      <c r="B61011" s="14" t="s">
        <v>1</v>
      </c>
      <c r="C61011" s="14" t="s">
        <v>23</v>
      </c>
      <c r="D61011" s="14" t="s">
        <v>330</v>
      </c>
      <c r="E61011" s="15">
        <v>45432</v>
      </c>
      <c r="F61011" s="14" t="s">
        <v>15</v>
      </c>
      <c r="G61011" s="16">
        <v>0.87530017053282316</v>
      </c>
    </row>
    <row r="61012" spans="1:7" x14ac:dyDescent="0.3">
      <c r="A61012" s="13" t="s">
        <v>329</v>
      </c>
      <c r="B61012" s="14" t="s">
        <v>1</v>
      </c>
      <c r="C61012" s="14" t="s">
        <v>23</v>
      </c>
      <c r="D61012" s="14" t="s">
        <v>330</v>
      </c>
      <c r="E61012" s="15">
        <v>45433</v>
      </c>
      <c r="F61012" s="14" t="s">
        <v>15</v>
      </c>
      <c r="G61012" s="16">
        <v>0.9307248304717215</v>
      </c>
    </row>
    <row r="61013" spans="1:7" x14ac:dyDescent="0.3">
      <c r="A61013" s="13" t="s">
        <v>329</v>
      </c>
      <c r="B61013" s="14" t="s">
        <v>1</v>
      </c>
      <c r="C61013" s="14" t="s">
        <v>23</v>
      </c>
      <c r="D61013" s="14" t="s">
        <v>330</v>
      </c>
      <c r="E61013" s="15">
        <v>45434</v>
      </c>
      <c r="F61013" s="14" t="s">
        <v>15</v>
      </c>
      <c r="G61013" s="16">
        <v>0.94914653675427196</v>
      </c>
    </row>
    <row r="61014" spans="1:7" x14ac:dyDescent="0.3">
      <c r="A61014" s="13" t="s">
        <v>329</v>
      </c>
      <c r="B61014" s="14" t="s">
        <v>1</v>
      </c>
      <c r="C61014" s="14" t="s">
        <v>23</v>
      </c>
      <c r="D61014" s="14" t="s">
        <v>330</v>
      </c>
      <c r="E61014" s="15">
        <v>45435</v>
      </c>
      <c r="F61014" s="14" t="s">
        <v>15</v>
      </c>
      <c r="G61014" s="16">
        <v>0.97034520277474001</v>
      </c>
    </row>
    <row r="61015" spans="1:7" x14ac:dyDescent="0.3">
      <c r="A61015" s="13" t="s">
        <v>329</v>
      </c>
      <c r="B61015" s="14" t="s">
        <v>1</v>
      </c>
      <c r="C61015" s="14" t="s">
        <v>23</v>
      </c>
      <c r="D61015" s="14" t="s">
        <v>330</v>
      </c>
      <c r="E61015" s="15">
        <v>45436</v>
      </c>
      <c r="F61015" s="14" t="s">
        <v>15</v>
      </c>
      <c r="G61015" s="16">
        <v>0.98845037119559831</v>
      </c>
    </row>
    <row r="61016" spans="1:7" x14ac:dyDescent="0.3">
      <c r="A61016" s="13" t="s">
        <v>329</v>
      </c>
      <c r="B61016" s="14" t="s">
        <v>1</v>
      </c>
      <c r="C61016" s="14" t="s">
        <v>23</v>
      </c>
      <c r="D61016" s="14" t="s">
        <v>330</v>
      </c>
      <c r="E61016" s="15">
        <v>45437</v>
      </c>
      <c r="F61016" s="14" t="s">
        <v>15</v>
      </c>
      <c r="G61016" s="16">
        <v>0.98845037119559831</v>
      </c>
    </row>
    <row r="61017" spans="1:7" x14ac:dyDescent="0.3">
      <c r="A61017" s="13" t="s">
        <v>329</v>
      </c>
      <c r="B61017" s="14" t="s">
        <v>1</v>
      </c>
      <c r="C61017" s="14" t="s">
        <v>23</v>
      </c>
      <c r="D61017" s="14" t="s">
        <v>330</v>
      </c>
      <c r="E61017" s="15">
        <v>45438</v>
      </c>
      <c r="F61017" s="14" t="s">
        <v>15</v>
      </c>
      <c r="G61017" s="16">
        <v>0.98845037119559831</v>
      </c>
    </row>
    <row r="61018" spans="1:7" x14ac:dyDescent="0.3">
      <c r="A61018" s="13" t="s">
        <v>329</v>
      </c>
      <c r="B61018" s="14" t="s">
        <v>1</v>
      </c>
      <c r="C61018" s="14" t="s">
        <v>23</v>
      </c>
      <c r="D61018" s="14" t="s">
        <v>330</v>
      </c>
      <c r="E61018" s="15">
        <v>45439</v>
      </c>
      <c r="F61018" s="14" t="s">
        <v>15</v>
      </c>
      <c r="G61018" s="16">
        <v>0.98845037119559831</v>
      </c>
    </row>
    <row r="61019" spans="1:7" x14ac:dyDescent="0.3">
      <c r="A61019" s="13" t="s">
        <v>329</v>
      </c>
      <c r="B61019" s="14" t="s">
        <v>1</v>
      </c>
      <c r="C61019" s="14" t="s">
        <v>23</v>
      </c>
      <c r="D61019" s="14" t="s">
        <v>330</v>
      </c>
      <c r="E61019" s="15">
        <v>45440</v>
      </c>
      <c r="F61019" s="14" t="s">
        <v>15</v>
      </c>
      <c r="G61019" s="16">
        <v>1.0064827001855801</v>
      </c>
    </row>
    <row r="61020" spans="1:7" x14ac:dyDescent="0.3">
      <c r="A61020" s="13" t="s">
        <v>329</v>
      </c>
      <c r="B61020" s="14" t="s">
        <v>1</v>
      </c>
      <c r="C61020" s="14" t="s">
        <v>23</v>
      </c>
      <c r="D61020" s="14" t="s">
        <v>330</v>
      </c>
      <c r="E61020" s="15">
        <v>45441</v>
      </c>
      <c r="F61020" s="14" t="s">
        <v>15</v>
      </c>
      <c r="G61020" s="16">
        <v>1.0736480134140149</v>
      </c>
    </row>
    <row r="61021" spans="1:7" x14ac:dyDescent="0.3">
      <c r="A61021" s="13" t="s">
        <v>329</v>
      </c>
      <c r="B61021" s="14" t="s">
        <v>1</v>
      </c>
      <c r="C61021" s="14" t="s">
        <v>23</v>
      </c>
      <c r="D61021" s="14" t="s">
        <v>330</v>
      </c>
      <c r="E61021" s="15">
        <v>45442</v>
      </c>
      <c r="F61021" s="14" t="s">
        <v>15</v>
      </c>
      <c r="G61021" s="16">
        <v>1.0937668958616913</v>
      </c>
    </row>
    <row r="61022" spans="1:7" x14ac:dyDescent="0.3">
      <c r="A61022" s="13" t="s">
        <v>329</v>
      </c>
      <c r="B61022" s="14" t="s">
        <v>1</v>
      </c>
      <c r="C61022" s="14" t="s">
        <v>23</v>
      </c>
      <c r="D61022" s="14" t="s">
        <v>330</v>
      </c>
      <c r="E61022" s="15">
        <v>45443</v>
      </c>
      <c r="F61022" s="14" t="s">
        <v>15</v>
      </c>
      <c r="G61022" s="16">
        <v>1.1062754518388564</v>
      </c>
    </row>
    <row r="61023" spans="1:7" x14ac:dyDescent="0.3">
      <c r="A61023" s="13" t="s">
        <v>329</v>
      </c>
      <c r="B61023" s="14" t="s">
        <v>1</v>
      </c>
      <c r="C61023" s="14" t="s">
        <v>23</v>
      </c>
      <c r="D61023" s="14" t="s">
        <v>330</v>
      </c>
      <c r="E61023" s="15">
        <v>45444</v>
      </c>
      <c r="F61023" s="14" t="s">
        <v>15</v>
      </c>
      <c r="G61023" s="16">
        <v>1.1062754518388564</v>
      </c>
    </row>
    <row r="61024" spans="1:7" x14ac:dyDescent="0.3">
      <c r="A61024" s="13" t="s">
        <v>329</v>
      </c>
      <c r="B61024" s="14" t="s">
        <v>1</v>
      </c>
      <c r="C61024" s="14" t="s">
        <v>23</v>
      </c>
      <c r="D61024" s="14" t="s">
        <v>330</v>
      </c>
      <c r="E61024" s="15">
        <v>45445</v>
      </c>
      <c r="F61024" s="14" t="s">
        <v>15</v>
      </c>
      <c r="G61024" s="16">
        <v>1.1062754518388564</v>
      </c>
    </row>
    <row r="61025" spans="1:7" x14ac:dyDescent="0.3">
      <c r="A61025" s="13" t="s">
        <v>329</v>
      </c>
      <c r="B61025" s="14" t="s">
        <v>1</v>
      </c>
      <c r="C61025" s="14" t="s">
        <v>23</v>
      </c>
      <c r="D61025" s="14" t="s">
        <v>330</v>
      </c>
      <c r="E61025" s="15">
        <v>45446</v>
      </c>
      <c r="F61025" s="14" t="s">
        <v>15</v>
      </c>
      <c r="G61025" s="16">
        <v>1.1062754518388564</v>
      </c>
    </row>
    <row r="61026" spans="1:7" x14ac:dyDescent="0.3">
      <c r="A61026" s="13" t="s">
        <v>329</v>
      </c>
      <c r="B61026" s="14" t="s">
        <v>1</v>
      </c>
      <c r="C61026" s="14" t="s">
        <v>23</v>
      </c>
      <c r="D61026" s="14" t="s">
        <v>330</v>
      </c>
      <c r="E61026" s="15">
        <v>45447</v>
      </c>
      <c r="F61026" s="14" t="s">
        <v>15</v>
      </c>
      <c r="G61026" s="16">
        <v>1.1276854044859701</v>
      </c>
    </row>
    <row r="61027" spans="1:7" x14ac:dyDescent="0.3">
      <c r="A61027" s="13" t="s">
        <v>329</v>
      </c>
      <c r="B61027" s="14" t="s">
        <v>1</v>
      </c>
      <c r="C61027" s="14" t="s">
        <v>23</v>
      </c>
      <c r="D61027" s="14" t="s">
        <v>330</v>
      </c>
      <c r="E61027" s="15">
        <v>45448</v>
      </c>
      <c r="F61027" s="14" t="s">
        <v>15</v>
      </c>
      <c r="G61027" s="16">
        <v>1.2052504632991679</v>
      </c>
    </row>
    <row r="61028" spans="1:7" x14ac:dyDescent="0.3">
      <c r="A61028" s="13" t="s">
        <v>329</v>
      </c>
      <c r="B61028" s="14" t="s">
        <v>1</v>
      </c>
      <c r="C61028" s="14" t="s">
        <v>23</v>
      </c>
      <c r="D61028" s="14" t="s">
        <v>330</v>
      </c>
      <c r="E61028" s="15">
        <v>45449</v>
      </c>
      <c r="F61028" s="14" t="s">
        <v>15</v>
      </c>
      <c r="G61028" s="16">
        <v>1.2228292884162877</v>
      </c>
    </row>
    <row r="61029" spans="1:7" x14ac:dyDescent="0.3">
      <c r="A61029" s="13" t="s">
        <v>329</v>
      </c>
      <c r="B61029" s="14" t="s">
        <v>1</v>
      </c>
      <c r="C61029" s="14" t="s">
        <v>23</v>
      </c>
      <c r="D61029" s="14" t="s">
        <v>330</v>
      </c>
      <c r="E61029" s="15">
        <v>45450</v>
      </c>
      <c r="F61029" s="14" t="s">
        <v>15</v>
      </c>
      <c r="G61029" s="16">
        <v>1.2630409627226764</v>
      </c>
    </row>
    <row r="61030" spans="1:7" x14ac:dyDescent="0.3">
      <c r="A61030" s="13" t="s">
        <v>329</v>
      </c>
      <c r="B61030" s="14" t="s">
        <v>1</v>
      </c>
      <c r="C61030" s="14" t="s">
        <v>23</v>
      </c>
      <c r="D61030" s="14" t="s">
        <v>330</v>
      </c>
      <c r="E61030" s="15">
        <v>45451</v>
      </c>
      <c r="F61030" s="14" t="s">
        <v>15</v>
      </c>
      <c r="G61030" s="16">
        <v>1.2630409627226764</v>
      </c>
    </row>
    <row r="61031" spans="1:7" x14ac:dyDescent="0.3">
      <c r="A61031" s="13" t="s">
        <v>329</v>
      </c>
      <c r="B61031" s="14" t="s">
        <v>1</v>
      </c>
      <c r="C61031" s="14" t="s">
        <v>23</v>
      </c>
      <c r="D61031" s="14" t="s">
        <v>330</v>
      </c>
      <c r="E61031" s="15">
        <v>45452</v>
      </c>
      <c r="F61031" s="14" t="s">
        <v>15</v>
      </c>
      <c r="G61031" s="16">
        <v>1.2630409627226764</v>
      </c>
    </row>
    <row r="61032" spans="1:7" x14ac:dyDescent="0.3">
      <c r="A61032" s="13" t="s">
        <v>329</v>
      </c>
      <c r="B61032" s="14" t="s">
        <v>1</v>
      </c>
      <c r="C61032" s="14" t="s">
        <v>23</v>
      </c>
      <c r="D61032" s="14" t="s">
        <v>330</v>
      </c>
      <c r="E61032" s="15">
        <v>45453</v>
      </c>
      <c r="F61032" s="14" t="s">
        <v>15</v>
      </c>
      <c r="G61032" s="16">
        <v>1.280579098827572</v>
      </c>
    </row>
    <row r="61033" spans="1:7" x14ac:dyDescent="0.3">
      <c r="A61033" s="13" t="s">
        <v>329</v>
      </c>
      <c r="B61033" s="14" t="s">
        <v>1</v>
      </c>
      <c r="C61033" s="14" t="s">
        <v>23</v>
      </c>
      <c r="D61033" s="14" t="s">
        <v>330</v>
      </c>
      <c r="E61033" s="15">
        <v>45454</v>
      </c>
      <c r="F61033" s="14" t="s">
        <v>15</v>
      </c>
      <c r="G61033" s="16">
        <v>1.3331863714018459</v>
      </c>
    </row>
    <row r="61034" spans="1:7" x14ac:dyDescent="0.3">
      <c r="A61034" s="13" t="s">
        <v>329</v>
      </c>
      <c r="B61034" s="14" t="s">
        <v>1</v>
      </c>
      <c r="C61034" s="14" t="s">
        <v>23</v>
      </c>
      <c r="D61034" s="14" t="s">
        <v>330</v>
      </c>
      <c r="E61034" s="15">
        <v>45455</v>
      </c>
      <c r="F61034" s="14" t="s">
        <v>15</v>
      </c>
      <c r="G61034" s="16">
        <v>1.3507660678040239</v>
      </c>
    </row>
    <row r="61035" spans="1:7" x14ac:dyDescent="0.3">
      <c r="A61035" s="13" t="s">
        <v>329</v>
      </c>
      <c r="B61035" s="14" t="s">
        <v>1</v>
      </c>
      <c r="C61035" s="14" t="s">
        <v>23</v>
      </c>
      <c r="D61035" s="14" t="s">
        <v>330</v>
      </c>
      <c r="E61035" s="15">
        <v>45456</v>
      </c>
      <c r="F61035" s="14" t="s">
        <v>15</v>
      </c>
      <c r="G61035" s="16">
        <v>1.3676972667372849</v>
      </c>
    </row>
    <row r="61036" spans="1:7" x14ac:dyDescent="0.3">
      <c r="A61036" s="13" t="s">
        <v>329</v>
      </c>
      <c r="B61036" s="14" t="s">
        <v>1</v>
      </c>
      <c r="C61036" s="14" t="s">
        <v>23</v>
      </c>
      <c r="D61036" s="14" t="s">
        <v>330</v>
      </c>
      <c r="E61036" s="15">
        <v>45457</v>
      </c>
      <c r="F61036" s="14" t="s">
        <v>15</v>
      </c>
      <c r="G61036" s="16">
        <v>1.3869451255121463</v>
      </c>
    </row>
    <row r="61037" spans="1:7" x14ac:dyDescent="0.3">
      <c r="A61037" s="13" t="s">
        <v>329</v>
      </c>
      <c r="B61037" s="14" t="s">
        <v>1</v>
      </c>
      <c r="C61037" s="14" t="s">
        <v>23</v>
      </c>
      <c r="D61037" s="14" t="s">
        <v>330</v>
      </c>
      <c r="E61037" s="15">
        <v>45458</v>
      </c>
      <c r="F61037" s="14" t="s">
        <v>15</v>
      </c>
      <c r="G61037" s="16">
        <v>1.3869451255121463</v>
      </c>
    </row>
    <row r="61038" spans="1:7" x14ac:dyDescent="0.3">
      <c r="A61038" s="13" t="s">
        <v>329</v>
      </c>
      <c r="B61038" s="14" t="s">
        <v>1</v>
      </c>
      <c r="C61038" s="14" t="s">
        <v>23</v>
      </c>
      <c r="D61038" s="14" t="s">
        <v>330</v>
      </c>
      <c r="E61038" s="15">
        <v>45459</v>
      </c>
      <c r="F61038" s="14" t="s">
        <v>15</v>
      </c>
      <c r="G61038" s="16">
        <v>1.3869451255121463</v>
      </c>
    </row>
    <row r="61039" spans="1:7" x14ac:dyDescent="0.3">
      <c r="A61039" s="13" t="s">
        <v>329</v>
      </c>
      <c r="B61039" s="14" t="s">
        <v>1</v>
      </c>
      <c r="C61039" s="14" t="s">
        <v>23</v>
      </c>
      <c r="D61039" s="14" t="s">
        <v>330</v>
      </c>
      <c r="E61039" s="15">
        <v>45460</v>
      </c>
      <c r="F61039" s="14" t="s">
        <v>15</v>
      </c>
      <c r="G61039" s="16">
        <v>1.4046278078082191</v>
      </c>
    </row>
    <row r="61040" spans="1:7" x14ac:dyDescent="0.3">
      <c r="A61040" s="13" t="s">
        <v>329</v>
      </c>
      <c r="B61040" s="14" t="s">
        <v>1</v>
      </c>
      <c r="C61040" s="14" t="s">
        <v>23</v>
      </c>
      <c r="D61040" s="14" t="s">
        <v>330</v>
      </c>
      <c r="E61040" s="15">
        <v>45461</v>
      </c>
      <c r="F61040" s="14" t="s">
        <v>15</v>
      </c>
      <c r="G61040" s="16">
        <v>1.4576823110029355</v>
      </c>
    </row>
    <row r="61041" spans="1:7" x14ac:dyDescent="0.3">
      <c r="A61041" s="13" t="s">
        <v>329</v>
      </c>
      <c r="B61041" s="14" t="s">
        <v>1</v>
      </c>
      <c r="C61041" s="14" t="s">
        <v>23</v>
      </c>
      <c r="D61041" s="14" t="s">
        <v>330</v>
      </c>
      <c r="E61041" s="15">
        <v>45462</v>
      </c>
      <c r="F61041" s="14" t="s">
        <v>15</v>
      </c>
      <c r="G61041" s="16">
        <v>1.4576823110029355</v>
      </c>
    </row>
    <row r="61042" spans="1:7" x14ac:dyDescent="0.3">
      <c r="A61042" s="13" t="s">
        <v>329</v>
      </c>
      <c r="B61042" s="14" t="s">
        <v>1</v>
      </c>
      <c r="C61042" s="14" t="s">
        <v>23</v>
      </c>
      <c r="D61042" s="14" t="s">
        <v>330</v>
      </c>
      <c r="E61042" s="15">
        <v>45463</v>
      </c>
      <c r="F61042" s="14" t="s">
        <v>15</v>
      </c>
      <c r="G61042" s="16">
        <v>1.4754034169700807</v>
      </c>
    </row>
    <row r="61043" spans="1:7" x14ac:dyDescent="0.3">
      <c r="A61043" s="13" t="s">
        <v>329</v>
      </c>
      <c r="B61043" s="14" t="s">
        <v>1</v>
      </c>
      <c r="C61043" s="14" t="s">
        <v>23</v>
      </c>
      <c r="D61043" s="14" t="s">
        <v>330</v>
      </c>
      <c r="E61043" s="15">
        <v>45464</v>
      </c>
      <c r="F61043" s="14" t="s">
        <v>15</v>
      </c>
      <c r="G61043" s="16">
        <v>1.5125251659455992</v>
      </c>
    </row>
    <row r="61044" spans="1:7" x14ac:dyDescent="0.3">
      <c r="A61044" s="13" t="s">
        <v>329</v>
      </c>
      <c r="B61044" s="14" t="s">
        <v>1</v>
      </c>
      <c r="C61044" s="14" t="s">
        <v>23</v>
      </c>
      <c r="D61044" s="14" t="s">
        <v>330</v>
      </c>
      <c r="E61044" s="15">
        <v>45465</v>
      </c>
      <c r="F61044" s="14" t="s">
        <v>15</v>
      </c>
      <c r="G61044" s="16">
        <v>1.5125251659455992</v>
      </c>
    </row>
    <row r="61045" spans="1:7" x14ac:dyDescent="0.3">
      <c r="A61045" s="13" t="s">
        <v>329</v>
      </c>
      <c r="B61045" s="14" t="s">
        <v>1</v>
      </c>
      <c r="C61045" s="14" t="s">
        <v>23</v>
      </c>
      <c r="D61045" s="14" t="s">
        <v>330</v>
      </c>
      <c r="E61045" s="15">
        <v>45466</v>
      </c>
      <c r="F61045" s="14" t="s">
        <v>15</v>
      </c>
      <c r="G61045" s="16">
        <v>1.5125251659455992</v>
      </c>
    </row>
    <row r="61046" spans="1:7" x14ac:dyDescent="0.3">
      <c r="A61046" s="13" t="s">
        <v>329</v>
      </c>
      <c r="B61046" s="14" t="s">
        <v>1</v>
      </c>
      <c r="C61046" s="14" t="s">
        <v>23</v>
      </c>
      <c r="D61046" s="14" t="s">
        <v>330</v>
      </c>
      <c r="E61046" s="15">
        <v>45467</v>
      </c>
      <c r="F61046" s="14" t="s">
        <v>15</v>
      </c>
      <c r="G61046" s="16">
        <v>1.5301499077852929</v>
      </c>
    </row>
    <row r="61047" spans="1:7" x14ac:dyDescent="0.3">
      <c r="A61047" s="13" t="s">
        <v>329</v>
      </c>
      <c r="B61047" s="14" t="s">
        <v>1</v>
      </c>
      <c r="C61047" s="14" t="s">
        <v>23</v>
      </c>
      <c r="D61047" s="14" t="s">
        <v>330</v>
      </c>
      <c r="E61047" s="15">
        <v>45468</v>
      </c>
      <c r="F61047" s="14" t="s">
        <v>15</v>
      </c>
      <c r="G61047" s="16">
        <v>1.5859227332335009</v>
      </c>
    </row>
    <row r="61048" spans="1:7" x14ac:dyDescent="0.3">
      <c r="A61048" s="13" t="s">
        <v>329</v>
      </c>
      <c r="B61048" s="14" t="s">
        <v>1</v>
      </c>
      <c r="C61048" s="14" t="s">
        <v>23</v>
      </c>
      <c r="D61048" s="14" t="s">
        <v>330</v>
      </c>
      <c r="E61048" s="15">
        <v>45469</v>
      </c>
      <c r="F61048" s="14" t="s">
        <v>15</v>
      </c>
      <c r="G61048" s="16">
        <v>1.6022599771424968</v>
      </c>
    </row>
    <row r="61049" spans="1:7" x14ac:dyDescent="0.3">
      <c r="A61049" s="13" t="s">
        <v>329</v>
      </c>
      <c r="B61049" s="14" t="s">
        <v>1</v>
      </c>
      <c r="C61049" s="14" t="s">
        <v>23</v>
      </c>
      <c r="D61049" s="14" t="s">
        <v>330</v>
      </c>
      <c r="E61049" s="15">
        <v>45470</v>
      </c>
      <c r="F61049" s="14" t="s">
        <v>15</v>
      </c>
      <c r="G61049" s="16">
        <v>1.6197575984921797</v>
      </c>
    </row>
    <row r="61050" spans="1:7" x14ac:dyDescent="0.3">
      <c r="A61050" s="13" t="s">
        <v>329</v>
      </c>
      <c r="B61050" s="14" t="s">
        <v>1</v>
      </c>
      <c r="C61050" s="14" t="s">
        <v>23</v>
      </c>
      <c r="D61050" s="14" t="s">
        <v>330</v>
      </c>
      <c r="E61050" s="15">
        <v>45471</v>
      </c>
      <c r="F61050" s="14" t="s">
        <v>15</v>
      </c>
      <c r="G61050" s="16">
        <v>1.6373216988918136</v>
      </c>
    </row>
    <row r="61051" spans="1:7" x14ac:dyDescent="0.3">
      <c r="A61051" s="13" t="s">
        <v>329</v>
      </c>
      <c r="B61051" s="14" t="s">
        <v>1</v>
      </c>
      <c r="C61051" s="14" t="s">
        <v>23</v>
      </c>
      <c r="D61051" s="14" t="s">
        <v>330</v>
      </c>
      <c r="E61051" s="15">
        <v>45472</v>
      </c>
      <c r="F61051" s="14" t="s">
        <v>15</v>
      </c>
      <c r="G61051" s="16">
        <v>1.6373216988918136</v>
      </c>
    </row>
    <row r="61052" spans="1:7" x14ac:dyDescent="0.3">
      <c r="A61052" s="13" t="s">
        <v>329</v>
      </c>
      <c r="B61052" s="14" t="s">
        <v>1</v>
      </c>
      <c r="C61052" s="14" t="s">
        <v>23</v>
      </c>
      <c r="D61052" s="14" t="s">
        <v>330</v>
      </c>
      <c r="E61052" s="15">
        <v>45473</v>
      </c>
      <c r="F61052" s="14" t="s">
        <v>15</v>
      </c>
      <c r="G61052" s="16">
        <v>1.6373216988918136</v>
      </c>
    </row>
    <row r="61053" spans="1:7" x14ac:dyDescent="0.3">
      <c r="A61053" s="13" t="s">
        <v>329</v>
      </c>
      <c r="B61053" s="14" t="s">
        <v>1</v>
      </c>
      <c r="C61053" s="14" t="s">
        <v>23</v>
      </c>
      <c r="D61053" s="14" t="s">
        <v>330</v>
      </c>
      <c r="E61053" s="15">
        <v>45474</v>
      </c>
      <c r="F61053" s="14" t="s">
        <v>15</v>
      </c>
      <c r="G61053" s="16">
        <v>1.6550326979522823</v>
      </c>
    </row>
    <row r="61054" spans="1:7" x14ac:dyDescent="0.3">
      <c r="A61054" s="13" t="s">
        <v>329</v>
      </c>
      <c r="B61054" s="14" t="s">
        <v>1</v>
      </c>
      <c r="C61054" s="14" t="s">
        <v>23</v>
      </c>
      <c r="D61054" s="14" t="s">
        <v>330</v>
      </c>
      <c r="E61054" s="15">
        <v>45475</v>
      </c>
      <c r="F61054" s="14" t="s">
        <v>15</v>
      </c>
      <c r="G61054" s="16">
        <v>1.7088628191059261</v>
      </c>
    </row>
    <row r="61055" spans="1:7" x14ac:dyDescent="0.3">
      <c r="A61055" s="13" t="s">
        <v>329</v>
      </c>
      <c r="B61055" s="14" t="s">
        <v>1</v>
      </c>
      <c r="C61055" s="14" t="s">
        <v>23</v>
      </c>
      <c r="D61055" s="14" t="s">
        <v>330</v>
      </c>
      <c r="E61055" s="15">
        <v>45476</v>
      </c>
      <c r="F61055" s="14" t="s">
        <v>15</v>
      </c>
      <c r="G61055" s="16">
        <v>1.7266906574927172</v>
      </c>
    </row>
    <row r="61056" spans="1:7" x14ac:dyDescent="0.3">
      <c r="A61056" s="13" t="s">
        <v>329</v>
      </c>
      <c r="B61056" s="14" t="s">
        <v>1</v>
      </c>
      <c r="C61056" s="14" t="s">
        <v>23</v>
      </c>
      <c r="D61056" s="14" t="s">
        <v>330</v>
      </c>
      <c r="E61056" s="15">
        <v>45477</v>
      </c>
      <c r="F61056" s="14" t="s">
        <v>15</v>
      </c>
      <c r="G61056" s="16">
        <v>1.7266906574927172</v>
      </c>
    </row>
    <row r="61057" spans="1:7" x14ac:dyDescent="0.3">
      <c r="A61057" s="13" t="s">
        <v>329</v>
      </c>
      <c r="B61057" s="14" t="s">
        <v>1</v>
      </c>
      <c r="C61057" s="14" t="s">
        <v>23</v>
      </c>
      <c r="D61057" s="14" t="s">
        <v>330</v>
      </c>
      <c r="E61057" s="15">
        <v>45478</v>
      </c>
      <c r="F61057" s="14" t="s">
        <v>15</v>
      </c>
      <c r="G61057" s="16">
        <v>1.7446680055055395</v>
      </c>
    </row>
    <row r="61058" spans="1:7" x14ac:dyDescent="0.3">
      <c r="A61058" s="13" t="s">
        <v>329</v>
      </c>
      <c r="B61058" s="14" t="s">
        <v>1</v>
      </c>
      <c r="C61058" s="14" t="s">
        <v>23</v>
      </c>
      <c r="D61058" s="14" t="s">
        <v>330</v>
      </c>
      <c r="E61058" s="15">
        <v>45479</v>
      </c>
      <c r="F61058" s="14" t="s">
        <v>15</v>
      </c>
      <c r="G61058" s="16">
        <v>1.7446680055055395</v>
      </c>
    </row>
    <row r="61059" spans="1:7" x14ac:dyDescent="0.3">
      <c r="A61059" s="13" t="s">
        <v>329</v>
      </c>
      <c r="B61059" s="14" t="s">
        <v>1</v>
      </c>
      <c r="C61059" s="14" t="s">
        <v>23</v>
      </c>
      <c r="D61059" s="14" t="s">
        <v>330</v>
      </c>
      <c r="E61059" s="15">
        <v>45480</v>
      </c>
      <c r="F61059" s="14" t="s">
        <v>15</v>
      </c>
      <c r="G61059" s="16">
        <v>1.7446680055055395</v>
      </c>
    </row>
    <row r="61060" spans="1:7" x14ac:dyDescent="0.3">
      <c r="A61060" s="13" t="s">
        <v>329</v>
      </c>
      <c r="B61060" s="14" t="s">
        <v>1</v>
      </c>
      <c r="C61060" s="14" t="s">
        <v>23</v>
      </c>
      <c r="D61060" s="14" t="s">
        <v>330</v>
      </c>
      <c r="E61060" s="15">
        <v>45481</v>
      </c>
      <c r="F61060" s="14" t="s">
        <v>15</v>
      </c>
      <c r="G61060" s="16">
        <v>1.8090235566482329</v>
      </c>
    </row>
    <row r="61061" spans="1:7" x14ac:dyDescent="0.3">
      <c r="A61061" s="13" t="s">
        <v>329</v>
      </c>
      <c r="B61061" s="14" t="s">
        <v>1</v>
      </c>
      <c r="C61061" s="14" t="s">
        <v>23</v>
      </c>
      <c r="D61061" s="14" t="s">
        <v>330</v>
      </c>
      <c r="E61061" s="15">
        <v>45482</v>
      </c>
      <c r="F61061" s="14" t="s">
        <v>15</v>
      </c>
      <c r="G61061" s="16">
        <v>1.863466395028285</v>
      </c>
    </row>
    <row r="61062" spans="1:7" x14ac:dyDescent="0.3">
      <c r="A61062" s="13" t="s">
        <v>329</v>
      </c>
      <c r="B61062" s="14" t="s">
        <v>1</v>
      </c>
      <c r="C61062" s="14" t="s">
        <v>23</v>
      </c>
      <c r="D61062" s="14" t="s">
        <v>330</v>
      </c>
      <c r="E61062" s="15">
        <v>45483</v>
      </c>
      <c r="F61062" s="14" t="s">
        <v>15</v>
      </c>
      <c r="G61062" s="16">
        <v>1.8827045092092867</v>
      </c>
    </row>
    <row r="61063" spans="1:7" x14ac:dyDescent="0.3">
      <c r="A61063" s="13" t="s">
        <v>329</v>
      </c>
      <c r="B61063" s="14" t="s">
        <v>1</v>
      </c>
      <c r="C61063" s="14" t="s">
        <v>23</v>
      </c>
      <c r="D61063" s="14" t="s">
        <v>330</v>
      </c>
      <c r="E61063" s="15">
        <v>45484</v>
      </c>
      <c r="F61063" s="14" t="s">
        <v>15</v>
      </c>
      <c r="G61063" s="16">
        <v>1.9008982939433154</v>
      </c>
    </row>
    <row r="61064" spans="1:7" x14ac:dyDescent="0.3">
      <c r="A61064" s="13" t="s">
        <v>329</v>
      </c>
      <c r="B61064" s="14" t="s">
        <v>1</v>
      </c>
      <c r="C61064" s="14" t="s">
        <v>23</v>
      </c>
      <c r="D61064" s="14" t="s">
        <v>330</v>
      </c>
      <c r="E61064" s="15">
        <v>45485</v>
      </c>
      <c r="F61064" s="14" t="s">
        <v>15</v>
      </c>
      <c r="G61064" s="16">
        <v>1.9197988380941229</v>
      </c>
    </row>
    <row r="61065" spans="1:7" x14ac:dyDescent="0.3">
      <c r="A61065" s="13" t="s">
        <v>329</v>
      </c>
      <c r="B61065" s="14" t="s">
        <v>1</v>
      </c>
      <c r="C61065" s="14" t="s">
        <v>23</v>
      </c>
      <c r="D61065" s="14" t="s">
        <v>330</v>
      </c>
      <c r="E61065" s="15">
        <v>45486</v>
      </c>
      <c r="F61065" s="14" t="s">
        <v>15</v>
      </c>
      <c r="G61065" s="16">
        <v>1.9197988380941229</v>
      </c>
    </row>
    <row r="61066" spans="1:7" x14ac:dyDescent="0.3">
      <c r="A61066" s="13" t="s">
        <v>329</v>
      </c>
      <c r="B61066" s="14" t="s">
        <v>1</v>
      </c>
      <c r="C61066" s="14" t="s">
        <v>23</v>
      </c>
      <c r="D61066" s="14" t="s">
        <v>330</v>
      </c>
      <c r="E61066" s="15">
        <v>45487</v>
      </c>
      <c r="F61066" s="14" t="s">
        <v>15</v>
      </c>
      <c r="G61066" s="16">
        <v>1.9197988380941229</v>
      </c>
    </row>
    <row r="61067" spans="1:7" x14ac:dyDescent="0.3">
      <c r="A61067" s="13" t="s">
        <v>329</v>
      </c>
      <c r="B61067" s="14" t="s">
        <v>1</v>
      </c>
      <c r="C61067" s="14" t="s">
        <v>23</v>
      </c>
      <c r="D61067" s="14" t="s">
        <v>330</v>
      </c>
      <c r="E61067" s="15">
        <v>45488</v>
      </c>
      <c r="F61067" s="14" t="s">
        <v>15</v>
      </c>
      <c r="G61067" s="16">
        <v>1.9374138550032962</v>
      </c>
    </row>
    <row r="61068" spans="1:7" x14ac:dyDescent="0.3">
      <c r="A61068" s="13" t="s">
        <v>329</v>
      </c>
      <c r="B61068" s="14" t="s">
        <v>1</v>
      </c>
      <c r="C61068" s="14" t="s">
        <v>23</v>
      </c>
      <c r="D61068" s="14" t="s">
        <v>330</v>
      </c>
      <c r="E61068" s="15">
        <v>45489</v>
      </c>
      <c r="F61068" s="14" t="s">
        <v>15</v>
      </c>
      <c r="G61068" s="16">
        <v>1.9906061701052673</v>
      </c>
    </row>
    <row r="61069" spans="1:7" x14ac:dyDescent="0.3">
      <c r="A61069" s="13" t="s">
        <v>329</v>
      </c>
      <c r="B61069" s="14" t="s">
        <v>1</v>
      </c>
      <c r="C61069" s="14" t="s">
        <v>23</v>
      </c>
      <c r="D61069" s="14" t="s">
        <v>330</v>
      </c>
      <c r="E61069" s="15">
        <v>45490</v>
      </c>
      <c r="F61069" s="14" t="s">
        <v>15</v>
      </c>
      <c r="G61069" s="16">
        <v>2.0082904823926704</v>
      </c>
    </row>
    <row r="61070" spans="1:7" x14ac:dyDescent="0.3">
      <c r="A61070" s="13" t="s">
        <v>329</v>
      </c>
      <c r="B61070" s="14" t="s">
        <v>1</v>
      </c>
      <c r="C61070" s="14" t="s">
        <v>23</v>
      </c>
      <c r="D61070" s="14" t="s">
        <v>330</v>
      </c>
      <c r="E61070" s="15">
        <v>45491</v>
      </c>
      <c r="F61070" s="14" t="s">
        <v>15</v>
      </c>
      <c r="G61070" s="16">
        <v>2.0259762197778266</v>
      </c>
    </row>
    <row r="61071" spans="1:7" x14ac:dyDescent="0.3">
      <c r="A61071" s="13" t="s">
        <v>329</v>
      </c>
      <c r="B61071" s="14" t="s">
        <v>1</v>
      </c>
      <c r="C61071" s="14" t="s">
        <v>23</v>
      </c>
      <c r="D61071" s="14" t="s">
        <v>330</v>
      </c>
      <c r="E61071" s="15">
        <v>45492</v>
      </c>
      <c r="F61071" s="14" t="s">
        <v>15</v>
      </c>
      <c r="G61071" s="16">
        <v>2.0436361272662129</v>
      </c>
    </row>
    <row r="61072" spans="1:7" x14ac:dyDescent="0.3">
      <c r="A61072" s="13" t="s">
        <v>329</v>
      </c>
      <c r="B61072" s="14" t="s">
        <v>1</v>
      </c>
      <c r="C61072" s="14" t="s">
        <v>23</v>
      </c>
      <c r="D61072" s="14" t="s">
        <v>330</v>
      </c>
      <c r="E61072" s="15">
        <v>45493</v>
      </c>
      <c r="F61072" s="14" t="s">
        <v>15</v>
      </c>
      <c r="G61072" s="16">
        <v>2.0436361272662129</v>
      </c>
    </row>
    <row r="61073" spans="1:7" x14ac:dyDescent="0.3">
      <c r="A61073" s="13" t="s">
        <v>329</v>
      </c>
      <c r="B61073" s="14" t="s">
        <v>1</v>
      </c>
      <c r="C61073" s="14" t="s">
        <v>23</v>
      </c>
      <c r="D61073" s="14" t="s">
        <v>330</v>
      </c>
      <c r="E61073" s="15">
        <v>45494</v>
      </c>
      <c r="F61073" s="14" t="s">
        <v>15</v>
      </c>
      <c r="G61073" s="16">
        <v>2.0436361272662129</v>
      </c>
    </row>
    <row r="61074" spans="1:7" x14ac:dyDescent="0.3">
      <c r="A61074" s="13" t="s">
        <v>329</v>
      </c>
      <c r="B61074" s="14" t="s">
        <v>1</v>
      </c>
      <c r="C61074" s="14" t="s">
        <v>23</v>
      </c>
      <c r="D61074" s="14" t="s">
        <v>330</v>
      </c>
      <c r="E61074" s="15">
        <v>45495</v>
      </c>
      <c r="F61074" s="14" t="s">
        <v>15</v>
      </c>
      <c r="G61074" s="16">
        <v>2.0612175653095854</v>
      </c>
    </row>
    <row r="61075" spans="1:7" x14ac:dyDescent="0.3">
      <c r="A61075" s="13" t="s">
        <v>329</v>
      </c>
      <c r="B61075" s="14" t="s">
        <v>1</v>
      </c>
      <c r="C61075" s="14" t="s">
        <v>23</v>
      </c>
      <c r="D61075" s="14" t="s">
        <v>330</v>
      </c>
      <c r="E61075" s="15">
        <v>45496</v>
      </c>
      <c r="F61075" s="14" t="s">
        <v>15</v>
      </c>
      <c r="G61075" s="16">
        <v>2.1135573156809446</v>
      </c>
    </row>
    <row r="61076" spans="1:7" x14ac:dyDescent="0.3">
      <c r="A61076" s="13" t="s">
        <v>329</v>
      </c>
      <c r="B61076" s="14" t="s">
        <v>1</v>
      </c>
      <c r="C61076" s="14" t="s">
        <v>23</v>
      </c>
      <c r="D61076" s="14" t="s">
        <v>330</v>
      </c>
      <c r="E61076" s="15">
        <v>45497</v>
      </c>
      <c r="F61076" s="14" t="s">
        <v>15</v>
      </c>
      <c r="G61076" s="16">
        <v>2.1331705868453712</v>
      </c>
    </row>
    <row r="61077" spans="1:7" x14ac:dyDescent="0.3">
      <c r="A61077" s="13" t="s">
        <v>329</v>
      </c>
      <c r="B61077" s="14" t="s">
        <v>1</v>
      </c>
      <c r="C61077" s="14" t="s">
        <v>23</v>
      </c>
      <c r="D61077" s="14" t="s">
        <v>330</v>
      </c>
      <c r="E61077" s="15">
        <v>45498</v>
      </c>
      <c r="F61077" s="14" t="s">
        <v>15</v>
      </c>
      <c r="G61077" s="16">
        <v>2.1500204153299007</v>
      </c>
    </row>
    <row r="61078" spans="1:7" x14ac:dyDescent="0.3">
      <c r="A61078" s="13" t="s">
        <v>329</v>
      </c>
      <c r="B61078" s="14" t="s">
        <v>1</v>
      </c>
      <c r="C61078" s="14" t="s">
        <v>23</v>
      </c>
      <c r="D61078" s="14" t="s">
        <v>330</v>
      </c>
      <c r="E61078" s="15">
        <v>45499</v>
      </c>
      <c r="F61078" s="14" t="s">
        <v>15</v>
      </c>
      <c r="G61078" s="16">
        <v>2.166930899537534</v>
      </c>
    </row>
    <row r="61079" spans="1:7" x14ac:dyDescent="0.3">
      <c r="A61079" s="13" t="s">
        <v>329</v>
      </c>
      <c r="B61079" s="14" t="s">
        <v>1</v>
      </c>
      <c r="C61079" s="14" t="s">
        <v>23</v>
      </c>
      <c r="D61079" s="14" t="s">
        <v>330</v>
      </c>
      <c r="E61079" s="15">
        <v>45500</v>
      </c>
      <c r="F61079" s="14" t="s">
        <v>15</v>
      </c>
      <c r="G61079" s="16">
        <v>2.166930899537534</v>
      </c>
    </row>
    <row r="61080" spans="1:7" x14ac:dyDescent="0.3">
      <c r="A61080" s="13" t="s">
        <v>329</v>
      </c>
      <c r="B61080" s="14" t="s">
        <v>1</v>
      </c>
      <c r="C61080" s="14" t="s">
        <v>23</v>
      </c>
      <c r="D61080" s="14" t="s">
        <v>330</v>
      </c>
      <c r="E61080" s="15">
        <v>45501</v>
      </c>
      <c r="F61080" s="14" t="s">
        <v>15</v>
      </c>
      <c r="G61080" s="16">
        <v>2.166930899537534</v>
      </c>
    </row>
    <row r="61081" spans="1:7" x14ac:dyDescent="0.3">
      <c r="A61081" s="13" t="s">
        <v>329</v>
      </c>
      <c r="B61081" s="14" t="s">
        <v>1</v>
      </c>
      <c r="C61081" s="14" t="s">
        <v>23</v>
      </c>
      <c r="D61081" s="14" t="s">
        <v>330</v>
      </c>
      <c r="E61081" s="15">
        <v>45502</v>
      </c>
      <c r="F61081" s="14" t="s">
        <v>15</v>
      </c>
      <c r="G61081" s="16">
        <v>2.1838608007020492</v>
      </c>
    </row>
    <row r="61082" spans="1:7" x14ac:dyDescent="0.3">
      <c r="A61082" s="13" t="s">
        <v>329</v>
      </c>
      <c r="B61082" s="14" t="s">
        <v>1</v>
      </c>
      <c r="C61082" s="14" t="s">
        <v>23</v>
      </c>
      <c r="D61082" s="14" t="s">
        <v>330</v>
      </c>
      <c r="E61082" s="15">
        <v>45503</v>
      </c>
      <c r="F61082" s="14" t="s">
        <v>15</v>
      </c>
      <c r="G61082" s="16">
        <v>2.2346021258064255</v>
      </c>
    </row>
    <row r="61083" spans="1:7" x14ac:dyDescent="0.3">
      <c r="A61083" s="13" t="s">
        <v>329</v>
      </c>
      <c r="B61083" s="14" t="s">
        <v>1</v>
      </c>
      <c r="C61083" s="14" t="s">
        <v>23</v>
      </c>
      <c r="D61083" s="14" t="s">
        <v>330</v>
      </c>
      <c r="E61083" s="15">
        <v>45504</v>
      </c>
      <c r="F61083" s="14" t="s">
        <v>15</v>
      </c>
      <c r="G61083" s="16">
        <v>2.2530683714170676</v>
      </c>
    </row>
    <row r="61084" spans="1:7" x14ac:dyDescent="0.3">
      <c r="A61084" s="13" t="s">
        <v>329</v>
      </c>
      <c r="B61084" s="14" t="s">
        <v>1</v>
      </c>
      <c r="C61084" s="14" t="s">
        <v>23</v>
      </c>
      <c r="D61084" s="14" t="s">
        <v>330</v>
      </c>
      <c r="E61084" s="15">
        <v>45505</v>
      </c>
      <c r="F61084" s="14" t="s">
        <v>15</v>
      </c>
      <c r="G61084" s="16">
        <v>2.2609325132271518</v>
      </c>
    </row>
    <row r="61085" spans="1:7" x14ac:dyDescent="0.3">
      <c r="A61085" s="13" t="s">
        <v>329</v>
      </c>
      <c r="B61085" s="14" t="s">
        <v>1</v>
      </c>
      <c r="C61085" s="14" t="s">
        <v>23</v>
      </c>
      <c r="D61085" s="14" t="s">
        <v>330</v>
      </c>
      <c r="E61085" s="15">
        <v>45506</v>
      </c>
      <c r="F61085" s="14" t="s">
        <v>15</v>
      </c>
      <c r="G61085" s="16">
        <v>2.2688191893954524</v>
      </c>
    </row>
    <row r="61086" spans="1:7" x14ac:dyDescent="0.3">
      <c r="A61086" s="13" t="s">
        <v>329</v>
      </c>
      <c r="B61086" s="14" t="s">
        <v>1</v>
      </c>
      <c r="C61086" s="14" t="s">
        <v>23</v>
      </c>
      <c r="D61086" s="14" t="s">
        <v>330</v>
      </c>
      <c r="E61086" s="15">
        <v>45507</v>
      </c>
      <c r="F61086" s="14" t="s">
        <v>15</v>
      </c>
      <c r="G61086" s="16">
        <v>2.2688191893954524</v>
      </c>
    </row>
    <row r="61087" spans="1:7" x14ac:dyDescent="0.3">
      <c r="A61087" s="13" t="s">
        <v>329</v>
      </c>
      <c r="B61087" s="14" t="s">
        <v>1</v>
      </c>
      <c r="C61087" s="14" t="s">
        <v>23</v>
      </c>
      <c r="D61087" s="14" t="s">
        <v>330</v>
      </c>
      <c r="E61087" s="15">
        <v>45508</v>
      </c>
      <c r="F61087" s="14" t="s">
        <v>15</v>
      </c>
      <c r="G61087" s="16">
        <v>2.2688191893954524</v>
      </c>
    </row>
    <row r="61088" spans="1:7" x14ac:dyDescent="0.3">
      <c r="A61088" s="13" t="s">
        <v>329</v>
      </c>
      <c r="B61088" s="14" t="s">
        <v>1</v>
      </c>
      <c r="C61088" s="14" t="s">
        <v>23</v>
      </c>
      <c r="D61088" s="14" t="s">
        <v>330</v>
      </c>
      <c r="E61088" s="15">
        <v>45509</v>
      </c>
      <c r="F61088" s="14" t="s">
        <v>15</v>
      </c>
      <c r="G61088" s="16">
        <v>2.2688191893954524</v>
      </c>
    </row>
    <row r="61089" spans="1:7" x14ac:dyDescent="0.3">
      <c r="A61089" s="13" t="s">
        <v>329</v>
      </c>
      <c r="B61089" s="14" t="s">
        <v>1</v>
      </c>
      <c r="C61089" s="14" t="s">
        <v>23</v>
      </c>
      <c r="D61089" s="14" t="s">
        <v>330</v>
      </c>
      <c r="E61089" s="15">
        <v>45510</v>
      </c>
      <c r="F61089" s="14" t="s">
        <v>15</v>
      </c>
      <c r="G61089" s="16">
        <v>2.2850008251711387</v>
      </c>
    </row>
    <row r="61090" spans="1:7" x14ac:dyDescent="0.3">
      <c r="A61090" s="13" t="s">
        <v>329</v>
      </c>
      <c r="B61090" s="14" t="s">
        <v>1</v>
      </c>
      <c r="C61090" s="14" t="s">
        <v>23</v>
      </c>
      <c r="D61090" s="14" t="s">
        <v>330</v>
      </c>
      <c r="E61090" s="15">
        <v>45511</v>
      </c>
      <c r="F61090" s="14" t="s">
        <v>15</v>
      </c>
      <c r="G61090" s="16">
        <v>2.3708345589579225</v>
      </c>
    </row>
    <row r="61091" spans="1:7" x14ac:dyDescent="0.3">
      <c r="A61091" s="13" t="s">
        <v>329</v>
      </c>
      <c r="B61091" s="14" t="s">
        <v>1</v>
      </c>
      <c r="C61091" s="14" t="s">
        <v>23</v>
      </c>
      <c r="D61091" s="14" t="s">
        <v>330</v>
      </c>
      <c r="E61091" s="15">
        <v>45512</v>
      </c>
      <c r="F61091" s="14" t="s">
        <v>15</v>
      </c>
      <c r="G61091" s="16">
        <v>2.3817044100658791</v>
      </c>
    </row>
    <row r="61092" spans="1:7" x14ac:dyDescent="0.3">
      <c r="A61092" s="13" t="s">
        <v>329</v>
      </c>
      <c r="B61092" s="14" t="s">
        <v>1</v>
      </c>
      <c r="C61092" s="14" t="s">
        <v>23</v>
      </c>
      <c r="D61092" s="14" t="s">
        <v>330</v>
      </c>
      <c r="E61092" s="15">
        <v>45513</v>
      </c>
      <c r="F61092" s="14" t="s">
        <v>15</v>
      </c>
      <c r="G61092" s="16">
        <v>2.3976723702472547</v>
      </c>
    </row>
    <row r="61093" spans="1:7" x14ac:dyDescent="0.3">
      <c r="A61093" s="13" t="s">
        <v>329</v>
      </c>
      <c r="B61093" s="14" t="s">
        <v>1</v>
      </c>
      <c r="C61093" s="14" t="s">
        <v>23</v>
      </c>
      <c r="D61093" s="14" t="s">
        <v>330</v>
      </c>
      <c r="E61093" s="15">
        <v>45514</v>
      </c>
      <c r="F61093" s="14" t="s">
        <v>15</v>
      </c>
      <c r="G61093" s="16">
        <v>2.3976723702472547</v>
      </c>
    </row>
    <row r="61094" spans="1:7" x14ac:dyDescent="0.3">
      <c r="A61094" s="13" t="s">
        <v>329</v>
      </c>
      <c r="B61094" s="14" t="s">
        <v>1</v>
      </c>
      <c r="C61094" s="14" t="s">
        <v>23</v>
      </c>
      <c r="D61094" s="14" t="s">
        <v>330</v>
      </c>
      <c r="E61094" s="15">
        <v>45515</v>
      </c>
      <c r="F61094" s="14" t="s">
        <v>15</v>
      </c>
      <c r="G61094" s="16">
        <v>2.3976723702472547</v>
      </c>
    </row>
    <row r="61095" spans="1:7" x14ac:dyDescent="0.3">
      <c r="A61095" s="13" t="s">
        <v>329</v>
      </c>
      <c r="B61095" s="14" t="s">
        <v>1</v>
      </c>
      <c r="C61095" s="14" t="s">
        <v>23</v>
      </c>
      <c r="D61095" s="14" t="s">
        <v>330</v>
      </c>
      <c r="E61095" s="15">
        <v>45516</v>
      </c>
      <c r="F61095" s="14" t="s">
        <v>15</v>
      </c>
      <c r="G61095" s="16">
        <v>2.4146213320942138</v>
      </c>
    </row>
    <row r="61096" spans="1:7" x14ac:dyDescent="0.3">
      <c r="A61096" s="13" t="s">
        <v>329</v>
      </c>
      <c r="B61096" s="14" t="s">
        <v>1</v>
      </c>
      <c r="C61096" s="14" t="s">
        <v>23</v>
      </c>
      <c r="D61096" s="14" t="s">
        <v>330</v>
      </c>
      <c r="E61096" s="15">
        <v>45517</v>
      </c>
      <c r="F61096" s="14" t="s">
        <v>15</v>
      </c>
      <c r="G61096" s="16">
        <v>2.4657468991801879</v>
      </c>
    </row>
    <row r="61097" spans="1:7" x14ac:dyDescent="0.3">
      <c r="A61097" s="13" t="s">
        <v>329</v>
      </c>
      <c r="B61097" s="14" t="s">
        <v>1</v>
      </c>
      <c r="C61097" s="14" t="s">
        <v>23</v>
      </c>
      <c r="D61097" s="14" t="s">
        <v>330</v>
      </c>
      <c r="E61097" s="15">
        <v>45518</v>
      </c>
      <c r="F61097" s="14" t="s">
        <v>15</v>
      </c>
      <c r="G61097" s="16">
        <v>2.4825798046289034</v>
      </c>
    </row>
    <row r="61098" spans="1:7" x14ac:dyDescent="0.3">
      <c r="A61098" s="13" t="s">
        <v>329</v>
      </c>
      <c r="B61098" s="14" t="s">
        <v>1</v>
      </c>
      <c r="C61098" s="14" t="s">
        <v>23</v>
      </c>
      <c r="D61098" s="14" t="s">
        <v>330</v>
      </c>
      <c r="E61098" s="15">
        <v>45519</v>
      </c>
      <c r="F61098" s="14" t="s">
        <v>15</v>
      </c>
      <c r="G61098" s="16">
        <v>2.4934214209876324</v>
      </c>
    </row>
    <row r="61099" spans="1:7" x14ac:dyDescent="0.3">
      <c r="A61099" s="13" t="s">
        <v>329</v>
      </c>
      <c r="B61099" s="14" t="s">
        <v>1</v>
      </c>
      <c r="C61099" s="14" t="s">
        <v>23</v>
      </c>
      <c r="D61099" s="14" t="s">
        <v>330</v>
      </c>
      <c r="E61099" s="15">
        <v>45520</v>
      </c>
      <c r="F61099" s="14" t="s">
        <v>15</v>
      </c>
      <c r="G61099" s="16">
        <v>2.5105886009279885</v>
      </c>
    </row>
    <row r="61100" spans="1:7" x14ac:dyDescent="0.3">
      <c r="A61100" s="13" t="s">
        <v>329</v>
      </c>
      <c r="B61100" s="14" t="s">
        <v>1</v>
      </c>
      <c r="C61100" s="14" t="s">
        <v>23</v>
      </c>
      <c r="D61100" s="14" t="s">
        <v>330</v>
      </c>
      <c r="E61100" s="15">
        <v>45521</v>
      </c>
      <c r="F61100" s="14" t="s">
        <v>15</v>
      </c>
      <c r="G61100" s="16">
        <v>2.5105886009279885</v>
      </c>
    </row>
    <row r="61101" spans="1:7" x14ac:dyDescent="0.3">
      <c r="A61101" s="13" t="s">
        <v>329</v>
      </c>
      <c r="B61101" s="14" t="s">
        <v>1</v>
      </c>
      <c r="C61101" s="14" t="s">
        <v>23</v>
      </c>
      <c r="D61101" s="14" t="s">
        <v>330</v>
      </c>
      <c r="E61101" s="15">
        <v>45522</v>
      </c>
      <c r="F61101" s="14" t="s">
        <v>15</v>
      </c>
      <c r="G61101" s="16">
        <v>2.5105886009279885</v>
      </c>
    </row>
    <row r="61102" spans="1:7" x14ac:dyDescent="0.3">
      <c r="A61102" s="13" t="s">
        <v>329</v>
      </c>
      <c r="B61102" s="14" t="s">
        <v>1</v>
      </c>
      <c r="C61102" s="14" t="s">
        <v>23</v>
      </c>
      <c r="D61102" s="14" t="s">
        <v>330</v>
      </c>
      <c r="E61102" s="15">
        <v>45523</v>
      </c>
      <c r="F61102" s="14" t="s">
        <v>15</v>
      </c>
      <c r="G61102" s="16">
        <v>2.5277817889023333</v>
      </c>
    </row>
    <row r="61103" spans="1:7" x14ac:dyDescent="0.3">
      <c r="A61103" s="13" t="s">
        <v>329</v>
      </c>
      <c r="B61103" s="14" t="s">
        <v>1</v>
      </c>
      <c r="C61103" s="14" t="s">
        <v>23</v>
      </c>
      <c r="D61103" s="14" t="s">
        <v>330</v>
      </c>
      <c r="E61103" s="15">
        <v>45524</v>
      </c>
      <c r="F61103" s="14" t="s">
        <v>15</v>
      </c>
      <c r="G61103" s="16">
        <v>2.5800638228147044</v>
      </c>
    </row>
    <row r="61104" spans="1:7" x14ac:dyDescent="0.3">
      <c r="A61104" s="13" t="s">
        <v>329</v>
      </c>
      <c r="B61104" s="14" t="s">
        <v>1</v>
      </c>
      <c r="C61104" s="14" t="s">
        <v>23</v>
      </c>
      <c r="D61104" s="14" t="s">
        <v>330</v>
      </c>
      <c r="E61104" s="15">
        <v>45525</v>
      </c>
      <c r="F61104" s="14" t="s">
        <v>15</v>
      </c>
      <c r="G61104" s="16">
        <v>2.5921718166640146</v>
      </c>
    </row>
    <row r="61105" spans="1:7" x14ac:dyDescent="0.3">
      <c r="A61105" s="13" t="s">
        <v>329</v>
      </c>
      <c r="B61105" s="14" t="s">
        <v>1</v>
      </c>
      <c r="C61105" s="14" t="s">
        <v>23</v>
      </c>
      <c r="D61105" s="14" t="s">
        <v>330</v>
      </c>
      <c r="E61105" s="15">
        <v>45526</v>
      </c>
      <c r="F61105" s="14" t="s">
        <v>15</v>
      </c>
      <c r="G61105" s="16">
        <v>2.6093727536073903</v>
      </c>
    </row>
    <row r="61106" spans="1:7" x14ac:dyDescent="0.3">
      <c r="A61106" s="13" t="s">
        <v>329</v>
      </c>
      <c r="B61106" s="14" t="s">
        <v>1</v>
      </c>
      <c r="C61106" s="14" t="s">
        <v>23</v>
      </c>
      <c r="D61106" s="14" t="s">
        <v>330</v>
      </c>
      <c r="E61106" s="15">
        <v>45527</v>
      </c>
      <c r="F61106" s="14" t="s">
        <v>15</v>
      </c>
      <c r="G61106" s="16">
        <v>2.6265117878671282</v>
      </c>
    </row>
    <row r="61107" spans="1:7" x14ac:dyDescent="0.3">
      <c r="A61107" s="13" t="s">
        <v>329</v>
      </c>
      <c r="B61107" s="14" t="s">
        <v>1</v>
      </c>
      <c r="C61107" s="14" t="s">
        <v>23</v>
      </c>
      <c r="D61107" s="14" t="s">
        <v>330</v>
      </c>
      <c r="E61107" s="15">
        <v>45528</v>
      </c>
      <c r="F61107" s="14" t="s">
        <v>15</v>
      </c>
      <c r="G61107" s="16">
        <v>2.6265117878671282</v>
      </c>
    </row>
    <row r="61108" spans="1:7" x14ac:dyDescent="0.3">
      <c r="A61108" s="13" t="s">
        <v>329</v>
      </c>
      <c r="B61108" s="14" t="s">
        <v>1</v>
      </c>
      <c r="C61108" s="14" t="s">
        <v>23</v>
      </c>
      <c r="D61108" s="14" t="s">
        <v>330</v>
      </c>
      <c r="E61108" s="15">
        <v>45529</v>
      </c>
      <c r="F61108" s="14" t="s">
        <v>15</v>
      </c>
      <c r="G61108" s="16">
        <v>2.6265117878671282</v>
      </c>
    </row>
    <row r="61109" spans="1:7" x14ac:dyDescent="0.3">
      <c r="A61109" s="13" t="s">
        <v>329</v>
      </c>
      <c r="B61109" s="14" t="s">
        <v>1</v>
      </c>
      <c r="C61109" s="14" t="s">
        <v>23</v>
      </c>
      <c r="D61109" s="14" t="s">
        <v>330</v>
      </c>
      <c r="E61109" s="15">
        <v>45530</v>
      </c>
      <c r="F61109" s="14" t="s">
        <v>15</v>
      </c>
      <c r="G61109" s="16">
        <v>2.644108456642734</v>
      </c>
    </row>
    <row r="61110" spans="1:7" x14ac:dyDescent="0.3">
      <c r="A61110" s="13" t="s">
        <v>329</v>
      </c>
      <c r="B61110" s="14" t="s">
        <v>1</v>
      </c>
      <c r="C61110" s="14" t="s">
        <v>23</v>
      </c>
      <c r="D61110" s="14" t="s">
        <v>330</v>
      </c>
      <c r="E61110" s="15">
        <v>45531</v>
      </c>
      <c r="F61110" s="14" t="s">
        <v>15</v>
      </c>
      <c r="G61110" s="16">
        <v>2.695796581066626</v>
      </c>
    </row>
    <row r="61111" spans="1:7" x14ac:dyDescent="0.3">
      <c r="A61111" s="13" t="s">
        <v>329</v>
      </c>
      <c r="B61111" s="14" t="s">
        <v>1</v>
      </c>
      <c r="C61111" s="14" t="s">
        <v>23</v>
      </c>
      <c r="D61111" s="14" t="s">
        <v>330</v>
      </c>
      <c r="E61111" s="15">
        <v>45532</v>
      </c>
      <c r="F61111" s="14" t="s">
        <v>15</v>
      </c>
      <c r="G61111" s="16">
        <v>2.7136817430685642</v>
      </c>
    </row>
    <row r="61112" spans="1:7" x14ac:dyDescent="0.3">
      <c r="A61112" s="13" t="s">
        <v>329</v>
      </c>
      <c r="B61112" s="14" t="s">
        <v>1</v>
      </c>
      <c r="C61112" s="14" t="s">
        <v>23</v>
      </c>
      <c r="D61112" s="14" t="s">
        <v>330</v>
      </c>
      <c r="E61112" s="15">
        <v>45533</v>
      </c>
      <c r="F61112" s="14" t="s">
        <v>15</v>
      </c>
      <c r="G61112" s="16">
        <v>2.7304580899502153</v>
      </c>
    </row>
    <row r="61113" spans="1:7" x14ac:dyDescent="0.3">
      <c r="A61113" s="13" t="s">
        <v>329</v>
      </c>
      <c r="B61113" s="14" t="s">
        <v>1</v>
      </c>
      <c r="C61113" s="14" t="s">
        <v>23</v>
      </c>
      <c r="D61113" s="14" t="s">
        <v>330</v>
      </c>
      <c r="E61113" s="15">
        <v>45534</v>
      </c>
      <c r="F61113" s="14" t="s">
        <v>15</v>
      </c>
      <c r="G61113" s="16">
        <v>2.7476070108256141</v>
      </c>
    </row>
    <row r="61114" spans="1:7" x14ac:dyDescent="0.3">
      <c r="A61114" s="13" t="s">
        <v>329</v>
      </c>
      <c r="B61114" s="14" t="s">
        <v>1</v>
      </c>
      <c r="C61114" s="14" t="s">
        <v>23</v>
      </c>
      <c r="D61114" s="14" t="s">
        <v>330</v>
      </c>
      <c r="E61114" s="15">
        <v>45535</v>
      </c>
      <c r="F61114" s="14" t="s">
        <v>15</v>
      </c>
      <c r="G61114" s="16">
        <v>2.7476070108256141</v>
      </c>
    </row>
    <row r="61115" spans="1:7" x14ac:dyDescent="0.3">
      <c r="A61115" s="13" t="s">
        <v>329</v>
      </c>
      <c r="B61115" s="14" t="s">
        <v>1</v>
      </c>
      <c r="C61115" s="14" t="s">
        <v>23</v>
      </c>
      <c r="D61115" s="14" t="s">
        <v>330</v>
      </c>
      <c r="E61115" s="15">
        <v>45536</v>
      </c>
      <c r="F61115" s="14" t="s">
        <v>15</v>
      </c>
      <c r="G61115" s="16">
        <v>2.7476070108256141</v>
      </c>
    </row>
    <row r="61116" spans="1:7" x14ac:dyDescent="0.3">
      <c r="A61116" s="13" t="s">
        <v>329</v>
      </c>
      <c r="B61116" s="14" t="s">
        <v>1</v>
      </c>
      <c r="C61116" s="14" t="s">
        <v>23</v>
      </c>
      <c r="D61116" s="14" t="s">
        <v>330</v>
      </c>
      <c r="E61116" s="15">
        <v>45537</v>
      </c>
      <c r="F61116" s="14" t="s">
        <v>15</v>
      </c>
      <c r="G61116" s="16">
        <v>2.7476070108256141</v>
      </c>
    </row>
    <row r="61117" spans="1:7" x14ac:dyDescent="0.3">
      <c r="A61117" s="13" t="s">
        <v>329</v>
      </c>
      <c r="B61117" s="14" t="s">
        <v>1</v>
      </c>
      <c r="C61117" s="14" t="s">
        <v>23</v>
      </c>
      <c r="D61117" s="14" t="s">
        <v>330</v>
      </c>
      <c r="E61117" s="15">
        <v>45538</v>
      </c>
      <c r="F61117" s="14" t="s">
        <v>15</v>
      </c>
      <c r="G61117" s="16">
        <v>2.7650047893960954</v>
      </c>
    </row>
    <row r="61118" spans="1:7" x14ac:dyDescent="0.3">
      <c r="A61118" s="13" t="s">
        <v>329</v>
      </c>
      <c r="B61118" s="14" t="s">
        <v>1</v>
      </c>
      <c r="C61118" s="14" t="s">
        <v>23</v>
      </c>
      <c r="D61118" s="14" t="s">
        <v>330</v>
      </c>
      <c r="E61118" s="15">
        <v>45539</v>
      </c>
      <c r="F61118" s="14" t="s">
        <v>15</v>
      </c>
      <c r="G61118" s="16">
        <v>2.82366440295807</v>
      </c>
    </row>
    <row r="61119" spans="1:7" x14ac:dyDescent="0.3">
      <c r="A61119" s="13" t="s">
        <v>329</v>
      </c>
      <c r="B61119" s="14" t="s">
        <v>1</v>
      </c>
      <c r="C61119" s="14" t="s">
        <v>23</v>
      </c>
      <c r="D61119" s="14" t="s">
        <v>330</v>
      </c>
      <c r="E61119" s="15">
        <v>45540</v>
      </c>
      <c r="F61119" s="14" t="s">
        <v>15</v>
      </c>
      <c r="G61119" s="16">
        <v>2.8410764325060791</v>
      </c>
    </row>
    <row r="61120" spans="1:7" x14ac:dyDescent="0.3">
      <c r="A61120" s="13" t="s">
        <v>329</v>
      </c>
      <c r="B61120" s="14" t="s">
        <v>1</v>
      </c>
      <c r="C61120" s="14" t="s">
        <v>23</v>
      </c>
      <c r="D61120" s="14" t="s">
        <v>330</v>
      </c>
      <c r="E61120" s="15">
        <v>45541</v>
      </c>
      <c r="F61120" s="14" t="s">
        <v>15</v>
      </c>
      <c r="G61120" s="16">
        <v>2.8590098696943933</v>
      </c>
    </row>
    <row r="61121" spans="1:7" x14ac:dyDescent="0.3">
      <c r="A61121" s="13" t="s">
        <v>329</v>
      </c>
      <c r="B61121" s="14" t="s">
        <v>1</v>
      </c>
      <c r="C61121" s="14" t="s">
        <v>23</v>
      </c>
      <c r="D61121" s="14" t="s">
        <v>330</v>
      </c>
      <c r="E61121" s="15">
        <v>45542</v>
      </c>
      <c r="F61121" s="14" t="s">
        <v>15</v>
      </c>
      <c r="G61121" s="16">
        <v>2.8590098696943933</v>
      </c>
    </row>
    <row r="61122" spans="1:7" x14ac:dyDescent="0.3">
      <c r="A61122" s="13" t="s">
        <v>329</v>
      </c>
      <c r="B61122" s="14" t="s">
        <v>1</v>
      </c>
      <c r="C61122" s="14" t="s">
        <v>23</v>
      </c>
      <c r="D61122" s="14" t="s">
        <v>330</v>
      </c>
      <c r="E61122" s="15">
        <v>45543</v>
      </c>
      <c r="F61122" s="14" t="s">
        <v>15</v>
      </c>
      <c r="G61122" s="16">
        <v>2.8590098696943933</v>
      </c>
    </row>
    <row r="61123" spans="1:7" x14ac:dyDescent="0.3">
      <c r="A61123" s="13" t="s">
        <v>329</v>
      </c>
      <c r="B61123" s="14" t="s">
        <v>1</v>
      </c>
      <c r="C61123" s="14" t="s">
        <v>23</v>
      </c>
      <c r="D61123" s="14" t="s">
        <v>330</v>
      </c>
      <c r="E61123" s="15">
        <v>45544</v>
      </c>
      <c r="F61123" s="14" t="s">
        <v>15</v>
      </c>
      <c r="G61123" s="16">
        <v>2.9079859593814086</v>
      </c>
    </row>
    <row r="61124" spans="1:7" x14ac:dyDescent="0.3">
      <c r="A61124" s="13" t="s">
        <v>329</v>
      </c>
      <c r="B61124" s="14" t="s">
        <v>1</v>
      </c>
      <c r="C61124" s="14" t="s">
        <v>23</v>
      </c>
      <c r="D61124" s="14" t="s">
        <v>330</v>
      </c>
      <c r="E61124" s="15">
        <v>45545</v>
      </c>
      <c r="F61124" s="14" t="s">
        <v>15</v>
      </c>
      <c r="G61124" s="16">
        <v>2.9559114946613585</v>
      </c>
    </row>
    <row r="61125" spans="1:7" x14ac:dyDescent="0.3">
      <c r="A61125" s="13" t="s">
        <v>329</v>
      </c>
      <c r="B61125" s="14" t="s">
        <v>1</v>
      </c>
      <c r="C61125" s="14" t="s">
        <v>23</v>
      </c>
      <c r="D61125" s="14" t="s">
        <v>330</v>
      </c>
      <c r="E61125" s="15">
        <v>45546</v>
      </c>
      <c r="F61125" s="14" t="s">
        <v>15</v>
      </c>
      <c r="G61125" s="16">
        <v>2.9713923587821096</v>
      </c>
    </row>
    <row r="61126" spans="1:7" x14ac:dyDescent="0.3">
      <c r="A61126" s="13" t="s">
        <v>329</v>
      </c>
      <c r="B61126" s="14" t="s">
        <v>1</v>
      </c>
      <c r="C61126" s="14" t="s">
        <v>23</v>
      </c>
      <c r="D61126" s="14" t="s">
        <v>330</v>
      </c>
      <c r="E61126" s="15">
        <v>45547</v>
      </c>
      <c r="F61126" s="14" t="s">
        <v>15</v>
      </c>
      <c r="G61126" s="16">
        <v>2.9889013951941412</v>
      </c>
    </row>
    <row r="61127" spans="1:7" x14ac:dyDescent="0.3">
      <c r="A61127" s="13" t="s">
        <v>329</v>
      </c>
      <c r="B61127" s="14" t="s">
        <v>1</v>
      </c>
      <c r="C61127" s="14" t="s">
        <v>23</v>
      </c>
      <c r="D61127" s="14" t="s">
        <v>330</v>
      </c>
      <c r="E61127" s="15">
        <v>45548</v>
      </c>
      <c r="F61127" s="14" t="s">
        <v>15</v>
      </c>
      <c r="G61127" s="16">
        <v>3.0063375484615111</v>
      </c>
    </row>
    <row r="61128" spans="1:7" x14ac:dyDescent="0.3">
      <c r="A61128" s="13" t="s">
        <v>329</v>
      </c>
      <c r="B61128" s="14" t="s">
        <v>1</v>
      </c>
      <c r="C61128" s="14" t="s">
        <v>23</v>
      </c>
      <c r="D61128" s="14" t="s">
        <v>330</v>
      </c>
      <c r="E61128" s="15">
        <v>45549</v>
      </c>
      <c r="F61128" s="14" t="s">
        <v>15</v>
      </c>
      <c r="G61128" s="16">
        <v>3.0063375484615111</v>
      </c>
    </row>
    <row r="61129" spans="1:7" x14ac:dyDescent="0.3">
      <c r="A61129" s="13" t="s">
        <v>329</v>
      </c>
      <c r="B61129" s="14" t="s">
        <v>1</v>
      </c>
      <c r="C61129" s="14" t="s">
        <v>23</v>
      </c>
      <c r="D61129" s="14" t="s">
        <v>330</v>
      </c>
      <c r="E61129" s="15">
        <v>45550</v>
      </c>
      <c r="F61129" s="14" t="s">
        <v>15</v>
      </c>
      <c r="G61129" s="16">
        <v>3.0063375484615111</v>
      </c>
    </row>
    <row r="61130" spans="1:7" x14ac:dyDescent="0.3">
      <c r="A61130" s="13" t="s">
        <v>329</v>
      </c>
      <c r="B61130" s="14" t="s">
        <v>1</v>
      </c>
      <c r="C61130" s="14" t="s">
        <v>23</v>
      </c>
      <c r="D61130" s="14" t="s">
        <v>330</v>
      </c>
      <c r="E61130" s="15">
        <v>45551</v>
      </c>
      <c r="F61130" s="14" t="s">
        <v>15</v>
      </c>
      <c r="G61130" s="16">
        <v>3.0239310810614835</v>
      </c>
    </row>
    <row r="61131" spans="1:7" x14ac:dyDescent="0.3">
      <c r="A61131" s="13" t="s">
        <v>329</v>
      </c>
      <c r="B61131" s="14" t="s">
        <v>1</v>
      </c>
      <c r="C61131" s="14" t="s">
        <v>23</v>
      </c>
      <c r="D61131" s="14" t="s">
        <v>330</v>
      </c>
      <c r="E61131" s="15">
        <v>45552</v>
      </c>
      <c r="F61131" s="14" t="s">
        <v>15</v>
      </c>
      <c r="G61131" s="16">
        <v>3.0777707810967594</v>
      </c>
    </row>
    <row r="61132" spans="1:7" x14ac:dyDescent="0.3">
      <c r="A61132" s="13" t="s">
        <v>329</v>
      </c>
      <c r="B61132" s="14" t="s">
        <v>1</v>
      </c>
      <c r="C61132" s="14" t="s">
        <v>23</v>
      </c>
      <c r="D61132" s="14" t="s">
        <v>330</v>
      </c>
      <c r="E61132" s="15">
        <v>45553</v>
      </c>
      <c r="F61132" s="14" t="s">
        <v>15</v>
      </c>
      <c r="G61132" s="16">
        <v>3.0957367413132801</v>
      </c>
    </row>
    <row r="61133" spans="1:7" x14ac:dyDescent="0.3">
      <c r="A61133" s="13" t="s">
        <v>329</v>
      </c>
      <c r="B61133" s="14" t="s">
        <v>1</v>
      </c>
      <c r="C61133" s="14" t="s">
        <v>23</v>
      </c>
      <c r="D61133" s="14" t="s">
        <v>330</v>
      </c>
      <c r="E61133" s="15">
        <v>45554</v>
      </c>
      <c r="F61133" s="14" t="s">
        <v>15</v>
      </c>
      <c r="G61133" s="16">
        <v>3.1129840703556431</v>
      </c>
    </row>
    <row r="61134" spans="1:7" x14ac:dyDescent="0.3">
      <c r="A61134" s="13" t="s">
        <v>329</v>
      </c>
      <c r="B61134" s="14" t="s">
        <v>1</v>
      </c>
      <c r="C61134" s="14" t="s">
        <v>23</v>
      </c>
      <c r="D61134" s="14" t="s">
        <v>330</v>
      </c>
      <c r="E61134" s="15">
        <v>45555</v>
      </c>
      <c r="F61134" s="14" t="s">
        <v>15</v>
      </c>
      <c r="G61134" s="16">
        <v>3.1313526097122555</v>
      </c>
    </row>
    <row r="61135" spans="1:7" x14ac:dyDescent="0.3">
      <c r="A61135" s="13" t="s">
        <v>329</v>
      </c>
      <c r="B61135" s="14" t="s">
        <v>1</v>
      </c>
      <c r="C61135" s="14" t="s">
        <v>23</v>
      </c>
      <c r="D61135" s="14" t="s">
        <v>330</v>
      </c>
      <c r="E61135" s="15">
        <v>45556</v>
      </c>
      <c r="F61135" s="14" t="s">
        <v>15</v>
      </c>
      <c r="G61135" s="16">
        <v>3.1313526097122555</v>
      </c>
    </row>
    <row r="61136" spans="1:7" x14ac:dyDescent="0.3">
      <c r="A61136" s="13" t="s">
        <v>329</v>
      </c>
      <c r="B61136" s="14" t="s">
        <v>1</v>
      </c>
      <c r="C61136" s="14" t="s">
        <v>23</v>
      </c>
      <c r="D61136" s="14" t="s">
        <v>330</v>
      </c>
      <c r="E61136" s="15">
        <v>45557</v>
      </c>
      <c r="F61136" s="14" t="s">
        <v>15</v>
      </c>
      <c r="G61136" s="16">
        <v>3.1313526097122555</v>
      </c>
    </row>
    <row r="61137" spans="1:7" x14ac:dyDescent="0.3">
      <c r="A61137" s="13" t="s">
        <v>329</v>
      </c>
      <c r="B61137" s="14" t="s">
        <v>1</v>
      </c>
      <c r="C61137" s="14" t="s">
        <v>23</v>
      </c>
      <c r="D61137" s="14" t="s">
        <v>330</v>
      </c>
      <c r="E61137" s="15">
        <v>45558</v>
      </c>
      <c r="F61137" s="14" t="s">
        <v>15</v>
      </c>
      <c r="G61137" s="16">
        <v>3.1496846045296785</v>
      </c>
    </row>
    <row r="61138" spans="1:7" x14ac:dyDescent="0.3">
      <c r="A61138" s="13" t="s">
        <v>329</v>
      </c>
      <c r="B61138" s="14" t="s">
        <v>1</v>
      </c>
      <c r="C61138" s="14" t="s">
        <v>23</v>
      </c>
      <c r="D61138" s="14" t="s">
        <v>330</v>
      </c>
      <c r="E61138" s="15">
        <v>45559</v>
      </c>
      <c r="F61138" s="14" t="s">
        <v>15</v>
      </c>
      <c r="G61138" s="16">
        <v>3.2182730074192705</v>
      </c>
    </row>
    <row r="61139" spans="1:7" x14ac:dyDescent="0.3">
      <c r="A61139" s="13" t="s">
        <v>329</v>
      </c>
      <c r="B61139" s="14" t="s">
        <v>1</v>
      </c>
      <c r="C61139" s="14" t="s">
        <v>23</v>
      </c>
      <c r="D61139" s="14" t="s">
        <v>330</v>
      </c>
      <c r="E61139" s="15">
        <v>45560</v>
      </c>
      <c r="F61139" s="14" t="s">
        <v>15</v>
      </c>
      <c r="G61139" s="16">
        <v>3.236819243532874</v>
      </c>
    </row>
    <row r="61140" spans="1:7" x14ac:dyDescent="0.3">
      <c r="A61140" s="13" t="s">
        <v>329</v>
      </c>
      <c r="B61140" s="14" t="s">
        <v>1</v>
      </c>
      <c r="C61140" s="14" t="s">
        <v>23</v>
      </c>
      <c r="D61140" s="14" t="s">
        <v>330</v>
      </c>
      <c r="E61140" s="15">
        <v>45561</v>
      </c>
      <c r="F61140" s="14" t="s">
        <v>15</v>
      </c>
      <c r="G61140" s="16">
        <v>3.2553167535942253</v>
      </c>
    </row>
    <row r="61141" spans="1:7" x14ac:dyDescent="0.3">
      <c r="A61141" s="13" t="s">
        <v>329</v>
      </c>
      <c r="B61141" s="14" t="s">
        <v>1</v>
      </c>
      <c r="C61141" s="14" t="s">
        <v>23</v>
      </c>
      <c r="D61141" s="14" t="s">
        <v>330</v>
      </c>
      <c r="E61141" s="15">
        <v>45562</v>
      </c>
      <c r="F61141" s="14" t="s">
        <v>15</v>
      </c>
      <c r="G61141" s="16">
        <v>3.2768939716400047</v>
      </c>
    </row>
    <row r="61142" spans="1:7" x14ac:dyDescent="0.3">
      <c r="A61142" s="13" t="s">
        <v>329</v>
      </c>
      <c r="B61142" s="14" t="s">
        <v>1</v>
      </c>
      <c r="C61142" s="14" t="s">
        <v>23</v>
      </c>
      <c r="D61142" s="14" t="s">
        <v>330</v>
      </c>
      <c r="E61142" s="15">
        <v>45563</v>
      </c>
      <c r="F61142" s="14" t="s">
        <v>15</v>
      </c>
      <c r="G61142" s="16">
        <v>3.2768939716400047</v>
      </c>
    </row>
    <row r="61143" spans="1:7" x14ac:dyDescent="0.3">
      <c r="A61143" s="13" t="s">
        <v>329</v>
      </c>
      <c r="B61143" s="14" t="s">
        <v>1</v>
      </c>
      <c r="C61143" s="14" t="s">
        <v>23</v>
      </c>
      <c r="D61143" s="14" t="s">
        <v>330</v>
      </c>
      <c r="E61143" s="15">
        <v>45564</v>
      </c>
      <c r="F61143" s="14" t="s">
        <v>15</v>
      </c>
      <c r="G61143" s="16">
        <v>3.2768939716400047</v>
      </c>
    </row>
    <row r="61144" spans="1:7" x14ac:dyDescent="0.3">
      <c r="A61144" s="13" t="s">
        <v>329</v>
      </c>
      <c r="B61144" s="14" t="s">
        <v>1</v>
      </c>
      <c r="C61144" s="14" t="s">
        <v>23</v>
      </c>
      <c r="D61144" s="14" t="s">
        <v>330</v>
      </c>
      <c r="E61144" s="15">
        <v>45565</v>
      </c>
      <c r="F61144" s="14" t="s">
        <v>15</v>
      </c>
      <c r="G61144" s="16">
        <v>3.295329807467386</v>
      </c>
    </row>
    <row r="61145" spans="1:7" x14ac:dyDescent="0.3">
      <c r="A61145" s="13" t="s">
        <v>329</v>
      </c>
      <c r="B61145" s="14" t="s">
        <v>1</v>
      </c>
      <c r="C61145" s="14" t="s">
        <v>23</v>
      </c>
      <c r="D61145" s="14" t="s">
        <v>330</v>
      </c>
      <c r="E61145" s="15">
        <v>45566</v>
      </c>
      <c r="F61145" s="14" t="s">
        <v>15</v>
      </c>
      <c r="G61145" s="16">
        <v>3.3504508914375837</v>
      </c>
    </row>
    <row r="61146" spans="1:7" x14ac:dyDescent="0.3">
      <c r="A61146" s="13" t="s">
        <v>329</v>
      </c>
      <c r="B61146" s="14" t="s">
        <v>1</v>
      </c>
      <c r="C61146" s="14" t="s">
        <v>23</v>
      </c>
      <c r="D61146" s="14" t="s">
        <v>330</v>
      </c>
      <c r="E61146" s="15">
        <v>45567</v>
      </c>
      <c r="F61146" s="14" t="s">
        <v>15</v>
      </c>
      <c r="G61146" s="16">
        <v>3.3686112920854092</v>
      </c>
    </row>
    <row r="61147" spans="1:7" x14ac:dyDescent="0.3">
      <c r="A61147" s="13" t="s">
        <v>329</v>
      </c>
      <c r="B61147" s="14" t="s">
        <v>1</v>
      </c>
      <c r="C61147" s="14" t="s">
        <v>23</v>
      </c>
      <c r="D61147" s="14" t="s">
        <v>330</v>
      </c>
      <c r="E61147" s="15">
        <v>45568</v>
      </c>
      <c r="F61147" s="14" t="s">
        <v>15</v>
      </c>
      <c r="G61147" s="16">
        <v>3.3764343928372291</v>
      </c>
    </row>
    <row r="61148" spans="1:7" x14ac:dyDescent="0.3">
      <c r="A61148" s="13" t="s">
        <v>329</v>
      </c>
      <c r="B61148" s="14" t="s">
        <v>1</v>
      </c>
      <c r="C61148" s="14" t="s">
        <v>23</v>
      </c>
      <c r="D61148" s="14" t="s">
        <v>330</v>
      </c>
      <c r="E61148" s="15">
        <v>45569</v>
      </c>
      <c r="F61148" s="14" t="s">
        <v>15</v>
      </c>
      <c r="G61148" s="16">
        <v>3.395198642982983</v>
      </c>
    </row>
    <row r="61149" spans="1:7" x14ac:dyDescent="0.3">
      <c r="A61149" s="13" t="s">
        <v>329</v>
      </c>
      <c r="B61149" s="14" t="s">
        <v>1</v>
      </c>
      <c r="C61149" s="14" t="s">
        <v>23</v>
      </c>
      <c r="D61149" s="14" t="s">
        <v>330</v>
      </c>
      <c r="E61149" s="15">
        <v>45570</v>
      </c>
      <c r="F61149" s="14" t="s">
        <v>15</v>
      </c>
      <c r="G61149" s="16">
        <v>3.395198642982983</v>
      </c>
    </row>
    <row r="61150" spans="1:7" x14ac:dyDescent="0.3">
      <c r="A61150" s="13" t="s">
        <v>329</v>
      </c>
      <c r="B61150" s="14" t="s">
        <v>1</v>
      </c>
      <c r="C61150" s="14" t="s">
        <v>23</v>
      </c>
      <c r="D61150" s="14" t="s">
        <v>330</v>
      </c>
      <c r="E61150" s="15">
        <v>45571</v>
      </c>
      <c r="F61150" s="14" t="s">
        <v>15</v>
      </c>
      <c r="G61150" s="16">
        <v>3.395198642982983</v>
      </c>
    </row>
    <row r="61151" spans="1:7" x14ac:dyDescent="0.3">
      <c r="A61151" s="13" t="s">
        <v>329</v>
      </c>
      <c r="B61151" s="14" t="s">
        <v>1</v>
      </c>
      <c r="C61151" s="14" t="s">
        <v>23</v>
      </c>
      <c r="D61151" s="14" t="s">
        <v>330</v>
      </c>
      <c r="E61151" s="15">
        <v>45572</v>
      </c>
      <c r="F61151" s="14" t="s">
        <v>15</v>
      </c>
      <c r="G61151" s="16">
        <v>3.440165392404186</v>
      </c>
    </row>
    <row r="61152" spans="1:7" x14ac:dyDescent="0.3">
      <c r="A61152" s="13" t="s">
        <v>329</v>
      </c>
      <c r="B61152" s="14" t="s">
        <v>1</v>
      </c>
      <c r="C61152" s="14" t="s">
        <v>23</v>
      </c>
      <c r="D61152" s="14" t="s">
        <v>330</v>
      </c>
      <c r="E61152" s="15">
        <v>45573</v>
      </c>
      <c r="F61152" s="14" t="s">
        <v>15</v>
      </c>
      <c r="G61152" s="16">
        <v>3.4991856764619862</v>
      </c>
    </row>
    <row r="61153" spans="1:7" x14ac:dyDescent="0.3">
      <c r="A61153" s="13" t="s">
        <v>329</v>
      </c>
      <c r="B61153" s="14" t="s">
        <v>1</v>
      </c>
      <c r="C61153" s="14" t="s">
        <v>23</v>
      </c>
      <c r="D61153" s="14" t="s">
        <v>330</v>
      </c>
      <c r="E61153" s="15">
        <v>45574</v>
      </c>
      <c r="F61153" s="14" t="s">
        <v>15</v>
      </c>
      <c r="G61153" s="16">
        <v>3.518112060987999</v>
      </c>
    </row>
    <row r="61154" spans="1:7" x14ac:dyDescent="0.3">
      <c r="A61154" s="13" t="s">
        <v>329</v>
      </c>
      <c r="B61154" s="14" t="s">
        <v>1</v>
      </c>
      <c r="C61154" s="14" t="s">
        <v>23</v>
      </c>
      <c r="D61154" s="14" t="s">
        <v>330</v>
      </c>
      <c r="E61154" s="15">
        <v>45575</v>
      </c>
      <c r="F61154" s="14" t="s">
        <v>15</v>
      </c>
      <c r="G61154" s="16">
        <v>3.5370270403654014</v>
      </c>
    </row>
    <row r="61155" spans="1:7" x14ac:dyDescent="0.3">
      <c r="A61155" s="13" t="s">
        <v>329</v>
      </c>
      <c r="B61155" s="14" t="s">
        <v>1</v>
      </c>
      <c r="C61155" s="14" t="s">
        <v>23</v>
      </c>
      <c r="D61155" s="14" t="s">
        <v>330</v>
      </c>
      <c r="E61155" s="15">
        <v>45576</v>
      </c>
      <c r="F61155" s="14" t="s">
        <v>15</v>
      </c>
      <c r="G61155" s="16">
        <v>3.5557778885064169</v>
      </c>
    </row>
    <row r="61156" spans="1:7" x14ac:dyDescent="0.3">
      <c r="A61156" s="13" t="s">
        <v>329</v>
      </c>
      <c r="B61156" s="14" t="s">
        <v>1</v>
      </c>
      <c r="C61156" s="14" t="s">
        <v>23</v>
      </c>
      <c r="D61156" s="14" t="s">
        <v>330</v>
      </c>
      <c r="E61156" s="15">
        <v>45577</v>
      </c>
      <c r="F61156" s="14" t="s">
        <v>15</v>
      </c>
      <c r="G61156" s="16">
        <v>3.5557778885064169</v>
      </c>
    </row>
    <row r="61157" spans="1:7" x14ac:dyDescent="0.3">
      <c r="A61157" s="13" t="s">
        <v>329</v>
      </c>
      <c r="B61157" s="14" t="s">
        <v>1</v>
      </c>
      <c r="C61157" s="14" t="s">
        <v>23</v>
      </c>
      <c r="D61157" s="14" t="s">
        <v>330</v>
      </c>
      <c r="E61157" s="15">
        <v>45578</v>
      </c>
      <c r="F61157" s="14" t="s">
        <v>15</v>
      </c>
      <c r="G61157" s="16">
        <v>3.5557778885064169</v>
      </c>
    </row>
    <row r="61158" spans="1:7" x14ac:dyDescent="0.3">
      <c r="A61158" s="13" t="s">
        <v>329</v>
      </c>
      <c r="B61158" s="14" t="s">
        <v>1</v>
      </c>
      <c r="C61158" s="14" t="s">
        <v>23</v>
      </c>
      <c r="D61158" s="14" t="s">
        <v>330</v>
      </c>
      <c r="E61158" s="15">
        <v>45579</v>
      </c>
      <c r="F61158" s="14" t="s">
        <v>15</v>
      </c>
      <c r="G61158" s="16">
        <v>3.5557778885064169</v>
      </c>
    </row>
    <row r="61159" spans="1:7" x14ac:dyDescent="0.3">
      <c r="A61159" s="13" t="s">
        <v>329</v>
      </c>
      <c r="B61159" s="14" t="s">
        <v>1</v>
      </c>
      <c r="C61159" s="14" t="s">
        <v>23</v>
      </c>
      <c r="D61159" s="14" t="s">
        <v>330</v>
      </c>
      <c r="E61159" s="15">
        <v>45580</v>
      </c>
      <c r="F61159" s="14" t="s">
        <v>15</v>
      </c>
      <c r="G61159" s="16">
        <v>3.5746183485293677</v>
      </c>
    </row>
    <row r="61160" spans="1:7" x14ac:dyDescent="0.3">
      <c r="A61160" s="13" t="s">
        <v>329</v>
      </c>
      <c r="B61160" s="14" t="s">
        <v>1</v>
      </c>
      <c r="C61160" s="14" t="s">
        <v>23</v>
      </c>
      <c r="D61160" s="14" t="s">
        <v>330</v>
      </c>
      <c r="E61160" s="15">
        <v>45581</v>
      </c>
      <c r="F61160" s="14" t="s">
        <v>15</v>
      </c>
      <c r="G61160" s="16">
        <v>3.6498724467089723</v>
      </c>
    </row>
    <row r="61161" spans="1:7" x14ac:dyDescent="0.3">
      <c r="A61161" s="13" t="s">
        <v>329</v>
      </c>
      <c r="B61161" s="14" t="s">
        <v>1</v>
      </c>
      <c r="C61161" s="14" t="s">
        <v>23</v>
      </c>
      <c r="D61161" s="14" t="s">
        <v>330</v>
      </c>
      <c r="E61161" s="15">
        <v>45582</v>
      </c>
      <c r="F61161" s="14" t="s">
        <v>15</v>
      </c>
      <c r="G61161" s="16">
        <v>3.6684243478967917</v>
      </c>
    </row>
    <row r="61162" spans="1:7" x14ac:dyDescent="0.3">
      <c r="A61162" s="13" t="s">
        <v>329</v>
      </c>
      <c r="B61162" s="14" t="s">
        <v>1</v>
      </c>
      <c r="C61162" s="14" t="s">
        <v>23</v>
      </c>
      <c r="D61162" s="14" t="s">
        <v>330</v>
      </c>
      <c r="E61162" s="15">
        <v>45583</v>
      </c>
      <c r="F61162" s="14" t="s">
        <v>15</v>
      </c>
      <c r="G61162" s="16">
        <v>3.6870505111800718</v>
      </c>
    </row>
    <row r="61163" spans="1:7" x14ac:dyDescent="0.3">
      <c r="A61163" s="13" t="s">
        <v>329</v>
      </c>
      <c r="B61163" s="14" t="s">
        <v>1</v>
      </c>
      <c r="C61163" s="14" t="s">
        <v>23</v>
      </c>
      <c r="D61163" s="14" t="s">
        <v>330</v>
      </c>
      <c r="E61163" s="15">
        <v>45584</v>
      </c>
      <c r="F61163" s="14" t="s">
        <v>15</v>
      </c>
      <c r="G61163" s="16">
        <v>3.6870505111800718</v>
      </c>
    </row>
    <row r="61164" spans="1:7" x14ac:dyDescent="0.3">
      <c r="A61164" s="13" t="s">
        <v>329</v>
      </c>
      <c r="B61164" s="14" t="s">
        <v>1</v>
      </c>
      <c r="C61164" s="14" t="s">
        <v>23</v>
      </c>
      <c r="D61164" s="14" t="s">
        <v>330</v>
      </c>
      <c r="E61164" s="15">
        <v>45585</v>
      </c>
      <c r="F61164" s="14" t="s">
        <v>15</v>
      </c>
      <c r="G61164" s="16">
        <v>3.6870505111800718</v>
      </c>
    </row>
    <row r="61165" spans="1:7" x14ac:dyDescent="0.3">
      <c r="A61165" s="13" t="s">
        <v>329</v>
      </c>
      <c r="B61165" s="14" t="s">
        <v>1</v>
      </c>
      <c r="C61165" s="14" t="s">
        <v>23</v>
      </c>
      <c r="D61165" s="14" t="s">
        <v>330</v>
      </c>
      <c r="E61165" s="15">
        <v>45586</v>
      </c>
      <c r="F61165" s="14" t="s">
        <v>15</v>
      </c>
      <c r="G61165" s="16">
        <v>3.7045721758611254</v>
      </c>
    </row>
    <row r="61166" spans="1:7" x14ac:dyDescent="0.3">
      <c r="A61166" s="13" t="s">
        <v>329</v>
      </c>
      <c r="B61166" s="14" t="s">
        <v>1</v>
      </c>
      <c r="C61166" s="14" t="s">
        <v>23</v>
      </c>
      <c r="D61166" s="14" t="s">
        <v>330</v>
      </c>
      <c r="E61166" s="15">
        <v>45587</v>
      </c>
      <c r="F61166" s="14" t="s">
        <v>15</v>
      </c>
      <c r="G61166" s="16">
        <v>3.7603846118046351</v>
      </c>
    </row>
    <row r="61167" spans="1:7" x14ac:dyDescent="0.3">
      <c r="A61167" s="13" t="s">
        <v>329</v>
      </c>
      <c r="B61167" s="14" t="s">
        <v>1</v>
      </c>
      <c r="C61167" s="14" t="s">
        <v>23</v>
      </c>
      <c r="D61167" s="14" t="s">
        <v>330</v>
      </c>
      <c r="E61167" s="15">
        <v>45588</v>
      </c>
      <c r="F61167" s="14" t="s">
        <v>15</v>
      </c>
      <c r="G61167" s="16">
        <v>3.7790578534833048</v>
      </c>
    </row>
    <row r="61168" spans="1:7" x14ac:dyDescent="0.3">
      <c r="A61168" s="13" t="s">
        <v>329</v>
      </c>
      <c r="B61168" s="14" t="s">
        <v>1</v>
      </c>
      <c r="C61168" s="14" t="s">
        <v>23</v>
      </c>
      <c r="D61168" s="14" t="s">
        <v>330</v>
      </c>
      <c r="E61168" s="15">
        <v>45589</v>
      </c>
      <c r="F61168" s="14" t="s">
        <v>15</v>
      </c>
      <c r="G61168" s="16">
        <v>3.7973580696247322</v>
      </c>
    </row>
    <row r="61169" spans="1:7" x14ac:dyDescent="0.3">
      <c r="A61169" s="13" t="s">
        <v>329</v>
      </c>
      <c r="B61169" s="14" t="s">
        <v>1</v>
      </c>
      <c r="C61169" s="14" t="s">
        <v>23</v>
      </c>
      <c r="D61169" s="14" t="s">
        <v>330</v>
      </c>
      <c r="E61169" s="15">
        <v>45590</v>
      </c>
      <c r="F61169" s="14" t="s">
        <v>15</v>
      </c>
      <c r="G61169" s="16">
        <v>3.815768306861397</v>
      </c>
    </row>
    <row r="61170" spans="1:7" x14ac:dyDescent="0.3">
      <c r="A61170" s="13" t="s">
        <v>329</v>
      </c>
      <c r="B61170" s="14" t="s">
        <v>1</v>
      </c>
      <c r="C61170" s="14" t="s">
        <v>23</v>
      </c>
      <c r="D61170" s="14" t="s">
        <v>330</v>
      </c>
      <c r="E61170" s="15">
        <v>45591</v>
      </c>
      <c r="F61170" s="14" t="s">
        <v>15</v>
      </c>
      <c r="G61170" s="16">
        <v>3.815768306861397</v>
      </c>
    </row>
    <row r="61171" spans="1:7" x14ac:dyDescent="0.3">
      <c r="A61171" s="13" t="s">
        <v>329</v>
      </c>
      <c r="B61171" s="14" t="s">
        <v>1</v>
      </c>
      <c r="C61171" s="14" t="s">
        <v>23</v>
      </c>
      <c r="D61171" s="14" t="s">
        <v>330</v>
      </c>
      <c r="E61171" s="15">
        <v>45592</v>
      </c>
      <c r="F61171" s="14" t="s">
        <v>15</v>
      </c>
      <c r="G61171" s="16">
        <v>3.815768306861397</v>
      </c>
    </row>
    <row r="61172" spans="1:7" x14ac:dyDescent="0.3">
      <c r="A61172" s="13" t="s">
        <v>329</v>
      </c>
      <c r="B61172" s="14" t="s">
        <v>1</v>
      </c>
      <c r="C61172" s="14" t="s">
        <v>23</v>
      </c>
      <c r="D61172" s="14" t="s">
        <v>330</v>
      </c>
      <c r="E61172" s="15">
        <v>45593</v>
      </c>
      <c r="F61172" s="14" t="s">
        <v>15</v>
      </c>
      <c r="G61172" s="16">
        <v>3.815768306861397</v>
      </c>
    </row>
    <row r="61173" spans="1:7" x14ac:dyDescent="0.3">
      <c r="A61173" s="13" t="s">
        <v>329</v>
      </c>
      <c r="B61173" s="14" t="s">
        <v>1</v>
      </c>
      <c r="C61173" s="14" t="s">
        <v>23</v>
      </c>
      <c r="D61173" s="14" t="s">
        <v>330</v>
      </c>
      <c r="E61173" s="15">
        <v>45594</v>
      </c>
      <c r="F61173" s="14" t="s">
        <v>15</v>
      </c>
      <c r="G61173" s="16">
        <v>3.8374725739744058</v>
      </c>
    </row>
    <row r="61174" spans="1:7" x14ac:dyDescent="0.3">
      <c r="A61174" s="13" t="s">
        <v>329</v>
      </c>
      <c r="B61174" s="14" t="s">
        <v>1</v>
      </c>
      <c r="C61174" s="14" t="s">
        <v>23</v>
      </c>
      <c r="D61174" s="14" t="s">
        <v>330</v>
      </c>
      <c r="E61174" s="15">
        <v>45595</v>
      </c>
      <c r="F61174" s="14" t="s">
        <v>15</v>
      </c>
      <c r="G61174" s="16">
        <v>3.9096225851661703</v>
      </c>
    </row>
    <row r="61175" spans="1:7" x14ac:dyDescent="0.3">
      <c r="A61175" s="13" t="s">
        <v>329</v>
      </c>
      <c r="B61175" s="14" t="s">
        <v>1</v>
      </c>
      <c r="C61175" s="14" t="s">
        <v>23</v>
      </c>
      <c r="D61175" s="14" t="s">
        <v>330</v>
      </c>
      <c r="E61175" s="15">
        <v>45596</v>
      </c>
      <c r="F61175" s="14" t="s">
        <v>15</v>
      </c>
      <c r="G61175" s="16">
        <v>3.9138730302680993</v>
      </c>
    </row>
    <row r="61176" spans="1:7" x14ac:dyDescent="0.3">
      <c r="A61176" s="13" t="s">
        <v>329</v>
      </c>
      <c r="B61176" s="14" t="s">
        <v>1</v>
      </c>
      <c r="C61176" s="14" t="s">
        <v>23</v>
      </c>
      <c r="D61176" s="14" t="s">
        <v>330</v>
      </c>
      <c r="E61176" s="15">
        <v>45597</v>
      </c>
      <c r="F61176" s="14" t="s">
        <v>15</v>
      </c>
      <c r="G61176" s="16">
        <v>3.9314132175965195</v>
      </c>
    </row>
    <row r="61177" spans="1:7" x14ac:dyDescent="0.3">
      <c r="A61177" s="13" t="s">
        <v>329</v>
      </c>
      <c r="B61177" s="14" t="s">
        <v>1</v>
      </c>
      <c r="C61177" s="14" t="s">
        <v>23</v>
      </c>
      <c r="D61177" s="14" t="s">
        <v>330</v>
      </c>
      <c r="E61177" s="15">
        <v>45598</v>
      </c>
      <c r="F61177" s="14" t="s">
        <v>15</v>
      </c>
      <c r="G61177" s="16">
        <v>3.9314132175965195</v>
      </c>
    </row>
    <row r="61178" spans="1:7" x14ac:dyDescent="0.3">
      <c r="A61178" s="13" t="s">
        <v>329</v>
      </c>
      <c r="B61178" s="14" t="s">
        <v>1</v>
      </c>
      <c r="C61178" s="14" t="s">
        <v>23</v>
      </c>
      <c r="D61178" s="14" t="s">
        <v>330</v>
      </c>
      <c r="E61178" s="15">
        <v>45599</v>
      </c>
      <c r="F61178" s="14" t="s">
        <v>15</v>
      </c>
      <c r="G61178" s="16">
        <v>3.9314132175965195</v>
      </c>
    </row>
    <row r="61179" spans="1:7" x14ac:dyDescent="0.3">
      <c r="A61179" s="13" t="s">
        <v>329</v>
      </c>
      <c r="B61179" s="14" t="s">
        <v>1</v>
      </c>
      <c r="C61179" s="14" t="s">
        <v>23</v>
      </c>
      <c r="D61179" s="14" t="s">
        <v>330</v>
      </c>
      <c r="E61179" s="15">
        <v>45600</v>
      </c>
      <c r="F61179" s="14" t="s">
        <v>15</v>
      </c>
      <c r="G61179" s="16">
        <v>3.9396136172493605</v>
      </c>
    </row>
    <row r="61180" spans="1:7" x14ac:dyDescent="0.3">
      <c r="A61180" s="13" t="s">
        <v>329</v>
      </c>
      <c r="B61180" s="14" t="s">
        <v>1</v>
      </c>
      <c r="C61180" s="14" t="s">
        <v>23</v>
      </c>
      <c r="D61180" s="14" t="s">
        <v>330</v>
      </c>
      <c r="E61180" s="15">
        <v>45601</v>
      </c>
      <c r="F61180" s="14" t="s">
        <v>15</v>
      </c>
      <c r="G61180" s="16">
        <v>3.9954749324011982</v>
      </c>
    </row>
    <row r="61181" spans="1:7" x14ac:dyDescent="0.3">
      <c r="A61181" s="13" t="s">
        <v>329</v>
      </c>
      <c r="B61181" s="14" t="s">
        <v>1</v>
      </c>
      <c r="C61181" s="14" t="s">
        <v>23</v>
      </c>
      <c r="D61181" s="14" t="s">
        <v>330</v>
      </c>
      <c r="E61181" s="15">
        <v>45602</v>
      </c>
      <c r="F61181" s="14" t="s">
        <v>15</v>
      </c>
      <c r="G61181" s="16">
        <v>4.0139552298364665</v>
      </c>
    </row>
    <row r="61182" spans="1:7" x14ac:dyDescent="0.3">
      <c r="A61182" s="13" t="s">
        <v>329</v>
      </c>
      <c r="B61182" s="14" t="s">
        <v>1</v>
      </c>
      <c r="C61182" s="14" t="s">
        <v>23</v>
      </c>
      <c r="D61182" s="14" t="s">
        <v>330</v>
      </c>
      <c r="E61182" s="15">
        <v>45603</v>
      </c>
      <c r="F61182" s="14" t="s">
        <v>15</v>
      </c>
      <c r="G61182" s="16">
        <v>4.0342088992510856</v>
      </c>
    </row>
    <row r="61183" spans="1:7" x14ac:dyDescent="0.3">
      <c r="A61183" s="13" t="s">
        <v>329</v>
      </c>
      <c r="B61183" s="14" t="s">
        <v>1</v>
      </c>
      <c r="C61183" s="14" t="s">
        <v>23</v>
      </c>
      <c r="D61183" s="14" t="s">
        <v>330</v>
      </c>
      <c r="E61183" s="15">
        <v>45604</v>
      </c>
      <c r="F61183" s="14" t="s">
        <v>15</v>
      </c>
      <c r="G61183" s="16">
        <v>4.0533375750971796</v>
      </c>
    </row>
    <row r="61184" spans="1:7" x14ac:dyDescent="0.3">
      <c r="A61184" s="13" t="s">
        <v>329</v>
      </c>
      <c r="B61184" s="14" t="s">
        <v>1</v>
      </c>
      <c r="C61184" s="14" t="s">
        <v>23</v>
      </c>
      <c r="D61184" s="14" t="s">
        <v>330</v>
      </c>
      <c r="E61184" s="15">
        <v>45605</v>
      </c>
      <c r="F61184" s="14" t="s">
        <v>15</v>
      </c>
      <c r="G61184" s="16">
        <v>4.0533375750971796</v>
      </c>
    </row>
    <row r="61185" spans="1:7" x14ac:dyDescent="0.3">
      <c r="A61185" s="13" t="s">
        <v>329</v>
      </c>
      <c r="B61185" s="14" t="s">
        <v>1</v>
      </c>
      <c r="C61185" s="14" t="s">
        <v>23</v>
      </c>
      <c r="D61185" s="14" t="s">
        <v>330</v>
      </c>
      <c r="E61185" s="15">
        <v>45606</v>
      </c>
      <c r="F61185" s="14" t="s">
        <v>15</v>
      </c>
      <c r="G61185" s="16">
        <v>4.0533375750971796</v>
      </c>
    </row>
    <row r="61186" spans="1:7" x14ac:dyDescent="0.3">
      <c r="A61186" s="13" t="s">
        <v>329</v>
      </c>
      <c r="B61186" s="14" t="s">
        <v>1</v>
      </c>
      <c r="C61186" s="14" t="s">
        <v>23</v>
      </c>
      <c r="D61186" s="14" t="s">
        <v>330</v>
      </c>
      <c r="E61186" s="15">
        <v>45607</v>
      </c>
      <c r="F61186" s="14" t="s">
        <v>15</v>
      </c>
      <c r="G61186" s="16">
        <v>4.0533375750971796</v>
      </c>
    </row>
    <row r="61187" spans="1:7" x14ac:dyDescent="0.3">
      <c r="A61187" s="13" t="s">
        <v>329</v>
      </c>
      <c r="B61187" s="14" t="s">
        <v>1</v>
      </c>
      <c r="C61187" s="14" t="s">
        <v>23</v>
      </c>
      <c r="D61187" s="14" t="s">
        <v>330</v>
      </c>
      <c r="E61187" s="15">
        <v>45608</v>
      </c>
      <c r="F61187" s="14" t="s">
        <v>15</v>
      </c>
      <c r="G61187" s="16">
        <v>4.0711974495986665</v>
      </c>
    </row>
    <row r="61188" spans="1:7" x14ac:dyDescent="0.3">
      <c r="A61188" s="13" t="s">
        <v>329</v>
      </c>
      <c r="B61188" s="14" t="s">
        <v>1</v>
      </c>
      <c r="C61188" s="14" t="s">
        <v>23</v>
      </c>
      <c r="D61188" s="14" t="s">
        <v>330</v>
      </c>
      <c r="E61188" s="15">
        <v>45609</v>
      </c>
      <c r="F61188" s="14" t="s">
        <v>15</v>
      </c>
      <c r="G61188" s="16">
        <v>4.159291772794135</v>
      </c>
    </row>
    <row r="61189" spans="1:7" x14ac:dyDescent="0.3">
      <c r="A61189" s="13" t="s">
        <v>329</v>
      </c>
      <c r="B61189" s="14" t="s">
        <v>1</v>
      </c>
      <c r="C61189" s="14" t="s">
        <v>23</v>
      </c>
      <c r="D61189" s="14" t="s">
        <v>330</v>
      </c>
      <c r="E61189" s="15">
        <v>45610</v>
      </c>
      <c r="F61189" s="14" t="s">
        <v>15</v>
      </c>
      <c r="G61189" s="16">
        <v>4.1773169790739679</v>
      </c>
    </row>
    <row r="61190" spans="1:7" x14ac:dyDescent="0.3">
      <c r="A61190" s="13" t="s">
        <v>329</v>
      </c>
      <c r="B61190" s="14" t="s">
        <v>1</v>
      </c>
      <c r="C61190" s="14" t="s">
        <v>23</v>
      </c>
      <c r="D61190" s="14" t="s">
        <v>330</v>
      </c>
      <c r="E61190" s="15">
        <v>45611</v>
      </c>
      <c r="F61190" s="14" t="s">
        <v>15</v>
      </c>
      <c r="G61190" s="16">
        <v>4.1953660246869848</v>
      </c>
    </row>
    <row r="61191" spans="1:7" x14ac:dyDescent="0.3">
      <c r="A61191" s="13" t="s">
        <v>329</v>
      </c>
      <c r="B61191" s="14" t="s">
        <v>1</v>
      </c>
      <c r="C61191" s="14" t="s">
        <v>23</v>
      </c>
      <c r="D61191" s="14" t="s">
        <v>330</v>
      </c>
      <c r="E61191" s="15">
        <v>45612</v>
      </c>
      <c r="F61191" s="14" t="s">
        <v>15</v>
      </c>
      <c r="G61191" s="16">
        <v>4.1953660246869848</v>
      </c>
    </row>
    <row r="61192" spans="1:7" x14ac:dyDescent="0.3">
      <c r="A61192" s="13" t="s">
        <v>329</v>
      </c>
      <c r="B61192" s="14" t="s">
        <v>1</v>
      </c>
      <c r="C61192" s="14" t="s">
        <v>23</v>
      </c>
      <c r="D61192" s="14" t="s">
        <v>330</v>
      </c>
      <c r="E61192" s="15">
        <v>45613</v>
      </c>
      <c r="F61192" s="14" t="s">
        <v>15</v>
      </c>
      <c r="G61192" s="16">
        <v>4.1953660246869848</v>
      </c>
    </row>
    <row r="61193" spans="1:7" x14ac:dyDescent="0.3">
      <c r="A61193" s="13" t="s">
        <v>329</v>
      </c>
      <c r="B61193" s="14" t="s">
        <v>1</v>
      </c>
      <c r="C61193" s="14" t="s">
        <v>23</v>
      </c>
      <c r="D61193" s="14" t="s">
        <v>330</v>
      </c>
      <c r="E61193" s="15">
        <v>45614</v>
      </c>
      <c r="F61193" s="14" t="s">
        <v>15</v>
      </c>
      <c r="G61193" s="16">
        <v>4.213428019002559</v>
      </c>
    </row>
    <row r="61194" spans="1:7" x14ac:dyDescent="0.3">
      <c r="A61194" s="13" t="s">
        <v>329</v>
      </c>
      <c r="B61194" s="14" t="s">
        <v>1</v>
      </c>
      <c r="C61194" s="14" t="s">
        <v>23</v>
      </c>
      <c r="D61194" s="14" t="s">
        <v>330</v>
      </c>
      <c r="E61194" s="15">
        <v>45615</v>
      </c>
      <c r="F61194" s="14" t="s">
        <v>15</v>
      </c>
      <c r="G61194" s="16">
        <v>4.2668705851191175</v>
      </c>
    </row>
    <row r="61195" spans="1:7" x14ac:dyDescent="0.3">
      <c r="A61195" s="13" t="s">
        <v>329</v>
      </c>
      <c r="B61195" s="14" t="s">
        <v>1</v>
      </c>
      <c r="C61195" s="14" t="s">
        <v>23</v>
      </c>
      <c r="D61195" s="14" t="s">
        <v>330</v>
      </c>
      <c r="E61195" s="15">
        <v>45616</v>
      </c>
      <c r="F61195" s="14" t="s">
        <v>15</v>
      </c>
      <c r="G61195" s="16">
        <v>4.2851740598744339</v>
      </c>
    </row>
    <row r="61196" spans="1:7" x14ac:dyDescent="0.3">
      <c r="A61196" s="13" t="s">
        <v>329</v>
      </c>
      <c r="B61196" s="14" t="s">
        <v>1</v>
      </c>
      <c r="C61196" s="14" t="s">
        <v>23</v>
      </c>
      <c r="D61196" s="14" t="s">
        <v>330</v>
      </c>
      <c r="E61196" s="15">
        <v>45617</v>
      </c>
      <c r="F61196" s="14" t="s">
        <v>15</v>
      </c>
      <c r="G61196" s="16">
        <v>4.3038065688794962</v>
      </c>
    </row>
    <row r="61197" spans="1:7" x14ac:dyDescent="0.3">
      <c r="A61197" s="13" t="s">
        <v>329</v>
      </c>
      <c r="B61197" s="14" t="s">
        <v>1</v>
      </c>
      <c r="C61197" s="14" t="s">
        <v>23</v>
      </c>
      <c r="D61197" s="14" t="s">
        <v>330</v>
      </c>
      <c r="E61197" s="15">
        <v>45618</v>
      </c>
      <c r="F61197" s="14" t="s">
        <v>15</v>
      </c>
      <c r="G61197" s="16">
        <v>4.3220549902106953</v>
      </c>
    </row>
    <row r="61198" spans="1:7" x14ac:dyDescent="0.3">
      <c r="A61198" s="13" t="s">
        <v>329</v>
      </c>
      <c r="B61198" s="14" t="s">
        <v>1</v>
      </c>
      <c r="C61198" s="14" t="s">
        <v>23</v>
      </c>
      <c r="D61198" s="14" t="s">
        <v>330</v>
      </c>
      <c r="E61198" s="15">
        <v>45619</v>
      </c>
      <c r="F61198" s="14" t="s">
        <v>15</v>
      </c>
      <c r="G61198" s="16">
        <v>4.3220549902106953</v>
      </c>
    </row>
    <row r="61199" spans="1:7" x14ac:dyDescent="0.3">
      <c r="A61199" s="13" t="s">
        <v>329</v>
      </c>
      <c r="B61199" s="14" t="s">
        <v>1</v>
      </c>
      <c r="C61199" s="14" t="s">
        <v>23</v>
      </c>
      <c r="D61199" s="14" t="s">
        <v>330</v>
      </c>
      <c r="E61199" s="15">
        <v>45620</v>
      </c>
      <c r="F61199" s="14" t="s">
        <v>15</v>
      </c>
      <c r="G61199" s="16">
        <v>4.3220549902106953</v>
      </c>
    </row>
    <row r="61200" spans="1:7" x14ac:dyDescent="0.3">
      <c r="A61200" s="13" t="s">
        <v>329</v>
      </c>
      <c r="B61200" s="14" t="s">
        <v>1</v>
      </c>
      <c r="C61200" s="14" t="s">
        <v>23</v>
      </c>
      <c r="D61200" s="14" t="s">
        <v>330</v>
      </c>
      <c r="E61200" s="15">
        <v>45621</v>
      </c>
      <c r="F61200" s="14" t="s">
        <v>15</v>
      </c>
      <c r="G61200" s="16">
        <v>4.3402171440268447</v>
      </c>
    </row>
    <row r="61201" spans="1:7" x14ac:dyDescent="0.3">
      <c r="A61201" s="13" t="s">
        <v>329</v>
      </c>
      <c r="B61201" s="14" t="s">
        <v>1</v>
      </c>
      <c r="C61201" s="14" t="s">
        <v>23</v>
      </c>
      <c r="D61201" s="14" t="s">
        <v>330</v>
      </c>
      <c r="E61201" s="15">
        <v>45622</v>
      </c>
      <c r="F61201" s="14" t="s">
        <v>15</v>
      </c>
      <c r="G61201" s="16">
        <v>4.3944938295458762</v>
      </c>
    </row>
    <row r="61202" spans="1:7" x14ac:dyDescent="0.3">
      <c r="A61202" s="13" t="s">
        <v>329</v>
      </c>
      <c r="B61202" s="14" t="s">
        <v>1</v>
      </c>
      <c r="C61202" s="14" t="s">
        <v>23</v>
      </c>
      <c r="D61202" s="14" t="s">
        <v>330</v>
      </c>
      <c r="E61202" s="15">
        <v>45623</v>
      </c>
      <c r="F61202" s="14" t="s">
        <v>15</v>
      </c>
      <c r="G61202" s="16">
        <v>4.4127118085631158</v>
      </c>
    </row>
    <row r="61203" spans="1:7" x14ac:dyDescent="0.3">
      <c r="A61203" s="13" t="s">
        <v>329</v>
      </c>
      <c r="B61203" s="14" t="s">
        <v>1</v>
      </c>
      <c r="C61203" s="14" t="s">
        <v>23</v>
      </c>
      <c r="D61203" s="14" t="s">
        <v>330</v>
      </c>
      <c r="E61203" s="15">
        <v>45624</v>
      </c>
      <c r="F61203" s="14" t="s">
        <v>15</v>
      </c>
      <c r="G61203" s="16">
        <v>4.4127118085631158</v>
      </c>
    </row>
    <row r="61204" spans="1:7" x14ac:dyDescent="0.3">
      <c r="A61204" s="13" t="s">
        <v>329</v>
      </c>
      <c r="B61204" s="14" t="s">
        <v>1</v>
      </c>
      <c r="C61204" s="14" t="s">
        <v>23</v>
      </c>
      <c r="D61204" s="14" t="s">
        <v>330</v>
      </c>
      <c r="E61204" s="15">
        <v>45625</v>
      </c>
      <c r="F61204" s="14" t="s">
        <v>15</v>
      </c>
      <c r="G61204" s="16">
        <v>4.4357210910962603</v>
      </c>
    </row>
    <row r="61205" spans="1:7" x14ac:dyDescent="0.3">
      <c r="A61205" s="13" t="s">
        <v>329</v>
      </c>
      <c r="B61205" s="14" t="s">
        <v>1</v>
      </c>
      <c r="C61205" s="14" t="s">
        <v>23</v>
      </c>
      <c r="D61205" s="14" t="s">
        <v>330</v>
      </c>
      <c r="E61205" s="15">
        <v>45626</v>
      </c>
      <c r="F61205" s="14" t="s">
        <v>15</v>
      </c>
      <c r="G61205" s="16">
        <v>4.4357210910962603</v>
      </c>
    </row>
    <row r="61206" spans="1:7" x14ac:dyDescent="0.3">
      <c r="A61206" s="13" t="s">
        <v>329</v>
      </c>
      <c r="B61206" s="14" t="s">
        <v>1</v>
      </c>
      <c r="C61206" s="14" t="s">
        <v>23</v>
      </c>
      <c r="D61206" s="14" t="s">
        <v>330</v>
      </c>
      <c r="E61206" s="15">
        <v>45627</v>
      </c>
      <c r="F61206" s="14" t="s">
        <v>15</v>
      </c>
      <c r="G61206" s="16">
        <v>4.4357210910962603</v>
      </c>
    </row>
    <row r="61207" spans="1:7" x14ac:dyDescent="0.3">
      <c r="A61207" s="13" t="s">
        <v>329</v>
      </c>
      <c r="B61207" s="14" t="s">
        <v>1</v>
      </c>
      <c r="C61207" s="14" t="s">
        <v>23</v>
      </c>
      <c r="D61207" s="14" t="s">
        <v>330</v>
      </c>
      <c r="E61207" s="15">
        <v>45628</v>
      </c>
      <c r="F61207" s="14" t="s">
        <v>15</v>
      </c>
      <c r="G61207" s="16">
        <v>4.4718835039318519</v>
      </c>
    </row>
    <row r="61208" spans="1:7" x14ac:dyDescent="0.3">
      <c r="A61208" s="13" t="s">
        <v>329</v>
      </c>
      <c r="B61208" s="14" t="s">
        <v>1</v>
      </c>
      <c r="C61208" s="14" t="s">
        <v>23</v>
      </c>
      <c r="D61208" s="14" t="s">
        <v>330</v>
      </c>
      <c r="E61208" s="15">
        <v>45629</v>
      </c>
      <c r="F61208" s="14" t="s">
        <v>15</v>
      </c>
      <c r="G61208" s="16">
        <v>4.512279040772551</v>
      </c>
    </row>
    <row r="61209" spans="1:7" x14ac:dyDescent="0.3">
      <c r="A61209" s="13" t="s">
        <v>329</v>
      </c>
      <c r="B61209" s="14" t="s">
        <v>1</v>
      </c>
      <c r="C61209" s="14" t="s">
        <v>23</v>
      </c>
      <c r="D61209" s="14" t="s">
        <v>330</v>
      </c>
      <c r="E61209" s="15">
        <v>45630</v>
      </c>
      <c r="F61209" s="14" t="s">
        <v>15</v>
      </c>
      <c r="G61209" s="16">
        <v>4.5283385096019861</v>
      </c>
    </row>
    <row r="61210" spans="1:7" x14ac:dyDescent="0.3">
      <c r="A61210" s="13" t="s">
        <v>329</v>
      </c>
      <c r="B61210" s="14" t="s">
        <v>1</v>
      </c>
      <c r="C61210" s="14" t="s">
        <v>23</v>
      </c>
      <c r="D61210" s="14" t="s">
        <v>330</v>
      </c>
      <c r="E61210" s="15">
        <v>45631</v>
      </c>
      <c r="F61210" s="14" t="s">
        <v>15</v>
      </c>
      <c r="G61210" s="16">
        <v>4.5466199771369666</v>
      </c>
    </row>
    <row r="61211" spans="1:7" x14ac:dyDescent="0.3">
      <c r="A61211" s="13" t="s">
        <v>329</v>
      </c>
      <c r="B61211" s="14" t="s">
        <v>1</v>
      </c>
      <c r="C61211" s="14" t="s">
        <v>23</v>
      </c>
      <c r="D61211" s="14" t="s">
        <v>330</v>
      </c>
      <c r="E61211" s="15">
        <v>45632</v>
      </c>
      <c r="F61211" s="14" t="s">
        <v>15</v>
      </c>
      <c r="G61211" s="16">
        <v>4.564830074825708</v>
      </c>
    </row>
    <row r="61212" spans="1:7" x14ac:dyDescent="0.3">
      <c r="A61212" s="13" t="s">
        <v>329</v>
      </c>
      <c r="B61212" s="14" t="s">
        <v>1</v>
      </c>
      <c r="C61212" s="14" t="s">
        <v>23</v>
      </c>
      <c r="D61212" s="14" t="s">
        <v>330</v>
      </c>
      <c r="E61212" s="15">
        <v>45633</v>
      </c>
      <c r="F61212" s="14" t="s">
        <v>15</v>
      </c>
      <c r="G61212" s="16">
        <v>4.564830074825708</v>
      </c>
    </row>
    <row r="61213" spans="1:7" x14ac:dyDescent="0.3">
      <c r="A61213" s="13" t="s">
        <v>329</v>
      </c>
      <c r="B61213" s="14" t="s">
        <v>1</v>
      </c>
      <c r="C61213" s="14" t="s">
        <v>23</v>
      </c>
      <c r="D61213" s="14" t="s">
        <v>330</v>
      </c>
      <c r="E61213" s="15">
        <v>45634</v>
      </c>
      <c r="F61213" s="14" t="s">
        <v>15</v>
      </c>
      <c r="G61213" s="16">
        <v>4.564830074825708</v>
      </c>
    </row>
    <row r="61214" spans="1:7" x14ac:dyDescent="0.3">
      <c r="A61214" s="13" t="s">
        <v>329</v>
      </c>
      <c r="B61214" s="14" t="s">
        <v>1</v>
      </c>
      <c r="C61214" s="14" t="s">
        <v>23</v>
      </c>
      <c r="D61214" s="14" t="s">
        <v>330</v>
      </c>
      <c r="E61214" s="15">
        <v>45635</v>
      </c>
      <c r="F61214" s="14" t="s">
        <v>15</v>
      </c>
      <c r="G61214" s="16">
        <v>4.5911982882105669</v>
      </c>
    </row>
    <row r="61215" spans="1:7" x14ac:dyDescent="0.3">
      <c r="A61215" s="13" t="s">
        <v>329</v>
      </c>
      <c r="B61215" s="14" t="s">
        <v>1</v>
      </c>
      <c r="C61215" s="14" t="s">
        <v>23</v>
      </c>
      <c r="D61215" s="14" t="s">
        <v>330</v>
      </c>
      <c r="E61215" s="15">
        <v>45636</v>
      </c>
      <c r="F61215" s="14" t="s">
        <v>15</v>
      </c>
      <c r="G61215" s="16">
        <v>4.6452855527962935</v>
      </c>
    </row>
    <row r="61216" spans="1:7" x14ac:dyDescent="0.3">
      <c r="A61216" s="13" t="s">
        <v>329</v>
      </c>
      <c r="B61216" s="14" t="s">
        <v>1</v>
      </c>
      <c r="C61216" s="14" t="s">
        <v>23</v>
      </c>
      <c r="D61216" s="14" t="s">
        <v>330</v>
      </c>
      <c r="E61216" s="15">
        <v>45637</v>
      </c>
      <c r="F61216" s="14" t="s">
        <v>15</v>
      </c>
      <c r="G61216" s="16">
        <v>4.6634406362285583</v>
      </c>
    </row>
    <row r="61217" spans="1:7" x14ac:dyDescent="0.3">
      <c r="A61217" s="13" t="s">
        <v>329</v>
      </c>
      <c r="B61217" s="14" t="s">
        <v>1</v>
      </c>
      <c r="C61217" s="14" t="s">
        <v>23</v>
      </c>
      <c r="D61217" s="14" t="s">
        <v>330</v>
      </c>
      <c r="E61217" s="15">
        <v>45638</v>
      </c>
      <c r="F61217" s="14" t="s">
        <v>15</v>
      </c>
      <c r="G61217" s="16">
        <v>4.6816405152803737</v>
      </c>
    </row>
    <row r="61218" spans="1:7" x14ac:dyDescent="0.3">
      <c r="A61218" s="13" t="s">
        <v>329</v>
      </c>
      <c r="B61218" s="14" t="s">
        <v>1</v>
      </c>
      <c r="C61218" s="14" t="s">
        <v>23</v>
      </c>
      <c r="D61218" s="14" t="s">
        <v>330</v>
      </c>
      <c r="E61218" s="15">
        <v>45639</v>
      </c>
      <c r="F61218" s="14" t="s">
        <v>15</v>
      </c>
      <c r="G61218" s="16">
        <v>4.6998264851530038</v>
      </c>
    </row>
    <row r="61219" spans="1:7" x14ac:dyDescent="0.3">
      <c r="A61219" s="13" t="s">
        <v>329</v>
      </c>
      <c r="B61219" s="14" t="s">
        <v>1</v>
      </c>
      <c r="C61219" s="14" t="s">
        <v>23</v>
      </c>
      <c r="D61219" s="14" t="s">
        <v>330</v>
      </c>
      <c r="E61219" s="15">
        <v>45640</v>
      </c>
      <c r="F61219" s="14" t="s">
        <v>15</v>
      </c>
      <c r="G61219" s="16">
        <v>4.6998264851530038</v>
      </c>
    </row>
    <row r="61220" spans="1:7" x14ac:dyDescent="0.3">
      <c r="A61220" s="13" t="s">
        <v>329</v>
      </c>
      <c r="B61220" s="14" t="s">
        <v>1</v>
      </c>
      <c r="C61220" s="14" t="s">
        <v>23</v>
      </c>
      <c r="D61220" s="14" t="s">
        <v>330</v>
      </c>
      <c r="E61220" s="15">
        <v>45641</v>
      </c>
      <c r="F61220" s="14" t="s">
        <v>15</v>
      </c>
      <c r="G61220" s="16">
        <v>4.6998264851530038</v>
      </c>
    </row>
    <row r="61221" spans="1:7" x14ac:dyDescent="0.3">
      <c r="A61221" s="13" t="s">
        <v>329</v>
      </c>
      <c r="B61221" s="14" t="s">
        <v>1</v>
      </c>
      <c r="C61221" s="14" t="s">
        <v>23</v>
      </c>
      <c r="D61221" s="14" t="s">
        <v>330</v>
      </c>
      <c r="E61221" s="15">
        <v>45642</v>
      </c>
      <c r="F61221" s="14" t="s">
        <v>15</v>
      </c>
      <c r="G61221" s="16">
        <v>4.7181279274565924</v>
      </c>
    </row>
    <row r="61222" spans="1:7" x14ac:dyDescent="0.3">
      <c r="A61222" s="13" t="s">
        <v>329</v>
      </c>
      <c r="B61222" s="14" t="s">
        <v>1</v>
      </c>
      <c r="C61222" s="14" t="s">
        <v>23</v>
      </c>
      <c r="D61222" s="14" t="s">
        <v>330</v>
      </c>
      <c r="E61222" s="15">
        <v>45643</v>
      </c>
      <c r="F61222" s="14" t="s">
        <v>15</v>
      </c>
      <c r="G61222" s="16">
        <v>4.7723071789332394</v>
      </c>
    </row>
    <row r="61223" spans="1:7" x14ac:dyDescent="0.3">
      <c r="A61223" s="13" t="s">
        <v>329</v>
      </c>
      <c r="B61223" s="14" t="s">
        <v>1</v>
      </c>
      <c r="C61223" s="14" t="s">
        <v>23</v>
      </c>
      <c r="D61223" s="14" t="s">
        <v>330</v>
      </c>
      <c r="E61223" s="15">
        <v>45644</v>
      </c>
      <c r="F61223" s="14" t="s">
        <v>15</v>
      </c>
      <c r="G61223" s="16">
        <v>4.7908992268547363</v>
      </c>
    </row>
    <row r="61224" spans="1:7" x14ac:dyDescent="0.3">
      <c r="A61224" s="13" t="s">
        <v>329</v>
      </c>
      <c r="B61224" s="14" t="s">
        <v>1</v>
      </c>
      <c r="C61224" s="14" t="s">
        <v>23</v>
      </c>
      <c r="D61224" s="14" t="s">
        <v>330</v>
      </c>
      <c r="E61224" s="15">
        <v>45645</v>
      </c>
      <c r="F61224" s="14" t="s">
        <v>15</v>
      </c>
      <c r="G61224" s="16">
        <v>4.8083525591445895</v>
      </c>
    </row>
    <row r="61225" spans="1:7" x14ac:dyDescent="0.3">
      <c r="A61225" s="13" t="s">
        <v>329</v>
      </c>
      <c r="B61225" s="14" t="s">
        <v>1</v>
      </c>
      <c r="C61225" s="14" t="s">
        <v>23</v>
      </c>
      <c r="D61225" s="14" t="s">
        <v>330</v>
      </c>
      <c r="E61225" s="15">
        <v>45646</v>
      </c>
      <c r="F61225" s="14" t="s">
        <v>15</v>
      </c>
      <c r="G61225" s="16">
        <v>4.8257371328505547</v>
      </c>
    </row>
    <row r="61226" spans="1:7" x14ac:dyDescent="0.3">
      <c r="A61226" s="13" t="s">
        <v>329</v>
      </c>
      <c r="B61226" s="14" t="s">
        <v>1</v>
      </c>
      <c r="C61226" s="14" t="s">
        <v>23</v>
      </c>
      <c r="D61226" s="14" t="s">
        <v>330</v>
      </c>
      <c r="E61226" s="15">
        <v>45647</v>
      </c>
      <c r="F61226" s="14" t="s">
        <v>15</v>
      </c>
      <c r="G61226" s="16">
        <v>4.8257371328505547</v>
      </c>
    </row>
    <row r="61227" spans="1:7" x14ac:dyDescent="0.3">
      <c r="A61227" s="13" t="s">
        <v>329</v>
      </c>
      <c r="B61227" s="14" t="s">
        <v>1</v>
      </c>
      <c r="C61227" s="14" t="s">
        <v>23</v>
      </c>
      <c r="D61227" s="14" t="s">
        <v>330</v>
      </c>
      <c r="E61227" s="15">
        <v>45648</v>
      </c>
      <c r="F61227" s="14" t="s">
        <v>15</v>
      </c>
      <c r="G61227" s="16">
        <v>4.8257371328505547</v>
      </c>
    </row>
    <row r="61228" spans="1:7" x14ac:dyDescent="0.3">
      <c r="A61228" s="13" t="s">
        <v>329</v>
      </c>
      <c r="B61228" s="14" t="s">
        <v>1</v>
      </c>
      <c r="C61228" s="14" t="s">
        <v>23</v>
      </c>
      <c r="D61228" s="14" t="s">
        <v>330</v>
      </c>
      <c r="E61228" s="15">
        <v>45649</v>
      </c>
      <c r="F61228" s="14" t="s">
        <v>15</v>
      </c>
      <c r="G61228" s="16">
        <v>4.8001953552229013</v>
      </c>
    </row>
    <row r="61229" spans="1:7" x14ac:dyDescent="0.3">
      <c r="A61229" s="13" t="s">
        <v>329</v>
      </c>
      <c r="B61229" s="14" t="s">
        <v>1</v>
      </c>
      <c r="C61229" s="14" t="s">
        <v>23</v>
      </c>
      <c r="D61229" s="14" t="s">
        <v>330</v>
      </c>
      <c r="E61229" s="15">
        <v>45650</v>
      </c>
      <c r="F61229" s="14" t="s">
        <v>15</v>
      </c>
      <c r="G61229" s="16">
        <v>4.8491747606627893</v>
      </c>
    </row>
    <row r="61230" spans="1:7" x14ac:dyDescent="0.3">
      <c r="A61230" s="13" t="s">
        <v>329</v>
      </c>
      <c r="B61230" s="14" t="s">
        <v>1</v>
      </c>
      <c r="C61230" s="14" t="s">
        <v>23</v>
      </c>
      <c r="D61230" s="14" t="s">
        <v>330</v>
      </c>
      <c r="E61230" s="15">
        <v>45651</v>
      </c>
      <c r="F61230" s="14" t="s">
        <v>15</v>
      </c>
      <c r="G61230" s="16">
        <v>4.8491747606627893</v>
      </c>
    </row>
    <row r="61231" spans="1:7" x14ac:dyDescent="0.3">
      <c r="A61231" s="13" t="s">
        <v>329</v>
      </c>
      <c r="B61231" s="14" t="s">
        <v>1</v>
      </c>
      <c r="C61231" s="14" t="s">
        <v>23</v>
      </c>
      <c r="D61231" s="14" t="s">
        <v>330</v>
      </c>
      <c r="E61231" s="15">
        <v>45652</v>
      </c>
      <c r="F61231" s="14" t="s">
        <v>15</v>
      </c>
      <c r="G61231" s="16">
        <v>4.8491747606627893</v>
      </c>
    </row>
    <row r="61232" spans="1:7" x14ac:dyDescent="0.3">
      <c r="A61232" s="13" t="s">
        <v>329</v>
      </c>
      <c r="B61232" s="14" t="s">
        <v>1</v>
      </c>
      <c r="C61232" s="14" t="s">
        <v>23</v>
      </c>
      <c r="D61232" s="14" t="s">
        <v>330</v>
      </c>
      <c r="E61232" s="15">
        <v>45653</v>
      </c>
      <c r="F61232" s="14" t="s">
        <v>15</v>
      </c>
      <c r="G61232" s="16">
        <v>4.8491747606627893</v>
      </c>
    </row>
    <row r="61233" spans="1:7" x14ac:dyDescent="0.3">
      <c r="A61233" s="13" t="s">
        <v>329</v>
      </c>
      <c r="B61233" s="14" t="s">
        <v>1</v>
      </c>
      <c r="C61233" s="14" t="s">
        <v>23</v>
      </c>
      <c r="D61233" s="14" t="s">
        <v>330</v>
      </c>
      <c r="E61233" s="15">
        <v>45654</v>
      </c>
      <c r="F61233" s="14" t="s">
        <v>15</v>
      </c>
      <c r="G61233" s="16">
        <v>4.8491747606627893</v>
      </c>
    </row>
    <row r="61234" spans="1:7" x14ac:dyDescent="0.3">
      <c r="A61234" s="13" t="s">
        <v>329</v>
      </c>
      <c r="B61234" s="14" t="s">
        <v>1</v>
      </c>
      <c r="C61234" s="14" t="s">
        <v>23</v>
      </c>
      <c r="D61234" s="14" t="s">
        <v>330</v>
      </c>
      <c r="E61234" s="15">
        <v>45655</v>
      </c>
      <c r="F61234" s="14" t="s">
        <v>15</v>
      </c>
      <c r="G61234" s="16">
        <v>4.8491747606627893</v>
      </c>
    </row>
    <row r="61235" spans="1:7" x14ac:dyDescent="0.3">
      <c r="A61235" s="13" t="s">
        <v>329</v>
      </c>
      <c r="B61235" s="14" t="s">
        <v>1</v>
      </c>
      <c r="C61235" s="14" t="s">
        <v>23</v>
      </c>
      <c r="D61235" s="14" t="s">
        <v>330</v>
      </c>
      <c r="E61235" s="15">
        <v>45656</v>
      </c>
      <c r="F61235" s="14" t="s">
        <v>15</v>
      </c>
      <c r="G61235" s="16">
        <v>4.8676536106103017</v>
      </c>
    </row>
    <row r="61236" spans="1:7" x14ac:dyDescent="0.3">
      <c r="A61236" s="13" t="s">
        <v>329</v>
      </c>
      <c r="B61236" s="14" t="s">
        <v>1</v>
      </c>
      <c r="C61236" s="14" t="s">
        <v>23</v>
      </c>
      <c r="D61236" s="14" t="s">
        <v>330</v>
      </c>
      <c r="E61236" s="15">
        <v>45657</v>
      </c>
      <c r="F61236" s="14" t="s">
        <v>15</v>
      </c>
      <c r="G61236" s="16">
        <v>4.9823331551419825</v>
      </c>
    </row>
    <row r="61237" spans="1:7" x14ac:dyDescent="0.3">
      <c r="A61237" s="13" t="s">
        <v>329</v>
      </c>
      <c r="B61237" s="14" t="s">
        <v>1</v>
      </c>
      <c r="C61237" s="14" t="s">
        <v>23</v>
      </c>
      <c r="D61237" s="14" t="s">
        <v>330</v>
      </c>
      <c r="E61237" s="15">
        <v>45658</v>
      </c>
      <c r="F61237" s="14" t="s">
        <v>15</v>
      </c>
      <c r="G61237" s="16">
        <v>4.9823331551419825</v>
      </c>
    </row>
    <row r="61238" spans="1:7" x14ac:dyDescent="0.3">
      <c r="A61238" s="13" t="s">
        <v>329</v>
      </c>
      <c r="B61238" s="14" t="s">
        <v>1</v>
      </c>
      <c r="C61238" s="14" t="s">
        <v>23</v>
      </c>
      <c r="D61238" s="14" t="s">
        <v>330</v>
      </c>
      <c r="E61238" s="15">
        <v>45659</v>
      </c>
      <c r="F61238" s="14" t="s">
        <v>15</v>
      </c>
      <c r="G61238" s="16">
        <v>4.9991808695231112</v>
      </c>
    </row>
    <row r="61239" spans="1:7" x14ac:dyDescent="0.3">
      <c r="A61239" s="13" t="s">
        <v>329</v>
      </c>
      <c r="B61239" s="14" t="s">
        <v>1</v>
      </c>
      <c r="C61239" s="14" t="s">
        <v>23</v>
      </c>
      <c r="D61239" s="14" t="s">
        <v>330</v>
      </c>
      <c r="E61239" s="15">
        <v>45660</v>
      </c>
      <c r="F61239" s="14" t="s">
        <v>15</v>
      </c>
      <c r="G61239" s="16">
        <v>5.0251354221466107</v>
      </c>
    </row>
    <row r="61240" spans="1:7" x14ac:dyDescent="0.3">
      <c r="A61240" s="13" t="s">
        <v>329</v>
      </c>
      <c r="B61240" s="14" t="s">
        <v>1</v>
      </c>
      <c r="C61240" s="14" t="s">
        <v>23</v>
      </c>
      <c r="D61240" s="14" t="s">
        <v>330</v>
      </c>
      <c r="E61240" s="15">
        <v>45661</v>
      </c>
      <c r="F61240" s="14" t="s">
        <v>15</v>
      </c>
      <c r="G61240" s="16">
        <v>5.0251354221466107</v>
      </c>
    </row>
    <row r="61241" spans="1:7" x14ac:dyDescent="0.3">
      <c r="A61241" s="13" t="s">
        <v>329</v>
      </c>
      <c r="B61241" s="14" t="s">
        <v>1</v>
      </c>
      <c r="C61241" s="14" t="s">
        <v>23</v>
      </c>
      <c r="D61241" s="14" t="s">
        <v>330</v>
      </c>
      <c r="E61241" s="15">
        <v>45662</v>
      </c>
      <c r="F61241" s="14" t="s">
        <v>15</v>
      </c>
      <c r="G61241" s="16">
        <v>5.0251354221466107</v>
      </c>
    </row>
    <row r="61242" spans="1:7" x14ac:dyDescent="0.3">
      <c r="A61242" s="13" t="s">
        <v>329</v>
      </c>
      <c r="B61242" s="14" t="s">
        <v>1</v>
      </c>
      <c r="C61242" s="14" t="s">
        <v>23</v>
      </c>
      <c r="D61242" s="14" t="s">
        <v>330</v>
      </c>
      <c r="E61242" s="15">
        <v>45663</v>
      </c>
      <c r="F61242" s="14" t="s">
        <v>15</v>
      </c>
      <c r="G61242" s="16">
        <v>5.0435204944835279</v>
      </c>
    </row>
    <row r="61243" spans="1:7" x14ac:dyDescent="0.3">
      <c r="A61243" s="13" t="s">
        <v>329</v>
      </c>
      <c r="B61243" s="14" t="s">
        <v>1</v>
      </c>
      <c r="C61243" s="14" t="s">
        <v>23</v>
      </c>
      <c r="D61243" s="14" t="s">
        <v>330</v>
      </c>
      <c r="E61243" s="15">
        <v>45664</v>
      </c>
      <c r="F61243" s="14" t="s">
        <v>15</v>
      </c>
      <c r="G61243" s="16">
        <v>5.1000735792074874</v>
      </c>
    </row>
    <row r="61244" spans="1:7" x14ac:dyDescent="0.3">
      <c r="A61244" s="13" t="s">
        <v>329</v>
      </c>
      <c r="B61244" s="14" t="s">
        <v>1</v>
      </c>
      <c r="C61244" s="14" t="s">
        <v>23</v>
      </c>
      <c r="D61244" s="14" t="s">
        <v>330</v>
      </c>
      <c r="E61244" s="15">
        <v>45665</v>
      </c>
      <c r="F61244" s="14" t="s">
        <v>15</v>
      </c>
      <c r="G61244" s="16">
        <v>5.1205354057193455</v>
      </c>
    </row>
    <row r="61245" spans="1:7" x14ac:dyDescent="0.3">
      <c r="A61245" s="13" t="s">
        <v>329</v>
      </c>
      <c r="B61245" s="14" t="s">
        <v>1</v>
      </c>
      <c r="C61245" s="14" t="s">
        <v>23</v>
      </c>
      <c r="D61245" s="14" t="s">
        <v>330</v>
      </c>
      <c r="E61245" s="15">
        <v>45666</v>
      </c>
      <c r="F61245" s="14" t="s">
        <v>15</v>
      </c>
      <c r="G61245" s="16">
        <v>5.1205354057193455</v>
      </c>
    </row>
    <row r="61246" spans="1:7" x14ac:dyDescent="0.3">
      <c r="A61246" s="13" t="s">
        <v>329</v>
      </c>
      <c r="B61246" s="14" t="s">
        <v>1</v>
      </c>
      <c r="C61246" s="14" t="s">
        <v>23</v>
      </c>
      <c r="D61246" s="14" t="s">
        <v>330</v>
      </c>
      <c r="E61246" s="15">
        <v>45667</v>
      </c>
      <c r="F61246" s="14" t="s">
        <v>15</v>
      </c>
      <c r="G61246" s="16">
        <v>5.1453061034881911</v>
      </c>
    </row>
    <row r="61247" spans="1:7" x14ac:dyDescent="0.3">
      <c r="A61247" s="13" t="s">
        <v>329</v>
      </c>
      <c r="B61247" s="14" t="s">
        <v>1</v>
      </c>
      <c r="C61247" s="14" t="s">
        <v>23</v>
      </c>
      <c r="D61247" s="14" t="s">
        <v>330</v>
      </c>
      <c r="E61247" s="15">
        <v>45668</v>
      </c>
      <c r="F61247" s="14" t="s">
        <v>15</v>
      </c>
      <c r="G61247" s="16">
        <v>5.1453061034881911</v>
      </c>
    </row>
    <row r="61248" spans="1:7" x14ac:dyDescent="0.3">
      <c r="A61248" s="13" t="s">
        <v>329</v>
      </c>
      <c r="B61248" s="14" t="s">
        <v>1</v>
      </c>
      <c r="C61248" s="14" t="s">
        <v>23</v>
      </c>
      <c r="D61248" s="14" t="s">
        <v>330</v>
      </c>
      <c r="E61248" s="15">
        <v>45669</v>
      </c>
      <c r="F61248" s="14" t="s">
        <v>15</v>
      </c>
      <c r="G61248" s="16">
        <v>5.1453061034881911</v>
      </c>
    </row>
    <row r="61249" spans="1:7" x14ac:dyDescent="0.3">
      <c r="A61249" s="13" t="s">
        <v>329</v>
      </c>
      <c r="B61249" s="14" t="s">
        <v>1</v>
      </c>
      <c r="C61249" s="14" t="s">
        <v>23</v>
      </c>
      <c r="D61249" s="14" t="s">
        <v>330</v>
      </c>
      <c r="E61249" s="15">
        <v>45670</v>
      </c>
      <c r="F61249" s="14" t="s">
        <v>15</v>
      </c>
      <c r="G61249" s="16">
        <v>5.184799448724954</v>
      </c>
    </row>
    <row r="61250" spans="1:7" x14ac:dyDescent="0.3">
      <c r="A61250" s="13" t="s">
        <v>329</v>
      </c>
      <c r="B61250" s="14" t="s">
        <v>1</v>
      </c>
      <c r="C61250" s="14" t="s">
        <v>23</v>
      </c>
      <c r="D61250" s="14" t="s">
        <v>330</v>
      </c>
      <c r="E61250" s="15">
        <v>45671</v>
      </c>
      <c r="F61250" s="14" t="s">
        <v>15</v>
      </c>
      <c r="G61250" s="16">
        <v>5.2345626670295218</v>
      </c>
    </row>
    <row r="61251" spans="1:7" x14ac:dyDescent="0.3">
      <c r="A61251" s="13" t="s">
        <v>329</v>
      </c>
      <c r="B61251" s="14" t="s">
        <v>1</v>
      </c>
      <c r="C61251" s="14" t="s">
        <v>23</v>
      </c>
      <c r="D61251" s="14" t="s">
        <v>330</v>
      </c>
      <c r="E61251" s="15">
        <v>45672</v>
      </c>
      <c r="F61251" s="14" t="s">
        <v>15</v>
      </c>
      <c r="G61251" s="16">
        <v>5.2532007289651723</v>
      </c>
    </row>
    <row r="61252" spans="1:7" x14ac:dyDescent="0.3">
      <c r="A61252" s="13" t="s">
        <v>329</v>
      </c>
      <c r="B61252" s="14" t="s">
        <v>1</v>
      </c>
      <c r="C61252" s="14" t="s">
        <v>23</v>
      </c>
      <c r="D61252" s="14" t="s">
        <v>330</v>
      </c>
      <c r="E61252" s="15">
        <v>45673</v>
      </c>
      <c r="F61252" s="14" t="s">
        <v>15</v>
      </c>
      <c r="G61252" s="16">
        <v>5.2718434272938843</v>
      </c>
    </row>
    <row r="61253" spans="1:7" x14ac:dyDescent="0.3">
      <c r="A61253" s="13" t="s">
        <v>329</v>
      </c>
      <c r="B61253" s="14" t="s">
        <v>1</v>
      </c>
      <c r="C61253" s="14" t="s">
        <v>23</v>
      </c>
      <c r="D61253" s="14" t="s">
        <v>330</v>
      </c>
      <c r="E61253" s="15">
        <v>45674</v>
      </c>
      <c r="F61253" s="14" t="s">
        <v>15</v>
      </c>
      <c r="G61253" s="16">
        <v>5.2806738558020161</v>
      </c>
    </row>
    <row r="61254" spans="1:7" x14ac:dyDescent="0.3">
      <c r="A61254" s="13" t="s">
        <v>329</v>
      </c>
      <c r="B61254" s="14" t="s">
        <v>1</v>
      </c>
      <c r="C61254" s="14" t="s">
        <v>23</v>
      </c>
      <c r="D61254" s="14" t="s">
        <v>330</v>
      </c>
      <c r="E61254" s="15">
        <v>45675</v>
      </c>
      <c r="F61254" s="14" t="s">
        <v>15</v>
      </c>
      <c r="G61254" s="16">
        <v>5.2806738558020161</v>
      </c>
    </row>
    <row r="61255" spans="1:7" x14ac:dyDescent="0.3">
      <c r="A61255" s="13" t="s">
        <v>329</v>
      </c>
      <c r="B61255" s="14" t="s">
        <v>1</v>
      </c>
      <c r="C61255" s="14" t="s">
        <v>23</v>
      </c>
      <c r="D61255" s="14" t="s">
        <v>330</v>
      </c>
      <c r="E61255" s="15">
        <v>45676</v>
      </c>
      <c r="F61255" s="14" t="s">
        <v>15</v>
      </c>
      <c r="G61255" s="16">
        <v>5.2806738558020161</v>
      </c>
    </row>
    <row r="61256" spans="1:7" x14ac:dyDescent="0.3">
      <c r="A61256" s="13" t="s">
        <v>329</v>
      </c>
      <c r="B61256" s="14" t="s">
        <v>1</v>
      </c>
      <c r="C61256" s="14" t="s">
        <v>23</v>
      </c>
      <c r="D61256" s="14" t="s">
        <v>330</v>
      </c>
      <c r="E61256" s="15">
        <v>45677</v>
      </c>
      <c r="F61256" s="14" t="s">
        <v>15</v>
      </c>
      <c r="G61256" s="16">
        <v>5.2806738558020161</v>
      </c>
    </row>
    <row r="61257" spans="1:7" x14ac:dyDescent="0.3">
      <c r="A61257" s="13" t="s">
        <v>329</v>
      </c>
      <c r="B61257" s="14" t="s">
        <v>1</v>
      </c>
      <c r="C61257" s="14" t="s">
        <v>23</v>
      </c>
      <c r="D61257" s="14" t="s">
        <v>330</v>
      </c>
      <c r="E61257" s="15">
        <v>45678</v>
      </c>
      <c r="F61257" s="14" t="s">
        <v>15</v>
      </c>
      <c r="G61257" s="16">
        <v>5.3003498574295662</v>
      </c>
    </row>
    <row r="61258" spans="1:7" x14ac:dyDescent="0.3">
      <c r="A61258" s="13" t="s">
        <v>329</v>
      </c>
      <c r="B61258" s="14" t="s">
        <v>1</v>
      </c>
      <c r="C61258" s="14" t="s">
        <v>23</v>
      </c>
      <c r="D61258" s="14" t="s">
        <v>330</v>
      </c>
      <c r="E61258" s="15">
        <v>45679</v>
      </c>
      <c r="F61258" s="14" t="s">
        <v>15</v>
      </c>
      <c r="G61258" s="16">
        <v>5.3700177234994797</v>
      </c>
    </row>
    <row r="61259" spans="1:7" x14ac:dyDescent="0.3">
      <c r="A61259" s="13" t="s">
        <v>329</v>
      </c>
      <c r="B61259" s="14" t="s">
        <v>1</v>
      </c>
      <c r="C61259" s="14" t="s">
        <v>23</v>
      </c>
      <c r="D61259" s="14" t="s">
        <v>330</v>
      </c>
      <c r="E61259" s="15">
        <v>45680</v>
      </c>
      <c r="F61259" s="14" t="s">
        <v>15</v>
      </c>
      <c r="G61259" s="16">
        <v>5.3875012360837884</v>
      </c>
    </row>
    <row r="61260" spans="1:7" x14ac:dyDescent="0.3">
      <c r="A61260" s="13" t="s">
        <v>329</v>
      </c>
      <c r="B61260" s="14" t="s">
        <v>1</v>
      </c>
      <c r="C61260" s="14" t="s">
        <v>23</v>
      </c>
      <c r="D61260" s="14" t="s">
        <v>330</v>
      </c>
      <c r="E61260" s="15">
        <v>45681</v>
      </c>
      <c r="F61260" s="14" t="s">
        <v>15</v>
      </c>
      <c r="G61260" s="16">
        <v>5.4050396855519152</v>
      </c>
    </row>
    <row r="61261" spans="1:7" x14ac:dyDescent="0.3">
      <c r="A61261" s="13" t="s">
        <v>329</v>
      </c>
      <c r="B61261" s="14" t="s">
        <v>1</v>
      </c>
      <c r="C61261" s="14" t="s">
        <v>23</v>
      </c>
      <c r="D61261" s="14" t="s">
        <v>330</v>
      </c>
      <c r="E61261" s="15">
        <v>45682</v>
      </c>
      <c r="F61261" s="14" t="s">
        <v>15</v>
      </c>
      <c r="G61261" s="16">
        <v>5.4050396855519152</v>
      </c>
    </row>
    <row r="61262" spans="1:7" x14ac:dyDescent="0.3">
      <c r="A61262" s="13" t="s">
        <v>329</v>
      </c>
      <c r="B61262" s="14" t="s">
        <v>1</v>
      </c>
      <c r="C61262" s="14" t="s">
        <v>23</v>
      </c>
      <c r="D61262" s="14" t="s">
        <v>330</v>
      </c>
      <c r="E61262" s="15">
        <v>45683</v>
      </c>
      <c r="F61262" s="14" t="s">
        <v>15</v>
      </c>
      <c r="G61262" s="16">
        <v>5.4050396855519152</v>
      </c>
    </row>
    <row r="61263" spans="1:7" x14ac:dyDescent="0.3">
      <c r="A61263" s="13" t="s">
        <v>329</v>
      </c>
      <c r="B61263" s="14" t="s">
        <v>1</v>
      </c>
      <c r="C61263" s="14" t="s">
        <v>23</v>
      </c>
      <c r="D61263" s="14" t="s">
        <v>330</v>
      </c>
      <c r="E61263" s="15">
        <v>45684</v>
      </c>
      <c r="F61263" s="14" t="s">
        <v>15</v>
      </c>
      <c r="G61263" s="16">
        <v>5.4243802922550026</v>
      </c>
    </row>
    <row r="61264" spans="1:7" x14ac:dyDescent="0.3">
      <c r="A61264" s="13" t="s">
        <v>329</v>
      </c>
      <c r="B61264" s="14" t="s">
        <v>1</v>
      </c>
      <c r="C61264" s="14" t="s">
        <v>23</v>
      </c>
      <c r="D61264" s="14" t="s">
        <v>330</v>
      </c>
      <c r="E61264" s="15">
        <v>45685</v>
      </c>
      <c r="F61264" s="14" t="s">
        <v>15</v>
      </c>
      <c r="G61264" s="16">
        <v>5.4772134151198557</v>
      </c>
    </row>
    <row r="61265" spans="1:7" x14ac:dyDescent="0.3">
      <c r="A61265" s="13" t="s">
        <v>329</v>
      </c>
      <c r="B61265" s="14" t="s">
        <v>1</v>
      </c>
      <c r="C61265" s="14" t="s">
        <v>23</v>
      </c>
      <c r="D61265" s="14" t="s">
        <v>330</v>
      </c>
      <c r="E61265" s="15">
        <v>45686</v>
      </c>
      <c r="F61265" s="14" t="s">
        <v>15</v>
      </c>
      <c r="G61265" s="16">
        <v>5.4948820335101525</v>
      </c>
    </row>
    <row r="61266" spans="1:7" x14ac:dyDescent="0.3">
      <c r="A61266" s="13" t="s">
        <v>329</v>
      </c>
      <c r="B61266" s="14" t="s">
        <v>1</v>
      </c>
      <c r="C61266" s="14" t="s">
        <v>23</v>
      </c>
      <c r="D61266" s="14" t="s">
        <v>330</v>
      </c>
      <c r="E61266" s="15">
        <v>45687</v>
      </c>
      <c r="F61266" s="14" t="s">
        <v>15</v>
      </c>
      <c r="G61266" s="16">
        <v>5.5135380286642475</v>
      </c>
    </row>
    <row r="61267" spans="1:7" x14ac:dyDescent="0.3">
      <c r="A61267" s="13" t="s">
        <v>329</v>
      </c>
      <c r="B61267" s="14" t="s">
        <v>1</v>
      </c>
      <c r="C61267" s="14" t="s">
        <v>23</v>
      </c>
      <c r="D61267" s="14" t="s">
        <v>330</v>
      </c>
      <c r="E61267" s="15">
        <v>45688</v>
      </c>
      <c r="F61267" s="14" t="s">
        <v>15</v>
      </c>
      <c r="G61267" s="16">
        <v>5.5310762156950313</v>
      </c>
    </row>
    <row r="61268" spans="1:7" x14ac:dyDescent="0.3">
      <c r="A61268" s="13" t="s">
        <v>329</v>
      </c>
      <c r="B61268" s="14" t="s">
        <v>1</v>
      </c>
      <c r="C61268" s="14" t="s">
        <v>23</v>
      </c>
      <c r="D61268" s="14" t="s">
        <v>330</v>
      </c>
      <c r="E61268" s="15">
        <v>45689</v>
      </c>
      <c r="F61268" s="14" t="s">
        <v>15</v>
      </c>
      <c r="G61268" s="16">
        <v>5.5310762156950313</v>
      </c>
    </row>
    <row r="61269" spans="1:7" x14ac:dyDescent="0.3">
      <c r="A61269" s="13" t="s">
        <v>329</v>
      </c>
      <c r="B61269" s="14" t="s">
        <v>1</v>
      </c>
      <c r="C61269" s="14" t="s">
        <v>23</v>
      </c>
      <c r="D61269" s="14" t="s">
        <v>330</v>
      </c>
      <c r="E61269" s="15">
        <v>45690</v>
      </c>
      <c r="F61269" s="14" t="s">
        <v>15</v>
      </c>
      <c r="G61269" s="16">
        <v>5.5310762156950313</v>
      </c>
    </row>
    <row r="61270" spans="1:7" x14ac:dyDescent="0.3">
      <c r="A61270" s="13" t="s">
        <v>329</v>
      </c>
      <c r="B61270" s="14" t="s">
        <v>1</v>
      </c>
      <c r="C61270" s="14" t="s">
        <v>23</v>
      </c>
      <c r="D61270" s="14" t="s">
        <v>330</v>
      </c>
      <c r="E61270" s="15">
        <v>45691</v>
      </c>
      <c r="F61270" s="14" t="s">
        <v>15</v>
      </c>
      <c r="G61270" s="16">
        <v>5.5310762156950313</v>
      </c>
    </row>
    <row r="61271" spans="1:7" x14ac:dyDescent="0.3">
      <c r="A61271" s="13" t="s">
        <v>329</v>
      </c>
      <c r="B61271" s="14" t="s">
        <v>1</v>
      </c>
      <c r="C61271" s="14" t="s">
        <v>23</v>
      </c>
      <c r="D61271" s="14" t="s">
        <v>330</v>
      </c>
      <c r="E61271" s="15">
        <v>45692</v>
      </c>
      <c r="F61271" s="14" t="s">
        <v>15</v>
      </c>
      <c r="G61271" s="16">
        <v>5.5473624891201885</v>
      </c>
    </row>
    <row r="61272" spans="1:7" x14ac:dyDescent="0.3">
      <c r="A61272" s="13" t="s">
        <v>329</v>
      </c>
      <c r="B61272" s="14" t="s">
        <v>1</v>
      </c>
      <c r="C61272" s="14" t="s">
        <v>23</v>
      </c>
      <c r="D61272" s="14" t="s">
        <v>330</v>
      </c>
      <c r="E61272" s="15">
        <v>45693</v>
      </c>
      <c r="F61272" s="14" t="s">
        <v>15</v>
      </c>
      <c r="G61272" s="16">
        <v>5.6069181194863758</v>
      </c>
    </row>
    <row r="61273" spans="1:7" x14ac:dyDescent="0.3">
      <c r="A61273" s="13" t="s">
        <v>329</v>
      </c>
      <c r="B61273" s="14" t="s">
        <v>1</v>
      </c>
      <c r="C61273" s="14" t="s">
        <v>23</v>
      </c>
      <c r="D61273" s="14" t="s">
        <v>330</v>
      </c>
      <c r="E61273" s="15">
        <v>45694</v>
      </c>
      <c r="F61273" s="14" t="s">
        <v>15</v>
      </c>
      <c r="G61273" s="16">
        <v>5.6246850644012145</v>
      </c>
    </row>
    <row r="61274" spans="1:7" x14ac:dyDescent="0.3">
      <c r="A61274" s="13" t="s">
        <v>329</v>
      </c>
      <c r="B61274" s="14" t="s">
        <v>1</v>
      </c>
      <c r="C61274" s="14" t="s">
        <v>23</v>
      </c>
      <c r="D61274" s="14" t="s">
        <v>330</v>
      </c>
      <c r="E61274" s="15">
        <v>45695</v>
      </c>
      <c r="F61274" s="14" t="s">
        <v>15</v>
      </c>
      <c r="G61274" s="16">
        <v>5.6425437749070202</v>
      </c>
    </row>
    <row r="61275" spans="1:7" x14ac:dyDescent="0.3">
      <c r="A61275" s="13" t="s">
        <v>329</v>
      </c>
      <c r="B61275" s="14" t="s">
        <v>1</v>
      </c>
      <c r="C61275" s="14" t="s">
        <v>23</v>
      </c>
      <c r="D61275" s="14" t="s">
        <v>330</v>
      </c>
      <c r="E61275" s="15">
        <v>45696</v>
      </c>
      <c r="F61275" s="14" t="s">
        <v>15</v>
      </c>
      <c r="G61275" s="16">
        <v>5.6425437749070202</v>
      </c>
    </row>
    <row r="61276" spans="1:7" x14ac:dyDescent="0.3">
      <c r="A61276" s="13" t="s">
        <v>329</v>
      </c>
      <c r="B61276" s="14" t="s">
        <v>1</v>
      </c>
      <c r="C61276" s="14" t="s">
        <v>23</v>
      </c>
      <c r="D61276" s="14" t="s">
        <v>330</v>
      </c>
      <c r="E61276" s="15">
        <v>45697</v>
      </c>
      <c r="F61276" s="14" t="s">
        <v>15</v>
      </c>
      <c r="G61276" s="16">
        <v>5.6425437749070202</v>
      </c>
    </row>
    <row r="61277" spans="1:7" x14ac:dyDescent="0.3">
      <c r="A61277" s="13" t="s">
        <v>329</v>
      </c>
      <c r="B61277" s="14" t="s">
        <v>1</v>
      </c>
      <c r="C61277" s="14" t="s">
        <v>23</v>
      </c>
      <c r="D61277" s="14" t="s">
        <v>330</v>
      </c>
      <c r="E61277" s="15">
        <v>45698</v>
      </c>
      <c r="F61277" s="14" t="s">
        <v>15</v>
      </c>
      <c r="G61277" s="16">
        <v>5.6701314751165324</v>
      </c>
    </row>
    <row r="61278" spans="1:7" x14ac:dyDescent="0.3">
      <c r="A61278" s="13" t="s">
        <v>329</v>
      </c>
      <c r="B61278" s="14" t="s">
        <v>1</v>
      </c>
      <c r="C61278" s="14" t="s">
        <v>23</v>
      </c>
      <c r="D61278" s="14" t="s">
        <v>330</v>
      </c>
      <c r="E61278" s="15">
        <v>45699</v>
      </c>
      <c r="F61278" s="14" t="s">
        <v>15</v>
      </c>
      <c r="G61278" s="16">
        <v>5.7233289484927017</v>
      </c>
    </row>
    <row r="61279" spans="1:7" x14ac:dyDescent="0.3">
      <c r="A61279" s="13" t="s">
        <v>329</v>
      </c>
      <c r="B61279" s="14" t="s">
        <v>1</v>
      </c>
      <c r="C61279" s="14" t="s">
        <v>23</v>
      </c>
      <c r="D61279" s="14" t="s">
        <v>330</v>
      </c>
      <c r="E61279" s="15">
        <v>45700</v>
      </c>
      <c r="F61279" s="14" t="s">
        <v>15</v>
      </c>
      <c r="G61279" s="16">
        <v>5.741016724809044</v>
      </c>
    </row>
    <row r="61280" spans="1:7" x14ac:dyDescent="0.3">
      <c r="A61280" s="13" t="s">
        <v>329</v>
      </c>
      <c r="B61280" s="14" t="s">
        <v>1</v>
      </c>
      <c r="C61280" s="14" t="s">
        <v>23</v>
      </c>
      <c r="D61280" s="14" t="s">
        <v>330</v>
      </c>
      <c r="E61280" s="15">
        <v>45701</v>
      </c>
      <c r="F61280" s="14" t="s">
        <v>15</v>
      </c>
      <c r="G61280" s="16">
        <v>5.7604964233039659</v>
      </c>
    </row>
    <row r="61281" spans="1:7" x14ac:dyDescent="0.3">
      <c r="A61281" s="13" t="s">
        <v>329</v>
      </c>
      <c r="B61281" s="14" t="s">
        <v>1</v>
      </c>
      <c r="C61281" s="14" t="s">
        <v>23</v>
      </c>
      <c r="D61281" s="14" t="s">
        <v>330</v>
      </c>
      <c r="E61281" s="15">
        <v>45702</v>
      </c>
      <c r="F61281" s="14" t="s">
        <v>15</v>
      </c>
      <c r="G61281" s="16">
        <v>5.7780186891359362</v>
      </c>
    </row>
    <row r="61282" spans="1:7" x14ac:dyDescent="0.3">
      <c r="A61282" s="13" t="s">
        <v>329</v>
      </c>
      <c r="B61282" s="14" t="s">
        <v>1</v>
      </c>
      <c r="C61282" s="14" t="s">
        <v>23</v>
      </c>
      <c r="D61282" s="14" t="s">
        <v>330</v>
      </c>
      <c r="E61282" s="15">
        <v>45703</v>
      </c>
      <c r="F61282" s="14" t="s">
        <v>15</v>
      </c>
      <c r="G61282" s="16">
        <v>5.7780186891359362</v>
      </c>
    </row>
    <row r="61283" spans="1:7" x14ac:dyDescent="0.3">
      <c r="A61283" s="13" t="s">
        <v>329</v>
      </c>
      <c r="B61283" s="14" t="s">
        <v>1</v>
      </c>
      <c r="C61283" s="14" t="s">
        <v>23</v>
      </c>
      <c r="D61283" s="14" t="s">
        <v>330</v>
      </c>
      <c r="E61283" s="15">
        <v>45704</v>
      </c>
      <c r="F61283" s="14" t="s">
        <v>15</v>
      </c>
      <c r="G61283" s="16">
        <v>5.7780186891359362</v>
      </c>
    </row>
    <row r="61284" spans="1:7" x14ac:dyDescent="0.3">
      <c r="A61284" s="13" t="s">
        <v>329</v>
      </c>
      <c r="B61284" s="14" t="s">
        <v>1</v>
      </c>
      <c r="C61284" s="14" t="s">
        <v>23</v>
      </c>
      <c r="D61284" s="14" t="s">
        <v>330</v>
      </c>
      <c r="E61284" s="15">
        <v>45705</v>
      </c>
      <c r="F61284" s="14" t="s">
        <v>15</v>
      </c>
      <c r="G61284" s="16">
        <v>5.7780186891359362</v>
      </c>
    </row>
    <row r="61285" spans="1:7" x14ac:dyDescent="0.3">
      <c r="A61285" s="13" t="s">
        <v>329</v>
      </c>
      <c r="B61285" s="14" t="s">
        <v>1</v>
      </c>
      <c r="C61285" s="14" t="s">
        <v>23</v>
      </c>
      <c r="D61285" s="14" t="s">
        <v>330</v>
      </c>
      <c r="E61285" s="15">
        <v>45706</v>
      </c>
      <c r="F61285" s="14" t="s">
        <v>15</v>
      </c>
      <c r="G61285" s="16">
        <v>5.795757990650638</v>
      </c>
    </row>
    <row r="61286" spans="1:7" x14ac:dyDescent="0.3">
      <c r="A61286" s="13" t="s">
        <v>329</v>
      </c>
      <c r="B61286" s="14" t="s">
        <v>1</v>
      </c>
      <c r="C61286" s="14" t="s">
        <v>23</v>
      </c>
      <c r="D61286" s="14" t="s">
        <v>330</v>
      </c>
      <c r="E61286" s="15">
        <v>45707</v>
      </c>
      <c r="F61286" s="14" t="s">
        <v>15</v>
      </c>
      <c r="G61286" s="16">
        <v>5.8662401123170271</v>
      </c>
    </row>
    <row r="61287" spans="1:7" x14ac:dyDescent="0.3">
      <c r="A61287" s="13" t="s">
        <v>329</v>
      </c>
      <c r="B61287" s="14" t="s">
        <v>1</v>
      </c>
      <c r="C61287" s="14" t="s">
        <v>23</v>
      </c>
      <c r="D61287" s="14" t="s">
        <v>330</v>
      </c>
      <c r="E61287" s="15">
        <v>45708</v>
      </c>
      <c r="F61287" s="14" t="s">
        <v>15</v>
      </c>
      <c r="G61287" s="16">
        <v>5.8838762759558962</v>
      </c>
    </row>
    <row r="61288" spans="1:7" x14ac:dyDescent="0.3">
      <c r="A61288" s="13" t="s">
        <v>329</v>
      </c>
      <c r="B61288" s="14" t="s">
        <v>1</v>
      </c>
      <c r="C61288" s="14" t="s">
        <v>23</v>
      </c>
      <c r="D61288" s="14" t="s">
        <v>330</v>
      </c>
      <c r="E61288" s="15">
        <v>45709</v>
      </c>
      <c r="F61288" s="14" t="s">
        <v>15</v>
      </c>
      <c r="G61288" s="16">
        <v>5.8945547882340277</v>
      </c>
    </row>
    <row r="61289" spans="1:7" x14ac:dyDescent="0.3">
      <c r="A61289" s="13" t="s">
        <v>329</v>
      </c>
      <c r="B61289" s="14" t="s">
        <v>1</v>
      </c>
      <c r="C61289" s="14" t="s">
        <v>23</v>
      </c>
      <c r="D61289" s="14" t="s">
        <v>330</v>
      </c>
      <c r="E61289" s="15">
        <v>45710</v>
      </c>
      <c r="F61289" s="14" t="s">
        <v>15</v>
      </c>
      <c r="G61289" s="16">
        <v>5.8945547882340277</v>
      </c>
    </row>
    <row r="61290" spans="1:7" x14ac:dyDescent="0.3">
      <c r="A61290" s="13" t="s">
        <v>329</v>
      </c>
      <c r="B61290" s="14" t="s">
        <v>1</v>
      </c>
      <c r="C61290" s="14" t="s">
        <v>23</v>
      </c>
      <c r="D61290" s="14" t="s">
        <v>330</v>
      </c>
      <c r="E61290" s="15">
        <v>45711</v>
      </c>
      <c r="F61290" s="14" t="s">
        <v>15</v>
      </c>
      <c r="G61290" s="16">
        <v>5.8945547882340277</v>
      </c>
    </row>
    <row r="61291" spans="1:7" x14ac:dyDescent="0.3">
      <c r="A61291" s="13" t="s">
        <v>329</v>
      </c>
      <c r="B61291" s="14" t="s">
        <v>1</v>
      </c>
      <c r="C61291" s="14" t="s">
        <v>23</v>
      </c>
      <c r="D61291" s="14" t="s">
        <v>330</v>
      </c>
      <c r="E61291" s="15">
        <v>45712</v>
      </c>
      <c r="F61291" s="14" t="s">
        <v>15</v>
      </c>
      <c r="G61291" s="16">
        <v>5.9087351769391621</v>
      </c>
    </row>
    <row r="61292" spans="1:7" x14ac:dyDescent="0.3">
      <c r="A61292" s="13" t="s">
        <v>329</v>
      </c>
      <c r="B61292" s="14" t="s">
        <v>1</v>
      </c>
      <c r="C61292" s="14" t="s">
        <v>23</v>
      </c>
      <c r="D61292" s="14" t="s">
        <v>330</v>
      </c>
      <c r="E61292" s="15">
        <v>45713</v>
      </c>
      <c r="F61292" s="14" t="s">
        <v>15</v>
      </c>
      <c r="G61292" s="16">
        <v>5.9616763365102523</v>
      </c>
    </row>
    <row r="61293" spans="1:7" x14ac:dyDescent="0.3">
      <c r="A61293" s="13" t="s">
        <v>329</v>
      </c>
      <c r="B61293" s="14" t="s">
        <v>1</v>
      </c>
      <c r="C61293" s="14" t="s">
        <v>23</v>
      </c>
      <c r="D61293" s="14" t="s">
        <v>330</v>
      </c>
      <c r="E61293" s="15">
        <v>45714</v>
      </c>
      <c r="F61293" s="14" t="s">
        <v>15</v>
      </c>
      <c r="G61293" s="16">
        <v>5.976525328086451</v>
      </c>
    </row>
    <row r="61294" spans="1:7" x14ac:dyDescent="0.3">
      <c r="A61294" s="13" t="s">
        <v>329</v>
      </c>
      <c r="B61294" s="14" t="s">
        <v>1</v>
      </c>
      <c r="C61294" s="14" t="s">
        <v>23</v>
      </c>
      <c r="D61294" s="14" t="s">
        <v>330</v>
      </c>
      <c r="E61294" s="15">
        <v>45715</v>
      </c>
      <c r="F61294" s="14" t="s">
        <v>15</v>
      </c>
      <c r="G61294" s="16">
        <v>5.9945508612633427</v>
      </c>
    </row>
    <row r="61295" spans="1:7" x14ac:dyDescent="0.3">
      <c r="A61295" s="13" t="s">
        <v>329</v>
      </c>
      <c r="B61295" s="14" t="s">
        <v>1</v>
      </c>
      <c r="C61295" s="14" t="s">
        <v>23</v>
      </c>
      <c r="D61295" s="14" t="s">
        <v>330</v>
      </c>
      <c r="E61295" s="15">
        <v>45716</v>
      </c>
      <c r="F61295" s="14" t="s">
        <v>15</v>
      </c>
      <c r="G61295" s="16">
        <v>6.0123038095198842</v>
      </c>
    </row>
    <row r="61296" spans="1:7" x14ac:dyDescent="0.3">
      <c r="A61296" s="13" t="s">
        <v>329</v>
      </c>
      <c r="B61296" s="14" t="s">
        <v>1</v>
      </c>
      <c r="C61296" s="14" t="s">
        <v>23</v>
      </c>
      <c r="D61296" s="14" t="s">
        <v>330</v>
      </c>
      <c r="E61296" s="15">
        <v>45717</v>
      </c>
      <c r="F61296" s="14" t="s">
        <v>15</v>
      </c>
      <c r="G61296" s="16">
        <v>6.0123038095198842</v>
      </c>
    </row>
    <row r="61297" spans="1:7" x14ac:dyDescent="0.3">
      <c r="A61297" s="13" t="s">
        <v>329</v>
      </c>
      <c r="B61297" s="14" t="s">
        <v>1</v>
      </c>
      <c r="C61297" s="14" t="s">
        <v>23</v>
      </c>
      <c r="D61297" s="14" t="s">
        <v>330</v>
      </c>
      <c r="E61297" s="15">
        <v>45718</v>
      </c>
      <c r="F61297" s="14" t="s">
        <v>15</v>
      </c>
      <c r="G61297" s="16">
        <v>6.0123038095198842</v>
      </c>
    </row>
    <row r="61298" spans="1:7" x14ac:dyDescent="0.3">
      <c r="A61298" s="13" t="s">
        <v>329</v>
      </c>
      <c r="B61298" s="14" t="s">
        <v>1</v>
      </c>
      <c r="C61298" s="14" t="s">
        <v>23</v>
      </c>
      <c r="D61298" s="14" t="s">
        <v>330</v>
      </c>
      <c r="E61298" s="15">
        <v>45719</v>
      </c>
      <c r="F61298" s="14" t="s">
        <v>15</v>
      </c>
      <c r="G61298" s="16">
        <v>6.053963225107351</v>
      </c>
    </row>
    <row r="61299" spans="1:7" x14ac:dyDescent="0.3">
      <c r="A61299" s="13" t="s">
        <v>329</v>
      </c>
      <c r="B61299" s="14" t="s">
        <v>1</v>
      </c>
      <c r="C61299" s="14" t="s">
        <v>23</v>
      </c>
      <c r="D61299" s="14" t="s">
        <v>330</v>
      </c>
      <c r="E61299" s="15">
        <v>45720</v>
      </c>
      <c r="F61299" s="14" t="s">
        <v>15</v>
      </c>
      <c r="G61299" s="16">
        <v>6.1070989382287815</v>
      </c>
    </row>
    <row r="61300" spans="1:7" x14ac:dyDescent="0.3">
      <c r="A61300" s="13" t="s">
        <v>329</v>
      </c>
      <c r="B61300" s="14" t="s">
        <v>1</v>
      </c>
      <c r="C61300" s="14" t="s">
        <v>23</v>
      </c>
      <c r="D61300" s="14" t="s">
        <v>330</v>
      </c>
      <c r="E61300" s="15">
        <v>45721</v>
      </c>
      <c r="F61300" s="14" t="s">
        <v>15</v>
      </c>
      <c r="G61300" s="16">
        <v>6.1251942797389338</v>
      </c>
    </row>
    <row r="61301" spans="1:7" x14ac:dyDescent="0.3">
      <c r="A61301" s="13" t="s">
        <v>329</v>
      </c>
      <c r="B61301" s="14" t="s">
        <v>1</v>
      </c>
      <c r="C61301" s="14" t="s">
        <v>23</v>
      </c>
      <c r="D61301" s="14" t="s">
        <v>330</v>
      </c>
      <c r="E61301" s="15">
        <v>45722</v>
      </c>
      <c r="F61301" s="14" t="s">
        <v>15</v>
      </c>
      <c r="G61301" s="16">
        <v>6.1437189687423714</v>
      </c>
    </row>
    <row r="61302" spans="1:7" x14ac:dyDescent="0.3">
      <c r="A61302" s="13" t="s">
        <v>329</v>
      </c>
      <c r="B61302" s="14" t="s">
        <v>1</v>
      </c>
      <c r="C61302" s="14" t="s">
        <v>23</v>
      </c>
      <c r="D61302" s="14" t="s">
        <v>330</v>
      </c>
      <c r="E61302" s="15">
        <v>45723</v>
      </c>
      <c r="F61302" s="14" t="s">
        <v>15</v>
      </c>
      <c r="G61302" s="16">
        <v>6.1615634201525351</v>
      </c>
    </row>
    <row r="61303" spans="1:7" x14ac:dyDescent="0.3">
      <c r="A61303" s="13" t="s">
        <v>329</v>
      </c>
      <c r="B61303" s="14" t="s">
        <v>1</v>
      </c>
      <c r="C61303" s="14" t="s">
        <v>23</v>
      </c>
      <c r="D61303" s="14" t="s">
        <v>330</v>
      </c>
      <c r="E61303" s="15">
        <v>45724</v>
      </c>
      <c r="F61303" s="14" t="s">
        <v>15</v>
      </c>
      <c r="G61303" s="16">
        <v>6.1615634201525351</v>
      </c>
    </row>
    <row r="61304" spans="1:7" x14ac:dyDescent="0.3">
      <c r="A61304" s="13" t="s">
        <v>329</v>
      </c>
      <c r="B61304" s="14" t="s">
        <v>1</v>
      </c>
      <c r="C61304" s="14" t="s">
        <v>23</v>
      </c>
      <c r="D61304" s="14" t="s">
        <v>330</v>
      </c>
      <c r="E61304" s="15">
        <v>45725</v>
      </c>
      <c r="F61304" s="14" t="s">
        <v>15</v>
      </c>
      <c r="G61304" s="16">
        <v>6.1615634201525351</v>
      </c>
    </row>
    <row r="61305" spans="1:7" x14ac:dyDescent="0.3">
      <c r="A61305" s="13" t="s">
        <v>329</v>
      </c>
      <c r="B61305" s="14" t="s">
        <v>1</v>
      </c>
      <c r="C61305" s="14" t="s">
        <v>23</v>
      </c>
      <c r="D61305" s="14" t="s">
        <v>330</v>
      </c>
      <c r="E61305" s="15">
        <v>45726</v>
      </c>
      <c r="F61305" s="14" t="s">
        <v>15</v>
      </c>
      <c r="G61305" s="16">
        <v>6.1889377588021199</v>
      </c>
    </row>
    <row r="61306" spans="1:7" x14ac:dyDescent="0.3">
      <c r="A61306" s="13" t="s">
        <v>329</v>
      </c>
      <c r="B61306" s="14" t="s">
        <v>1</v>
      </c>
      <c r="C61306" s="14" t="s">
        <v>23</v>
      </c>
      <c r="D61306" s="14" t="s">
        <v>330</v>
      </c>
      <c r="E61306" s="15">
        <v>45727</v>
      </c>
      <c r="F61306" s="14" t="s">
        <v>15</v>
      </c>
      <c r="G61306" s="16">
        <v>6.2419808315414409</v>
      </c>
    </row>
    <row r="61307" spans="1:7" x14ac:dyDescent="0.3">
      <c r="A61307" s="13" t="s">
        <v>329</v>
      </c>
      <c r="B61307" s="14" t="s">
        <v>1</v>
      </c>
      <c r="C61307" s="14" t="s">
        <v>23</v>
      </c>
      <c r="D61307" s="14" t="s">
        <v>330</v>
      </c>
      <c r="E61307" s="15">
        <v>45728</v>
      </c>
      <c r="F61307" s="14" t="s">
        <v>15</v>
      </c>
      <c r="G61307" s="16">
        <v>6.2613098035223187</v>
      </c>
    </row>
    <row r="61308" spans="1:7" x14ac:dyDescent="0.3">
      <c r="A61308" s="13" t="s">
        <v>329</v>
      </c>
      <c r="B61308" s="14" t="s">
        <v>1</v>
      </c>
      <c r="C61308" s="14" t="s">
        <v>23</v>
      </c>
      <c r="D61308" s="14" t="s">
        <v>330</v>
      </c>
      <c r="E61308" s="15">
        <v>45729</v>
      </c>
      <c r="F61308" s="14" t="s">
        <v>15</v>
      </c>
      <c r="G61308" s="16">
        <v>6.2768949318458693</v>
      </c>
    </row>
    <row r="61309" spans="1:7" x14ac:dyDescent="0.3">
      <c r="A61309" s="13" t="s">
        <v>329</v>
      </c>
      <c r="B61309" s="14" t="s">
        <v>1</v>
      </c>
      <c r="C61309" s="14" t="s">
        <v>23</v>
      </c>
      <c r="D61309" s="14" t="s">
        <v>330</v>
      </c>
      <c r="E61309" s="15">
        <v>45730</v>
      </c>
      <c r="F61309" s="14" t="s">
        <v>15</v>
      </c>
      <c r="G61309" s="16">
        <v>6.1801661501154452</v>
      </c>
    </row>
    <row r="61310" spans="1:7" x14ac:dyDescent="0.3">
      <c r="A61310" s="13" t="s">
        <v>329</v>
      </c>
      <c r="B61310" s="14" t="s">
        <v>1</v>
      </c>
      <c r="C61310" s="14" t="s">
        <v>23</v>
      </c>
      <c r="D61310" s="14" t="s">
        <v>330</v>
      </c>
      <c r="E61310" s="15">
        <v>45731</v>
      </c>
      <c r="F61310" s="14" t="s">
        <v>15</v>
      </c>
      <c r="G61310" s="16">
        <v>6.1801661501154452</v>
      </c>
    </row>
    <row r="61311" spans="1:7" x14ac:dyDescent="0.3">
      <c r="A61311" s="13" t="s">
        <v>329</v>
      </c>
      <c r="B61311" s="14" t="s">
        <v>1</v>
      </c>
      <c r="C61311" s="14" t="s">
        <v>23</v>
      </c>
      <c r="D61311" s="14" t="s">
        <v>330</v>
      </c>
      <c r="E61311" s="15">
        <v>45732</v>
      </c>
      <c r="F61311" s="14" t="s">
        <v>15</v>
      </c>
      <c r="G61311" s="16">
        <v>6.1801661501154452</v>
      </c>
    </row>
    <row r="61312" spans="1:7" x14ac:dyDescent="0.3">
      <c r="A61312" s="13" t="s">
        <v>329</v>
      </c>
      <c r="B61312" s="14" t="s">
        <v>1</v>
      </c>
      <c r="C61312" s="14" t="s">
        <v>23</v>
      </c>
      <c r="D61312" s="14" t="s">
        <v>330</v>
      </c>
      <c r="E61312" s="15">
        <v>45733</v>
      </c>
      <c r="F61312" s="14" t="s">
        <v>15</v>
      </c>
      <c r="G61312" s="16">
        <v>6.1801661501154452</v>
      </c>
    </row>
    <row r="61313" spans="1:7" x14ac:dyDescent="0.3">
      <c r="A61313" s="13" t="s">
        <v>329</v>
      </c>
      <c r="B61313" s="14" t="s">
        <v>1</v>
      </c>
      <c r="C61313" s="14" t="s">
        <v>23</v>
      </c>
      <c r="D61313" s="14" t="s">
        <v>330</v>
      </c>
      <c r="E61313" s="15">
        <v>45734</v>
      </c>
      <c r="F61313" s="14" t="s">
        <v>15</v>
      </c>
      <c r="G61313" s="16">
        <v>6.1958264229982323</v>
      </c>
    </row>
    <row r="61314" spans="1:7" x14ac:dyDescent="0.3">
      <c r="A61314" s="13" t="s">
        <v>329</v>
      </c>
      <c r="B61314" s="14" t="s">
        <v>1</v>
      </c>
      <c r="C61314" s="14" t="s">
        <v>23</v>
      </c>
      <c r="D61314" s="14" t="s">
        <v>330</v>
      </c>
      <c r="E61314" s="15">
        <v>45735</v>
      </c>
      <c r="F61314" s="14" t="s">
        <v>15</v>
      </c>
      <c r="G61314" s="16">
        <v>6.2587980253011208</v>
      </c>
    </row>
    <row r="61315" spans="1:7" x14ac:dyDescent="0.3">
      <c r="A61315" s="13" t="s">
        <v>329</v>
      </c>
      <c r="B61315" s="14" t="s">
        <v>1</v>
      </c>
      <c r="C61315" s="14" t="s">
        <v>23</v>
      </c>
      <c r="D61315" s="14" t="s">
        <v>330</v>
      </c>
      <c r="E61315" s="15">
        <v>45736</v>
      </c>
      <c r="F61315" s="14" t="s">
        <v>15</v>
      </c>
      <c r="G61315" s="16">
        <v>6.2767371291130232</v>
      </c>
    </row>
    <row r="61316" spans="1:7" x14ac:dyDescent="0.3">
      <c r="A61316" s="13" t="s">
        <v>329</v>
      </c>
      <c r="B61316" s="14" t="s">
        <v>1</v>
      </c>
      <c r="C61316" s="14" t="s">
        <v>23</v>
      </c>
      <c r="D61316" s="14" t="s">
        <v>330</v>
      </c>
      <c r="E61316" s="15">
        <v>45737</v>
      </c>
      <c r="F61316" s="14" t="s">
        <v>15</v>
      </c>
      <c r="G61316" s="16">
        <v>6.2935481202806605</v>
      </c>
    </row>
    <row r="61317" spans="1:7" x14ac:dyDescent="0.3">
      <c r="A61317" s="13" t="s">
        <v>329</v>
      </c>
      <c r="B61317" s="14" t="s">
        <v>1</v>
      </c>
      <c r="C61317" s="14" t="s">
        <v>23</v>
      </c>
      <c r="D61317" s="14" t="s">
        <v>330</v>
      </c>
      <c r="E61317" s="15">
        <v>45738</v>
      </c>
      <c r="F61317" s="14" t="s">
        <v>15</v>
      </c>
      <c r="G61317" s="16">
        <v>6.2935481202806605</v>
      </c>
    </row>
    <row r="61318" spans="1:7" x14ac:dyDescent="0.3">
      <c r="A61318" s="13" t="s">
        <v>329</v>
      </c>
      <c r="B61318" s="14" t="s">
        <v>1</v>
      </c>
      <c r="C61318" s="14" t="s">
        <v>23</v>
      </c>
      <c r="D61318" s="14" t="s">
        <v>330</v>
      </c>
      <c r="E61318" s="15">
        <v>45739</v>
      </c>
      <c r="F61318" s="14" t="s">
        <v>15</v>
      </c>
      <c r="G61318" s="16">
        <v>6.2935481202806605</v>
      </c>
    </row>
    <row r="61319" spans="1:7" x14ac:dyDescent="0.3">
      <c r="A61319" s="13" t="s">
        <v>329</v>
      </c>
      <c r="B61319" s="14" t="s">
        <v>1</v>
      </c>
      <c r="C61319" s="14" t="s">
        <v>23</v>
      </c>
      <c r="D61319" s="14" t="s">
        <v>330</v>
      </c>
      <c r="E61319" s="15">
        <v>45740</v>
      </c>
      <c r="F61319" s="14" t="s">
        <v>15</v>
      </c>
      <c r="G61319" s="16">
        <v>6.3115518807344442</v>
      </c>
    </row>
    <row r="61320" spans="1:7" x14ac:dyDescent="0.3">
      <c r="A61320" s="13" t="s">
        <v>329</v>
      </c>
      <c r="B61320" s="14" t="s">
        <v>1</v>
      </c>
      <c r="C61320" s="14" t="s">
        <v>23</v>
      </c>
      <c r="D61320" s="14" t="s">
        <v>330</v>
      </c>
      <c r="E61320" s="15">
        <v>45741</v>
      </c>
      <c r="F61320" s="14" t="s">
        <v>15</v>
      </c>
      <c r="G61320" s="16">
        <v>6.3656317761451664</v>
      </c>
    </row>
    <row r="61321" spans="1:7" x14ac:dyDescent="0.3">
      <c r="A61321" s="13" t="s">
        <v>329</v>
      </c>
      <c r="B61321" s="14" t="s">
        <v>1</v>
      </c>
      <c r="C61321" s="14" t="s">
        <v>23</v>
      </c>
      <c r="D61321" s="14" t="s">
        <v>330</v>
      </c>
      <c r="E61321" s="15">
        <v>45742</v>
      </c>
      <c r="F61321" s="14" t="s">
        <v>15</v>
      </c>
      <c r="G61321" s="16">
        <v>6.3836038429648934</v>
      </c>
    </row>
    <row r="61322" spans="1:7" x14ac:dyDescent="0.3">
      <c r="A61322" s="13" t="s">
        <v>329</v>
      </c>
      <c r="B61322" s="14" t="s">
        <v>1</v>
      </c>
      <c r="C61322" s="14" t="s">
        <v>23</v>
      </c>
      <c r="D61322" s="14" t="s">
        <v>330</v>
      </c>
      <c r="E61322" s="15">
        <v>45743</v>
      </c>
      <c r="F61322" s="14" t="s">
        <v>15</v>
      </c>
      <c r="G61322" s="16">
        <v>6.40181453387705</v>
      </c>
    </row>
    <row r="61323" spans="1:7" x14ac:dyDescent="0.3">
      <c r="A61323" s="13" t="s">
        <v>329</v>
      </c>
      <c r="B61323" s="14" t="s">
        <v>1</v>
      </c>
      <c r="C61323" s="14" t="s">
        <v>23</v>
      </c>
      <c r="D61323" s="14" t="s">
        <v>330</v>
      </c>
      <c r="E61323" s="15">
        <v>45744</v>
      </c>
      <c r="F61323" s="14" t="s">
        <v>15</v>
      </c>
      <c r="G61323" s="16">
        <v>6.4197566629427234</v>
      </c>
    </row>
    <row r="61324" spans="1:7" x14ac:dyDescent="0.3">
      <c r="A61324" s="13" t="s">
        <v>329</v>
      </c>
      <c r="B61324" s="14" t="s">
        <v>1</v>
      </c>
      <c r="C61324" s="14" t="s">
        <v>23</v>
      </c>
      <c r="D61324" s="14" t="s">
        <v>330</v>
      </c>
      <c r="E61324" s="15">
        <v>45745</v>
      </c>
      <c r="F61324" s="14" t="s">
        <v>15</v>
      </c>
      <c r="G61324" s="16">
        <v>6.4197566629427234</v>
      </c>
    </row>
    <row r="61325" spans="1:7" x14ac:dyDescent="0.3">
      <c r="A61325" s="13" t="s">
        <v>329</v>
      </c>
      <c r="B61325" s="14" t="s">
        <v>1</v>
      </c>
      <c r="C61325" s="14" t="s">
        <v>23</v>
      </c>
      <c r="D61325" s="14" t="s">
        <v>330</v>
      </c>
      <c r="E61325" s="15">
        <v>45746</v>
      </c>
      <c r="F61325" s="14" t="s">
        <v>15</v>
      </c>
      <c r="G61325" s="16">
        <v>6.4197566629427234</v>
      </c>
    </row>
    <row r="61326" spans="1:7" x14ac:dyDescent="0.3">
      <c r="A61326" s="13" t="s">
        <v>329</v>
      </c>
      <c r="B61326" s="14" t="s">
        <v>1</v>
      </c>
      <c r="C61326" s="14" t="s">
        <v>23</v>
      </c>
      <c r="D61326" s="14" t="s">
        <v>330</v>
      </c>
      <c r="E61326" s="15">
        <v>45747</v>
      </c>
      <c r="F61326" s="14" t="s">
        <v>15</v>
      </c>
      <c r="G61326" s="16">
        <v>6.4375643793941544</v>
      </c>
    </row>
    <row r="61327" spans="1:7" x14ac:dyDescent="0.3">
      <c r="A61327" s="13" t="s">
        <v>331</v>
      </c>
      <c r="B61327" s="14" t="s">
        <v>1</v>
      </c>
      <c r="C61327" s="14" t="s">
        <v>137</v>
      </c>
      <c r="D61327" s="14" t="s">
        <v>14</v>
      </c>
      <c r="E61327" s="15">
        <v>45383</v>
      </c>
      <c r="F61327" s="14" t="s">
        <v>15</v>
      </c>
      <c r="G61327" s="16">
        <v>0</v>
      </c>
    </row>
    <row r="61328" spans="1:7" x14ac:dyDescent="0.3">
      <c r="A61328" s="13" t="s">
        <v>331</v>
      </c>
      <c r="B61328" s="14" t="s">
        <v>1</v>
      </c>
      <c r="C61328" s="14" t="s">
        <v>137</v>
      </c>
      <c r="D61328" s="14" t="s">
        <v>14</v>
      </c>
      <c r="E61328" s="15">
        <v>45384</v>
      </c>
      <c r="F61328" s="14" t="s">
        <v>15</v>
      </c>
      <c r="G61328" s="16">
        <v>0</v>
      </c>
    </row>
    <row r="61329" spans="1:7" x14ac:dyDescent="0.3">
      <c r="A61329" s="13" t="s">
        <v>331</v>
      </c>
      <c r="B61329" s="14" t="s">
        <v>1</v>
      </c>
      <c r="C61329" s="14" t="s">
        <v>137</v>
      </c>
      <c r="D61329" s="14" t="s">
        <v>14</v>
      </c>
      <c r="E61329" s="15">
        <v>45385</v>
      </c>
      <c r="F61329" s="14" t="s">
        <v>15</v>
      </c>
      <c r="G61329" s="16">
        <v>6.935729135298567E-2</v>
      </c>
    </row>
    <row r="61330" spans="1:7" x14ac:dyDescent="0.3">
      <c r="A61330" s="13" t="s">
        <v>331</v>
      </c>
      <c r="B61330" s="14" t="s">
        <v>1</v>
      </c>
      <c r="C61330" s="14" t="s">
        <v>137</v>
      </c>
      <c r="D61330" s="14" t="s">
        <v>14</v>
      </c>
      <c r="E61330" s="15">
        <v>45386</v>
      </c>
      <c r="F61330" s="14" t="s">
        <v>15</v>
      </c>
      <c r="G61330" s="16">
        <v>8.7527544202195925E-2</v>
      </c>
    </row>
    <row r="61331" spans="1:7" x14ac:dyDescent="0.3">
      <c r="A61331" s="13" t="s">
        <v>331</v>
      </c>
      <c r="B61331" s="14" t="s">
        <v>1</v>
      </c>
      <c r="C61331" s="14" t="s">
        <v>137</v>
      </c>
      <c r="D61331" s="14" t="s">
        <v>14</v>
      </c>
      <c r="E61331" s="15">
        <v>45387</v>
      </c>
      <c r="F61331" s="14" t="s">
        <v>15</v>
      </c>
      <c r="G61331" s="16">
        <v>0.10739433172344656</v>
      </c>
    </row>
    <row r="61332" spans="1:7" x14ac:dyDescent="0.3">
      <c r="A61332" s="13" t="s">
        <v>331</v>
      </c>
      <c r="B61332" s="14" t="s">
        <v>1</v>
      </c>
      <c r="C61332" s="14" t="s">
        <v>137</v>
      </c>
      <c r="D61332" s="14" t="s">
        <v>14</v>
      </c>
      <c r="E61332" s="15">
        <v>45388</v>
      </c>
      <c r="F61332" s="14" t="s">
        <v>15</v>
      </c>
      <c r="G61332" s="16">
        <v>0.10739433172344656</v>
      </c>
    </row>
    <row r="61333" spans="1:7" x14ac:dyDescent="0.3">
      <c r="A61333" s="13" t="s">
        <v>331</v>
      </c>
      <c r="B61333" s="14" t="s">
        <v>1</v>
      </c>
      <c r="C61333" s="14" t="s">
        <v>137</v>
      </c>
      <c r="D61333" s="14" t="s">
        <v>14</v>
      </c>
      <c r="E61333" s="15">
        <v>45389</v>
      </c>
      <c r="F61333" s="14" t="s">
        <v>15</v>
      </c>
      <c r="G61333" s="16">
        <v>0.10739433172344656</v>
      </c>
    </row>
    <row r="61334" spans="1:7" x14ac:dyDescent="0.3">
      <c r="A61334" s="13" t="s">
        <v>331</v>
      </c>
      <c r="B61334" s="14" t="s">
        <v>1</v>
      </c>
      <c r="C61334" s="14" t="s">
        <v>137</v>
      </c>
      <c r="D61334" s="14" t="s">
        <v>14</v>
      </c>
      <c r="E61334" s="15">
        <v>45390</v>
      </c>
      <c r="F61334" s="14" t="s">
        <v>15</v>
      </c>
      <c r="G61334" s="16">
        <v>0.12475107935391334</v>
      </c>
    </row>
    <row r="61335" spans="1:7" x14ac:dyDescent="0.3">
      <c r="A61335" s="13" t="s">
        <v>331</v>
      </c>
      <c r="B61335" s="14" t="s">
        <v>1</v>
      </c>
      <c r="C61335" s="14" t="s">
        <v>137</v>
      </c>
      <c r="D61335" s="14" t="s">
        <v>14</v>
      </c>
      <c r="E61335" s="15">
        <v>45391</v>
      </c>
      <c r="F61335" s="14" t="s">
        <v>15</v>
      </c>
      <c r="G61335" s="16">
        <v>0.16281804007491263</v>
      </c>
    </row>
    <row r="61336" spans="1:7" x14ac:dyDescent="0.3">
      <c r="A61336" s="13" t="s">
        <v>331</v>
      </c>
      <c r="B61336" s="14" t="s">
        <v>1</v>
      </c>
      <c r="C61336" s="14" t="s">
        <v>137</v>
      </c>
      <c r="D61336" s="14" t="s">
        <v>14</v>
      </c>
      <c r="E61336" s="15">
        <v>45392</v>
      </c>
      <c r="F61336" s="14" t="s">
        <v>15</v>
      </c>
      <c r="G61336" s="16">
        <v>0.17766219897970661</v>
      </c>
    </row>
    <row r="61337" spans="1:7" x14ac:dyDescent="0.3">
      <c r="A61337" s="13" t="s">
        <v>331</v>
      </c>
      <c r="B61337" s="14" t="s">
        <v>1</v>
      </c>
      <c r="C61337" s="14" t="s">
        <v>137</v>
      </c>
      <c r="D61337" s="14" t="s">
        <v>14</v>
      </c>
      <c r="E61337" s="15">
        <v>45393</v>
      </c>
      <c r="F61337" s="14" t="s">
        <v>15</v>
      </c>
      <c r="G61337" s="16">
        <v>0.19009788029587901</v>
      </c>
    </row>
    <row r="61338" spans="1:7" x14ac:dyDescent="0.3">
      <c r="A61338" s="13" t="s">
        <v>331</v>
      </c>
      <c r="B61338" s="14" t="s">
        <v>1</v>
      </c>
      <c r="C61338" s="14" t="s">
        <v>137</v>
      </c>
      <c r="D61338" s="14" t="s">
        <v>14</v>
      </c>
      <c r="E61338" s="15">
        <v>45394</v>
      </c>
      <c r="F61338" s="14" t="s">
        <v>15</v>
      </c>
      <c r="G61338" s="16">
        <v>0.20520715408957776</v>
      </c>
    </row>
    <row r="61339" spans="1:7" x14ac:dyDescent="0.3">
      <c r="A61339" s="13" t="s">
        <v>331</v>
      </c>
      <c r="B61339" s="14" t="s">
        <v>1</v>
      </c>
      <c r="C61339" s="14" t="s">
        <v>137</v>
      </c>
      <c r="D61339" s="14" t="s">
        <v>14</v>
      </c>
      <c r="E61339" s="15">
        <v>45395</v>
      </c>
      <c r="F61339" s="14" t="s">
        <v>15</v>
      </c>
      <c r="G61339" s="16">
        <v>0.20520715408957776</v>
      </c>
    </row>
    <row r="61340" spans="1:7" x14ac:dyDescent="0.3">
      <c r="A61340" s="13" t="s">
        <v>331</v>
      </c>
      <c r="B61340" s="14" t="s">
        <v>1</v>
      </c>
      <c r="C61340" s="14" t="s">
        <v>137</v>
      </c>
      <c r="D61340" s="14" t="s">
        <v>14</v>
      </c>
      <c r="E61340" s="15">
        <v>45396</v>
      </c>
      <c r="F61340" s="14" t="s">
        <v>15</v>
      </c>
      <c r="G61340" s="16">
        <v>0.20520715408957776</v>
      </c>
    </row>
    <row r="61341" spans="1:7" x14ac:dyDescent="0.3">
      <c r="A61341" s="13" t="s">
        <v>331</v>
      </c>
      <c r="B61341" s="14" t="s">
        <v>1</v>
      </c>
      <c r="C61341" s="14" t="s">
        <v>137</v>
      </c>
      <c r="D61341" s="14" t="s">
        <v>14</v>
      </c>
      <c r="E61341" s="15">
        <v>45397</v>
      </c>
      <c r="F61341" s="14" t="s">
        <v>15</v>
      </c>
      <c r="G61341" s="16">
        <v>0.22043355536064976</v>
      </c>
    </row>
    <row r="61342" spans="1:7" x14ac:dyDescent="0.3">
      <c r="A61342" s="13" t="s">
        <v>331</v>
      </c>
      <c r="B61342" s="14" t="s">
        <v>1</v>
      </c>
      <c r="C61342" s="14" t="s">
        <v>137</v>
      </c>
      <c r="D61342" s="14" t="s">
        <v>14</v>
      </c>
      <c r="E61342" s="15">
        <v>45398</v>
      </c>
      <c r="F61342" s="14" t="s">
        <v>15</v>
      </c>
      <c r="G61342" s="16">
        <v>0.26806569294641935</v>
      </c>
    </row>
    <row r="61343" spans="1:7" x14ac:dyDescent="0.3">
      <c r="A61343" s="13" t="s">
        <v>331</v>
      </c>
      <c r="B61343" s="14" t="s">
        <v>1</v>
      </c>
      <c r="C61343" s="14" t="s">
        <v>137</v>
      </c>
      <c r="D61343" s="14" t="s">
        <v>14</v>
      </c>
      <c r="E61343" s="15">
        <v>45399</v>
      </c>
      <c r="F61343" s="14" t="s">
        <v>15</v>
      </c>
      <c r="G61343" s="16">
        <v>0.28431818702825234</v>
      </c>
    </row>
    <row r="61344" spans="1:7" x14ac:dyDescent="0.3">
      <c r="A61344" s="13" t="s">
        <v>331</v>
      </c>
      <c r="B61344" s="14" t="s">
        <v>1</v>
      </c>
      <c r="C61344" s="14" t="s">
        <v>137</v>
      </c>
      <c r="D61344" s="14" t="s">
        <v>14</v>
      </c>
      <c r="E61344" s="15">
        <v>45400</v>
      </c>
      <c r="F61344" s="14" t="s">
        <v>15</v>
      </c>
      <c r="G61344" s="16">
        <v>0.26594022408743573</v>
      </c>
    </row>
    <row r="61345" spans="1:7" x14ac:dyDescent="0.3">
      <c r="A61345" s="13" t="s">
        <v>331</v>
      </c>
      <c r="B61345" s="14" t="s">
        <v>1</v>
      </c>
      <c r="C61345" s="14" t="s">
        <v>137</v>
      </c>
      <c r="D61345" s="14" t="s">
        <v>14</v>
      </c>
      <c r="E61345" s="15">
        <v>45401</v>
      </c>
      <c r="F61345" s="14" t="s">
        <v>15</v>
      </c>
      <c r="G61345" s="16">
        <v>0.28212959557667239</v>
      </c>
    </row>
    <row r="61346" spans="1:7" x14ac:dyDescent="0.3">
      <c r="A61346" s="13" t="s">
        <v>331</v>
      </c>
      <c r="B61346" s="14" t="s">
        <v>1</v>
      </c>
      <c r="C61346" s="14" t="s">
        <v>137</v>
      </c>
      <c r="D61346" s="14" t="s">
        <v>14</v>
      </c>
      <c r="E61346" s="15">
        <v>45402</v>
      </c>
      <c r="F61346" s="14" t="s">
        <v>15</v>
      </c>
      <c r="G61346" s="16">
        <v>0.28212959557667239</v>
      </c>
    </row>
    <row r="61347" spans="1:7" x14ac:dyDescent="0.3">
      <c r="A61347" s="13" t="s">
        <v>331</v>
      </c>
      <c r="B61347" s="14" t="s">
        <v>1</v>
      </c>
      <c r="C61347" s="14" t="s">
        <v>137</v>
      </c>
      <c r="D61347" s="14" t="s">
        <v>14</v>
      </c>
      <c r="E61347" s="15">
        <v>45403</v>
      </c>
      <c r="F61347" s="14" t="s">
        <v>15</v>
      </c>
      <c r="G61347" s="16">
        <v>0.28212959557667239</v>
      </c>
    </row>
    <row r="61348" spans="1:7" x14ac:dyDescent="0.3">
      <c r="A61348" s="13" t="s">
        <v>331</v>
      </c>
      <c r="B61348" s="14" t="s">
        <v>1</v>
      </c>
      <c r="C61348" s="14" t="s">
        <v>137</v>
      </c>
      <c r="D61348" s="14" t="s">
        <v>14</v>
      </c>
      <c r="E61348" s="15">
        <v>45404</v>
      </c>
      <c r="F61348" s="14" t="s">
        <v>15</v>
      </c>
      <c r="G61348" s="16">
        <v>0.29763093080660863</v>
      </c>
    </row>
    <row r="61349" spans="1:7" x14ac:dyDescent="0.3">
      <c r="A61349" s="13" t="s">
        <v>331</v>
      </c>
      <c r="B61349" s="14" t="s">
        <v>1</v>
      </c>
      <c r="C61349" s="14" t="s">
        <v>137</v>
      </c>
      <c r="D61349" s="14" t="s">
        <v>14</v>
      </c>
      <c r="E61349" s="15">
        <v>45405</v>
      </c>
      <c r="F61349" s="14" t="s">
        <v>15</v>
      </c>
      <c r="G61349" s="16">
        <v>0.34694142799330174</v>
      </c>
    </row>
    <row r="61350" spans="1:7" x14ac:dyDescent="0.3">
      <c r="A61350" s="13" t="s">
        <v>331</v>
      </c>
      <c r="B61350" s="14" t="s">
        <v>1</v>
      </c>
      <c r="C61350" s="14" t="s">
        <v>137</v>
      </c>
      <c r="D61350" s="14" t="s">
        <v>14</v>
      </c>
      <c r="E61350" s="15">
        <v>45406</v>
      </c>
      <c r="F61350" s="14" t="s">
        <v>15</v>
      </c>
      <c r="G61350" s="16">
        <v>0.36574337345388824</v>
      </c>
    </row>
    <row r="61351" spans="1:7" x14ac:dyDescent="0.3">
      <c r="A61351" s="13" t="s">
        <v>331</v>
      </c>
      <c r="B61351" s="14" t="s">
        <v>1</v>
      </c>
      <c r="C61351" s="14" t="s">
        <v>137</v>
      </c>
      <c r="D61351" s="14" t="s">
        <v>14</v>
      </c>
      <c r="E61351" s="15">
        <v>45407</v>
      </c>
      <c r="F61351" s="14" t="s">
        <v>15</v>
      </c>
      <c r="G61351" s="16">
        <v>0.38644951712446535</v>
      </c>
    </row>
    <row r="61352" spans="1:7" x14ac:dyDescent="0.3">
      <c r="A61352" s="13" t="s">
        <v>331</v>
      </c>
      <c r="B61352" s="14" t="s">
        <v>1</v>
      </c>
      <c r="C61352" s="14" t="s">
        <v>137</v>
      </c>
      <c r="D61352" s="14" t="s">
        <v>14</v>
      </c>
      <c r="E61352" s="15">
        <v>45408</v>
      </c>
      <c r="F61352" s="14" t="s">
        <v>15</v>
      </c>
      <c r="G61352" s="16">
        <v>0.40635610795548838</v>
      </c>
    </row>
    <row r="61353" spans="1:7" x14ac:dyDescent="0.3">
      <c r="A61353" s="13" t="s">
        <v>331</v>
      </c>
      <c r="B61353" s="14" t="s">
        <v>1</v>
      </c>
      <c r="C61353" s="14" t="s">
        <v>137</v>
      </c>
      <c r="D61353" s="14" t="s">
        <v>14</v>
      </c>
      <c r="E61353" s="15">
        <v>45409</v>
      </c>
      <c r="F61353" s="14" t="s">
        <v>15</v>
      </c>
      <c r="G61353" s="16">
        <v>0.40635610795548838</v>
      </c>
    </row>
    <row r="61354" spans="1:7" x14ac:dyDescent="0.3">
      <c r="A61354" s="13" t="s">
        <v>331</v>
      </c>
      <c r="B61354" s="14" t="s">
        <v>1</v>
      </c>
      <c r="C61354" s="14" t="s">
        <v>137</v>
      </c>
      <c r="D61354" s="14" t="s">
        <v>14</v>
      </c>
      <c r="E61354" s="15">
        <v>45410</v>
      </c>
      <c r="F61354" s="14" t="s">
        <v>15</v>
      </c>
      <c r="G61354" s="16">
        <v>0.40635610795548838</v>
      </c>
    </row>
    <row r="61355" spans="1:7" x14ac:dyDescent="0.3">
      <c r="A61355" s="13" t="s">
        <v>331</v>
      </c>
      <c r="B61355" s="14" t="s">
        <v>1</v>
      </c>
      <c r="C61355" s="14" t="s">
        <v>137</v>
      </c>
      <c r="D61355" s="14" t="s">
        <v>14</v>
      </c>
      <c r="E61355" s="15">
        <v>45411</v>
      </c>
      <c r="F61355" s="14" t="s">
        <v>15</v>
      </c>
      <c r="G61355" s="16">
        <v>0.43164144503786228</v>
      </c>
    </row>
    <row r="61356" spans="1:7" x14ac:dyDescent="0.3">
      <c r="A61356" s="13" t="s">
        <v>331</v>
      </c>
      <c r="B61356" s="14" t="s">
        <v>1</v>
      </c>
      <c r="C61356" s="14" t="s">
        <v>137</v>
      </c>
      <c r="D61356" s="14" t="s">
        <v>14</v>
      </c>
      <c r="E61356" s="15">
        <v>45412</v>
      </c>
      <c r="F61356" s="14" t="s">
        <v>15</v>
      </c>
      <c r="G61356" s="16">
        <v>0.4773455381008827</v>
      </c>
    </row>
    <row r="61357" spans="1:7" x14ac:dyDescent="0.3">
      <c r="A61357" s="13" t="s">
        <v>331</v>
      </c>
      <c r="B61357" s="14" t="s">
        <v>1</v>
      </c>
      <c r="C61357" s="14" t="s">
        <v>137</v>
      </c>
      <c r="D61357" s="14" t="s">
        <v>14</v>
      </c>
      <c r="E61357" s="15">
        <v>45413</v>
      </c>
      <c r="F61357" s="14" t="s">
        <v>15</v>
      </c>
      <c r="G61357" s="16">
        <v>0.4956221633186394</v>
      </c>
    </row>
    <row r="61358" spans="1:7" x14ac:dyDescent="0.3">
      <c r="A61358" s="13" t="s">
        <v>331</v>
      </c>
      <c r="B61358" s="14" t="s">
        <v>1</v>
      </c>
      <c r="C61358" s="14" t="s">
        <v>137</v>
      </c>
      <c r="D61358" s="14" t="s">
        <v>14</v>
      </c>
      <c r="E61358" s="15">
        <v>45414</v>
      </c>
      <c r="F61358" s="14" t="s">
        <v>15</v>
      </c>
      <c r="G61358" s="16">
        <v>0.51878377584121538</v>
      </c>
    </row>
    <row r="61359" spans="1:7" x14ac:dyDescent="0.3">
      <c r="A61359" s="13" t="s">
        <v>331</v>
      </c>
      <c r="B61359" s="14" t="s">
        <v>1</v>
      </c>
      <c r="C61359" s="14" t="s">
        <v>137</v>
      </c>
      <c r="D61359" s="14" t="s">
        <v>14</v>
      </c>
      <c r="E61359" s="15">
        <v>45415</v>
      </c>
      <c r="F61359" s="14" t="s">
        <v>15</v>
      </c>
      <c r="G61359" s="16">
        <v>0.5360209823675518</v>
      </c>
    </row>
    <row r="61360" spans="1:7" x14ac:dyDescent="0.3">
      <c r="A61360" s="13" t="s">
        <v>331</v>
      </c>
      <c r="B61360" s="14" t="s">
        <v>1</v>
      </c>
      <c r="C61360" s="14" t="s">
        <v>137</v>
      </c>
      <c r="D61360" s="14" t="s">
        <v>14</v>
      </c>
      <c r="E61360" s="15">
        <v>45416</v>
      </c>
      <c r="F61360" s="14" t="s">
        <v>15</v>
      </c>
      <c r="G61360" s="16">
        <v>0.5360209823675518</v>
      </c>
    </row>
    <row r="61361" spans="1:7" x14ac:dyDescent="0.3">
      <c r="A61361" s="13" t="s">
        <v>331</v>
      </c>
      <c r="B61361" s="14" t="s">
        <v>1</v>
      </c>
      <c r="C61361" s="14" t="s">
        <v>137</v>
      </c>
      <c r="D61361" s="14" t="s">
        <v>14</v>
      </c>
      <c r="E61361" s="15">
        <v>45417</v>
      </c>
      <c r="F61361" s="14" t="s">
        <v>15</v>
      </c>
      <c r="G61361" s="16">
        <v>0.5360209823675518</v>
      </c>
    </row>
    <row r="61362" spans="1:7" x14ac:dyDescent="0.3">
      <c r="A61362" s="13" t="s">
        <v>331</v>
      </c>
      <c r="B61362" s="14" t="s">
        <v>1</v>
      </c>
      <c r="C61362" s="14" t="s">
        <v>137</v>
      </c>
      <c r="D61362" s="14" t="s">
        <v>14</v>
      </c>
      <c r="E61362" s="15">
        <v>45418</v>
      </c>
      <c r="F61362" s="14" t="s">
        <v>15</v>
      </c>
      <c r="G61362" s="16">
        <v>0.5360209823675518</v>
      </c>
    </row>
    <row r="61363" spans="1:7" x14ac:dyDescent="0.3">
      <c r="A61363" s="13" t="s">
        <v>331</v>
      </c>
      <c r="B61363" s="14" t="s">
        <v>1</v>
      </c>
      <c r="C61363" s="14" t="s">
        <v>137</v>
      </c>
      <c r="D61363" s="14" t="s">
        <v>14</v>
      </c>
      <c r="E61363" s="15">
        <v>45419</v>
      </c>
      <c r="F61363" s="14" t="s">
        <v>15</v>
      </c>
      <c r="G61363" s="16">
        <v>0.55315508865931418</v>
      </c>
    </row>
    <row r="61364" spans="1:7" x14ac:dyDescent="0.3">
      <c r="A61364" s="13" t="s">
        <v>331</v>
      </c>
      <c r="B61364" s="14" t="s">
        <v>1</v>
      </c>
      <c r="C61364" s="14" t="s">
        <v>137</v>
      </c>
      <c r="D61364" s="14" t="s">
        <v>14</v>
      </c>
      <c r="E61364" s="15">
        <v>45420</v>
      </c>
      <c r="F61364" s="14" t="s">
        <v>15</v>
      </c>
      <c r="G61364" s="16">
        <v>0.61554879520481542</v>
      </c>
    </row>
    <row r="61365" spans="1:7" x14ac:dyDescent="0.3">
      <c r="A61365" s="13" t="s">
        <v>331</v>
      </c>
      <c r="B61365" s="14" t="s">
        <v>1</v>
      </c>
      <c r="C61365" s="14" t="s">
        <v>137</v>
      </c>
      <c r="D61365" s="14" t="s">
        <v>14</v>
      </c>
      <c r="E61365" s="15">
        <v>45421</v>
      </c>
      <c r="F61365" s="14" t="s">
        <v>15</v>
      </c>
      <c r="G61365" s="16">
        <v>0.63287495976505215</v>
      </c>
    </row>
    <row r="61366" spans="1:7" x14ac:dyDescent="0.3">
      <c r="A61366" s="13" t="s">
        <v>331</v>
      </c>
      <c r="B61366" s="14" t="s">
        <v>1</v>
      </c>
      <c r="C61366" s="14" t="s">
        <v>137</v>
      </c>
      <c r="D61366" s="14" t="s">
        <v>14</v>
      </c>
      <c r="E61366" s="15">
        <v>45422</v>
      </c>
      <c r="F61366" s="14" t="s">
        <v>15</v>
      </c>
      <c r="G61366" s="16">
        <v>0.64973268457754441</v>
      </c>
    </row>
    <row r="61367" spans="1:7" x14ac:dyDescent="0.3">
      <c r="A61367" s="13" t="s">
        <v>331</v>
      </c>
      <c r="B61367" s="14" t="s">
        <v>1</v>
      </c>
      <c r="C61367" s="14" t="s">
        <v>137</v>
      </c>
      <c r="D61367" s="14" t="s">
        <v>14</v>
      </c>
      <c r="E61367" s="15">
        <v>45423</v>
      </c>
      <c r="F61367" s="14" t="s">
        <v>15</v>
      </c>
      <c r="G61367" s="16">
        <v>0.64973268457754441</v>
      </c>
    </row>
    <row r="61368" spans="1:7" x14ac:dyDescent="0.3">
      <c r="A61368" s="13" t="s">
        <v>331</v>
      </c>
      <c r="B61368" s="14" t="s">
        <v>1</v>
      </c>
      <c r="C61368" s="14" t="s">
        <v>137</v>
      </c>
      <c r="D61368" s="14" t="s">
        <v>14</v>
      </c>
      <c r="E61368" s="15">
        <v>45424</v>
      </c>
      <c r="F61368" s="14" t="s">
        <v>15</v>
      </c>
      <c r="G61368" s="16">
        <v>0.64973268457754441</v>
      </c>
    </row>
    <row r="61369" spans="1:7" x14ac:dyDescent="0.3">
      <c r="A61369" s="13" t="s">
        <v>331</v>
      </c>
      <c r="B61369" s="14" t="s">
        <v>1</v>
      </c>
      <c r="C61369" s="14" t="s">
        <v>137</v>
      </c>
      <c r="D61369" s="14" t="s">
        <v>14</v>
      </c>
      <c r="E61369" s="15">
        <v>45425</v>
      </c>
      <c r="F61369" s="14" t="s">
        <v>15</v>
      </c>
      <c r="G61369" s="16">
        <v>0.67199532489590397</v>
      </c>
    </row>
    <row r="61370" spans="1:7" x14ac:dyDescent="0.3">
      <c r="A61370" s="13" t="s">
        <v>331</v>
      </c>
      <c r="B61370" s="14" t="s">
        <v>1</v>
      </c>
      <c r="C61370" s="14" t="s">
        <v>137</v>
      </c>
      <c r="D61370" s="14" t="s">
        <v>14</v>
      </c>
      <c r="E61370" s="15">
        <v>45426</v>
      </c>
      <c r="F61370" s="14" t="s">
        <v>15</v>
      </c>
      <c r="G61370" s="16">
        <v>0.72304228267574322</v>
      </c>
    </row>
    <row r="61371" spans="1:7" x14ac:dyDescent="0.3">
      <c r="A61371" s="13" t="s">
        <v>331</v>
      </c>
      <c r="B61371" s="14" t="s">
        <v>1</v>
      </c>
      <c r="C61371" s="14" t="s">
        <v>137</v>
      </c>
      <c r="D61371" s="14" t="s">
        <v>14</v>
      </c>
      <c r="E61371" s="15">
        <v>45427</v>
      </c>
      <c r="F61371" s="14" t="s">
        <v>15</v>
      </c>
      <c r="G61371" s="16">
        <v>0.73983956364981684</v>
      </c>
    </row>
    <row r="61372" spans="1:7" x14ac:dyDescent="0.3">
      <c r="A61372" s="13" t="s">
        <v>331</v>
      </c>
      <c r="B61372" s="14" t="s">
        <v>1</v>
      </c>
      <c r="C61372" s="14" t="s">
        <v>137</v>
      </c>
      <c r="D61372" s="14" t="s">
        <v>14</v>
      </c>
      <c r="E61372" s="15">
        <v>45428</v>
      </c>
      <c r="F61372" s="14" t="s">
        <v>15</v>
      </c>
      <c r="G61372" s="16">
        <v>0.75669591473870879</v>
      </c>
    </row>
    <row r="61373" spans="1:7" x14ac:dyDescent="0.3">
      <c r="A61373" s="13" t="s">
        <v>331</v>
      </c>
      <c r="B61373" s="14" t="s">
        <v>1</v>
      </c>
      <c r="C61373" s="14" t="s">
        <v>137</v>
      </c>
      <c r="D61373" s="14" t="s">
        <v>14</v>
      </c>
      <c r="E61373" s="15">
        <v>45429</v>
      </c>
      <c r="F61373" s="14" t="s">
        <v>15</v>
      </c>
      <c r="G61373" s="16">
        <v>0.77222250138239035</v>
      </c>
    </row>
    <row r="61374" spans="1:7" x14ac:dyDescent="0.3">
      <c r="A61374" s="13" t="s">
        <v>331</v>
      </c>
      <c r="B61374" s="14" t="s">
        <v>1</v>
      </c>
      <c r="C61374" s="14" t="s">
        <v>137</v>
      </c>
      <c r="D61374" s="14" t="s">
        <v>14</v>
      </c>
      <c r="E61374" s="15">
        <v>45430</v>
      </c>
      <c r="F61374" s="14" t="s">
        <v>15</v>
      </c>
      <c r="G61374" s="16">
        <v>0.77222250138239035</v>
      </c>
    </row>
    <row r="61375" spans="1:7" x14ac:dyDescent="0.3">
      <c r="A61375" s="13" t="s">
        <v>331</v>
      </c>
      <c r="B61375" s="14" t="s">
        <v>1</v>
      </c>
      <c r="C61375" s="14" t="s">
        <v>137</v>
      </c>
      <c r="D61375" s="14" t="s">
        <v>14</v>
      </c>
      <c r="E61375" s="15">
        <v>45431</v>
      </c>
      <c r="F61375" s="14" t="s">
        <v>15</v>
      </c>
      <c r="G61375" s="16">
        <v>0.77222250138239035</v>
      </c>
    </row>
    <row r="61376" spans="1:7" x14ac:dyDescent="0.3">
      <c r="A61376" s="13" t="s">
        <v>331</v>
      </c>
      <c r="B61376" s="14" t="s">
        <v>1</v>
      </c>
      <c r="C61376" s="14" t="s">
        <v>137</v>
      </c>
      <c r="D61376" s="14" t="s">
        <v>14</v>
      </c>
      <c r="E61376" s="15">
        <v>45432</v>
      </c>
      <c r="F61376" s="14" t="s">
        <v>15</v>
      </c>
      <c r="G61376" s="16">
        <v>0.78896071224164566</v>
      </c>
    </row>
    <row r="61377" spans="1:7" x14ac:dyDescent="0.3">
      <c r="A61377" s="13" t="s">
        <v>331</v>
      </c>
      <c r="B61377" s="14" t="s">
        <v>1</v>
      </c>
      <c r="C61377" s="14" t="s">
        <v>137</v>
      </c>
      <c r="D61377" s="14" t="s">
        <v>14</v>
      </c>
      <c r="E61377" s="15">
        <v>45433</v>
      </c>
      <c r="F61377" s="14" t="s">
        <v>15</v>
      </c>
      <c r="G61377" s="16">
        <v>0.83778086406519803</v>
      </c>
    </row>
    <row r="61378" spans="1:7" x14ac:dyDescent="0.3">
      <c r="A61378" s="13" t="s">
        <v>331</v>
      </c>
      <c r="B61378" s="14" t="s">
        <v>1</v>
      </c>
      <c r="C61378" s="14" t="s">
        <v>137</v>
      </c>
      <c r="D61378" s="14" t="s">
        <v>14</v>
      </c>
      <c r="E61378" s="15">
        <v>45434</v>
      </c>
      <c r="F61378" s="14" t="s">
        <v>15</v>
      </c>
      <c r="G61378" s="16">
        <v>0.85448129752544177</v>
      </c>
    </row>
    <row r="61379" spans="1:7" x14ac:dyDescent="0.3">
      <c r="A61379" s="13" t="s">
        <v>331</v>
      </c>
      <c r="B61379" s="14" t="s">
        <v>1</v>
      </c>
      <c r="C61379" s="14" t="s">
        <v>137</v>
      </c>
      <c r="D61379" s="14" t="s">
        <v>14</v>
      </c>
      <c r="E61379" s="15">
        <v>45435</v>
      </c>
      <c r="F61379" s="14" t="s">
        <v>15</v>
      </c>
      <c r="G61379" s="16">
        <v>0.87376707880168303</v>
      </c>
    </row>
    <row r="61380" spans="1:7" x14ac:dyDescent="0.3">
      <c r="A61380" s="13" t="s">
        <v>331</v>
      </c>
      <c r="B61380" s="14" t="s">
        <v>1</v>
      </c>
      <c r="C61380" s="14" t="s">
        <v>137</v>
      </c>
      <c r="D61380" s="14" t="s">
        <v>14</v>
      </c>
      <c r="E61380" s="15">
        <v>45436</v>
      </c>
      <c r="F61380" s="14" t="s">
        <v>15</v>
      </c>
      <c r="G61380" s="16">
        <v>0.89198822428759583</v>
      </c>
    </row>
    <row r="61381" spans="1:7" x14ac:dyDescent="0.3">
      <c r="A61381" s="13" t="s">
        <v>331</v>
      </c>
      <c r="B61381" s="14" t="s">
        <v>1</v>
      </c>
      <c r="C61381" s="14" t="s">
        <v>137</v>
      </c>
      <c r="D61381" s="14" t="s">
        <v>14</v>
      </c>
      <c r="E61381" s="15">
        <v>45437</v>
      </c>
      <c r="F61381" s="14" t="s">
        <v>15</v>
      </c>
      <c r="G61381" s="16">
        <v>0.89198822428759583</v>
      </c>
    </row>
    <row r="61382" spans="1:7" x14ac:dyDescent="0.3">
      <c r="A61382" s="13" t="s">
        <v>331</v>
      </c>
      <c r="B61382" s="14" t="s">
        <v>1</v>
      </c>
      <c r="C61382" s="14" t="s">
        <v>137</v>
      </c>
      <c r="D61382" s="14" t="s">
        <v>14</v>
      </c>
      <c r="E61382" s="15">
        <v>45438</v>
      </c>
      <c r="F61382" s="14" t="s">
        <v>15</v>
      </c>
      <c r="G61382" s="16">
        <v>0.89198822428759583</v>
      </c>
    </row>
    <row r="61383" spans="1:7" x14ac:dyDescent="0.3">
      <c r="A61383" s="13" t="s">
        <v>331</v>
      </c>
      <c r="B61383" s="14" t="s">
        <v>1</v>
      </c>
      <c r="C61383" s="14" t="s">
        <v>137</v>
      </c>
      <c r="D61383" s="14" t="s">
        <v>14</v>
      </c>
      <c r="E61383" s="15">
        <v>45439</v>
      </c>
      <c r="F61383" s="14" t="s">
        <v>15</v>
      </c>
      <c r="G61383" s="16">
        <v>0.91109748208118269</v>
      </c>
    </row>
    <row r="61384" spans="1:7" x14ac:dyDescent="0.3">
      <c r="A61384" s="13" t="s">
        <v>331</v>
      </c>
      <c r="B61384" s="14" t="s">
        <v>1</v>
      </c>
      <c r="C61384" s="14" t="s">
        <v>137</v>
      </c>
      <c r="D61384" s="14" t="s">
        <v>14</v>
      </c>
      <c r="E61384" s="15">
        <v>45440</v>
      </c>
      <c r="F61384" s="14" t="s">
        <v>15</v>
      </c>
      <c r="G61384" s="16">
        <v>0.96175018118770028</v>
      </c>
    </row>
    <row r="61385" spans="1:7" x14ac:dyDescent="0.3">
      <c r="A61385" s="13" t="s">
        <v>331</v>
      </c>
      <c r="B61385" s="14" t="s">
        <v>1</v>
      </c>
      <c r="C61385" s="14" t="s">
        <v>137</v>
      </c>
      <c r="D61385" s="14" t="s">
        <v>14</v>
      </c>
      <c r="E61385" s="15">
        <v>45441</v>
      </c>
      <c r="F61385" s="14" t="s">
        <v>15</v>
      </c>
      <c r="G61385" s="16">
        <v>0.97901315446231763</v>
      </c>
    </row>
    <row r="61386" spans="1:7" x14ac:dyDescent="0.3">
      <c r="A61386" s="13" t="s">
        <v>331</v>
      </c>
      <c r="B61386" s="14" t="s">
        <v>1</v>
      </c>
      <c r="C61386" s="14" t="s">
        <v>137</v>
      </c>
      <c r="D61386" s="14" t="s">
        <v>14</v>
      </c>
      <c r="E61386" s="15">
        <v>45442</v>
      </c>
      <c r="F61386" s="14" t="s">
        <v>15</v>
      </c>
      <c r="G61386" s="16">
        <v>0.99664428566184848</v>
      </c>
    </row>
    <row r="61387" spans="1:7" x14ac:dyDescent="0.3">
      <c r="A61387" s="13" t="s">
        <v>331</v>
      </c>
      <c r="B61387" s="14" t="s">
        <v>1</v>
      </c>
      <c r="C61387" s="14" t="s">
        <v>137</v>
      </c>
      <c r="D61387" s="14" t="s">
        <v>14</v>
      </c>
      <c r="E61387" s="15">
        <v>45443</v>
      </c>
      <c r="F61387" s="14" t="s">
        <v>15</v>
      </c>
      <c r="G61387" s="16">
        <v>1.0140343283695048</v>
      </c>
    </row>
    <row r="61388" spans="1:7" x14ac:dyDescent="0.3">
      <c r="A61388" s="13" t="s">
        <v>331</v>
      </c>
      <c r="B61388" s="14" t="s">
        <v>1</v>
      </c>
      <c r="C61388" s="14" t="s">
        <v>137</v>
      </c>
      <c r="D61388" s="14" t="s">
        <v>14</v>
      </c>
      <c r="E61388" s="15">
        <v>45444</v>
      </c>
      <c r="F61388" s="14" t="s">
        <v>15</v>
      </c>
      <c r="G61388" s="16">
        <v>1.0140343283695048</v>
      </c>
    </row>
    <row r="61389" spans="1:7" x14ac:dyDescent="0.3">
      <c r="A61389" s="13" t="s">
        <v>331</v>
      </c>
      <c r="B61389" s="14" t="s">
        <v>1</v>
      </c>
      <c r="C61389" s="14" t="s">
        <v>137</v>
      </c>
      <c r="D61389" s="14" t="s">
        <v>14</v>
      </c>
      <c r="E61389" s="15">
        <v>45445</v>
      </c>
      <c r="F61389" s="14" t="s">
        <v>15</v>
      </c>
      <c r="G61389" s="16">
        <v>1.0140343283695048</v>
      </c>
    </row>
    <row r="61390" spans="1:7" x14ac:dyDescent="0.3">
      <c r="A61390" s="13" t="s">
        <v>331</v>
      </c>
      <c r="B61390" s="14" t="s">
        <v>1</v>
      </c>
      <c r="C61390" s="14" t="s">
        <v>137</v>
      </c>
      <c r="D61390" s="14" t="s">
        <v>14</v>
      </c>
      <c r="E61390" s="15">
        <v>45446</v>
      </c>
      <c r="F61390" s="14" t="s">
        <v>15</v>
      </c>
      <c r="G61390" s="16">
        <v>1.0140343283695048</v>
      </c>
    </row>
    <row r="61391" spans="1:7" x14ac:dyDescent="0.3">
      <c r="A61391" s="13" t="s">
        <v>331</v>
      </c>
      <c r="B61391" s="14" t="s">
        <v>1</v>
      </c>
      <c r="C61391" s="14" t="s">
        <v>137</v>
      </c>
      <c r="D61391" s="14" t="s">
        <v>14</v>
      </c>
      <c r="E61391" s="15">
        <v>45447</v>
      </c>
      <c r="F61391" s="14" t="s">
        <v>15</v>
      </c>
      <c r="G61391" s="16">
        <v>1.0302999783102145</v>
      </c>
    </row>
    <row r="61392" spans="1:7" x14ac:dyDescent="0.3">
      <c r="A61392" s="13" t="s">
        <v>331</v>
      </c>
      <c r="B61392" s="14" t="s">
        <v>1</v>
      </c>
      <c r="C61392" s="14" t="s">
        <v>137</v>
      </c>
      <c r="D61392" s="14" t="s">
        <v>14</v>
      </c>
      <c r="E61392" s="15">
        <v>45448</v>
      </c>
      <c r="F61392" s="14" t="s">
        <v>15</v>
      </c>
      <c r="G61392" s="16">
        <v>1.0863376739303934</v>
      </c>
    </row>
    <row r="61393" spans="1:7" x14ac:dyDescent="0.3">
      <c r="A61393" s="13" t="s">
        <v>331</v>
      </c>
      <c r="B61393" s="14" t="s">
        <v>1</v>
      </c>
      <c r="C61393" s="14" t="s">
        <v>137</v>
      </c>
      <c r="D61393" s="14" t="s">
        <v>14</v>
      </c>
      <c r="E61393" s="15">
        <v>45449</v>
      </c>
      <c r="F61393" s="14" t="s">
        <v>15</v>
      </c>
      <c r="G61393" s="16">
        <v>1.1042627819804149</v>
      </c>
    </row>
    <row r="61394" spans="1:7" x14ac:dyDescent="0.3">
      <c r="A61394" s="13" t="s">
        <v>331</v>
      </c>
      <c r="B61394" s="14" t="s">
        <v>1</v>
      </c>
      <c r="C61394" s="14" t="s">
        <v>137</v>
      </c>
      <c r="D61394" s="14" t="s">
        <v>14</v>
      </c>
      <c r="E61394" s="15">
        <v>45450</v>
      </c>
      <c r="F61394" s="14" t="s">
        <v>15</v>
      </c>
      <c r="G61394" s="16">
        <v>1.1222002535428401</v>
      </c>
    </row>
    <row r="61395" spans="1:7" x14ac:dyDescent="0.3">
      <c r="A61395" s="13" t="s">
        <v>331</v>
      </c>
      <c r="B61395" s="14" t="s">
        <v>1</v>
      </c>
      <c r="C61395" s="14" t="s">
        <v>137</v>
      </c>
      <c r="D61395" s="14" t="s">
        <v>14</v>
      </c>
      <c r="E61395" s="15">
        <v>45451</v>
      </c>
      <c r="F61395" s="14" t="s">
        <v>15</v>
      </c>
      <c r="G61395" s="16">
        <v>1.1222002535428401</v>
      </c>
    </row>
    <row r="61396" spans="1:7" x14ac:dyDescent="0.3">
      <c r="A61396" s="13" t="s">
        <v>331</v>
      </c>
      <c r="B61396" s="14" t="s">
        <v>1</v>
      </c>
      <c r="C61396" s="14" t="s">
        <v>137</v>
      </c>
      <c r="D61396" s="14" t="s">
        <v>14</v>
      </c>
      <c r="E61396" s="15">
        <v>45452</v>
      </c>
      <c r="F61396" s="14" t="s">
        <v>15</v>
      </c>
      <c r="G61396" s="16">
        <v>1.1222002535428401</v>
      </c>
    </row>
    <row r="61397" spans="1:7" x14ac:dyDescent="0.3">
      <c r="A61397" s="13" t="s">
        <v>331</v>
      </c>
      <c r="B61397" s="14" t="s">
        <v>1</v>
      </c>
      <c r="C61397" s="14" t="s">
        <v>137</v>
      </c>
      <c r="D61397" s="14" t="s">
        <v>14</v>
      </c>
      <c r="E61397" s="15">
        <v>45453</v>
      </c>
      <c r="F61397" s="14" t="s">
        <v>15</v>
      </c>
      <c r="G61397" s="16">
        <v>1.1469637576757712</v>
      </c>
    </row>
    <row r="61398" spans="1:7" x14ac:dyDescent="0.3">
      <c r="A61398" s="13" t="s">
        <v>331</v>
      </c>
      <c r="B61398" s="14" t="s">
        <v>1</v>
      </c>
      <c r="C61398" s="14" t="s">
        <v>137</v>
      </c>
      <c r="D61398" s="14" t="s">
        <v>14</v>
      </c>
      <c r="E61398" s="15">
        <v>45454</v>
      </c>
      <c r="F61398" s="14" t="s">
        <v>15</v>
      </c>
      <c r="G61398" s="16">
        <v>1.1995973662141</v>
      </c>
    </row>
    <row r="61399" spans="1:7" x14ac:dyDescent="0.3">
      <c r="A61399" s="13" t="s">
        <v>331</v>
      </c>
      <c r="B61399" s="14" t="s">
        <v>1</v>
      </c>
      <c r="C61399" s="14" t="s">
        <v>137</v>
      </c>
      <c r="D61399" s="14" t="s">
        <v>14</v>
      </c>
      <c r="E61399" s="15">
        <v>45455</v>
      </c>
      <c r="F61399" s="14" t="s">
        <v>15</v>
      </c>
      <c r="G61399" s="16">
        <v>1.2175691808665359</v>
      </c>
    </row>
    <row r="61400" spans="1:7" x14ac:dyDescent="0.3">
      <c r="A61400" s="13" t="s">
        <v>331</v>
      </c>
      <c r="B61400" s="14" t="s">
        <v>1</v>
      </c>
      <c r="C61400" s="14" t="s">
        <v>137</v>
      </c>
      <c r="D61400" s="14" t="s">
        <v>14</v>
      </c>
      <c r="E61400" s="15">
        <v>45456</v>
      </c>
      <c r="F61400" s="14" t="s">
        <v>15</v>
      </c>
      <c r="G61400" s="16">
        <v>1.2355478641369739</v>
      </c>
    </row>
    <row r="61401" spans="1:7" x14ac:dyDescent="0.3">
      <c r="A61401" s="13" t="s">
        <v>331</v>
      </c>
      <c r="B61401" s="14" t="s">
        <v>1</v>
      </c>
      <c r="C61401" s="14" t="s">
        <v>137</v>
      </c>
      <c r="D61401" s="14" t="s">
        <v>14</v>
      </c>
      <c r="E61401" s="15">
        <v>45457</v>
      </c>
      <c r="F61401" s="14" t="s">
        <v>15</v>
      </c>
      <c r="G61401" s="16">
        <v>1.2533184282819478</v>
      </c>
    </row>
    <row r="61402" spans="1:7" x14ac:dyDescent="0.3">
      <c r="A61402" s="13" t="s">
        <v>331</v>
      </c>
      <c r="B61402" s="14" t="s">
        <v>1</v>
      </c>
      <c r="C61402" s="14" t="s">
        <v>137</v>
      </c>
      <c r="D61402" s="14" t="s">
        <v>14</v>
      </c>
      <c r="E61402" s="15">
        <v>45458</v>
      </c>
      <c r="F61402" s="14" t="s">
        <v>15</v>
      </c>
      <c r="G61402" s="16">
        <v>1.2533184282819478</v>
      </c>
    </row>
    <row r="61403" spans="1:7" x14ac:dyDescent="0.3">
      <c r="A61403" s="13" t="s">
        <v>331</v>
      </c>
      <c r="B61403" s="14" t="s">
        <v>1</v>
      </c>
      <c r="C61403" s="14" t="s">
        <v>137</v>
      </c>
      <c r="D61403" s="14" t="s">
        <v>14</v>
      </c>
      <c r="E61403" s="15">
        <v>45459</v>
      </c>
      <c r="F61403" s="14" t="s">
        <v>15</v>
      </c>
      <c r="G61403" s="16">
        <v>1.2533184282819478</v>
      </c>
    </row>
    <row r="61404" spans="1:7" x14ac:dyDescent="0.3">
      <c r="A61404" s="13" t="s">
        <v>331</v>
      </c>
      <c r="B61404" s="14" t="s">
        <v>1</v>
      </c>
      <c r="C61404" s="14" t="s">
        <v>137</v>
      </c>
      <c r="D61404" s="14" t="s">
        <v>14</v>
      </c>
      <c r="E61404" s="15">
        <v>45460</v>
      </c>
      <c r="F61404" s="14" t="s">
        <v>15</v>
      </c>
      <c r="G61404" s="16">
        <v>1.2711872136643518</v>
      </c>
    </row>
    <row r="61405" spans="1:7" x14ac:dyDescent="0.3">
      <c r="A61405" s="13" t="s">
        <v>331</v>
      </c>
      <c r="B61405" s="14" t="s">
        <v>1</v>
      </c>
      <c r="C61405" s="14" t="s">
        <v>137</v>
      </c>
      <c r="D61405" s="14" t="s">
        <v>14</v>
      </c>
      <c r="E61405" s="15">
        <v>45461</v>
      </c>
      <c r="F61405" s="14" t="s">
        <v>15</v>
      </c>
      <c r="G61405" s="16">
        <v>1.3238331857150845</v>
      </c>
    </row>
    <row r="61406" spans="1:7" x14ac:dyDescent="0.3">
      <c r="A61406" s="13" t="s">
        <v>331</v>
      </c>
      <c r="B61406" s="14" t="s">
        <v>1</v>
      </c>
      <c r="C61406" s="14" t="s">
        <v>137</v>
      </c>
      <c r="D61406" s="14" t="s">
        <v>14</v>
      </c>
      <c r="E61406" s="15">
        <v>45462</v>
      </c>
      <c r="F61406" s="14" t="s">
        <v>15</v>
      </c>
      <c r="G61406" s="16">
        <v>1.3417960711641177</v>
      </c>
    </row>
    <row r="61407" spans="1:7" x14ac:dyDescent="0.3">
      <c r="A61407" s="13" t="s">
        <v>331</v>
      </c>
      <c r="B61407" s="14" t="s">
        <v>1</v>
      </c>
      <c r="C61407" s="14" t="s">
        <v>137</v>
      </c>
      <c r="D61407" s="14" t="s">
        <v>14</v>
      </c>
      <c r="E61407" s="15">
        <v>45463</v>
      </c>
      <c r="F61407" s="14" t="s">
        <v>15</v>
      </c>
      <c r="G61407" s="16">
        <v>1.3597342295883432</v>
      </c>
    </row>
    <row r="61408" spans="1:7" x14ac:dyDescent="0.3">
      <c r="A61408" s="13" t="s">
        <v>331</v>
      </c>
      <c r="B61408" s="14" t="s">
        <v>1</v>
      </c>
      <c r="C61408" s="14" t="s">
        <v>137</v>
      </c>
      <c r="D61408" s="14" t="s">
        <v>14</v>
      </c>
      <c r="E61408" s="15">
        <v>45464</v>
      </c>
      <c r="F61408" s="14" t="s">
        <v>15</v>
      </c>
      <c r="G61408" s="16">
        <v>1.3781937685765777</v>
      </c>
    </row>
    <row r="61409" spans="1:7" x14ac:dyDescent="0.3">
      <c r="A61409" s="13" t="s">
        <v>331</v>
      </c>
      <c r="B61409" s="14" t="s">
        <v>1</v>
      </c>
      <c r="C61409" s="14" t="s">
        <v>137</v>
      </c>
      <c r="D61409" s="14" t="s">
        <v>14</v>
      </c>
      <c r="E61409" s="15">
        <v>45465</v>
      </c>
      <c r="F61409" s="14" t="s">
        <v>15</v>
      </c>
      <c r="G61409" s="16">
        <v>1.3781937685765777</v>
      </c>
    </row>
    <row r="61410" spans="1:7" x14ac:dyDescent="0.3">
      <c r="A61410" s="13" t="s">
        <v>331</v>
      </c>
      <c r="B61410" s="14" t="s">
        <v>1</v>
      </c>
      <c r="C61410" s="14" t="s">
        <v>137</v>
      </c>
      <c r="D61410" s="14" t="s">
        <v>14</v>
      </c>
      <c r="E61410" s="15">
        <v>45466</v>
      </c>
      <c r="F61410" s="14" t="s">
        <v>15</v>
      </c>
      <c r="G61410" s="16">
        <v>1.3781937685765777</v>
      </c>
    </row>
    <row r="61411" spans="1:7" x14ac:dyDescent="0.3">
      <c r="A61411" s="13" t="s">
        <v>331</v>
      </c>
      <c r="B61411" s="14" t="s">
        <v>1</v>
      </c>
      <c r="C61411" s="14" t="s">
        <v>137</v>
      </c>
      <c r="D61411" s="14" t="s">
        <v>14</v>
      </c>
      <c r="E61411" s="15">
        <v>45467</v>
      </c>
      <c r="F61411" s="14" t="s">
        <v>15</v>
      </c>
      <c r="G61411" s="16">
        <v>1.397087310774249</v>
      </c>
    </row>
    <row r="61412" spans="1:7" x14ac:dyDescent="0.3">
      <c r="A61412" s="13" t="s">
        <v>331</v>
      </c>
      <c r="B61412" s="14" t="s">
        <v>1</v>
      </c>
      <c r="C61412" s="14" t="s">
        <v>137</v>
      </c>
      <c r="D61412" s="14" t="s">
        <v>14</v>
      </c>
      <c r="E61412" s="15">
        <v>45468</v>
      </c>
      <c r="F61412" s="14" t="s">
        <v>15</v>
      </c>
      <c r="G61412" s="16">
        <v>1.4511770608379593</v>
      </c>
    </row>
    <row r="61413" spans="1:7" x14ac:dyDescent="0.3">
      <c r="A61413" s="13" t="s">
        <v>331</v>
      </c>
      <c r="B61413" s="14" t="s">
        <v>1</v>
      </c>
      <c r="C61413" s="14" t="s">
        <v>137</v>
      </c>
      <c r="D61413" s="14" t="s">
        <v>14</v>
      </c>
      <c r="E61413" s="15">
        <v>45469</v>
      </c>
      <c r="F61413" s="14" t="s">
        <v>15</v>
      </c>
      <c r="G61413" s="16">
        <v>1.469210296115508</v>
      </c>
    </row>
    <row r="61414" spans="1:7" x14ac:dyDescent="0.3">
      <c r="A61414" s="13" t="s">
        <v>331</v>
      </c>
      <c r="B61414" s="14" t="s">
        <v>1</v>
      </c>
      <c r="C61414" s="14" t="s">
        <v>137</v>
      </c>
      <c r="D61414" s="14" t="s">
        <v>14</v>
      </c>
      <c r="E61414" s="15">
        <v>45470</v>
      </c>
      <c r="F61414" s="14" t="s">
        <v>15</v>
      </c>
      <c r="G61414" s="16">
        <v>1.4872567370936607</v>
      </c>
    </row>
    <row r="61415" spans="1:7" x14ac:dyDescent="0.3">
      <c r="A61415" s="13" t="s">
        <v>331</v>
      </c>
      <c r="B61415" s="14" t="s">
        <v>1</v>
      </c>
      <c r="C61415" s="14" t="s">
        <v>137</v>
      </c>
      <c r="D61415" s="14" t="s">
        <v>14</v>
      </c>
      <c r="E61415" s="15">
        <v>45471</v>
      </c>
      <c r="F61415" s="14" t="s">
        <v>15</v>
      </c>
      <c r="G61415" s="16">
        <v>1.505374708950084</v>
      </c>
    </row>
    <row r="61416" spans="1:7" x14ac:dyDescent="0.3">
      <c r="A61416" s="13" t="s">
        <v>331</v>
      </c>
      <c r="B61416" s="14" t="s">
        <v>1</v>
      </c>
      <c r="C61416" s="14" t="s">
        <v>137</v>
      </c>
      <c r="D61416" s="14" t="s">
        <v>14</v>
      </c>
      <c r="E61416" s="15">
        <v>45472</v>
      </c>
      <c r="F61416" s="14" t="s">
        <v>15</v>
      </c>
      <c r="G61416" s="16">
        <v>1.505374708950084</v>
      </c>
    </row>
    <row r="61417" spans="1:7" x14ac:dyDescent="0.3">
      <c r="A61417" s="13" t="s">
        <v>331</v>
      </c>
      <c r="B61417" s="14" t="s">
        <v>1</v>
      </c>
      <c r="C61417" s="14" t="s">
        <v>137</v>
      </c>
      <c r="D61417" s="14" t="s">
        <v>14</v>
      </c>
      <c r="E61417" s="15">
        <v>45473</v>
      </c>
      <c r="F61417" s="14" t="s">
        <v>15</v>
      </c>
      <c r="G61417" s="16">
        <v>1.505374708950084</v>
      </c>
    </row>
    <row r="61418" spans="1:7" x14ac:dyDescent="0.3">
      <c r="A61418" s="13" t="s">
        <v>331</v>
      </c>
      <c r="B61418" s="14" t="s">
        <v>1</v>
      </c>
      <c r="C61418" s="14" t="s">
        <v>137</v>
      </c>
      <c r="D61418" s="14" t="s">
        <v>14</v>
      </c>
      <c r="E61418" s="15">
        <v>45474</v>
      </c>
      <c r="F61418" s="14" t="s">
        <v>15</v>
      </c>
      <c r="G61418" s="16">
        <v>1.5238976556250245</v>
      </c>
    </row>
    <row r="61419" spans="1:7" x14ac:dyDescent="0.3">
      <c r="A61419" s="13" t="s">
        <v>331</v>
      </c>
      <c r="B61419" s="14" t="s">
        <v>1</v>
      </c>
      <c r="C61419" s="14" t="s">
        <v>137</v>
      </c>
      <c r="D61419" s="14" t="s">
        <v>14</v>
      </c>
      <c r="E61419" s="15">
        <v>45475</v>
      </c>
      <c r="F61419" s="14" t="s">
        <v>15</v>
      </c>
      <c r="G61419" s="16">
        <v>1.5791293750208464</v>
      </c>
    </row>
    <row r="61420" spans="1:7" x14ac:dyDescent="0.3">
      <c r="A61420" s="13" t="s">
        <v>331</v>
      </c>
      <c r="B61420" s="14" t="s">
        <v>1</v>
      </c>
      <c r="C61420" s="14" t="s">
        <v>137</v>
      </c>
      <c r="D61420" s="14" t="s">
        <v>14</v>
      </c>
      <c r="E61420" s="15">
        <v>45476</v>
      </c>
      <c r="F61420" s="14" t="s">
        <v>15</v>
      </c>
      <c r="G61420" s="16">
        <v>1.5974879980889813</v>
      </c>
    </row>
    <row r="61421" spans="1:7" x14ac:dyDescent="0.3">
      <c r="A61421" s="13" t="s">
        <v>331</v>
      </c>
      <c r="B61421" s="14" t="s">
        <v>1</v>
      </c>
      <c r="C61421" s="14" t="s">
        <v>137</v>
      </c>
      <c r="D61421" s="14" t="s">
        <v>14</v>
      </c>
      <c r="E61421" s="15">
        <v>45477</v>
      </c>
      <c r="F61421" s="14" t="s">
        <v>15</v>
      </c>
      <c r="G61421" s="16">
        <v>1.6157717626978241</v>
      </c>
    </row>
    <row r="61422" spans="1:7" x14ac:dyDescent="0.3">
      <c r="A61422" s="13" t="s">
        <v>331</v>
      </c>
      <c r="B61422" s="14" t="s">
        <v>1</v>
      </c>
      <c r="C61422" s="14" t="s">
        <v>137</v>
      </c>
      <c r="D61422" s="14" t="s">
        <v>14</v>
      </c>
      <c r="E61422" s="15">
        <v>45478</v>
      </c>
      <c r="F61422" s="14" t="s">
        <v>15</v>
      </c>
      <c r="G61422" s="16">
        <v>1.6339805577898079</v>
      </c>
    </row>
    <row r="61423" spans="1:7" x14ac:dyDescent="0.3">
      <c r="A61423" s="13" t="s">
        <v>331</v>
      </c>
      <c r="B61423" s="14" t="s">
        <v>1</v>
      </c>
      <c r="C61423" s="14" t="s">
        <v>137</v>
      </c>
      <c r="D61423" s="14" t="s">
        <v>14</v>
      </c>
      <c r="E61423" s="15">
        <v>45479</v>
      </c>
      <c r="F61423" s="14" t="s">
        <v>15</v>
      </c>
      <c r="G61423" s="16">
        <v>1.6339805577898079</v>
      </c>
    </row>
    <row r="61424" spans="1:7" x14ac:dyDescent="0.3">
      <c r="A61424" s="13" t="s">
        <v>331</v>
      </c>
      <c r="B61424" s="14" t="s">
        <v>1</v>
      </c>
      <c r="C61424" s="14" t="s">
        <v>137</v>
      </c>
      <c r="D61424" s="14" t="s">
        <v>14</v>
      </c>
      <c r="E61424" s="15">
        <v>45480</v>
      </c>
      <c r="F61424" s="14" t="s">
        <v>15</v>
      </c>
      <c r="G61424" s="16">
        <v>1.6339805577898079</v>
      </c>
    </row>
    <row r="61425" spans="1:7" x14ac:dyDescent="0.3">
      <c r="A61425" s="13" t="s">
        <v>331</v>
      </c>
      <c r="B61425" s="14" t="s">
        <v>1</v>
      </c>
      <c r="C61425" s="14" t="s">
        <v>137</v>
      </c>
      <c r="D61425" s="14" t="s">
        <v>14</v>
      </c>
      <c r="E61425" s="15">
        <v>45481</v>
      </c>
      <c r="F61425" s="14" t="s">
        <v>15</v>
      </c>
      <c r="G61425" s="16">
        <v>1.6521613030625588</v>
      </c>
    </row>
    <row r="61426" spans="1:7" x14ac:dyDescent="0.3">
      <c r="A61426" s="13" t="s">
        <v>331</v>
      </c>
      <c r="B61426" s="14" t="s">
        <v>1</v>
      </c>
      <c r="C61426" s="14" t="s">
        <v>137</v>
      </c>
      <c r="D61426" s="14" t="s">
        <v>14</v>
      </c>
      <c r="E61426" s="15">
        <v>45482</v>
      </c>
      <c r="F61426" s="14" t="s">
        <v>15</v>
      </c>
      <c r="G61426" s="16">
        <v>1.7057169503617535</v>
      </c>
    </row>
    <row r="61427" spans="1:7" x14ac:dyDescent="0.3">
      <c r="A61427" s="13" t="s">
        <v>331</v>
      </c>
      <c r="B61427" s="14" t="s">
        <v>1</v>
      </c>
      <c r="C61427" s="14" t="s">
        <v>137</v>
      </c>
      <c r="D61427" s="14" t="s">
        <v>14</v>
      </c>
      <c r="E61427" s="15">
        <v>45483</v>
      </c>
      <c r="F61427" s="14" t="s">
        <v>15</v>
      </c>
      <c r="G61427" s="16">
        <v>1.7305444827992846</v>
      </c>
    </row>
    <row r="61428" spans="1:7" x14ac:dyDescent="0.3">
      <c r="A61428" s="13" t="s">
        <v>331</v>
      </c>
      <c r="B61428" s="14" t="s">
        <v>1</v>
      </c>
      <c r="C61428" s="14" t="s">
        <v>137</v>
      </c>
      <c r="D61428" s="14" t="s">
        <v>14</v>
      </c>
      <c r="E61428" s="15">
        <v>45484</v>
      </c>
      <c r="F61428" s="14" t="s">
        <v>15</v>
      </c>
      <c r="G61428" s="16">
        <v>1.7486650484598629</v>
      </c>
    </row>
    <row r="61429" spans="1:7" x14ac:dyDescent="0.3">
      <c r="A61429" s="13" t="s">
        <v>331</v>
      </c>
      <c r="B61429" s="14" t="s">
        <v>1</v>
      </c>
      <c r="C61429" s="14" t="s">
        <v>137</v>
      </c>
      <c r="D61429" s="14" t="s">
        <v>14</v>
      </c>
      <c r="E61429" s="15">
        <v>45485</v>
      </c>
      <c r="F61429" s="14" t="s">
        <v>15</v>
      </c>
      <c r="G61429" s="16">
        <v>1.7703107114029517</v>
      </c>
    </row>
    <row r="61430" spans="1:7" x14ac:dyDescent="0.3">
      <c r="A61430" s="13" t="s">
        <v>331</v>
      </c>
      <c r="B61430" s="14" t="s">
        <v>1</v>
      </c>
      <c r="C61430" s="14" t="s">
        <v>137</v>
      </c>
      <c r="D61430" s="14" t="s">
        <v>14</v>
      </c>
      <c r="E61430" s="15">
        <v>45486</v>
      </c>
      <c r="F61430" s="14" t="s">
        <v>15</v>
      </c>
      <c r="G61430" s="16">
        <v>1.7703107114029517</v>
      </c>
    </row>
    <row r="61431" spans="1:7" x14ac:dyDescent="0.3">
      <c r="A61431" s="13" t="s">
        <v>331</v>
      </c>
      <c r="B61431" s="14" t="s">
        <v>1</v>
      </c>
      <c r="C61431" s="14" t="s">
        <v>137</v>
      </c>
      <c r="D61431" s="14" t="s">
        <v>14</v>
      </c>
      <c r="E61431" s="15">
        <v>45487</v>
      </c>
      <c r="F61431" s="14" t="s">
        <v>15</v>
      </c>
      <c r="G61431" s="16">
        <v>1.7703107114029517</v>
      </c>
    </row>
    <row r="61432" spans="1:7" x14ac:dyDescent="0.3">
      <c r="A61432" s="13" t="s">
        <v>331</v>
      </c>
      <c r="B61432" s="14" t="s">
        <v>1</v>
      </c>
      <c r="C61432" s="14" t="s">
        <v>137</v>
      </c>
      <c r="D61432" s="14" t="s">
        <v>14</v>
      </c>
      <c r="E61432" s="15">
        <v>45488</v>
      </c>
      <c r="F61432" s="14" t="s">
        <v>15</v>
      </c>
      <c r="G61432" s="16">
        <v>1.7880033898210499</v>
      </c>
    </row>
    <row r="61433" spans="1:7" x14ac:dyDescent="0.3">
      <c r="A61433" s="13" t="s">
        <v>331</v>
      </c>
      <c r="B61433" s="14" t="s">
        <v>1</v>
      </c>
      <c r="C61433" s="14" t="s">
        <v>137</v>
      </c>
      <c r="D61433" s="14" t="s">
        <v>14</v>
      </c>
      <c r="E61433" s="15">
        <v>45489</v>
      </c>
      <c r="F61433" s="14" t="s">
        <v>15</v>
      </c>
      <c r="G61433" s="16">
        <v>1.8395083403359598</v>
      </c>
    </row>
    <row r="61434" spans="1:7" x14ac:dyDescent="0.3">
      <c r="A61434" s="13" t="s">
        <v>331</v>
      </c>
      <c r="B61434" s="14" t="s">
        <v>1</v>
      </c>
      <c r="C61434" s="14" t="s">
        <v>137</v>
      </c>
      <c r="D61434" s="14" t="s">
        <v>14</v>
      </c>
      <c r="E61434" s="15">
        <v>45490</v>
      </c>
      <c r="F61434" s="14" t="s">
        <v>15</v>
      </c>
      <c r="G61434" s="16">
        <v>1.8570770895527191</v>
      </c>
    </row>
    <row r="61435" spans="1:7" x14ac:dyDescent="0.3">
      <c r="A61435" s="13" t="s">
        <v>331</v>
      </c>
      <c r="B61435" s="14" t="s">
        <v>1</v>
      </c>
      <c r="C61435" s="14" t="s">
        <v>137</v>
      </c>
      <c r="D61435" s="14" t="s">
        <v>14</v>
      </c>
      <c r="E61435" s="15">
        <v>45491</v>
      </c>
      <c r="F61435" s="14" t="s">
        <v>15</v>
      </c>
      <c r="G61435" s="16">
        <v>1.8746891884901116</v>
      </c>
    </row>
    <row r="61436" spans="1:7" x14ac:dyDescent="0.3">
      <c r="A61436" s="13" t="s">
        <v>331</v>
      </c>
      <c r="B61436" s="14" t="s">
        <v>1</v>
      </c>
      <c r="C61436" s="14" t="s">
        <v>137</v>
      </c>
      <c r="D61436" s="14" t="s">
        <v>14</v>
      </c>
      <c r="E61436" s="15">
        <v>45492</v>
      </c>
      <c r="F61436" s="14" t="s">
        <v>15</v>
      </c>
      <c r="G61436" s="16">
        <v>1.8921906181407122</v>
      </c>
    </row>
    <row r="61437" spans="1:7" x14ac:dyDescent="0.3">
      <c r="A61437" s="13" t="s">
        <v>331</v>
      </c>
      <c r="B61437" s="14" t="s">
        <v>1</v>
      </c>
      <c r="C61437" s="14" t="s">
        <v>137</v>
      </c>
      <c r="D61437" s="14" t="s">
        <v>14</v>
      </c>
      <c r="E61437" s="15">
        <v>45493</v>
      </c>
      <c r="F61437" s="14" t="s">
        <v>15</v>
      </c>
      <c r="G61437" s="16">
        <v>1.8921906181407122</v>
      </c>
    </row>
    <row r="61438" spans="1:7" x14ac:dyDescent="0.3">
      <c r="A61438" s="13" t="s">
        <v>331</v>
      </c>
      <c r="B61438" s="14" t="s">
        <v>1</v>
      </c>
      <c r="C61438" s="14" t="s">
        <v>137</v>
      </c>
      <c r="D61438" s="14" t="s">
        <v>14</v>
      </c>
      <c r="E61438" s="15">
        <v>45494</v>
      </c>
      <c r="F61438" s="14" t="s">
        <v>15</v>
      </c>
      <c r="G61438" s="16">
        <v>1.8921906181407122</v>
      </c>
    </row>
    <row r="61439" spans="1:7" x14ac:dyDescent="0.3">
      <c r="A61439" s="13" t="s">
        <v>331</v>
      </c>
      <c r="B61439" s="14" t="s">
        <v>1</v>
      </c>
      <c r="C61439" s="14" t="s">
        <v>137</v>
      </c>
      <c r="D61439" s="14" t="s">
        <v>14</v>
      </c>
      <c r="E61439" s="15">
        <v>45495</v>
      </c>
      <c r="F61439" s="14" t="s">
        <v>15</v>
      </c>
      <c r="G61439" s="16">
        <v>1.9098261769269171</v>
      </c>
    </row>
    <row r="61440" spans="1:7" x14ac:dyDescent="0.3">
      <c r="A61440" s="13" t="s">
        <v>331</v>
      </c>
      <c r="B61440" s="14" t="s">
        <v>1</v>
      </c>
      <c r="C61440" s="14" t="s">
        <v>137</v>
      </c>
      <c r="D61440" s="14" t="s">
        <v>14</v>
      </c>
      <c r="E61440" s="15">
        <v>45496</v>
      </c>
      <c r="F61440" s="14" t="s">
        <v>15</v>
      </c>
      <c r="G61440" s="16">
        <v>1.9616427354336694</v>
      </c>
    </row>
    <row r="61441" spans="1:7" x14ac:dyDescent="0.3">
      <c r="A61441" s="13" t="s">
        <v>331</v>
      </c>
      <c r="B61441" s="14" t="s">
        <v>1</v>
      </c>
      <c r="C61441" s="14" t="s">
        <v>137</v>
      </c>
      <c r="D61441" s="14" t="s">
        <v>14</v>
      </c>
      <c r="E61441" s="15">
        <v>45497</v>
      </c>
      <c r="F61441" s="14" t="s">
        <v>15</v>
      </c>
      <c r="G61441" s="16">
        <v>1.9793420438090406</v>
      </c>
    </row>
    <row r="61442" spans="1:7" x14ac:dyDescent="0.3">
      <c r="A61442" s="13" t="s">
        <v>331</v>
      </c>
      <c r="B61442" s="14" t="s">
        <v>1</v>
      </c>
      <c r="C61442" s="14" t="s">
        <v>137</v>
      </c>
      <c r="D61442" s="14" t="s">
        <v>14</v>
      </c>
      <c r="E61442" s="15">
        <v>45498</v>
      </c>
      <c r="F61442" s="14" t="s">
        <v>15</v>
      </c>
      <c r="G61442" s="16">
        <v>1.9970821519214776</v>
      </c>
    </row>
    <row r="61443" spans="1:7" x14ac:dyDescent="0.3">
      <c r="A61443" s="13" t="s">
        <v>331</v>
      </c>
      <c r="B61443" s="14" t="s">
        <v>1</v>
      </c>
      <c r="C61443" s="14" t="s">
        <v>137</v>
      </c>
      <c r="D61443" s="14" t="s">
        <v>14</v>
      </c>
      <c r="E61443" s="15">
        <v>45499</v>
      </c>
      <c r="F61443" s="14" t="s">
        <v>15</v>
      </c>
      <c r="G61443" s="16">
        <v>2.0151721177792563</v>
      </c>
    </row>
    <row r="61444" spans="1:7" x14ac:dyDescent="0.3">
      <c r="A61444" s="13" t="s">
        <v>331</v>
      </c>
      <c r="B61444" s="14" t="s">
        <v>1</v>
      </c>
      <c r="C61444" s="14" t="s">
        <v>137</v>
      </c>
      <c r="D61444" s="14" t="s">
        <v>14</v>
      </c>
      <c r="E61444" s="15">
        <v>45500</v>
      </c>
      <c r="F61444" s="14" t="s">
        <v>15</v>
      </c>
      <c r="G61444" s="16">
        <v>2.0151721177792563</v>
      </c>
    </row>
    <row r="61445" spans="1:7" x14ac:dyDescent="0.3">
      <c r="A61445" s="13" t="s">
        <v>331</v>
      </c>
      <c r="B61445" s="14" t="s">
        <v>1</v>
      </c>
      <c r="C61445" s="14" t="s">
        <v>137</v>
      </c>
      <c r="D61445" s="14" t="s">
        <v>14</v>
      </c>
      <c r="E61445" s="15">
        <v>45501</v>
      </c>
      <c r="F61445" s="14" t="s">
        <v>15</v>
      </c>
      <c r="G61445" s="16">
        <v>2.0151721177792563</v>
      </c>
    </row>
    <row r="61446" spans="1:7" x14ac:dyDescent="0.3">
      <c r="A61446" s="13" t="s">
        <v>331</v>
      </c>
      <c r="B61446" s="14" t="s">
        <v>1</v>
      </c>
      <c r="C61446" s="14" t="s">
        <v>137</v>
      </c>
      <c r="D61446" s="14" t="s">
        <v>14</v>
      </c>
      <c r="E61446" s="15">
        <v>45502</v>
      </c>
      <c r="F61446" s="14" t="s">
        <v>15</v>
      </c>
      <c r="G61446" s="16">
        <v>2.0282273960830794</v>
      </c>
    </row>
    <row r="61447" spans="1:7" x14ac:dyDescent="0.3">
      <c r="A61447" s="13" t="s">
        <v>331</v>
      </c>
      <c r="B61447" s="14" t="s">
        <v>1</v>
      </c>
      <c r="C61447" s="14" t="s">
        <v>137</v>
      </c>
      <c r="D61447" s="14" t="s">
        <v>14</v>
      </c>
      <c r="E61447" s="15">
        <v>45503</v>
      </c>
      <c r="F61447" s="14" t="s">
        <v>15</v>
      </c>
      <c r="G61447" s="16">
        <v>2.0811756372967025</v>
      </c>
    </row>
    <row r="61448" spans="1:7" x14ac:dyDescent="0.3">
      <c r="A61448" s="13" t="s">
        <v>331</v>
      </c>
      <c r="B61448" s="14" t="s">
        <v>1</v>
      </c>
      <c r="C61448" s="14" t="s">
        <v>137</v>
      </c>
      <c r="D61448" s="14" t="s">
        <v>14</v>
      </c>
      <c r="E61448" s="15">
        <v>45504</v>
      </c>
      <c r="F61448" s="14" t="s">
        <v>15</v>
      </c>
      <c r="G61448" s="16">
        <v>2.0992650931577677</v>
      </c>
    </row>
    <row r="61449" spans="1:7" x14ac:dyDescent="0.3">
      <c r="A61449" s="13" t="s">
        <v>331</v>
      </c>
      <c r="B61449" s="14" t="s">
        <v>1</v>
      </c>
      <c r="C61449" s="14" t="s">
        <v>137</v>
      </c>
      <c r="D61449" s="14" t="s">
        <v>14</v>
      </c>
      <c r="E61449" s="15">
        <v>45505</v>
      </c>
      <c r="F61449" s="14" t="s">
        <v>15</v>
      </c>
      <c r="G61449" s="16">
        <v>2.1226386249656057</v>
      </c>
    </row>
    <row r="61450" spans="1:7" x14ac:dyDescent="0.3">
      <c r="A61450" s="13" t="s">
        <v>331</v>
      </c>
      <c r="B61450" s="14" t="s">
        <v>1</v>
      </c>
      <c r="C61450" s="14" t="s">
        <v>137</v>
      </c>
      <c r="D61450" s="14" t="s">
        <v>14</v>
      </c>
      <c r="E61450" s="15">
        <v>45506</v>
      </c>
      <c r="F61450" s="14" t="s">
        <v>15</v>
      </c>
      <c r="G61450" s="16">
        <v>2.1269795894288244</v>
      </c>
    </row>
    <row r="61451" spans="1:7" x14ac:dyDescent="0.3">
      <c r="A61451" s="13" t="s">
        <v>331</v>
      </c>
      <c r="B61451" s="14" t="s">
        <v>1</v>
      </c>
      <c r="C61451" s="14" t="s">
        <v>137</v>
      </c>
      <c r="D61451" s="14" t="s">
        <v>14</v>
      </c>
      <c r="E61451" s="15">
        <v>45507</v>
      </c>
      <c r="F61451" s="14" t="s">
        <v>15</v>
      </c>
      <c r="G61451" s="16">
        <v>2.1269795894288244</v>
      </c>
    </row>
    <row r="61452" spans="1:7" x14ac:dyDescent="0.3">
      <c r="A61452" s="13" t="s">
        <v>331</v>
      </c>
      <c r="B61452" s="14" t="s">
        <v>1</v>
      </c>
      <c r="C61452" s="14" t="s">
        <v>137</v>
      </c>
      <c r="D61452" s="14" t="s">
        <v>14</v>
      </c>
      <c r="E61452" s="15">
        <v>45508</v>
      </c>
      <c r="F61452" s="14" t="s">
        <v>15</v>
      </c>
      <c r="G61452" s="16">
        <v>2.1269795894288244</v>
      </c>
    </row>
    <row r="61453" spans="1:7" x14ac:dyDescent="0.3">
      <c r="A61453" s="13" t="s">
        <v>331</v>
      </c>
      <c r="B61453" s="14" t="s">
        <v>1</v>
      </c>
      <c r="C61453" s="14" t="s">
        <v>137</v>
      </c>
      <c r="D61453" s="14" t="s">
        <v>14</v>
      </c>
      <c r="E61453" s="15">
        <v>45509</v>
      </c>
      <c r="F61453" s="14" t="s">
        <v>15</v>
      </c>
      <c r="G61453" s="16">
        <v>2.1269795894288244</v>
      </c>
    </row>
    <row r="61454" spans="1:7" x14ac:dyDescent="0.3">
      <c r="A61454" s="13" t="s">
        <v>331</v>
      </c>
      <c r="B61454" s="14" t="s">
        <v>1</v>
      </c>
      <c r="C61454" s="14" t="s">
        <v>137</v>
      </c>
      <c r="D61454" s="14" t="s">
        <v>14</v>
      </c>
      <c r="E61454" s="15">
        <v>45510</v>
      </c>
      <c r="F61454" s="14" t="s">
        <v>15</v>
      </c>
      <c r="G61454" s="16">
        <v>2.1472329613445327</v>
      </c>
    </row>
    <row r="61455" spans="1:7" x14ac:dyDescent="0.3">
      <c r="A61455" s="13" t="s">
        <v>331</v>
      </c>
      <c r="B61455" s="14" t="s">
        <v>1</v>
      </c>
      <c r="C61455" s="14" t="s">
        <v>137</v>
      </c>
      <c r="D61455" s="14" t="s">
        <v>14</v>
      </c>
      <c r="E61455" s="15">
        <v>45511</v>
      </c>
      <c r="F61455" s="14" t="s">
        <v>15</v>
      </c>
      <c r="G61455" s="16">
        <v>2.2190373110399646</v>
      </c>
    </row>
    <row r="61456" spans="1:7" x14ac:dyDescent="0.3">
      <c r="A61456" s="13" t="s">
        <v>331</v>
      </c>
      <c r="B61456" s="14" t="s">
        <v>1</v>
      </c>
      <c r="C61456" s="14" t="s">
        <v>137</v>
      </c>
      <c r="D61456" s="14" t="s">
        <v>14</v>
      </c>
      <c r="E61456" s="15">
        <v>45512</v>
      </c>
      <c r="F61456" s="14" t="s">
        <v>15</v>
      </c>
      <c r="G61456" s="16">
        <v>2.2367896590735215</v>
      </c>
    </row>
    <row r="61457" spans="1:7" x14ac:dyDescent="0.3">
      <c r="A61457" s="13" t="s">
        <v>331</v>
      </c>
      <c r="B61457" s="14" t="s">
        <v>1</v>
      </c>
      <c r="C61457" s="14" t="s">
        <v>137</v>
      </c>
      <c r="D61457" s="14" t="s">
        <v>14</v>
      </c>
      <c r="E61457" s="15">
        <v>45513</v>
      </c>
      <c r="F61457" s="14" t="s">
        <v>15</v>
      </c>
      <c r="G61457" s="16">
        <v>2.2620318188389863</v>
      </c>
    </row>
    <row r="61458" spans="1:7" x14ac:dyDescent="0.3">
      <c r="A61458" s="13" t="s">
        <v>331</v>
      </c>
      <c r="B61458" s="14" t="s">
        <v>1</v>
      </c>
      <c r="C61458" s="14" t="s">
        <v>137</v>
      </c>
      <c r="D61458" s="14" t="s">
        <v>14</v>
      </c>
      <c r="E61458" s="15">
        <v>45514</v>
      </c>
      <c r="F61458" s="14" t="s">
        <v>15</v>
      </c>
      <c r="G61458" s="16">
        <v>2.2620318188389863</v>
      </c>
    </row>
    <row r="61459" spans="1:7" x14ac:dyDescent="0.3">
      <c r="A61459" s="13" t="s">
        <v>331</v>
      </c>
      <c r="B61459" s="14" t="s">
        <v>1</v>
      </c>
      <c r="C61459" s="14" t="s">
        <v>137</v>
      </c>
      <c r="D61459" s="14" t="s">
        <v>14</v>
      </c>
      <c r="E61459" s="15">
        <v>45515</v>
      </c>
      <c r="F61459" s="14" t="s">
        <v>15</v>
      </c>
      <c r="G61459" s="16">
        <v>2.2620318188389863</v>
      </c>
    </row>
    <row r="61460" spans="1:7" x14ac:dyDescent="0.3">
      <c r="A61460" s="13" t="s">
        <v>331</v>
      </c>
      <c r="B61460" s="14" t="s">
        <v>1</v>
      </c>
      <c r="C61460" s="14" t="s">
        <v>137</v>
      </c>
      <c r="D61460" s="14" t="s">
        <v>14</v>
      </c>
      <c r="E61460" s="15">
        <v>45516</v>
      </c>
      <c r="F61460" s="14" t="s">
        <v>15</v>
      </c>
      <c r="G61460" s="16">
        <v>2.2800605850911659</v>
      </c>
    </row>
    <row r="61461" spans="1:7" x14ac:dyDescent="0.3">
      <c r="A61461" s="13" t="s">
        <v>331</v>
      </c>
      <c r="B61461" s="14" t="s">
        <v>1</v>
      </c>
      <c r="C61461" s="14" t="s">
        <v>137</v>
      </c>
      <c r="D61461" s="14" t="s">
        <v>14</v>
      </c>
      <c r="E61461" s="15">
        <v>45517</v>
      </c>
      <c r="F61461" s="14" t="s">
        <v>15</v>
      </c>
      <c r="G61461" s="16">
        <v>2.3331057256803218</v>
      </c>
    </row>
    <row r="61462" spans="1:7" x14ac:dyDescent="0.3">
      <c r="A61462" s="13" t="s">
        <v>331</v>
      </c>
      <c r="B61462" s="14" t="s">
        <v>1</v>
      </c>
      <c r="C61462" s="14" t="s">
        <v>137</v>
      </c>
      <c r="D61462" s="14" t="s">
        <v>14</v>
      </c>
      <c r="E61462" s="15">
        <v>45518</v>
      </c>
      <c r="F61462" s="14" t="s">
        <v>15</v>
      </c>
      <c r="G61462" s="16">
        <v>2.3511411218897744</v>
      </c>
    </row>
    <row r="61463" spans="1:7" x14ac:dyDescent="0.3">
      <c r="A61463" s="13" t="s">
        <v>331</v>
      </c>
      <c r="B61463" s="14" t="s">
        <v>1</v>
      </c>
      <c r="C61463" s="14" t="s">
        <v>137</v>
      </c>
      <c r="D61463" s="14" t="s">
        <v>14</v>
      </c>
      <c r="E61463" s="15">
        <v>45519</v>
      </c>
      <c r="F61463" s="14" t="s">
        <v>15</v>
      </c>
      <c r="G61463" s="16">
        <v>2.3691301083983145</v>
      </c>
    </row>
    <row r="61464" spans="1:7" x14ac:dyDescent="0.3">
      <c r="A61464" s="13" t="s">
        <v>331</v>
      </c>
      <c r="B61464" s="14" t="s">
        <v>1</v>
      </c>
      <c r="C61464" s="14" t="s">
        <v>137</v>
      </c>
      <c r="D61464" s="14" t="s">
        <v>14</v>
      </c>
      <c r="E61464" s="15">
        <v>45520</v>
      </c>
      <c r="F61464" s="14" t="s">
        <v>15</v>
      </c>
      <c r="G61464" s="16">
        <v>2.3881707081297332</v>
      </c>
    </row>
    <row r="61465" spans="1:7" x14ac:dyDescent="0.3">
      <c r="A61465" s="13" t="s">
        <v>331</v>
      </c>
      <c r="B61465" s="14" t="s">
        <v>1</v>
      </c>
      <c r="C61465" s="14" t="s">
        <v>137</v>
      </c>
      <c r="D61465" s="14" t="s">
        <v>14</v>
      </c>
      <c r="E61465" s="15">
        <v>45521</v>
      </c>
      <c r="F61465" s="14" t="s">
        <v>15</v>
      </c>
      <c r="G61465" s="16">
        <v>2.3881707081297332</v>
      </c>
    </row>
    <row r="61466" spans="1:7" x14ac:dyDescent="0.3">
      <c r="A61466" s="13" t="s">
        <v>331</v>
      </c>
      <c r="B61466" s="14" t="s">
        <v>1</v>
      </c>
      <c r="C61466" s="14" t="s">
        <v>137</v>
      </c>
      <c r="D61466" s="14" t="s">
        <v>14</v>
      </c>
      <c r="E61466" s="15">
        <v>45522</v>
      </c>
      <c r="F61466" s="14" t="s">
        <v>15</v>
      </c>
      <c r="G61466" s="16">
        <v>2.3881707081297332</v>
      </c>
    </row>
    <row r="61467" spans="1:7" x14ac:dyDescent="0.3">
      <c r="A61467" s="13" t="s">
        <v>331</v>
      </c>
      <c r="B61467" s="14" t="s">
        <v>1</v>
      </c>
      <c r="C61467" s="14" t="s">
        <v>137</v>
      </c>
      <c r="D61467" s="14" t="s">
        <v>14</v>
      </c>
      <c r="E61467" s="15">
        <v>45523</v>
      </c>
      <c r="F61467" s="14" t="s">
        <v>15</v>
      </c>
      <c r="G61467" s="16">
        <v>2.4069180597509896</v>
      </c>
    </row>
    <row r="61468" spans="1:7" x14ac:dyDescent="0.3">
      <c r="A61468" s="13" t="s">
        <v>331</v>
      </c>
      <c r="B61468" s="14" t="s">
        <v>1</v>
      </c>
      <c r="C61468" s="14" t="s">
        <v>137</v>
      </c>
      <c r="D61468" s="14" t="s">
        <v>14</v>
      </c>
      <c r="E61468" s="15">
        <v>45524</v>
      </c>
      <c r="F61468" s="14" t="s">
        <v>15</v>
      </c>
      <c r="G61468" s="16">
        <v>2.4590900859669302</v>
      </c>
    </row>
    <row r="61469" spans="1:7" x14ac:dyDescent="0.3">
      <c r="A61469" s="13" t="s">
        <v>331</v>
      </c>
      <c r="B61469" s="14" t="s">
        <v>1</v>
      </c>
      <c r="C61469" s="14" t="s">
        <v>137</v>
      </c>
      <c r="D61469" s="14" t="s">
        <v>14</v>
      </c>
      <c r="E61469" s="15">
        <v>45525</v>
      </c>
      <c r="F61469" s="14" t="s">
        <v>15</v>
      </c>
      <c r="G61469" s="16">
        <v>2.477449840086059</v>
      </c>
    </row>
    <row r="61470" spans="1:7" x14ac:dyDescent="0.3">
      <c r="A61470" s="13" t="s">
        <v>331</v>
      </c>
      <c r="B61470" s="14" t="s">
        <v>1</v>
      </c>
      <c r="C61470" s="14" t="s">
        <v>137</v>
      </c>
      <c r="D61470" s="14" t="s">
        <v>14</v>
      </c>
      <c r="E61470" s="15">
        <v>45526</v>
      </c>
      <c r="F61470" s="14" t="s">
        <v>15</v>
      </c>
      <c r="G61470" s="16">
        <v>2.4950002294211386</v>
      </c>
    </row>
    <row r="61471" spans="1:7" x14ac:dyDescent="0.3">
      <c r="A61471" s="13" t="s">
        <v>331</v>
      </c>
      <c r="B61471" s="14" t="s">
        <v>1</v>
      </c>
      <c r="C61471" s="14" t="s">
        <v>137</v>
      </c>
      <c r="D61471" s="14" t="s">
        <v>14</v>
      </c>
      <c r="E61471" s="15">
        <v>45527</v>
      </c>
      <c r="F61471" s="14" t="s">
        <v>15</v>
      </c>
      <c r="G61471" s="16">
        <v>2.5128107170800149</v>
      </c>
    </row>
    <row r="61472" spans="1:7" x14ac:dyDescent="0.3">
      <c r="A61472" s="13" t="s">
        <v>331</v>
      </c>
      <c r="B61472" s="14" t="s">
        <v>1</v>
      </c>
      <c r="C61472" s="14" t="s">
        <v>137</v>
      </c>
      <c r="D61472" s="14" t="s">
        <v>14</v>
      </c>
      <c r="E61472" s="15">
        <v>45528</v>
      </c>
      <c r="F61472" s="14" t="s">
        <v>15</v>
      </c>
      <c r="G61472" s="16">
        <v>2.5128107170800149</v>
      </c>
    </row>
    <row r="61473" spans="1:7" x14ac:dyDescent="0.3">
      <c r="A61473" s="13" t="s">
        <v>331</v>
      </c>
      <c r="B61473" s="14" t="s">
        <v>1</v>
      </c>
      <c r="C61473" s="14" t="s">
        <v>137</v>
      </c>
      <c r="D61473" s="14" t="s">
        <v>14</v>
      </c>
      <c r="E61473" s="15">
        <v>45529</v>
      </c>
      <c r="F61473" s="14" t="s">
        <v>15</v>
      </c>
      <c r="G61473" s="16">
        <v>2.5128107170800149</v>
      </c>
    </row>
    <row r="61474" spans="1:7" x14ac:dyDescent="0.3">
      <c r="A61474" s="13" t="s">
        <v>331</v>
      </c>
      <c r="B61474" s="14" t="s">
        <v>1</v>
      </c>
      <c r="C61474" s="14" t="s">
        <v>137</v>
      </c>
      <c r="D61474" s="14" t="s">
        <v>14</v>
      </c>
      <c r="E61474" s="15">
        <v>45530</v>
      </c>
      <c r="F61474" s="14" t="s">
        <v>15</v>
      </c>
      <c r="G61474" s="16">
        <v>2.5302570670855755</v>
      </c>
    </row>
    <row r="61475" spans="1:7" x14ac:dyDescent="0.3">
      <c r="A61475" s="13" t="s">
        <v>331</v>
      </c>
      <c r="B61475" s="14" t="s">
        <v>1</v>
      </c>
      <c r="C61475" s="14" t="s">
        <v>137</v>
      </c>
      <c r="D61475" s="14" t="s">
        <v>14</v>
      </c>
      <c r="E61475" s="15">
        <v>45531</v>
      </c>
      <c r="F61475" s="14" t="s">
        <v>15</v>
      </c>
      <c r="G61475" s="16">
        <v>2.5809898825765099</v>
      </c>
    </row>
    <row r="61476" spans="1:7" x14ac:dyDescent="0.3">
      <c r="A61476" s="13" t="s">
        <v>331</v>
      </c>
      <c r="B61476" s="14" t="s">
        <v>1</v>
      </c>
      <c r="C61476" s="14" t="s">
        <v>137</v>
      </c>
      <c r="D61476" s="14" t="s">
        <v>14</v>
      </c>
      <c r="E61476" s="15">
        <v>45532</v>
      </c>
      <c r="F61476" s="14" t="s">
        <v>15</v>
      </c>
      <c r="G61476" s="16">
        <v>2.597965505615671</v>
      </c>
    </row>
    <row r="61477" spans="1:7" x14ac:dyDescent="0.3">
      <c r="A61477" s="13" t="s">
        <v>331</v>
      </c>
      <c r="B61477" s="14" t="s">
        <v>1</v>
      </c>
      <c r="C61477" s="14" t="s">
        <v>137</v>
      </c>
      <c r="D61477" s="14" t="s">
        <v>14</v>
      </c>
      <c r="E61477" s="15">
        <v>45533</v>
      </c>
      <c r="F61477" s="14" t="s">
        <v>15</v>
      </c>
      <c r="G61477" s="16">
        <v>2.615207872526105</v>
      </c>
    </row>
    <row r="61478" spans="1:7" x14ac:dyDescent="0.3">
      <c r="A61478" s="13" t="s">
        <v>331</v>
      </c>
      <c r="B61478" s="14" t="s">
        <v>1</v>
      </c>
      <c r="C61478" s="14" t="s">
        <v>137</v>
      </c>
      <c r="D61478" s="14" t="s">
        <v>14</v>
      </c>
      <c r="E61478" s="15">
        <v>45534</v>
      </c>
      <c r="F61478" s="14" t="s">
        <v>15</v>
      </c>
      <c r="G61478" s="16">
        <v>2.6318753430005759</v>
      </c>
    </row>
    <row r="61479" spans="1:7" x14ac:dyDescent="0.3">
      <c r="A61479" s="13" t="s">
        <v>331</v>
      </c>
      <c r="B61479" s="14" t="s">
        <v>1</v>
      </c>
      <c r="C61479" s="14" t="s">
        <v>137</v>
      </c>
      <c r="D61479" s="14" t="s">
        <v>14</v>
      </c>
      <c r="E61479" s="15">
        <v>45535</v>
      </c>
      <c r="F61479" s="14" t="s">
        <v>15</v>
      </c>
      <c r="G61479" s="16">
        <v>2.6318753430005759</v>
      </c>
    </row>
    <row r="61480" spans="1:7" x14ac:dyDescent="0.3">
      <c r="A61480" s="13" t="s">
        <v>331</v>
      </c>
      <c r="B61480" s="14" t="s">
        <v>1</v>
      </c>
      <c r="C61480" s="14" t="s">
        <v>137</v>
      </c>
      <c r="D61480" s="14" t="s">
        <v>14</v>
      </c>
      <c r="E61480" s="15">
        <v>45536</v>
      </c>
      <c r="F61480" s="14" t="s">
        <v>15</v>
      </c>
      <c r="G61480" s="16">
        <v>2.6318753430005759</v>
      </c>
    </row>
    <row r="61481" spans="1:7" x14ac:dyDescent="0.3">
      <c r="A61481" s="13" t="s">
        <v>331</v>
      </c>
      <c r="B61481" s="14" t="s">
        <v>1</v>
      </c>
      <c r="C61481" s="14" t="s">
        <v>137</v>
      </c>
      <c r="D61481" s="14" t="s">
        <v>14</v>
      </c>
      <c r="E61481" s="15">
        <v>45537</v>
      </c>
      <c r="F61481" s="14" t="s">
        <v>15</v>
      </c>
      <c r="G61481" s="16">
        <v>2.6494215695324397</v>
      </c>
    </row>
    <row r="61482" spans="1:7" x14ac:dyDescent="0.3">
      <c r="A61482" s="13" t="s">
        <v>331</v>
      </c>
      <c r="B61482" s="14" t="s">
        <v>1</v>
      </c>
      <c r="C61482" s="14" t="s">
        <v>137</v>
      </c>
      <c r="D61482" s="14" t="s">
        <v>14</v>
      </c>
      <c r="E61482" s="15">
        <v>45538</v>
      </c>
      <c r="F61482" s="14" t="s">
        <v>15</v>
      </c>
      <c r="G61482" s="16">
        <v>2.6869459445292692</v>
      </c>
    </row>
    <row r="61483" spans="1:7" x14ac:dyDescent="0.3">
      <c r="A61483" s="13" t="s">
        <v>331</v>
      </c>
      <c r="B61483" s="14" t="s">
        <v>1</v>
      </c>
      <c r="C61483" s="14" t="s">
        <v>137</v>
      </c>
      <c r="D61483" s="14" t="s">
        <v>14</v>
      </c>
      <c r="E61483" s="15">
        <v>45539</v>
      </c>
      <c r="F61483" s="14" t="s">
        <v>15</v>
      </c>
      <c r="G61483" s="16">
        <v>2.704203230897384</v>
      </c>
    </row>
    <row r="61484" spans="1:7" x14ac:dyDescent="0.3">
      <c r="A61484" s="13" t="s">
        <v>331</v>
      </c>
      <c r="B61484" s="14" t="s">
        <v>1</v>
      </c>
      <c r="C61484" s="14" t="s">
        <v>137</v>
      </c>
      <c r="D61484" s="14" t="s">
        <v>14</v>
      </c>
      <c r="E61484" s="15">
        <v>45540</v>
      </c>
      <c r="F61484" s="14" t="s">
        <v>15</v>
      </c>
      <c r="G61484" s="16">
        <v>2.7215860031301884</v>
      </c>
    </row>
    <row r="61485" spans="1:7" x14ac:dyDescent="0.3">
      <c r="A61485" s="13" t="s">
        <v>331</v>
      </c>
      <c r="B61485" s="14" t="s">
        <v>1</v>
      </c>
      <c r="C61485" s="14" t="s">
        <v>137</v>
      </c>
      <c r="D61485" s="14" t="s">
        <v>14</v>
      </c>
      <c r="E61485" s="15">
        <v>45541</v>
      </c>
      <c r="F61485" s="14" t="s">
        <v>15</v>
      </c>
      <c r="G61485" s="16">
        <v>2.7387377196038778</v>
      </c>
    </row>
    <row r="61486" spans="1:7" x14ac:dyDescent="0.3">
      <c r="A61486" s="13" t="s">
        <v>331</v>
      </c>
      <c r="B61486" s="14" t="s">
        <v>1</v>
      </c>
      <c r="C61486" s="14" t="s">
        <v>137</v>
      </c>
      <c r="D61486" s="14" t="s">
        <v>14</v>
      </c>
      <c r="E61486" s="15">
        <v>45542</v>
      </c>
      <c r="F61486" s="14" t="s">
        <v>15</v>
      </c>
      <c r="G61486" s="16">
        <v>2.7387377196038778</v>
      </c>
    </row>
    <row r="61487" spans="1:7" x14ac:dyDescent="0.3">
      <c r="A61487" s="13" t="s">
        <v>331</v>
      </c>
      <c r="B61487" s="14" t="s">
        <v>1</v>
      </c>
      <c r="C61487" s="14" t="s">
        <v>137</v>
      </c>
      <c r="D61487" s="14" t="s">
        <v>14</v>
      </c>
      <c r="E61487" s="15">
        <v>45543</v>
      </c>
      <c r="F61487" s="14" t="s">
        <v>15</v>
      </c>
      <c r="G61487" s="16">
        <v>2.7387377196038778</v>
      </c>
    </row>
    <row r="61488" spans="1:7" x14ac:dyDescent="0.3">
      <c r="A61488" s="13" t="s">
        <v>331</v>
      </c>
      <c r="B61488" s="14" t="s">
        <v>1</v>
      </c>
      <c r="C61488" s="14" t="s">
        <v>137</v>
      </c>
      <c r="D61488" s="14" t="s">
        <v>14</v>
      </c>
      <c r="E61488" s="15">
        <v>45544</v>
      </c>
      <c r="F61488" s="14" t="s">
        <v>15</v>
      </c>
      <c r="G61488" s="16">
        <v>2.7625347367766899</v>
      </c>
    </row>
    <row r="61489" spans="1:7" x14ac:dyDescent="0.3">
      <c r="A61489" s="13" t="s">
        <v>331</v>
      </c>
      <c r="B61489" s="14" t="s">
        <v>1</v>
      </c>
      <c r="C61489" s="14" t="s">
        <v>137</v>
      </c>
      <c r="D61489" s="14" t="s">
        <v>14</v>
      </c>
      <c r="E61489" s="15">
        <v>45545</v>
      </c>
      <c r="F61489" s="14" t="s">
        <v>15</v>
      </c>
      <c r="G61489" s="16">
        <v>2.8081381307408906</v>
      </c>
    </row>
    <row r="61490" spans="1:7" x14ac:dyDescent="0.3">
      <c r="A61490" s="13" t="s">
        <v>331</v>
      </c>
      <c r="B61490" s="14" t="s">
        <v>1</v>
      </c>
      <c r="C61490" s="14" t="s">
        <v>137</v>
      </c>
      <c r="D61490" s="14" t="s">
        <v>14</v>
      </c>
      <c r="E61490" s="15">
        <v>45546</v>
      </c>
      <c r="F61490" s="14" t="s">
        <v>15</v>
      </c>
      <c r="G61490" s="16">
        <v>2.8257666444802116</v>
      </c>
    </row>
    <row r="61491" spans="1:7" x14ac:dyDescent="0.3">
      <c r="A61491" s="13" t="s">
        <v>331</v>
      </c>
      <c r="B61491" s="14" t="s">
        <v>1</v>
      </c>
      <c r="C61491" s="14" t="s">
        <v>137</v>
      </c>
      <c r="D61491" s="14" t="s">
        <v>14</v>
      </c>
      <c r="E61491" s="15">
        <v>45547</v>
      </c>
      <c r="F61491" s="14" t="s">
        <v>15</v>
      </c>
      <c r="G61491" s="16">
        <v>2.8431131918694259</v>
      </c>
    </row>
    <row r="61492" spans="1:7" x14ac:dyDescent="0.3">
      <c r="A61492" s="13" t="s">
        <v>331</v>
      </c>
      <c r="B61492" s="14" t="s">
        <v>1</v>
      </c>
      <c r="C61492" s="14" t="s">
        <v>137</v>
      </c>
      <c r="D61492" s="14" t="s">
        <v>14</v>
      </c>
      <c r="E61492" s="15">
        <v>45548</v>
      </c>
      <c r="F61492" s="14" t="s">
        <v>15</v>
      </c>
      <c r="G61492" s="16">
        <v>2.8617883098735515</v>
      </c>
    </row>
    <row r="61493" spans="1:7" x14ac:dyDescent="0.3">
      <c r="A61493" s="13" t="s">
        <v>331</v>
      </c>
      <c r="B61493" s="14" t="s">
        <v>1</v>
      </c>
      <c r="C61493" s="14" t="s">
        <v>137</v>
      </c>
      <c r="D61493" s="14" t="s">
        <v>14</v>
      </c>
      <c r="E61493" s="15">
        <v>45549</v>
      </c>
      <c r="F61493" s="14" t="s">
        <v>15</v>
      </c>
      <c r="G61493" s="16">
        <v>2.8617883098735515</v>
      </c>
    </row>
    <row r="61494" spans="1:7" x14ac:dyDescent="0.3">
      <c r="A61494" s="13" t="s">
        <v>331</v>
      </c>
      <c r="B61494" s="14" t="s">
        <v>1</v>
      </c>
      <c r="C61494" s="14" t="s">
        <v>137</v>
      </c>
      <c r="D61494" s="14" t="s">
        <v>14</v>
      </c>
      <c r="E61494" s="15">
        <v>45550</v>
      </c>
      <c r="F61494" s="14" t="s">
        <v>15</v>
      </c>
      <c r="G61494" s="16">
        <v>2.8617883098735515</v>
      </c>
    </row>
    <row r="61495" spans="1:7" x14ac:dyDescent="0.3">
      <c r="A61495" s="13" t="s">
        <v>331</v>
      </c>
      <c r="B61495" s="14" t="s">
        <v>1</v>
      </c>
      <c r="C61495" s="14" t="s">
        <v>137</v>
      </c>
      <c r="D61495" s="14" t="s">
        <v>14</v>
      </c>
      <c r="E61495" s="15">
        <v>45551</v>
      </c>
      <c r="F61495" s="14" t="s">
        <v>15</v>
      </c>
      <c r="G61495" s="16">
        <v>2.8796101859536574</v>
      </c>
    </row>
    <row r="61496" spans="1:7" x14ac:dyDescent="0.3">
      <c r="A61496" s="13" t="s">
        <v>331</v>
      </c>
      <c r="B61496" s="14" t="s">
        <v>1</v>
      </c>
      <c r="C61496" s="14" t="s">
        <v>137</v>
      </c>
      <c r="D61496" s="14" t="s">
        <v>14</v>
      </c>
      <c r="E61496" s="15">
        <v>45552</v>
      </c>
      <c r="F61496" s="14" t="s">
        <v>15</v>
      </c>
      <c r="G61496" s="16">
        <v>2.9314823006176938</v>
      </c>
    </row>
    <row r="61497" spans="1:7" x14ac:dyDescent="0.3">
      <c r="A61497" s="13" t="s">
        <v>331</v>
      </c>
      <c r="B61497" s="14" t="s">
        <v>1</v>
      </c>
      <c r="C61497" s="14" t="s">
        <v>137</v>
      </c>
      <c r="D61497" s="14" t="s">
        <v>14</v>
      </c>
      <c r="E61497" s="15">
        <v>45553</v>
      </c>
      <c r="F61497" s="14" t="s">
        <v>15</v>
      </c>
      <c r="G61497" s="16">
        <v>2.9485350488975115</v>
      </c>
    </row>
    <row r="61498" spans="1:7" x14ac:dyDescent="0.3">
      <c r="A61498" s="13" t="s">
        <v>331</v>
      </c>
      <c r="B61498" s="14" t="s">
        <v>1</v>
      </c>
      <c r="C61498" s="14" t="s">
        <v>137</v>
      </c>
      <c r="D61498" s="14" t="s">
        <v>14</v>
      </c>
      <c r="E61498" s="15">
        <v>45554</v>
      </c>
      <c r="F61498" s="14" t="s">
        <v>15</v>
      </c>
      <c r="G61498" s="16">
        <v>2.965995871055624</v>
      </c>
    </row>
    <row r="61499" spans="1:7" x14ac:dyDescent="0.3">
      <c r="A61499" s="13" t="s">
        <v>331</v>
      </c>
      <c r="B61499" s="14" t="s">
        <v>1</v>
      </c>
      <c r="C61499" s="14" t="s">
        <v>137</v>
      </c>
      <c r="D61499" s="14" t="s">
        <v>14</v>
      </c>
      <c r="E61499" s="15">
        <v>45555</v>
      </c>
      <c r="F61499" s="14" t="s">
        <v>15</v>
      </c>
      <c r="G61499" s="16">
        <v>2.9889022319978422</v>
      </c>
    </row>
    <row r="61500" spans="1:7" x14ac:dyDescent="0.3">
      <c r="A61500" s="13" t="s">
        <v>331</v>
      </c>
      <c r="B61500" s="14" t="s">
        <v>1</v>
      </c>
      <c r="C61500" s="14" t="s">
        <v>137</v>
      </c>
      <c r="D61500" s="14" t="s">
        <v>14</v>
      </c>
      <c r="E61500" s="15">
        <v>45556</v>
      </c>
      <c r="F61500" s="14" t="s">
        <v>15</v>
      </c>
      <c r="G61500" s="16">
        <v>2.9889022319978422</v>
      </c>
    </row>
    <row r="61501" spans="1:7" x14ac:dyDescent="0.3">
      <c r="A61501" s="13" t="s">
        <v>331</v>
      </c>
      <c r="B61501" s="14" t="s">
        <v>1</v>
      </c>
      <c r="C61501" s="14" t="s">
        <v>137</v>
      </c>
      <c r="D61501" s="14" t="s">
        <v>14</v>
      </c>
      <c r="E61501" s="15">
        <v>45557</v>
      </c>
      <c r="F61501" s="14" t="s">
        <v>15</v>
      </c>
      <c r="G61501" s="16">
        <v>2.9889022319978422</v>
      </c>
    </row>
    <row r="61502" spans="1:7" x14ac:dyDescent="0.3">
      <c r="A61502" s="13" t="s">
        <v>331</v>
      </c>
      <c r="B61502" s="14" t="s">
        <v>1</v>
      </c>
      <c r="C61502" s="14" t="s">
        <v>137</v>
      </c>
      <c r="D61502" s="14" t="s">
        <v>14</v>
      </c>
      <c r="E61502" s="15">
        <v>45558</v>
      </c>
      <c r="F61502" s="14" t="s">
        <v>15</v>
      </c>
      <c r="G61502" s="16">
        <v>3.0067217713664633</v>
      </c>
    </row>
    <row r="61503" spans="1:7" x14ac:dyDescent="0.3">
      <c r="A61503" s="13" t="s">
        <v>331</v>
      </c>
      <c r="B61503" s="14" t="s">
        <v>1</v>
      </c>
      <c r="C61503" s="14" t="s">
        <v>137</v>
      </c>
      <c r="D61503" s="14" t="s">
        <v>14</v>
      </c>
      <c r="E61503" s="15">
        <v>45559</v>
      </c>
      <c r="F61503" s="14" t="s">
        <v>15</v>
      </c>
      <c r="G61503" s="16">
        <v>3.0544699601632455</v>
      </c>
    </row>
    <row r="61504" spans="1:7" x14ac:dyDescent="0.3">
      <c r="A61504" s="13" t="s">
        <v>331</v>
      </c>
      <c r="B61504" s="14" t="s">
        <v>1</v>
      </c>
      <c r="C61504" s="14" t="s">
        <v>137</v>
      </c>
      <c r="D61504" s="14" t="s">
        <v>14</v>
      </c>
      <c r="E61504" s="15">
        <v>45560</v>
      </c>
      <c r="F61504" s="14" t="s">
        <v>15</v>
      </c>
      <c r="G61504" s="16">
        <v>3.0712819019346931</v>
      </c>
    </row>
    <row r="61505" spans="1:7" x14ac:dyDescent="0.3">
      <c r="A61505" s="13" t="s">
        <v>331</v>
      </c>
      <c r="B61505" s="14" t="s">
        <v>1</v>
      </c>
      <c r="C61505" s="14" t="s">
        <v>137</v>
      </c>
      <c r="D61505" s="14" t="s">
        <v>14</v>
      </c>
      <c r="E61505" s="15">
        <v>45561</v>
      </c>
      <c r="F61505" s="14" t="s">
        <v>15</v>
      </c>
      <c r="G61505" s="16">
        <v>3.0887106993579092</v>
      </c>
    </row>
    <row r="61506" spans="1:7" x14ac:dyDescent="0.3">
      <c r="A61506" s="13" t="s">
        <v>331</v>
      </c>
      <c r="B61506" s="14" t="s">
        <v>1</v>
      </c>
      <c r="C61506" s="14" t="s">
        <v>137</v>
      </c>
      <c r="D61506" s="14" t="s">
        <v>14</v>
      </c>
      <c r="E61506" s="15">
        <v>45562</v>
      </c>
      <c r="F61506" s="14" t="s">
        <v>15</v>
      </c>
      <c r="G61506" s="16">
        <v>3.1068586351562035</v>
      </c>
    </row>
    <row r="61507" spans="1:7" x14ac:dyDescent="0.3">
      <c r="A61507" s="13" t="s">
        <v>331</v>
      </c>
      <c r="B61507" s="14" t="s">
        <v>1</v>
      </c>
      <c r="C61507" s="14" t="s">
        <v>137</v>
      </c>
      <c r="D61507" s="14" t="s">
        <v>14</v>
      </c>
      <c r="E61507" s="15">
        <v>45563</v>
      </c>
      <c r="F61507" s="14" t="s">
        <v>15</v>
      </c>
      <c r="G61507" s="16">
        <v>3.1068586351562035</v>
      </c>
    </row>
    <row r="61508" spans="1:7" x14ac:dyDescent="0.3">
      <c r="A61508" s="13" t="s">
        <v>331</v>
      </c>
      <c r="B61508" s="14" t="s">
        <v>1</v>
      </c>
      <c r="C61508" s="14" t="s">
        <v>137</v>
      </c>
      <c r="D61508" s="14" t="s">
        <v>14</v>
      </c>
      <c r="E61508" s="15">
        <v>45564</v>
      </c>
      <c r="F61508" s="14" t="s">
        <v>15</v>
      </c>
      <c r="G61508" s="16">
        <v>3.1068586351562035</v>
      </c>
    </row>
    <row r="61509" spans="1:7" x14ac:dyDescent="0.3">
      <c r="A61509" s="13" t="s">
        <v>331</v>
      </c>
      <c r="B61509" s="14" t="s">
        <v>1</v>
      </c>
      <c r="C61509" s="14" t="s">
        <v>137</v>
      </c>
      <c r="D61509" s="14" t="s">
        <v>14</v>
      </c>
      <c r="E61509" s="15">
        <v>45565</v>
      </c>
      <c r="F61509" s="14" t="s">
        <v>15</v>
      </c>
      <c r="G61509" s="16">
        <v>3.1241547414789119</v>
      </c>
    </row>
    <row r="61510" spans="1:7" x14ac:dyDescent="0.3">
      <c r="A61510" s="13" t="s">
        <v>331</v>
      </c>
      <c r="B61510" s="14" t="s">
        <v>1</v>
      </c>
      <c r="C61510" s="14" t="s">
        <v>137</v>
      </c>
      <c r="D61510" s="14" t="s">
        <v>14</v>
      </c>
      <c r="E61510" s="15">
        <v>45566</v>
      </c>
      <c r="F61510" s="14" t="s">
        <v>15</v>
      </c>
      <c r="G61510" s="16">
        <v>3.1758510156084725</v>
      </c>
    </row>
    <row r="61511" spans="1:7" x14ac:dyDescent="0.3">
      <c r="A61511" s="13" t="s">
        <v>331</v>
      </c>
      <c r="B61511" s="14" t="s">
        <v>1</v>
      </c>
      <c r="C61511" s="14" t="s">
        <v>137</v>
      </c>
      <c r="D61511" s="14" t="s">
        <v>14</v>
      </c>
      <c r="E61511" s="15">
        <v>45567</v>
      </c>
      <c r="F61511" s="14" t="s">
        <v>15</v>
      </c>
      <c r="G61511" s="16">
        <v>3.1934638429508468</v>
      </c>
    </row>
    <row r="61512" spans="1:7" x14ac:dyDescent="0.3">
      <c r="A61512" s="13" t="s">
        <v>331</v>
      </c>
      <c r="B61512" s="14" t="s">
        <v>1</v>
      </c>
      <c r="C61512" s="14" t="s">
        <v>137</v>
      </c>
      <c r="D61512" s="14" t="s">
        <v>14</v>
      </c>
      <c r="E61512" s="15">
        <v>45568</v>
      </c>
      <c r="F61512" s="14" t="s">
        <v>15</v>
      </c>
      <c r="G61512" s="16">
        <v>3.2108837819156473</v>
      </c>
    </row>
    <row r="61513" spans="1:7" x14ac:dyDescent="0.3">
      <c r="A61513" s="13" t="s">
        <v>331</v>
      </c>
      <c r="B61513" s="14" t="s">
        <v>1</v>
      </c>
      <c r="C61513" s="14" t="s">
        <v>137</v>
      </c>
      <c r="D61513" s="14" t="s">
        <v>14</v>
      </c>
      <c r="E61513" s="15">
        <v>45569</v>
      </c>
      <c r="F61513" s="14" t="s">
        <v>15</v>
      </c>
      <c r="G61513" s="16">
        <v>3.2266473192331642</v>
      </c>
    </row>
    <row r="61514" spans="1:7" x14ac:dyDescent="0.3">
      <c r="A61514" s="13" t="s">
        <v>331</v>
      </c>
      <c r="B61514" s="14" t="s">
        <v>1</v>
      </c>
      <c r="C61514" s="14" t="s">
        <v>137</v>
      </c>
      <c r="D61514" s="14" t="s">
        <v>14</v>
      </c>
      <c r="E61514" s="15">
        <v>45570</v>
      </c>
      <c r="F61514" s="14" t="s">
        <v>15</v>
      </c>
      <c r="G61514" s="16">
        <v>3.2266473192331642</v>
      </c>
    </row>
    <row r="61515" spans="1:7" x14ac:dyDescent="0.3">
      <c r="A61515" s="13" t="s">
        <v>331</v>
      </c>
      <c r="B61515" s="14" t="s">
        <v>1</v>
      </c>
      <c r="C61515" s="14" t="s">
        <v>137</v>
      </c>
      <c r="D61515" s="14" t="s">
        <v>14</v>
      </c>
      <c r="E61515" s="15">
        <v>45571</v>
      </c>
      <c r="F61515" s="14" t="s">
        <v>15</v>
      </c>
      <c r="G61515" s="16">
        <v>3.2266473192331642</v>
      </c>
    </row>
    <row r="61516" spans="1:7" x14ac:dyDescent="0.3">
      <c r="A61516" s="13" t="s">
        <v>331</v>
      </c>
      <c r="B61516" s="14" t="s">
        <v>1</v>
      </c>
      <c r="C61516" s="14" t="s">
        <v>137</v>
      </c>
      <c r="D61516" s="14" t="s">
        <v>14</v>
      </c>
      <c r="E61516" s="15">
        <v>45572</v>
      </c>
      <c r="F61516" s="14" t="s">
        <v>15</v>
      </c>
      <c r="G61516" s="16">
        <v>3.2486311086503736</v>
      </c>
    </row>
    <row r="61517" spans="1:7" x14ac:dyDescent="0.3">
      <c r="A61517" s="13" t="s">
        <v>331</v>
      </c>
      <c r="B61517" s="14" t="s">
        <v>1</v>
      </c>
      <c r="C61517" s="14" t="s">
        <v>137</v>
      </c>
      <c r="D61517" s="14" t="s">
        <v>14</v>
      </c>
      <c r="E61517" s="15">
        <v>45573</v>
      </c>
      <c r="F61517" s="14" t="s">
        <v>15</v>
      </c>
      <c r="G61517" s="16">
        <v>3.3010454258630246</v>
      </c>
    </row>
    <row r="61518" spans="1:7" x14ac:dyDescent="0.3">
      <c r="A61518" s="13" t="s">
        <v>331</v>
      </c>
      <c r="B61518" s="14" t="s">
        <v>1</v>
      </c>
      <c r="C61518" s="14" t="s">
        <v>137</v>
      </c>
      <c r="D61518" s="14" t="s">
        <v>14</v>
      </c>
      <c r="E61518" s="15">
        <v>45574</v>
      </c>
      <c r="F61518" s="14" t="s">
        <v>15</v>
      </c>
      <c r="G61518" s="16">
        <v>3.325280412877448</v>
      </c>
    </row>
    <row r="61519" spans="1:7" x14ac:dyDescent="0.3">
      <c r="A61519" s="13" t="s">
        <v>331</v>
      </c>
      <c r="B61519" s="14" t="s">
        <v>1</v>
      </c>
      <c r="C61519" s="14" t="s">
        <v>137</v>
      </c>
      <c r="D61519" s="14" t="s">
        <v>14</v>
      </c>
      <c r="E61519" s="15">
        <v>45575</v>
      </c>
      <c r="F61519" s="14" t="s">
        <v>15</v>
      </c>
      <c r="G61519" s="16">
        <v>3.3431097464809434</v>
      </c>
    </row>
    <row r="61520" spans="1:7" x14ac:dyDescent="0.3">
      <c r="A61520" s="13" t="s">
        <v>331</v>
      </c>
      <c r="B61520" s="14" t="s">
        <v>1</v>
      </c>
      <c r="C61520" s="14" t="s">
        <v>137</v>
      </c>
      <c r="D61520" s="14" t="s">
        <v>14</v>
      </c>
      <c r="E61520" s="15">
        <v>45576</v>
      </c>
      <c r="F61520" s="14" t="s">
        <v>15</v>
      </c>
      <c r="G61520" s="16">
        <v>3.3613164948293033</v>
      </c>
    </row>
    <row r="61521" spans="1:7" x14ac:dyDescent="0.3">
      <c r="A61521" s="13" t="s">
        <v>331</v>
      </c>
      <c r="B61521" s="14" t="s">
        <v>1</v>
      </c>
      <c r="C61521" s="14" t="s">
        <v>137</v>
      </c>
      <c r="D61521" s="14" t="s">
        <v>14</v>
      </c>
      <c r="E61521" s="15">
        <v>45577</v>
      </c>
      <c r="F61521" s="14" t="s">
        <v>15</v>
      </c>
      <c r="G61521" s="16">
        <v>3.3613164948293033</v>
      </c>
    </row>
    <row r="61522" spans="1:7" x14ac:dyDescent="0.3">
      <c r="A61522" s="13" t="s">
        <v>331</v>
      </c>
      <c r="B61522" s="14" t="s">
        <v>1</v>
      </c>
      <c r="C61522" s="14" t="s">
        <v>137</v>
      </c>
      <c r="D61522" s="14" t="s">
        <v>14</v>
      </c>
      <c r="E61522" s="15">
        <v>45578</v>
      </c>
      <c r="F61522" s="14" t="s">
        <v>15</v>
      </c>
      <c r="G61522" s="16">
        <v>3.3613164948293033</v>
      </c>
    </row>
    <row r="61523" spans="1:7" x14ac:dyDescent="0.3">
      <c r="A61523" s="13" t="s">
        <v>331</v>
      </c>
      <c r="B61523" s="14" t="s">
        <v>1</v>
      </c>
      <c r="C61523" s="14" t="s">
        <v>137</v>
      </c>
      <c r="D61523" s="14" t="s">
        <v>14</v>
      </c>
      <c r="E61523" s="15">
        <v>45579</v>
      </c>
      <c r="F61523" s="14" t="s">
        <v>15</v>
      </c>
      <c r="G61523" s="16">
        <v>3.3791247695455531</v>
      </c>
    </row>
    <row r="61524" spans="1:7" x14ac:dyDescent="0.3">
      <c r="A61524" s="13" t="s">
        <v>331</v>
      </c>
      <c r="B61524" s="14" t="s">
        <v>1</v>
      </c>
      <c r="C61524" s="14" t="s">
        <v>137</v>
      </c>
      <c r="D61524" s="14" t="s">
        <v>14</v>
      </c>
      <c r="E61524" s="15">
        <v>45580</v>
      </c>
      <c r="F61524" s="14" t="s">
        <v>15</v>
      </c>
      <c r="G61524" s="16">
        <v>3.431110960171988</v>
      </c>
    </row>
    <row r="61525" spans="1:7" x14ac:dyDescent="0.3">
      <c r="A61525" s="13" t="s">
        <v>331</v>
      </c>
      <c r="B61525" s="14" t="s">
        <v>1</v>
      </c>
      <c r="C61525" s="14" t="s">
        <v>137</v>
      </c>
      <c r="D61525" s="14" t="s">
        <v>14</v>
      </c>
      <c r="E61525" s="15">
        <v>45581</v>
      </c>
      <c r="F61525" s="14" t="s">
        <v>15</v>
      </c>
      <c r="G61525" s="16">
        <v>3.4488810656551037</v>
      </c>
    </row>
    <row r="61526" spans="1:7" x14ac:dyDescent="0.3">
      <c r="A61526" s="13" t="s">
        <v>331</v>
      </c>
      <c r="B61526" s="14" t="s">
        <v>1</v>
      </c>
      <c r="C61526" s="14" t="s">
        <v>137</v>
      </c>
      <c r="D61526" s="14" t="s">
        <v>14</v>
      </c>
      <c r="E61526" s="15">
        <v>45582</v>
      </c>
      <c r="F61526" s="14" t="s">
        <v>15</v>
      </c>
      <c r="G61526" s="16">
        <v>3.4677962481322266</v>
      </c>
    </row>
    <row r="61527" spans="1:7" x14ac:dyDescent="0.3">
      <c r="A61527" s="13" t="s">
        <v>331</v>
      </c>
      <c r="B61527" s="14" t="s">
        <v>1</v>
      </c>
      <c r="C61527" s="14" t="s">
        <v>137</v>
      </c>
      <c r="D61527" s="14" t="s">
        <v>14</v>
      </c>
      <c r="E61527" s="15">
        <v>45583</v>
      </c>
      <c r="F61527" s="14" t="s">
        <v>15</v>
      </c>
      <c r="G61527" s="16">
        <v>3.4854933056002082</v>
      </c>
    </row>
    <row r="61528" spans="1:7" x14ac:dyDescent="0.3">
      <c r="A61528" s="13" t="s">
        <v>331</v>
      </c>
      <c r="B61528" s="14" t="s">
        <v>1</v>
      </c>
      <c r="C61528" s="14" t="s">
        <v>137</v>
      </c>
      <c r="D61528" s="14" t="s">
        <v>14</v>
      </c>
      <c r="E61528" s="15">
        <v>45584</v>
      </c>
      <c r="F61528" s="14" t="s">
        <v>15</v>
      </c>
      <c r="G61528" s="16">
        <v>3.4854933056002082</v>
      </c>
    </row>
    <row r="61529" spans="1:7" x14ac:dyDescent="0.3">
      <c r="A61529" s="13" t="s">
        <v>331</v>
      </c>
      <c r="B61529" s="14" t="s">
        <v>1</v>
      </c>
      <c r="C61529" s="14" t="s">
        <v>137</v>
      </c>
      <c r="D61529" s="14" t="s">
        <v>14</v>
      </c>
      <c r="E61529" s="15">
        <v>45585</v>
      </c>
      <c r="F61529" s="14" t="s">
        <v>15</v>
      </c>
      <c r="G61529" s="16">
        <v>3.4854933056002082</v>
      </c>
    </row>
    <row r="61530" spans="1:7" x14ac:dyDescent="0.3">
      <c r="A61530" s="13" t="s">
        <v>331</v>
      </c>
      <c r="B61530" s="14" t="s">
        <v>1</v>
      </c>
      <c r="C61530" s="14" t="s">
        <v>137</v>
      </c>
      <c r="D61530" s="14" t="s">
        <v>14</v>
      </c>
      <c r="E61530" s="15">
        <v>45586</v>
      </c>
      <c r="F61530" s="14" t="s">
        <v>15</v>
      </c>
      <c r="G61530" s="16">
        <v>3.5046223674009243</v>
      </c>
    </row>
    <row r="61531" spans="1:7" x14ac:dyDescent="0.3">
      <c r="A61531" s="13" t="s">
        <v>331</v>
      </c>
      <c r="B61531" s="14" t="s">
        <v>1</v>
      </c>
      <c r="C61531" s="14" t="s">
        <v>137</v>
      </c>
      <c r="D61531" s="14" t="s">
        <v>14</v>
      </c>
      <c r="E61531" s="15">
        <v>45587</v>
      </c>
      <c r="F61531" s="14" t="s">
        <v>15</v>
      </c>
      <c r="G61531" s="16">
        <v>3.5576177393896056</v>
      </c>
    </row>
    <row r="61532" spans="1:7" x14ac:dyDescent="0.3">
      <c r="A61532" s="13" t="s">
        <v>331</v>
      </c>
      <c r="B61532" s="14" t="s">
        <v>1</v>
      </c>
      <c r="C61532" s="14" t="s">
        <v>137</v>
      </c>
      <c r="D61532" s="14" t="s">
        <v>14</v>
      </c>
      <c r="E61532" s="15">
        <v>45588</v>
      </c>
      <c r="F61532" s="14" t="s">
        <v>15</v>
      </c>
      <c r="G61532" s="16">
        <v>3.5802636353604189</v>
      </c>
    </row>
    <row r="61533" spans="1:7" x14ac:dyDescent="0.3">
      <c r="A61533" s="13" t="s">
        <v>331</v>
      </c>
      <c r="B61533" s="14" t="s">
        <v>1</v>
      </c>
      <c r="C61533" s="14" t="s">
        <v>137</v>
      </c>
      <c r="D61533" s="14" t="s">
        <v>14</v>
      </c>
      <c r="E61533" s="15">
        <v>45589</v>
      </c>
      <c r="F61533" s="14" t="s">
        <v>15</v>
      </c>
      <c r="G61533" s="16">
        <v>3.5987645500399972</v>
      </c>
    </row>
    <row r="61534" spans="1:7" x14ac:dyDescent="0.3">
      <c r="A61534" s="13" t="s">
        <v>331</v>
      </c>
      <c r="B61534" s="14" t="s">
        <v>1</v>
      </c>
      <c r="C61534" s="14" t="s">
        <v>137</v>
      </c>
      <c r="D61534" s="14" t="s">
        <v>14</v>
      </c>
      <c r="E61534" s="15">
        <v>45590</v>
      </c>
      <c r="F61534" s="14" t="s">
        <v>15</v>
      </c>
      <c r="G61534" s="16">
        <v>3.6166162587111916</v>
      </c>
    </row>
    <row r="61535" spans="1:7" x14ac:dyDescent="0.3">
      <c r="A61535" s="13" t="s">
        <v>331</v>
      </c>
      <c r="B61535" s="14" t="s">
        <v>1</v>
      </c>
      <c r="C61535" s="14" t="s">
        <v>137</v>
      </c>
      <c r="D61535" s="14" t="s">
        <v>14</v>
      </c>
      <c r="E61535" s="15">
        <v>45591</v>
      </c>
      <c r="F61535" s="14" t="s">
        <v>15</v>
      </c>
      <c r="G61535" s="16">
        <v>3.6166162587111916</v>
      </c>
    </row>
    <row r="61536" spans="1:7" x14ac:dyDescent="0.3">
      <c r="A61536" s="13" t="s">
        <v>331</v>
      </c>
      <c r="B61536" s="14" t="s">
        <v>1</v>
      </c>
      <c r="C61536" s="14" t="s">
        <v>137</v>
      </c>
      <c r="D61536" s="14" t="s">
        <v>14</v>
      </c>
      <c r="E61536" s="15">
        <v>45592</v>
      </c>
      <c r="F61536" s="14" t="s">
        <v>15</v>
      </c>
      <c r="G61536" s="16">
        <v>3.6166162587111916</v>
      </c>
    </row>
    <row r="61537" spans="1:7" x14ac:dyDescent="0.3">
      <c r="A61537" s="13" t="s">
        <v>331</v>
      </c>
      <c r="B61537" s="14" t="s">
        <v>1</v>
      </c>
      <c r="C61537" s="14" t="s">
        <v>137</v>
      </c>
      <c r="D61537" s="14" t="s">
        <v>14</v>
      </c>
      <c r="E61537" s="15">
        <v>45593</v>
      </c>
      <c r="F61537" s="14" t="s">
        <v>15</v>
      </c>
      <c r="G61537" s="16">
        <v>3.6166162587111916</v>
      </c>
    </row>
    <row r="61538" spans="1:7" x14ac:dyDescent="0.3">
      <c r="A61538" s="13" t="s">
        <v>331</v>
      </c>
      <c r="B61538" s="14" t="s">
        <v>1</v>
      </c>
      <c r="C61538" s="14" t="s">
        <v>137</v>
      </c>
      <c r="D61538" s="14" t="s">
        <v>14</v>
      </c>
      <c r="E61538" s="15">
        <v>45594</v>
      </c>
      <c r="F61538" s="14" t="s">
        <v>15</v>
      </c>
      <c r="G61538" s="16">
        <v>3.6352204935563215</v>
      </c>
    </row>
    <row r="61539" spans="1:7" x14ac:dyDescent="0.3">
      <c r="A61539" s="13" t="s">
        <v>331</v>
      </c>
      <c r="B61539" s="14" t="s">
        <v>1</v>
      </c>
      <c r="C61539" s="14" t="s">
        <v>137</v>
      </c>
      <c r="D61539" s="14" t="s">
        <v>14</v>
      </c>
      <c r="E61539" s="15">
        <v>45595</v>
      </c>
      <c r="F61539" s="14" t="s">
        <v>15</v>
      </c>
      <c r="G61539" s="16">
        <v>3.7063057787345111</v>
      </c>
    </row>
    <row r="61540" spans="1:7" x14ac:dyDescent="0.3">
      <c r="A61540" s="13" t="s">
        <v>331</v>
      </c>
      <c r="B61540" s="14" t="s">
        <v>1</v>
      </c>
      <c r="C61540" s="14" t="s">
        <v>137</v>
      </c>
      <c r="D61540" s="14" t="s">
        <v>14</v>
      </c>
      <c r="E61540" s="15">
        <v>45596</v>
      </c>
      <c r="F61540" s="14" t="s">
        <v>15</v>
      </c>
      <c r="G61540" s="16">
        <v>3.7244108521428854</v>
      </c>
    </row>
    <row r="61541" spans="1:7" x14ac:dyDescent="0.3">
      <c r="A61541" s="13" t="s">
        <v>331</v>
      </c>
      <c r="B61541" s="14" t="s">
        <v>1</v>
      </c>
      <c r="C61541" s="14" t="s">
        <v>137</v>
      </c>
      <c r="D61541" s="14" t="s">
        <v>14</v>
      </c>
      <c r="E61541" s="15">
        <v>45597</v>
      </c>
      <c r="F61541" s="14" t="s">
        <v>15</v>
      </c>
      <c r="G61541" s="16">
        <v>3.7411155095493944</v>
      </c>
    </row>
    <row r="61542" spans="1:7" x14ac:dyDescent="0.3">
      <c r="A61542" s="13" t="s">
        <v>331</v>
      </c>
      <c r="B61542" s="14" t="s">
        <v>1</v>
      </c>
      <c r="C61542" s="14" t="s">
        <v>137</v>
      </c>
      <c r="D61542" s="14" t="s">
        <v>14</v>
      </c>
      <c r="E61542" s="15">
        <v>45598</v>
      </c>
      <c r="F61542" s="14" t="s">
        <v>15</v>
      </c>
      <c r="G61542" s="16">
        <v>3.7411155095493944</v>
      </c>
    </row>
    <row r="61543" spans="1:7" x14ac:dyDescent="0.3">
      <c r="A61543" s="13" t="s">
        <v>331</v>
      </c>
      <c r="B61543" s="14" t="s">
        <v>1</v>
      </c>
      <c r="C61543" s="14" t="s">
        <v>137</v>
      </c>
      <c r="D61543" s="14" t="s">
        <v>14</v>
      </c>
      <c r="E61543" s="15">
        <v>45599</v>
      </c>
      <c r="F61543" s="14" t="s">
        <v>15</v>
      </c>
      <c r="G61543" s="16">
        <v>3.7411155095493944</v>
      </c>
    </row>
    <row r="61544" spans="1:7" x14ac:dyDescent="0.3">
      <c r="A61544" s="13" t="s">
        <v>331</v>
      </c>
      <c r="B61544" s="14" t="s">
        <v>1</v>
      </c>
      <c r="C61544" s="14" t="s">
        <v>137</v>
      </c>
      <c r="D61544" s="14" t="s">
        <v>14</v>
      </c>
      <c r="E61544" s="15">
        <v>45600</v>
      </c>
      <c r="F61544" s="14" t="s">
        <v>15</v>
      </c>
      <c r="G61544" s="16">
        <v>3.7431885179063404</v>
      </c>
    </row>
    <row r="61545" spans="1:7" x14ac:dyDescent="0.3">
      <c r="A61545" s="13" t="s">
        <v>331</v>
      </c>
      <c r="B61545" s="14" t="s">
        <v>1</v>
      </c>
      <c r="C61545" s="14" t="s">
        <v>137</v>
      </c>
      <c r="D61545" s="14" t="s">
        <v>14</v>
      </c>
      <c r="E61545" s="15">
        <v>45601</v>
      </c>
      <c r="F61545" s="14" t="s">
        <v>15</v>
      </c>
      <c r="G61545" s="16">
        <v>3.796092744398659</v>
      </c>
    </row>
    <row r="61546" spans="1:7" x14ac:dyDescent="0.3">
      <c r="A61546" s="13" t="s">
        <v>331</v>
      </c>
      <c r="B61546" s="14" t="s">
        <v>1</v>
      </c>
      <c r="C61546" s="14" t="s">
        <v>137</v>
      </c>
      <c r="D61546" s="14" t="s">
        <v>14</v>
      </c>
      <c r="E61546" s="15">
        <v>45602</v>
      </c>
      <c r="F61546" s="14" t="s">
        <v>15</v>
      </c>
      <c r="G61546" s="16">
        <v>3.814099433318181</v>
      </c>
    </row>
    <row r="61547" spans="1:7" x14ac:dyDescent="0.3">
      <c r="A61547" s="13" t="s">
        <v>331</v>
      </c>
      <c r="B61547" s="14" t="s">
        <v>1</v>
      </c>
      <c r="C61547" s="14" t="s">
        <v>137</v>
      </c>
      <c r="D61547" s="14" t="s">
        <v>14</v>
      </c>
      <c r="E61547" s="15">
        <v>45603</v>
      </c>
      <c r="F61547" s="14" t="s">
        <v>15</v>
      </c>
      <c r="G61547" s="16">
        <v>3.832030112816549</v>
      </c>
    </row>
    <row r="61548" spans="1:7" x14ac:dyDescent="0.3">
      <c r="A61548" s="13" t="s">
        <v>331</v>
      </c>
      <c r="B61548" s="14" t="s">
        <v>1</v>
      </c>
      <c r="C61548" s="14" t="s">
        <v>137</v>
      </c>
      <c r="D61548" s="14" t="s">
        <v>14</v>
      </c>
      <c r="E61548" s="15">
        <v>45604</v>
      </c>
      <c r="F61548" s="14" t="s">
        <v>15</v>
      </c>
      <c r="G61548" s="16">
        <v>3.8494626180135012</v>
      </c>
    </row>
    <row r="61549" spans="1:7" x14ac:dyDescent="0.3">
      <c r="A61549" s="13" t="s">
        <v>331</v>
      </c>
      <c r="B61549" s="14" t="s">
        <v>1</v>
      </c>
      <c r="C61549" s="14" t="s">
        <v>137</v>
      </c>
      <c r="D61549" s="14" t="s">
        <v>14</v>
      </c>
      <c r="E61549" s="15">
        <v>45605</v>
      </c>
      <c r="F61549" s="14" t="s">
        <v>15</v>
      </c>
      <c r="G61549" s="16">
        <v>3.8494626180135012</v>
      </c>
    </row>
    <row r="61550" spans="1:7" x14ac:dyDescent="0.3">
      <c r="A61550" s="13" t="s">
        <v>331</v>
      </c>
      <c r="B61550" s="14" t="s">
        <v>1</v>
      </c>
      <c r="C61550" s="14" t="s">
        <v>137</v>
      </c>
      <c r="D61550" s="14" t="s">
        <v>14</v>
      </c>
      <c r="E61550" s="15">
        <v>45606</v>
      </c>
      <c r="F61550" s="14" t="s">
        <v>15</v>
      </c>
      <c r="G61550" s="16">
        <v>3.8494626180135012</v>
      </c>
    </row>
    <row r="61551" spans="1:7" x14ac:dyDescent="0.3">
      <c r="A61551" s="13" t="s">
        <v>331</v>
      </c>
      <c r="B61551" s="14" t="s">
        <v>1</v>
      </c>
      <c r="C61551" s="14" t="s">
        <v>137</v>
      </c>
      <c r="D61551" s="14" t="s">
        <v>14</v>
      </c>
      <c r="E61551" s="15">
        <v>45607</v>
      </c>
      <c r="F61551" s="14" t="s">
        <v>15</v>
      </c>
      <c r="G61551" s="16">
        <v>3.867300177744827</v>
      </c>
    </row>
    <row r="61552" spans="1:7" x14ac:dyDescent="0.3">
      <c r="A61552" s="13" t="s">
        <v>331</v>
      </c>
      <c r="B61552" s="14" t="s">
        <v>1</v>
      </c>
      <c r="C61552" s="14" t="s">
        <v>137</v>
      </c>
      <c r="D61552" s="14" t="s">
        <v>14</v>
      </c>
      <c r="E61552" s="15">
        <v>45608</v>
      </c>
      <c r="F61552" s="14" t="s">
        <v>15</v>
      </c>
      <c r="G61552" s="16">
        <v>3.9196618088454462</v>
      </c>
    </row>
    <row r="61553" spans="1:7" x14ac:dyDescent="0.3">
      <c r="A61553" s="13" t="s">
        <v>331</v>
      </c>
      <c r="B61553" s="14" t="s">
        <v>1</v>
      </c>
      <c r="C61553" s="14" t="s">
        <v>137</v>
      </c>
      <c r="D61553" s="14" t="s">
        <v>14</v>
      </c>
      <c r="E61553" s="15">
        <v>45609</v>
      </c>
      <c r="F61553" s="14" t="s">
        <v>15</v>
      </c>
      <c r="G61553" s="16">
        <v>3.9434672597952485</v>
      </c>
    </row>
    <row r="61554" spans="1:7" x14ac:dyDescent="0.3">
      <c r="A61554" s="13" t="s">
        <v>331</v>
      </c>
      <c r="B61554" s="14" t="s">
        <v>1</v>
      </c>
      <c r="C61554" s="14" t="s">
        <v>137</v>
      </c>
      <c r="D61554" s="14" t="s">
        <v>14</v>
      </c>
      <c r="E61554" s="15">
        <v>45610</v>
      </c>
      <c r="F61554" s="14" t="s">
        <v>15</v>
      </c>
      <c r="G61554" s="16">
        <v>3.961597340632228</v>
      </c>
    </row>
    <row r="61555" spans="1:7" x14ac:dyDescent="0.3">
      <c r="A61555" s="13" t="s">
        <v>331</v>
      </c>
      <c r="B61555" s="14" t="s">
        <v>1</v>
      </c>
      <c r="C61555" s="14" t="s">
        <v>137</v>
      </c>
      <c r="D61555" s="14" t="s">
        <v>14</v>
      </c>
      <c r="E61555" s="15">
        <v>45611</v>
      </c>
      <c r="F61555" s="14" t="s">
        <v>15</v>
      </c>
      <c r="G61555" s="16">
        <v>3.9796507539578263</v>
      </c>
    </row>
    <row r="61556" spans="1:7" x14ac:dyDescent="0.3">
      <c r="A61556" s="13" t="s">
        <v>331</v>
      </c>
      <c r="B61556" s="14" t="s">
        <v>1</v>
      </c>
      <c r="C61556" s="14" t="s">
        <v>137</v>
      </c>
      <c r="D61556" s="14" t="s">
        <v>14</v>
      </c>
      <c r="E61556" s="15">
        <v>45612</v>
      </c>
      <c r="F61556" s="14" t="s">
        <v>15</v>
      </c>
      <c r="G61556" s="16">
        <v>3.9796507539578263</v>
      </c>
    </row>
    <row r="61557" spans="1:7" x14ac:dyDescent="0.3">
      <c r="A61557" s="13" t="s">
        <v>331</v>
      </c>
      <c r="B61557" s="14" t="s">
        <v>1</v>
      </c>
      <c r="C61557" s="14" t="s">
        <v>137</v>
      </c>
      <c r="D61557" s="14" t="s">
        <v>14</v>
      </c>
      <c r="E61557" s="15">
        <v>45613</v>
      </c>
      <c r="F61557" s="14" t="s">
        <v>15</v>
      </c>
      <c r="G61557" s="16">
        <v>3.9796507539578263</v>
      </c>
    </row>
    <row r="61558" spans="1:7" x14ac:dyDescent="0.3">
      <c r="A61558" s="13" t="s">
        <v>331</v>
      </c>
      <c r="B61558" s="14" t="s">
        <v>1</v>
      </c>
      <c r="C61558" s="14" t="s">
        <v>137</v>
      </c>
      <c r="D61558" s="14" t="s">
        <v>14</v>
      </c>
      <c r="E61558" s="15">
        <v>45614</v>
      </c>
      <c r="F61558" s="14" t="s">
        <v>15</v>
      </c>
      <c r="G61558" s="16">
        <v>3.9977502335992763</v>
      </c>
    </row>
    <row r="61559" spans="1:7" x14ac:dyDescent="0.3">
      <c r="A61559" s="13" t="s">
        <v>331</v>
      </c>
      <c r="B61559" s="14" t="s">
        <v>1</v>
      </c>
      <c r="C61559" s="14" t="s">
        <v>137</v>
      </c>
      <c r="D61559" s="14" t="s">
        <v>14</v>
      </c>
      <c r="E61559" s="15">
        <v>45615</v>
      </c>
      <c r="F61559" s="14" t="s">
        <v>15</v>
      </c>
      <c r="G61559" s="16">
        <v>4.0509733048063055</v>
      </c>
    </row>
    <row r="61560" spans="1:7" x14ac:dyDescent="0.3">
      <c r="A61560" s="13" t="s">
        <v>331</v>
      </c>
      <c r="B61560" s="14" t="s">
        <v>1</v>
      </c>
      <c r="C61560" s="14" t="s">
        <v>137</v>
      </c>
      <c r="D61560" s="14" t="s">
        <v>14</v>
      </c>
      <c r="E61560" s="15">
        <v>45616</v>
      </c>
      <c r="F61560" s="14" t="s">
        <v>15</v>
      </c>
      <c r="G61560" s="16">
        <v>4.0691096375004365</v>
      </c>
    </row>
    <row r="61561" spans="1:7" x14ac:dyDescent="0.3">
      <c r="A61561" s="13" t="s">
        <v>331</v>
      </c>
      <c r="B61561" s="14" t="s">
        <v>1</v>
      </c>
      <c r="C61561" s="14" t="s">
        <v>137</v>
      </c>
      <c r="D61561" s="14" t="s">
        <v>14</v>
      </c>
      <c r="E61561" s="15">
        <v>45617</v>
      </c>
      <c r="F61561" s="14" t="s">
        <v>15</v>
      </c>
      <c r="G61561" s="16">
        <v>4.0892580810619084</v>
      </c>
    </row>
    <row r="61562" spans="1:7" x14ac:dyDescent="0.3">
      <c r="A61562" s="13" t="s">
        <v>331</v>
      </c>
      <c r="B61562" s="14" t="s">
        <v>1</v>
      </c>
      <c r="C61562" s="14" t="s">
        <v>137</v>
      </c>
      <c r="D61562" s="14" t="s">
        <v>14</v>
      </c>
      <c r="E61562" s="15">
        <v>45618</v>
      </c>
      <c r="F61562" s="14" t="s">
        <v>15</v>
      </c>
      <c r="G61562" s="16">
        <v>4.1075201089892888</v>
      </c>
    </row>
    <row r="61563" spans="1:7" x14ac:dyDescent="0.3">
      <c r="A61563" s="13" t="s">
        <v>331</v>
      </c>
      <c r="B61563" s="14" t="s">
        <v>1</v>
      </c>
      <c r="C61563" s="14" t="s">
        <v>137</v>
      </c>
      <c r="D61563" s="14" t="s">
        <v>14</v>
      </c>
      <c r="E61563" s="15">
        <v>45619</v>
      </c>
      <c r="F61563" s="14" t="s">
        <v>15</v>
      </c>
      <c r="G61563" s="16">
        <v>4.1075201089892888</v>
      </c>
    </row>
    <row r="61564" spans="1:7" x14ac:dyDescent="0.3">
      <c r="A61564" s="13" t="s">
        <v>331</v>
      </c>
      <c r="B61564" s="14" t="s">
        <v>1</v>
      </c>
      <c r="C61564" s="14" t="s">
        <v>137</v>
      </c>
      <c r="D61564" s="14" t="s">
        <v>14</v>
      </c>
      <c r="E61564" s="15">
        <v>45620</v>
      </c>
      <c r="F61564" s="14" t="s">
        <v>15</v>
      </c>
      <c r="G61564" s="16">
        <v>4.1075201089892888</v>
      </c>
    </row>
    <row r="61565" spans="1:7" x14ac:dyDescent="0.3">
      <c r="A61565" s="13" t="s">
        <v>331</v>
      </c>
      <c r="B61565" s="14" t="s">
        <v>1</v>
      </c>
      <c r="C61565" s="14" t="s">
        <v>137</v>
      </c>
      <c r="D61565" s="14" t="s">
        <v>14</v>
      </c>
      <c r="E61565" s="15">
        <v>45621</v>
      </c>
      <c r="F61565" s="14" t="s">
        <v>15</v>
      </c>
      <c r="G61565" s="16">
        <v>4.1255090294726964</v>
      </c>
    </row>
    <row r="61566" spans="1:7" x14ac:dyDescent="0.3">
      <c r="A61566" s="13" t="s">
        <v>331</v>
      </c>
      <c r="B61566" s="14" t="s">
        <v>1</v>
      </c>
      <c r="C61566" s="14" t="s">
        <v>137</v>
      </c>
      <c r="D61566" s="14" t="s">
        <v>14</v>
      </c>
      <c r="E61566" s="15">
        <v>45622</v>
      </c>
      <c r="F61566" s="14" t="s">
        <v>15</v>
      </c>
      <c r="G61566" s="16">
        <v>4.1777183126858954</v>
      </c>
    </row>
    <row r="61567" spans="1:7" x14ac:dyDescent="0.3">
      <c r="A61567" s="13" t="s">
        <v>331</v>
      </c>
      <c r="B61567" s="14" t="s">
        <v>1</v>
      </c>
      <c r="C61567" s="14" t="s">
        <v>137</v>
      </c>
      <c r="D61567" s="14" t="s">
        <v>14</v>
      </c>
      <c r="E61567" s="15">
        <v>45623</v>
      </c>
      <c r="F61567" s="14" t="s">
        <v>15</v>
      </c>
      <c r="G61567" s="16">
        <v>4.2301112030722701</v>
      </c>
    </row>
    <row r="61568" spans="1:7" x14ac:dyDescent="0.3">
      <c r="A61568" s="13" t="s">
        <v>331</v>
      </c>
      <c r="B61568" s="14" t="s">
        <v>1</v>
      </c>
      <c r="C61568" s="14" t="s">
        <v>137</v>
      </c>
      <c r="D61568" s="14" t="s">
        <v>14</v>
      </c>
      <c r="E61568" s="15">
        <v>45624</v>
      </c>
      <c r="F61568" s="14" t="s">
        <v>15</v>
      </c>
      <c r="G61568" s="16">
        <v>4.247790821149251</v>
      </c>
    </row>
    <row r="61569" spans="1:7" x14ac:dyDescent="0.3">
      <c r="A61569" s="13" t="s">
        <v>331</v>
      </c>
      <c r="B61569" s="14" t="s">
        <v>1</v>
      </c>
      <c r="C61569" s="14" t="s">
        <v>137</v>
      </c>
      <c r="D61569" s="14" t="s">
        <v>14</v>
      </c>
      <c r="E61569" s="15">
        <v>45625</v>
      </c>
      <c r="F61569" s="14" t="s">
        <v>15</v>
      </c>
      <c r="G61569" s="16">
        <v>4.2652950581808851</v>
      </c>
    </row>
    <row r="61570" spans="1:7" x14ac:dyDescent="0.3">
      <c r="A61570" s="13" t="s">
        <v>331</v>
      </c>
      <c r="B61570" s="14" t="s">
        <v>1</v>
      </c>
      <c r="C61570" s="14" t="s">
        <v>137</v>
      </c>
      <c r="D61570" s="14" t="s">
        <v>14</v>
      </c>
      <c r="E61570" s="15">
        <v>45626</v>
      </c>
      <c r="F61570" s="14" t="s">
        <v>15</v>
      </c>
      <c r="G61570" s="16">
        <v>4.2652950581808851</v>
      </c>
    </row>
    <row r="61571" spans="1:7" x14ac:dyDescent="0.3">
      <c r="A61571" s="13" t="s">
        <v>331</v>
      </c>
      <c r="B61571" s="14" t="s">
        <v>1</v>
      </c>
      <c r="C61571" s="14" t="s">
        <v>137</v>
      </c>
      <c r="D61571" s="14" t="s">
        <v>14</v>
      </c>
      <c r="E61571" s="15">
        <v>45627</v>
      </c>
      <c r="F61571" s="14" t="s">
        <v>15</v>
      </c>
      <c r="G61571" s="16">
        <v>4.2652950581808851</v>
      </c>
    </row>
    <row r="61572" spans="1:7" x14ac:dyDescent="0.3">
      <c r="A61572" s="13" t="s">
        <v>331</v>
      </c>
      <c r="B61572" s="14" t="s">
        <v>1</v>
      </c>
      <c r="C61572" s="14" t="s">
        <v>137</v>
      </c>
      <c r="D61572" s="14" t="s">
        <v>14</v>
      </c>
      <c r="E61572" s="15">
        <v>45628</v>
      </c>
      <c r="F61572" s="14" t="s">
        <v>15</v>
      </c>
      <c r="G61572" s="16">
        <v>4.2828512843404081</v>
      </c>
    </row>
    <row r="61573" spans="1:7" x14ac:dyDescent="0.3">
      <c r="A61573" s="13" t="s">
        <v>331</v>
      </c>
      <c r="B61573" s="14" t="s">
        <v>1</v>
      </c>
      <c r="C61573" s="14" t="s">
        <v>137</v>
      </c>
      <c r="D61573" s="14" t="s">
        <v>14</v>
      </c>
      <c r="E61573" s="15">
        <v>45629</v>
      </c>
      <c r="F61573" s="14" t="s">
        <v>15</v>
      </c>
      <c r="G61573" s="16">
        <v>4.3336868042059127</v>
      </c>
    </row>
    <row r="61574" spans="1:7" x14ac:dyDescent="0.3">
      <c r="A61574" s="13" t="s">
        <v>331</v>
      </c>
      <c r="B61574" s="14" t="s">
        <v>1</v>
      </c>
      <c r="C61574" s="14" t="s">
        <v>137</v>
      </c>
      <c r="D61574" s="14" t="s">
        <v>14</v>
      </c>
      <c r="E61574" s="15">
        <v>45630</v>
      </c>
      <c r="F61574" s="14" t="s">
        <v>15</v>
      </c>
      <c r="G61574" s="16">
        <v>4.3511742599367729</v>
      </c>
    </row>
    <row r="61575" spans="1:7" x14ac:dyDescent="0.3">
      <c r="A61575" s="13" t="s">
        <v>331</v>
      </c>
      <c r="B61575" s="14" t="s">
        <v>1</v>
      </c>
      <c r="C61575" s="14" t="s">
        <v>137</v>
      </c>
      <c r="D61575" s="14" t="s">
        <v>14</v>
      </c>
      <c r="E61575" s="15">
        <v>45631</v>
      </c>
      <c r="F61575" s="14" t="s">
        <v>15</v>
      </c>
      <c r="G61575" s="16">
        <v>4.3690990166231023</v>
      </c>
    </row>
    <row r="61576" spans="1:7" x14ac:dyDescent="0.3">
      <c r="A61576" s="13" t="s">
        <v>331</v>
      </c>
      <c r="B61576" s="14" t="s">
        <v>1</v>
      </c>
      <c r="C61576" s="14" t="s">
        <v>137</v>
      </c>
      <c r="D61576" s="14" t="s">
        <v>14</v>
      </c>
      <c r="E61576" s="15">
        <v>45632</v>
      </c>
      <c r="F61576" s="14" t="s">
        <v>15</v>
      </c>
      <c r="G61576" s="16">
        <v>4.3865766010005665</v>
      </c>
    </row>
    <row r="61577" spans="1:7" x14ac:dyDescent="0.3">
      <c r="A61577" s="13" t="s">
        <v>331</v>
      </c>
      <c r="B61577" s="14" t="s">
        <v>1</v>
      </c>
      <c r="C61577" s="14" t="s">
        <v>137</v>
      </c>
      <c r="D61577" s="14" t="s">
        <v>14</v>
      </c>
      <c r="E61577" s="15">
        <v>45633</v>
      </c>
      <c r="F61577" s="14" t="s">
        <v>15</v>
      </c>
      <c r="G61577" s="16">
        <v>4.3865766010005665</v>
      </c>
    </row>
    <row r="61578" spans="1:7" x14ac:dyDescent="0.3">
      <c r="A61578" s="13" t="s">
        <v>331</v>
      </c>
      <c r="B61578" s="14" t="s">
        <v>1</v>
      </c>
      <c r="C61578" s="14" t="s">
        <v>137</v>
      </c>
      <c r="D61578" s="14" t="s">
        <v>14</v>
      </c>
      <c r="E61578" s="15">
        <v>45634</v>
      </c>
      <c r="F61578" s="14" t="s">
        <v>15</v>
      </c>
      <c r="G61578" s="16">
        <v>4.3865766010005665</v>
      </c>
    </row>
    <row r="61579" spans="1:7" x14ac:dyDescent="0.3">
      <c r="A61579" s="13" t="s">
        <v>331</v>
      </c>
      <c r="B61579" s="14" t="s">
        <v>1</v>
      </c>
      <c r="C61579" s="14" t="s">
        <v>137</v>
      </c>
      <c r="D61579" s="14" t="s">
        <v>14</v>
      </c>
      <c r="E61579" s="15">
        <v>45635</v>
      </c>
      <c r="F61579" s="14" t="s">
        <v>15</v>
      </c>
      <c r="G61579" s="16">
        <v>4.4090869303847331</v>
      </c>
    </row>
    <row r="61580" spans="1:7" x14ac:dyDescent="0.3">
      <c r="A61580" s="13" t="s">
        <v>331</v>
      </c>
      <c r="B61580" s="14" t="s">
        <v>1</v>
      </c>
      <c r="C61580" s="14" t="s">
        <v>137</v>
      </c>
      <c r="D61580" s="14" t="s">
        <v>14</v>
      </c>
      <c r="E61580" s="15">
        <v>45636</v>
      </c>
      <c r="F61580" s="14" t="s">
        <v>15</v>
      </c>
      <c r="G61580" s="16">
        <v>4.4597717475883822</v>
      </c>
    </row>
    <row r="61581" spans="1:7" x14ac:dyDescent="0.3">
      <c r="A61581" s="13" t="s">
        <v>331</v>
      </c>
      <c r="B61581" s="14" t="s">
        <v>1</v>
      </c>
      <c r="C61581" s="14" t="s">
        <v>137</v>
      </c>
      <c r="D61581" s="14" t="s">
        <v>14</v>
      </c>
      <c r="E61581" s="15">
        <v>45637</v>
      </c>
      <c r="F61581" s="14" t="s">
        <v>15</v>
      </c>
      <c r="G61581" s="16">
        <v>4.4770097871234213</v>
      </c>
    </row>
    <row r="61582" spans="1:7" x14ac:dyDescent="0.3">
      <c r="A61582" s="13" t="s">
        <v>331</v>
      </c>
      <c r="B61582" s="14" t="s">
        <v>1</v>
      </c>
      <c r="C61582" s="14" t="s">
        <v>137</v>
      </c>
      <c r="D61582" s="14" t="s">
        <v>14</v>
      </c>
      <c r="E61582" s="15">
        <v>45638</v>
      </c>
      <c r="F61582" s="14" t="s">
        <v>15</v>
      </c>
      <c r="G61582" s="16">
        <v>4.4943327202976713</v>
      </c>
    </row>
    <row r="61583" spans="1:7" x14ac:dyDescent="0.3">
      <c r="A61583" s="13" t="s">
        <v>331</v>
      </c>
      <c r="B61583" s="14" t="s">
        <v>1</v>
      </c>
      <c r="C61583" s="14" t="s">
        <v>137</v>
      </c>
      <c r="D61583" s="14" t="s">
        <v>14</v>
      </c>
      <c r="E61583" s="15">
        <v>45639</v>
      </c>
      <c r="F61583" s="14" t="s">
        <v>15</v>
      </c>
      <c r="G61583" s="16">
        <v>4.512359606523197</v>
      </c>
    </row>
    <row r="61584" spans="1:7" x14ac:dyDescent="0.3">
      <c r="A61584" s="13" t="s">
        <v>331</v>
      </c>
      <c r="B61584" s="14" t="s">
        <v>1</v>
      </c>
      <c r="C61584" s="14" t="s">
        <v>137</v>
      </c>
      <c r="D61584" s="14" t="s">
        <v>14</v>
      </c>
      <c r="E61584" s="15">
        <v>45640</v>
      </c>
      <c r="F61584" s="14" t="s">
        <v>15</v>
      </c>
      <c r="G61584" s="16">
        <v>4.512359606523197</v>
      </c>
    </row>
    <row r="61585" spans="1:7" x14ac:dyDescent="0.3">
      <c r="A61585" s="13" t="s">
        <v>331</v>
      </c>
      <c r="B61585" s="14" t="s">
        <v>1</v>
      </c>
      <c r="C61585" s="14" t="s">
        <v>137</v>
      </c>
      <c r="D61585" s="14" t="s">
        <v>14</v>
      </c>
      <c r="E61585" s="15">
        <v>45641</v>
      </c>
      <c r="F61585" s="14" t="s">
        <v>15</v>
      </c>
      <c r="G61585" s="16">
        <v>4.512359606523197</v>
      </c>
    </row>
    <row r="61586" spans="1:7" x14ac:dyDescent="0.3">
      <c r="A61586" s="13" t="s">
        <v>331</v>
      </c>
      <c r="B61586" s="14" t="s">
        <v>1</v>
      </c>
      <c r="C61586" s="14" t="s">
        <v>137</v>
      </c>
      <c r="D61586" s="14" t="s">
        <v>14</v>
      </c>
      <c r="E61586" s="15">
        <v>45642</v>
      </c>
      <c r="F61586" s="14" t="s">
        <v>15</v>
      </c>
      <c r="G61586" s="16">
        <v>4.5297348638675778</v>
      </c>
    </row>
    <row r="61587" spans="1:7" x14ac:dyDescent="0.3">
      <c r="A61587" s="13" t="s">
        <v>331</v>
      </c>
      <c r="B61587" s="14" t="s">
        <v>1</v>
      </c>
      <c r="C61587" s="14" t="s">
        <v>137</v>
      </c>
      <c r="D61587" s="14" t="s">
        <v>14</v>
      </c>
      <c r="E61587" s="15">
        <v>45643</v>
      </c>
      <c r="F61587" s="14" t="s">
        <v>15</v>
      </c>
      <c r="G61587" s="16">
        <v>4.5808752039054186</v>
      </c>
    </row>
    <row r="61588" spans="1:7" x14ac:dyDescent="0.3">
      <c r="A61588" s="13" t="s">
        <v>331</v>
      </c>
      <c r="B61588" s="14" t="s">
        <v>1</v>
      </c>
      <c r="C61588" s="14" t="s">
        <v>137</v>
      </c>
      <c r="D61588" s="14" t="s">
        <v>14</v>
      </c>
      <c r="E61588" s="15">
        <v>45644</v>
      </c>
      <c r="F61588" s="14" t="s">
        <v>15</v>
      </c>
      <c r="G61588" s="16">
        <v>4.5982430773531293</v>
      </c>
    </row>
    <row r="61589" spans="1:7" x14ac:dyDescent="0.3">
      <c r="A61589" s="13" t="s">
        <v>331</v>
      </c>
      <c r="B61589" s="14" t="s">
        <v>1</v>
      </c>
      <c r="C61589" s="14" t="s">
        <v>137</v>
      </c>
      <c r="D61589" s="14" t="s">
        <v>14</v>
      </c>
      <c r="E61589" s="15">
        <v>45645</v>
      </c>
      <c r="F61589" s="14" t="s">
        <v>15</v>
      </c>
      <c r="G61589" s="16">
        <v>4.6167676382142258</v>
      </c>
    </row>
    <row r="61590" spans="1:7" x14ac:dyDescent="0.3">
      <c r="A61590" s="13" t="s">
        <v>331</v>
      </c>
      <c r="B61590" s="14" t="s">
        <v>1</v>
      </c>
      <c r="C61590" s="14" t="s">
        <v>137</v>
      </c>
      <c r="D61590" s="14" t="s">
        <v>14</v>
      </c>
      <c r="E61590" s="15">
        <v>45646</v>
      </c>
      <c r="F61590" s="14" t="s">
        <v>15</v>
      </c>
      <c r="G61590" s="16">
        <v>4.6345508558496347</v>
      </c>
    </row>
    <row r="61591" spans="1:7" x14ac:dyDescent="0.3">
      <c r="A61591" s="13" t="s">
        <v>331</v>
      </c>
      <c r="B61591" s="14" t="s">
        <v>1</v>
      </c>
      <c r="C61591" s="14" t="s">
        <v>137</v>
      </c>
      <c r="D61591" s="14" t="s">
        <v>14</v>
      </c>
      <c r="E61591" s="15">
        <v>45647</v>
      </c>
      <c r="F61591" s="14" t="s">
        <v>15</v>
      </c>
      <c r="G61591" s="16">
        <v>4.6345508558496347</v>
      </c>
    </row>
    <row r="61592" spans="1:7" x14ac:dyDescent="0.3">
      <c r="A61592" s="13" t="s">
        <v>331</v>
      </c>
      <c r="B61592" s="14" t="s">
        <v>1</v>
      </c>
      <c r="C61592" s="14" t="s">
        <v>137</v>
      </c>
      <c r="D61592" s="14" t="s">
        <v>14</v>
      </c>
      <c r="E61592" s="15">
        <v>45648</v>
      </c>
      <c r="F61592" s="14" t="s">
        <v>15</v>
      </c>
      <c r="G61592" s="16">
        <v>4.6345508558496347</v>
      </c>
    </row>
    <row r="61593" spans="1:7" x14ac:dyDescent="0.3">
      <c r="A61593" s="13" t="s">
        <v>331</v>
      </c>
      <c r="B61593" s="14" t="s">
        <v>1</v>
      </c>
      <c r="C61593" s="14" t="s">
        <v>137</v>
      </c>
      <c r="D61593" s="14" t="s">
        <v>14</v>
      </c>
      <c r="E61593" s="15">
        <v>45649</v>
      </c>
      <c r="F61593" s="14" t="s">
        <v>15</v>
      </c>
      <c r="G61593" s="16">
        <v>4.6520944660380961</v>
      </c>
    </row>
    <row r="61594" spans="1:7" x14ac:dyDescent="0.3">
      <c r="A61594" s="13" t="s">
        <v>331</v>
      </c>
      <c r="B61594" s="14" t="s">
        <v>1</v>
      </c>
      <c r="C61594" s="14" t="s">
        <v>137</v>
      </c>
      <c r="D61594" s="14" t="s">
        <v>14</v>
      </c>
      <c r="E61594" s="15">
        <v>45650</v>
      </c>
      <c r="F61594" s="14" t="s">
        <v>15</v>
      </c>
      <c r="G61594" s="16">
        <v>4.7045295723570542</v>
      </c>
    </row>
    <row r="61595" spans="1:7" x14ac:dyDescent="0.3">
      <c r="A61595" s="13" t="s">
        <v>331</v>
      </c>
      <c r="B61595" s="14" t="s">
        <v>1</v>
      </c>
      <c r="C61595" s="14" t="s">
        <v>137</v>
      </c>
      <c r="D61595" s="14" t="s">
        <v>14</v>
      </c>
      <c r="E61595" s="15">
        <v>45651</v>
      </c>
      <c r="F61595" s="14" t="s">
        <v>15</v>
      </c>
      <c r="G61595" s="16">
        <v>4.7045295723570542</v>
      </c>
    </row>
    <row r="61596" spans="1:7" x14ac:dyDescent="0.3">
      <c r="A61596" s="13" t="s">
        <v>331</v>
      </c>
      <c r="B61596" s="14" t="s">
        <v>1</v>
      </c>
      <c r="C61596" s="14" t="s">
        <v>137</v>
      </c>
      <c r="D61596" s="14" t="s">
        <v>14</v>
      </c>
      <c r="E61596" s="15">
        <v>45652</v>
      </c>
      <c r="F61596" s="14" t="s">
        <v>15</v>
      </c>
      <c r="G61596" s="16">
        <v>4.7045295723570542</v>
      </c>
    </row>
    <row r="61597" spans="1:7" x14ac:dyDescent="0.3">
      <c r="A61597" s="13" t="s">
        <v>331</v>
      </c>
      <c r="B61597" s="14" t="s">
        <v>1</v>
      </c>
      <c r="C61597" s="14" t="s">
        <v>137</v>
      </c>
      <c r="D61597" s="14" t="s">
        <v>14</v>
      </c>
      <c r="E61597" s="15">
        <v>45653</v>
      </c>
      <c r="F61597" s="14" t="s">
        <v>15</v>
      </c>
      <c r="G61597" s="16">
        <v>4.7045295723570542</v>
      </c>
    </row>
    <row r="61598" spans="1:7" x14ac:dyDescent="0.3">
      <c r="A61598" s="13" t="s">
        <v>331</v>
      </c>
      <c r="B61598" s="14" t="s">
        <v>1</v>
      </c>
      <c r="C61598" s="14" t="s">
        <v>137</v>
      </c>
      <c r="D61598" s="14" t="s">
        <v>14</v>
      </c>
      <c r="E61598" s="15">
        <v>45654</v>
      </c>
      <c r="F61598" s="14" t="s">
        <v>15</v>
      </c>
      <c r="G61598" s="16">
        <v>4.7045295723570542</v>
      </c>
    </row>
    <row r="61599" spans="1:7" x14ac:dyDescent="0.3">
      <c r="A61599" s="13" t="s">
        <v>331</v>
      </c>
      <c r="B61599" s="14" t="s">
        <v>1</v>
      </c>
      <c r="C61599" s="14" t="s">
        <v>137</v>
      </c>
      <c r="D61599" s="14" t="s">
        <v>14</v>
      </c>
      <c r="E61599" s="15">
        <v>45655</v>
      </c>
      <c r="F61599" s="14" t="s">
        <v>15</v>
      </c>
      <c r="G61599" s="16">
        <v>4.7045295723570542</v>
      </c>
    </row>
    <row r="61600" spans="1:7" x14ac:dyDescent="0.3">
      <c r="A61600" s="13" t="s">
        <v>331</v>
      </c>
      <c r="B61600" s="14" t="s">
        <v>1</v>
      </c>
      <c r="C61600" s="14" t="s">
        <v>137</v>
      </c>
      <c r="D61600" s="14" t="s">
        <v>14</v>
      </c>
      <c r="E61600" s="15">
        <v>45656</v>
      </c>
      <c r="F61600" s="14" t="s">
        <v>15</v>
      </c>
      <c r="G61600" s="16">
        <v>4.7220957034303606</v>
      </c>
    </row>
    <row r="61601" spans="1:7" x14ac:dyDescent="0.3">
      <c r="A61601" s="13" t="s">
        <v>331</v>
      </c>
      <c r="B61601" s="14" t="s">
        <v>1</v>
      </c>
      <c r="C61601" s="14" t="s">
        <v>137</v>
      </c>
      <c r="D61601" s="14" t="s">
        <v>14</v>
      </c>
      <c r="E61601" s="15">
        <v>45657</v>
      </c>
      <c r="F61601" s="14" t="s">
        <v>15</v>
      </c>
      <c r="G61601" s="16">
        <v>4.8244241687446463</v>
      </c>
    </row>
    <row r="61602" spans="1:7" x14ac:dyDescent="0.3">
      <c r="A61602" s="13" t="s">
        <v>331</v>
      </c>
      <c r="B61602" s="14" t="s">
        <v>1</v>
      </c>
      <c r="C61602" s="14" t="s">
        <v>137</v>
      </c>
      <c r="D61602" s="14" t="s">
        <v>14</v>
      </c>
      <c r="E61602" s="15">
        <v>45658</v>
      </c>
      <c r="F61602" s="14" t="s">
        <v>15</v>
      </c>
      <c r="G61602" s="16">
        <v>4.8244241687446463</v>
      </c>
    </row>
    <row r="61603" spans="1:7" x14ac:dyDescent="0.3">
      <c r="A61603" s="13" t="s">
        <v>331</v>
      </c>
      <c r="B61603" s="14" t="s">
        <v>1</v>
      </c>
      <c r="C61603" s="14" t="s">
        <v>137</v>
      </c>
      <c r="D61603" s="14" t="s">
        <v>14</v>
      </c>
      <c r="E61603" s="15">
        <v>45659</v>
      </c>
      <c r="F61603" s="14" t="s">
        <v>15</v>
      </c>
      <c r="G61603" s="16">
        <v>4.8405061365872424</v>
      </c>
    </row>
    <row r="61604" spans="1:7" x14ac:dyDescent="0.3">
      <c r="A61604" s="13" t="s">
        <v>331</v>
      </c>
      <c r="B61604" s="14" t="s">
        <v>1</v>
      </c>
      <c r="C61604" s="14" t="s">
        <v>137</v>
      </c>
      <c r="D61604" s="14" t="s">
        <v>14</v>
      </c>
      <c r="E61604" s="15">
        <v>45660</v>
      </c>
      <c r="F61604" s="14" t="s">
        <v>15</v>
      </c>
      <c r="G61604" s="16">
        <v>4.8604114861256651</v>
      </c>
    </row>
    <row r="61605" spans="1:7" x14ac:dyDescent="0.3">
      <c r="A61605" s="13" t="s">
        <v>331</v>
      </c>
      <c r="B61605" s="14" t="s">
        <v>1</v>
      </c>
      <c r="C61605" s="14" t="s">
        <v>137</v>
      </c>
      <c r="D61605" s="14" t="s">
        <v>14</v>
      </c>
      <c r="E61605" s="15">
        <v>45661</v>
      </c>
      <c r="F61605" s="14" t="s">
        <v>15</v>
      </c>
      <c r="G61605" s="16">
        <v>4.8604114861256651</v>
      </c>
    </row>
    <row r="61606" spans="1:7" x14ac:dyDescent="0.3">
      <c r="A61606" s="13" t="s">
        <v>331</v>
      </c>
      <c r="B61606" s="14" t="s">
        <v>1</v>
      </c>
      <c r="C61606" s="14" t="s">
        <v>137</v>
      </c>
      <c r="D61606" s="14" t="s">
        <v>14</v>
      </c>
      <c r="E61606" s="15">
        <v>45662</v>
      </c>
      <c r="F61606" s="14" t="s">
        <v>15</v>
      </c>
      <c r="G61606" s="16">
        <v>4.8604114861256651</v>
      </c>
    </row>
    <row r="61607" spans="1:7" x14ac:dyDescent="0.3">
      <c r="A61607" s="13" t="s">
        <v>331</v>
      </c>
      <c r="B61607" s="14" t="s">
        <v>1</v>
      </c>
      <c r="C61607" s="14" t="s">
        <v>137</v>
      </c>
      <c r="D61607" s="14" t="s">
        <v>14</v>
      </c>
      <c r="E61607" s="15">
        <v>45663</v>
      </c>
      <c r="F61607" s="14" t="s">
        <v>15</v>
      </c>
      <c r="G61607" s="16">
        <v>4.8782460218429327</v>
      </c>
    </row>
    <row r="61608" spans="1:7" x14ac:dyDescent="0.3">
      <c r="A61608" s="13" t="s">
        <v>331</v>
      </c>
      <c r="B61608" s="14" t="s">
        <v>1</v>
      </c>
      <c r="C61608" s="14" t="s">
        <v>137</v>
      </c>
      <c r="D61608" s="14" t="s">
        <v>14</v>
      </c>
      <c r="E61608" s="15">
        <v>45664</v>
      </c>
      <c r="F61608" s="14" t="s">
        <v>15</v>
      </c>
      <c r="G61608" s="16">
        <v>4.9334836861430622</v>
      </c>
    </row>
    <row r="61609" spans="1:7" x14ac:dyDescent="0.3">
      <c r="A61609" s="13" t="s">
        <v>331</v>
      </c>
      <c r="B61609" s="14" t="s">
        <v>1</v>
      </c>
      <c r="C61609" s="14" t="s">
        <v>137</v>
      </c>
      <c r="D61609" s="14" t="s">
        <v>14</v>
      </c>
      <c r="E61609" s="15">
        <v>45665</v>
      </c>
      <c r="F61609" s="14" t="s">
        <v>15</v>
      </c>
      <c r="G61609" s="16">
        <v>4.9511118419483982</v>
      </c>
    </row>
    <row r="61610" spans="1:7" x14ac:dyDescent="0.3">
      <c r="A61610" s="13" t="s">
        <v>331</v>
      </c>
      <c r="B61610" s="14" t="s">
        <v>1</v>
      </c>
      <c r="C61610" s="14" t="s">
        <v>137</v>
      </c>
      <c r="D61610" s="14" t="s">
        <v>14</v>
      </c>
      <c r="E61610" s="15">
        <v>45666</v>
      </c>
      <c r="F61610" s="14" t="s">
        <v>15</v>
      </c>
      <c r="G61610" s="16">
        <v>4.9697312858817062</v>
      </c>
    </row>
    <row r="61611" spans="1:7" x14ac:dyDescent="0.3">
      <c r="A61611" s="13" t="s">
        <v>331</v>
      </c>
      <c r="B61611" s="14" t="s">
        <v>1</v>
      </c>
      <c r="C61611" s="14" t="s">
        <v>137</v>
      </c>
      <c r="D61611" s="14" t="s">
        <v>14</v>
      </c>
      <c r="E61611" s="15">
        <v>45667</v>
      </c>
      <c r="F61611" s="14" t="s">
        <v>15</v>
      </c>
      <c r="G61611" s="16">
        <v>4.9922590263225484</v>
      </c>
    </row>
    <row r="61612" spans="1:7" x14ac:dyDescent="0.3">
      <c r="A61612" s="13" t="s">
        <v>331</v>
      </c>
      <c r="B61612" s="14" t="s">
        <v>1</v>
      </c>
      <c r="C61612" s="14" t="s">
        <v>137</v>
      </c>
      <c r="D61612" s="14" t="s">
        <v>14</v>
      </c>
      <c r="E61612" s="15">
        <v>45668</v>
      </c>
      <c r="F61612" s="14" t="s">
        <v>15</v>
      </c>
      <c r="G61612" s="16">
        <v>4.9922590263225484</v>
      </c>
    </row>
    <row r="61613" spans="1:7" x14ac:dyDescent="0.3">
      <c r="A61613" s="13" t="s">
        <v>331</v>
      </c>
      <c r="B61613" s="14" t="s">
        <v>1</v>
      </c>
      <c r="C61613" s="14" t="s">
        <v>137</v>
      </c>
      <c r="D61613" s="14" t="s">
        <v>14</v>
      </c>
      <c r="E61613" s="15">
        <v>45669</v>
      </c>
      <c r="F61613" s="14" t="s">
        <v>15</v>
      </c>
      <c r="G61613" s="16">
        <v>4.9922590263225484</v>
      </c>
    </row>
    <row r="61614" spans="1:7" x14ac:dyDescent="0.3">
      <c r="A61614" s="13" t="s">
        <v>331</v>
      </c>
      <c r="B61614" s="14" t="s">
        <v>1</v>
      </c>
      <c r="C61614" s="14" t="s">
        <v>137</v>
      </c>
      <c r="D61614" s="14" t="s">
        <v>14</v>
      </c>
      <c r="E61614" s="15">
        <v>45670</v>
      </c>
      <c r="F61614" s="14" t="s">
        <v>15</v>
      </c>
      <c r="G61614" s="16">
        <v>5.010121251652329</v>
      </c>
    </row>
    <row r="61615" spans="1:7" x14ac:dyDescent="0.3">
      <c r="A61615" s="13" t="s">
        <v>331</v>
      </c>
      <c r="B61615" s="14" t="s">
        <v>1</v>
      </c>
      <c r="C61615" s="14" t="s">
        <v>137</v>
      </c>
      <c r="D61615" s="14" t="s">
        <v>14</v>
      </c>
      <c r="E61615" s="15">
        <v>45671</v>
      </c>
      <c r="F61615" s="14" t="s">
        <v>15</v>
      </c>
      <c r="G61615" s="16">
        <v>5.0650554377993133</v>
      </c>
    </row>
    <row r="61616" spans="1:7" x14ac:dyDescent="0.3">
      <c r="A61616" s="13" t="s">
        <v>331</v>
      </c>
      <c r="B61616" s="14" t="s">
        <v>1</v>
      </c>
      <c r="C61616" s="14" t="s">
        <v>137</v>
      </c>
      <c r="D61616" s="14" t="s">
        <v>14</v>
      </c>
      <c r="E61616" s="15">
        <v>45672</v>
      </c>
      <c r="F61616" s="14" t="s">
        <v>15</v>
      </c>
      <c r="G61616" s="16">
        <v>5.0837730875583347</v>
      </c>
    </row>
    <row r="61617" spans="1:7" x14ac:dyDescent="0.3">
      <c r="A61617" s="13" t="s">
        <v>331</v>
      </c>
      <c r="B61617" s="14" t="s">
        <v>1</v>
      </c>
      <c r="C61617" s="14" t="s">
        <v>137</v>
      </c>
      <c r="D61617" s="14" t="s">
        <v>14</v>
      </c>
      <c r="E61617" s="15">
        <v>45673</v>
      </c>
      <c r="F61617" s="14" t="s">
        <v>15</v>
      </c>
      <c r="G61617" s="16">
        <v>5.1014045661171723</v>
      </c>
    </row>
    <row r="61618" spans="1:7" x14ac:dyDescent="0.3">
      <c r="A61618" s="13" t="s">
        <v>331</v>
      </c>
      <c r="B61618" s="14" t="s">
        <v>1</v>
      </c>
      <c r="C61618" s="14" t="s">
        <v>137</v>
      </c>
      <c r="D61618" s="14" t="s">
        <v>14</v>
      </c>
      <c r="E61618" s="15">
        <v>45674</v>
      </c>
      <c r="F61618" s="14" t="s">
        <v>15</v>
      </c>
      <c r="G61618" s="16">
        <v>5.1183589413513522</v>
      </c>
    </row>
    <row r="61619" spans="1:7" x14ac:dyDescent="0.3">
      <c r="A61619" s="13" t="s">
        <v>331</v>
      </c>
      <c r="B61619" s="14" t="s">
        <v>1</v>
      </c>
      <c r="C61619" s="14" t="s">
        <v>137</v>
      </c>
      <c r="D61619" s="14" t="s">
        <v>14</v>
      </c>
      <c r="E61619" s="15">
        <v>45675</v>
      </c>
      <c r="F61619" s="14" t="s">
        <v>15</v>
      </c>
      <c r="G61619" s="16">
        <v>5.1183589413513522</v>
      </c>
    </row>
    <row r="61620" spans="1:7" x14ac:dyDescent="0.3">
      <c r="A61620" s="13" t="s">
        <v>331</v>
      </c>
      <c r="B61620" s="14" t="s">
        <v>1</v>
      </c>
      <c r="C61620" s="14" t="s">
        <v>137</v>
      </c>
      <c r="D61620" s="14" t="s">
        <v>14</v>
      </c>
      <c r="E61620" s="15">
        <v>45676</v>
      </c>
      <c r="F61620" s="14" t="s">
        <v>15</v>
      </c>
      <c r="G61620" s="16">
        <v>5.1183589413513522</v>
      </c>
    </row>
    <row r="61621" spans="1:7" x14ac:dyDescent="0.3">
      <c r="A61621" s="13" t="s">
        <v>331</v>
      </c>
      <c r="B61621" s="14" t="s">
        <v>1</v>
      </c>
      <c r="C61621" s="14" t="s">
        <v>137</v>
      </c>
      <c r="D61621" s="14" t="s">
        <v>14</v>
      </c>
      <c r="E61621" s="15">
        <v>45677</v>
      </c>
      <c r="F61621" s="14" t="s">
        <v>15</v>
      </c>
      <c r="G61621" s="16">
        <v>5.1370529626410297</v>
      </c>
    </row>
    <row r="61622" spans="1:7" x14ac:dyDescent="0.3">
      <c r="A61622" s="13" t="s">
        <v>331</v>
      </c>
      <c r="B61622" s="14" t="s">
        <v>1</v>
      </c>
      <c r="C61622" s="14" t="s">
        <v>137</v>
      </c>
      <c r="D61622" s="14" t="s">
        <v>14</v>
      </c>
      <c r="E61622" s="15">
        <v>45678</v>
      </c>
      <c r="F61622" s="14" t="s">
        <v>15</v>
      </c>
      <c r="G61622" s="16">
        <v>5.1895552624196863</v>
      </c>
    </row>
    <row r="61623" spans="1:7" x14ac:dyDescent="0.3">
      <c r="A61623" s="13" t="s">
        <v>331</v>
      </c>
      <c r="B61623" s="14" t="s">
        <v>1</v>
      </c>
      <c r="C61623" s="14" t="s">
        <v>137</v>
      </c>
      <c r="D61623" s="14" t="s">
        <v>14</v>
      </c>
      <c r="E61623" s="15">
        <v>45679</v>
      </c>
      <c r="F61623" s="14" t="s">
        <v>15</v>
      </c>
      <c r="G61623" s="16">
        <v>5.2082754965425426</v>
      </c>
    </row>
    <row r="61624" spans="1:7" x14ac:dyDescent="0.3">
      <c r="A61624" s="13" t="s">
        <v>331</v>
      </c>
      <c r="B61624" s="14" t="s">
        <v>1</v>
      </c>
      <c r="C61624" s="14" t="s">
        <v>137</v>
      </c>
      <c r="D61624" s="14" t="s">
        <v>14</v>
      </c>
      <c r="E61624" s="15">
        <v>45680</v>
      </c>
      <c r="F61624" s="14" t="s">
        <v>15</v>
      </c>
      <c r="G61624" s="16">
        <v>5.2257622507266435</v>
      </c>
    </row>
    <row r="61625" spans="1:7" x14ac:dyDescent="0.3">
      <c r="A61625" s="13" t="s">
        <v>331</v>
      </c>
      <c r="B61625" s="14" t="s">
        <v>1</v>
      </c>
      <c r="C61625" s="14" t="s">
        <v>137</v>
      </c>
      <c r="D61625" s="14" t="s">
        <v>14</v>
      </c>
      <c r="E61625" s="15">
        <v>45681</v>
      </c>
      <c r="F61625" s="14" t="s">
        <v>15</v>
      </c>
      <c r="G61625" s="16">
        <v>5.2438057507196776</v>
      </c>
    </row>
    <row r="61626" spans="1:7" x14ac:dyDescent="0.3">
      <c r="A61626" s="13" t="s">
        <v>331</v>
      </c>
      <c r="B61626" s="14" t="s">
        <v>1</v>
      </c>
      <c r="C61626" s="14" t="s">
        <v>137</v>
      </c>
      <c r="D61626" s="14" t="s">
        <v>14</v>
      </c>
      <c r="E61626" s="15">
        <v>45682</v>
      </c>
      <c r="F61626" s="14" t="s">
        <v>15</v>
      </c>
      <c r="G61626" s="16">
        <v>5.2438057507196776</v>
      </c>
    </row>
    <row r="61627" spans="1:7" x14ac:dyDescent="0.3">
      <c r="A61627" s="13" t="s">
        <v>331</v>
      </c>
      <c r="B61627" s="14" t="s">
        <v>1</v>
      </c>
      <c r="C61627" s="14" t="s">
        <v>137</v>
      </c>
      <c r="D61627" s="14" t="s">
        <v>14</v>
      </c>
      <c r="E61627" s="15">
        <v>45683</v>
      </c>
      <c r="F61627" s="14" t="s">
        <v>15</v>
      </c>
      <c r="G61627" s="16">
        <v>5.2438057507196776</v>
      </c>
    </row>
    <row r="61628" spans="1:7" x14ac:dyDescent="0.3">
      <c r="A61628" s="13" t="s">
        <v>331</v>
      </c>
      <c r="B61628" s="14" t="s">
        <v>1</v>
      </c>
      <c r="C61628" s="14" t="s">
        <v>137</v>
      </c>
      <c r="D61628" s="14" t="s">
        <v>14</v>
      </c>
      <c r="E61628" s="15">
        <v>45684</v>
      </c>
      <c r="F61628" s="14" t="s">
        <v>15</v>
      </c>
      <c r="G61628" s="16">
        <v>5.2612522626669262</v>
      </c>
    </row>
    <row r="61629" spans="1:7" x14ac:dyDescent="0.3">
      <c r="A61629" s="13" t="s">
        <v>331</v>
      </c>
      <c r="B61629" s="14" t="s">
        <v>1</v>
      </c>
      <c r="C61629" s="14" t="s">
        <v>137</v>
      </c>
      <c r="D61629" s="14" t="s">
        <v>14</v>
      </c>
      <c r="E61629" s="15">
        <v>45685</v>
      </c>
      <c r="F61629" s="14" t="s">
        <v>15</v>
      </c>
      <c r="G61629" s="16">
        <v>5.3122072668983442</v>
      </c>
    </row>
    <row r="61630" spans="1:7" x14ac:dyDescent="0.3">
      <c r="A61630" s="13" t="s">
        <v>331</v>
      </c>
      <c r="B61630" s="14" t="s">
        <v>1</v>
      </c>
      <c r="C61630" s="14" t="s">
        <v>137</v>
      </c>
      <c r="D61630" s="14" t="s">
        <v>14</v>
      </c>
      <c r="E61630" s="15">
        <v>45686</v>
      </c>
      <c r="F61630" s="14" t="s">
        <v>15</v>
      </c>
      <c r="G61630" s="16">
        <v>5.3329137692254829</v>
      </c>
    </row>
    <row r="61631" spans="1:7" x14ac:dyDescent="0.3">
      <c r="A61631" s="13" t="s">
        <v>331</v>
      </c>
      <c r="B61631" s="14" t="s">
        <v>1</v>
      </c>
      <c r="C61631" s="14" t="s">
        <v>137</v>
      </c>
      <c r="D61631" s="14" t="s">
        <v>14</v>
      </c>
      <c r="E61631" s="15">
        <v>45687</v>
      </c>
      <c r="F61631" s="14" t="s">
        <v>15</v>
      </c>
      <c r="G61631" s="16">
        <v>5.3547976338766841</v>
      </c>
    </row>
    <row r="61632" spans="1:7" x14ac:dyDescent="0.3">
      <c r="A61632" s="13" t="s">
        <v>331</v>
      </c>
      <c r="B61632" s="14" t="s">
        <v>1</v>
      </c>
      <c r="C61632" s="14" t="s">
        <v>137</v>
      </c>
      <c r="D61632" s="14" t="s">
        <v>14</v>
      </c>
      <c r="E61632" s="15">
        <v>45688</v>
      </c>
      <c r="F61632" s="14" t="s">
        <v>15</v>
      </c>
      <c r="G61632" s="16">
        <v>5.3725531618995799</v>
      </c>
    </row>
    <row r="61633" spans="1:7" x14ac:dyDescent="0.3">
      <c r="A61633" s="13" t="s">
        <v>331</v>
      </c>
      <c r="B61633" s="14" t="s">
        <v>1</v>
      </c>
      <c r="C61633" s="14" t="s">
        <v>137</v>
      </c>
      <c r="D61633" s="14" t="s">
        <v>14</v>
      </c>
      <c r="E61633" s="15">
        <v>45689</v>
      </c>
      <c r="F61633" s="14" t="s">
        <v>15</v>
      </c>
      <c r="G61633" s="16">
        <v>5.3725531618995799</v>
      </c>
    </row>
    <row r="61634" spans="1:7" x14ac:dyDescent="0.3">
      <c r="A61634" s="13" t="s">
        <v>331</v>
      </c>
      <c r="B61634" s="14" t="s">
        <v>1</v>
      </c>
      <c r="C61634" s="14" t="s">
        <v>137</v>
      </c>
      <c r="D61634" s="14" t="s">
        <v>14</v>
      </c>
      <c r="E61634" s="15">
        <v>45690</v>
      </c>
      <c r="F61634" s="14" t="s">
        <v>15</v>
      </c>
      <c r="G61634" s="16">
        <v>5.3725531618995799</v>
      </c>
    </row>
    <row r="61635" spans="1:7" x14ac:dyDescent="0.3">
      <c r="A61635" s="13" t="s">
        <v>331</v>
      </c>
      <c r="B61635" s="14" t="s">
        <v>1</v>
      </c>
      <c r="C61635" s="14" t="s">
        <v>137</v>
      </c>
      <c r="D61635" s="14" t="s">
        <v>14</v>
      </c>
      <c r="E61635" s="15">
        <v>45691</v>
      </c>
      <c r="F61635" s="14" t="s">
        <v>15</v>
      </c>
      <c r="G61635" s="16">
        <v>5.3725531618995799</v>
      </c>
    </row>
    <row r="61636" spans="1:7" x14ac:dyDescent="0.3">
      <c r="A61636" s="13" t="s">
        <v>331</v>
      </c>
      <c r="B61636" s="14" t="s">
        <v>1</v>
      </c>
      <c r="C61636" s="14" t="s">
        <v>137</v>
      </c>
      <c r="D61636" s="14" t="s">
        <v>14</v>
      </c>
      <c r="E61636" s="15">
        <v>45692</v>
      </c>
      <c r="F61636" s="14" t="s">
        <v>15</v>
      </c>
      <c r="G61636" s="16">
        <v>5.3890482587608739</v>
      </c>
    </row>
    <row r="61637" spans="1:7" x14ac:dyDescent="0.3">
      <c r="A61637" s="13" t="s">
        <v>331</v>
      </c>
      <c r="B61637" s="14" t="s">
        <v>1</v>
      </c>
      <c r="C61637" s="14" t="s">
        <v>137</v>
      </c>
      <c r="D61637" s="14" t="s">
        <v>14</v>
      </c>
      <c r="E61637" s="15">
        <v>45693</v>
      </c>
      <c r="F61637" s="14" t="s">
        <v>15</v>
      </c>
      <c r="G61637" s="16">
        <v>5.4437343459797409</v>
      </c>
    </row>
    <row r="61638" spans="1:7" x14ac:dyDescent="0.3">
      <c r="A61638" s="13" t="s">
        <v>331</v>
      </c>
      <c r="B61638" s="14" t="s">
        <v>1</v>
      </c>
      <c r="C61638" s="14" t="s">
        <v>137</v>
      </c>
      <c r="D61638" s="14" t="s">
        <v>14</v>
      </c>
      <c r="E61638" s="15">
        <v>45694</v>
      </c>
      <c r="F61638" s="14" t="s">
        <v>15</v>
      </c>
      <c r="G61638" s="16">
        <v>5.4615947253353534</v>
      </c>
    </row>
    <row r="61639" spans="1:7" x14ac:dyDescent="0.3">
      <c r="A61639" s="13" t="s">
        <v>331</v>
      </c>
      <c r="B61639" s="14" t="s">
        <v>1</v>
      </c>
      <c r="C61639" s="14" t="s">
        <v>137</v>
      </c>
      <c r="D61639" s="14" t="s">
        <v>14</v>
      </c>
      <c r="E61639" s="15">
        <v>45695</v>
      </c>
      <c r="F61639" s="14" t="s">
        <v>15</v>
      </c>
      <c r="G61639" s="16">
        <v>5.4803120058995409</v>
      </c>
    </row>
    <row r="61640" spans="1:7" x14ac:dyDescent="0.3">
      <c r="A61640" s="13" t="s">
        <v>331</v>
      </c>
      <c r="B61640" s="14" t="s">
        <v>1</v>
      </c>
      <c r="C61640" s="14" t="s">
        <v>137</v>
      </c>
      <c r="D61640" s="14" t="s">
        <v>14</v>
      </c>
      <c r="E61640" s="15">
        <v>45696</v>
      </c>
      <c r="F61640" s="14" t="s">
        <v>15</v>
      </c>
      <c r="G61640" s="16">
        <v>5.4803120058995409</v>
      </c>
    </row>
    <row r="61641" spans="1:7" x14ac:dyDescent="0.3">
      <c r="A61641" s="13" t="s">
        <v>331</v>
      </c>
      <c r="B61641" s="14" t="s">
        <v>1</v>
      </c>
      <c r="C61641" s="14" t="s">
        <v>137</v>
      </c>
      <c r="D61641" s="14" t="s">
        <v>14</v>
      </c>
      <c r="E61641" s="15">
        <v>45697</v>
      </c>
      <c r="F61641" s="14" t="s">
        <v>15</v>
      </c>
      <c r="G61641" s="16">
        <v>5.4803120058995409</v>
      </c>
    </row>
    <row r="61642" spans="1:7" x14ac:dyDescent="0.3">
      <c r="A61642" s="13" t="s">
        <v>331</v>
      </c>
      <c r="B61642" s="14" t="s">
        <v>1</v>
      </c>
      <c r="C61642" s="14" t="s">
        <v>137</v>
      </c>
      <c r="D61642" s="14" t="s">
        <v>14</v>
      </c>
      <c r="E61642" s="15">
        <v>45698</v>
      </c>
      <c r="F61642" s="14" t="s">
        <v>15</v>
      </c>
      <c r="G61642" s="16">
        <v>5.5049873526869089</v>
      </c>
    </row>
    <row r="61643" spans="1:7" x14ac:dyDescent="0.3">
      <c r="A61643" s="13" t="s">
        <v>331</v>
      </c>
      <c r="B61643" s="14" t="s">
        <v>1</v>
      </c>
      <c r="C61643" s="14" t="s">
        <v>137</v>
      </c>
      <c r="D61643" s="14" t="s">
        <v>14</v>
      </c>
      <c r="E61643" s="15">
        <v>45699</v>
      </c>
      <c r="F61643" s="14" t="s">
        <v>15</v>
      </c>
      <c r="G61643" s="16">
        <v>5.5574763614515597</v>
      </c>
    </row>
    <row r="61644" spans="1:7" x14ac:dyDescent="0.3">
      <c r="A61644" s="13" t="s">
        <v>331</v>
      </c>
      <c r="B61644" s="14" t="s">
        <v>1</v>
      </c>
      <c r="C61644" s="14" t="s">
        <v>137</v>
      </c>
      <c r="D61644" s="14" t="s">
        <v>14</v>
      </c>
      <c r="E61644" s="15">
        <v>45700</v>
      </c>
      <c r="F61644" s="14" t="s">
        <v>15</v>
      </c>
      <c r="G61644" s="16">
        <v>5.5756258203618101</v>
      </c>
    </row>
    <row r="61645" spans="1:7" x14ac:dyDescent="0.3">
      <c r="A61645" s="13" t="s">
        <v>331</v>
      </c>
      <c r="B61645" s="14" t="s">
        <v>1</v>
      </c>
      <c r="C61645" s="14" t="s">
        <v>137</v>
      </c>
      <c r="D61645" s="14" t="s">
        <v>14</v>
      </c>
      <c r="E61645" s="15">
        <v>45701</v>
      </c>
      <c r="F61645" s="14" t="s">
        <v>15</v>
      </c>
      <c r="G61645" s="16">
        <v>5.5932927416246638</v>
      </c>
    </row>
    <row r="61646" spans="1:7" x14ac:dyDescent="0.3">
      <c r="A61646" s="13" t="s">
        <v>331</v>
      </c>
      <c r="B61646" s="14" t="s">
        <v>1</v>
      </c>
      <c r="C61646" s="14" t="s">
        <v>137</v>
      </c>
      <c r="D61646" s="14" t="s">
        <v>14</v>
      </c>
      <c r="E61646" s="15">
        <v>45702</v>
      </c>
      <c r="F61646" s="14" t="s">
        <v>15</v>
      </c>
      <c r="G61646" s="16">
        <v>5.4786051610484758</v>
      </c>
    </row>
    <row r="61647" spans="1:7" x14ac:dyDescent="0.3">
      <c r="A61647" s="13" t="s">
        <v>331</v>
      </c>
      <c r="B61647" s="14" t="s">
        <v>1</v>
      </c>
      <c r="C61647" s="14" t="s">
        <v>137</v>
      </c>
      <c r="D61647" s="14" t="s">
        <v>14</v>
      </c>
      <c r="E61647" s="15">
        <v>45703</v>
      </c>
      <c r="F61647" s="14" t="s">
        <v>15</v>
      </c>
      <c r="G61647" s="16">
        <v>5.4786051610484758</v>
      </c>
    </row>
    <row r="61648" spans="1:7" x14ac:dyDescent="0.3">
      <c r="A61648" s="13" t="s">
        <v>331</v>
      </c>
      <c r="B61648" s="14" t="s">
        <v>1</v>
      </c>
      <c r="C61648" s="14" t="s">
        <v>137</v>
      </c>
      <c r="D61648" s="14" t="s">
        <v>14</v>
      </c>
      <c r="E61648" s="15">
        <v>45704</v>
      </c>
      <c r="F61648" s="14" t="s">
        <v>15</v>
      </c>
      <c r="G61648" s="16">
        <v>5.4786051610484758</v>
      </c>
    </row>
    <row r="61649" spans="1:7" x14ac:dyDescent="0.3">
      <c r="A61649" s="13" t="s">
        <v>331</v>
      </c>
      <c r="B61649" s="14" t="s">
        <v>1</v>
      </c>
      <c r="C61649" s="14" t="s">
        <v>137</v>
      </c>
      <c r="D61649" s="14" t="s">
        <v>14</v>
      </c>
      <c r="E61649" s="15">
        <v>45705</v>
      </c>
      <c r="F61649" s="14" t="s">
        <v>15</v>
      </c>
      <c r="G61649" s="16">
        <v>5.6348962508130329</v>
      </c>
    </row>
    <row r="61650" spans="1:7" x14ac:dyDescent="0.3">
      <c r="A61650" s="13" t="s">
        <v>331</v>
      </c>
      <c r="B61650" s="14" t="s">
        <v>1</v>
      </c>
      <c r="C61650" s="14" t="s">
        <v>137</v>
      </c>
      <c r="D61650" s="14" t="s">
        <v>14</v>
      </c>
      <c r="E61650" s="15">
        <v>45706</v>
      </c>
      <c r="F61650" s="14" t="s">
        <v>15</v>
      </c>
      <c r="G61650" s="16">
        <v>5.6873169585334837</v>
      </c>
    </row>
    <row r="61651" spans="1:7" x14ac:dyDescent="0.3">
      <c r="A61651" s="13" t="s">
        <v>331</v>
      </c>
      <c r="B61651" s="14" t="s">
        <v>1</v>
      </c>
      <c r="C61651" s="14" t="s">
        <v>137</v>
      </c>
      <c r="D61651" s="14" t="s">
        <v>14</v>
      </c>
      <c r="E61651" s="15">
        <v>45707</v>
      </c>
      <c r="F61651" s="14" t="s">
        <v>15</v>
      </c>
      <c r="G61651" s="16">
        <v>5.706120630688714</v>
      </c>
    </row>
    <row r="61652" spans="1:7" x14ac:dyDescent="0.3">
      <c r="A61652" s="13" t="s">
        <v>331</v>
      </c>
      <c r="B61652" s="14" t="s">
        <v>1</v>
      </c>
      <c r="C61652" s="14" t="s">
        <v>137</v>
      </c>
      <c r="D61652" s="14" t="s">
        <v>14</v>
      </c>
      <c r="E61652" s="15">
        <v>45708</v>
      </c>
      <c r="F61652" s="14" t="s">
        <v>15</v>
      </c>
      <c r="G61652" s="16">
        <v>5.7250590589581751</v>
      </c>
    </row>
    <row r="61653" spans="1:7" x14ac:dyDescent="0.3">
      <c r="A61653" s="13" t="s">
        <v>331</v>
      </c>
      <c r="B61653" s="14" t="s">
        <v>1</v>
      </c>
      <c r="C61653" s="14" t="s">
        <v>137</v>
      </c>
      <c r="D61653" s="14" t="s">
        <v>14</v>
      </c>
      <c r="E61653" s="15">
        <v>45709</v>
      </c>
      <c r="F61653" s="14" t="s">
        <v>15</v>
      </c>
      <c r="G61653" s="16">
        <v>5.7429468005663491</v>
      </c>
    </row>
    <row r="61654" spans="1:7" x14ac:dyDescent="0.3">
      <c r="A61654" s="13" t="s">
        <v>331</v>
      </c>
      <c r="B61654" s="14" t="s">
        <v>1</v>
      </c>
      <c r="C61654" s="14" t="s">
        <v>137</v>
      </c>
      <c r="D61654" s="14" t="s">
        <v>14</v>
      </c>
      <c r="E61654" s="15">
        <v>45710</v>
      </c>
      <c r="F61654" s="14" t="s">
        <v>15</v>
      </c>
      <c r="G61654" s="16">
        <v>5.7429468005663491</v>
      </c>
    </row>
    <row r="61655" spans="1:7" x14ac:dyDescent="0.3">
      <c r="A61655" s="13" t="s">
        <v>331</v>
      </c>
      <c r="B61655" s="14" t="s">
        <v>1</v>
      </c>
      <c r="C61655" s="14" t="s">
        <v>137</v>
      </c>
      <c r="D61655" s="14" t="s">
        <v>14</v>
      </c>
      <c r="E61655" s="15">
        <v>45711</v>
      </c>
      <c r="F61655" s="14" t="s">
        <v>15</v>
      </c>
      <c r="G61655" s="16">
        <v>5.7429468005663491</v>
      </c>
    </row>
    <row r="61656" spans="1:7" x14ac:dyDescent="0.3">
      <c r="A61656" s="13" t="s">
        <v>331</v>
      </c>
      <c r="B61656" s="14" t="s">
        <v>1</v>
      </c>
      <c r="C61656" s="14" t="s">
        <v>137</v>
      </c>
      <c r="D61656" s="14" t="s">
        <v>14</v>
      </c>
      <c r="E61656" s="15">
        <v>45712</v>
      </c>
      <c r="F61656" s="14" t="s">
        <v>15</v>
      </c>
      <c r="G61656" s="16">
        <v>5.7607559803432959</v>
      </c>
    </row>
    <row r="61657" spans="1:7" x14ac:dyDescent="0.3">
      <c r="A61657" s="13" t="s">
        <v>331</v>
      </c>
      <c r="B61657" s="14" t="s">
        <v>1</v>
      </c>
      <c r="C61657" s="14" t="s">
        <v>137</v>
      </c>
      <c r="D61657" s="14" t="s">
        <v>14</v>
      </c>
      <c r="E61657" s="15">
        <v>45713</v>
      </c>
      <c r="F61657" s="14" t="s">
        <v>15</v>
      </c>
      <c r="G61657" s="16">
        <v>5.8251179000678253</v>
      </c>
    </row>
    <row r="61658" spans="1:7" x14ac:dyDescent="0.3">
      <c r="A61658" s="13" t="s">
        <v>331</v>
      </c>
      <c r="B61658" s="14" t="s">
        <v>1</v>
      </c>
      <c r="C61658" s="14" t="s">
        <v>137</v>
      </c>
      <c r="D61658" s="14" t="s">
        <v>14</v>
      </c>
      <c r="E61658" s="15">
        <v>45714</v>
      </c>
      <c r="F61658" s="14" t="s">
        <v>15</v>
      </c>
      <c r="G61658" s="16">
        <v>5.843928081155032</v>
      </c>
    </row>
    <row r="61659" spans="1:7" x14ac:dyDescent="0.3">
      <c r="A61659" s="13" t="s">
        <v>331</v>
      </c>
      <c r="B61659" s="14" t="s">
        <v>1</v>
      </c>
      <c r="C61659" s="14" t="s">
        <v>137</v>
      </c>
      <c r="D61659" s="14" t="s">
        <v>14</v>
      </c>
      <c r="E61659" s="15">
        <v>45715</v>
      </c>
      <c r="F61659" s="14" t="s">
        <v>15</v>
      </c>
      <c r="G61659" s="16">
        <v>5.8624316939382171</v>
      </c>
    </row>
    <row r="61660" spans="1:7" x14ac:dyDescent="0.3">
      <c r="A61660" s="13" t="s">
        <v>331</v>
      </c>
      <c r="B61660" s="14" t="s">
        <v>1</v>
      </c>
      <c r="C61660" s="14" t="s">
        <v>137</v>
      </c>
      <c r="D61660" s="14" t="s">
        <v>14</v>
      </c>
      <c r="E61660" s="15">
        <v>45716</v>
      </c>
      <c r="F61660" s="14" t="s">
        <v>15</v>
      </c>
      <c r="G61660" s="16">
        <v>5.8829438740638533</v>
      </c>
    </row>
    <row r="61661" spans="1:7" x14ac:dyDescent="0.3">
      <c r="A61661" s="13" t="s">
        <v>331</v>
      </c>
      <c r="B61661" s="14" t="s">
        <v>1</v>
      </c>
      <c r="C61661" s="14" t="s">
        <v>137</v>
      </c>
      <c r="D61661" s="14" t="s">
        <v>14</v>
      </c>
      <c r="E61661" s="15">
        <v>45717</v>
      </c>
      <c r="F61661" s="14" t="s">
        <v>15</v>
      </c>
      <c r="G61661" s="16">
        <v>5.8829438740638533</v>
      </c>
    </row>
    <row r="61662" spans="1:7" x14ac:dyDescent="0.3">
      <c r="A61662" s="13" t="s">
        <v>331</v>
      </c>
      <c r="B61662" s="14" t="s">
        <v>1</v>
      </c>
      <c r="C61662" s="14" t="s">
        <v>137</v>
      </c>
      <c r="D61662" s="14" t="s">
        <v>14</v>
      </c>
      <c r="E61662" s="15">
        <v>45718</v>
      </c>
      <c r="F61662" s="14" t="s">
        <v>15</v>
      </c>
      <c r="G61662" s="16">
        <v>5.8829438740638533</v>
      </c>
    </row>
    <row r="61663" spans="1:7" x14ac:dyDescent="0.3">
      <c r="A61663" s="13" t="s">
        <v>331</v>
      </c>
      <c r="B61663" s="14" t="s">
        <v>1</v>
      </c>
      <c r="C61663" s="14" t="s">
        <v>137</v>
      </c>
      <c r="D61663" s="14" t="s">
        <v>14</v>
      </c>
      <c r="E61663" s="15">
        <v>45719</v>
      </c>
      <c r="F61663" s="14" t="s">
        <v>15</v>
      </c>
      <c r="G61663" s="16">
        <v>5.9440138452479978</v>
      </c>
    </row>
    <row r="61664" spans="1:7" x14ac:dyDescent="0.3">
      <c r="A61664" s="13" t="s">
        <v>331</v>
      </c>
      <c r="B61664" s="14" t="s">
        <v>1</v>
      </c>
      <c r="C61664" s="14" t="s">
        <v>137</v>
      </c>
      <c r="D61664" s="14" t="s">
        <v>14</v>
      </c>
      <c r="E61664" s="15">
        <v>45720</v>
      </c>
      <c r="F61664" s="14" t="s">
        <v>15</v>
      </c>
      <c r="G61664" s="16">
        <v>5.9965654968899189</v>
      </c>
    </row>
    <row r="61665" spans="1:7" x14ac:dyDescent="0.3">
      <c r="A61665" s="13" t="s">
        <v>331</v>
      </c>
      <c r="B61665" s="14" t="s">
        <v>1</v>
      </c>
      <c r="C61665" s="14" t="s">
        <v>137</v>
      </c>
      <c r="D61665" s="14" t="s">
        <v>14</v>
      </c>
      <c r="E61665" s="15">
        <v>45721</v>
      </c>
      <c r="F61665" s="14" t="s">
        <v>15</v>
      </c>
      <c r="G61665" s="16">
        <v>6.0169804899623296</v>
      </c>
    </row>
    <row r="61666" spans="1:7" x14ac:dyDescent="0.3">
      <c r="A61666" s="13" t="s">
        <v>331</v>
      </c>
      <c r="B61666" s="14" t="s">
        <v>1</v>
      </c>
      <c r="C61666" s="14" t="s">
        <v>137</v>
      </c>
      <c r="D61666" s="14" t="s">
        <v>14</v>
      </c>
      <c r="E61666" s="15">
        <v>45722</v>
      </c>
      <c r="F61666" s="14" t="s">
        <v>15</v>
      </c>
      <c r="G61666" s="16">
        <v>6.0342128164964919</v>
      </c>
    </row>
    <row r="61667" spans="1:7" x14ac:dyDescent="0.3">
      <c r="A61667" s="13" t="s">
        <v>331</v>
      </c>
      <c r="B61667" s="14" t="s">
        <v>1</v>
      </c>
      <c r="C61667" s="14" t="s">
        <v>137</v>
      </c>
      <c r="D61667" s="14" t="s">
        <v>14</v>
      </c>
      <c r="E61667" s="15">
        <v>45723</v>
      </c>
      <c r="F61667" s="14" t="s">
        <v>15</v>
      </c>
      <c r="G61667" s="16">
        <v>6.0516499630484653</v>
      </c>
    </row>
    <row r="61668" spans="1:7" x14ac:dyDescent="0.3">
      <c r="A61668" s="13" t="s">
        <v>331</v>
      </c>
      <c r="B61668" s="14" t="s">
        <v>1</v>
      </c>
      <c r="C61668" s="14" t="s">
        <v>137</v>
      </c>
      <c r="D61668" s="14" t="s">
        <v>14</v>
      </c>
      <c r="E61668" s="15">
        <v>45724</v>
      </c>
      <c r="F61668" s="14" t="s">
        <v>15</v>
      </c>
      <c r="G61668" s="16">
        <v>6.0516499630484653</v>
      </c>
    </row>
    <row r="61669" spans="1:7" x14ac:dyDescent="0.3">
      <c r="A61669" s="13" t="s">
        <v>331</v>
      </c>
      <c r="B61669" s="14" t="s">
        <v>1</v>
      </c>
      <c r="C61669" s="14" t="s">
        <v>137</v>
      </c>
      <c r="D61669" s="14" t="s">
        <v>14</v>
      </c>
      <c r="E61669" s="15">
        <v>45725</v>
      </c>
      <c r="F61669" s="14" t="s">
        <v>15</v>
      </c>
      <c r="G61669" s="16">
        <v>6.0516499630484653</v>
      </c>
    </row>
    <row r="61670" spans="1:7" x14ac:dyDescent="0.3">
      <c r="A61670" s="13" t="s">
        <v>331</v>
      </c>
      <c r="B61670" s="14" t="s">
        <v>1</v>
      </c>
      <c r="C61670" s="14" t="s">
        <v>137</v>
      </c>
      <c r="D61670" s="14" t="s">
        <v>14</v>
      </c>
      <c r="E61670" s="15">
        <v>45726</v>
      </c>
      <c r="F61670" s="14" t="s">
        <v>15</v>
      </c>
      <c r="G61670" s="16">
        <v>6.0715757706945617</v>
      </c>
    </row>
    <row r="61671" spans="1:7" x14ac:dyDescent="0.3">
      <c r="A61671" s="13" t="s">
        <v>331</v>
      </c>
      <c r="B61671" s="14" t="s">
        <v>1</v>
      </c>
      <c r="C61671" s="14" t="s">
        <v>137</v>
      </c>
      <c r="D61671" s="14" t="s">
        <v>14</v>
      </c>
      <c r="E61671" s="15">
        <v>45727</v>
      </c>
      <c r="F61671" s="14" t="s">
        <v>15</v>
      </c>
      <c r="G61671" s="16">
        <v>6.1220861814430663</v>
      </c>
    </row>
    <row r="61672" spans="1:7" x14ac:dyDescent="0.3">
      <c r="A61672" s="13" t="s">
        <v>331</v>
      </c>
      <c r="B61672" s="14" t="s">
        <v>1</v>
      </c>
      <c r="C61672" s="14" t="s">
        <v>137</v>
      </c>
      <c r="D61672" s="14" t="s">
        <v>14</v>
      </c>
      <c r="E61672" s="15">
        <v>45728</v>
      </c>
      <c r="F61672" s="14" t="s">
        <v>15</v>
      </c>
      <c r="G61672" s="16">
        <v>6.1393925336819573</v>
      </c>
    </row>
    <row r="61673" spans="1:7" x14ac:dyDescent="0.3">
      <c r="A61673" s="13" t="s">
        <v>331</v>
      </c>
      <c r="B61673" s="14" t="s">
        <v>1</v>
      </c>
      <c r="C61673" s="14" t="s">
        <v>137</v>
      </c>
      <c r="D61673" s="14" t="s">
        <v>14</v>
      </c>
      <c r="E61673" s="15">
        <v>45729</v>
      </c>
      <c r="F61673" s="14" t="s">
        <v>15</v>
      </c>
      <c r="G61673" s="16">
        <v>6.1566278315057366</v>
      </c>
    </row>
    <row r="61674" spans="1:7" x14ac:dyDescent="0.3">
      <c r="A61674" s="13" t="s">
        <v>331</v>
      </c>
      <c r="B61674" s="14" t="s">
        <v>1</v>
      </c>
      <c r="C61674" s="14" t="s">
        <v>137</v>
      </c>
      <c r="D61674" s="14" t="s">
        <v>14</v>
      </c>
      <c r="E61674" s="15">
        <v>45730</v>
      </c>
      <c r="F61674" s="14" t="s">
        <v>15</v>
      </c>
      <c r="G61674" s="16">
        <v>6.1746255668781309</v>
      </c>
    </row>
    <row r="61675" spans="1:7" x14ac:dyDescent="0.3">
      <c r="A61675" s="13" t="s">
        <v>331</v>
      </c>
      <c r="B61675" s="14" t="s">
        <v>1</v>
      </c>
      <c r="C61675" s="14" t="s">
        <v>137</v>
      </c>
      <c r="D61675" s="14" t="s">
        <v>14</v>
      </c>
      <c r="E61675" s="15">
        <v>45731</v>
      </c>
      <c r="F61675" s="14" t="s">
        <v>15</v>
      </c>
      <c r="G61675" s="16">
        <v>6.1746255668781309</v>
      </c>
    </row>
    <row r="61676" spans="1:7" x14ac:dyDescent="0.3">
      <c r="A61676" s="13" t="s">
        <v>331</v>
      </c>
      <c r="B61676" s="14" t="s">
        <v>1</v>
      </c>
      <c r="C61676" s="14" t="s">
        <v>137</v>
      </c>
      <c r="D61676" s="14" t="s">
        <v>14</v>
      </c>
      <c r="E61676" s="15">
        <v>45732</v>
      </c>
      <c r="F61676" s="14" t="s">
        <v>15</v>
      </c>
      <c r="G61676" s="16">
        <v>6.1746255668781309</v>
      </c>
    </row>
    <row r="61677" spans="1:7" x14ac:dyDescent="0.3">
      <c r="A61677" s="13" t="s">
        <v>331</v>
      </c>
      <c r="B61677" s="14" t="s">
        <v>1</v>
      </c>
      <c r="C61677" s="14" t="s">
        <v>137</v>
      </c>
      <c r="D61677" s="14" t="s">
        <v>14</v>
      </c>
      <c r="E61677" s="15">
        <v>45733</v>
      </c>
      <c r="F61677" s="14" t="s">
        <v>15</v>
      </c>
      <c r="G61677" s="16">
        <v>6.1746255668781309</v>
      </c>
    </row>
    <row r="61678" spans="1:7" x14ac:dyDescent="0.3">
      <c r="A61678" s="13" t="s">
        <v>331</v>
      </c>
      <c r="B61678" s="14" t="s">
        <v>1</v>
      </c>
      <c r="C61678" s="14" t="s">
        <v>137</v>
      </c>
      <c r="D61678" s="14" t="s">
        <v>14</v>
      </c>
      <c r="E61678" s="15">
        <v>45734</v>
      </c>
      <c r="F61678" s="14" t="s">
        <v>15</v>
      </c>
      <c r="G61678" s="16">
        <v>6.1928544159075249</v>
      </c>
    </row>
    <row r="61679" spans="1:7" x14ac:dyDescent="0.3">
      <c r="A61679" s="13" t="s">
        <v>331</v>
      </c>
      <c r="B61679" s="14" t="s">
        <v>1</v>
      </c>
      <c r="C61679" s="14" t="s">
        <v>137</v>
      </c>
      <c r="D61679" s="14" t="s">
        <v>14</v>
      </c>
      <c r="E61679" s="15">
        <v>45735</v>
      </c>
      <c r="F61679" s="14" t="s">
        <v>15</v>
      </c>
      <c r="G61679" s="16">
        <v>6.2606751994028391</v>
      </c>
    </row>
    <row r="61680" spans="1:7" x14ac:dyDescent="0.3">
      <c r="A61680" s="13" t="s">
        <v>331</v>
      </c>
      <c r="B61680" s="14" t="s">
        <v>1</v>
      </c>
      <c r="C61680" s="14" t="s">
        <v>137</v>
      </c>
      <c r="D61680" s="14" t="s">
        <v>14</v>
      </c>
      <c r="E61680" s="15">
        <v>45736</v>
      </c>
      <c r="F61680" s="14" t="s">
        <v>15</v>
      </c>
      <c r="G61680" s="16">
        <v>6.2778947648758452</v>
      </c>
    </row>
    <row r="61681" spans="1:7" x14ac:dyDescent="0.3">
      <c r="A61681" s="13" t="s">
        <v>331</v>
      </c>
      <c r="B61681" s="14" t="s">
        <v>1</v>
      </c>
      <c r="C61681" s="14" t="s">
        <v>137</v>
      </c>
      <c r="D61681" s="14" t="s">
        <v>14</v>
      </c>
      <c r="E61681" s="15">
        <v>45737</v>
      </c>
      <c r="F61681" s="14" t="s">
        <v>15</v>
      </c>
      <c r="G61681" s="16">
        <v>6.2994747296871632</v>
      </c>
    </row>
    <row r="61682" spans="1:7" x14ac:dyDescent="0.3">
      <c r="A61682" s="13" t="s">
        <v>331</v>
      </c>
      <c r="B61682" s="14" t="s">
        <v>1</v>
      </c>
      <c r="C61682" s="14" t="s">
        <v>137</v>
      </c>
      <c r="D61682" s="14" t="s">
        <v>14</v>
      </c>
      <c r="E61682" s="15">
        <v>45738</v>
      </c>
      <c r="F61682" s="14" t="s">
        <v>15</v>
      </c>
      <c r="G61682" s="16">
        <v>6.2994747296871632</v>
      </c>
    </row>
    <row r="61683" spans="1:7" x14ac:dyDescent="0.3">
      <c r="A61683" s="13" t="s">
        <v>331</v>
      </c>
      <c r="B61683" s="14" t="s">
        <v>1</v>
      </c>
      <c r="C61683" s="14" t="s">
        <v>137</v>
      </c>
      <c r="D61683" s="14" t="s">
        <v>14</v>
      </c>
      <c r="E61683" s="15">
        <v>45739</v>
      </c>
      <c r="F61683" s="14" t="s">
        <v>15</v>
      </c>
      <c r="G61683" s="16">
        <v>6.2994747296871632</v>
      </c>
    </row>
    <row r="61684" spans="1:7" x14ac:dyDescent="0.3">
      <c r="A61684" s="13" t="s">
        <v>331</v>
      </c>
      <c r="B61684" s="14" t="s">
        <v>1</v>
      </c>
      <c r="C61684" s="14" t="s">
        <v>137</v>
      </c>
      <c r="D61684" s="14" t="s">
        <v>14</v>
      </c>
      <c r="E61684" s="15">
        <v>45740</v>
      </c>
      <c r="F61684" s="14" t="s">
        <v>15</v>
      </c>
      <c r="G61684" s="16">
        <v>6.3166885572333671</v>
      </c>
    </row>
    <row r="61685" spans="1:7" x14ac:dyDescent="0.3">
      <c r="A61685" s="13" t="s">
        <v>331</v>
      </c>
      <c r="B61685" s="14" t="s">
        <v>1</v>
      </c>
      <c r="C61685" s="14" t="s">
        <v>137</v>
      </c>
      <c r="D61685" s="14" t="s">
        <v>14</v>
      </c>
      <c r="E61685" s="15">
        <v>45741</v>
      </c>
      <c r="F61685" s="14" t="s">
        <v>15</v>
      </c>
      <c r="G61685" s="16">
        <v>6.3670333158146173</v>
      </c>
    </row>
    <row r="61686" spans="1:7" x14ac:dyDescent="0.3">
      <c r="A61686" s="13" t="s">
        <v>331</v>
      </c>
      <c r="B61686" s="14" t="s">
        <v>1</v>
      </c>
      <c r="C61686" s="14" t="s">
        <v>137</v>
      </c>
      <c r="D61686" s="14" t="s">
        <v>14</v>
      </c>
      <c r="E61686" s="15">
        <v>45742</v>
      </c>
      <c r="F61686" s="14" t="s">
        <v>15</v>
      </c>
      <c r="G61686" s="16">
        <v>6.3836685336555972</v>
      </c>
    </row>
    <row r="61687" spans="1:7" x14ac:dyDescent="0.3">
      <c r="A61687" s="13" t="s">
        <v>331</v>
      </c>
      <c r="B61687" s="14" t="s">
        <v>1</v>
      </c>
      <c r="C61687" s="14" t="s">
        <v>137</v>
      </c>
      <c r="D61687" s="14" t="s">
        <v>14</v>
      </c>
      <c r="E61687" s="15">
        <v>45743</v>
      </c>
      <c r="F61687" s="14" t="s">
        <v>15</v>
      </c>
      <c r="G61687" s="16">
        <v>6.401296837865031</v>
      </c>
    </row>
    <row r="61688" spans="1:7" x14ac:dyDescent="0.3">
      <c r="A61688" s="13" t="s">
        <v>331</v>
      </c>
      <c r="B61688" s="14" t="s">
        <v>1</v>
      </c>
      <c r="C61688" s="14" t="s">
        <v>137</v>
      </c>
      <c r="D61688" s="14" t="s">
        <v>14</v>
      </c>
      <c r="E61688" s="15">
        <v>45744</v>
      </c>
      <c r="F61688" s="14" t="s">
        <v>15</v>
      </c>
      <c r="G61688" s="16">
        <v>6.4185192368821369</v>
      </c>
    </row>
    <row r="61689" spans="1:7" x14ac:dyDescent="0.3">
      <c r="A61689" s="13" t="s">
        <v>331</v>
      </c>
      <c r="B61689" s="14" t="s">
        <v>1</v>
      </c>
      <c r="C61689" s="14" t="s">
        <v>137</v>
      </c>
      <c r="D61689" s="14" t="s">
        <v>14</v>
      </c>
      <c r="E61689" s="15">
        <v>45745</v>
      </c>
      <c r="F61689" s="14" t="s">
        <v>15</v>
      </c>
      <c r="G61689" s="16">
        <v>6.4185192368821369</v>
      </c>
    </row>
    <row r="61690" spans="1:7" x14ac:dyDescent="0.3">
      <c r="A61690" s="13" t="s">
        <v>331</v>
      </c>
      <c r="B61690" s="14" t="s">
        <v>1</v>
      </c>
      <c r="C61690" s="14" t="s">
        <v>137</v>
      </c>
      <c r="D61690" s="14" t="s">
        <v>14</v>
      </c>
      <c r="E61690" s="15">
        <v>45746</v>
      </c>
      <c r="F61690" s="14" t="s">
        <v>15</v>
      </c>
      <c r="G61690" s="16">
        <v>6.4185192368821369</v>
      </c>
    </row>
    <row r="61691" spans="1:7" x14ac:dyDescent="0.3">
      <c r="A61691" s="13" t="s">
        <v>331</v>
      </c>
      <c r="B61691" s="14" t="s">
        <v>1</v>
      </c>
      <c r="C61691" s="14" t="s">
        <v>137</v>
      </c>
      <c r="D61691" s="14" t="s">
        <v>14</v>
      </c>
      <c r="E61691" s="15">
        <v>45747</v>
      </c>
      <c r="F61691" s="14" t="s">
        <v>15</v>
      </c>
      <c r="G61691" s="16">
        <v>6.4371254679990892</v>
      </c>
    </row>
    <row r="61692" spans="1:7" x14ac:dyDescent="0.3">
      <c r="A61692" s="13" t="s">
        <v>332</v>
      </c>
      <c r="B61692" s="14" t="s">
        <v>1</v>
      </c>
      <c r="C61692" s="14" t="s">
        <v>150</v>
      </c>
      <c r="D61692" s="14" t="s">
        <v>333</v>
      </c>
      <c r="E61692" s="15">
        <v>45383</v>
      </c>
      <c r="F61692" s="14" t="s">
        <v>61</v>
      </c>
      <c r="G61692" s="16">
        <v>0</v>
      </c>
    </row>
    <row r="61693" spans="1:7" x14ac:dyDescent="0.3">
      <c r="A61693" s="13" t="s">
        <v>332</v>
      </c>
      <c r="B61693" s="14" t="s">
        <v>1</v>
      </c>
      <c r="C61693" s="14" t="s">
        <v>150</v>
      </c>
      <c r="D61693" s="14" t="s">
        <v>333</v>
      </c>
      <c r="E61693" s="15">
        <v>45384</v>
      </c>
      <c r="F61693" s="14" t="s">
        <v>61</v>
      </c>
      <c r="G61693" s="16">
        <v>0</v>
      </c>
    </row>
    <row r="61694" spans="1:7" x14ac:dyDescent="0.3">
      <c r="A61694" s="13" t="s">
        <v>332</v>
      </c>
      <c r="B61694" s="14" t="s">
        <v>1</v>
      </c>
      <c r="C61694" s="14" t="s">
        <v>150</v>
      </c>
      <c r="D61694" s="14" t="s">
        <v>333</v>
      </c>
      <c r="E61694" s="15">
        <v>45385</v>
      </c>
      <c r="F61694" s="14" t="s">
        <v>61</v>
      </c>
      <c r="G61694" s="16">
        <v>2.2830048337948543E-2</v>
      </c>
    </row>
    <row r="61695" spans="1:7" x14ac:dyDescent="0.3">
      <c r="A61695" s="13" t="s">
        <v>332</v>
      </c>
      <c r="B61695" s="14" t="s">
        <v>1</v>
      </c>
      <c r="C61695" s="14" t="s">
        <v>150</v>
      </c>
      <c r="D61695" s="14" t="s">
        <v>333</v>
      </c>
      <c r="E61695" s="15">
        <v>45386</v>
      </c>
      <c r="F61695" s="14" t="s">
        <v>61</v>
      </c>
      <c r="G61695" s="16">
        <v>3.8578484812136458E-2</v>
      </c>
    </row>
    <row r="61696" spans="1:7" x14ac:dyDescent="0.3">
      <c r="A61696" s="13" t="s">
        <v>332</v>
      </c>
      <c r="B61696" s="14" t="s">
        <v>1</v>
      </c>
      <c r="C61696" s="14" t="s">
        <v>150</v>
      </c>
      <c r="D61696" s="14" t="s">
        <v>333</v>
      </c>
      <c r="E61696" s="15">
        <v>45387</v>
      </c>
      <c r="F61696" s="14" t="s">
        <v>61</v>
      </c>
      <c r="G61696" s="16">
        <v>4.3577247322039776E-2</v>
      </c>
    </row>
    <row r="61697" spans="1:7" x14ac:dyDescent="0.3">
      <c r="A61697" s="13" t="s">
        <v>332</v>
      </c>
      <c r="B61697" s="14" t="s">
        <v>1</v>
      </c>
      <c r="C61697" s="14" t="s">
        <v>150</v>
      </c>
      <c r="D61697" s="14" t="s">
        <v>333</v>
      </c>
      <c r="E61697" s="15">
        <v>45388</v>
      </c>
      <c r="F61697" s="14" t="s">
        <v>61</v>
      </c>
      <c r="G61697" s="16">
        <v>4.3577247322039776E-2</v>
      </c>
    </row>
    <row r="61698" spans="1:7" x14ac:dyDescent="0.3">
      <c r="A61698" s="13" t="s">
        <v>332</v>
      </c>
      <c r="B61698" s="14" t="s">
        <v>1</v>
      </c>
      <c r="C61698" s="14" t="s">
        <v>150</v>
      </c>
      <c r="D61698" s="14" t="s">
        <v>333</v>
      </c>
      <c r="E61698" s="15">
        <v>45389</v>
      </c>
      <c r="F61698" s="14" t="s">
        <v>61</v>
      </c>
      <c r="G61698" s="16">
        <v>4.3577247322039776E-2</v>
      </c>
    </row>
    <row r="61699" spans="1:7" x14ac:dyDescent="0.3">
      <c r="A61699" s="13" t="s">
        <v>332</v>
      </c>
      <c r="B61699" s="14" t="s">
        <v>1</v>
      </c>
      <c r="C61699" s="14" t="s">
        <v>150</v>
      </c>
      <c r="D61699" s="14" t="s">
        <v>333</v>
      </c>
      <c r="E61699" s="15">
        <v>45390</v>
      </c>
      <c r="F61699" s="14" t="s">
        <v>61</v>
      </c>
      <c r="G61699" s="16">
        <v>5.9548445832763551E-2</v>
      </c>
    </row>
    <row r="61700" spans="1:7" x14ac:dyDescent="0.3">
      <c r="A61700" s="13" t="s">
        <v>332</v>
      </c>
      <c r="B61700" s="14" t="s">
        <v>1</v>
      </c>
      <c r="C61700" s="14" t="s">
        <v>150</v>
      </c>
      <c r="D61700" s="14" t="s">
        <v>333</v>
      </c>
      <c r="E61700" s="15">
        <v>45391</v>
      </c>
      <c r="F61700" s="14" t="s">
        <v>61</v>
      </c>
      <c r="G61700" s="16">
        <v>8.0316118510128501E-2</v>
      </c>
    </row>
    <row r="61701" spans="1:7" x14ac:dyDescent="0.3">
      <c r="A61701" s="13" t="s">
        <v>332</v>
      </c>
      <c r="B61701" s="14" t="s">
        <v>1</v>
      </c>
      <c r="C61701" s="14" t="s">
        <v>150</v>
      </c>
      <c r="D61701" s="14" t="s">
        <v>333</v>
      </c>
      <c r="E61701" s="15">
        <v>45392</v>
      </c>
      <c r="F61701" s="14" t="s">
        <v>61</v>
      </c>
      <c r="G61701" s="16">
        <v>8.6261094198197913E-2</v>
      </c>
    </row>
    <row r="61702" spans="1:7" x14ac:dyDescent="0.3">
      <c r="A61702" s="13" t="s">
        <v>332</v>
      </c>
      <c r="B61702" s="14" t="s">
        <v>1</v>
      </c>
      <c r="C61702" s="14" t="s">
        <v>150</v>
      </c>
      <c r="D61702" s="14" t="s">
        <v>333</v>
      </c>
      <c r="E61702" s="15">
        <v>45393</v>
      </c>
      <c r="F61702" s="14" t="s">
        <v>61</v>
      </c>
      <c r="G61702" s="16">
        <v>9.1730139467251448E-2</v>
      </c>
    </row>
    <row r="61703" spans="1:7" x14ac:dyDescent="0.3">
      <c r="A61703" s="13" t="s">
        <v>332</v>
      </c>
      <c r="B61703" s="14" t="s">
        <v>1</v>
      </c>
      <c r="C61703" s="14" t="s">
        <v>150</v>
      </c>
      <c r="D61703" s="14" t="s">
        <v>333</v>
      </c>
      <c r="E61703" s="15">
        <v>45394</v>
      </c>
      <c r="F61703" s="14" t="s">
        <v>61</v>
      </c>
      <c r="G61703" s="16">
        <v>9.7261031973558412E-2</v>
      </c>
    </row>
    <row r="61704" spans="1:7" x14ac:dyDescent="0.3">
      <c r="A61704" s="13" t="s">
        <v>332</v>
      </c>
      <c r="B61704" s="14" t="s">
        <v>1</v>
      </c>
      <c r="C61704" s="14" t="s">
        <v>150</v>
      </c>
      <c r="D61704" s="14" t="s">
        <v>333</v>
      </c>
      <c r="E61704" s="15">
        <v>45395</v>
      </c>
      <c r="F61704" s="14" t="s">
        <v>61</v>
      </c>
      <c r="G61704" s="16">
        <v>9.7261031973558412E-2</v>
      </c>
    </row>
    <row r="61705" spans="1:7" x14ac:dyDescent="0.3">
      <c r="A61705" s="13" t="s">
        <v>332</v>
      </c>
      <c r="B61705" s="14" t="s">
        <v>1</v>
      </c>
      <c r="C61705" s="14" t="s">
        <v>150</v>
      </c>
      <c r="D61705" s="14" t="s">
        <v>333</v>
      </c>
      <c r="E61705" s="15">
        <v>45396</v>
      </c>
      <c r="F61705" s="14" t="s">
        <v>61</v>
      </c>
      <c r="G61705" s="16">
        <v>9.7261031973558412E-2</v>
      </c>
    </row>
    <row r="61706" spans="1:7" x14ac:dyDescent="0.3">
      <c r="A61706" s="13" t="s">
        <v>332</v>
      </c>
      <c r="B61706" s="14" t="s">
        <v>1</v>
      </c>
      <c r="C61706" s="14" t="s">
        <v>150</v>
      </c>
      <c r="D61706" s="14" t="s">
        <v>333</v>
      </c>
      <c r="E61706" s="15">
        <v>45397</v>
      </c>
      <c r="F61706" s="14" t="s">
        <v>61</v>
      </c>
      <c r="G61706" s="16">
        <v>0.10438574153657511</v>
      </c>
    </row>
    <row r="61707" spans="1:7" x14ac:dyDescent="0.3">
      <c r="A61707" s="13" t="s">
        <v>332</v>
      </c>
      <c r="B61707" s="14" t="s">
        <v>1</v>
      </c>
      <c r="C61707" s="14" t="s">
        <v>150</v>
      </c>
      <c r="D61707" s="14" t="s">
        <v>333</v>
      </c>
      <c r="E61707" s="15">
        <v>45398</v>
      </c>
      <c r="F61707" s="14" t="s">
        <v>61</v>
      </c>
      <c r="G61707" s="16">
        <v>0.12119862249758065</v>
      </c>
    </row>
    <row r="61708" spans="1:7" x14ac:dyDescent="0.3">
      <c r="A61708" s="13" t="s">
        <v>332</v>
      </c>
      <c r="B61708" s="14" t="s">
        <v>1</v>
      </c>
      <c r="C61708" s="14" t="s">
        <v>150</v>
      </c>
      <c r="D61708" s="14" t="s">
        <v>333</v>
      </c>
      <c r="E61708" s="15">
        <v>45399</v>
      </c>
      <c r="F61708" s="14" t="s">
        <v>61</v>
      </c>
      <c r="G61708" s="16">
        <v>0.12652521136893577</v>
      </c>
    </row>
    <row r="61709" spans="1:7" x14ac:dyDescent="0.3">
      <c r="A61709" s="13" t="s">
        <v>332</v>
      </c>
      <c r="B61709" s="14" t="s">
        <v>1</v>
      </c>
      <c r="C61709" s="14" t="s">
        <v>150</v>
      </c>
      <c r="D61709" s="14" t="s">
        <v>333</v>
      </c>
      <c r="E61709" s="15">
        <v>45400</v>
      </c>
      <c r="F61709" s="14" t="s">
        <v>61</v>
      </c>
      <c r="G61709" s="16">
        <v>0.13061207052777452</v>
      </c>
    </row>
    <row r="61710" spans="1:7" x14ac:dyDescent="0.3">
      <c r="A61710" s="13" t="s">
        <v>332</v>
      </c>
      <c r="B61710" s="14" t="s">
        <v>1</v>
      </c>
      <c r="C61710" s="14" t="s">
        <v>150</v>
      </c>
      <c r="D61710" s="14" t="s">
        <v>333</v>
      </c>
      <c r="E61710" s="15">
        <v>45401</v>
      </c>
      <c r="F61710" s="14" t="s">
        <v>61</v>
      </c>
      <c r="G61710" s="16">
        <v>0.13812762091337741</v>
      </c>
    </row>
    <row r="61711" spans="1:7" x14ac:dyDescent="0.3">
      <c r="A61711" s="13" t="s">
        <v>332</v>
      </c>
      <c r="B61711" s="14" t="s">
        <v>1</v>
      </c>
      <c r="C61711" s="14" t="s">
        <v>150</v>
      </c>
      <c r="D61711" s="14" t="s">
        <v>333</v>
      </c>
      <c r="E61711" s="15">
        <v>45402</v>
      </c>
      <c r="F61711" s="14" t="s">
        <v>61</v>
      </c>
      <c r="G61711" s="16">
        <v>0.13812762091337741</v>
      </c>
    </row>
    <row r="61712" spans="1:7" x14ac:dyDescent="0.3">
      <c r="A61712" s="13" t="s">
        <v>332</v>
      </c>
      <c r="B61712" s="14" t="s">
        <v>1</v>
      </c>
      <c r="C61712" s="14" t="s">
        <v>150</v>
      </c>
      <c r="D61712" s="14" t="s">
        <v>333</v>
      </c>
      <c r="E61712" s="15">
        <v>45403</v>
      </c>
      <c r="F61712" s="14" t="s">
        <v>61</v>
      </c>
      <c r="G61712" s="16">
        <v>0.13812762091337741</v>
      </c>
    </row>
    <row r="61713" spans="1:7" x14ac:dyDescent="0.3">
      <c r="A61713" s="13" t="s">
        <v>332</v>
      </c>
      <c r="B61713" s="14" t="s">
        <v>1</v>
      </c>
      <c r="C61713" s="14" t="s">
        <v>150</v>
      </c>
      <c r="D61713" s="14" t="s">
        <v>333</v>
      </c>
      <c r="E61713" s="15">
        <v>45404</v>
      </c>
      <c r="F61713" s="14" t="s">
        <v>61</v>
      </c>
      <c r="G61713" s="16">
        <v>0.143423024236631</v>
      </c>
    </row>
    <row r="61714" spans="1:7" x14ac:dyDescent="0.3">
      <c r="A61714" s="13" t="s">
        <v>332</v>
      </c>
      <c r="B61714" s="14" t="s">
        <v>1</v>
      </c>
      <c r="C61714" s="14" t="s">
        <v>150</v>
      </c>
      <c r="D61714" s="14" t="s">
        <v>333</v>
      </c>
      <c r="E61714" s="15">
        <v>45405</v>
      </c>
      <c r="F61714" s="14" t="s">
        <v>61</v>
      </c>
      <c r="G61714" s="16">
        <v>0.17284094589193522</v>
      </c>
    </row>
    <row r="61715" spans="1:7" x14ac:dyDescent="0.3">
      <c r="A61715" s="13" t="s">
        <v>332</v>
      </c>
      <c r="B61715" s="14" t="s">
        <v>1</v>
      </c>
      <c r="C61715" s="14" t="s">
        <v>150</v>
      </c>
      <c r="D61715" s="14" t="s">
        <v>333</v>
      </c>
      <c r="E61715" s="15">
        <v>45406</v>
      </c>
      <c r="F61715" s="14" t="s">
        <v>61</v>
      </c>
      <c r="G61715" s="16">
        <v>0.18048861978162609</v>
      </c>
    </row>
    <row r="61716" spans="1:7" x14ac:dyDescent="0.3">
      <c r="A61716" s="13" t="s">
        <v>332</v>
      </c>
      <c r="B61716" s="14" t="s">
        <v>1</v>
      </c>
      <c r="C61716" s="14" t="s">
        <v>150</v>
      </c>
      <c r="D61716" s="14" t="s">
        <v>333</v>
      </c>
      <c r="E61716" s="15">
        <v>45407</v>
      </c>
      <c r="F61716" s="14" t="s">
        <v>61</v>
      </c>
      <c r="G61716" s="16">
        <v>0.18595742626861322</v>
      </c>
    </row>
    <row r="61717" spans="1:7" x14ac:dyDescent="0.3">
      <c r="A61717" s="13" t="s">
        <v>332</v>
      </c>
      <c r="B61717" s="14" t="s">
        <v>1</v>
      </c>
      <c r="C61717" s="14" t="s">
        <v>150</v>
      </c>
      <c r="D61717" s="14" t="s">
        <v>333</v>
      </c>
      <c r="E61717" s="15">
        <v>45408</v>
      </c>
      <c r="F61717" s="14" t="s">
        <v>61</v>
      </c>
      <c r="G61717" s="16">
        <v>0.19188894336037829</v>
      </c>
    </row>
    <row r="61718" spans="1:7" x14ac:dyDescent="0.3">
      <c r="A61718" s="13" t="s">
        <v>332</v>
      </c>
      <c r="B61718" s="14" t="s">
        <v>1</v>
      </c>
      <c r="C61718" s="14" t="s">
        <v>150</v>
      </c>
      <c r="D61718" s="14" t="s">
        <v>333</v>
      </c>
      <c r="E61718" s="15">
        <v>45409</v>
      </c>
      <c r="F61718" s="14" t="s">
        <v>61</v>
      </c>
      <c r="G61718" s="16">
        <v>0.19188894336037829</v>
      </c>
    </row>
    <row r="61719" spans="1:7" x14ac:dyDescent="0.3">
      <c r="A61719" s="13" t="s">
        <v>332</v>
      </c>
      <c r="B61719" s="14" t="s">
        <v>1</v>
      </c>
      <c r="C61719" s="14" t="s">
        <v>150</v>
      </c>
      <c r="D61719" s="14" t="s">
        <v>333</v>
      </c>
      <c r="E61719" s="15">
        <v>45410</v>
      </c>
      <c r="F61719" s="14" t="s">
        <v>61</v>
      </c>
      <c r="G61719" s="16">
        <v>0.19188894336037829</v>
      </c>
    </row>
    <row r="61720" spans="1:7" x14ac:dyDescent="0.3">
      <c r="A61720" s="13" t="s">
        <v>332</v>
      </c>
      <c r="B61720" s="14" t="s">
        <v>1</v>
      </c>
      <c r="C61720" s="14" t="s">
        <v>150</v>
      </c>
      <c r="D61720" s="14" t="s">
        <v>333</v>
      </c>
      <c r="E61720" s="15">
        <v>45411</v>
      </c>
      <c r="F61720" s="14" t="s">
        <v>61</v>
      </c>
      <c r="G61720" s="16">
        <v>0.19738907942476047</v>
      </c>
    </row>
    <row r="61721" spans="1:7" x14ac:dyDescent="0.3">
      <c r="A61721" s="13" t="s">
        <v>332</v>
      </c>
      <c r="B61721" s="14" t="s">
        <v>1</v>
      </c>
      <c r="C61721" s="14" t="s">
        <v>150</v>
      </c>
      <c r="D61721" s="14" t="s">
        <v>333</v>
      </c>
      <c r="E61721" s="15">
        <v>45412</v>
      </c>
      <c r="F61721" s="14" t="s">
        <v>61</v>
      </c>
      <c r="G61721" s="16">
        <v>0.21576525343404934</v>
      </c>
    </row>
    <row r="61722" spans="1:7" x14ac:dyDescent="0.3">
      <c r="A61722" s="13" t="s">
        <v>332</v>
      </c>
      <c r="B61722" s="14" t="s">
        <v>1</v>
      </c>
      <c r="C61722" s="14" t="s">
        <v>150</v>
      </c>
      <c r="D61722" s="14" t="s">
        <v>333</v>
      </c>
      <c r="E61722" s="15">
        <v>45413</v>
      </c>
      <c r="F61722" s="14" t="s">
        <v>61</v>
      </c>
      <c r="G61722" s="16">
        <v>0.21576525343404934</v>
      </c>
    </row>
    <row r="61723" spans="1:7" x14ac:dyDescent="0.3">
      <c r="A61723" s="13" t="s">
        <v>332</v>
      </c>
      <c r="B61723" s="14" t="s">
        <v>1</v>
      </c>
      <c r="C61723" s="14" t="s">
        <v>150</v>
      </c>
      <c r="D61723" s="14" t="s">
        <v>333</v>
      </c>
      <c r="E61723" s="15">
        <v>45414</v>
      </c>
      <c r="F61723" s="14" t="s">
        <v>61</v>
      </c>
      <c r="G61723" s="16">
        <v>0.22196151826712274</v>
      </c>
    </row>
    <row r="61724" spans="1:7" x14ac:dyDescent="0.3">
      <c r="A61724" s="13" t="s">
        <v>332</v>
      </c>
      <c r="B61724" s="14" t="s">
        <v>1</v>
      </c>
      <c r="C61724" s="14" t="s">
        <v>150</v>
      </c>
      <c r="D61724" s="14" t="s">
        <v>333</v>
      </c>
      <c r="E61724" s="15">
        <v>45415</v>
      </c>
      <c r="F61724" s="14" t="s">
        <v>61</v>
      </c>
      <c r="G61724" s="16">
        <v>0.24578196057864601</v>
      </c>
    </row>
    <row r="61725" spans="1:7" x14ac:dyDescent="0.3">
      <c r="A61725" s="13" t="s">
        <v>332</v>
      </c>
      <c r="B61725" s="14" t="s">
        <v>1</v>
      </c>
      <c r="C61725" s="14" t="s">
        <v>150</v>
      </c>
      <c r="D61725" s="14" t="s">
        <v>333</v>
      </c>
      <c r="E61725" s="15">
        <v>45416</v>
      </c>
      <c r="F61725" s="14" t="s">
        <v>61</v>
      </c>
      <c r="G61725" s="16">
        <v>0.24578196057864601</v>
      </c>
    </row>
    <row r="61726" spans="1:7" x14ac:dyDescent="0.3">
      <c r="A61726" s="13" t="s">
        <v>332</v>
      </c>
      <c r="B61726" s="14" t="s">
        <v>1</v>
      </c>
      <c r="C61726" s="14" t="s">
        <v>150</v>
      </c>
      <c r="D61726" s="14" t="s">
        <v>333</v>
      </c>
      <c r="E61726" s="15">
        <v>45417</v>
      </c>
      <c r="F61726" s="14" t="s">
        <v>61</v>
      </c>
      <c r="G61726" s="16">
        <v>0.24578196057864601</v>
      </c>
    </row>
    <row r="61727" spans="1:7" x14ac:dyDescent="0.3">
      <c r="A61727" s="13" t="s">
        <v>332</v>
      </c>
      <c r="B61727" s="14" t="s">
        <v>1</v>
      </c>
      <c r="C61727" s="14" t="s">
        <v>150</v>
      </c>
      <c r="D61727" s="14" t="s">
        <v>333</v>
      </c>
      <c r="E61727" s="15">
        <v>45418</v>
      </c>
      <c r="F61727" s="14" t="s">
        <v>61</v>
      </c>
      <c r="G61727" s="16">
        <v>0.24578196057864601</v>
      </c>
    </row>
    <row r="61728" spans="1:7" x14ac:dyDescent="0.3">
      <c r="A61728" s="13" t="s">
        <v>332</v>
      </c>
      <c r="B61728" s="14" t="s">
        <v>1</v>
      </c>
      <c r="C61728" s="14" t="s">
        <v>150</v>
      </c>
      <c r="D61728" s="14" t="s">
        <v>333</v>
      </c>
      <c r="E61728" s="15">
        <v>45419</v>
      </c>
      <c r="F61728" s="14" t="s">
        <v>61</v>
      </c>
      <c r="G61728" s="16">
        <v>0.25151824743985018</v>
      </c>
    </row>
    <row r="61729" spans="1:7" x14ac:dyDescent="0.3">
      <c r="A61729" s="13" t="s">
        <v>332</v>
      </c>
      <c r="B61729" s="14" t="s">
        <v>1</v>
      </c>
      <c r="C61729" s="14" t="s">
        <v>150</v>
      </c>
      <c r="D61729" s="14" t="s">
        <v>333</v>
      </c>
      <c r="E61729" s="15">
        <v>45420</v>
      </c>
      <c r="F61729" s="14" t="s">
        <v>61</v>
      </c>
      <c r="G61729" s="16">
        <v>0.27412568785095809</v>
      </c>
    </row>
    <row r="61730" spans="1:7" x14ac:dyDescent="0.3">
      <c r="A61730" s="13" t="s">
        <v>332</v>
      </c>
      <c r="B61730" s="14" t="s">
        <v>1</v>
      </c>
      <c r="C61730" s="14" t="s">
        <v>150</v>
      </c>
      <c r="D61730" s="14" t="s">
        <v>333</v>
      </c>
      <c r="E61730" s="15">
        <v>45421</v>
      </c>
      <c r="F61730" s="14" t="s">
        <v>61</v>
      </c>
      <c r="G61730" s="16">
        <v>0.27412568785095809</v>
      </c>
    </row>
    <row r="61731" spans="1:7" x14ac:dyDescent="0.3">
      <c r="A61731" s="13" t="s">
        <v>332</v>
      </c>
      <c r="B61731" s="14" t="s">
        <v>1</v>
      </c>
      <c r="C61731" s="14" t="s">
        <v>150</v>
      </c>
      <c r="D61731" s="14" t="s">
        <v>333</v>
      </c>
      <c r="E61731" s="15">
        <v>45422</v>
      </c>
      <c r="F61731" s="14" t="s">
        <v>61</v>
      </c>
      <c r="G61731" s="16">
        <v>0.27975837092341072</v>
      </c>
    </row>
    <row r="61732" spans="1:7" x14ac:dyDescent="0.3">
      <c r="A61732" s="13" t="s">
        <v>332</v>
      </c>
      <c r="B61732" s="14" t="s">
        <v>1</v>
      </c>
      <c r="C61732" s="14" t="s">
        <v>150</v>
      </c>
      <c r="D61732" s="14" t="s">
        <v>333</v>
      </c>
      <c r="E61732" s="15">
        <v>45423</v>
      </c>
      <c r="F61732" s="14" t="s">
        <v>61</v>
      </c>
      <c r="G61732" s="16">
        <v>0.27975837092341072</v>
      </c>
    </row>
    <row r="61733" spans="1:7" x14ac:dyDescent="0.3">
      <c r="A61733" s="13" t="s">
        <v>332</v>
      </c>
      <c r="B61733" s="14" t="s">
        <v>1</v>
      </c>
      <c r="C61733" s="14" t="s">
        <v>150</v>
      </c>
      <c r="D61733" s="14" t="s">
        <v>333</v>
      </c>
      <c r="E61733" s="15">
        <v>45424</v>
      </c>
      <c r="F61733" s="14" t="s">
        <v>61</v>
      </c>
      <c r="G61733" s="16">
        <v>0.27975837092341072</v>
      </c>
    </row>
    <row r="61734" spans="1:7" x14ac:dyDescent="0.3">
      <c r="A61734" s="13" t="s">
        <v>332</v>
      </c>
      <c r="B61734" s="14" t="s">
        <v>1</v>
      </c>
      <c r="C61734" s="14" t="s">
        <v>150</v>
      </c>
      <c r="D61734" s="14" t="s">
        <v>333</v>
      </c>
      <c r="E61734" s="15">
        <v>45425</v>
      </c>
      <c r="F61734" s="14" t="s">
        <v>61</v>
      </c>
      <c r="G61734" s="16">
        <v>0.29378759399455251</v>
      </c>
    </row>
    <row r="61735" spans="1:7" x14ac:dyDescent="0.3">
      <c r="A61735" s="13" t="s">
        <v>332</v>
      </c>
      <c r="B61735" s="14" t="s">
        <v>1</v>
      </c>
      <c r="C61735" s="14" t="s">
        <v>150</v>
      </c>
      <c r="D61735" s="14" t="s">
        <v>333</v>
      </c>
      <c r="E61735" s="15">
        <v>45426</v>
      </c>
      <c r="F61735" s="14" t="s">
        <v>61</v>
      </c>
      <c r="G61735" s="16">
        <v>0.31855907827807528</v>
      </c>
    </row>
    <row r="61736" spans="1:7" x14ac:dyDescent="0.3">
      <c r="A61736" s="13" t="s">
        <v>332</v>
      </c>
      <c r="B61736" s="14" t="s">
        <v>1</v>
      </c>
      <c r="C61736" s="14" t="s">
        <v>150</v>
      </c>
      <c r="D61736" s="14" t="s">
        <v>333</v>
      </c>
      <c r="E61736" s="15">
        <v>45427</v>
      </c>
      <c r="F61736" s="14" t="s">
        <v>61</v>
      </c>
      <c r="G61736" s="16">
        <v>0.32408915743497679</v>
      </c>
    </row>
    <row r="61737" spans="1:7" x14ac:dyDescent="0.3">
      <c r="A61737" s="13" t="s">
        <v>332</v>
      </c>
      <c r="B61737" s="14" t="s">
        <v>1</v>
      </c>
      <c r="C61737" s="14" t="s">
        <v>150</v>
      </c>
      <c r="D61737" s="14" t="s">
        <v>333</v>
      </c>
      <c r="E61737" s="15">
        <v>45428</v>
      </c>
      <c r="F61737" s="14" t="s">
        <v>61</v>
      </c>
      <c r="G61737" s="16">
        <v>0.32983966324707681</v>
      </c>
    </row>
    <row r="61738" spans="1:7" x14ac:dyDescent="0.3">
      <c r="A61738" s="13" t="s">
        <v>332</v>
      </c>
      <c r="B61738" s="14" t="s">
        <v>1</v>
      </c>
      <c r="C61738" s="14" t="s">
        <v>150</v>
      </c>
      <c r="D61738" s="14" t="s">
        <v>333</v>
      </c>
      <c r="E61738" s="15">
        <v>45429</v>
      </c>
      <c r="F61738" s="14" t="s">
        <v>61</v>
      </c>
      <c r="G61738" s="16">
        <v>0.39359527911125186</v>
      </c>
    </row>
    <row r="61739" spans="1:7" x14ac:dyDescent="0.3">
      <c r="A61739" s="13" t="s">
        <v>332</v>
      </c>
      <c r="B61739" s="14" t="s">
        <v>1</v>
      </c>
      <c r="C61739" s="14" t="s">
        <v>150</v>
      </c>
      <c r="D61739" s="14" t="s">
        <v>333</v>
      </c>
      <c r="E61739" s="15">
        <v>45430</v>
      </c>
      <c r="F61739" s="14" t="s">
        <v>61</v>
      </c>
      <c r="G61739" s="16">
        <v>0.39359527911125186</v>
      </c>
    </row>
    <row r="61740" spans="1:7" x14ac:dyDescent="0.3">
      <c r="A61740" s="13" t="s">
        <v>332</v>
      </c>
      <c r="B61740" s="14" t="s">
        <v>1</v>
      </c>
      <c r="C61740" s="14" t="s">
        <v>150</v>
      </c>
      <c r="D61740" s="14" t="s">
        <v>333</v>
      </c>
      <c r="E61740" s="15">
        <v>45431</v>
      </c>
      <c r="F61740" s="14" t="s">
        <v>61</v>
      </c>
      <c r="G61740" s="16">
        <v>0.39359527911125186</v>
      </c>
    </row>
    <row r="61741" spans="1:7" x14ac:dyDescent="0.3">
      <c r="A61741" s="13" t="s">
        <v>332</v>
      </c>
      <c r="B61741" s="14" t="s">
        <v>1</v>
      </c>
      <c r="C61741" s="14" t="s">
        <v>150</v>
      </c>
      <c r="D61741" s="14" t="s">
        <v>333</v>
      </c>
      <c r="E61741" s="15">
        <v>45432</v>
      </c>
      <c r="F61741" s="14" t="s">
        <v>61</v>
      </c>
      <c r="G61741" s="16">
        <v>0.39359527911125186</v>
      </c>
    </row>
    <row r="61742" spans="1:7" x14ac:dyDescent="0.3">
      <c r="A61742" s="13" t="s">
        <v>332</v>
      </c>
      <c r="B61742" s="14" t="s">
        <v>1</v>
      </c>
      <c r="C61742" s="14" t="s">
        <v>150</v>
      </c>
      <c r="D61742" s="14" t="s">
        <v>333</v>
      </c>
      <c r="E61742" s="15">
        <v>45433</v>
      </c>
      <c r="F61742" s="14" t="s">
        <v>61</v>
      </c>
      <c r="G61742" s="16">
        <v>0.39935568682484524</v>
      </c>
    </row>
    <row r="61743" spans="1:7" x14ac:dyDescent="0.3">
      <c r="A61743" s="13" t="s">
        <v>332</v>
      </c>
      <c r="B61743" s="14" t="s">
        <v>1</v>
      </c>
      <c r="C61743" s="14" t="s">
        <v>150</v>
      </c>
      <c r="D61743" s="14" t="s">
        <v>333</v>
      </c>
      <c r="E61743" s="15">
        <v>45434</v>
      </c>
      <c r="F61743" s="14" t="s">
        <v>61</v>
      </c>
      <c r="G61743" s="16">
        <v>0.42271915859497328</v>
      </c>
    </row>
    <row r="61744" spans="1:7" x14ac:dyDescent="0.3">
      <c r="A61744" s="13" t="s">
        <v>332</v>
      </c>
      <c r="B61744" s="14" t="s">
        <v>1</v>
      </c>
      <c r="C61744" s="14" t="s">
        <v>150</v>
      </c>
      <c r="D61744" s="14" t="s">
        <v>333</v>
      </c>
      <c r="E61744" s="15">
        <v>45435</v>
      </c>
      <c r="F61744" s="14" t="s">
        <v>61</v>
      </c>
      <c r="G61744" s="16">
        <v>0.43393334289275276</v>
      </c>
    </row>
    <row r="61745" spans="1:7" x14ac:dyDescent="0.3">
      <c r="A61745" s="13" t="s">
        <v>332</v>
      </c>
      <c r="B61745" s="14" t="s">
        <v>1</v>
      </c>
      <c r="C61745" s="14" t="s">
        <v>150</v>
      </c>
      <c r="D61745" s="14" t="s">
        <v>333</v>
      </c>
      <c r="E61745" s="15">
        <v>45436</v>
      </c>
      <c r="F61745" s="14" t="s">
        <v>61</v>
      </c>
      <c r="G61745" s="16">
        <v>0.43973047598977855</v>
      </c>
    </row>
    <row r="61746" spans="1:7" x14ac:dyDescent="0.3">
      <c r="A61746" s="13" t="s">
        <v>332</v>
      </c>
      <c r="B61746" s="14" t="s">
        <v>1</v>
      </c>
      <c r="C61746" s="14" t="s">
        <v>150</v>
      </c>
      <c r="D61746" s="14" t="s">
        <v>333</v>
      </c>
      <c r="E61746" s="15">
        <v>45437</v>
      </c>
      <c r="F61746" s="14" t="s">
        <v>61</v>
      </c>
      <c r="G61746" s="16">
        <v>0.43973047598977855</v>
      </c>
    </row>
    <row r="61747" spans="1:7" x14ac:dyDescent="0.3">
      <c r="A61747" s="13" t="s">
        <v>332</v>
      </c>
      <c r="B61747" s="14" t="s">
        <v>1</v>
      </c>
      <c r="C61747" s="14" t="s">
        <v>150</v>
      </c>
      <c r="D61747" s="14" t="s">
        <v>333</v>
      </c>
      <c r="E61747" s="15">
        <v>45438</v>
      </c>
      <c r="F61747" s="14" t="s">
        <v>61</v>
      </c>
      <c r="G61747" s="16">
        <v>0.43973047598977855</v>
      </c>
    </row>
    <row r="61748" spans="1:7" x14ac:dyDescent="0.3">
      <c r="A61748" s="13" t="s">
        <v>332</v>
      </c>
      <c r="B61748" s="14" t="s">
        <v>1</v>
      </c>
      <c r="C61748" s="14" t="s">
        <v>150</v>
      </c>
      <c r="D61748" s="14" t="s">
        <v>333</v>
      </c>
      <c r="E61748" s="15">
        <v>45439</v>
      </c>
      <c r="F61748" s="14" t="s">
        <v>61</v>
      </c>
      <c r="G61748" s="16">
        <v>0.44552017809790345</v>
      </c>
    </row>
    <row r="61749" spans="1:7" x14ac:dyDescent="0.3">
      <c r="A61749" s="13" t="s">
        <v>332</v>
      </c>
      <c r="B61749" s="14" t="s">
        <v>1</v>
      </c>
      <c r="C61749" s="14" t="s">
        <v>150</v>
      </c>
      <c r="D61749" s="14" t="s">
        <v>333</v>
      </c>
      <c r="E61749" s="15">
        <v>45440</v>
      </c>
      <c r="F61749" s="14" t="s">
        <v>61</v>
      </c>
      <c r="G61749" s="16">
        <v>0.46265954268045173</v>
      </c>
    </row>
    <row r="61750" spans="1:7" x14ac:dyDescent="0.3">
      <c r="A61750" s="13" t="s">
        <v>332</v>
      </c>
      <c r="B61750" s="14" t="s">
        <v>1</v>
      </c>
      <c r="C61750" s="14" t="s">
        <v>150</v>
      </c>
      <c r="D61750" s="14" t="s">
        <v>333</v>
      </c>
      <c r="E61750" s="15">
        <v>45441</v>
      </c>
      <c r="F61750" s="14" t="s">
        <v>61</v>
      </c>
      <c r="G61750" s="16">
        <v>0.46972819793558845</v>
      </c>
    </row>
    <row r="61751" spans="1:7" x14ac:dyDescent="0.3">
      <c r="A61751" s="13" t="s">
        <v>332</v>
      </c>
      <c r="B61751" s="14" t="s">
        <v>1</v>
      </c>
      <c r="C61751" s="14" t="s">
        <v>150</v>
      </c>
      <c r="D61751" s="14" t="s">
        <v>333</v>
      </c>
      <c r="E61751" s="15">
        <v>45442</v>
      </c>
      <c r="F61751" s="14" t="s">
        <v>61</v>
      </c>
      <c r="G61751" s="16">
        <v>0.4754980351019214</v>
      </c>
    </row>
    <row r="61752" spans="1:7" x14ac:dyDescent="0.3">
      <c r="A61752" s="13" t="s">
        <v>332</v>
      </c>
      <c r="B61752" s="14" t="s">
        <v>1</v>
      </c>
      <c r="C61752" s="14" t="s">
        <v>150</v>
      </c>
      <c r="D61752" s="14" t="s">
        <v>333</v>
      </c>
      <c r="E61752" s="15">
        <v>45443</v>
      </c>
      <c r="F61752" s="14" t="s">
        <v>61</v>
      </c>
      <c r="G61752" s="16">
        <v>0.48129552271327009</v>
      </c>
    </row>
    <row r="61753" spans="1:7" x14ac:dyDescent="0.3">
      <c r="A61753" s="13" t="s">
        <v>332</v>
      </c>
      <c r="B61753" s="14" t="s">
        <v>1</v>
      </c>
      <c r="C61753" s="14" t="s">
        <v>150</v>
      </c>
      <c r="D61753" s="14" t="s">
        <v>333</v>
      </c>
      <c r="E61753" s="15">
        <v>45444</v>
      </c>
      <c r="F61753" s="14" t="s">
        <v>61</v>
      </c>
      <c r="G61753" s="16">
        <v>0.48129552271327009</v>
      </c>
    </row>
    <row r="61754" spans="1:7" x14ac:dyDescent="0.3">
      <c r="A61754" s="13" t="s">
        <v>332</v>
      </c>
      <c r="B61754" s="14" t="s">
        <v>1</v>
      </c>
      <c r="C61754" s="14" t="s">
        <v>150</v>
      </c>
      <c r="D61754" s="14" t="s">
        <v>333</v>
      </c>
      <c r="E61754" s="15">
        <v>45445</v>
      </c>
      <c r="F61754" s="14" t="s">
        <v>61</v>
      </c>
      <c r="G61754" s="16">
        <v>0.48129552271327009</v>
      </c>
    </row>
    <row r="61755" spans="1:7" x14ac:dyDescent="0.3">
      <c r="A61755" s="13" t="s">
        <v>332</v>
      </c>
      <c r="B61755" s="14" t="s">
        <v>1</v>
      </c>
      <c r="C61755" s="14" t="s">
        <v>150</v>
      </c>
      <c r="D61755" s="14" t="s">
        <v>333</v>
      </c>
      <c r="E61755" s="15">
        <v>45446</v>
      </c>
      <c r="F61755" s="14" t="s">
        <v>61</v>
      </c>
      <c r="G61755" s="16">
        <v>0.48129552271327009</v>
      </c>
    </row>
    <row r="61756" spans="1:7" x14ac:dyDescent="0.3">
      <c r="A61756" s="13" t="s">
        <v>332</v>
      </c>
      <c r="B61756" s="14" t="s">
        <v>1</v>
      </c>
      <c r="C61756" s="14" t="s">
        <v>150</v>
      </c>
      <c r="D61756" s="14" t="s">
        <v>333</v>
      </c>
      <c r="E61756" s="15">
        <v>45447</v>
      </c>
      <c r="F61756" s="14" t="s">
        <v>61</v>
      </c>
      <c r="G61756" s="16">
        <v>0.48708855687081387</v>
      </c>
    </row>
    <row r="61757" spans="1:7" x14ac:dyDescent="0.3">
      <c r="A61757" s="13" t="s">
        <v>332</v>
      </c>
      <c r="B61757" s="14" t="s">
        <v>1</v>
      </c>
      <c r="C61757" s="14" t="s">
        <v>150</v>
      </c>
      <c r="D61757" s="14" t="s">
        <v>333</v>
      </c>
      <c r="E61757" s="15">
        <v>45448</v>
      </c>
      <c r="F61757" s="14" t="s">
        <v>61</v>
      </c>
      <c r="G61757" s="16">
        <v>0.53426804508757719</v>
      </c>
    </row>
    <row r="61758" spans="1:7" x14ac:dyDescent="0.3">
      <c r="A61758" s="13" t="s">
        <v>332</v>
      </c>
      <c r="B61758" s="14" t="s">
        <v>1</v>
      </c>
      <c r="C61758" s="14" t="s">
        <v>150</v>
      </c>
      <c r="D61758" s="14" t="s">
        <v>333</v>
      </c>
      <c r="E61758" s="15">
        <v>45449</v>
      </c>
      <c r="F61758" s="14" t="s">
        <v>61</v>
      </c>
      <c r="G61758" s="16">
        <v>0.53999544131878274</v>
      </c>
    </row>
    <row r="61759" spans="1:7" x14ac:dyDescent="0.3">
      <c r="A61759" s="13" t="s">
        <v>332</v>
      </c>
      <c r="B61759" s="14" t="s">
        <v>1</v>
      </c>
      <c r="C61759" s="14" t="s">
        <v>150</v>
      </c>
      <c r="D61759" s="14" t="s">
        <v>333</v>
      </c>
      <c r="E61759" s="15">
        <v>45450</v>
      </c>
      <c r="F61759" s="14" t="s">
        <v>61</v>
      </c>
      <c r="G61759" s="16">
        <v>0.54580285548370833</v>
      </c>
    </row>
    <row r="61760" spans="1:7" x14ac:dyDescent="0.3">
      <c r="A61760" s="13" t="s">
        <v>332</v>
      </c>
      <c r="B61760" s="14" t="s">
        <v>1</v>
      </c>
      <c r="C61760" s="14" t="s">
        <v>150</v>
      </c>
      <c r="D61760" s="14" t="s">
        <v>333</v>
      </c>
      <c r="E61760" s="15">
        <v>45451</v>
      </c>
      <c r="F61760" s="14" t="s">
        <v>61</v>
      </c>
      <c r="G61760" s="16">
        <v>0.54580285548370833</v>
      </c>
    </row>
    <row r="61761" spans="1:7" x14ac:dyDescent="0.3">
      <c r="A61761" s="13" t="s">
        <v>332</v>
      </c>
      <c r="B61761" s="14" t="s">
        <v>1</v>
      </c>
      <c r="C61761" s="14" t="s">
        <v>150</v>
      </c>
      <c r="D61761" s="14" t="s">
        <v>333</v>
      </c>
      <c r="E61761" s="15">
        <v>45452</v>
      </c>
      <c r="F61761" s="14" t="s">
        <v>61</v>
      </c>
      <c r="G61761" s="16">
        <v>0.54580285548370833</v>
      </c>
    </row>
    <row r="61762" spans="1:7" x14ac:dyDescent="0.3">
      <c r="A61762" s="13" t="s">
        <v>332</v>
      </c>
      <c r="B61762" s="14" t="s">
        <v>1</v>
      </c>
      <c r="C61762" s="14" t="s">
        <v>150</v>
      </c>
      <c r="D61762" s="14" t="s">
        <v>333</v>
      </c>
      <c r="E61762" s="15">
        <v>45453</v>
      </c>
      <c r="F61762" s="14" t="s">
        <v>61</v>
      </c>
      <c r="G61762" s="16">
        <v>0.55494381971340356</v>
      </c>
    </row>
    <row r="61763" spans="1:7" x14ac:dyDescent="0.3">
      <c r="A61763" s="13" t="s">
        <v>332</v>
      </c>
      <c r="B61763" s="14" t="s">
        <v>1</v>
      </c>
      <c r="C61763" s="14" t="s">
        <v>150</v>
      </c>
      <c r="D61763" s="14" t="s">
        <v>333</v>
      </c>
      <c r="E61763" s="15">
        <v>45454</v>
      </c>
      <c r="F61763" s="14" t="s">
        <v>61</v>
      </c>
      <c r="G61763" s="16">
        <v>0.57539079488152933</v>
      </c>
    </row>
    <row r="61764" spans="1:7" x14ac:dyDescent="0.3">
      <c r="A61764" s="13" t="s">
        <v>332</v>
      </c>
      <c r="B61764" s="14" t="s">
        <v>1</v>
      </c>
      <c r="C61764" s="14" t="s">
        <v>150</v>
      </c>
      <c r="D61764" s="14" t="s">
        <v>333</v>
      </c>
      <c r="E61764" s="15">
        <v>45455</v>
      </c>
      <c r="F61764" s="14" t="s">
        <v>61</v>
      </c>
      <c r="G61764" s="16">
        <v>0.58118459250288279</v>
      </c>
    </row>
    <row r="61765" spans="1:7" x14ac:dyDescent="0.3">
      <c r="A61765" s="13" t="s">
        <v>332</v>
      </c>
      <c r="B61765" s="14" t="s">
        <v>1</v>
      </c>
      <c r="C61765" s="14" t="s">
        <v>150</v>
      </c>
      <c r="D61765" s="14" t="s">
        <v>333</v>
      </c>
      <c r="E61765" s="15">
        <v>45456</v>
      </c>
      <c r="F61765" s="14" t="s">
        <v>61</v>
      </c>
      <c r="G61765" s="16">
        <v>0.58690439447550491</v>
      </c>
    </row>
    <row r="61766" spans="1:7" x14ac:dyDescent="0.3">
      <c r="A61766" s="13" t="s">
        <v>332</v>
      </c>
      <c r="B61766" s="14" t="s">
        <v>1</v>
      </c>
      <c r="C61766" s="14" t="s">
        <v>150</v>
      </c>
      <c r="D61766" s="14" t="s">
        <v>333</v>
      </c>
      <c r="E61766" s="15">
        <v>45457</v>
      </c>
      <c r="F61766" s="14" t="s">
        <v>61</v>
      </c>
      <c r="G61766" s="16">
        <v>0.60008725249444472</v>
      </c>
    </row>
    <row r="61767" spans="1:7" x14ac:dyDescent="0.3">
      <c r="A61767" s="13" t="s">
        <v>332</v>
      </c>
      <c r="B61767" s="14" t="s">
        <v>1</v>
      </c>
      <c r="C61767" s="14" t="s">
        <v>150</v>
      </c>
      <c r="D61767" s="14" t="s">
        <v>333</v>
      </c>
      <c r="E61767" s="15">
        <v>45458</v>
      </c>
      <c r="F61767" s="14" t="s">
        <v>61</v>
      </c>
      <c r="G61767" s="16">
        <v>0.60008725249444472</v>
      </c>
    </row>
    <row r="61768" spans="1:7" x14ac:dyDescent="0.3">
      <c r="A61768" s="13" t="s">
        <v>332</v>
      </c>
      <c r="B61768" s="14" t="s">
        <v>1</v>
      </c>
      <c r="C61768" s="14" t="s">
        <v>150</v>
      </c>
      <c r="D61768" s="14" t="s">
        <v>333</v>
      </c>
      <c r="E61768" s="15">
        <v>45459</v>
      </c>
      <c r="F61768" s="14" t="s">
        <v>61</v>
      </c>
      <c r="G61768" s="16">
        <v>0.60008725249444472</v>
      </c>
    </row>
    <row r="61769" spans="1:7" x14ac:dyDescent="0.3">
      <c r="A61769" s="13" t="s">
        <v>332</v>
      </c>
      <c r="B61769" s="14" t="s">
        <v>1</v>
      </c>
      <c r="C61769" s="14" t="s">
        <v>150</v>
      </c>
      <c r="D61769" s="14" t="s">
        <v>333</v>
      </c>
      <c r="E61769" s="15">
        <v>45460</v>
      </c>
      <c r="F61769" s="14" t="s">
        <v>61</v>
      </c>
      <c r="G61769" s="16">
        <v>0.60734418102432797</v>
      </c>
    </row>
    <row r="61770" spans="1:7" x14ac:dyDescent="0.3">
      <c r="A61770" s="13" t="s">
        <v>332</v>
      </c>
      <c r="B61770" s="14" t="s">
        <v>1</v>
      </c>
      <c r="C61770" s="14" t="s">
        <v>150</v>
      </c>
      <c r="D61770" s="14" t="s">
        <v>333</v>
      </c>
      <c r="E61770" s="15">
        <v>45461</v>
      </c>
      <c r="F61770" s="14" t="s">
        <v>61</v>
      </c>
      <c r="G61770" s="16">
        <v>0.62513003880260232</v>
      </c>
    </row>
    <row r="61771" spans="1:7" x14ac:dyDescent="0.3">
      <c r="A61771" s="13" t="s">
        <v>332</v>
      </c>
      <c r="B61771" s="14" t="s">
        <v>1</v>
      </c>
      <c r="C61771" s="14" t="s">
        <v>150</v>
      </c>
      <c r="D61771" s="14" t="s">
        <v>333</v>
      </c>
      <c r="E61771" s="15">
        <v>45462</v>
      </c>
      <c r="F61771" s="14" t="s">
        <v>61</v>
      </c>
      <c r="G61771" s="16">
        <v>0.63195098817753104</v>
      </c>
    </row>
    <row r="61772" spans="1:7" x14ac:dyDescent="0.3">
      <c r="A61772" s="13" t="s">
        <v>332</v>
      </c>
      <c r="B61772" s="14" t="s">
        <v>1</v>
      </c>
      <c r="C61772" s="14" t="s">
        <v>150</v>
      </c>
      <c r="D61772" s="14" t="s">
        <v>333</v>
      </c>
      <c r="E61772" s="15">
        <v>45463</v>
      </c>
      <c r="F61772" s="14" t="s">
        <v>61</v>
      </c>
      <c r="G61772" s="16">
        <v>0.63780391990286889</v>
      </c>
    </row>
    <row r="61773" spans="1:7" x14ac:dyDescent="0.3">
      <c r="A61773" s="13" t="s">
        <v>332</v>
      </c>
      <c r="B61773" s="14" t="s">
        <v>1</v>
      </c>
      <c r="C61773" s="14" t="s">
        <v>150</v>
      </c>
      <c r="D61773" s="14" t="s">
        <v>333</v>
      </c>
      <c r="E61773" s="15">
        <v>45464</v>
      </c>
      <c r="F61773" s="14" t="s">
        <v>61</v>
      </c>
      <c r="G61773" s="16">
        <v>0.64565278922792602</v>
      </c>
    </row>
    <row r="61774" spans="1:7" x14ac:dyDescent="0.3">
      <c r="A61774" s="13" t="s">
        <v>332</v>
      </c>
      <c r="B61774" s="14" t="s">
        <v>1</v>
      </c>
      <c r="C61774" s="14" t="s">
        <v>150</v>
      </c>
      <c r="D61774" s="14" t="s">
        <v>333</v>
      </c>
      <c r="E61774" s="15">
        <v>45465</v>
      </c>
      <c r="F61774" s="14" t="s">
        <v>61</v>
      </c>
      <c r="G61774" s="16">
        <v>0.64565278922792602</v>
      </c>
    </row>
    <row r="61775" spans="1:7" x14ac:dyDescent="0.3">
      <c r="A61775" s="13" t="s">
        <v>332</v>
      </c>
      <c r="B61775" s="14" t="s">
        <v>1</v>
      </c>
      <c r="C61775" s="14" t="s">
        <v>150</v>
      </c>
      <c r="D61775" s="14" t="s">
        <v>333</v>
      </c>
      <c r="E61775" s="15">
        <v>45466</v>
      </c>
      <c r="F61775" s="14" t="s">
        <v>61</v>
      </c>
      <c r="G61775" s="16">
        <v>0.64565278922792602</v>
      </c>
    </row>
    <row r="61776" spans="1:7" x14ac:dyDescent="0.3">
      <c r="A61776" s="13" t="s">
        <v>332</v>
      </c>
      <c r="B61776" s="14" t="s">
        <v>1</v>
      </c>
      <c r="C61776" s="14" t="s">
        <v>150</v>
      </c>
      <c r="D61776" s="14" t="s">
        <v>333</v>
      </c>
      <c r="E61776" s="15">
        <v>45467</v>
      </c>
      <c r="F61776" s="14" t="s">
        <v>61</v>
      </c>
      <c r="G61776" s="16">
        <v>0.6523301025294248</v>
      </c>
    </row>
    <row r="61777" spans="1:7" x14ac:dyDescent="0.3">
      <c r="A61777" s="13" t="s">
        <v>332</v>
      </c>
      <c r="B61777" s="14" t="s">
        <v>1</v>
      </c>
      <c r="C61777" s="14" t="s">
        <v>150</v>
      </c>
      <c r="D61777" s="14" t="s">
        <v>333</v>
      </c>
      <c r="E61777" s="15">
        <v>45468</v>
      </c>
      <c r="F61777" s="14" t="s">
        <v>61</v>
      </c>
      <c r="G61777" s="16">
        <v>0.66933421810554039</v>
      </c>
    </row>
    <row r="61778" spans="1:7" x14ac:dyDescent="0.3">
      <c r="A61778" s="13" t="s">
        <v>332</v>
      </c>
      <c r="B61778" s="14" t="s">
        <v>1</v>
      </c>
      <c r="C61778" s="14" t="s">
        <v>150</v>
      </c>
      <c r="D61778" s="14" t="s">
        <v>333</v>
      </c>
      <c r="E61778" s="15">
        <v>45469</v>
      </c>
      <c r="F61778" s="14" t="s">
        <v>61</v>
      </c>
      <c r="G61778" s="16">
        <v>0.67504508024677012</v>
      </c>
    </row>
    <row r="61779" spans="1:7" x14ac:dyDescent="0.3">
      <c r="A61779" s="13" t="s">
        <v>332</v>
      </c>
      <c r="B61779" s="14" t="s">
        <v>1</v>
      </c>
      <c r="C61779" s="14" t="s">
        <v>150</v>
      </c>
      <c r="D61779" s="14" t="s">
        <v>333</v>
      </c>
      <c r="E61779" s="15">
        <v>45470</v>
      </c>
      <c r="F61779" s="14" t="s">
        <v>61</v>
      </c>
      <c r="G61779" s="16">
        <v>0.68076883786929709</v>
      </c>
    </row>
    <row r="61780" spans="1:7" x14ac:dyDescent="0.3">
      <c r="A61780" s="13" t="s">
        <v>332</v>
      </c>
      <c r="B61780" s="14" t="s">
        <v>1</v>
      </c>
      <c r="C61780" s="14" t="s">
        <v>150</v>
      </c>
      <c r="D61780" s="14" t="s">
        <v>333</v>
      </c>
      <c r="E61780" s="15">
        <v>45471</v>
      </c>
      <c r="F61780" s="14" t="s">
        <v>61</v>
      </c>
      <c r="G61780" s="16">
        <v>0.68330515325249963</v>
      </c>
    </row>
    <row r="61781" spans="1:7" x14ac:dyDescent="0.3">
      <c r="A61781" s="13" t="s">
        <v>332</v>
      </c>
      <c r="B61781" s="14" t="s">
        <v>1</v>
      </c>
      <c r="C61781" s="14" t="s">
        <v>150</v>
      </c>
      <c r="D61781" s="14" t="s">
        <v>333</v>
      </c>
      <c r="E61781" s="15">
        <v>45472</v>
      </c>
      <c r="F61781" s="14" t="s">
        <v>61</v>
      </c>
      <c r="G61781" s="16">
        <v>0.68330515325249963</v>
      </c>
    </row>
    <row r="61782" spans="1:7" x14ac:dyDescent="0.3">
      <c r="A61782" s="13" t="s">
        <v>332</v>
      </c>
      <c r="B61782" s="14" t="s">
        <v>1</v>
      </c>
      <c r="C61782" s="14" t="s">
        <v>150</v>
      </c>
      <c r="D61782" s="14" t="s">
        <v>333</v>
      </c>
      <c r="E61782" s="15">
        <v>45473</v>
      </c>
      <c r="F61782" s="14" t="s">
        <v>61</v>
      </c>
      <c r="G61782" s="16">
        <v>0.68330515325249963</v>
      </c>
    </row>
    <row r="61783" spans="1:7" x14ac:dyDescent="0.3">
      <c r="A61783" s="13" t="s">
        <v>332</v>
      </c>
      <c r="B61783" s="14" t="s">
        <v>1</v>
      </c>
      <c r="C61783" s="14" t="s">
        <v>150</v>
      </c>
      <c r="D61783" s="14" t="s">
        <v>333</v>
      </c>
      <c r="E61783" s="15">
        <v>45474</v>
      </c>
      <c r="F61783" s="14" t="s">
        <v>61</v>
      </c>
      <c r="G61783" s="16">
        <v>0.68926097016977805</v>
      </c>
    </row>
    <row r="61784" spans="1:7" x14ac:dyDescent="0.3">
      <c r="A61784" s="13" t="s">
        <v>332</v>
      </c>
      <c r="B61784" s="14" t="s">
        <v>1</v>
      </c>
      <c r="C61784" s="14" t="s">
        <v>150</v>
      </c>
      <c r="D61784" s="14" t="s">
        <v>333</v>
      </c>
      <c r="E61784" s="15">
        <v>45475</v>
      </c>
      <c r="F61784" s="14" t="s">
        <v>61</v>
      </c>
      <c r="G61784" s="16">
        <v>0.70527592750311552</v>
      </c>
    </row>
    <row r="61785" spans="1:7" x14ac:dyDescent="0.3">
      <c r="A61785" s="13" t="s">
        <v>332</v>
      </c>
      <c r="B61785" s="14" t="s">
        <v>1</v>
      </c>
      <c r="C61785" s="14" t="s">
        <v>150</v>
      </c>
      <c r="D61785" s="14" t="s">
        <v>333</v>
      </c>
      <c r="E61785" s="15">
        <v>45476</v>
      </c>
      <c r="F61785" s="14" t="s">
        <v>61</v>
      </c>
      <c r="G61785" s="16">
        <v>0.71845440246878978</v>
      </c>
    </row>
    <row r="61786" spans="1:7" x14ac:dyDescent="0.3">
      <c r="A61786" s="13" t="s">
        <v>332</v>
      </c>
      <c r="B61786" s="14" t="s">
        <v>1</v>
      </c>
      <c r="C61786" s="14" t="s">
        <v>150</v>
      </c>
      <c r="D61786" s="14" t="s">
        <v>333</v>
      </c>
      <c r="E61786" s="15">
        <v>45477</v>
      </c>
      <c r="F61786" s="14" t="s">
        <v>61</v>
      </c>
      <c r="G61786" s="16">
        <v>0.72360204295376485</v>
      </c>
    </row>
    <row r="61787" spans="1:7" x14ac:dyDescent="0.3">
      <c r="A61787" s="13" t="s">
        <v>332</v>
      </c>
      <c r="B61787" s="14" t="s">
        <v>1</v>
      </c>
      <c r="C61787" s="14" t="s">
        <v>150</v>
      </c>
      <c r="D61787" s="14" t="s">
        <v>333</v>
      </c>
      <c r="E61787" s="15">
        <v>45478</v>
      </c>
      <c r="F61787" s="14" t="s">
        <v>61</v>
      </c>
      <c r="G61787" s="16">
        <v>0.72887024443204051</v>
      </c>
    </row>
    <row r="61788" spans="1:7" x14ac:dyDescent="0.3">
      <c r="A61788" s="13" t="s">
        <v>332</v>
      </c>
      <c r="B61788" s="14" t="s">
        <v>1</v>
      </c>
      <c r="C61788" s="14" t="s">
        <v>150</v>
      </c>
      <c r="D61788" s="14" t="s">
        <v>333</v>
      </c>
      <c r="E61788" s="15">
        <v>45479</v>
      </c>
      <c r="F61788" s="14" t="s">
        <v>61</v>
      </c>
      <c r="G61788" s="16">
        <v>0.72887024443204051</v>
      </c>
    </row>
    <row r="61789" spans="1:7" x14ac:dyDescent="0.3">
      <c r="A61789" s="13" t="s">
        <v>332</v>
      </c>
      <c r="B61789" s="14" t="s">
        <v>1</v>
      </c>
      <c r="C61789" s="14" t="s">
        <v>150</v>
      </c>
      <c r="D61789" s="14" t="s">
        <v>333</v>
      </c>
      <c r="E61789" s="15">
        <v>45480</v>
      </c>
      <c r="F61789" s="14" t="s">
        <v>61</v>
      </c>
      <c r="G61789" s="16">
        <v>0.72887024443204051</v>
      </c>
    </row>
    <row r="61790" spans="1:7" x14ac:dyDescent="0.3">
      <c r="A61790" s="13" t="s">
        <v>332</v>
      </c>
      <c r="B61790" s="14" t="s">
        <v>1</v>
      </c>
      <c r="C61790" s="14" t="s">
        <v>150</v>
      </c>
      <c r="D61790" s="14" t="s">
        <v>333</v>
      </c>
      <c r="E61790" s="15">
        <v>45481</v>
      </c>
      <c r="F61790" s="14" t="s">
        <v>61</v>
      </c>
      <c r="G61790" s="16">
        <v>0.73412291783487282</v>
      </c>
    </row>
    <row r="61791" spans="1:7" x14ac:dyDescent="0.3">
      <c r="A61791" s="13" t="s">
        <v>332</v>
      </c>
      <c r="B61791" s="14" t="s">
        <v>1</v>
      </c>
      <c r="C61791" s="14" t="s">
        <v>150</v>
      </c>
      <c r="D61791" s="14" t="s">
        <v>333</v>
      </c>
      <c r="E61791" s="15">
        <v>45482</v>
      </c>
      <c r="F61791" s="14" t="s">
        <v>61</v>
      </c>
      <c r="G61791" s="16">
        <v>0.74975484028828943</v>
      </c>
    </row>
    <row r="61792" spans="1:7" x14ac:dyDescent="0.3">
      <c r="A61792" s="13" t="s">
        <v>332</v>
      </c>
      <c r="B61792" s="14" t="s">
        <v>1</v>
      </c>
      <c r="C61792" s="14" t="s">
        <v>150</v>
      </c>
      <c r="D61792" s="14" t="s">
        <v>333</v>
      </c>
      <c r="E61792" s="15">
        <v>45483</v>
      </c>
      <c r="F61792" s="14" t="s">
        <v>61</v>
      </c>
      <c r="G61792" s="16">
        <v>0.76468294236501477</v>
      </c>
    </row>
    <row r="61793" spans="1:7" x14ac:dyDescent="0.3">
      <c r="A61793" s="13" t="s">
        <v>332</v>
      </c>
      <c r="B61793" s="14" t="s">
        <v>1</v>
      </c>
      <c r="C61793" s="14" t="s">
        <v>150</v>
      </c>
      <c r="D61793" s="14" t="s">
        <v>333</v>
      </c>
      <c r="E61793" s="15">
        <v>45484</v>
      </c>
      <c r="F61793" s="14" t="s">
        <v>61</v>
      </c>
      <c r="G61793" s="16">
        <v>0.77055797132797244</v>
      </c>
    </row>
    <row r="61794" spans="1:7" x14ac:dyDescent="0.3">
      <c r="A61794" s="13" t="s">
        <v>332</v>
      </c>
      <c r="B61794" s="14" t="s">
        <v>1</v>
      </c>
      <c r="C61794" s="14" t="s">
        <v>150</v>
      </c>
      <c r="D61794" s="14" t="s">
        <v>333</v>
      </c>
      <c r="E61794" s="15">
        <v>45485</v>
      </c>
      <c r="F61794" s="14" t="s">
        <v>61</v>
      </c>
      <c r="G61794" s="16">
        <v>0.77570032052843696</v>
      </c>
    </row>
    <row r="61795" spans="1:7" x14ac:dyDescent="0.3">
      <c r="A61795" s="13" t="s">
        <v>332</v>
      </c>
      <c r="B61795" s="14" t="s">
        <v>1</v>
      </c>
      <c r="C61795" s="14" t="s">
        <v>150</v>
      </c>
      <c r="D61795" s="14" t="s">
        <v>333</v>
      </c>
      <c r="E61795" s="15">
        <v>45486</v>
      </c>
      <c r="F61795" s="14" t="s">
        <v>61</v>
      </c>
      <c r="G61795" s="16">
        <v>0.77570032052843696</v>
      </c>
    </row>
    <row r="61796" spans="1:7" x14ac:dyDescent="0.3">
      <c r="A61796" s="13" t="s">
        <v>332</v>
      </c>
      <c r="B61796" s="14" t="s">
        <v>1</v>
      </c>
      <c r="C61796" s="14" t="s">
        <v>150</v>
      </c>
      <c r="D61796" s="14" t="s">
        <v>333</v>
      </c>
      <c r="E61796" s="15">
        <v>45487</v>
      </c>
      <c r="F61796" s="14" t="s">
        <v>61</v>
      </c>
      <c r="G61796" s="16">
        <v>0.77570032052843696</v>
      </c>
    </row>
    <row r="61797" spans="1:7" x14ac:dyDescent="0.3">
      <c r="A61797" s="13" t="s">
        <v>332</v>
      </c>
      <c r="B61797" s="14" t="s">
        <v>1</v>
      </c>
      <c r="C61797" s="14" t="s">
        <v>150</v>
      </c>
      <c r="D61797" s="14" t="s">
        <v>333</v>
      </c>
      <c r="E61797" s="15">
        <v>45488</v>
      </c>
      <c r="F61797" s="14" t="s">
        <v>61</v>
      </c>
      <c r="G61797" s="16">
        <v>0.78077838496280993</v>
      </c>
    </row>
    <row r="61798" spans="1:7" x14ac:dyDescent="0.3">
      <c r="A61798" s="13" t="s">
        <v>332</v>
      </c>
      <c r="B61798" s="14" t="s">
        <v>1</v>
      </c>
      <c r="C61798" s="14" t="s">
        <v>150</v>
      </c>
      <c r="D61798" s="14" t="s">
        <v>333</v>
      </c>
      <c r="E61798" s="15">
        <v>45489</v>
      </c>
      <c r="F61798" s="14" t="s">
        <v>61</v>
      </c>
      <c r="G61798" s="16">
        <v>0.79588103790184861</v>
      </c>
    </row>
    <row r="61799" spans="1:7" x14ac:dyDescent="0.3">
      <c r="A61799" s="13" t="s">
        <v>332</v>
      </c>
      <c r="B61799" s="14" t="s">
        <v>1</v>
      </c>
      <c r="C61799" s="14" t="s">
        <v>150</v>
      </c>
      <c r="D61799" s="14" t="s">
        <v>333</v>
      </c>
      <c r="E61799" s="15">
        <v>45490</v>
      </c>
      <c r="F61799" s="14" t="s">
        <v>61</v>
      </c>
      <c r="G61799" s="16">
        <v>0.80098658654323696</v>
      </c>
    </row>
    <row r="61800" spans="1:7" x14ac:dyDescent="0.3">
      <c r="A61800" s="13" t="s">
        <v>332</v>
      </c>
      <c r="B61800" s="14" t="s">
        <v>1</v>
      </c>
      <c r="C61800" s="14" t="s">
        <v>150</v>
      </c>
      <c r="D61800" s="14" t="s">
        <v>333</v>
      </c>
      <c r="E61800" s="15">
        <v>45491</v>
      </c>
      <c r="F61800" s="14" t="s">
        <v>61</v>
      </c>
      <c r="G61800" s="16">
        <v>0.80599462777274811</v>
      </c>
    </row>
    <row r="61801" spans="1:7" x14ac:dyDescent="0.3">
      <c r="A61801" s="13" t="s">
        <v>332</v>
      </c>
      <c r="B61801" s="14" t="s">
        <v>1</v>
      </c>
      <c r="C61801" s="14" t="s">
        <v>150</v>
      </c>
      <c r="D61801" s="14" t="s">
        <v>333</v>
      </c>
      <c r="E61801" s="15">
        <v>45492</v>
      </c>
      <c r="F61801" s="14" t="s">
        <v>61</v>
      </c>
      <c r="G61801" s="16">
        <v>0.90981141506359686</v>
      </c>
    </row>
    <row r="61802" spans="1:7" x14ac:dyDescent="0.3">
      <c r="A61802" s="13" t="s">
        <v>332</v>
      </c>
      <c r="B61802" s="14" t="s">
        <v>1</v>
      </c>
      <c r="C61802" s="14" t="s">
        <v>150</v>
      </c>
      <c r="D61802" s="14" t="s">
        <v>333</v>
      </c>
      <c r="E61802" s="15">
        <v>45493</v>
      </c>
      <c r="F61802" s="14" t="s">
        <v>61</v>
      </c>
      <c r="G61802" s="16">
        <v>0.90981141506359686</v>
      </c>
    </row>
    <row r="61803" spans="1:7" x14ac:dyDescent="0.3">
      <c r="A61803" s="13" t="s">
        <v>332</v>
      </c>
      <c r="B61803" s="14" t="s">
        <v>1</v>
      </c>
      <c r="C61803" s="14" t="s">
        <v>150</v>
      </c>
      <c r="D61803" s="14" t="s">
        <v>333</v>
      </c>
      <c r="E61803" s="15">
        <v>45494</v>
      </c>
      <c r="F61803" s="14" t="s">
        <v>61</v>
      </c>
      <c r="G61803" s="16">
        <v>0.90981141506359686</v>
      </c>
    </row>
    <row r="61804" spans="1:7" x14ac:dyDescent="0.3">
      <c r="A61804" s="13" t="s">
        <v>332</v>
      </c>
      <c r="B61804" s="14" t="s">
        <v>1</v>
      </c>
      <c r="C61804" s="14" t="s">
        <v>150</v>
      </c>
      <c r="D61804" s="14" t="s">
        <v>333</v>
      </c>
      <c r="E61804" s="15">
        <v>45495</v>
      </c>
      <c r="F61804" s="14" t="s">
        <v>61</v>
      </c>
      <c r="G61804" s="16">
        <v>0.91369527174896625</v>
      </c>
    </row>
    <row r="61805" spans="1:7" x14ac:dyDescent="0.3">
      <c r="A61805" s="13" t="s">
        <v>332</v>
      </c>
      <c r="B61805" s="14" t="s">
        <v>1</v>
      </c>
      <c r="C61805" s="14" t="s">
        <v>150</v>
      </c>
      <c r="D61805" s="14" t="s">
        <v>333</v>
      </c>
      <c r="E61805" s="15">
        <v>45496</v>
      </c>
      <c r="F61805" s="14" t="s">
        <v>61</v>
      </c>
      <c r="G61805" s="16">
        <v>0.9289916322347449</v>
      </c>
    </row>
    <row r="61806" spans="1:7" x14ac:dyDescent="0.3">
      <c r="A61806" s="13" t="s">
        <v>332</v>
      </c>
      <c r="B61806" s="14" t="s">
        <v>1</v>
      </c>
      <c r="C61806" s="14" t="s">
        <v>150</v>
      </c>
      <c r="D61806" s="14" t="s">
        <v>333</v>
      </c>
      <c r="E61806" s="15">
        <v>45497</v>
      </c>
      <c r="F61806" s="14" t="s">
        <v>61</v>
      </c>
      <c r="G61806" s="16">
        <v>0.93411740232424956</v>
      </c>
    </row>
    <row r="61807" spans="1:7" x14ac:dyDescent="0.3">
      <c r="A61807" s="13" t="s">
        <v>332</v>
      </c>
      <c r="B61807" s="14" t="s">
        <v>1</v>
      </c>
      <c r="C61807" s="14" t="s">
        <v>150</v>
      </c>
      <c r="D61807" s="14" t="s">
        <v>333</v>
      </c>
      <c r="E61807" s="15">
        <v>45498</v>
      </c>
      <c r="F61807" s="14" t="s">
        <v>61</v>
      </c>
      <c r="G61807" s="16">
        <v>0.93922600766233832</v>
      </c>
    </row>
    <row r="61808" spans="1:7" x14ac:dyDescent="0.3">
      <c r="A61808" s="13" t="s">
        <v>332</v>
      </c>
      <c r="B61808" s="14" t="s">
        <v>1</v>
      </c>
      <c r="C61808" s="14" t="s">
        <v>150</v>
      </c>
      <c r="D61808" s="14" t="s">
        <v>333</v>
      </c>
      <c r="E61808" s="15">
        <v>45499</v>
      </c>
      <c r="F61808" s="14" t="s">
        <v>61</v>
      </c>
      <c r="G61808" s="16">
        <v>0.94429719710400017</v>
      </c>
    </row>
    <row r="61809" spans="1:7" x14ac:dyDescent="0.3">
      <c r="A61809" s="13" t="s">
        <v>332</v>
      </c>
      <c r="B61809" s="14" t="s">
        <v>1</v>
      </c>
      <c r="C61809" s="14" t="s">
        <v>150</v>
      </c>
      <c r="D61809" s="14" t="s">
        <v>333</v>
      </c>
      <c r="E61809" s="15">
        <v>45500</v>
      </c>
      <c r="F61809" s="14" t="s">
        <v>61</v>
      </c>
      <c r="G61809" s="16">
        <v>0.94429719710400017</v>
      </c>
    </row>
    <row r="61810" spans="1:7" x14ac:dyDescent="0.3">
      <c r="A61810" s="13" t="s">
        <v>332</v>
      </c>
      <c r="B61810" s="14" t="s">
        <v>1</v>
      </c>
      <c r="C61810" s="14" t="s">
        <v>150</v>
      </c>
      <c r="D61810" s="14" t="s">
        <v>333</v>
      </c>
      <c r="E61810" s="15">
        <v>45501</v>
      </c>
      <c r="F61810" s="14" t="s">
        <v>61</v>
      </c>
      <c r="G61810" s="16">
        <v>0.94429719710400017</v>
      </c>
    </row>
    <row r="61811" spans="1:7" x14ac:dyDescent="0.3">
      <c r="A61811" s="13" t="s">
        <v>332</v>
      </c>
      <c r="B61811" s="14" t="s">
        <v>1</v>
      </c>
      <c r="C61811" s="14" t="s">
        <v>150</v>
      </c>
      <c r="D61811" s="14" t="s">
        <v>333</v>
      </c>
      <c r="E61811" s="15">
        <v>45502</v>
      </c>
      <c r="F61811" s="14" t="s">
        <v>61</v>
      </c>
      <c r="G61811" s="16">
        <v>0.9494108691511588</v>
      </c>
    </row>
    <row r="61812" spans="1:7" x14ac:dyDescent="0.3">
      <c r="A61812" s="13" t="s">
        <v>332</v>
      </c>
      <c r="B61812" s="14" t="s">
        <v>1</v>
      </c>
      <c r="C61812" s="14" t="s">
        <v>150</v>
      </c>
      <c r="D61812" s="14" t="s">
        <v>333</v>
      </c>
      <c r="E61812" s="15">
        <v>45503</v>
      </c>
      <c r="F61812" s="14" t="s">
        <v>61</v>
      </c>
      <c r="G61812" s="16">
        <v>0.96472836504872628</v>
      </c>
    </row>
    <row r="61813" spans="1:7" x14ac:dyDescent="0.3">
      <c r="A61813" s="13" t="s">
        <v>332</v>
      </c>
      <c r="B61813" s="14" t="s">
        <v>1</v>
      </c>
      <c r="C61813" s="14" t="s">
        <v>150</v>
      </c>
      <c r="D61813" s="14" t="s">
        <v>333</v>
      </c>
      <c r="E61813" s="15">
        <v>45504</v>
      </c>
      <c r="F61813" s="14" t="s">
        <v>61</v>
      </c>
      <c r="G61813" s="16">
        <v>0.97602133117834777</v>
      </c>
    </row>
    <row r="61814" spans="1:7" x14ac:dyDescent="0.3">
      <c r="A61814" s="13" t="s">
        <v>332</v>
      </c>
      <c r="B61814" s="14" t="s">
        <v>1</v>
      </c>
      <c r="C61814" s="14" t="s">
        <v>150</v>
      </c>
      <c r="D61814" s="14" t="s">
        <v>333</v>
      </c>
      <c r="E61814" s="15">
        <v>45505</v>
      </c>
      <c r="F61814" s="14" t="s">
        <v>61</v>
      </c>
      <c r="G61814" s="16">
        <v>0.97602133117834777</v>
      </c>
    </row>
    <row r="61815" spans="1:7" x14ac:dyDescent="0.3">
      <c r="A61815" s="13" t="s">
        <v>332</v>
      </c>
      <c r="B61815" s="14" t="s">
        <v>1</v>
      </c>
      <c r="C61815" s="14" t="s">
        <v>150</v>
      </c>
      <c r="D61815" s="14" t="s">
        <v>333</v>
      </c>
      <c r="E61815" s="15">
        <v>45506</v>
      </c>
      <c r="F61815" s="14" t="s">
        <v>61</v>
      </c>
      <c r="G61815" s="16">
        <v>0.98112147325601551</v>
      </c>
    </row>
    <row r="61816" spans="1:7" x14ac:dyDescent="0.3">
      <c r="A61816" s="13" t="s">
        <v>332</v>
      </c>
      <c r="B61816" s="14" t="s">
        <v>1</v>
      </c>
      <c r="C61816" s="14" t="s">
        <v>150</v>
      </c>
      <c r="D61816" s="14" t="s">
        <v>333</v>
      </c>
      <c r="E61816" s="15">
        <v>45507</v>
      </c>
      <c r="F61816" s="14" t="s">
        <v>61</v>
      </c>
      <c r="G61816" s="16">
        <v>0.98112147325601551</v>
      </c>
    </row>
    <row r="61817" spans="1:7" x14ac:dyDescent="0.3">
      <c r="A61817" s="13" t="s">
        <v>332</v>
      </c>
      <c r="B61817" s="14" t="s">
        <v>1</v>
      </c>
      <c r="C61817" s="14" t="s">
        <v>150</v>
      </c>
      <c r="D61817" s="14" t="s">
        <v>333</v>
      </c>
      <c r="E61817" s="15">
        <v>45508</v>
      </c>
      <c r="F61817" s="14" t="s">
        <v>61</v>
      </c>
      <c r="G61817" s="16">
        <v>0.98112147325601551</v>
      </c>
    </row>
    <row r="61818" spans="1:7" x14ac:dyDescent="0.3">
      <c r="A61818" s="13" t="s">
        <v>332</v>
      </c>
      <c r="B61818" s="14" t="s">
        <v>1</v>
      </c>
      <c r="C61818" s="14" t="s">
        <v>150</v>
      </c>
      <c r="D61818" s="14" t="s">
        <v>333</v>
      </c>
      <c r="E61818" s="15">
        <v>45509</v>
      </c>
      <c r="F61818" s="14" t="s">
        <v>61</v>
      </c>
      <c r="G61818" s="16">
        <v>0.98112147325601551</v>
      </c>
    </row>
    <row r="61819" spans="1:7" x14ac:dyDescent="0.3">
      <c r="A61819" s="13" t="s">
        <v>332</v>
      </c>
      <c r="B61819" s="14" t="s">
        <v>1</v>
      </c>
      <c r="C61819" s="14" t="s">
        <v>150</v>
      </c>
      <c r="D61819" s="14" t="s">
        <v>333</v>
      </c>
      <c r="E61819" s="15">
        <v>45510</v>
      </c>
      <c r="F61819" s="14" t="s">
        <v>61</v>
      </c>
      <c r="G61819" s="16">
        <v>0.99987603477449261</v>
      </c>
    </row>
    <row r="61820" spans="1:7" x14ac:dyDescent="0.3">
      <c r="A61820" s="13" t="s">
        <v>332</v>
      </c>
      <c r="B61820" s="14" t="s">
        <v>1</v>
      </c>
      <c r="C61820" s="14" t="s">
        <v>150</v>
      </c>
      <c r="D61820" s="14" t="s">
        <v>333</v>
      </c>
      <c r="E61820" s="15">
        <v>45511</v>
      </c>
      <c r="F61820" s="14" t="s">
        <v>61</v>
      </c>
      <c r="G61820" s="16">
        <v>1.0622693379413217</v>
      </c>
    </row>
    <row r="61821" spans="1:7" x14ac:dyDescent="0.3">
      <c r="A61821" s="13" t="s">
        <v>332</v>
      </c>
      <c r="B61821" s="14" t="s">
        <v>1</v>
      </c>
      <c r="C61821" s="14" t="s">
        <v>150</v>
      </c>
      <c r="D61821" s="14" t="s">
        <v>333</v>
      </c>
      <c r="E61821" s="15">
        <v>45512</v>
      </c>
      <c r="F61821" s="14" t="s">
        <v>61</v>
      </c>
      <c r="G61821" s="16">
        <v>1.0673202468791589</v>
      </c>
    </row>
    <row r="61822" spans="1:7" x14ac:dyDescent="0.3">
      <c r="A61822" s="13" t="s">
        <v>332</v>
      </c>
      <c r="B61822" s="14" t="s">
        <v>1</v>
      </c>
      <c r="C61822" s="14" t="s">
        <v>150</v>
      </c>
      <c r="D61822" s="14" t="s">
        <v>333</v>
      </c>
      <c r="E61822" s="15">
        <v>45513</v>
      </c>
      <c r="F61822" s="14" t="s">
        <v>61</v>
      </c>
      <c r="G61822" s="16">
        <v>1.0723688379170315</v>
      </c>
    </row>
    <row r="61823" spans="1:7" x14ac:dyDescent="0.3">
      <c r="A61823" s="13" t="s">
        <v>332</v>
      </c>
      <c r="B61823" s="14" t="s">
        <v>1</v>
      </c>
      <c r="C61823" s="14" t="s">
        <v>150</v>
      </c>
      <c r="D61823" s="14" t="s">
        <v>333</v>
      </c>
      <c r="E61823" s="15">
        <v>45514</v>
      </c>
      <c r="F61823" s="14" t="s">
        <v>61</v>
      </c>
      <c r="G61823" s="16">
        <v>1.0723688379170315</v>
      </c>
    </row>
    <row r="61824" spans="1:7" x14ac:dyDescent="0.3">
      <c r="A61824" s="13" t="s">
        <v>332</v>
      </c>
      <c r="B61824" s="14" t="s">
        <v>1</v>
      </c>
      <c r="C61824" s="14" t="s">
        <v>150</v>
      </c>
      <c r="D61824" s="14" t="s">
        <v>333</v>
      </c>
      <c r="E61824" s="15">
        <v>45515</v>
      </c>
      <c r="F61824" s="14" t="s">
        <v>61</v>
      </c>
      <c r="G61824" s="16">
        <v>1.0723688379170315</v>
      </c>
    </row>
    <row r="61825" spans="1:7" x14ac:dyDescent="0.3">
      <c r="A61825" s="13" t="s">
        <v>332</v>
      </c>
      <c r="B61825" s="14" t="s">
        <v>1</v>
      </c>
      <c r="C61825" s="14" t="s">
        <v>150</v>
      </c>
      <c r="D61825" s="14" t="s">
        <v>333</v>
      </c>
      <c r="E61825" s="15">
        <v>45516</v>
      </c>
      <c r="F61825" s="14" t="s">
        <v>61</v>
      </c>
      <c r="G61825" s="16">
        <v>1.0785697672225314</v>
      </c>
    </row>
    <row r="61826" spans="1:7" x14ac:dyDescent="0.3">
      <c r="A61826" s="13" t="s">
        <v>332</v>
      </c>
      <c r="B61826" s="14" t="s">
        <v>1</v>
      </c>
      <c r="C61826" s="14" t="s">
        <v>150</v>
      </c>
      <c r="D61826" s="14" t="s">
        <v>333</v>
      </c>
      <c r="E61826" s="15">
        <v>45517</v>
      </c>
      <c r="F61826" s="14" t="s">
        <v>61</v>
      </c>
      <c r="G61826" s="16">
        <v>1.0937897592852146</v>
      </c>
    </row>
    <row r="61827" spans="1:7" x14ac:dyDescent="0.3">
      <c r="A61827" s="13" t="s">
        <v>332</v>
      </c>
      <c r="B61827" s="14" t="s">
        <v>1</v>
      </c>
      <c r="C61827" s="14" t="s">
        <v>150</v>
      </c>
      <c r="D61827" s="14" t="s">
        <v>333</v>
      </c>
      <c r="E61827" s="15">
        <v>45518</v>
      </c>
      <c r="F61827" s="14" t="s">
        <v>61</v>
      </c>
      <c r="G61827" s="16">
        <v>1.0986818289633882</v>
      </c>
    </row>
    <row r="61828" spans="1:7" x14ac:dyDescent="0.3">
      <c r="A61828" s="13" t="s">
        <v>332</v>
      </c>
      <c r="B61828" s="14" t="s">
        <v>1</v>
      </c>
      <c r="C61828" s="14" t="s">
        <v>150</v>
      </c>
      <c r="D61828" s="14" t="s">
        <v>333</v>
      </c>
      <c r="E61828" s="15">
        <v>45519</v>
      </c>
      <c r="F61828" s="14" t="s">
        <v>61</v>
      </c>
      <c r="G61828" s="16">
        <v>1.1042285267984195</v>
      </c>
    </row>
    <row r="61829" spans="1:7" x14ac:dyDescent="0.3">
      <c r="A61829" s="13" t="s">
        <v>332</v>
      </c>
      <c r="B61829" s="14" t="s">
        <v>1</v>
      </c>
      <c r="C61829" s="14" t="s">
        <v>150</v>
      </c>
      <c r="D61829" s="14" t="s">
        <v>333</v>
      </c>
      <c r="E61829" s="15">
        <v>45520</v>
      </c>
      <c r="F61829" s="14" t="s">
        <v>61</v>
      </c>
      <c r="G61829" s="16">
        <v>1.109730306070092</v>
      </c>
    </row>
    <row r="61830" spans="1:7" x14ac:dyDescent="0.3">
      <c r="A61830" s="13" t="s">
        <v>332</v>
      </c>
      <c r="B61830" s="14" t="s">
        <v>1</v>
      </c>
      <c r="C61830" s="14" t="s">
        <v>150</v>
      </c>
      <c r="D61830" s="14" t="s">
        <v>333</v>
      </c>
      <c r="E61830" s="15">
        <v>45521</v>
      </c>
      <c r="F61830" s="14" t="s">
        <v>61</v>
      </c>
      <c r="G61830" s="16">
        <v>1.109730306070092</v>
      </c>
    </row>
    <row r="61831" spans="1:7" x14ac:dyDescent="0.3">
      <c r="A61831" s="13" t="s">
        <v>332</v>
      </c>
      <c r="B61831" s="14" t="s">
        <v>1</v>
      </c>
      <c r="C61831" s="14" t="s">
        <v>150</v>
      </c>
      <c r="D61831" s="14" t="s">
        <v>333</v>
      </c>
      <c r="E61831" s="15">
        <v>45522</v>
      </c>
      <c r="F61831" s="14" t="s">
        <v>61</v>
      </c>
      <c r="G61831" s="16">
        <v>1.109730306070092</v>
      </c>
    </row>
    <row r="61832" spans="1:7" x14ac:dyDescent="0.3">
      <c r="A61832" s="13" t="s">
        <v>332</v>
      </c>
      <c r="B61832" s="14" t="s">
        <v>1</v>
      </c>
      <c r="C61832" s="14" t="s">
        <v>150</v>
      </c>
      <c r="D61832" s="14" t="s">
        <v>333</v>
      </c>
      <c r="E61832" s="15">
        <v>45523</v>
      </c>
      <c r="F61832" s="14" t="s">
        <v>61</v>
      </c>
      <c r="G61832" s="16">
        <v>1.1145330330680541</v>
      </c>
    </row>
    <row r="61833" spans="1:7" x14ac:dyDescent="0.3">
      <c r="A61833" s="13" t="s">
        <v>332</v>
      </c>
      <c r="B61833" s="14" t="s">
        <v>1</v>
      </c>
      <c r="C61833" s="14" t="s">
        <v>150</v>
      </c>
      <c r="D61833" s="14" t="s">
        <v>333</v>
      </c>
      <c r="E61833" s="15">
        <v>45524</v>
      </c>
      <c r="F61833" s="14" t="s">
        <v>61</v>
      </c>
      <c r="G61833" s="16">
        <v>1.1286715186500804</v>
      </c>
    </row>
    <row r="61834" spans="1:7" x14ac:dyDescent="0.3">
      <c r="A61834" s="13" t="s">
        <v>332</v>
      </c>
      <c r="B61834" s="14" t="s">
        <v>1</v>
      </c>
      <c r="C61834" s="14" t="s">
        <v>150</v>
      </c>
      <c r="D61834" s="14" t="s">
        <v>333</v>
      </c>
      <c r="E61834" s="15">
        <v>45525</v>
      </c>
      <c r="F61834" s="14" t="s">
        <v>61</v>
      </c>
      <c r="G61834" s="16">
        <v>1.1319523458355709</v>
      </c>
    </row>
    <row r="61835" spans="1:7" x14ac:dyDescent="0.3">
      <c r="A61835" s="13" t="s">
        <v>332</v>
      </c>
      <c r="B61835" s="14" t="s">
        <v>1</v>
      </c>
      <c r="C61835" s="14" t="s">
        <v>150</v>
      </c>
      <c r="D61835" s="14" t="s">
        <v>333</v>
      </c>
      <c r="E61835" s="15">
        <v>45526</v>
      </c>
      <c r="F61835" s="14" t="s">
        <v>61</v>
      </c>
      <c r="G61835" s="16">
        <v>1.1425359026035713</v>
      </c>
    </row>
    <row r="61836" spans="1:7" x14ac:dyDescent="0.3">
      <c r="A61836" s="13" t="s">
        <v>332</v>
      </c>
      <c r="B61836" s="14" t="s">
        <v>1</v>
      </c>
      <c r="C61836" s="14" t="s">
        <v>150</v>
      </c>
      <c r="D61836" s="14" t="s">
        <v>333</v>
      </c>
      <c r="E61836" s="15">
        <v>45527</v>
      </c>
      <c r="F61836" s="14" t="s">
        <v>61</v>
      </c>
      <c r="G61836" s="16">
        <v>1.1471324013545754</v>
      </c>
    </row>
    <row r="61837" spans="1:7" x14ac:dyDescent="0.3">
      <c r="A61837" s="13" t="s">
        <v>332</v>
      </c>
      <c r="B61837" s="14" t="s">
        <v>1</v>
      </c>
      <c r="C61837" s="14" t="s">
        <v>150</v>
      </c>
      <c r="D61837" s="14" t="s">
        <v>333</v>
      </c>
      <c r="E61837" s="15">
        <v>45528</v>
      </c>
      <c r="F61837" s="14" t="s">
        <v>61</v>
      </c>
      <c r="G61837" s="16">
        <v>1.1471324013545754</v>
      </c>
    </row>
    <row r="61838" spans="1:7" x14ac:dyDescent="0.3">
      <c r="A61838" s="13" t="s">
        <v>332</v>
      </c>
      <c r="B61838" s="14" t="s">
        <v>1</v>
      </c>
      <c r="C61838" s="14" t="s">
        <v>150</v>
      </c>
      <c r="D61838" s="14" t="s">
        <v>333</v>
      </c>
      <c r="E61838" s="15">
        <v>45529</v>
      </c>
      <c r="F61838" s="14" t="s">
        <v>61</v>
      </c>
      <c r="G61838" s="16">
        <v>1.1471324013545754</v>
      </c>
    </row>
    <row r="61839" spans="1:7" x14ac:dyDescent="0.3">
      <c r="A61839" s="13" t="s">
        <v>332</v>
      </c>
      <c r="B61839" s="14" t="s">
        <v>1</v>
      </c>
      <c r="C61839" s="14" t="s">
        <v>150</v>
      </c>
      <c r="D61839" s="14" t="s">
        <v>333</v>
      </c>
      <c r="E61839" s="15">
        <v>45530</v>
      </c>
      <c r="F61839" s="14" t="s">
        <v>61</v>
      </c>
      <c r="G61839" s="16">
        <v>1.1517567428471038</v>
      </c>
    </row>
    <row r="61840" spans="1:7" x14ac:dyDescent="0.3">
      <c r="A61840" s="13" t="s">
        <v>332</v>
      </c>
      <c r="B61840" s="14" t="s">
        <v>1</v>
      </c>
      <c r="C61840" s="14" t="s">
        <v>150</v>
      </c>
      <c r="D61840" s="14" t="s">
        <v>333</v>
      </c>
      <c r="E61840" s="15">
        <v>45531</v>
      </c>
      <c r="F61840" s="14" t="s">
        <v>61</v>
      </c>
      <c r="G61840" s="16">
        <v>1.1655469275974382</v>
      </c>
    </row>
    <row r="61841" spans="1:7" x14ac:dyDescent="0.3">
      <c r="A61841" s="13" t="s">
        <v>332</v>
      </c>
      <c r="B61841" s="14" t="s">
        <v>1</v>
      </c>
      <c r="C61841" s="14" t="s">
        <v>150</v>
      </c>
      <c r="D61841" s="14" t="s">
        <v>333</v>
      </c>
      <c r="E61841" s="15">
        <v>45532</v>
      </c>
      <c r="F61841" s="14" t="s">
        <v>61</v>
      </c>
      <c r="G61841" s="16">
        <v>1.1771005899409033</v>
      </c>
    </row>
    <row r="61842" spans="1:7" x14ac:dyDescent="0.3">
      <c r="A61842" s="13" t="s">
        <v>332</v>
      </c>
      <c r="B61842" s="14" t="s">
        <v>1</v>
      </c>
      <c r="C61842" s="14" t="s">
        <v>150</v>
      </c>
      <c r="D61842" s="14" t="s">
        <v>333</v>
      </c>
      <c r="E61842" s="15">
        <v>45533</v>
      </c>
      <c r="F61842" s="14" t="s">
        <v>61</v>
      </c>
      <c r="G61842" s="16">
        <v>1.1817533262827633</v>
      </c>
    </row>
    <row r="61843" spans="1:7" x14ac:dyDescent="0.3">
      <c r="A61843" s="13" t="s">
        <v>332</v>
      </c>
      <c r="B61843" s="14" t="s">
        <v>1</v>
      </c>
      <c r="C61843" s="14" t="s">
        <v>150</v>
      </c>
      <c r="D61843" s="14" t="s">
        <v>333</v>
      </c>
      <c r="E61843" s="15">
        <v>45534</v>
      </c>
      <c r="F61843" s="14" t="s">
        <v>61</v>
      </c>
      <c r="G61843" s="16">
        <v>1.1864937357681378</v>
      </c>
    </row>
    <row r="61844" spans="1:7" x14ac:dyDescent="0.3">
      <c r="A61844" s="13" t="s">
        <v>332</v>
      </c>
      <c r="B61844" s="14" t="s">
        <v>1</v>
      </c>
      <c r="C61844" s="14" t="s">
        <v>150</v>
      </c>
      <c r="D61844" s="14" t="s">
        <v>333</v>
      </c>
      <c r="E61844" s="15">
        <v>45535</v>
      </c>
      <c r="F61844" s="14" t="s">
        <v>61</v>
      </c>
      <c r="G61844" s="16">
        <v>1.1864937357681378</v>
      </c>
    </row>
    <row r="61845" spans="1:7" x14ac:dyDescent="0.3">
      <c r="A61845" s="13" t="s">
        <v>332</v>
      </c>
      <c r="B61845" s="14" t="s">
        <v>1</v>
      </c>
      <c r="C61845" s="14" t="s">
        <v>150</v>
      </c>
      <c r="D61845" s="14" t="s">
        <v>333</v>
      </c>
      <c r="E61845" s="15">
        <v>45536</v>
      </c>
      <c r="F61845" s="14" t="s">
        <v>61</v>
      </c>
      <c r="G61845" s="16">
        <v>1.1864937357681378</v>
      </c>
    </row>
    <row r="61846" spans="1:7" x14ac:dyDescent="0.3">
      <c r="A61846" s="13" t="s">
        <v>332</v>
      </c>
      <c r="B61846" s="14" t="s">
        <v>1</v>
      </c>
      <c r="C61846" s="14" t="s">
        <v>150</v>
      </c>
      <c r="D61846" s="14" t="s">
        <v>333</v>
      </c>
      <c r="E61846" s="15">
        <v>45537</v>
      </c>
      <c r="F61846" s="14" t="s">
        <v>61</v>
      </c>
      <c r="G61846" s="16">
        <v>1.1912165487011752</v>
      </c>
    </row>
    <row r="61847" spans="1:7" x14ac:dyDescent="0.3">
      <c r="A61847" s="13" t="s">
        <v>332</v>
      </c>
      <c r="B61847" s="14" t="s">
        <v>1</v>
      </c>
      <c r="C61847" s="14" t="s">
        <v>150</v>
      </c>
      <c r="D61847" s="14" t="s">
        <v>333</v>
      </c>
      <c r="E61847" s="15">
        <v>45538</v>
      </c>
      <c r="F61847" s="14" t="s">
        <v>61</v>
      </c>
      <c r="G61847" s="16">
        <v>1.2145391866912896</v>
      </c>
    </row>
    <row r="61848" spans="1:7" x14ac:dyDescent="0.3">
      <c r="A61848" s="13" t="s">
        <v>332</v>
      </c>
      <c r="B61848" s="14" t="s">
        <v>1</v>
      </c>
      <c r="C61848" s="14" t="s">
        <v>150</v>
      </c>
      <c r="D61848" s="14" t="s">
        <v>333</v>
      </c>
      <c r="E61848" s="15">
        <v>45539</v>
      </c>
      <c r="F61848" s="14" t="s">
        <v>61</v>
      </c>
      <c r="G61848" s="16">
        <v>1.2188659137315043</v>
      </c>
    </row>
    <row r="61849" spans="1:7" x14ac:dyDescent="0.3">
      <c r="A61849" s="13" t="s">
        <v>332</v>
      </c>
      <c r="B61849" s="14" t="s">
        <v>1</v>
      </c>
      <c r="C61849" s="14" t="s">
        <v>150</v>
      </c>
      <c r="D61849" s="14" t="s">
        <v>333</v>
      </c>
      <c r="E61849" s="15">
        <v>45540</v>
      </c>
      <c r="F61849" s="14" t="s">
        <v>61</v>
      </c>
      <c r="G61849" s="16">
        <v>1.2340356170905744</v>
      </c>
    </row>
    <row r="61850" spans="1:7" x14ac:dyDescent="0.3">
      <c r="A61850" s="13" t="s">
        <v>332</v>
      </c>
      <c r="B61850" s="14" t="s">
        <v>1</v>
      </c>
      <c r="C61850" s="14" t="s">
        <v>150</v>
      </c>
      <c r="D61850" s="14" t="s">
        <v>333</v>
      </c>
      <c r="E61850" s="15">
        <v>45541</v>
      </c>
      <c r="F61850" s="14" t="s">
        <v>61</v>
      </c>
      <c r="G61850" s="16">
        <v>1.2387402949975423</v>
      </c>
    </row>
    <row r="61851" spans="1:7" x14ac:dyDescent="0.3">
      <c r="A61851" s="13" t="s">
        <v>332</v>
      </c>
      <c r="B61851" s="14" t="s">
        <v>1</v>
      </c>
      <c r="C61851" s="14" t="s">
        <v>150</v>
      </c>
      <c r="D61851" s="14" t="s">
        <v>333</v>
      </c>
      <c r="E61851" s="15">
        <v>45542</v>
      </c>
      <c r="F61851" s="14" t="s">
        <v>61</v>
      </c>
      <c r="G61851" s="16">
        <v>1.2387402949975423</v>
      </c>
    </row>
    <row r="61852" spans="1:7" x14ac:dyDescent="0.3">
      <c r="A61852" s="13" t="s">
        <v>332</v>
      </c>
      <c r="B61852" s="14" t="s">
        <v>1</v>
      </c>
      <c r="C61852" s="14" t="s">
        <v>150</v>
      </c>
      <c r="D61852" s="14" t="s">
        <v>333</v>
      </c>
      <c r="E61852" s="15">
        <v>45543</v>
      </c>
      <c r="F61852" s="14" t="s">
        <v>61</v>
      </c>
      <c r="G61852" s="16">
        <v>1.2387402949975423</v>
      </c>
    </row>
    <row r="61853" spans="1:7" x14ac:dyDescent="0.3">
      <c r="A61853" s="13" t="s">
        <v>332</v>
      </c>
      <c r="B61853" s="14" t="s">
        <v>1</v>
      </c>
      <c r="C61853" s="14" t="s">
        <v>150</v>
      </c>
      <c r="D61853" s="14" t="s">
        <v>333</v>
      </c>
      <c r="E61853" s="15">
        <v>45544</v>
      </c>
      <c r="F61853" s="14" t="s">
        <v>61</v>
      </c>
      <c r="G61853" s="16">
        <v>1.243541826883422</v>
      </c>
    </row>
    <row r="61854" spans="1:7" x14ac:dyDescent="0.3">
      <c r="A61854" s="13" t="s">
        <v>332</v>
      </c>
      <c r="B61854" s="14" t="s">
        <v>1</v>
      </c>
      <c r="C61854" s="14" t="s">
        <v>150</v>
      </c>
      <c r="D61854" s="14" t="s">
        <v>333</v>
      </c>
      <c r="E61854" s="15">
        <v>45545</v>
      </c>
      <c r="F61854" s="14" t="s">
        <v>61</v>
      </c>
      <c r="G61854" s="16">
        <v>1.2578625552631075</v>
      </c>
    </row>
    <row r="61855" spans="1:7" x14ac:dyDescent="0.3">
      <c r="A61855" s="13" t="s">
        <v>332</v>
      </c>
      <c r="B61855" s="14" t="s">
        <v>1</v>
      </c>
      <c r="C61855" s="14" t="s">
        <v>150</v>
      </c>
      <c r="D61855" s="14" t="s">
        <v>333</v>
      </c>
      <c r="E61855" s="15">
        <v>45546</v>
      </c>
      <c r="F61855" s="14" t="s">
        <v>61</v>
      </c>
      <c r="G61855" s="16">
        <v>1.2636652139871511</v>
      </c>
    </row>
    <row r="61856" spans="1:7" x14ac:dyDescent="0.3">
      <c r="A61856" s="13" t="s">
        <v>332</v>
      </c>
      <c r="B61856" s="14" t="s">
        <v>1</v>
      </c>
      <c r="C61856" s="14" t="s">
        <v>150</v>
      </c>
      <c r="D61856" s="14" t="s">
        <v>333</v>
      </c>
      <c r="E61856" s="15">
        <v>45547</v>
      </c>
      <c r="F61856" s="14" t="s">
        <v>61</v>
      </c>
      <c r="G61856" s="16">
        <v>1.2684463880593082</v>
      </c>
    </row>
    <row r="61857" spans="1:7" x14ac:dyDescent="0.3">
      <c r="A61857" s="13" t="s">
        <v>332</v>
      </c>
      <c r="B61857" s="14" t="s">
        <v>1</v>
      </c>
      <c r="C61857" s="14" t="s">
        <v>150</v>
      </c>
      <c r="D61857" s="14" t="s">
        <v>333</v>
      </c>
      <c r="E61857" s="15">
        <v>45548</v>
      </c>
      <c r="F61857" s="14" t="s">
        <v>61</v>
      </c>
      <c r="G61857" s="16">
        <v>1.2751673105632761</v>
      </c>
    </row>
    <row r="61858" spans="1:7" x14ac:dyDescent="0.3">
      <c r="A61858" s="13" t="s">
        <v>332</v>
      </c>
      <c r="B61858" s="14" t="s">
        <v>1</v>
      </c>
      <c r="C61858" s="14" t="s">
        <v>150</v>
      </c>
      <c r="D61858" s="14" t="s">
        <v>333</v>
      </c>
      <c r="E61858" s="15">
        <v>45549</v>
      </c>
      <c r="F61858" s="14" t="s">
        <v>61</v>
      </c>
      <c r="G61858" s="16">
        <v>1.2751673105632761</v>
      </c>
    </row>
    <row r="61859" spans="1:7" x14ac:dyDescent="0.3">
      <c r="A61859" s="13" t="s">
        <v>332</v>
      </c>
      <c r="B61859" s="14" t="s">
        <v>1</v>
      </c>
      <c r="C61859" s="14" t="s">
        <v>150</v>
      </c>
      <c r="D61859" s="14" t="s">
        <v>333</v>
      </c>
      <c r="E61859" s="15">
        <v>45550</v>
      </c>
      <c r="F61859" s="14" t="s">
        <v>61</v>
      </c>
      <c r="G61859" s="16">
        <v>1.2751673105632761</v>
      </c>
    </row>
    <row r="61860" spans="1:7" x14ac:dyDescent="0.3">
      <c r="A61860" s="13" t="s">
        <v>332</v>
      </c>
      <c r="B61860" s="14" t="s">
        <v>1</v>
      </c>
      <c r="C61860" s="14" t="s">
        <v>150</v>
      </c>
      <c r="D61860" s="14" t="s">
        <v>333</v>
      </c>
      <c r="E61860" s="15">
        <v>45551</v>
      </c>
      <c r="F61860" s="14" t="s">
        <v>61</v>
      </c>
      <c r="G61860" s="16">
        <v>1.2798488566174173</v>
      </c>
    </row>
    <row r="61861" spans="1:7" x14ac:dyDescent="0.3">
      <c r="A61861" s="13" t="s">
        <v>332</v>
      </c>
      <c r="B61861" s="14" t="s">
        <v>1</v>
      </c>
      <c r="C61861" s="14" t="s">
        <v>150</v>
      </c>
      <c r="D61861" s="14" t="s">
        <v>333</v>
      </c>
      <c r="E61861" s="15">
        <v>45552</v>
      </c>
      <c r="F61861" s="14" t="s">
        <v>61</v>
      </c>
      <c r="G61861" s="16">
        <v>1.2953803489445865</v>
      </c>
    </row>
    <row r="61862" spans="1:7" x14ac:dyDescent="0.3">
      <c r="A61862" s="13" t="s">
        <v>332</v>
      </c>
      <c r="B61862" s="14" t="s">
        <v>1</v>
      </c>
      <c r="C61862" s="14" t="s">
        <v>150</v>
      </c>
      <c r="D61862" s="14" t="s">
        <v>333</v>
      </c>
      <c r="E61862" s="15">
        <v>45553</v>
      </c>
      <c r="F61862" s="14" t="s">
        <v>61</v>
      </c>
      <c r="G61862" s="16">
        <v>1.3000130296502705</v>
      </c>
    </row>
    <row r="61863" spans="1:7" x14ac:dyDescent="0.3">
      <c r="A61863" s="13" t="s">
        <v>332</v>
      </c>
      <c r="B61863" s="14" t="s">
        <v>1</v>
      </c>
      <c r="C61863" s="14" t="s">
        <v>150</v>
      </c>
      <c r="D61863" s="14" t="s">
        <v>333</v>
      </c>
      <c r="E61863" s="15">
        <v>45554</v>
      </c>
      <c r="F61863" s="14" t="s">
        <v>61</v>
      </c>
      <c r="G61863" s="16">
        <v>1.3008939970855486</v>
      </c>
    </row>
    <row r="61864" spans="1:7" x14ac:dyDescent="0.3">
      <c r="A61864" s="13" t="s">
        <v>332</v>
      </c>
      <c r="B61864" s="14" t="s">
        <v>1</v>
      </c>
      <c r="C61864" s="14" t="s">
        <v>150</v>
      </c>
      <c r="D61864" s="14" t="s">
        <v>333</v>
      </c>
      <c r="E61864" s="15">
        <v>45555</v>
      </c>
      <c r="F61864" s="14" t="s">
        <v>61</v>
      </c>
      <c r="G61864" s="16">
        <v>1.3082415872403916</v>
      </c>
    </row>
    <row r="61865" spans="1:7" x14ac:dyDescent="0.3">
      <c r="A61865" s="13" t="s">
        <v>332</v>
      </c>
      <c r="B61865" s="14" t="s">
        <v>1</v>
      </c>
      <c r="C61865" s="14" t="s">
        <v>150</v>
      </c>
      <c r="D61865" s="14" t="s">
        <v>333</v>
      </c>
      <c r="E61865" s="15">
        <v>45556</v>
      </c>
      <c r="F61865" s="14" t="s">
        <v>61</v>
      </c>
      <c r="G61865" s="16">
        <v>1.3082415872403916</v>
      </c>
    </row>
    <row r="61866" spans="1:7" x14ac:dyDescent="0.3">
      <c r="A61866" s="13" t="s">
        <v>332</v>
      </c>
      <c r="B61866" s="14" t="s">
        <v>1</v>
      </c>
      <c r="C61866" s="14" t="s">
        <v>150</v>
      </c>
      <c r="D61866" s="14" t="s">
        <v>333</v>
      </c>
      <c r="E61866" s="15">
        <v>45557</v>
      </c>
      <c r="F61866" s="14" t="s">
        <v>61</v>
      </c>
      <c r="G61866" s="16">
        <v>1.3082415872403916</v>
      </c>
    </row>
    <row r="61867" spans="1:7" x14ac:dyDescent="0.3">
      <c r="A61867" s="13" t="s">
        <v>332</v>
      </c>
      <c r="B61867" s="14" t="s">
        <v>1</v>
      </c>
      <c r="C61867" s="14" t="s">
        <v>150</v>
      </c>
      <c r="D61867" s="14" t="s">
        <v>333</v>
      </c>
      <c r="E61867" s="15">
        <v>45558</v>
      </c>
      <c r="F61867" s="14" t="s">
        <v>61</v>
      </c>
      <c r="G61867" s="16">
        <v>1.3092375678067771</v>
      </c>
    </row>
    <row r="61868" spans="1:7" x14ac:dyDescent="0.3">
      <c r="A61868" s="13" t="s">
        <v>332</v>
      </c>
      <c r="B61868" s="14" t="s">
        <v>1</v>
      </c>
      <c r="C61868" s="14" t="s">
        <v>150</v>
      </c>
      <c r="D61868" s="14" t="s">
        <v>333</v>
      </c>
      <c r="E61868" s="15">
        <v>45559</v>
      </c>
      <c r="F61868" s="14" t="s">
        <v>61</v>
      </c>
      <c r="G61868" s="16">
        <v>1.3224635884562372</v>
      </c>
    </row>
    <row r="61869" spans="1:7" x14ac:dyDescent="0.3">
      <c r="A61869" s="13" t="s">
        <v>332</v>
      </c>
      <c r="B61869" s="14" t="s">
        <v>1</v>
      </c>
      <c r="C61869" s="14" t="s">
        <v>150</v>
      </c>
      <c r="D61869" s="14" t="s">
        <v>333</v>
      </c>
      <c r="E61869" s="15">
        <v>45560</v>
      </c>
      <c r="F61869" s="14" t="s">
        <v>61</v>
      </c>
      <c r="G61869" s="16">
        <v>1.3268677456350366</v>
      </c>
    </row>
    <row r="61870" spans="1:7" x14ac:dyDescent="0.3">
      <c r="A61870" s="13" t="s">
        <v>332</v>
      </c>
      <c r="B61870" s="14" t="s">
        <v>1</v>
      </c>
      <c r="C61870" s="14" t="s">
        <v>150</v>
      </c>
      <c r="D61870" s="14" t="s">
        <v>333</v>
      </c>
      <c r="E61870" s="15">
        <v>45561</v>
      </c>
      <c r="F61870" s="14" t="s">
        <v>61</v>
      </c>
      <c r="G61870" s="16">
        <v>1.3312400931671882</v>
      </c>
    </row>
    <row r="61871" spans="1:7" x14ac:dyDescent="0.3">
      <c r="A61871" s="13" t="s">
        <v>332</v>
      </c>
      <c r="B61871" s="14" t="s">
        <v>1</v>
      </c>
      <c r="C61871" s="14" t="s">
        <v>150</v>
      </c>
      <c r="D61871" s="14" t="s">
        <v>333</v>
      </c>
      <c r="E61871" s="15">
        <v>45562</v>
      </c>
      <c r="F61871" s="14" t="s">
        <v>61</v>
      </c>
      <c r="G61871" s="16">
        <v>1.3499656123696668</v>
      </c>
    </row>
    <row r="61872" spans="1:7" x14ac:dyDescent="0.3">
      <c r="A61872" s="13" t="s">
        <v>332</v>
      </c>
      <c r="B61872" s="14" t="s">
        <v>1</v>
      </c>
      <c r="C61872" s="14" t="s">
        <v>150</v>
      </c>
      <c r="D61872" s="14" t="s">
        <v>333</v>
      </c>
      <c r="E61872" s="15">
        <v>45563</v>
      </c>
      <c r="F61872" s="14" t="s">
        <v>61</v>
      </c>
      <c r="G61872" s="16">
        <v>1.3499656123696668</v>
      </c>
    </row>
    <row r="61873" spans="1:7" x14ac:dyDescent="0.3">
      <c r="A61873" s="13" t="s">
        <v>332</v>
      </c>
      <c r="B61873" s="14" t="s">
        <v>1</v>
      </c>
      <c r="C61873" s="14" t="s">
        <v>150</v>
      </c>
      <c r="D61873" s="14" t="s">
        <v>333</v>
      </c>
      <c r="E61873" s="15">
        <v>45564</v>
      </c>
      <c r="F61873" s="14" t="s">
        <v>61</v>
      </c>
      <c r="G61873" s="16">
        <v>1.3499656123696668</v>
      </c>
    </row>
    <row r="61874" spans="1:7" x14ac:dyDescent="0.3">
      <c r="A61874" s="13" t="s">
        <v>332</v>
      </c>
      <c r="B61874" s="14" t="s">
        <v>1</v>
      </c>
      <c r="C61874" s="14" t="s">
        <v>150</v>
      </c>
      <c r="D61874" s="14" t="s">
        <v>333</v>
      </c>
      <c r="E61874" s="15">
        <v>45565</v>
      </c>
      <c r="F61874" s="14" t="s">
        <v>61</v>
      </c>
      <c r="G61874" s="16">
        <v>1.3558498619899992</v>
      </c>
    </row>
    <row r="61875" spans="1:7" x14ac:dyDescent="0.3">
      <c r="A61875" s="13" t="s">
        <v>332</v>
      </c>
      <c r="B61875" s="14" t="s">
        <v>1</v>
      </c>
      <c r="C61875" s="14" t="s">
        <v>150</v>
      </c>
      <c r="D61875" s="14" t="s">
        <v>333</v>
      </c>
      <c r="E61875" s="15">
        <v>45566</v>
      </c>
      <c r="F61875" s="14" t="s">
        <v>61</v>
      </c>
      <c r="G61875" s="16">
        <v>1.368739207758477</v>
      </c>
    </row>
    <row r="61876" spans="1:7" x14ac:dyDescent="0.3">
      <c r="A61876" s="13" t="s">
        <v>332</v>
      </c>
      <c r="B61876" s="14" t="s">
        <v>1</v>
      </c>
      <c r="C61876" s="14" t="s">
        <v>150</v>
      </c>
      <c r="D61876" s="14" t="s">
        <v>333</v>
      </c>
      <c r="E61876" s="15">
        <v>45567</v>
      </c>
      <c r="F61876" s="14" t="s">
        <v>61</v>
      </c>
      <c r="G61876" s="16">
        <v>1.3821671854534558</v>
      </c>
    </row>
    <row r="61877" spans="1:7" x14ac:dyDescent="0.3">
      <c r="A61877" s="13" t="s">
        <v>332</v>
      </c>
      <c r="B61877" s="14" t="s">
        <v>1</v>
      </c>
      <c r="C61877" s="14" t="s">
        <v>150</v>
      </c>
      <c r="D61877" s="14" t="s">
        <v>333</v>
      </c>
      <c r="E61877" s="15">
        <v>45568</v>
      </c>
      <c r="F61877" s="14" t="s">
        <v>61</v>
      </c>
      <c r="G61877" s="16">
        <v>1.386523969968235</v>
      </c>
    </row>
    <row r="61878" spans="1:7" x14ac:dyDescent="0.3">
      <c r="A61878" s="13" t="s">
        <v>332</v>
      </c>
      <c r="B61878" s="14" t="s">
        <v>1</v>
      </c>
      <c r="C61878" s="14" t="s">
        <v>150</v>
      </c>
      <c r="D61878" s="14" t="s">
        <v>333</v>
      </c>
      <c r="E61878" s="15">
        <v>45569</v>
      </c>
      <c r="F61878" s="14" t="s">
        <v>61</v>
      </c>
      <c r="G61878" s="16">
        <v>1.400854040415775</v>
      </c>
    </row>
    <row r="61879" spans="1:7" x14ac:dyDescent="0.3">
      <c r="A61879" s="13" t="s">
        <v>332</v>
      </c>
      <c r="B61879" s="14" t="s">
        <v>1</v>
      </c>
      <c r="C61879" s="14" t="s">
        <v>150</v>
      </c>
      <c r="D61879" s="14" t="s">
        <v>333</v>
      </c>
      <c r="E61879" s="15">
        <v>45570</v>
      </c>
      <c r="F61879" s="14" t="s">
        <v>61</v>
      </c>
      <c r="G61879" s="16">
        <v>1.400854040415775</v>
      </c>
    </row>
    <row r="61880" spans="1:7" x14ac:dyDescent="0.3">
      <c r="A61880" s="13" t="s">
        <v>332</v>
      </c>
      <c r="B61880" s="14" t="s">
        <v>1</v>
      </c>
      <c r="C61880" s="14" t="s">
        <v>150</v>
      </c>
      <c r="D61880" s="14" t="s">
        <v>333</v>
      </c>
      <c r="E61880" s="15">
        <v>45571</v>
      </c>
      <c r="F61880" s="14" t="s">
        <v>61</v>
      </c>
      <c r="G61880" s="16">
        <v>1.400854040415775</v>
      </c>
    </row>
    <row r="61881" spans="1:7" x14ac:dyDescent="0.3">
      <c r="A61881" s="13" t="s">
        <v>332</v>
      </c>
      <c r="B61881" s="14" t="s">
        <v>1</v>
      </c>
      <c r="C61881" s="14" t="s">
        <v>150</v>
      </c>
      <c r="D61881" s="14" t="s">
        <v>333</v>
      </c>
      <c r="E61881" s="15">
        <v>45572</v>
      </c>
      <c r="F61881" s="14" t="s">
        <v>61</v>
      </c>
      <c r="G61881" s="16">
        <v>1.405274151588247</v>
      </c>
    </row>
    <row r="61882" spans="1:7" x14ac:dyDescent="0.3">
      <c r="A61882" s="13" t="s">
        <v>332</v>
      </c>
      <c r="B61882" s="14" t="s">
        <v>1</v>
      </c>
      <c r="C61882" s="14" t="s">
        <v>150</v>
      </c>
      <c r="D61882" s="14" t="s">
        <v>333</v>
      </c>
      <c r="E61882" s="15">
        <v>45573</v>
      </c>
      <c r="F61882" s="14" t="s">
        <v>61</v>
      </c>
      <c r="G61882" s="16">
        <v>1.4184037237770346</v>
      </c>
    </row>
    <row r="61883" spans="1:7" x14ac:dyDescent="0.3">
      <c r="A61883" s="13" t="s">
        <v>332</v>
      </c>
      <c r="B61883" s="14" t="s">
        <v>1</v>
      </c>
      <c r="C61883" s="14" t="s">
        <v>150</v>
      </c>
      <c r="D61883" s="14" t="s">
        <v>333</v>
      </c>
      <c r="E61883" s="15">
        <v>45574</v>
      </c>
      <c r="F61883" s="14" t="s">
        <v>61</v>
      </c>
      <c r="G61883" s="16">
        <v>1.426129152273043</v>
      </c>
    </row>
    <row r="61884" spans="1:7" x14ac:dyDescent="0.3">
      <c r="A61884" s="13" t="s">
        <v>332</v>
      </c>
      <c r="B61884" s="14" t="s">
        <v>1</v>
      </c>
      <c r="C61884" s="14" t="s">
        <v>150</v>
      </c>
      <c r="D61884" s="14" t="s">
        <v>333</v>
      </c>
      <c r="E61884" s="15">
        <v>45575</v>
      </c>
      <c r="F61884" s="14" t="s">
        <v>61</v>
      </c>
      <c r="G61884" s="16">
        <v>1.4304738298974584</v>
      </c>
    </row>
    <row r="61885" spans="1:7" x14ac:dyDescent="0.3">
      <c r="A61885" s="13" t="s">
        <v>332</v>
      </c>
      <c r="B61885" s="14" t="s">
        <v>1</v>
      </c>
      <c r="C61885" s="14" t="s">
        <v>150</v>
      </c>
      <c r="D61885" s="14" t="s">
        <v>333</v>
      </c>
      <c r="E61885" s="15">
        <v>45576</v>
      </c>
      <c r="F61885" s="14" t="s">
        <v>61</v>
      </c>
      <c r="G61885" s="16">
        <v>1.4357545352585361</v>
      </c>
    </row>
    <row r="61886" spans="1:7" x14ac:dyDescent="0.3">
      <c r="A61886" s="13" t="s">
        <v>332</v>
      </c>
      <c r="B61886" s="14" t="s">
        <v>1</v>
      </c>
      <c r="C61886" s="14" t="s">
        <v>150</v>
      </c>
      <c r="D61886" s="14" t="s">
        <v>333</v>
      </c>
      <c r="E61886" s="15">
        <v>45577</v>
      </c>
      <c r="F61886" s="14" t="s">
        <v>61</v>
      </c>
      <c r="G61886" s="16">
        <v>1.4357545352585361</v>
      </c>
    </row>
    <row r="61887" spans="1:7" x14ac:dyDescent="0.3">
      <c r="A61887" s="13" t="s">
        <v>332</v>
      </c>
      <c r="B61887" s="14" t="s">
        <v>1</v>
      </c>
      <c r="C61887" s="14" t="s">
        <v>150</v>
      </c>
      <c r="D61887" s="14" t="s">
        <v>333</v>
      </c>
      <c r="E61887" s="15">
        <v>45578</v>
      </c>
      <c r="F61887" s="14" t="s">
        <v>61</v>
      </c>
      <c r="G61887" s="16">
        <v>1.4357545352585361</v>
      </c>
    </row>
    <row r="61888" spans="1:7" x14ac:dyDescent="0.3">
      <c r="A61888" s="13" t="s">
        <v>332</v>
      </c>
      <c r="B61888" s="14" t="s">
        <v>1</v>
      </c>
      <c r="C61888" s="14" t="s">
        <v>150</v>
      </c>
      <c r="D61888" s="14" t="s">
        <v>333</v>
      </c>
      <c r="E61888" s="15">
        <v>45579</v>
      </c>
      <c r="F61888" s="14" t="s">
        <v>61</v>
      </c>
      <c r="G61888" s="16">
        <v>1.4400293470386649</v>
      </c>
    </row>
    <row r="61889" spans="1:7" x14ac:dyDescent="0.3">
      <c r="A61889" s="13" t="s">
        <v>332</v>
      </c>
      <c r="B61889" s="14" t="s">
        <v>1</v>
      </c>
      <c r="C61889" s="14" t="s">
        <v>150</v>
      </c>
      <c r="D61889" s="14" t="s">
        <v>333</v>
      </c>
      <c r="E61889" s="15">
        <v>45580</v>
      </c>
      <c r="F61889" s="14" t="s">
        <v>61</v>
      </c>
      <c r="G61889" s="16">
        <v>1.4527173386163825</v>
      </c>
    </row>
    <row r="61890" spans="1:7" x14ac:dyDescent="0.3">
      <c r="A61890" s="13" t="s">
        <v>332</v>
      </c>
      <c r="B61890" s="14" t="s">
        <v>1</v>
      </c>
      <c r="C61890" s="14" t="s">
        <v>150</v>
      </c>
      <c r="D61890" s="14" t="s">
        <v>333</v>
      </c>
      <c r="E61890" s="15">
        <v>45581</v>
      </c>
      <c r="F61890" s="14" t="s">
        <v>61</v>
      </c>
      <c r="G61890" s="16">
        <v>1.4576423468671582</v>
      </c>
    </row>
    <row r="61891" spans="1:7" x14ac:dyDescent="0.3">
      <c r="A61891" s="13" t="s">
        <v>332</v>
      </c>
      <c r="B61891" s="14" t="s">
        <v>1</v>
      </c>
      <c r="C61891" s="14" t="s">
        <v>150</v>
      </c>
      <c r="D61891" s="14" t="s">
        <v>333</v>
      </c>
      <c r="E61891" s="15">
        <v>45582</v>
      </c>
      <c r="F61891" s="14" t="s">
        <v>61</v>
      </c>
      <c r="G61891" s="16">
        <v>1.4619603747579999</v>
      </c>
    </row>
    <row r="61892" spans="1:7" x14ac:dyDescent="0.3">
      <c r="A61892" s="13" t="s">
        <v>332</v>
      </c>
      <c r="B61892" s="14" t="s">
        <v>1</v>
      </c>
      <c r="C61892" s="14" t="s">
        <v>150</v>
      </c>
      <c r="D61892" s="14" t="s">
        <v>333</v>
      </c>
      <c r="E61892" s="15">
        <v>45583</v>
      </c>
      <c r="F61892" s="14" t="s">
        <v>61</v>
      </c>
      <c r="G61892" s="16">
        <v>1.4663145072079913</v>
      </c>
    </row>
    <row r="61893" spans="1:7" x14ac:dyDescent="0.3">
      <c r="A61893" s="13" t="s">
        <v>332</v>
      </c>
      <c r="B61893" s="14" t="s">
        <v>1</v>
      </c>
      <c r="C61893" s="14" t="s">
        <v>150</v>
      </c>
      <c r="D61893" s="14" t="s">
        <v>333</v>
      </c>
      <c r="E61893" s="15">
        <v>45584</v>
      </c>
      <c r="F61893" s="14" t="s">
        <v>61</v>
      </c>
      <c r="G61893" s="16">
        <v>1.4663145072079913</v>
      </c>
    </row>
    <row r="61894" spans="1:7" x14ac:dyDescent="0.3">
      <c r="A61894" s="13" t="s">
        <v>332</v>
      </c>
      <c r="B61894" s="14" t="s">
        <v>1</v>
      </c>
      <c r="C61894" s="14" t="s">
        <v>150</v>
      </c>
      <c r="D61894" s="14" t="s">
        <v>333</v>
      </c>
      <c r="E61894" s="15">
        <v>45585</v>
      </c>
      <c r="F61894" s="14" t="s">
        <v>61</v>
      </c>
      <c r="G61894" s="16">
        <v>1.4663145072079913</v>
      </c>
    </row>
    <row r="61895" spans="1:7" x14ac:dyDescent="0.3">
      <c r="A61895" s="13" t="s">
        <v>332</v>
      </c>
      <c r="B61895" s="14" t="s">
        <v>1</v>
      </c>
      <c r="C61895" s="14" t="s">
        <v>150</v>
      </c>
      <c r="D61895" s="14" t="s">
        <v>333</v>
      </c>
      <c r="E61895" s="15">
        <v>45586</v>
      </c>
      <c r="F61895" s="14" t="s">
        <v>61</v>
      </c>
      <c r="G61895" s="16">
        <v>1.4681816448071896</v>
      </c>
    </row>
    <row r="61896" spans="1:7" x14ac:dyDescent="0.3">
      <c r="A61896" s="13" t="s">
        <v>332</v>
      </c>
      <c r="B61896" s="14" t="s">
        <v>1</v>
      </c>
      <c r="C61896" s="14" t="s">
        <v>150</v>
      </c>
      <c r="D61896" s="14" t="s">
        <v>333</v>
      </c>
      <c r="E61896" s="15">
        <v>45587</v>
      </c>
      <c r="F61896" s="14" t="s">
        <v>61</v>
      </c>
      <c r="G61896" s="16">
        <v>1.4808216339261877</v>
      </c>
    </row>
    <row r="61897" spans="1:7" x14ac:dyDescent="0.3">
      <c r="A61897" s="13" t="s">
        <v>332</v>
      </c>
      <c r="B61897" s="14" t="s">
        <v>1</v>
      </c>
      <c r="C61897" s="14" t="s">
        <v>150</v>
      </c>
      <c r="D61897" s="14" t="s">
        <v>333</v>
      </c>
      <c r="E61897" s="15">
        <v>45588</v>
      </c>
      <c r="F61897" s="14" t="s">
        <v>61</v>
      </c>
      <c r="G61897" s="16">
        <v>1.485326685211376</v>
      </c>
    </row>
    <row r="61898" spans="1:7" x14ac:dyDescent="0.3">
      <c r="A61898" s="13" t="s">
        <v>332</v>
      </c>
      <c r="B61898" s="14" t="s">
        <v>1</v>
      </c>
      <c r="C61898" s="14" t="s">
        <v>150</v>
      </c>
      <c r="D61898" s="14" t="s">
        <v>333</v>
      </c>
      <c r="E61898" s="15">
        <v>45589</v>
      </c>
      <c r="F61898" s="14" t="s">
        <v>61</v>
      </c>
      <c r="G61898" s="16">
        <v>1.4896165673471262</v>
      </c>
    </row>
    <row r="61899" spans="1:7" x14ac:dyDescent="0.3">
      <c r="A61899" s="13" t="s">
        <v>332</v>
      </c>
      <c r="B61899" s="14" t="s">
        <v>1</v>
      </c>
      <c r="C61899" s="14" t="s">
        <v>150</v>
      </c>
      <c r="D61899" s="14" t="s">
        <v>333</v>
      </c>
      <c r="E61899" s="15">
        <v>45590</v>
      </c>
      <c r="F61899" s="14" t="s">
        <v>61</v>
      </c>
      <c r="G61899" s="16">
        <v>1.4939103284601201</v>
      </c>
    </row>
    <row r="61900" spans="1:7" x14ac:dyDescent="0.3">
      <c r="A61900" s="13" t="s">
        <v>332</v>
      </c>
      <c r="B61900" s="14" t="s">
        <v>1</v>
      </c>
      <c r="C61900" s="14" t="s">
        <v>150</v>
      </c>
      <c r="D61900" s="14" t="s">
        <v>333</v>
      </c>
      <c r="E61900" s="15">
        <v>45591</v>
      </c>
      <c r="F61900" s="14" t="s">
        <v>61</v>
      </c>
      <c r="G61900" s="16">
        <v>1.4939103284601201</v>
      </c>
    </row>
    <row r="61901" spans="1:7" x14ac:dyDescent="0.3">
      <c r="A61901" s="13" t="s">
        <v>332</v>
      </c>
      <c r="B61901" s="14" t="s">
        <v>1</v>
      </c>
      <c r="C61901" s="14" t="s">
        <v>150</v>
      </c>
      <c r="D61901" s="14" t="s">
        <v>333</v>
      </c>
      <c r="E61901" s="15">
        <v>45592</v>
      </c>
      <c r="F61901" s="14" t="s">
        <v>61</v>
      </c>
      <c r="G61901" s="16">
        <v>1.4939103284601201</v>
      </c>
    </row>
    <row r="61902" spans="1:7" x14ac:dyDescent="0.3">
      <c r="A61902" s="13" t="s">
        <v>332</v>
      </c>
      <c r="B61902" s="14" t="s">
        <v>1</v>
      </c>
      <c r="C61902" s="14" t="s">
        <v>150</v>
      </c>
      <c r="D61902" s="14" t="s">
        <v>333</v>
      </c>
      <c r="E61902" s="15">
        <v>45593</v>
      </c>
      <c r="F61902" s="14" t="s">
        <v>61</v>
      </c>
      <c r="G61902" s="16">
        <v>1.4939103284601201</v>
      </c>
    </row>
    <row r="61903" spans="1:7" x14ac:dyDescent="0.3">
      <c r="A61903" s="13" t="s">
        <v>332</v>
      </c>
      <c r="B61903" s="14" t="s">
        <v>1</v>
      </c>
      <c r="C61903" s="14" t="s">
        <v>150</v>
      </c>
      <c r="D61903" s="14" t="s">
        <v>333</v>
      </c>
      <c r="E61903" s="15">
        <v>45594</v>
      </c>
      <c r="F61903" s="14" t="s">
        <v>61</v>
      </c>
      <c r="G61903" s="16">
        <v>1.5060351171457478</v>
      </c>
    </row>
    <row r="61904" spans="1:7" x14ac:dyDescent="0.3">
      <c r="A61904" s="13" t="s">
        <v>332</v>
      </c>
      <c r="B61904" s="14" t="s">
        <v>1</v>
      </c>
      <c r="C61904" s="14" t="s">
        <v>150</v>
      </c>
      <c r="D61904" s="14" t="s">
        <v>333</v>
      </c>
      <c r="E61904" s="15">
        <v>45595</v>
      </c>
      <c r="F61904" s="14" t="s">
        <v>61</v>
      </c>
      <c r="G61904" s="16">
        <v>1.522632547976712</v>
      </c>
    </row>
    <row r="61905" spans="1:7" x14ac:dyDescent="0.3">
      <c r="A61905" s="13" t="s">
        <v>332</v>
      </c>
      <c r="B61905" s="14" t="s">
        <v>1</v>
      </c>
      <c r="C61905" s="14" t="s">
        <v>150</v>
      </c>
      <c r="D61905" s="14" t="s">
        <v>333</v>
      </c>
      <c r="E61905" s="15">
        <v>45596</v>
      </c>
      <c r="F61905" s="14" t="s">
        <v>61</v>
      </c>
      <c r="G61905" s="16">
        <v>1.5268398927343396</v>
      </c>
    </row>
    <row r="61906" spans="1:7" x14ac:dyDescent="0.3">
      <c r="A61906" s="13" t="s">
        <v>332</v>
      </c>
      <c r="B61906" s="14" t="s">
        <v>1</v>
      </c>
      <c r="C61906" s="14" t="s">
        <v>150</v>
      </c>
      <c r="D61906" s="14" t="s">
        <v>333</v>
      </c>
      <c r="E61906" s="15">
        <v>45597</v>
      </c>
      <c r="F61906" s="14" t="s">
        <v>61</v>
      </c>
      <c r="G61906" s="16">
        <v>1.5310670110028255</v>
      </c>
    </row>
    <row r="61907" spans="1:7" x14ac:dyDescent="0.3">
      <c r="A61907" s="13" t="s">
        <v>332</v>
      </c>
      <c r="B61907" s="14" t="s">
        <v>1</v>
      </c>
      <c r="C61907" s="14" t="s">
        <v>150</v>
      </c>
      <c r="D61907" s="14" t="s">
        <v>333</v>
      </c>
      <c r="E61907" s="15">
        <v>45598</v>
      </c>
      <c r="F61907" s="14" t="s">
        <v>61</v>
      </c>
      <c r="G61907" s="16">
        <v>1.5310670110028255</v>
      </c>
    </row>
    <row r="61908" spans="1:7" x14ac:dyDescent="0.3">
      <c r="A61908" s="13" t="s">
        <v>332</v>
      </c>
      <c r="B61908" s="14" t="s">
        <v>1</v>
      </c>
      <c r="C61908" s="14" t="s">
        <v>150</v>
      </c>
      <c r="D61908" s="14" t="s">
        <v>333</v>
      </c>
      <c r="E61908" s="15">
        <v>45599</v>
      </c>
      <c r="F61908" s="14" t="s">
        <v>61</v>
      </c>
      <c r="G61908" s="16">
        <v>1.5310670110028255</v>
      </c>
    </row>
    <row r="61909" spans="1:7" x14ac:dyDescent="0.3">
      <c r="A61909" s="13" t="s">
        <v>332</v>
      </c>
      <c r="B61909" s="14" t="s">
        <v>1</v>
      </c>
      <c r="C61909" s="14" t="s">
        <v>150</v>
      </c>
      <c r="D61909" s="14" t="s">
        <v>333</v>
      </c>
      <c r="E61909" s="15">
        <v>45600</v>
      </c>
      <c r="F61909" s="14" t="s">
        <v>61</v>
      </c>
      <c r="G61909" s="16">
        <v>1.5417586632217362</v>
      </c>
    </row>
    <row r="61910" spans="1:7" x14ac:dyDescent="0.3">
      <c r="A61910" s="13" t="s">
        <v>332</v>
      </c>
      <c r="B61910" s="14" t="s">
        <v>1</v>
      </c>
      <c r="C61910" s="14" t="s">
        <v>150</v>
      </c>
      <c r="D61910" s="14" t="s">
        <v>333</v>
      </c>
      <c r="E61910" s="15">
        <v>45601</v>
      </c>
      <c r="F61910" s="14" t="s">
        <v>61</v>
      </c>
      <c r="G61910" s="16">
        <v>1.554206019944337</v>
      </c>
    </row>
    <row r="61911" spans="1:7" x14ac:dyDescent="0.3">
      <c r="A61911" s="13" t="s">
        <v>332</v>
      </c>
      <c r="B61911" s="14" t="s">
        <v>1</v>
      </c>
      <c r="C61911" s="14" t="s">
        <v>150</v>
      </c>
      <c r="D61911" s="14" t="s">
        <v>333</v>
      </c>
      <c r="E61911" s="15">
        <v>45602</v>
      </c>
      <c r="F61911" s="14" t="s">
        <v>61</v>
      </c>
      <c r="G61911" s="16">
        <v>1.5583829572984571</v>
      </c>
    </row>
    <row r="61912" spans="1:7" x14ac:dyDescent="0.3">
      <c r="A61912" s="13" t="s">
        <v>332</v>
      </c>
      <c r="B61912" s="14" t="s">
        <v>1</v>
      </c>
      <c r="C61912" s="14" t="s">
        <v>150</v>
      </c>
      <c r="D61912" s="14" t="s">
        <v>333</v>
      </c>
      <c r="E61912" s="15">
        <v>45603</v>
      </c>
      <c r="F61912" s="14" t="s">
        <v>61</v>
      </c>
      <c r="G61912" s="16">
        <v>1.5626765575552832</v>
      </c>
    </row>
    <row r="61913" spans="1:7" x14ac:dyDescent="0.3">
      <c r="A61913" s="13" t="s">
        <v>332</v>
      </c>
      <c r="B61913" s="14" t="s">
        <v>1</v>
      </c>
      <c r="C61913" s="14" t="s">
        <v>150</v>
      </c>
      <c r="D61913" s="14" t="s">
        <v>333</v>
      </c>
      <c r="E61913" s="15">
        <v>45604</v>
      </c>
      <c r="F61913" s="14" t="s">
        <v>61</v>
      </c>
      <c r="G61913" s="16">
        <v>1.5769937265779426</v>
      </c>
    </row>
    <row r="61914" spans="1:7" x14ac:dyDescent="0.3">
      <c r="A61914" s="13" t="s">
        <v>332</v>
      </c>
      <c r="B61914" s="14" t="s">
        <v>1</v>
      </c>
      <c r="C61914" s="14" t="s">
        <v>150</v>
      </c>
      <c r="D61914" s="14" t="s">
        <v>333</v>
      </c>
      <c r="E61914" s="15">
        <v>45605</v>
      </c>
      <c r="F61914" s="14" t="s">
        <v>61</v>
      </c>
      <c r="G61914" s="16">
        <v>1.5769937265779426</v>
      </c>
    </row>
    <row r="61915" spans="1:7" x14ac:dyDescent="0.3">
      <c r="A61915" s="13" t="s">
        <v>332</v>
      </c>
      <c r="B61915" s="14" t="s">
        <v>1</v>
      </c>
      <c r="C61915" s="14" t="s">
        <v>150</v>
      </c>
      <c r="D61915" s="14" t="s">
        <v>333</v>
      </c>
      <c r="E61915" s="15">
        <v>45606</v>
      </c>
      <c r="F61915" s="14" t="s">
        <v>61</v>
      </c>
      <c r="G61915" s="16">
        <v>1.5769937265779426</v>
      </c>
    </row>
    <row r="61916" spans="1:7" x14ac:dyDescent="0.3">
      <c r="A61916" s="13" t="s">
        <v>332</v>
      </c>
      <c r="B61916" s="14" t="s">
        <v>1</v>
      </c>
      <c r="C61916" s="14" t="s">
        <v>150</v>
      </c>
      <c r="D61916" s="14" t="s">
        <v>333</v>
      </c>
      <c r="E61916" s="15">
        <v>45607</v>
      </c>
      <c r="F61916" s="14" t="s">
        <v>61</v>
      </c>
      <c r="G61916" s="16">
        <v>1.5812304788772229</v>
      </c>
    </row>
    <row r="61917" spans="1:7" x14ac:dyDescent="0.3">
      <c r="A61917" s="13" t="s">
        <v>332</v>
      </c>
      <c r="B61917" s="14" t="s">
        <v>1</v>
      </c>
      <c r="C61917" s="14" t="s">
        <v>150</v>
      </c>
      <c r="D61917" s="14" t="s">
        <v>333</v>
      </c>
      <c r="E61917" s="15">
        <v>45608</v>
      </c>
      <c r="F61917" s="14" t="s">
        <v>61</v>
      </c>
      <c r="G61917" s="16">
        <v>1.5942110554532429</v>
      </c>
    </row>
    <row r="61918" spans="1:7" x14ac:dyDescent="0.3">
      <c r="A61918" s="13" t="s">
        <v>332</v>
      </c>
      <c r="B61918" s="14" t="s">
        <v>1</v>
      </c>
      <c r="C61918" s="14" t="s">
        <v>150</v>
      </c>
      <c r="D61918" s="14" t="s">
        <v>333</v>
      </c>
      <c r="E61918" s="15">
        <v>45609</v>
      </c>
      <c r="F61918" s="14" t="s">
        <v>61</v>
      </c>
      <c r="G61918" s="16">
        <v>1.5985534232723113</v>
      </c>
    </row>
    <row r="61919" spans="1:7" x14ac:dyDescent="0.3">
      <c r="A61919" s="13" t="s">
        <v>332</v>
      </c>
      <c r="B61919" s="14" t="s">
        <v>1</v>
      </c>
      <c r="C61919" s="14" t="s">
        <v>150</v>
      </c>
      <c r="D61919" s="14" t="s">
        <v>333</v>
      </c>
      <c r="E61919" s="15">
        <v>45610</v>
      </c>
      <c r="F61919" s="14" t="s">
        <v>61</v>
      </c>
      <c r="G61919" s="16">
        <v>1.6089129287515851</v>
      </c>
    </row>
    <row r="61920" spans="1:7" x14ac:dyDescent="0.3">
      <c r="A61920" s="13" t="s">
        <v>332</v>
      </c>
      <c r="B61920" s="14" t="s">
        <v>1</v>
      </c>
      <c r="C61920" s="14" t="s">
        <v>150</v>
      </c>
      <c r="D61920" s="14" t="s">
        <v>333</v>
      </c>
      <c r="E61920" s="15">
        <v>45611</v>
      </c>
      <c r="F61920" s="14" t="s">
        <v>61</v>
      </c>
      <c r="G61920" s="16">
        <v>1.6721997649625484</v>
      </c>
    </row>
    <row r="61921" spans="1:7" x14ac:dyDescent="0.3">
      <c r="A61921" s="13" t="s">
        <v>332</v>
      </c>
      <c r="B61921" s="14" t="s">
        <v>1</v>
      </c>
      <c r="C61921" s="14" t="s">
        <v>150</v>
      </c>
      <c r="D61921" s="14" t="s">
        <v>333</v>
      </c>
      <c r="E61921" s="15">
        <v>45612</v>
      </c>
      <c r="F61921" s="14" t="s">
        <v>61</v>
      </c>
      <c r="G61921" s="16">
        <v>1.6721997649625484</v>
      </c>
    </row>
    <row r="61922" spans="1:7" x14ac:dyDescent="0.3">
      <c r="A61922" s="13" t="s">
        <v>332</v>
      </c>
      <c r="B61922" s="14" t="s">
        <v>1</v>
      </c>
      <c r="C61922" s="14" t="s">
        <v>150</v>
      </c>
      <c r="D61922" s="14" t="s">
        <v>333</v>
      </c>
      <c r="E61922" s="15">
        <v>45613</v>
      </c>
      <c r="F61922" s="14" t="s">
        <v>61</v>
      </c>
      <c r="G61922" s="16">
        <v>1.6721997649625484</v>
      </c>
    </row>
    <row r="61923" spans="1:7" x14ac:dyDescent="0.3">
      <c r="A61923" s="13" t="s">
        <v>332</v>
      </c>
      <c r="B61923" s="14" t="s">
        <v>1</v>
      </c>
      <c r="C61923" s="14" t="s">
        <v>150</v>
      </c>
      <c r="D61923" s="14" t="s">
        <v>333</v>
      </c>
      <c r="E61923" s="15">
        <v>45614</v>
      </c>
      <c r="F61923" s="14" t="s">
        <v>61</v>
      </c>
      <c r="G61923" s="16">
        <v>1.6764659108880382</v>
      </c>
    </row>
    <row r="61924" spans="1:7" x14ac:dyDescent="0.3">
      <c r="A61924" s="13" t="s">
        <v>332</v>
      </c>
      <c r="B61924" s="14" t="s">
        <v>1</v>
      </c>
      <c r="C61924" s="14" t="s">
        <v>150</v>
      </c>
      <c r="D61924" s="14" t="s">
        <v>333</v>
      </c>
      <c r="E61924" s="15">
        <v>45615</v>
      </c>
      <c r="F61924" s="14" t="s">
        <v>61</v>
      </c>
      <c r="G61924" s="16">
        <v>1.702484442944612</v>
      </c>
    </row>
    <row r="61925" spans="1:7" x14ac:dyDescent="0.3">
      <c r="A61925" s="13" t="s">
        <v>332</v>
      </c>
      <c r="B61925" s="14" t="s">
        <v>1</v>
      </c>
      <c r="C61925" s="14" t="s">
        <v>150</v>
      </c>
      <c r="D61925" s="14" t="s">
        <v>333</v>
      </c>
      <c r="E61925" s="15">
        <v>45616</v>
      </c>
      <c r="F61925" s="14" t="s">
        <v>61</v>
      </c>
      <c r="G61925" s="16">
        <v>1.7067057759483844</v>
      </c>
    </row>
    <row r="61926" spans="1:7" x14ac:dyDescent="0.3">
      <c r="A61926" s="13" t="s">
        <v>332</v>
      </c>
      <c r="B61926" s="14" t="s">
        <v>1</v>
      </c>
      <c r="C61926" s="14" t="s">
        <v>150</v>
      </c>
      <c r="D61926" s="14" t="s">
        <v>333</v>
      </c>
      <c r="E61926" s="15">
        <v>45617</v>
      </c>
      <c r="F61926" s="14" t="s">
        <v>61</v>
      </c>
      <c r="G61926" s="16">
        <v>1.7110130256165574</v>
      </c>
    </row>
    <row r="61927" spans="1:7" x14ac:dyDescent="0.3">
      <c r="A61927" s="13" t="s">
        <v>332</v>
      </c>
      <c r="B61927" s="14" t="s">
        <v>1</v>
      </c>
      <c r="C61927" s="14" t="s">
        <v>150</v>
      </c>
      <c r="D61927" s="14" t="s">
        <v>333</v>
      </c>
      <c r="E61927" s="15">
        <v>45618</v>
      </c>
      <c r="F61927" s="14" t="s">
        <v>61</v>
      </c>
      <c r="G61927" s="16">
        <v>1.7154774459575397</v>
      </c>
    </row>
    <row r="61928" spans="1:7" x14ac:dyDescent="0.3">
      <c r="A61928" s="13" t="s">
        <v>332</v>
      </c>
      <c r="B61928" s="14" t="s">
        <v>1</v>
      </c>
      <c r="C61928" s="14" t="s">
        <v>150</v>
      </c>
      <c r="D61928" s="14" t="s">
        <v>333</v>
      </c>
      <c r="E61928" s="15">
        <v>45619</v>
      </c>
      <c r="F61928" s="14" t="s">
        <v>61</v>
      </c>
      <c r="G61928" s="16">
        <v>1.7154774459575397</v>
      </c>
    </row>
    <row r="61929" spans="1:7" x14ac:dyDescent="0.3">
      <c r="A61929" s="13" t="s">
        <v>332</v>
      </c>
      <c r="B61929" s="14" t="s">
        <v>1</v>
      </c>
      <c r="C61929" s="14" t="s">
        <v>150</v>
      </c>
      <c r="D61929" s="14" t="s">
        <v>333</v>
      </c>
      <c r="E61929" s="15">
        <v>45620</v>
      </c>
      <c r="F61929" s="14" t="s">
        <v>61</v>
      </c>
      <c r="G61929" s="16">
        <v>1.7154774459575397</v>
      </c>
    </row>
    <row r="61930" spans="1:7" x14ac:dyDescent="0.3">
      <c r="A61930" s="13" t="s">
        <v>332</v>
      </c>
      <c r="B61930" s="14" t="s">
        <v>1</v>
      </c>
      <c r="C61930" s="14" t="s">
        <v>150</v>
      </c>
      <c r="D61930" s="14" t="s">
        <v>333</v>
      </c>
      <c r="E61930" s="15">
        <v>45621</v>
      </c>
      <c r="F61930" s="14" t="s">
        <v>61</v>
      </c>
      <c r="G61930" s="16">
        <v>1.7198224902202852</v>
      </c>
    </row>
    <row r="61931" spans="1:7" x14ac:dyDescent="0.3">
      <c r="A61931" s="13" t="s">
        <v>332</v>
      </c>
      <c r="B61931" s="14" t="s">
        <v>1</v>
      </c>
      <c r="C61931" s="14" t="s">
        <v>150</v>
      </c>
      <c r="D61931" s="14" t="s">
        <v>333</v>
      </c>
      <c r="E61931" s="15">
        <v>45622</v>
      </c>
      <c r="F61931" s="14" t="s">
        <v>61</v>
      </c>
      <c r="G61931" s="16">
        <v>1.7324979226215353</v>
      </c>
    </row>
    <row r="61932" spans="1:7" x14ac:dyDescent="0.3">
      <c r="A61932" s="13" t="s">
        <v>332</v>
      </c>
      <c r="B61932" s="14" t="s">
        <v>1</v>
      </c>
      <c r="C61932" s="14" t="s">
        <v>150</v>
      </c>
      <c r="D61932" s="14" t="s">
        <v>333</v>
      </c>
      <c r="E61932" s="15">
        <v>45623</v>
      </c>
      <c r="F61932" s="14" t="s">
        <v>61</v>
      </c>
      <c r="G61932" s="16">
        <v>1.7372367755125819</v>
      </c>
    </row>
    <row r="61933" spans="1:7" x14ac:dyDescent="0.3">
      <c r="A61933" s="13" t="s">
        <v>332</v>
      </c>
      <c r="B61933" s="14" t="s">
        <v>1</v>
      </c>
      <c r="C61933" s="14" t="s">
        <v>150</v>
      </c>
      <c r="D61933" s="14" t="s">
        <v>333</v>
      </c>
      <c r="E61933" s="15">
        <v>45624</v>
      </c>
      <c r="F61933" s="14" t="s">
        <v>61</v>
      </c>
      <c r="G61933" s="16">
        <v>1.7445041480091301</v>
      </c>
    </row>
    <row r="61934" spans="1:7" x14ac:dyDescent="0.3">
      <c r="A61934" s="13" t="s">
        <v>332</v>
      </c>
      <c r="B61934" s="14" t="s">
        <v>1</v>
      </c>
      <c r="C61934" s="14" t="s">
        <v>150</v>
      </c>
      <c r="D61934" s="14" t="s">
        <v>333</v>
      </c>
      <c r="E61934" s="15">
        <v>45625</v>
      </c>
      <c r="F61934" s="14" t="s">
        <v>61</v>
      </c>
      <c r="G61934" s="16">
        <v>1.7503849491926815</v>
      </c>
    </row>
    <row r="61935" spans="1:7" x14ac:dyDescent="0.3">
      <c r="A61935" s="13" t="s">
        <v>332</v>
      </c>
      <c r="B61935" s="14" t="s">
        <v>1</v>
      </c>
      <c r="C61935" s="14" t="s">
        <v>150</v>
      </c>
      <c r="D61935" s="14" t="s">
        <v>333</v>
      </c>
      <c r="E61935" s="15">
        <v>45626</v>
      </c>
      <c r="F61935" s="14" t="s">
        <v>61</v>
      </c>
      <c r="G61935" s="16">
        <v>1.7503849491926815</v>
      </c>
    </row>
    <row r="61936" spans="1:7" x14ac:dyDescent="0.3">
      <c r="A61936" s="13" t="s">
        <v>332</v>
      </c>
      <c r="B61936" s="14" t="s">
        <v>1</v>
      </c>
      <c r="C61936" s="14" t="s">
        <v>150</v>
      </c>
      <c r="D61936" s="14" t="s">
        <v>333</v>
      </c>
      <c r="E61936" s="15">
        <v>45627</v>
      </c>
      <c r="F61936" s="14" t="s">
        <v>61</v>
      </c>
      <c r="G61936" s="16">
        <v>1.7503849491926815</v>
      </c>
    </row>
    <row r="61937" spans="1:7" x14ac:dyDescent="0.3">
      <c r="A61937" s="13" t="s">
        <v>332</v>
      </c>
      <c r="B61937" s="14" t="s">
        <v>1</v>
      </c>
      <c r="C61937" s="14" t="s">
        <v>150</v>
      </c>
      <c r="D61937" s="14" t="s">
        <v>333</v>
      </c>
      <c r="E61937" s="15">
        <v>45628</v>
      </c>
      <c r="F61937" s="14" t="s">
        <v>61</v>
      </c>
      <c r="G61937" s="16">
        <v>1.7740710637986481</v>
      </c>
    </row>
    <row r="61938" spans="1:7" x14ac:dyDescent="0.3">
      <c r="A61938" s="13" t="s">
        <v>332</v>
      </c>
      <c r="B61938" s="14" t="s">
        <v>1</v>
      </c>
      <c r="C61938" s="14" t="s">
        <v>150</v>
      </c>
      <c r="D61938" s="14" t="s">
        <v>333</v>
      </c>
      <c r="E61938" s="15">
        <v>45629</v>
      </c>
      <c r="F61938" s="14" t="s">
        <v>61</v>
      </c>
      <c r="G61938" s="16">
        <v>1.783659368369731</v>
      </c>
    </row>
    <row r="61939" spans="1:7" x14ac:dyDescent="0.3">
      <c r="A61939" s="13" t="s">
        <v>332</v>
      </c>
      <c r="B61939" s="14" t="s">
        <v>1</v>
      </c>
      <c r="C61939" s="14" t="s">
        <v>150</v>
      </c>
      <c r="D61939" s="14" t="s">
        <v>333</v>
      </c>
      <c r="E61939" s="15">
        <v>45630</v>
      </c>
      <c r="F61939" s="14" t="s">
        <v>61</v>
      </c>
      <c r="G61939" s="16">
        <v>1.790748819551915</v>
      </c>
    </row>
    <row r="61940" spans="1:7" x14ac:dyDescent="0.3">
      <c r="A61940" s="13" t="s">
        <v>332</v>
      </c>
      <c r="B61940" s="14" t="s">
        <v>1</v>
      </c>
      <c r="C61940" s="14" t="s">
        <v>150</v>
      </c>
      <c r="D61940" s="14" t="s">
        <v>333</v>
      </c>
      <c r="E61940" s="15">
        <v>45631</v>
      </c>
      <c r="F61940" s="14" t="s">
        <v>61</v>
      </c>
      <c r="G61940" s="16">
        <v>1.8051533679878864</v>
      </c>
    </row>
    <row r="61941" spans="1:7" x14ac:dyDescent="0.3">
      <c r="A61941" s="13" t="s">
        <v>332</v>
      </c>
      <c r="B61941" s="14" t="s">
        <v>1</v>
      </c>
      <c r="C61941" s="14" t="s">
        <v>150</v>
      </c>
      <c r="D61941" s="14" t="s">
        <v>333</v>
      </c>
      <c r="E61941" s="15">
        <v>45632</v>
      </c>
      <c r="F61941" s="14" t="s">
        <v>61</v>
      </c>
      <c r="G61941" s="16">
        <v>1.8090193414886788</v>
      </c>
    </row>
    <row r="61942" spans="1:7" x14ac:dyDescent="0.3">
      <c r="A61942" s="13" t="s">
        <v>332</v>
      </c>
      <c r="B61942" s="14" t="s">
        <v>1</v>
      </c>
      <c r="C61942" s="14" t="s">
        <v>150</v>
      </c>
      <c r="D61942" s="14" t="s">
        <v>333</v>
      </c>
      <c r="E61942" s="15">
        <v>45633</v>
      </c>
      <c r="F61942" s="14" t="s">
        <v>61</v>
      </c>
      <c r="G61942" s="16">
        <v>1.8090193414886788</v>
      </c>
    </row>
    <row r="61943" spans="1:7" x14ac:dyDescent="0.3">
      <c r="A61943" s="13" t="s">
        <v>332</v>
      </c>
      <c r="B61943" s="14" t="s">
        <v>1</v>
      </c>
      <c r="C61943" s="14" t="s">
        <v>150</v>
      </c>
      <c r="D61943" s="14" t="s">
        <v>333</v>
      </c>
      <c r="E61943" s="15">
        <v>45634</v>
      </c>
      <c r="F61943" s="14" t="s">
        <v>61</v>
      </c>
      <c r="G61943" s="16">
        <v>1.8090193414886788</v>
      </c>
    </row>
    <row r="61944" spans="1:7" x14ac:dyDescent="0.3">
      <c r="A61944" s="13" t="s">
        <v>332</v>
      </c>
      <c r="B61944" s="14" t="s">
        <v>1</v>
      </c>
      <c r="C61944" s="14" t="s">
        <v>150</v>
      </c>
      <c r="D61944" s="14" t="s">
        <v>333</v>
      </c>
      <c r="E61944" s="15">
        <v>45635</v>
      </c>
      <c r="F61944" s="14" t="s">
        <v>61</v>
      </c>
      <c r="G61944" s="16">
        <v>1.8131033727106165</v>
      </c>
    </row>
    <row r="61945" spans="1:7" x14ac:dyDescent="0.3">
      <c r="A61945" s="13" t="s">
        <v>332</v>
      </c>
      <c r="B61945" s="14" t="s">
        <v>1</v>
      </c>
      <c r="C61945" s="14" t="s">
        <v>150</v>
      </c>
      <c r="D61945" s="14" t="s">
        <v>333</v>
      </c>
      <c r="E61945" s="15">
        <v>45636</v>
      </c>
      <c r="F61945" s="14" t="s">
        <v>61</v>
      </c>
      <c r="G61945" s="16">
        <v>1.8250047191632675</v>
      </c>
    </row>
    <row r="61946" spans="1:7" x14ac:dyDescent="0.3">
      <c r="A61946" s="13" t="s">
        <v>332</v>
      </c>
      <c r="B61946" s="14" t="s">
        <v>1</v>
      </c>
      <c r="C61946" s="14" t="s">
        <v>150</v>
      </c>
      <c r="D61946" s="14" t="s">
        <v>333</v>
      </c>
      <c r="E61946" s="15">
        <v>45637</v>
      </c>
      <c r="F61946" s="14" t="s">
        <v>61</v>
      </c>
      <c r="G61946" s="16">
        <v>1.8289114942990645</v>
      </c>
    </row>
    <row r="61947" spans="1:7" x14ac:dyDescent="0.3">
      <c r="A61947" s="13" t="s">
        <v>332</v>
      </c>
      <c r="B61947" s="14" t="s">
        <v>1</v>
      </c>
      <c r="C61947" s="14" t="s">
        <v>150</v>
      </c>
      <c r="D61947" s="14" t="s">
        <v>333</v>
      </c>
      <c r="E61947" s="15">
        <v>45638</v>
      </c>
      <c r="F61947" s="14" t="s">
        <v>61</v>
      </c>
      <c r="G61947" s="16">
        <v>1.8328229530155213</v>
      </c>
    </row>
    <row r="61948" spans="1:7" x14ac:dyDescent="0.3">
      <c r="A61948" s="13" t="s">
        <v>332</v>
      </c>
      <c r="B61948" s="14" t="s">
        <v>1</v>
      </c>
      <c r="C61948" s="14" t="s">
        <v>150</v>
      </c>
      <c r="D61948" s="14" t="s">
        <v>333</v>
      </c>
      <c r="E61948" s="15">
        <v>45639</v>
      </c>
      <c r="F61948" s="14" t="s">
        <v>61</v>
      </c>
      <c r="G61948" s="16">
        <v>1.8367254310423695</v>
      </c>
    </row>
    <row r="61949" spans="1:7" x14ac:dyDescent="0.3">
      <c r="A61949" s="13" t="s">
        <v>332</v>
      </c>
      <c r="B61949" s="14" t="s">
        <v>1</v>
      </c>
      <c r="C61949" s="14" t="s">
        <v>150</v>
      </c>
      <c r="D61949" s="14" t="s">
        <v>333</v>
      </c>
      <c r="E61949" s="15">
        <v>45640</v>
      </c>
      <c r="F61949" s="14" t="s">
        <v>61</v>
      </c>
      <c r="G61949" s="16">
        <v>1.8367254310423695</v>
      </c>
    </row>
    <row r="61950" spans="1:7" x14ac:dyDescent="0.3">
      <c r="A61950" s="13" t="s">
        <v>332</v>
      </c>
      <c r="B61950" s="14" t="s">
        <v>1</v>
      </c>
      <c r="C61950" s="14" t="s">
        <v>150</v>
      </c>
      <c r="D61950" s="14" t="s">
        <v>333</v>
      </c>
      <c r="E61950" s="15">
        <v>45641</v>
      </c>
      <c r="F61950" s="14" t="s">
        <v>61</v>
      </c>
      <c r="G61950" s="16">
        <v>1.8367254310423695</v>
      </c>
    </row>
    <row r="61951" spans="1:7" x14ac:dyDescent="0.3">
      <c r="A61951" s="13" t="s">
        <v>332</v>
      </c>
      <c r="B61951" s="14" t="s">
        <v>1</v>
      </c>
      <c r="C61951" s="14" t="s">
        <v>150</v>
      </c>
      <c r="D61951" s="14" t="s">
        <v>333</v>
      </c>
      <c r="E61951" s="15">
        <v>45642</v>
      </c>
      <c r="F61951" s="14" t="s">
        <v>61</v>
      </c>
      <c r="G61951" s="16">
        <v>1.8405517513214278</v>
      </c>
    </row>
    <row r="61952" spans="1:7" x14ac:dyDescent="0.3">
      <c r="A61952" s="13" t="s">
        <v>332</v>
      </c>
      <c r="B61952" s="14" t="s">
        <v>1</v>
      </c>
      <c r="C61952" s="14" t="s">
        <v>150</v>
      </c>
      <c r="D61952" s="14" t="s">
        <v>333</v>
      </c>
      <c r="E61952" s="15">
        <v>45643</v>
      </c>
      <c r="F61952" s="14" t="s">
        <v>61</v>
      </c>
      <c r="G61952" s="16">
        <v>1.8519796910127604</v>
      </c>
    </row>
    <row r="61953" spans="1:7" x14ac:dyDescent="0.3">
      <c r="A61953" s="13" t="s">
        <v>332</v>
      </c>
      <c r="B61953" s="14" t="s">
        <v>1</v>
      </c>
      <c r="C61953" s="14" t="s">
        <v>150</v>
      </c>
      <c r="D61953" s="14" t="s">
        <v>333</v>
      </c>
      <c r="E61953" s="15">
        <v>45644</v>
      </c>
      <c r="F61953" s="14" t="s">
        <v>61</v>
      </c>
      <c r="G61953" s="16">
        <v>1.8550352485073645</v>
      </c>
    </row>
    <row r="61954" spans="1:7" x14ac:dyDescent="0.3">
      <c r="A61954" s="13" t="s">
        <v>332</v>
      </c>
      <c r="B61954" s="14" t="s">
        <v>1</v>
      </c>
      <c r="C61954" s="14" t="s">
        <v>150</v>
      </c>
      <c r="D61954" s="14" t="s">
        <v>333</v>
      </c>
      <c r="E61954" s="15">
        <v>45645</v>
      </c>
      <c r="F61954" s="14" t="s">
        <v>61</v>
      </c>
      <c r="G61954" s="16">
        <v>1.8588910809362873</v>
      </c>
    </row>
    <row r="61955" spans="1:7" x14ac:dyDescent="0.3">
      <c r="A61955" s="13" t="s">
        <v>332</v>
      </c>
      <c r="B61955" s="14" t="s">
        <v>1</v>
      </c>
      <c r="C61955" s="14" t="s">
        <v>150</v>
      </c>
      <c r="D61955" s="14" t="s">
        <v>333</v>
      </c>
      <c r="E61955" s="15">
        <v>45646</v>
      </c>
      <c r="F61955" s="14" t="s">
        <v>61</v>
      </c>
      <c r="G61955" s="16">
        <v>1.8628218726465355</v>
      </c>
    </row>
    <row r="61956" spans="1:7" x14ac:dyDescent="0.3">
      <c r="A61956" s="13" t="s">
        <v>332</v>
      </c>
      <c r="B61956" s="14" t="s">
        <v>1</v>
      </c>
      <c r="C61956" s="14" t="s">
        <v>150</v>
      </c>
      <c r="D61956" s="14" t="s">
        <v>333</v>
      </c>
      <c r="E61956" s="15">
        <v>45647</v>
      </c>
      <c r="F61956" s="14" t="s">
        <v>61</v>
      </c>
      <c r="G61956" s="16">
        <v>1.8628218726465355</v>
      </c>
    </row>
    <row r="61957" spans="1:7" x14ac:dyDescent="0.3">
      <c r="A61957" s="13" t="s">
        <v>332</v>
      </c>
      <c r="B61957" s="14" t="s">
        <v>1</v>
      </c>
      <c r="C61957" s="14" t="s">
        <v>150</v>
      </c>
      <c r="D61957" s="14" t="s">
        <v>333</v>
      </c>
      <c r="E61957" s="15">
        <v>45648</v>
      </c>
      <c r="F61957" s="14" t="s">
        <v>61</v>
      </c>
      <c r="G61957" s="16">
        <v>1.8628218726465355</v>
      </c>
    </row>
    <row r="61958" spans="1:7" x14ac:dyDescent="0.3">
      <c r="A61958" s="13" t="s">
        <v>332</v>
      </c>
      <c r="B61958" s="14" t="s">
        <v>1</v>
      </c>
      <c r="C61958" s="14" t="s">
        <v>150</v>
      </c>
      <c r="D61958" s="14" t="s">
        <v>333</v>
      </c>
      <c r="E61958" s="15">
        <v>45649</v>
      </c>
      <c r="F61958" s="14" t="s">
        <v>61</v>
      </c>
      <c r="G61958" s="16">
        <v>1.8667647406071617</v>
      </c>
    </row>
    <row r="61959" spans="1:7" x14ac:dyDescent="0.3">
      <c r="A61959" s="13" t="s">
        <v>332</v>
      </c>
      <c r="B61959" s="14" t="s">
        <v>1</v>
      </c>
      <c r="C61959" s="14" t="s">
        <v>150</v>
      </c>
      <c r="D61959" s="14" t="s">
        <v>333</v>
      </c>
      <c r="E61959" s="15">
        <v>45650</v>
      </c>
      <c r="F61959" s="14" t="s">
        <v>61</v>
      </c>
      <c r="G61959" s="16">
        <v>1.8785046553918423</v>
      </c>
    </row>
    <row r="61960" spans="1:7" x14ac:dyDescent="0.3">
      <c r="A61960" s="13" t="s">
        <v>332</v>
      </c>
      <c r="B61960" s="14" t="s">
        <v>1</v>
      </c>
      <c r="C61960" s="14" t="s">
        <v>150</v>
      </c>
      <c r="D61960" s="14" t="s">
        <v>333</v>
      </c>
      <c r="E61960" s="15">
        <v>45651</v>
      </c>
      <c r="F61960" s="14" t="s">
        <v>61</v>
      </c>
      <c r="G61960" s="16">
        <v>1.8785046553918423</v>
      </c>
    </row>
    <row r="61961" spans="1:7" x14ac:dyDescent="0.3">
      <c r="A61961" s="13" t="s">
        <v>332</v>
      </c>
      <c r="B61961" s="14" t="s">
        <v>1</v>
      </c>
      <c r="C61961" s="14" t="s">
        <v>150</v>
      </c>
      <c r="D61961" s="14" t="s">
        <v>333</v>
      </c>
      <c r="E61961" s="15">
        <v>45652</v>
      </c>
      <c r="F61961" s="14" t="s">
        <v>61</v>
      </c>
      <c r="G61961" s="16">
        <v>1.8785046553918423</v>
      </c>
    </row>
    <row r="61962" spans="1:7" x14ac:dyDescent="0.3">
      <c r="A61962" s="13" t="s">
        <v>332</v>
      </c>
      <c r="B61962" s="14" t="s">
        <v>1</v>
      </c>
      <c r="C61962" s="14" t="s">
        <v>150</v>
      </c>
      <c r="D61962" s="14" t="s">
        <v>333</v>
      </c>
      <c r="E61962" s="15">
        <v>45653</v>
      </c>
      <c r="F61962" s="14" t="s">
        <v>61</v>
      </c>
      <c r="G61962" s="16">
        <v>1.8785046553918423</v>
      </c>
    </row>
    <row r="61963" spans="1:7" x14ac:dyDescent="0.3">
      <c r="A61963" s="13" t="s">
        <v>332</v>
      </c>
      <c r="B61963" s="14" t="s">
        <v>1</v>
      </c>
      <c r="C61963" s="14" t="s">
        <v>150</v>
      </c>
      <c r="D61963" s="14" t="s">
        <v>333</v>
      </c>
      <c r="E61963" s="15">
        <v>45654</v>
      </c>
      <c r="F61963" s="14" t="s">
        <v>61</v>
      </c>
      <c r="G61963" s="16">
        <v>1.8785046553918423</v>
      </c>
    </row>
    <row r="61964" spans="1:7" x14ac:dyDescent="0.3">
      <c r="A61964" s="13" t="s">
        <v>332</v>
      </c>
      <c r="B61964" s="14" t="s">
        <v>1</v>
      </c>
      <c r="C61964" s="14" t="s">
        <v>150</v>
      </c>
      <c r="D61964" s="14" t="s">
        <v>333</v>
      </c>
      <c r="E61964" s="15">
        <v>45655</v>
      </c>
      <c r="F61964" s="14" t="s">
        <v>61</v>
      </c>
      <c r="G61964" s="16">
        <v>1.8785046553918423</v>
      </c>
    </row>
    <row r="61965" spans="1:7" x14ac:dyDescent="0.3">
      <c r="A61965" s="13" t="s">
        <v>332</v>
      </c>
      <c r="B61965" s="14" t="s">
        <v>1</v>
      </c>
      <c r="C61965" s="14" t="s">
        <v>150</v>
      </c>
      <c r="D61965" s="14" t="s">
        <v>333</v>
      </c>
      <c r="E61965" s="15">
        <v>45656</v>
      </c>
      <c r="F61965" s="14" t="s">
        <v>61</v>
      </c>
      <c r="G61965" s="16">
        <v>1.8824350382181747</v>
      </c>
    </row>
    <row r="61966" spans="1:7" x14ac:dyDescent="0.3">
      <c r="A61966" s="13" t="s">
        <v>332</v>
      </c>
      <c r="B61966" s="14" t="s">
        <v>1</v>
      </c>
      <c r="C61966" s="14" t="s">
        <v>150</v>
      </c>
      <c r="D61966" s="14" t="s">
        <v>333</v>
      </c>
      <c r="E61966" s="15">
        <v>45657</v>
      </c>
      <c r="F61966" s="14" t="s">
        <v>61</v>
      </c>
      <c r="G61966" s="16">
        <v>1.9080001881721385</v>
      </c>
    </row>
    <row r="61967" spans="1:7" x14ac:dyDescent="0.3">
      <c r="A61967" s="13" t="s">
        <v>332</v>
      </c>
      <c r="B61967" s="14" t="s">
        <v>1</v>
      </c>
      <c r="C61967" s="14" t="s">
        <v>150</v>
      </c>
      <c r="D61967" s="14" t="s">
        <v>333</v>
      </c>
      <c r="E61967" s="15">
        <v>45658</v>
      </c>
      <c r="F61967" s="14" t="s">
        <v>61</v>
      </c>
      <c r="G61967" s="16">
        <v>1.9080001881721385</v>
      </c>
    </row>
    <row r="61968" spans="1:7" x14ac:dyDescent="0.3">
      <c r="A61968" s="13" t="s">
        <v>332</v>
      </c>
      <c r="B61968" s="14" t="s">
        <v>1</v>
      </c>
      <c r="C61968" s="14" t="s">
        <v>150</v>
      </c>
      <c r="D61968" s="14" t="s">
        <v>333</v>
      </c>
      <c r="E61968" s="15">
        <v>45659</v>
      </c>
      <c r="F61968" s="14" t="s">
        <v>61</v>
      </c>
      <c r="G61968" s="16">
        <v>1.9080001881721385</v>
      </c>
    </row>
    <row r="61969" spans="1:7" x14ac:dyDescent="0.3">
      <c r="A61969" s="13" t="s">
        <v>332</v>
      </c>
      <c r="B61969" s="14" t="s">
        <v>1</v>
      </c>
      <c r="C61969" s="14" t="s">
        <v>150</v>
      </c>
      <c r="D61969" s="14" t="s">
        <v>333</v>
      </c>
      <c r="E61969" s="15">
        <v>45660</v>
      </c>
      <c r="F61969" s="14" t="s">
        <v>61</v>
      </c>
      <c r="G61969" s="16">
        <v>1.9119808857289475</v>
      </c>
    </row>
    <row r="61970" spans="1:7" x14ac:dyDescent="0.3">
      <c r="A61970" s="13" t="s">
        <v>332</v>
      </c>
      <c r="B61970" s="14" t="s">
        <v>1</v>
      </c>
      <c r="C61970" s="14" t="s">
        <v>150</v>
      </c>
      <c r="D61970" s="14" t="s">
        <v>333</v>
      </c>
      <c r="E61970" s="15">
        <v>45661</v>
      </c>
      <c r="F61970" s="14" t="s">
        <v>61</v>
      </c>
      <c r="G61970" s="16">
        <v>1.9119808857289475</v>
      </c>
    </row>
    <row r="61971" spans="1:7" x14ac:dyDescent="0.3">
      <c r="A61971" s="13" t="s">
        <v>332</v>
      </c>
      <c r="B61971" s="14" t="s">
        <v>1</v>
      </c>
      <c r="C61971" s="14" t="s">
        <v>150</v>
      </c>
      <c r="D61971" s="14" t="s">
        <v>333</v>
      </c>
      <c r="E61971" s="15">
        <v>45662</v>
      </c>
      <c r="F61971" s="14" t="s">
        <v>61</v>
      </c>
      <c r="G61971" s="16">
        <v>1.9119808857289475</v>
      </c>
    </row>
    <row r="61972" spans="1:7" x14ac:dyDescent="0.3">
      <c r="A61972" s="13" t="s">
        <v>332</v>
      </c>
      <c r="B61972" s="14" t="s">
        <v>1</v>
      </c>
      <c r="C61972" s="14" t="s">
        <v>150</v>
      </c>
      <c r="D61972" s="14" t="s">
        <v>333</v>
      </c>
      <c r="E61972" s="15">
        <v>45663</v>
      </c>
      <c r="F61972" s="14" t="s">
        <v>61</v>
      </c>
      <c r="G61972" s="16">
        <v>1.9231638078056912</v>
      </c>
    </row>
    <row r="61973" spans="1:7" x14ac:dyDescent="0.3">
      <c r="A61973" s="13" t="s">
        <v>332</v>
      </c>
      <c r="B61973" s="14" t="s">
        <v>1</v>
      </c>
      <c r="C61973" s="14" t="s">
        <v>150</v>
      </c>
      <c r="D61973" s="14" t="s">
        <v>333</v>
      </c>
      <c r="E61973" s="15">
        <v>45664</v>
      </c>
      <c r="F61973" s="14" t="s">
        <v>61</v>
      </c>
      <c r="G61973" s="16">
        <v>1.9463436289289184</v>
      </c>
    </row>
    <row r="61974" spans="1:7" x14ac:dyDescent="0.3">
      <c r="A61974" s="13" t="s">
        <v>332</v>
      </c>
      <c r="B61974" s="14" t="s">
        <v>1</v>
      </c>
      <c r="C61974" s="14" t="s">
        <v>150</v>
      </c>
      <c r="D61974" s="14" t="s">
        <v>333</v>
      </c>
      <c r="E61974" s="15">
        <v>45665</v>
      </c>
      <c r="F61974" s="14" t="s">
        <v>61</v>
      </c>
      <c r="G61974" s="16">
        <v>1.952086253116851</v>
      </c>
    </row>
    <row r="61975" spans="1:7" x14ac:dyDescent="0.3">
      <c r="A61975" s="13" t="s">
        <v>332</v>
      </c>
      <c r="B61975" s="14" t="s">
        <v>1</v>
      </c>
      <c r="C61975" s="14" t="s">
        <v>150</v>
      </c>
      <c r="D61975" s="14" t="s">
        <v>333</v>
      </c>
      <c r="E61975" s="15">
        <v>45666</v>
      </c>
      <c r="F61975" s="14" t="s">
        <v>61</v>
      </c>
      <c r="G61975" s="16">
        <v>1.9557875555151927</v>
      </c>
    </row>
    <row r="61976" spans="1:7" x14ac:dyDescent="0.3">
      <c r="A61976" s="13" t="s">
        <v>332</v>
      </c>
      <c r="B61976" s="14" t="s">
        <v>1</v>
      </c>
      <c r="C61976" s="14" t="s">
        <v>150</v>
      </c>
      <c r="D61976" s="14" t="s">
        <v>333</v>
      </c>
      <c r="E61976" s="15">
        <v>45667</v>
      </c>
      <c r="F61976" s="14" t="s">
        <v>61</v>
      </c>
      <c r="G61976" s="16">
        <v>1.9594843064323855</v>
      </c>
    </row>
    <row r="61977" spans="1:7" x14ac:dyDescent="0.3">
      <c r="A61977" s="13" t="s">
        <v>332</v>
      </c>
      <c r="B61977" s="14" t="s">
        <v>1</v>
      </c>
      <c r="C61977" s="14" t="s">
        <v>150</v>
      </c>
      <c r="D61977" s="14" t="s">
        <v>333</v>
      </c>
      <c r="E61977" s="15">
        <v>45668</v>
      </c>
      <c r="F61977" s="14" t="s">
        <v>61</v>
      </c>
      <c r="G61977" s="16">
        <v>1.9594843064323855</v>
      </c>
    </row>
    <row r="61978" spans="1:7" x14ac:dyDescent="0.3">
      <c r="A61978" s="13" t="s">
        <v>332</v>
      </c>
      <c r="B61978" s="14" t="s">
        <v>1</v>
      </c>
      <c r="C61978" s="14" t="s">
        <v>150</v>
      </c>
      <c r="D61978" s="14" t="s">
        <v>333</v>
      </c>
      <c r="E61978" s="15">
        <v>45669</v>
      </c>
      <c r="F61978" s="14" t="s">
        <v>61</v>
      </c>
      <c r="G61978" s="16">
        <v>1.9594843064323855</v>
      </c>
    </row>
    <row r="61979" spans="1:7" x14ac:dyDescent="0.3">
      <c r="A61979" s="13" t="s">
        <v>332</v>
      </c>
      <c r="B61979" s="14" t="s">
        <v>1</v>
      </c>
      <c r="C61979" s="14" t="s">
        <v>150</v>
      </c>
      <c r="D61979" s="14" t="s">
        <v>333</v>
      </c>
      <c r="E61979" s="15">
        <v>45670</v>
      </c>
      <c r="F61979" s="14" t="s">
        <v>61</v>
      </c>
      <c r="G61979" s="16">
        <v>1.9638664549154006</v>
      </c>
    </row>
    <row r="61980" spans="1:7" x14ac:dyDescent="0.3">
      <c r="A61980" s="13" t="s">
        <v>332</v>
      </c>
      <c r="B61980" s="14" t="s">
        <v>1</v>
      </c>
      <c r="C61980" s="14" t="s">
        <v>150</v>
      </c>
      <c r="D61980" s="14" t="s">
        <v>333</v>
      </c>
      <c r="E61980" s="15">
        <v>45671</v>
      </c>
      <c r="F61980" s="14" t="s">
        <v>61</v>
      </c>
      <c r="G61980" s="16">
        <v>1.9753042382292354</v>
      </c>
    </row>
    <row r="61981" spans="1:7" x14ac:dyDescent="0.3">
      <c r="A61981" s="13" t="s">
        <v>332</v>
      </c>
      <c r="B61981" s="14" t="s">
        <v>1</v>
      </c>
      <c r="C61981" s="14" t="s">
        <v>150</v>
      </c>
      <c r="D61981" s="14" t="s">
        <v>333</v>
      </c>
      <c r="E61981" s="15">
        <v>45672</v>
      </c>
      <c r="F61981" s="14" t="s">
        <v>61</v>
      </c>
      <c r="G61981" s="16">
        <v>1.9790334676752523</v>
      </c>
    </row>
    <row r="61982" spans="1:7" x14ac:dyDescent="0.3">
      <c r="A61982" s="13" t="s">
        <v>332</v>
      </c>
      <c r="B61982" s="14" t="s">
        <v>1</v>
      </c>
      <c r="C61982" s="14" t="s">
        <v>150</v>
      </c>
      <c r="D61982" s="14" t="s">
        <v>333</v>
      </c>
      <c r="E61982" s="15">
        <v>45673</v>
      </c>
      <c r="F61982" s="14" t="s">
        <v>61</v>
      </c>
      <c r="G61982" s="16">
        <v>1.9827652410993339</v>
      </c>
    </row>
    <row r="61983" spans="1:7" x14ac:dyDescent="0.3">
      <c r="A61983" s="13" t="s">
        <v>332</v>
      </c>
      <c r="B61983" s="14" t="s">
        <v>1</v>
      </c>
      <c r="C61983" s="14" t="s">
        <v>150</v>
      </c>
      <c r="D61983" s="14" t="s">
        <v>333</v>
      </c>
      <c r="E61983" s="15">
        <v>45674</v>
      </c>
      <c r="F61983" s="14" t="s">
        <v>61</v>
      </c>
      <c r="G61983" s="16">
        <v>2.0736358307156078</v>
      </c>
    </row>
    <row r="61984" spans="1:7" x14ac:dyDescent="0.3">
      <c r="A61984" s="13" t="s">
        <v>332</v>
      </c>
      <c r="B61984" s="14" t="s">
        <v>1</v>
      </c>
      <c r="C61984" s="14" t="s">
        <v>150</v>
      </c>
      <c r="D61984" s="14" t="s">
        <v>333</v>
      </c>
      <c r="E61984" s="15">
        <v>45675</v>
      </c>
      <c r="F61984" s="14" t="s">
        <v>61</v>
      </c>
      <c r="G61984" s="16">
        <v>2.0736358307156078</v>
      </c>
    </row>
    <row r="61985" spans="1:7" x14ac:dyDescent="0.3">
      <c r="A61985" s="13" t="s">
        <v>332</v>
      </c>
      <c r="B61985" s="14" t="s">
        <v>1</v>
      </c>
      <c r="C61985" s="14" t="s">
        <v>150</v>
      </c>
      <c r="D61985" s="14" t="s">
        <v>333</v>
      </c>
      <c r="E61985" s="15">
        <v>45676</v>
      </c>
      <c r="F61985" s="14" t="s">
        <v>61</v>
      </c>
      <c r="G61985" s="16">
        <v>2.0736358307156078</v>
      </c>
    </row>
    <row r="61986" spans="1:7" x14ac:dyDescent="0.3">
      <c r="A61986" s="13" t="s">
        <v>332</v>
      </c>
      <c r="B61986" s="14" t="s">
        <v>1</v>
      </c>
      <c r="C61986" s="14" t="s">
        <v>150</v>
      </c>
      <c r="D61986" s="14" t="s">
        <v>333</v>
      </c>
      <c r="E61986" s="15">
        <v>45677</v>
      </c>
      <c r="F61986" s="14" t="s">
        <v>61</v>
      </c>
      <c r="G61986" s="16">
        <v>2.0771599727225944</v>
      </c>
    </row>
    <row r="61987" spans="1:7" x14ac:dyDescent="0.3">
      <c r="A61987" s="13" t="s">
        <v>332</v>
      </c>
      <c r="B61987" s="14" t="s">
        <v>1</v>
      </c>
      <c r="C61987" s="14" t="s">
        <v>150</v>
      </c>
      <c r="D61987" s="14" t="s">
        <v>333</v>
      </c>
      <c r="E61987" s="15">
        <v>45678</v>
      </c>
      <c r="F61987" s="14" t="s">
        <v>61</v>
      </c>
      <c r="G61987" s="16">
        <v>2.0868405443436746</v>
      </c>
    </row>
    <row r="61988" spans="1:7" x14ac:dyDescent="0.3">
      <c r="A61988" s="13" t="s">
        <v>332</v>
      </c>
      <c r="B61988" s="14" t="s">
        <v>1</v>
      </c>
      <c r="C61988" s="14" t="s">
        <v>150</v>
      </c>
      <c r="D61988" s="14" t="s">
        <v>333</v>
      </c>
      <c r="E61988" s="15">
        <v>45679</v>
      </c>
      <c r="F61988" s="14" t="s">
        <v>61</v>
      </c>
      <c r="G61988" s="16">
        <v>2.0901854081865392</v>
      </c>
    </row>
    <row r="61989" spans="1:7" x14ac:dyDescent="0.3">
      <c r="A61989" s="13" t="s">
        <v>332</v>
      </c>
      <c r="B61989" s="14" t="s">
        <v>1</v>
      </c>
      <c r="C61989" s="14" t="s">
        <v>150</v>
      </c>
      <c r="D61989" s="14" t="s">
        <v>333</v>
      </c>
      <c r="E61989" s="15">
        <v>45680</v>
      </c>
      <c r="F61989" s="14" t="s">
        <v>61</v>
      </c>
      <c r="G61989" s="16">
        <v>2.0934943680693245</v>
      </c>
    </row>
    <row r="61990" spans="1:7" x14ac:dyDescent="0.3">
      <c r="A61990" s="13" t="s">
        <v>332</v>
      </c>
      <c r="B61990" s="14" t="s">
        <v>1</v>
      </c>
      <c r="C61990" s="14" t="s">
        <v>150</v>
      </c>
      <c r="D61990" s="14" t="s">
        <v>333</v>
      </c>
      <c r="E61990" s="15">
        <v>45681</v>
      </c>
      <c r="F61990" s="14" t="s">
        <v>61</v>
      </c>
      <c r="G61990" s="16">
        <v>2.0968141096588719</v>
      </c>
    </row>
    <row r="61991" spans="1:7" x14ac:dyDescent="0.3">
      <c r="A61991" s="13" t="s">
        <v>332</v>
      </c>
      <c r="B61991" s="14" t="s">
        <v>1</v>
      </c>
      <c r="C61991" s="14" t="s">
        <v>150</v>
      </c>
      <c r="D61991" s="14" t="s">
        <v>333</v>
      </c>
      <c r="E61991" s="15">
        <v>45682</v>
      </c>
      <c r="F61991" s="14" t="s">
        <v>61</v>
      </c>
      <c r="G61991" s="16">
        <v>2.0968141096588719</v>
      </c>
    </row>
    <row r="61992" spans="1:7" x14ac:dyDescent="0.3">
      <c r="A61992" s="13" t="s">
        <v>332</v>
      </c>
      <c r="B61992" s="14" t="s">
        <v>1</v>
      </c>
      <c r="C61992" s="14" t="s">
        <v>150</v>
      </c>
      <c r="D61992" s="14" t="s">
        <v>333</v>
      </c>
      <c r="E61992" s="15">
        <v>45683</v>
      </c>
      <c r="F61992" s="14" t="s">
        <v>61</v>
      </c>
      <c r="G61992" s="16">
        <v>2.0968141096588719</v>
      </c>
    </row>
    <row r="61993" spans="1:7" x14ac:dyDescent="0.3">
      <c r="A61993" s="13" t="s">
        <v>332</v>
      </c>
      <c r="B61993" s="14" t="s">
        <v>1</v>
      </c>
      <c r="C61993" s="14" t="s">
        <v>150</v>
      </c>
      <c r="D61993" s="14" t="s">
        <v>333</v>
      </c>
      <c r="E61993" s="15">
        <v>45684</v>
      </c>
      <c r="F61993" s="14" t="s">
        <v>61</v>
      </c>
      <c r="G61993" s="16">
        <v>2.1045927970093734</v>
      </c>
    </row>
    <row r="61994" spans="1:7" x14ac:dyDescent="0.3">
      <c r="A61994" s="13" t="s">
        <v>332</v>
      </c>
      <c r="B61994" s="14" t="s">
        <v>1</v>
      </c>
      <c r="C61994" s="14" t="s">
        <v>150</v>
      </c>
      <c r="D61994" s="14" t="s">
        <v>333</v>
      </c>
      <c r="E61994" s="15">
        <v>45685</v>
      </c>
      <c r="F61994" s="14" t="s">
        <v>61</v>
      </c>
      <c r="G61994" s="16">
        <v>2.1142821605791897</v>
      </c>
    </row>
    <row r="61995" spans="1:7" x14ac:dyDescent="0.3">
      <c r="A61995" s="13" t="s">
        <v>332</v>
      </c>
      <c r="B61995" s="14" t="s">
        <v>1</v>
      </c>
      <c r="C61995" s="14" t="s">
        <v>150</v>
      </c>
      <c r="D61995" s="14" t="s">
        <v>333</v>
      </c>
      <c r="E61995" s="15">
        <v>45686</v>
      </c>
      <c r="F61995" s="14" t="s">
        <v>61</v>
      </c>
      <c r="G61995" s="16">
        <v>2.1176064935790251</v>
      </c>
    </row>
    <row r="61996" spans="1:7" x14ac:dyDescent="0.3">
      <c r="A61996" s="13" t="s">
        <v>332</v>
      </c>
      <c r="B61996" s="14" t="s">
        <v>1</v>
      </c>
      <c r="C61996" s="14" t="s">
        <v>150</v>
      </c>
      <c r="D61996" s="14" t="s">
        <v>333</v>
      </c>
      <c r="E61996" s="15">
        <v>45687</v>
      </c>
      <c r="F61996" s="14" t="s">
        <v>61</v>
      </c>
      <c r="G61996" s="16">
        <v>2.1209140797655377</v>
      </c>
    </row>
    <row r="61997" spans="1:7" x14ac:dyDescent="0.3">
      <c r="A61997" s="13" t="s">
        <v>332</v>
      </c>
      <c r="B61997" s="14" t="s">
        <v>1</v>
      </c>
      <c r="C61997" s="14" t="s">
        <v>150</v>
      </c>
      <c r="D61997" s="14" t="s">
        <v>333</v>
      </c>
      <c r="E61997" s="15">
        <v>45688</v>
      </c>
      <c r="F61997" s="14" t="s">
        <v>61</v>
      </c>
      <c r="G61997" s="16">
        <v>2.1242088864131632</v>
      </c>
    </row>
    <row r="61998" spans="1:7" x14ac:dyDescent="0.3">
      <c r="A61998" s="13" t="s">
        <v>332</v>
      </c>
      <c r="B61998" s="14" t="s">
        <v>1</v>
      </c>
      <c r="C61998" s="14" t="s">
        <v>150</v>
      </c>
      <c r="D61998" s="14" t="s">
        <v>333</v>
      </c>
      <c r="E61998" s="15">
        <v>45689</v>
      </c>
      <c r="F61998" s="14" t="s">
        <v>61</v>
      </c>
      <c r="G61998" s="16">
        <v>2.1242088864131632</v>
      </c>
    </row>
    <row r="61999" spans="1:7" x14ac:dyDescent="0.3">
      <c r="A61999" s="13" t="s">
        <v>332</v>
      </c>
      <c r="B61999" s="14" t="s">
        <v>1</v>
      </c>
      <c r="C61999" s="14" t="s">
        <v>150</v>
      </c>
      <c r="D61999" s="14" t="s">
        <v>333</v>
      </c>
      <c r="E61999" s="15">
        <v>45690</v>
      </c>
      <c r="F61999" s="14" t="s">
        <v>61</v>
      </c>
      <c r="G61999" s="16">
        <v>2.1242088864131632</v>
      </c>
    </row>
    <row r="62000" spans="1:7" x14ac:dyDescent="0.3">
      <c r="A62000" s="13" t="s">
        <v>332</v>
      </c>
      <c r="B62000" s="14" t="s">
        <v>1</v>
      </c>
      <c r="C62000" s="14" t="s">
        <v>150</v>
      </c>
      <c r="D62000" s="14" t="s">
        <v>333</v>
      </c>
      <c r="E62000" s="15">
        <v>45691</v>
      </c>
      <c r="F62000" s="14" t="s">
        <v>61</v>
      </c>
      <c r="G62000" s="16">
        <v>2.1242088864131632</v>
      </c>
    </row>
    <row r="62001" spans="1:7" x14ac:dyDescent="0.3">
      <c r="A62001" s="13" t="s">
        <v>332</v>
      </c>
      <c r="B62001" s="14" t="s">
        <v>1</v>
      </c>
      <c r="C62001" s="14" t="s">
        <v>150</v>
      </c>
      <c r="D62001" s="14" t="s">
        <v>333</v>
      </c>
      <c r="E62001" s="15">
        <v>45692</v>
      </c>
      <c r="F62001" s="14" t="s">
        <v>61</v>
      </c>
      <c r="G62001" s="16">
        <v>2.1568613307814495</v>
      </c>
    </row>
    <row r="62002" spans="1:7" x14ac:dyDescent="0.3">
      <c r="A62002" s="13" t="s">
        <v>332</v>
      </c>
      <c r="B62002" s="14" t="s">
        <v>1</v>
      </c>
      <c r="C62002" s="14" t="s">
        <v>150</v>
      </c>
      <c r="D62002" s="14" t="s">
        <v>333</v>
      </c>
      <c r="E62002" s="15">
        <v>45693</v>
      </c>
      <c r="F62002" s="14" t="s">
        <v>61</v>
      </c>
      <c r="G62002" s="16">
        <v>2.1732030756578546</v>
      </c>
    </row>
    <row r="62003" spans="1:7" x14ac:dyDescent="0.3">
      <c r="A62003" s="13" t="s">
        <v>332</v>
      </c>
      <c r="B62003" s="14" t="s">
        <v>1</v>
      </c>
      <c r="C62003" s="14" t="s">
        <v>150</v>
      </c>
      <c r="D62003" s="14" t="s">
        <v>333</v>
      </c>
      <c r="E62003" s="15">
        <v>45694</v>
      </c>
      <c r="F62003" s="14" t="s">
        <v>61</v>
      </c>
      <c r="G62003" s="16">
        <v>2.1768407239492769</v>
      </c>
    </row>
    <row r="62004" spans="1:7" x14ac:dyDescent="0.3">
      <c r="A62004" s="13" t="s">
        <v>332</v>
      </c>
      <c r="B62004" s="14" t="s">
        <v>1</v>
      </c>
      <c r="C62004" s="14" t="s">
        <v>150</v>
      </c>
      <c r="D62004" s="14" t="s">
        <v>333</v>
      </c>
      <c r="E62004" s="15">
        <v>45695</v>
      </c>
      <c r="F62004" s="14" t="s">
        <v>61</v>
      </c>
      <c r="G62004" s="16">
        <v>2.1900124622531174</v>
      </c>
    </row>
    <row r="62005" spans="1:7" x14ac:dyDescent="0.3">
      <c r="A62005" s="13" t="s">
        <v>332</v>
      </c>
      <c r="B62005" s="14" t="s">
        <v>1</v>
      </c>
      <c r="C62005" s="14" t="s">
        <v>150</v>
      </c>
      <c r="D62005" s="14" t="s">
        <v>333</v>
      </c>
      <c r="E62005" s="15">
        <v>45696</v>
      </c>
      <c r="F62005" s="14" t="s">
        <v>61</v>
      </c>
      <c r="G62005" s="16">
        <v>2.1900124622531174</v>
      </c>
    </row>
    <row r="62006" spans="1:7" x14ac:dyDescent="0.3">
      <c r="A62006" s="13" t="s">
        <v>332</v>
      </c>
      <c r="B62006" s="14" t="s">
        <v>1</v>
      </c>
      <c r="C62006" s="14" t="s">
        <v>150</v>
      </c>
      <c r="D62006" s="14" t="s">
        <v>333</v>
      </c>
      <c r="E62006" s="15">
        <v>45697</v>
      </c>
      <c r="F62006" s="14" t="s">
        <v>61</v>
      </c>
      <c r="G62006" s="16">
        <v>2.1900124622531174</v>
      </c>
    </row>
    <row r="62007" spans="1:7" x14ac:dyDescent="0.3">
      <c r="A62007" s="13" t="s">
        <v>332</v>
      </c>
      <c r="B62007" s="14" t="s">
        <v>1</v>
      </c>
      <c r="C62007" s="14" t="s">
        <v>150</v>
      </c>
      <c r="D62007" s="14" t="s">
        <v>333</v>
      </c>
      <c r="E62007" s="15">
        <v>45698</v>
      </c>
      <c r="F62007" s="14" t="s">
        <v>61</v>
      </c>
      <c r="G62007" s="16">
        <v>2.1936922203972835</v>
      </c>
    </row>
    <row r="62008" spans="1:7" x14ac:dyDescent="0.3">
      <c r="A62008" s="13" t="s">
        <v>332</v>
      </c>
      <c r="B62008" s="14" t="s">
        <v>1</v>
      </c>
      <c r="C62008" s="14" t="s">
        <v>150</v>
      </c>
      <c r="D62008" s="14" t="s">
        <v>333</v>
      </c>
      <c r="E62008" s="15">
        <v>45699</v>
      </c>
      <c r="F62008" s="14" t="s">
        <v>61</v>
      </c>
      <c r="G62008" s="16">
        <v>2.2047946627758233</v>
      </c>
    </row>
    <row r="62009" spans="1:7" x14ac:dyDescent="0.3">
      <c r="A62009" s="13" t="s">
        <v>332</v>
      </c>
      <c r="B62009" s="14" t="s">
        <v>1</v>
      </c>
      <c r="C62009" s="14" t="s">
        <v>150</v>
      </c>
      <c r="D62009" s="14" t="s">
        <v>333</v>
      </c>
      <c r="E62009" s="15">
        <v>45700</v>
      </c>
      <c r="F62009" s="14" t="s">
        <v>61</v>
      </c>
      <c r="G62009" s="16">
        <v>2.2084523348216862</v>
      </c>
    </row>
    <row r="62010" spans="1:7" x14ac:dyDescent="0.3">
      <c r="A62010" s="13" t="s">
        <v>332</v>
      </c>
      <c r="B62010" s="14" t="s">
        <v>1</v>
      </c>
      <c r="C62010" s="14" t="s">
        <v>150</v>
      </c>
      <c r="D62010" s="14" t="s">
        <v>333</v>
      </c>
      <c r="E62010" s="15">
        <v>45701</v>
      </c>
      <c r="F62010" s="14" t="s">
        <v>61</v>
      </c>
      <c r="G62010" s="16">
        <v>2.2120518744427122</v>
      </c>
    </row>
    <row r="62011" spans="1:7" x14ac:dyDescent="0.3">
      <c r="A62011" s="13" t="s">
        <v>332</v>
      </c>
      <c r="B62011" s="14" t="s">
        <v>1</v>
      </c>
      <c r="C62011" s="14" t="s">
        <v>150</v>
      </c>
      <c r="D62011" s="14" t="s">
        <v>333</v>
      </c>
      <c r="E62011" s="15">
        <v>45702</v>
      </c>
      <c r="F62011" s="14" t="s">
        <v>61</v>
      </c>
      <c r="G62011" s="16">
        <v>2.2156145053893455</v>
      </c>
    </row>
    <row r="62012" spans="1:7" x14ac:dyDescent="0.3">
      <c r="A62012" s="13" t="s">
        <v>332</v>
      </c>
      <c r="B62012" s="14" t="s">
        <v>1</v>
      </c>
      <c r="C62012" s="14" t="s">
        <v>150</v>
      </c>
      <c r="D62012" s="14" t="s">
        <v>333</v>
      </c>
      <c r="E62012" s="15">
        <v>45703</v>
      </c>
      <c r="F62012" s="14" t="s">
        <v>61</v>
      </c>
      <c r="G62012" s="16">
        <v>2.2156145053893455</v>
      </c>
    </row>
    <row r="62013" spans="1:7" x14ac:dyDescent="0.3">
      <c r="A62013" s="13" t="s">
        <v>332</v>
      </c>
      <c r="B62013" s="14" t="s">
        <v>1</v>
      </c>
      <c r="C62013" s="14" t="s">
        <v>150</v>
      </c>
      <c r="D62013" s="14" t="s">
        <v>333</v>
      </c>
      <c r="E62013" s="15">
        <v>45704</v>
      </c>
      <c r="F62013" s="14" t="s">
        <v>61</v>
      </c>
      <c r="G62013" s="16">
        <v>2.2156145053893455</v>
      </c>
    </row>
    <row r="62014" spans="1:7" x14ac:dyDescent="0.3">
      <c r="A62014" s="13" t="s">
        <v>332</v>
      </c>
      <c r="B62014" s="14" t="s">
        <v>1</v>
      </c>
      <c r="C62014" s="14" t="s">
        <v>150</v>
      </c>
      <c r="D62014" s="14" t="s">
        <v>333</v>
      </c>
      <c r="E62014" s="15">
        <v>45705</v>
      </c>
      <c r="F62014" s="14" t="s">
        <v>61</v>
      </c>
      <c r="G62014" s="16">
        <v>2.2190898147331795</v>
      </c>
    </row>
    <row r="62015" spans="1:7" x14ac:dyDescent="0.3">
      <c r="A62015" s="13" t="s">
        <v>332</v>
      </c>
      <c r="B62015" s="14" t="s">
        <v>1</v>
      </c>
      <c r="C62015" s="14" t="s">
        <v>150</v>
      </c>
      <c r="D62015" s="14" t="s">
        <v>333</v>
      </c>
      <c r="E62015" s="15">
        <v>45706</v>
      </c>
      <c r="F62015" s="14" t="s">
        <v>61</v>
      </c>
      <c r="G62015" s="16">
        <v>2.2295899292397805</v>
      </c>
    </row>
    <row r="62016" spans="1:7" x14ac:dyDescent="0.3">
      <c r="A62016" s="13" t="s">
        <v>332</v>
      </c>
      <c r="B62016" s="14" t="s">
        <v>1</v>
      </c>
      <c r="C62016" s="14" t="s">
        <v>150</v>
      </c>
      <c r="D62016" s="14" t="s">
        <v>333</v>
      </c>
      <c r="E62016" s="15">
        <v>45707</v>
      </c>
      <c r="F62016" s="14" t="s">
        <v>61</v>
      </c>
      <c r="G62016" s="16">
        <v>2.2311048787668</v>
      </c>
    </row>
    <row r="62017" spans="1:7" x14ac:dyDescent="0.3">
      <c r="A62017" s="13" t="s">
        <v>332</v>
      </c>
      <c r="B62017" s="14" t="s">
        <v>1</v>
      </c>
      <c r="C62017" s="14" t="s">
        <v>150</v>
      </c>
      <c r="D62017" s="14" t="s">
        <v>333</v>
      </c>
      <c r="E62017" s="15">
        <v>45708</v>
      </c>
      <c r="F62017" s="14" t="s">
        <v>61</v>
      </c>
      <c r="G62017" s="16">
        <v>2.2400951797048352</v>
      </c>
    </row>
    <row r="62018" spans="1:7" x14ac:dyDescent="0.3">
      <c r="A62018" s="13" t="s">
        <v>332</v>
      </c>
      <c r="B62018" s="14" t="s">
        <v>1</v>
      </c>
      <c r="C62018" s="14" t="s">
        <v>150</v>
      </c>
      <c r="D62018" s="14" t="s">
        <v>333</v>
      </c>
      <c r="E62018" s="15">
        <v>45709</v>
      </c>
      <c r="F62018" s="14" t="s">
        <v>61</v>
      </c>
      <c r="G62018" s="16">
        <v>2.243651909946748</v>
      </c>
    </row>
    <row r="62019" spans="1:7" x14ac:dyDescent="0.3">
      <c r="A62019" s="13" t="s">
        <v>332</v>
      </c>
      <c r="B62019" s="14" t="s">
        <v>1</v>
      </c>
      <c r="C62019" s="14" t="s">
        <v>150</v>
      </c>
      <c r="D62019" s="14" t="s">
        <v>333</v>
      </c>
      <c r="E62019" s="15">
        <v>45710</v>
      </c>
      <c r="F62019" s="14" t="s">
        <v>61</v>
      </c>
      <c r="G62019" s="16">
        <v>2.243651909946748</v>
      </c>
    </row>
    <row r="62020" spans="1:7" x14ac:dyDescent="0.3">
      <c r="A62020" s="13" t="s">
        <v>332</v>
      </c>
      <c r="B62020" s="14" t="s">
        <v>1</v>
      </c>
      <c r="C62020" s="14" t="s">
        <v>150</v>
      </c>
      <c r="D62020" s="14" t="s">
        <v>333</v>
      </c>
      <c r="E62020" s="15">
        <v>45711</v>
      </c>
      <c r="F62020" s="14" t="s">
        <v>61</v>
      </c>
      <c r="G62020" s="16">
        <v>2.243651909946748</v>
      </c>
    </row>
    <row r="62021" spans="1:7" x14ac:dyDescent="0.3">
      <c r="A62021" s="13" t="s">
        <v>332</v>
      </c>
      <c r="B62021" s="14" t="s">
        <v>1</v>
      </c>
      <c r="C62021" s="14" t="s">
        <v>150</v>
      </c>
      <c r="D62021" s="14" t="s">
        <v>333</v>
      </c>
      <c r="E62021" s="15">
        <v>45712</v>
      </c>
      <c r="F62021" s="14" t="s">
        <v>61</v>
      </c>
      <c r="G62021" s="16">
        <v>2.2469837451994996</v>
      </c>
    </row>
    <row r="62022" spans="1:7" x14ac:dyDescent="0.3">
      <c r="A62022" s="13" t="s">
        <v>332</v>
      </c>
      <c r="B62022" s="14" t="s">
        <v>1</v>
      </c>
      <c r="C62022" s="14" t="s">
        <v>150</v>
      </c>
      <c r="D62022" s="14" t="s">
        <v>333</v>
      </c>
      <c r="E62022" s="15">
        <v>45713</v>
      </c>
      <c r="F62022" s="14" t="s">
        <v>61</v>
      </c>
      <c r="G62022" s="16">
        <v>2.2569743077932354</v>
      </c>
    </row>
    <row r="62023" spans="1:7" x14ac:dyDescent="0.3">
      <c r="A62023" s="13" t="s">
        <v>332</v>
      </c>
      <c r="B62023" s="14" t="s">
        <v>1</v>
      </c>
      <c r="C62023" s="14" t="s">
        <v>150</v>
      </c>
      <c r="D62023" s="14" t="s">
        <v>333</v>
      </c>
      <c r="E62023" s="15">
        <v>45714</v>
      </c>
      <c r="F62023" s="14" t="s">
        <v>61</v>
      </c>
      <c r="G62023" s="16">
        <v>2.2602843047716363</v>
      </c>
    </row>
    <row r="62024" spans="1:7" x14ac:dyDescent="0.3">
      <c r="A62024" s="13" t="s">
        <v>332</v>
      </c>
      <c r="B62024" s="14" t="s">
        <v>1</v>
      </c>
      <c r="C62024" s="14" t="s">
        <v>150</v>
      </c>
      <c r="D62024" s="14" t="s">
        <v>333</v>
      </c>
      <c r="E62024" s="15">
        <v>45715</v>
      </c>
      <c r="F62024" s="14" t="s">
        <v>61</v>
      </c>
      <c r="G62024" s="16">
        <v>2.274077634343203</v>
      </c>
    </row>
    <row r="62025" spans="1:7" x14ac:dyDescent="0.3">
      <c r="A62025" s="13" t="s">
        <v>332</v>
      </c>
      <c r="B62025" s="14" t="s">
        <v>1</v>
      </c>
      <c r="C62025" s="14" t="s">
        <v>150</v>
      </c>
      <c r="D62025" s="14" t="s">
        <v>333</v>
      </c>
      <c r="E62025" s="15">
        <v>45716</v>
      </c>
      <c r="F62025" s="14" t="s">
        <v>61</v>
      </c>
      <c r="G62025" s="16">
        <v>2.2774914227721812</v>
      </c>
    </row>
    <row r="62026" spans="1:7" x14ac:dyDescent="0.3">
      <c r="A62026" s="13" t="s">
        <v>332</v>
      </c>
      <c r="B62026" s="14" t="s">
        <v>1</v>
      </c>
      <c r="C62026" s="14" t="s">
        <v>150</v>
      </c>
      <c r="D62026" s="14" t="s">
        <v>333</v>
      </c>
      <c r="E62026" s="15">
        <v>45717</v>
      </c>
      <c r="F62026" s="14" t="s">
        <v>61</v>
      </c>
      <c r="G62026" s="16">
        <v>2.2774914227721812</v>
      </c>
    </row>
    <row r="62027" spans="1:7" x14ac:dyDescent="0.3">
      <c r="A62027" s="13" t="s">
        <v>332</v>
      </c>
      <c r="B62027" s="14" t="s">
        <v>1</v>
      </c>
      <c r="C62027" s="14" t="s">
        <v>150</v>
      </c>
      <c r="D62027" s="14" t="s">
        <v>333</v>
      </c>
      <c r="E62027" s="15">
        <v>45718</v>
      </c>
      <c r="F62027" s="14" t="s">
        <v>61</v>
      </c>
      <c r="G62027" s="16">
        <v>2.2774914227721812</v>
      </c>
    </row>
    <row r="62028" spans="1:7" x14ac:dyDescent="0.3">
      <c r="A62028" s="13" t="s">
        <v>332</v>
      </c>
      <c r="B62028" s="14" t="s">
        <v>1</v>
      </c>
      <c r="C62028" s="14" t="s">
        <v>150</v>
      </c>
      <c r="D62028" s="14" t="s">
        <v>333</v>
      </c>
      <c r="E62028" s="15">
        <v>45719</v>
      </c>
      <c r="F62028" s="14" t="s">
        <v>61</v>
      </c>
      <c r="G62028" s="16">
        <v>2.2808975305993751</v>
      </c>
    </row>
    <row r="62029" spans="1:7" x14ac:dyDescent="0.3">
      <c r="A62029" s="13" t="s">
        <v>332</v>
      </c>
      <c r="B62029" s="14" t="s">
        <v>1</v>
      </c>
      <c r="C62029" s="14" t="s">
        <v>150</v>
      </c>
      <c r="D62029" s="14" t="s">
        <v>333</v>
      </c>
      <c r="E62029" s="15">
        <v>45720</v>
      </c>
      <c r="F62029" s="14" t="s">
        <v>61</v>
      </c>
      <c r="G62029" s="16">
        <v>2.295538461061891</v>
      </c>
    </row>
    <row r="62030" spans="1:7" x14ac:dyDescent="0.3">
      <c r="A62030" s="13" t="s">
        <v>332</v>
      </c>
      <c r="B62030" s="14" t="s">
        <v>1</v>
      </c>
      <c r="C62030" s="14" t="s">
        <v>150</v>
      </c>
      <c r="D62030" s="14" t="s">
        <v>333</v>
      </c>
      <c r="E62030" s="15">
        <v>45721</v>
      </c>
      <c r="F62030" s="14" t="s">
        <v>61</v>
      </c>
      <c r="G62030" s="16">
        <v>2.2989128376087504</v>
      </c>
    </row>
    <row r="62031" spans="1:7" x14ac:dyDescent="0.3">
      <c r="A62031" s="13" t="s">
        <v>332</v>
      </c>
      <c r="B62031" s="14" t="s">
        <v>1</v>
      </c>
      <c r="C62031" s="14" t="s">
        <v>150</v>
      </c>
      <c r="D62031" s="14" t="s">
        <v>333</v>
      </c>
      <c r="E62031" s="15">
        <v>45722</v>
      </c>
      <c r="F62031" s="14" t="s">
        <v>61</v>
      </c>
      <c r="G62031" s="16">
        <v>2.3102187107784098</v>
      </c>
    </row>
    <row r="62032" spans="1:7" x14ac:dyDescent="0.3">
      <c r="A62032" s="13" t="s">
        <v>332</v>
      </c>
      <c r="B62032" s="14" t="s">
        <v>1</v>
      </c>
      <c r="C62032" s="14" t="s">
        <v>150</v>
      </c>
      <c r="D62032" s="14" t="s">
        <v>333</v>
      </c>
      <c r="E62032" s="15">
        <v>45723</v>
      </c>
      <c r="F62032" s="14" t="s">
        <v>61</v>
      </c>
      <c r="G62032" s="16">
        <v>2.3146488525166706</v>
      </c>
    </row>
    <row r="62033" spans="1:7" x14ac:dyDescent="0.3">
      <c r="A62033" s="13" t="s">
        <v>332</v>
      </c>
      <c r="B62033" s="14" t="s">
        <v>1</v>
      </c>
      <c r="C62033" s="14" t="s">
        <v>150</v>
      </c>
      <c r="D62033" s="14" t="s">
        <v>333</v>
      </c>
      <c r="E62033" s="15">
        <v>45724</v>
      </c>
      <c r="F62033" s="14" t="s">
        <v>61</v>
      </c>
      <c r="G62033" s="16">
        <v>2.3146488525166706</v>
      </c>
    </row>
    <row r="62034" spans="1:7" x14ac:dyDescent="0.3">
      <c r="A62034" s="13" t="s">
        <v>332</v>
      </c>
      <c r="B62034" s="14" t="s">
        <v>1</v>
      </c>
      <c r="C62034" s="14" t="s">
        <v>150</v>
      </c>
      <c r="D62034" s="14" t="s">
        <v>333</v>
      </c>
      <c r="E62034" s="15">
        <v>45725</v>
      </c>
      <c r="F62034" s="14" t="s">
        <v>61</v>
      </c>
      <c r="G62034" s="16">
        <v>2.3146488525166706</v>
      </c>
    </row>
    <row r="62035" spans="1:7" x14ac:dyDescent="0.3">
      <c r="A62035" s="13" t="s">
        <v>332</v>
      </c>
      <c r="B62035" s="14" t="s">
        <v>1</v>
      </c>
      <c r="C62035" s="14" t="s">
        <v>150</v>
      </c>
      <c r="D62035" s="14" t="s">
        <v>333</v>
      </c>
      <c r="E62035" s="15">
        <v>45726</v>
      </c>
      <c r="F62035" s="14" t="s">
        <v>61</v>
      </c>
      <c r="G62035" s="16">
        <v>2.318019123757459</v>
      </c>
    </row>
    <row r="62036" spans="1:7" x14ac:dyDescent="0.3">
      <c r="A62036" s="13" t="s">
        <v>332</v>
      </c>
      <c r="B62036" s="14" t="s">
        <v>1</v>
      </c>
      <c r="C62036" s="14" t="s">
        <v>150</v>
      </c>
      <c r="D62036" s="14" t="s">
        <v>333</v>
      </c>
      <c r="E62036" s="15">
        <v>45727</v>
      </c>
      <c r="F62036" s="14" t="s">
        <v>61</v>
      </c>
      <c r="G62036" s="16">
        <v>2.3279803156678995</v>
      </c>
    </row>
    <row r="62037" spans="1:7" x14ac:dyDescent="0.3">
      <c r="A62037" s="13" t="s">
        <v>332</v>
      </c>
      <c r="B62037" s="14" t="s">
        <v>1</v>
      </c>
      <c r="C62037" s="14" t="s">
        <v>150</v>
      </c>
      <c r="D62037" s="14" t="s">
        <v>333</v>
      </c>
      <c r="E62037" s="15">
        <v>45728</v>
      </c>
      <c r="F62037" s="14" t="s">
        <v>61</v>
      </c>
      <c r="G62037" s="16">
        <v>2.3311616989484047</v>
      </c>
    </row>
    <row r="62038" spans="1:7" x14ac:dyDescent="0.3">
      <c r="A62038" s="13" t="s">
        <v>332</v>
      </c>
      <c r="B62038" s="14" t="s">
        <v>1</v>
      </c>
      <c r="C62038" s="14" t="s">
        <v>150</v>
      </c>
      <c r="D62038" s="14" t="s">
        <v>333</v>
      </c>
      <c r="E62038" s="15">
        <v>45729</v>
      </c>
      <c r="F62038" s="14" t="s">
        <v>61</v>
      </c>
      <c r="G62038" s="16">
        <v>2.3344125196612144</v>
      </c>
    </row>
    <row r="62039" spans="1:7" x14ac:dyDescent="0.3">
      <c r="A62039" s="13" t="s">
        <v>332</v>
      </c>
      <c r="B62039" s="14" t="s">
        <v>1</v>
      </c>
      <c r="C62039" s="14" t="s">
        <v>150</v>
      </c>
      <c r="D62039" s="14" t="s">
        <v>333</v>
      </c>
      <c r="E62039" s="15">
        <v>45730</v>
      </c>
      <c r="F62039" s="14" t="s">
        <v>61</v>
      </c>
      <c r="G62039" s="16">
        <v>2.3386917891208863</v>
      </c>
    </row>
    <row r="62040" spans="1:7" x14ac:dyDescent="0.3">
      <c r="A62040" s="13" t="s">
        <v>332</v>
      </c>
      <c r="B62040" s="14" t="s">
        <v>1</v>
      </c>
      <c r="C62040" s="14" t="s">
        <v>150</v>
      </c>
      <c r="D62040" s="14" t="s">
        <v>333</v>
      </c>
      <c r="E62040" s="15">
        <v>45731</v>
      </c>
      <c r="F62040" s="14" t="s">
        <v>61</v>
      </c>
      <c r="G62040" s="16">
        <v>2.3386917891208863</v>
      </c>
    </row>
    <row r="62041" spans="1:7" x14ac:dyDescent="0.3">
      <c r="A62041" s="13" t="s">
        <v>332</v>
      </c>
      <c r="B62041" s="14" t="s">
        <v>1</v>
      </c>
      <c r="C62041" s="14" t="s">
        <v>150</v>
      </c>
      <c r="D62041" s="14" t="s">
        <v>333</v>
      </c>
      <c r="E62041" s="15">
        <v>45732</v>
      </c>
      <c r="F62041" s="14" t="s">
        <v>61</v>
      </c>
      <c r="G62041" s="16">
        <v>2.3386917891208863</v>
      </c>
    </row>
    <row r="62042" spans="1:7" x14ac:dyDescent="0.3">
      <c r="A62042" s="13" t="s">
        <v>332</v>
      </c>
      <c r="B62042" s="14" t="s">
        <v>1</v>
      </c>
      <c r="C62042" s="14" t="s">
        <v>150</v>
      </c>
      <c r="D62042" s="14" t="s">
        <v>333</v>
      </c>
      <c r="E62042" s="15">
        <v>45733</v>
      </c>
      <c r="F62042" s="14" t="s">
        <v>61</v>
      </c>
      <c r="G62042" s="16">
        <v>2.3386917891208863</v>
      </c>
    </row>
    <row r="62043" spans="1:7" x14ac:dyDescent="0.3">
      <c r="A62043" s="13" t="s">
        <v>332</v>
      </c>
      <c r="B62043" s="14" t="s">
        <v>1</v>
      </c>
      <c r="C62043" s="14" t="s">
        <v>150</v>
      </c>
      <c r="D62043" s="14" t="s">
        <v>333</v>
      </c>
      <c r="E62043" s="15">
        <v>45734</v>
      </c>
      <c r="F62043" s="14" t="s">
        <v>61</v>
      </c>
      <c r="G62043" s="16">
        <v>2.3418733163270806</v>
      </c>
    </row>
    <row r="62044" spans="1:7" x14ac:dyDescent="0.3">
      <c r="A62044" s="13" t="s">
        <v>332</v>
      </c>
      <c r="B62044" s="14" t="s">
        <v>1</v>
      </c>
      <c r="C62044" s="14" t="s">
        <v>150</v>
      </c>
      <c r="D62044" s="14" t="s">
        <v>333</v>
      </c>
      <c r="E62044" s="15">
        <v>45735</v>
      </c>
      <c r="F62044" s="14" t="s">
        <v>61</v>
      </c>
      <c r="G62044" s="16">
        <v>2.3541626080240241</v>
      </c>
    </row>
    <row r="62045" spans="1:7" x14ac:dyDescent="0.3">
      <c r="A62045" s="13" t="s">
        <v>332</v>
      </c>
      <c r="B62045" s="14" t="s">
        <v>1</v>
      </c>
      <c r="C62045" s="14" t="s">
        <v>150</v>
      </c>
      <c r="D62045" s="14" t="s">
        <v>333</v>
      </c>
      <c r="E62045" s="15">
        <v>45736</v>
      </c>
      <c r="F62045" s="14" t="s">
        <v>61</v>
      </c>
      <c r="G62045" s="16">
        <v>2.3572909351563478</v>
      </c>
    </row>
    <row r="62046" spans="1:7" x14ac:dyDescent="0.3">
      <c r="A62046" s="13" t="s">
        <v>332</v>
      </c>
      <c r="B62046" s="14" t="s">
        <v>1</v>
      </c>
      <c r="C62046" s="14" t="s">
        <v>150</v>
      </c>
      <c r="D62046" s="14" t="s">
        <v>333</v>
      </c>
      <c r="E62046" s="15">
        <v>45737</v>
      </c>
      <c r="F62046" s="14" t="s">
        <v>61</v>
      </c>
      <c r="G62046" s="16">
        <v>2.3604205063041537</v>
      </c>
    </row>
    <row r="62047" spans="1:7" x14ac:dyDescent="0.3">
      <c r="A62047" s="13" t="s">
        <v>332</v>
      </c>
      <c r="B62047" s="14" t="s">
        <v>1</v>
      </c>
      <c r="C62047" s="14" t="s">
        <v>150</v>
      </c>
      <c r="D62047" s="14" t="s">
        <v>333</v>
      </c>
      <c r="E62047" s="15">
        <v>45738</v>
      </c>
      <c r="F62047" s="14" t="s">
        <v>61</v>
      </c>
      <c r="G62047" s="16">
        <v>2.3604205063041537</v>
      </c>
    </row>
    <row r="62048" spans="1:7" x14ac:dyDescent="0.3">
      <c r="A62048" s="13" t="s">
        <v>332</v>
      </c>
      <c r="B62048" s="14" t="s">
        <v>1</v>
      </c>
      <c r="C62048" s="14" t="s">
        <v>150</v>
      </c>
      <c r="D62048" s="14" t="s">
        <v>333</v>
      </c>
      <c r="E62048" s="15">
        <v>45739</v>
      </c>
      <c r="F62048" s="14" t="s">
        <v>61</v>
      </c>
      <c r="G62048" s="16">
        <v>2.3604205063041537</v>
      </c>
    </row>
    <row r="62049" spans="1:7" x14ac:dyDescent="0.3">
      <c r="A62049" s="13" t="s">
        <v>332</v>
      </c>
      <c r="B62049" s="14" t="s">
        <v>1</v>
      </c>
      <c r="C62049" s="14" t="s">
        <v>150</v>
      </c>
      <c r="D62049" s="14" t="s">
        <v>333</v>
      </c>
      <c r="E62049" s="15">
        <v>45740</v>
      </c>
      <c r="F62049" s="14" t="s">
        <v>61</v>
      </c>
      <c r="G62049" s="16">
        <v>2.3622417014468753</v>
      </c>
    </row>
    <row r="62050" spans="1:7" x14ac:dyDescent="0.3">
      <c r="A62050" s="13" t="s">
        <v>332</v>
      </c>
      <c r="B62050" s="14" t="s">
        <v>1</v>
      </c>
      <c r="C62050" s="14" t="s">
        <v>150</v>
      </c>
      <c r="D62050" s="14" t="s">
        <v>333</v>
      </c>
      <c r="E62050" s="15">
        <v>45741</v>
      </c>
      <c r="F62050" s="14" t="s">
        <v>61</v>
      </c>
      <c r="G62050" s="16">
        <v>2.370829459633442</v>
      </c>
    </row>
    <row r="62051" spans="1:7" x14ac:dyDescent="0.3">
      <c r="A62051" s="13" t="s">
        <v>332</v>
      </c>
      <c r="B62051" s="14" t="s">
        <v>1</v>
      </c>
      <c r="C62051" s="14" t="s">
        <v>150</v>
      </c>
      <c r="D62051" s="14" t="s">
        <v>333</v>
      </c>
      <c r="E62051" s="15">
        <v>45742</v>
      </c>
      <c r="F62051" s="14" t="s">
        <v>61</v>
      </c>
      <c r="G62051" s="16">
        <v>2.3749029559564492</v>
      </c>
    </row>
    <row r="62052" spans="1:7" x14ac:dyDescent="0.3">
      <c r="A62052" s="13" t="s">
        <v>332</v>
      </c>
      <c r="B62052" s="14" t="s">
        <v>1</v>
      </c>
      <c r="C62052" s="14" t="s">
        <v>150</v>
      </c>
      <c r="D62052" s="14" t="s">
        <v>333</v>
      </c>
      <c r="E62052" s="15">
        <v>45743</v>
      </c>
      <c r="F62052" s="14" t="s">
        <v>61</v>
      </c>
      <c r="G62052" s="16">
        <v>2.3829870414471102</v>
      </c>
    </row>
    <row r="62053" spans="1:7" x14ac:dyDescent="0.3">
      <c r="A62053" s="13" t="s">
        <v>332</v>
      </c>
      <c r="B62053" s="14" t="s">
        <v>1</v>
      </c>
      <c r="C62053" s="14" t="s">
        <v>150</v>
      </c>
      <c r="D62053" s="14" t="s">
        <v>333</v>
      </c>
      <c r="E62053" s="15">
        <v>45744</v>
      </c>
      <c r="F62053" s="14" t="s">
        <v>61</v>
      </c>
      <c r="G62053" s="16">
        <v>2.3861630312493824</v>
      </c>
    </row>
    <row r="62054" spans="1:7" x14ac:dyDescent="0.3">
      <c r="A62054" s="13" t="s">
        <v>332</v>
      </c>
      <c r="B62054" s="14" t="s">
        <v>1</v>
      </c>
      <c r="C62054" s="14" t="s">
        <v>150</v>
      </c>
      <c r="D62054" s="14" t="s">
        <v>333</v>
      </c>
      <c r="E62054" s="15">
        <v>45745</v>
      </c>
      <c r="F62054" s="14" t="s">
        <v>61</v>
      </c>
      <c r="G62054" s="16">
        <v>2.3861630312493824</v>
      </c>
    </row>
    <row r="62055" spans="1:7" x14ac:dyDescent="0.3">
      <c r="A62055" s="13" t="s">
        <v>332</v>
      </c>
      <c r="B62055" s="14" t="s">
        <v>1</v>
      </c>
      <c r="C62055" s="14" t="s">
        <v>150</v>
      </c>
      <c r="D62055" s="14" t="s">
        <v>333</v>
      </c>
      <c r="E62055" s="15">
        <v>45746</v>
      </c>
      <c r="F62055" s="14" t="s">
        <v>61</v>
      </c>
      <c r="G62055" s="16">
        <v>2.3861630312493824</v>
      </c>
    </row>
    <row r="62056" spans="1:7" x14ac:dyDescent="0.3">
      <c r="A62056" s="13" t="s">
        <v>332</v>
      </c>
      <c r="B62056" s="14" t="s">
        <v>1</v>
      </c>
      <c r="C62056" s="14" t="s">
        <v>150</v>
      </c>
      <c r="D62056" s="14" t="s">
        <v>333</v>
      </c>
      <c r="E62056" s="15">
        <v>45747</v>
      </c>
      <c r="F62056" s="14" t="s">
        <v>61</v>
      </c>
      <c r="G62056" s="16">
        <v>2.3919754217579037</v>
      </c>
    </row>
    <row r="62057" spans="1:7" x14ac:dyDescent="0.3">
      <c r="A62057" s="13" t="s">
        <v>334</v>
      </c>
      <c r="B62057" s="14" t="s">
        <v>1</v>
      </c>
      <c r="C62057" s="14" t="s">
        <v>109</v>
      </c>
      <c r="D62057" s="14" t="s">
        <v>335</v>
      </c>
      <c r="E62057" s="15">
        <v>45383</v>
      </c>
      <c r="F62057" s="14" t="s">
        <v>61</v>
      </c>
      <c r="G62057" s="16">
        <v>0</v>
      </c>
    </row>
    <row r="62058" spans="1:7" x14ac:dyDescent="0.3">
      <c r="A62058" s="13" t="s">
        <v>334</v>
      </c>
      <c r="B62058" s="14" t="s">
        <v>1</v>
      </c>
      <c r="C62058" s="14" t="s">
        <v>109</v>
      </c>
      <c r="D62058" s="14" t="s">
        <v>335</v>
      </c>
      <c r="E62058" s="15">
        <v>45384</v>
      </c>
      <c r="F62058" s="14" t="s">
        <v>61</v>
      </c>
      <c r="G62058" s="16">
        <v>0</v>
      </c>
    </row>
    <row r="62059" spans="1:7" x14ac:dyDescent="0.3">
      <c r="A62059" s="13" t="s">
        <v>334</v>
      </c>
      <c r="B62059" s="14" t="s">
        <v>1</v>
      </c>
      <c r="C62059" s="14" t="s">
        <v>109</v>
      </c>
      <c r="D62059" s="14" t="s">
        <v>335</v>
      </c>
      <c r="E62059" s="15">
        <v>45385</v>
      </c>
      <c r="F62059" s="14" t="s">
        <v>61</v>
      </c>
      <c r="G62059" s="16">
        <v>0</v>
      </c>
    </row>
    <row r="62060" spans="1:7" x14ac:dyDescent="0.3">
      <c r="A62060" s="13" t="s">
        <v>334</v>
      </c>
      <c r="B62060" s="14" t="s">
        <v>1</v>
      </c>
      <c r="C62060" s="14" t="s">
        <v>109</v>
      </c>
      <c r="D62060" s="14" t="s">
        <v>335</v>
      </c>
      <c r="E62060" s="15">
        <v>45386</v>
      </c>
      <c r="F62060" s="14" t="s">
        <v>61</v>
      </c>
      <c r="G62060" s="16">
        <v>0</v>
      </c>
    </row>
    <row r="62061" spans="1:7" x14ac:dyDescent="0.3">
      <c r="A62061" s="13" t="s">
        <v>334</v>
      </c>
      <c r="B62061" s="14" t="s">
        <v>1</v>
      </c>
      <c r="C62061" s="14" t="s">
        <v>109</v>
      </c>
      <c r="D62061" s="14" t="s">
        <v>335</v>
      </c>
      <c r="E62061" s="15">
        <v>45387</v>
      </c>
      <c r="F62061" s="14" t="s">
        <v>61</v>
      </c>
      <c r="G62061" s="16">
        <v>0</v>
      </c>
    </row>
    <row r="62062" spans="1:7" x14ac:dyDescent="0.3">
      <c r="A62062" s="13" t="s">
        <v>334</v>
      </c>
      <c r="B62062" s="14" t="s">
        <v>1</v>
      </c>
      <c r="C62062" s="14" t="s">
        <v>109</v>
      </c>
      <c r="D62062" s="14" t="s">
        <v>335</v>
      </c>
      <c r="E62062" s="15">
        <v>45388</v>
      </c>
      <c r="F62062" s="14" t="s">
        <v>61</v>
      </c>
      <c r="G62062" s="16">
        <v>0</v>
      </c>
    </row>
    <row r="62063" spans="1:7" x14ac:dyDescent="0.3">
      <c r="A62063" s="13" t="s">
        <v>334</v>
      </c>
      <c r="B62063" s="14" t="s">
        <v>1</v>
      </c>
      <c r="C62063" s="14" t="s">
        <v>109</v>
      </c>
      <c r="D62063" s="14" t="s">
        <v>335</v>
      </c>
      <c r="E62063" s="15">
        <v>45389</v>
      </c>
      <c r="F62063" s="14" t="s">
        <v>61</v>
      </c>
      <c r="G62063" s="16">
        <v>0</v>
      </c>
    </row>
    <row r="62064" spans="1:7" x14ac:dyDescent="0.3">
      <c r="A62064" s="13" t="s">
        <v>334</v>
      </c>
      <c r="B62064" s="14" t="s">
        <v>1</v>
      </c>
      <c r="C62064" s="14" t="s">
        <v>109</v>
      </c>
      <c r="D62064" s="14" t="s">
        <v>335</v>
      </c>
      <c r="E62064" s="15">
        <v>45390</v>
      </c>
      <c r="F62064" s="14" t="s">
        <v>61</v>
      </c>
      <c r="G62064" s="16">
        <v>0</v>
      </c>
    </row>
    <row r="62065" spans="1:7" x14ac:dyDescent="0.3">
      <c r="A62065" s="13" t="s">
        <v>334</v>
      </c>
      <c r="B62065" s="14" t="s">
        <v>1</v>
      </c>
      <c r="C62065" s="14" t="s">
        <v>109</v>
      </c>
      <c r="D62065" s="14" t="s">
        <v>335</v>
      </c>
      <c r="E62065" s="15">
        <v>45391</v>
      </c>
      <c r="F62065" s="14" t="s">
        <v>61</v>
      </c>
      <c r="G62065" s="16">
        <v>0</v>
      </c>
    </row>
    <row r="62066" spans="1:7" x14ac:dyDescent="0.3">
      <c r="A62066" s="13" t="s">
        <v>334</v>
      </c>
      <c r="B62066" s="14" t="s">
        <v>1</v>
      </c>
      <c r="C62066" s="14" t="s">
        <v>109</v>
      </c>
      <c r="D62066" s="14" t="s">
        <v>335</v>
      </c>
      <c r="E62066" s="15">
        <v>45392</v>
      </c>
      <c r="F62066" s="14" t="s">
        <v>61</v>
      </c>
      <c r="G62066" s="16">
        <v>0</v>
      </c>
    </row>
    <row r="62067" spans="1:7" x14ac:dyDescent="0.3">
      <c r="A62067" s="13" t="s">
        <v>334</v>
      </c>
      <c r="B62067" s="14" t="s">
        <v>1</v>
      </c>
      <c r="C62067" s="14" t="s">
        <v>109</v>
      </c>
      <c r="D62067" s="14" t="s">
        <v>335</v>
      </c>
      <c r="E62067" s="15">
        <v>45393</v>
      </c>
      <c r="F62067" s="14" t="s">
        <v>61</v>
      </c>
      <c r="G62067" s="16">
        <v>0</v>
      </c>
    </row>
    <row r="62068" spans="1:7" x14ac:dyDescent="0.3">
      <c r="A62068" s="13" t="s">
        <v>334</v>
      </c>
      <c r="B62068" s="14" t="s">
        <v>1</v>
      </c>
      <c r="C62068" s="14" t="s">
        <v>109</v>
      </c>
      <c r="D62068" s="14" t="s">
        <v>335</v>
      </c>
      <c r="E62068" s="15">
        <v>45394</v>
      </c>
      <c r="F62068" s="14" t="s">
        <v>61</v>
      </c>
      <c r="G62068" s="16">
        <v>0</v>
      </c>
    </row>
    <row r="62069" spans="1:7" x14ac:dyDescent="0.3">
      <c r="A62069" s="13" t="s">
        <v>334</v>
      </c>
      <c r="B62069" s="14" t="s">
        <v>1</v>
      </c>
      <c r="C62069" s="14" t="s">
        <v>109</v>
      </c>
      <c r="D62069" s="14" t="s">
        <v>335</v>
      </c>
      <c r="E62069" s="15">
        <v>45395</v>
      </c>
      <c r="F62069" s="14" t="s">
        <v>61</v>
      </c>
      <c r="G62069" s="16">
        <v>0</v>
      </c>
    </row>
    <row r="62070" spans="1:7" x14ac:dyDescent="0.3">
      <c r="A62070" s="13" t="s">
        <v>334</v>
      </c>
      <c r="B62070" s="14" t="s">
        <v>1</v>
      </c>
      <c r="C62070" s="14" t="s">
        <v>109</v>
      </c>
      <c r="D62070" s="14" t="s">
        <v>335</v>
      </c>
      <c r="E62070" s="15">
        <v>45396</v>
      </c>
      <c r="F62070" s="14" t="s">
        <v>61</v>
      </c>
      <c r="G62070" s="16">
        <v>0</v>
      </c>
    </row>
    <row r="62071" spans="1:7" x14ac:dyDescent="0.3">
      <c r="A62071" s="13" t="s">
        <v>334</v>
      </c>
      <c r="B62071" s="14" t="s">
        <v>1</v>
      </c>
      <c r="C62071" s="14" t="s">
        <v>109</v>
      </c>
      <c r="D62071" s="14" t="s">
        <v>335</v>
      </c>
      <c r="E62071" s="15">
        <v>45397</v>
      </c>
      <c r="F62071" s="14" t="s">
        <v>61</v>
      </c>
      <c r="G62071" s="16">
        <v>8.675489783855234E-3</v>
      </c>
    </row>
    <row r="62072" spans="1:7" x14ac:dyDescent="0.3">
      <c r="A62072" s="13" t="s">
        <v>334</v>
      </c>
      <c r="B62072" s="14" t="s">
        <v>1</v>
      </c>
      <c r="C62072" s="14" t="s">
        <v>109</v>
      </c>
      <c r="D62072" s="14" t="s">
        <v>335</v>
      </c>
      <c r="E62072" s="15">
        <v>45398</v>
      </c>
      <c r="F62072" s="14" t="s">
        <v>61</v>
      </c>
      <c r="G62072" s="16">
        <v>2.7011564477520617E-3</v>
      </c>
    </row>
    <row r="62073" spans="1:7" x14ac:dyDescent="0.3">
      <c r="A62073" s="13" t="s">
        <v>334</v>
      </c>
      <c r="B62073" s="14" t="s">
        <v>1</v>
      </c>
      <c r="C62073" s="14" t="s">
        <v>109</v>
      </c>
      <c r="D62073" s="14" t="s">
        <v>335</v>
      </c>
      <c r="E62073" s="15">
        <v>45399</v>
      </c>
      <c r="F62073" s="14" t="s">
        <v>61</v>
      </c>
      <c r="G62073" s="16">
        <v>9.9767576488919902E-4</v>
      </c>
    </row>
    <row r="62074" spans="1:7" x14ac:dyDescent="0.3">
      <c r="A62074" s="13" t="s">
        <v>334</v>
      </c>
      <c r="B62074" s="14" t="s">
        <v>1</v>
      </c>
      <c r="C62074" s="14" t="s">
        <v>109</v>
      </c>
      <c r="D62074" s="14" t="s">
        <v>335</v>
      </c>
      <c r="E62074" s="15">
        <v>45400</v>
      </c>
      <c r="F62074" s="14" t="s">
        <v>61</v>
      </c>
      <c r="G62074" s="16">
        <v>0</v>
      </c>
    </row>
    <row r="62075" spans="1:7" x14ac:dyDescent="0.3">
      <c r="A62075" s="13" t="s">
        <v>334</v>
      </c>
      <c r="B62075" s="14" t="s">
        <v>1</v>
      </c>
      <c r="C62075" s="14" t="s">
        <v>109</v>
      </c>
      <c r="D62075" s="14" t="s">
        <v>335</v>
      </c>
      <c r="E62075" s="15">
        <v>45401</v>
      </c>
      <c r="F62075" s="14" t="s">
        <v>61</v>
      </c>
      <c r="G62075" s="16">
        <v>0</v>
      </c>
    </row>
    <row r="62076" spans="1:7" x14ac:dyDescent="0.3">
      <c r="A62076" s="13" t="s">
        <v>334</v>
      </c>
      <c r="B62076" s="14" t="s">
        <v>1</v>
      </c>
      <c r="C62076" s="14" t="s">
        <v>109</v>
      </c>
      <c r="D62076" s="14" t="s">
        <v>335</v>
      </c>
      <c r="E62076" s="15">
        <v>45402</v>
      </c>
      <c r="F62076" s="14" t="s">
        <v>61</v>
      </c>
      <c r="G62076" s="16">
        <v>0</v>
      </c>
    </row>
    <row r="62077" spans="1:7" x14ac:dyDescent="0.3">
      <c r="A62077" s="13" t="s">
        <v>334</v>
      </c>
      <c r="B62077" s="14" t="s">
        <v>1</v>
      </c>
      <c r="C62077" s="14" t="s">
        <v>109</v>
      </c>
      <c r="D62077" s="14" t="s">
        <v>335</v>
      </c>
      <c r="E62077" s="15">
        <v>45403</v>
      </c>
      <c r="F62077" s="14" t="s">
        <v>61</v>
      </c>
      <c r="G62077" s="16">
        <v>0</v>
      </c>
    </row>
    <row r="62078" spans="1:7" x14ac:dyDescent="0.3">
      <c r="A62078" s="13" t="s">
        <v>334</v>
      </c>
      <c r="B62078" s="14" t="s">
        <v>1</v>
      </c>
      <c r="C62078" s="14" t="s">
        <v>109</v>
      </c>
      <c r="D62078" s="14" t="s">
        <v>335</v>
      </c>
      <c r="E62078" s="15">
        <v>45404</v>
      </c>
      <c r="F62078" s="14" t="s">
        <v>61</v>
      </c>
      <c r="G62078" s="16">
        <v>0</v>
      </c>
    </row>
    <row r="62079" spans="1:7" x14ac:dyDescent="0.3">
      <c r="A62079" s="13" t="s">
        <v>334</v>
      </c>
      <c r="B62079" s="14" t="s">
        <v>1</v>
      </c>
      <c r="C62079" s="14" t="s">
        <v>109</v>
      </c>
      <c r="D62079" s="14" t="s">
        <v>335</v>
      </c>
      <c r="E62079" s="15">
        <v>45405</v>
      </c>
      <c r="F62079" s="14" t="s">
        <v>61</v>
      </c>
      <c r="G62079" s="16">
        <v>0</v>
      </c>
    </row>
    <row r="62080" spans="1:7" x14ac:dyDescent="0.3">
      <c r="A62080" s="13" t="s">
        <v>334</v>
      </c>
      <c r="B62080" s="14" t="s">
        <v>1</v>
      </c>
      <c r="C62080" s="14" t="s">
        <v>109</v>
      </c>
      <c r="D62080" s="14" t="s">
        <v>335</v>
      </c>
      <c r="E62080" s="15">
        <v>45406</v>
      </c>
      <c r="F62080" s="14" t="s">
        <v>61</v>
      </c>
      <c r="G62080" s="16">
        <v>0</v>
      </c>
    </row>
    <row r="62081" spans="1:7" x14ac:dyDescent="0.3">
      <c r="A62081" s="13" t="s">
        <v>334</v>
      </c>
      <c r="B62081" s="14" t="s">
        <v>1</v>
      </c>
      <c r="C62081" s="14" t="s">
        <v>109</v>
      </c>
      <c r="D62081" s="14" t="s">
        <v>335</v>
      </c>
      <c r="E62081" s="15">
        <v>45407</v>
      </c>
      <c r="F62081" s="14" t="s">
        <v>61</v>
      </c>
      <c r="G62081" s="16">
        <v>0</v>
      </c>
    </row>
    <row r="62082" spans="1:7" x14ac:dyDescent="0.3">
      <c r="A62082" s="13" t="s">
        <v>334</v>
      </c>
      <c r="B62082" s="14" t="s">
        <v>1</v>
      </c>
      <c r="C62082" s="14" t="s">
        <v>109</v>
      </c>
      <c r="D62082" s="14" t="s">
        <v>335</v>
      </c>
      <c r="E62082" s="15">
        <v>45408</v>
      </c>
      <c r="F62082" s="14" t="s">
        <v>61</v>
      </c>
      <c r="G62082" s="16">
        <v>0</v>
      </c>
    </row>
    <row r="62083" spans="1:7" x14ac:dyDescent="0.3">
      <c r="A62083" s="13" t="s">
        <v>334</v>
      </c>
      <c r="B62083" s="14" t="s">
        <v>1</v>
      </c>
      <c r="C62083" s="14" t="s">
        <v>109</v>
      </c>
      <c r="D62083" s="14" t="s">
        <v>335</v>
      </c>
      <c r="E62083" s="15">
        <v>45409</v>
      </c>
      <c r="F62083" s="14" t="s">
        <v>61</v>
      </c>
      <c r="G62083" s="16">
        <v>0</v>
      </c>
    </row>
    <row r="62084" spans="1:7" x14ac:dyDescent="0.3">
      <c r="A62084" s="13" t="s">
        <v>334</v>
      </c>
      <c r="B62084" s="14" t="s">
        <v>1</v>
      </c>
      <c r="C62084" s="14" t="s">
        <v>109</v>
      </c>
      <c r="D62084" s="14" t="s">
        <v>335</v>
      </c>
      <c r="E62084" s="15">
        <v>45410</v>
      </c>
      <c r="F62084" s="14" t="s">
        <v>61</v>
      </c>
      <c r="G62084" s="16">
        <v>0</v>
      </c>
    </row>
    <row r="62085" spans="1:7" x14ac:dyDescent="0.3">
      <c r="A62085" s="13" t="s">
        <v>334</v>
      </c>
      <c r="B62085" s="14" t="s">
        <v>1</v>
      </c>
      <c r="C62085" s="14" t="s">
        <v>109</v>
      </c>
      <c r="D62085" s="14" t="s">
        <v>335</v>
      </c>
      <c r="E62085" s="15">
        <v>45411</v>
      </c>
      <c r="F62085" s="14" t="s">
        <v>61</v>
      </c>
      <c r="G62085" s="16">
        <v>0</v>
      </c>
    </row>
    <row r="62086" spans="1:7" x14ac:dyDescent="0.3">
      <c r="A62086" s="13" t="s">
        <v>334</v>
      </c>
      <c r="B62086" s="14" t="s">
        <v>1</v>
      </c>
      <c r="C62086" s="14" t="s">
        <v>109</v>
      </c>
      <c r="D62086" s="14" t="s">
        <v>335</v>
      </c>
      <c r="E62086" s="15">
        <v>45412</v>
      </c>
      <c r="F62086" s="14" t="s">
        <v>61</v>
      </c>
      <c r="G62086" s="16">
        <v>6.230968975107538E-3</v>
      </c>
    </row>
    <row r="62087" spans="1:7" x14ac:dyDescent="0.3">
      <c r="A62087" s="13" t="s">
        <v>334</v>
      </c>
      <c r="B62087" s="14" t="s">
        <v>1</v>
      </c>
      <c r="C62087" s="14" t="s">
        <v>109</v>
      </c>
      <c r="D62087" s="14" t="s">
        <v>335</v>
      </c>
      <c r="E62087" s="15">
        <v>45413</v>
      </c>
      <c r="F62087" s="14" t="s">
        <v>61</v>
      </c>
      <c r="G62087" s="16">
        <v>5.3690633413280521E-3</v>
      </c>
    </row>
    <row r="62088" spans="1:7" x14ac:dyDescent="0.3">
      <c r="A62088" s="13" t="s">
        <v>334</v>
      </c>
      <c r="B62088" s="14" t="s">
        <v>1</v>
      </c>
      <c r="C62088" s="14" t="s">
        <v>109</v>
      </c>
      <c r="D62088" s="14" t="s">
        <v>335</v>
      </c>
      <c r="E62088" s="15">
        <v>45414</v>
      </c>
      <c r="F62088" s="14" t="s">
        <v>61</v>
      </c>
      <c r="G62088" s="16">
        <v>7.0695225108658964E-3</v>
      </c>
    </row>
    <row r="62089" spans="1:7" x14ac:dyDescent="0.3">
      <c r="A62089" s="13" t="s">
        <v>334</v>
      </c>
      <c r="B62089" s="14" t="s">
        <v>1</v>
      </c>
      <c r="C62089" s="14" t="s">
        <v>109</v>
      </c>
      <c r="D62089" s="14" t="s">
        <v>335</v>
      </c>
      <c r="E62089" s="15">
        <v>45415</v>
      </c>
      <c r="F62089" s="14" t="s">
        <v>61</v>
      </c>
      <c r="G62089" s="16">
        <v>5.3712414862797028E-3</v>
      </c>
    </row>
    <row r="62090" spans="1:7" x14ac:dyDescent="0.3">
      <c r="A62090" s="13" t="s">
        <v>334</v>
      </c>
      <c r="B62090" s="14" t="s">
        <v>1</v>
      </c>
      <c r="C62090" s="14" t="s">
        <v>109</v>
      </c>
      <c r="D62090" s="14" t="s">
        <v>335</v>
      </c>
      <c r="E62090" s="15">
        <v>45416</v>
      </c>
      <c r="F62090" s="14" t="s">
        <v>61</v>
      </c>
      <c r="G62090" s="16">
        <v>5.3712414862797028E-3</v>
      </c>
    </row>
    <row r="62091" spans="1:7" x14ac:dyDescent="0.3">
      <c r="A62091" s="13" t="s">
        <v>334</v>
      </c>
      <c r="B62091" s="14" t="s">
        <v>1</v>
      </c>
      <c r="C62091" s="14" t="s">
        <v>109</v>
      </c>
      <c r="D62091" s="14" t="s">
        <v>335</v>
      </c>
      <c r="E62091" s="15">
        <v>45417</v>
      </c>
      <c r="F62091" s="14" t="s">
        <v>61</v>
      </c>
      <c r="G62091" s="16">
        <v>5.3712414862797028E-3</v>
      </c>
    </row>
    <row r="62092" spans="1:7" x14ac:dyDescent="0.3">
      <c r="A62092" s="13" t="s">
        <v>334</v>
      </c>
      <c r="B62092" s="14" t="s">
        <v>1</v>
      </c>
      <c r="C62092" s="14" t="s">
        <v>109</v>
      </c>
      <c r="D62092" s="14" t="s">
        <v>335</v>
      </c>
      <c r="E62092" s="15">
        <v>45418</v>
      </c>
      <c r="F62092" s="14" t="s">
        <v>61</v>
      </c>
      <c r="G62092" s="16">
        <v>5.3712414862797028E-3</v>
      </c>
    </row>
    <row r="62093" spans="1:7" x14ac:dyDescent="0.3">
      <c r="A62093" s="13" t="s">
        <v>334</v>
      </c>
      <c r="B62093" s="14" t="s">
        <v>1</v>
      </c>
      <c r="C62093" s="14" t="s">
        <v>109</v>
      </c>
      <c r="D62093" s="14" t="s">
        <v>335</v>
      </c>
      <c r="E62093" s="15">
        <v>45419</v>
      </c>
      <c r="F62093" s="14" t="s">
        <v>61</v>
      </c>
      <c r="G62093" s="16">
        <v>3.6965461394409638E-3</v>
      </c>
    </row>
    <row r="62094" spans="1:7" x14ac:dyDescent="0.3">
      <c r="A62094" s="13" t="s">
        <v>334</v>
      </c>
      <c r="B62094" s="14" t="s">
        <v>1</v>
      </c>
      <c r="C62094" s="14" t="s">
        <v>109</v>
      </c>
      <c r="D62094" s="14" t="s">
        <v>335</v>
      </c>
      <c r="E62094" s="15">
        <v>45420</v>
      </c>
      <c r="F62094" s="14" t="s">
        <v>61</v>
      </c>
      <c r="G62094" s="16">
        <v>1.9779205717348678E-2</v>
      </c>
    </row>
    <row r="62095" spans="1:7" x14ac:dyDescent="0.3">
      <c r="A62095" s="13" t="s">
        <v>334</v>
      </c>
      <c r="B62095" s="14" t="s">
        <v>1</v>
      </c>
      <c r="C62095" s="14" t="s">
        <v>109</v>
      </c>
      <c r="D62095" s="14" t="s">
        <v>335</v>
      </c>
      <c r="E62095" s="15">
        <v>45421</v>
      </c>
      <c r="F62095" s="14" t="s">
        <v>61</v>
      </c>
      <c r="G62095" s="16">
        <v>1.8046629498754838E-2</v>
      </c>
    </row>
    <row r="62096" spans="1:7" x14ac:dyDescent="0.3">
      <c r="A62096" s="13" t="s">
        <v>334</v>
      </c>
      <c r="B62096" s="14" t="s">
        <v>1</v>
      </c>
      <c r="C62096" s="14" t="s">
        <v>109</v>
      </c>
      <c r="D62096" s="14" t="s">
        <v>335</v>
      </c>
      <c r="E62096" s="15">
        <v>45422</v>
      </c>
      <c r="F62096" s="14" t="s">
        <v>61</v>
      </c>
      <c r="G62096" s="16">
        <v>1.6387715069730392E-2</v>
      </c>
    </row>
    <row r="62097" spans="1:7" x14ac:dyDescent="0.3">
      <c r="A62097" s="13" t="s">
        <v>334</v>
      </c>
      <c r="B62097" s="14" t="s">
        <v>1</v>
      </c>
      <c r="C62097" s="14" t="s">
        <v>109</v>
      </c>
      <c r="D62097" s="14" t="s">
        <v>335</v>
      </c>
      <c r="E62097" s="15">
        <v>45423</v>
      </c>
      <c r="F62097" s="14" t="s">
        <v>61</v>
      </c>
      <c r="G62097" s="16">
        <v>1.6387715069730392E-2</v>
      </c>
    </row>
    <row r="62098" spans="1:7" x14ac:dyDescent="0.3">
      <c r="A62098" s="13" t="s">
        <v>334</v>
      </c>
      <c r="B62098" s="14" t="s">
        <v>1</v>
      </c>
      <c r="C62098" s="14" t="s">
        <v>109</v>
      </c>
      <c r="D62098" s="14" t="s">
        <v>335</v>
      </c>
      <c r="E62098" s="15">
        <v>45424</v>
      </c>
      <c r="F62098" s="14" t="s">
        <v>61</v>
      </c>
      <c r="G62098" s="16">
        <v>1.6387715069730392E-2</v>
      </c>
    </row>
    <row r="62099" spans="1:7" x14ac:dyDescent="0.3">
      <c r="A62099" s="13" t="s">
        <v>334</v>
      </c>
      <c r="B62099" s="14" t="s">
        <v>1</v>
      </c>
      <c r="C62099" s="14" t="s">
        <v>109</v>
      </c>
      <c r="D62099" s="14" t="s">
        <v>335</v>
      </c>
      <c r="E62099" s="15">
        <v>45425</v>
      </c>
      <c r="F62099" s="14" t="s">
        <v>61</v>
      </c>
      <c r="G62099" s="16">
        <v>2.9853637913200455E-2</v>
      </c>
    </row>
    <row r="62100" spans="1:7" x14ac:dyDescent="0.3">
      <c r="A62100" s="13" t="s">
        <v>334</v>
      </c>
      <c r="B62100" s="14" t="s">
        <v>1</v>
      </c>
      <c r="C62100" s="14" t="s">
        <v>109</v>
      </c>
      <c r="D62100" s="14" t="s">
        <v>335</v>
      </c>
      <c r="E62100" s="15">
        <v>45426</v>
      </c>
      <c r="F62100" s="14" t="s">
        <v>61</v>
      </c>
      <c r="G62100" s="16">
        <v>3.2299752328620736E-2</v>
      </c>
    </row>
    <row r="62101" spans="1:7" x14ac:dyDescent="0.3">
      <c r="A62101" s="13" t="s">
        <v>334</v>
      </c>
      <c r="B62101" s="14" t="s">
        <v>1</v>
      </c>
      <c r="C62101" s="14" t="s">
        <v>109</v>
      </c>
      <c r="D62101" s="14" t="s">
        <v>335</v>
      </c>
      <c r="E62101" s="15">
        <v>45427</v>
      </c>
      <c r="F62101" s="14" t="s">
        <v>61</v>
      </c>
      <c r="G62101" s="16">
        <v>3.2959096830576587E-2</v>
      </c>
    </row>
    <row r="62102" spans="1:7" x14ac:dyDescent="0.3">
      <c r="A62102" s="13" t="s">
        <v>334</v>
      </c>
      <c r="B62102" s="14" t="s">
        <v>1</v>
      </c>
      <c r="C62102" s="14" t="s">
        <v>109</v>
      </c>
      <c r="D62102" s="14" t="s">
        <v>335</v>
      </c>
      <c r="E62102" s="15">
        <v>45428</v>
      </c>
      <c r="F62102" s="14" t="s">
        <v>61</v>
      </c>
      <c r="G62102" s="16">
        <v>4.3895093909996394E-2</v>
      </c>
    </row>
    <row r="62103" spans="1:7" x14ac:dyDescent="0.3">
      <c r="A62103" s="13" t="s">
        <v>334</v>
      </c>
      <c r="B62103" s="14" t="s">
        <v>1</v>
      </c>
      <c r="C62103" s="14" t="s">
        <v>109</v>
      </c>
      <c r="D62103" s="14" t="s">
        <v>335</v>
      </c>
      <c r="E62103" s="15">
        <v>45429</v>
      </c>
      <c r="F62103" s="14" t="s">
        <v>61</v>
      </c>
      <c r="G62103" s="16">
        <v>4.2217041637736534E-2</v>
      </c>
    </row>
    <row r="62104" spans="1:7" x14ac:dyDescent="0.3">
      <c r="A62104" s="13" t="s">
        <v>334</v>
      </c>
      <c r="B62104" s="14" t="s">
        <v>1</v>
      </c>
      <c r="C62104" s="14" t="s">
        <v>109</v>
      </c>
      <c r="D62104" s="14" t="s">
        <v>335</v>
      </c>
      <c r="E62104" s="15">
        <v>45430</v>
      </c>
      <c r="F62104" s="14" t="s">
        <v>61</v>
      </c>
      <c r="G62104" s="16">
        <v>4.2217041637736534E-2</v>
      </c>
    </row>
    <row r="62105" spans="1:7" x14ac:dyDescent="0.3">
      <c r="A62105" s="13" t="s">
        <v>334</v>
      </c>
      <c r="B62105" s="14" t="s">
        <v>1</v>
      </c>
      <c r="C62105" s="14" t="s">
        <v>109</v>
      </c>
      <c r="D62105" s="14" t="s">
        <v>335</v>
      </c>
      <c r="E62105" s="15">
        <v>45431</v>
      </c>
      <c r="F62105" s="14" t="s">
        <v>61</v>
      </c>
      <c r="G62105" s="16">
        <v>4.2217041637736534E-2</v>
      </c>
    </row>
    <row r="62106" spans="1:7" x14ac:dyDescent="0.3">
      <c r="A62106" s="13" t="s">
        <v>334</v>
      </c>
      <c r="B62106" s="14" t="s">
        <v>1</v>
      </c>
      <c r="C62106" s="14" t="s">
        <v>109</v>
      </c>
      <c r="D62106" s="14" t="s">
        <v>335</v>
      </c>
      <c r="E62106" s="15">
        <v>45432</v>
      </c>
      <c r="F62106" s="14" t="s">
        <v>61</v>
      </c>
      <c r="G62106" s="16">
        <v>4.0615409439509087E-2</v>
      </c>
    </row>
    <row r="62107" spans="1:7" x14ac:dyDescent="0.3">
      <c r="A62107" s="13" t="s">
        <v>334</v>
      </c>
      <c r="B62107" s="14" t="s">
        <v>1</v>
      </c>
      <c r="C62107" s="14" t="s">
        <v>109</v>
      </c>
      <c r="D62107" s="14" t="s">
        <v>335</v>
      </c>
      <c r="E62107" s="15">
        <v>45433</v>
      </c>
      <c r="F62107" s="14" t="s">
        <v>61</v>
      </c>
      <c r="G62107" s="16">
        <v>3.477951405934708E-2</v>
      </c>
    </row>
    <row r="62108" spans="1:7" x14ac:dyDescent="0.3">
      <c r="A62108" s="13" t="s">
        <v>334</v>
      </c>
      <c r="B62108" s="14" t="s">
        <v>1</v>
      </c>
      <c r="C62108" s="14" t="s">
        <v>109</v>
      </c>
      <c r="D62108" s="14" t="s">
        <v>335</v>
      </c>
      <c r="E62108" s="15">
        <v>45434</v>
      </c>
      <c r="F62108" s="14" t="s">
        <v>61</v>
      </c>
      <c r="G62108" s="16">
        <v>3.3211131662983062E-2</v>
      </c>
    </row>
    <row r="62109" spans="1:7" x14ac:dyDescent="0.3">
      <c r="A62109" s="13" t="s">
        <v>334</v>
      </c>
      <c r="B62109" s="14" t="s">
        <v>1</v>
      </c>
      <c r="C62109" s="14" t="s">
        <v>109</v>
      </c>
      <c r="D62109" s="14" t="s">
        <v>335</v>
      </c>
      <c r="E62109" s="15">
        <v>45435</v>
      </c>
      <c r="F62109" s="14" t="s">
        <v>61</v>
      </c>
      <c r="G62109" s="16">
        <v>3.1571904616716606E-2</v>
      </c>
    </row>
    <row r="62110" spans="1:7" x14ac:dyDescent="0.3">
      <c r="A62110" s="13" t="s">
        <v>334</v>
      </c>
      <c r="B62110" s="14" t="s">
        <v>1</v>
      </c>
      <c r="C62110" s="14" t="s">
        <v>109</v>
      </c>
      <c r="D62110" s="14" t="s">
        <v>335</v>
      </c>
      <c r="E62110" s="15">
        <v>45436</v>
      </c>
      <c r="F62110" s="14" t="s">
        <v>61</v>
      </c>
      <c r="G62110" s="16">
        <v>5.8299032829068516E-2</v>
      </c>
    </row>
    <row r="62111" spans="1:7" x14ac:dyDescent="0.3">
      <c r="A62111" s="13" t="s">
        <v>334</v>
      </c>
      <c r="B62111" s="14" t="s">
        <v>1</v>
      </c>
      <c r="C62111" s="14" t="s">
        <v>109</v>
      </c>
      <c r="D62111" s="14" t="s">
        <v>335</v>
      </c>
      <c r="E62111" s="15">
        <v>45437</v>
      </c>
      <c r="F62111" s="14" t="s">
        <v>61</v>
      </c>
      <c r="G62111" s="16">
        <v>5.8299032829068516E-2</v>
      </c>
    </row>
    <row r="62112" spans="1:7" x14ac:dyDescent="0.3">
      <c r="A62112" s="13" t="s">
        <v>334</v>
      </c>
      <c r="B62112" s="14" t="s">
        <v>1</v>
      </c>
      <c r="C62112" s="14" t="s">
        <v>109</v>
      </c>
      <c r="D62112" s="14" t="s">
        <v>335</v>
      </c>
      <c r="E62112" s="15">
        <v>45438</v>
      </c>
      <c r="F62112" s="14" t="s">
        <v>61</v>
      </c>
      <c r="G62112" s="16">
        <v>5.8299032829068516E-2</v>
      </c>
    </row>
    <row r="62113" spans="1:7" x14ac:dyDescent="0.3">
      <c r="A62113" s="13" t="s">
        <v>334</v>
      </c>
      <c r="B62113" s="14" t="s">
        <v>1</v>
      </c>
      <c r="C62113" s="14" t="s">
        <v>109</v>
      </c>
      <c r="D62113" s="14" t="s">
        <v>335</v>
      </c>
      <c r="E62113" s="15">
        <v>45439</v>
      </c>
      <c r="F62113" s="14" t="s">
        <v>61</v>
      </c>
      <c r="G62113" s="16">
        <v>5.9935846131445737E-2</v>
      </c>
    </row>
    <row r="62114" spans="1:7" x14ac:dyDescent="0.3">
      <c r="A62114" s="13" t="s">
        <v>334</v>
      </c>
      <c r="B62114" s="14" t="s">
        <v>1</v>
      </c>
      <c r="C62114" s="14" t="s">
        <v>109</v>
      </c>
      <c r="D62114" s="14" t="s">
        <v>335</v>
      </c>
      <c r="E62114" s="15">
        <v>45440</v>
      </c>
      <c r="F62114" s="14" t="s">
        <v>61</v>
      </c>
      <c r="G62114" s="16">
        <v>5.408862437892397E-2</v>
      </c>
    </row>
    <row r="62115" spans="1:7" x14ac:dyDescent="0.3">
      <c r="A62115" s="13" t="s">
        <v>334</v>
      </c>
      <c r="B62115" s="14" t="s">
        <v>1</v>
      </c>
      <c r="C62115" s="14" t="s">
        <v>109</v>
      </c>
      <c r="D62115" s="14" t="s">
        <v>335</v>
      </c>
      <c r="E62115" s="15">
        <v>45441</v>
      </c>
      <c r="F62115" s="14" t="s">
        <v>61</v>
      </c>
      <c r="G62115" s="16">
        <v>5.3536339685581955E-2</v>
      </c>
    </row>
    <row r="62116" spans="1:7" x14ac:dyDescent="0.3">
      <c r="A62116" s="13" t="s">
        <v>334</v>
      </c>
      <c r="B62116" s="14" t="s">
        <v>1</v>
      </c>
      <c r="C62116" s="14" t="s">
        <v>109</v>
      </c>
      <c r="D62116" s="14" t="s">
        <v>335</v>
      </c>
      <c r="E62116" s="15">
        <v>45442</v>
      </c>
      <c r="F62116" s="14" t="s">
        <v>61</v>
      </c>
      <c r="G62116" s="16">
        <v>5.843358289938777E-2</v>
      </c>
    </row>
    <row r="62117" spans="1:7" x14ac:dyDescent="0.3">
      <c r="A62117" s="13" t="s">
        <v>334</v>
      </c>
      <c r="B62117" s="14" t="s">
        <v>1</v>
      </c>
      <c r="C62117" s="14" t="s">
        <v>109</v>
      </c>
      <c r="D62117" s="14" t="s">
        <v>335</v>
      </c>
      <c r="E62117" s="15">
        <v>45443</v>
      </c>
      <c r="F62117" s="14" t="s">
        <v>61</v>
      </c>
      <c r="G62117" s="16">
        <v>5.671312793451596E-2</v>
      </c>
    </row>
    <row r="62118" spans="1:7" x14ac:dyDescent="0.3">
      <c r="A62118" s="13" t="s">
        <v>334</v>
      </c>
      <c r="B62118" s="14" t="s">
        <v>1</v>
      </c>
      <c r="C62118" s="14" t="s">
        <v>109</v>
      </c>
      <c r="D62118" s="14" t="s">
        <v>335</v>
      </c>
      <c r="E62118" s="15">
        <v>45444</v>
      </c>
      <c r="F62118" s="14" t="s">
        <v>61</v>
      </c>
      <c r="G62118" s="16">
        <v>5.671312793451596E-2</v>
      </c>
    </row>
    <row r="62119" spans="1:7" x14ac:dyDescent="0.3">
      <c r="A62119" s="13" t="s">
        <v>334</v>
      </c>
      <c r="B62119" s="14" t="s">
        <v>1</v>
      </c>
      <c r="C62119" s="14" t="s">
        <v>109</v>
      </c>
      <c r="D62119" s="14" t="s">
        <v>335</v>
      </c>
      <c r="E62119" s="15">
        <v>45445</v>
      </c>
      <c r="F62119" s="14" t="s">
        <v>61</v>
      </c>
      <c r="G62119" s="16">
        <v>5.671312793451596E-2</v>
      </c>
    </row>
    <row r="62120" spans="1:7" x14ac:dyDescent="0.3">
      <c r="A62120" s="13" t="s">
        <v>334</v>
      </c>
      <c r="B62120" s="14" t="s">
        <v>1</v>
      </c>
      <c r="C62120" s="14" t="s">
        <v>109</v>
      </c>
      <c r="D62120" s="14" t="s">
        <v>335</v>
      </c>
      <c r="E62120" s="15">
        <v>45446</v>
      </c>
      <c r="F62120" s="14" t="s">
        <v>61</v>
      </c>
      <c r="G62120" s="16">
        <v>5.671312793451596E-2</v>
      </c>
    </row>
    <row r="62121" spans="1:7" x14ac:dyDescent="0.3">
      <c r="A62121" s="13" t="s">
        <v>334</v>
      </c>
      <c r="B62121" s="14" t="s">
        <v>1</v>
      </c>
      <c r="C62121" s="14" t="s">
        <v>109</v>
      </c>
      <c r="D62121" s="14" t="s">
        <v>335</v>
      </c>
      <c r="E62121" s="15">
        <v>45447</v>
      </c>
      <c r="F62121" s="14" t="s">
        <v>61</v>
      </c>
      <c r="G62121" s="16">
        <v>5.4023245851436516E-2</v>
      </c>
    </row>
    <row r="62122" spans="1:7" x14ac:dyDescent="0.3">
      <c r="A62122" s="13" t="s">
        <v>334</v>
      </c>
      <c r="B62122" s="14" t="s">
        <v>1</v>
      </c>
      <c r="C62122" s="14" t="s">
        <v>109</v>
      </c>
      <c r="D62122" s="14" t="s">
        <v>335</v>
      </c>
      <c r="E62122" s="15">
        <v>45448</v>
      </c>
      <c r="F62122" s="14" t="s">
        <v>61</v>
      </c>
      <c r="G62122" s="16">
        <v>5.0749982958363991E-2</v>
      </c>
    </row>
    <row r="62123" spans="1:7" x14ac:dyDescent="0.3">
      <c r="A62123" s="13" t="s">
        <v>334</v>
      </c>
      <c r="B62123" s="14" t="s">
        <v>1</v>
      </c>
      <c r="C62123" s="14" t="s">
        <v>109</v>
      </c>
      <c r="D62123" s="14" t="s">
        <v>335</v>
      </c>
      <c r="E62123" s="15">
        <v>45449</v>
      </c>
      <c r="F62123" s="14" t="s">
        <v>61</v>
      </c>
      <c r="G62123" s="16">
        <v>4.8994417285445645E-2</v>
      </c>
    </row>
    <row r="62124" spans="1:7" x14ac:dyDescent="0.3">
      <c r="A62124" s="13" t="s">
        <v>334</v>
      </c>
      <c r="B62124" s="14" t="s">
        <v>1</v>
      </c>
      <c r="C62124" s="14" t="s">
        <v>109</v>
      </c>
      <c r="D62124" s="14" t="s">
        <v>335</v>
      </c>
      <c r="E62124" s="15">
        <v>45450</v>
      </c>
      <c r="F62124" s="14" t="s">
        <v>61</v>
      </c>
      <c r="G62124" s="16">
        <v>8.1383045183873792E-2</v>
      </c>
    </row>
    <row r="62125" spans="1:7" x14ac:dyDescent="0.3">
      <c r="A62125" s="13" t="s">
        <v>334</v>
      </c>
      <c r="B62125" s="14" t="s">
        <v>1</v>
      </c>
      <c r="C62125" s="14" t="s">
        <v>109</v>
      </c>
      <c r="D62125" s="14" t="s">
        <v>335</v>
      </c>
      <c r="E62125" s="15">
        <v>45451</v>
      </c>
      <c r="F62125" s="14" t="s">
        <v>61</v>
      </c>
      <c r="G62125" s="16">
        <v>8.1383045183873792E-2</v>
      </c>
    </row>
    <row r="62126" spans="1:7" x14ac:dyDescent="0.3">
      <c r="A62126" s="13" t="s">
        <v>334</v>
      </c>
      <c r="B62126" s="14" t="s">
        <v>1</v>
      </c>
      <c r="C62126" s="14" t="s">
        <v>109</v>
      </c>
      <c r="D62126" s="14" t="s">
        <v>335</v>
      </c>
      <c r="E62126" s="15">
        <v>45452</v>
      </c>
      <c r="F62126" s="14" t="s">
        <v>61</v>
      </c>
      <c r="G62126" s="16">
        <v>8.1383045183873792E-2</v>
      </c>
    </row>
    <row r="62127" spans="1:7" x14ac:dyDescent="0.3">
      <c r="A62127" s="13" t="s">
        <v>334</v>
      </c>
      <c r="B62127" s="14" t="s">
        <v>1</v>
      </c>
      <c r="C62127" s="14" t="s">
        <v>109</v>
      </c>
      <c r="D62127" s="14" t="s">
        <v>335</v>
      </c>
      <c r="E62127" s="15">
        <v>45453</v>
      </c>
      <c r="F62127" s="14" t="s">
        <v>61</v>
      </c>
      <c r="G62127" s="16">
        <v>7.998883968699351E-2</v>
      </c>
    </row>
    <row r="62128" spans="1:7" x14ac:dyDescent="0.3">
      <c r="A62128" s="13" t="s">
        <v>334</v>
      </c>
      <c r="B62128" s="14" t="s">
        <v>1</v>
      </c>
      <c r="C62128" s="14" t="s">
        <v>109</v>
      </c>
      <c r="D62128" s="14" t="s">
        <v>335</v>
      </c>
      <c r="E62128" s="15">
        <v>45454</v>
      </c>
      <c r="F62128" s="14" t="s">
        <v>61</v>
      </c>
      <c r="G62128" s="16">
        <v>7.595968099945527E-2</v>
      </c>
    </row>
    <row r="62129" spans="1:7" x14ac:dyDescent="0.3">
      <c r="A62129" s="13" t="s">
        <v>334</v>
      </c>
      <c r="B62129" s="14" t="s">
        <v>1</v>
      </c>
      <c r="C62129" s="14" t="s">
        <v>109</v>
      </c>
      <c r="D62129" s="14" t="s">
        <v>335</v>
      </c>
      <c r="E62129" s="15">
        <v>45455</v>
      </c>
      <c r="F62129" s="14" t="s">
        <v>61</v>
      </c>
      <c r="G62129" s="16">
        <v>9.1460526731405242E-2</v>
      </c>
    </row>
    <row r="62130" spans="1:7" x14ac:dyDescent="0.3">
      <c r="A62130" s="13" t="s">
        <v>334</v>
      </c>
      <c r="B62130" s="14" t="s">
        <v>1</v>
      </c>
      <c r="C62130" s="14" t="s">
        <v>109</v>
      </c>
      <c r="D62130" s="14" t="s">
        <v>335</v>
      </c>
      <c r="E62130" s="15">
        <v>45456</v>
      </c>
      <c r="F62130" s="14" t="s">
        <v>61</v>
      </c>
      <c r="G62130" s="16">
        <v>9.0393665488154265E-2</v>
      </c>
    </row>
    <row r="62131" spans="1:7" x14ac:dyDescent="0.3">
      <c r="A62131" s="13" t="s">
        <v>334</v>
      </c>
      <c r="B62131" s="14" t="s">
        <v>1</v>
      </c>
      <c r="C62131" s="14" t="s">
        <v>109</v>
      </c>
      <c r="D62131" s="14" t="s">
        <v>335</v>
      </c>
      <c r="E62131" s="15">
        <v>45457</v>
      </c>
      <c r="F62131" s="14" t="s">
        <v>61</v>
      </c>
      <c r="G62131" s="16">
        <v>8.8999576201495456E-2</v>
      </c>
    </row>
    <row r="62132" spans="1:7" x14ac:dyDescent="0.3">
      <c r="A62132" s="13" t="s">
        <v>334</v>
      </c>
      <c r="B62132" s="14" t="s">
        <v>1</v>
      </c>
      <c r="C62132" s="14" t="s">
        <v>109</v>
      </c>
      <c r="D62132" s="14" t="s">
        <v>335</v>
      </c>
      <c r="E62132" s="15">
        <v>45458</v>
      </c>
      <c r="F62132" s="14" t="s">
        <v>61</v>
      </c>
      <c r="G62132" s="16">
        <v>8.8999576201495456E-2</v>
      </c>
    </row>
    <row r="62133" spans="1:7" x14ac:dyDescent="0.3">
      <c r="A62133" s="13" t="s">
        <v>334</v>
      </c>
      <c r="B62133" s="14" t="s">
        <v>1</v>
      </c>
      <c r="C62133" s="14" t="s">
        <v>109</v>
      </c>
      <c r="D62133" s="14" t="s">
        <v>335</v>
      </c>
      <c r="E62133" s="15">
        <v>45459</v>
      </c>
      <c r="F62133" s="14" t="s">
        <v>61</v>
      </c>
      <c r="G62133" s="16">
        <v>8.8999576201495456E-2</v>
      </c>
    </row>
    <row r="62134" spans="1:7" x14ac:dyDescent="0.3">
      <c r="A62134" s="13" t="s">
        <v>334</v>
      </c>
      <c r="B62134" s="14" t="s">
        <v>1</v>
      </c>
      <c r="C62134" s="14" t="s">
        <v>109</v>
      </c>
      <c r="D62134" s="14" t="s">
        <v>335</v>
      </c>
      <c r="E62134" s="15">
        <v>45460</v>
      </c>
      <c r="F62134" s="14" t="s">
        <v>61</v>
      </c>
      <c r="G62134" s="16">
        <v>8.7061916826904437E-2</v>
      </c>
    </row>
    <row r="62135" spans="1:7" x14ac:dyDescent="0.3">
      <c r="A62135" s="13" t="s">
        <v>334</v>
      </c>
      <c r="B62135" s="14" t="s">
        <v>1</v>
      </c>
      <c r="C62135" s="14" t="s">
        <v>109</v>
      </c>
      <c r="D62135" s="14" t="s">
        <v>335</v>
      </c>
      <c r="E62135" s="15">
        <v>45461</v>
      </c>
      <c r="F62135" s="14" t="s">
        <v>61</v>
      </c>
      <c r="G62135" s="16">
        <v>8.0248849173898754E-2</v>
      </c>
    </row>
    <row r="62136" spans="1:7" x14ac:dyDescent="0.3">
      <c r="A62136" s="13" t="s">
        <v>334</v>
      </c>
      <c r="B62136" s="14" t="s">
        <v>1</v>
      </c>
      <c r="C62136" s="14" t="s">
        <v>109</v>
      </c>
      <c r="D62136" s="14" t="s">
        <v>335</v>
      </c>
      <c r="E62136" s="15">
        <v>45462</v>
      </c>
      <c r="F62136" s="14" t="s">
        <v>61</v>
      </c>
      <c r="G62136" s="16">
        <v>7.8535735753702263E-2</v>
      </c>
    </row>
    <row r="62137" spans="1:7" x14ac:dyDescent="0.3">
      <c r="A62137" s="13" t="s">
        <v>334</v>
      </c>
      <c r="B62137" s="14" t="s">
        <v>1</v>
      </c>
      <c r="C62137" s="14" t="s">
        <v>109</v>
      </c>
      <c r="D62137" s="14" t="s">
        <v>335</v>
      </c>
      <c r="E62137" s="15">
        <v>45463</v>
      </c>
      <c r="F62137" s="14" t="s">
        <v>61</v>
      </c>
      <c r="G62137" s="16">
        <v>7.7162715867922907E-2</v>
      </c>
    </row>
    <row r="62138" spans="1:7" x14ac:dyDescent="0.3">
      <c r="A62138" s="13" t="s">
        <v>334</v>
      </c>
      <c r="B62138" s="14" t="s">
        <v>1</v>
      </c>
      <c r="C62138" s="14" t="s">
        <v>109</v>
      </c>
      <c r="D62138" s="14" t="s">
        <v>335</v>
      </c>
      <c r="E62138" s="15">
        <v>45464</v>
      </c>
      <c r="F62138" s="14" t="s">
        <v>61</v>
      </c>
      <c r="G62138" s="16">
        <v>7.5542044780063516E-2</v>
      </c>
    </row>
    <row r="62139" spans="1:7" x14ac:dyDescent="0.3">
      <c r="A62139" s="13" t="s">
        <v>334</v>
      </c>
      <c r="B62139" s="14" t="s">
        <v>1</v>
      </c>
      <c r="C62139" s="14" t="s">
        <v>109</v>
      </c>
      <c r="D62139" s="14" t="s">
        <v>335</v>
      </c>
      <c r="E62139" s="15">
        <v>45465</v>
      </c>
      <c r="F62139" s="14" t="s">
        <v>61</v>
      </c>
      <c r="G62139" s="16">
        <v>7.5542044780063516E-2</v>
      </c>
    </row>
    <row r="62140" spans="1:7" x14ac:dyDescent="0.3">
      <c r="A62140" s="13" t="s">
        <v>334</v>
      </c>
      <c r="B62140" s="14" t="s">
        <v>1</v>
      </c>
      <c r="C62140" s="14" t="s">
        <v>109</v>
      </c>
      <c r="D62140" s="14" t="s">
        <v>335</v>
      </c>
      <c r="E62140" s="15">
        <v>45466</v>
      </c>
      <c r="F62140" s="14" t="s">
        <v>61</v>
      </c>
      <c r="G62140" s="16">
        <v>7.5542044780063516E-2</v>
      </c>
    </row>
    <row r="62141" spans="1:7" x14ac:dyDescent="0.3">
      <c r="A62141" s="13" t="s">
        <v>334</v>
      </c>
      <c r="B62141" s="14" t="s">
        <v>1</v>
      </c>
      <c r="C62141" s="14" t="s">
        <v>109</v>
      </c>
      <c r="D62141" s="14" t="s">
        <v>335</v>
      </c>
      <c r="E62141" s="15">
        <v>45467</v>
      </c>
      <c r="F62141" s="14" t="s">
        <v>61</v>
      </c>
      <c r="G62141" s="16">
        <v>7.358673086850856E-2</v>
      </c>
    </row>
    <row r="62142" spans="1:7" x14ac:dyDescent="0.3">
      <c r="A62142" s="13" t="s">
        <v>334</v>
      </c>
      <c r="B62142" s="14" t="s">
        <v>1</v>
      </c>
      <c r="C62142" s="14" t="s">
        <v>109</v>
      </c>
      <c r="D62142" s="14" t="s">
        <v>335</v>
      </c>
      <c r="E62142" s="15">
        <v>45468</v>
      </c>
      <c r="F62142" s="14" t="s">
        <v>61</v>
      </c>
      <c r="G62142" s="16">
        <v>6.6939430461188026E-2</v>
      </c>
    </row>
    <row r="62143" spans="1:7" x14ac:dyDescent="0.3">
      <c r="A62143" s="13" t="s">
        <v>334</v>
      </c>
      <c r="B62143" s="14" t="s">
        <v>1</v>
      </c>
      <c r="C62143" s="14" t="s">
        <v>109</v>
      </c>
      <c r="D62143" s="14" t="s">
        <v>335</v>
      </c>
      <c r="E62143" s="15">
        <v>45469</v>
      </c>
      <c r="F62143" s="14" t="s">
        <v>61</v>
      </c>
      <c r="G62143" s="16">
        <v>6.7167891464144994E-2</v>
      </c>
    </row>
    <row r="62144" spans="1:7" x14ac:dyDescent="0.3">
      <c r="A62144" s="13" t="s">
        <v>334</v>
      </c>
      <c r="B62144" s="14" t="s">
        <v>1</v>
      </c>
      <c r="C62144" s="14" t="s">
        <v>109</v>
      </c>
      <c r="D62144" s="14" t="s">
        <v>335</v>
      </c>
      <c r="E62144" s="15">
        <v>45470</v>
      </c>
      <c r="F62144" s="14" t="s">
        <v>61</v>
      </c>
      <c r="G62144" s="16">
        <v>7.2125555419087828E-2</v>
      </c>
    </row>
    <row r="62145" spans="1:7" x14ac:dyDescent="0.3">
      <c r="A62145" s="13" t="s">
        <v>334</v>
      </c>
      <c r="B62145" s="14" t="s">
        <v>1</v>
      </c>
      <c r="C62145" s="14" t="s">
        <v>109</v>
      </c>
      <c r="D62145" s="14" t="s">
        <v>335</v>
      </c>
      <c r="E62145" s="15">
        <v>45471</v>
      </c>
      <c r="F62145" s="14" t="s">
        <v>61</v>
      </c>
      <c r="G62145" s="16">
        <v>0.10684074715509766</v>
      </c>
    </row>
    <row r="62146" spans="1:7" x14ac:dyDescent="0.3">
      <c r="A62146" s="13" t="s">
        <v>334</v>
      </c>
      <c r="B62146" s="14" t="s">
        <v>1</v>
      </c>
      <c r="C62146" s="14" t="s">
        <v>109</v>
      </c>
      <c r="D62146" s="14" t="s">
        <v>335</v>
      </c>
      <c r="E62146" s="15">
        <v>45472</v>
      </c>
      <c r="F62146" s="14" t="s">
        <v>61</v>
      </c>
      <c r="G62146" s="16">
        <v>0.10684074715509766</v>
      </c>
    </row>
    <row r="62147" spans="1:7" x14ac:dyDescent="0.3">
      <c r="A62147" s="13" t="s">
        <v>334</v>
      </c>
      <c r="B62147" s="14" t="s">
        <v>1</v>
      </c>
      <c r="C62147" s="14" t="s">
        <v>109</v>
      </c>
      <c r="D62147" s="14" t="s">
        <v>335</v>
      </c>
      <c r="E62147" s="15">
        <v>45473</v>
      </c>
      <c r="F62147" s="14" t="s">
        <v>61</v>
      </c>
      <c r="G62147" s="16">
        <v>0.10684074715509766</v>
      </c>
    </row>
    <row r="62148" spans="1:7" x14ac:dyDescent="0.3">
      <c r="A62148" s="13" t="s">
        <v>334</v>
      </c>
      <c r="B62148" s="14" t="s">
        <v>1</v>
      </c>
      <c r="C62148" s="14" t="s">
        <v>109</v>
      </c>
      <c r="D62148" s="14" t="s">
        <v>335</v>
      </c>
      <c r="E62148" s="15">
        <v>45474</v>
      </c>
      <c r="F62148" s="14" t="s">
        <v>61</v>
      </c>
      <c r="G62148" s="16">
        <v>0.10660203797015258</v>
      </c>
    </row>
    <row r="62149" spans="1:7" x14ac:dyDescent="0.3">
      <c r="A62149" s="13" t="s">
        <v>334</v>
      </c>
      <c r="B62149" s="14" t="s">
        <v>1</v>
      </c>
      <c r="C62149" s="14" t="s">
        <v>109</v>
      </c>
      <c r="D62149" s="14" t="s">
        <v>335</v>
      </c>
      <c r="E62149" s="15">
        <v>45475</v>
      </c>
      <c r="F62149" s="14" t="s">
        <v>61</v>
      </c>
      <c r="G62149" s="16">
        <v>0.10233987353083447</v>
      </c>
    </row>
    <row r="62150" spans="1:7" x14ac:dyDescent="0.3">
      <c r="A62150" s="13" t="s">
        <v>334</v>
      </c>
      <c r="B62150" s="14" t="s">
        <v>1</v>
      </c>
      <c r="C62150" s="14" t="s">
        <v>109</v>
      </c>
      <c r="D62150" s="14" t="s">
        <v>335</v>
      </c>
      <c r="E62150" s="15">
        <v>45476</v>
      </c>
      <c r="F62150" s="14" t="s">
        <v>61</v>
      </c>
      <c r="G62150" s="16">
        <v>0.10028261330618043</v>
      </c>
    </row>
    <row r="62151" spans="1:7" x14ac:dyDescent="0.3">
      <c r="A62151" s="13" t="s">
        <v>334</v>
      </c>
      <c r="B62151" s="14" t="s">
        <v>1</v>
      </c>
      <c r="C62151" s="14" t="s">
        <v>109</v>
      </c>
      <c r="D62151" s="14" t="s">
        <v>335</v>
      </c>
      <c r="E62151" s="15">
        <v>45477</v>
      </c>
      <c r="F62151" s="14" t="s">
        <v>61</v>
      </c>
      <c r="G62151" s="16">
        <v>9.8386907164061274E-2</v>
      </c>
    </row>
    <row r="62152" spans="1:7" x14ac:dyDescent="0.3">
      <c r="A62152" s="13" t="s">
        <v>334</v>
      </c>
      <c r="B62152" s="14" t="s">
        <v>1</v>
      </c>
      <c r="C62152" s="14" t="s">
        <v>109</v>
      </c>
      <c r="D62152" s="14" t="s">
        <v>335</v>
      </c>
      <c r="E62152" s="15">
        <v>45478</v>
      </c>
      <c r="F62152" s="14" t="s">
        <v>61</v>
      </c>
      <c r="G62152" s="16">
        <v>0.10066058816719188</v>
      </c>
    </row>
    <row r="62153" spans="1:7" x14ac:dyDescent="0.3">
      <c r="A62153" s="13" t="s">
        <v>334</v>
      </c>
      <c r="B62153" s="14" t="s">
        <v>1</v>
      </c>
      <c r="C62153" s="14" t="s">
        <v>109</v>
      </c>
      <c r="D62153" s="14" t="s">
        <v>335</v>
      </c>
      <c r="E62153" s="15">
        <v>45479</v>
      </c>
      <c r="F62153" s="14" t="s">
        <v>61</v>
      </c>
      <c r="G62153" s="16">
        <v>0.10066058816719188</v>
      </c>
    </row>
    <row r="62154" spans="1:7" x14ac:dyDescent="0.3">
      <c r="A62154" s="13" t="s">
        <v>334</v>
      </c>
      <c r="B62154" s="14" t="s">
        <v>1</v>
      </c>
      <c r="C62154" s="14" t="s">
        <v>109</v>
      </c>
      <c r="D62154" s="14" t="s">
        <v>335</v>
      </c>
      <c r="E62154" s="15">
        <v>45480</v>
      </c>
      <c r="F62154" s="14" t="s">
        <v>61</v>
      </c>
      <c r="G62154" s="16">
        <v>0.10066058816719188</v>
      </c>
    </row>
    <row r="62155" spans="1:7" x14ac:dyDescent="0.3">
      <c r="A62155" s="13" t="s">
        <v>334</v>
      </c>
      <c r="B62155" s="14" t="s">
        <v>1</v>
      </c>
      <c r="C62155" s="14" t="s">
        <v>109</v>
      </c>
      <c r="D62155" s="14" t="s">
        <v>335</v>
      </c>
      <c r="E62155" s="15">
        <v>45481</v>
      </c>
      <c r="F62155" s="14" t="s">
        <v>61</v>
      </c>
      <c r="G62155" s="16">
        <v>0.10752243760779397</v>
      </c>
    </row>
    <row r="62156" spans="1:7" x14ac:dyDescent="0.3">
      <c r="A62156" s="13" t="s">
        <v>334</v>
      </c>
      <c r="B62156" s="14" t="s">
        <v>1</v>
      </c>
      <c r="C62156" s="14" t="s">
        <v>109</v>
      </c>
      <c r="D62156" s="14" t="s">
        <v>335</v>
      </c>
      <c r="E62156" s="15">
        <v>45482</v>
      </c>
      <c r="F62156" s="14" t="s">
        <v>61</v>
      </c>
      <c r="G62156" s="16">
        <v>0.10091594104369703</v>
      </c>
    </row>
    <row r="62157" spans="1:7" x14ac:dyDescent="0.3">
      <c r="A62157" s="13" t="s">
        <v>334</v>
      </c>
      <c r="B62157" s="14" t="s">
        <v>1</v>
      </c>
      <c r="C62157" s="14" t="s">
        <v>109</v>
      </c>
      <c r="D62157" s="14" t="s">
        <v>335</v>
      </c>
      <c r="E62157" s="15">
        <v>45483</v>
      </c>
      <c r="F62157" s="14" t="s">
        <v>61</v>
      </c>
      <c r="G62157" s="16">
        <v>9.9108409591956687E-2</v>
      </c>
    </row>
    <row r="62158" spans="1:7" x14ac:dyDescent="0.3">
      <c r="A62158" s="13" t="s">
        <v>334</v>
      </c>
      <c r="B62158" s="14" t="s">
        <v>1</v>
      </c>
      <c r="C62158" s="14" t="s">
        <v>109</v>
      </c>
      <c r="D62158" s="14" t="s">
        <v>335</v>
      </c>
      <c r="E62158" s="15">
        <v>45484</v>
      </c>
      <c r="F62158" s="14" t="s">
        <v>61</v>
      </c>
      <c r="G62158" s="16">
        <v>9.709449357975726E-2</v>
      </c>
    </row>
    <row r="62159" spans="1:7" x14ac:dyDescent="0.3">
      <c r="A62159" s="13" t="s">
        <v>334</v>
      </c>
      <c r="B62159" s="14" t="s">
        <v>1</v>
      </c>
      <c r="C62159" s="14" t="s">
        <v>109</v>
      </c>
      <c r="D62159" s="14" t="s">
        <v>335</v>
      </c>
      <c r="E62159" s="15">
        <v>45485</v>
      </c>
      <c r="F62159" s="14" t="s">
        <v>61</v>
      </c>
      <c r="G62159" s="16">
        <v>9.5092484032501506E-2</v>
      </c>
    </row>
    <row r="62160" spans="1:7" x14ac:dyDescent="0.3">
      <c r="A62160" s="13" t="s">
        <v>334</v>
      </c>
      <c r="B62160" s="14" t="s">
        <v>1</v>
      </c>
      <c r="C62160" s="14" t="s">
        <v>109</v>
      </c>
      <c r="D62160" s="14" t="s">
        <v>335</v>
      </c>
      <c r="E62160" s="15">
        <v>45486</v>
      </c>
      <c r="F62160" s="14" t="s">
        <v>61</v>
      </c>
      <c r="G62160" s="16">
        <v>9.5092484032501506E-2</v>
      </c>
    </row>
    <row r="62161" spans="1:7" x14ac:dyDescent="0.3">
      <c r="A62161" s="13" t="s">
        <v>334</v>
      </c>
      <c r="B62161" s="14" t="s">
        <v>1</v>
      </c>
      <c r="C62161" s="14" t="s">
        <v>109</v>
      </c>
      <c r="D62161" s="14" t="s">
        <v>335</v>
      </c>
      <c r="E62161" s="15">
        <v>45487</v>
      </c>
      <c r="F62161" s="14" t="s">
        <v>61</v>
      </c>
      <c r="G62161" s="16">
        <v>9.5092484032501506E-2</v>
      </c>
    </row>
    <row r="62162" spans="1:7" x14ac:dyDescent="0.3">
      <c r="A62162" s="13" t="s">
        <v>334</v>
      </c>
      <c r="B62162" s="14" t="s">
        <v>1</v>
      </c>
      <c r="C62162" s="14" t="s">
        <v>109</v>
      </c>
      <c r="D62162" s="14" t="s">
        <v>335</v>
      </c>
      <c r="E62162" s="15">
        <v>45488</v>
      </c>
      <c r="F62162" s="14" t="s">
        <v>61</v>
      </c>
      <c r="G62162" s="16">
        <v>9.4395518125681074E-2</v>
      </c>
    </row>
    <row r="62163" spans="1:7" x14ac:dyDescent="0.3">
      <c r="A62163" s="13" t="s">
        <v>334</v>
      </c>
      <c r="B62163" s="14" t="s">
        <v>1</v>
      </c>
      <c r="C62163" s="14" t="s">
        <v>109</v>
      </c>
      <c r="D62163" s="14" t="s">
        <v>335</v>
      </c>
      <c r="E62163" s="15">
        <v>45489</v>
      </c>
      <c r="F62163" s="14" t="s">
        <v>61</v>
      </c>
      <c r="G62163" s="16">
        <v>8.7675542215487276E-2</v>
      </c>
    </row>
    <row r="62164" spans="1:7" x14ac:dyDescent="0.3">
      <c r="A62164" s="13" t="s">
        <v>334</v>
      </c>
      <c r="B62164" s="14" t="s">
        <v>1</v>
      </c>
      <c r="C62164" s="14" t="s">
        <v>109</v>
      </c>
      <c r="D62164" s="14" t="s">
        <v>335</v>
      </c>
      <c r="E62164" s="15">
        <v>45490</v>
      </c>
      <c r="F62164" s="14" t="s">
        <v>61</v>
      </c>
      <c r="G62164" s="16">
        <v>8.5711263192214948E-2</v>
      </c>
    </row>
    <row r="62165" spans="1:7" x14ac:dyDescent="0.3">
      <c r="A62165" s="13" t="s">
        <v>334</v>
      </c>
      <c r="B62165" s="14" t="s">
        <v>1</v>
      </c>
      <c r="C62165" s="14" t="s">
        <v>109</v>
      </c>
      <c r="D62165" s="14" t="s">
        <v>335</v>
      </c>
      <c r="E62165" s="15">
        <v>45491</v>
      </c>
      <c r="F62165" s="14" t="s">
        <v>61</v>
      </c>
      <c r="G62165" s="16">
        <v>8.4411891757747715E-2</v>
      </c>
    </row>
    <row r="62166" spans="1:7" x14ac:dyDescent="0.3">
      <c r="A62166" s="13" t="s">
        <v>334</v>
      </c>
      <c r="B62166" s="14" t="s">
        <v>1</v>
      </c>
      <c r="C62166" s="14" t="s">
        <v>109</v>
      </c>
      <c r="D62166" s="14" t="s">
        <v>335</v>
      </c>
      <c r="E62166" s="15">
        <v>45492</v>
      </c>
      <c r="F62166" s="14" t="s">
        <v>61</v>
      </c>
      <c r="G62166" s="16">
        <v>8.2864373101962471E-2</v>
      </c>
    </row>
    <row r="62167" spans="1:7" x14ac:dyDescent="0.3">
      <c r="A62167" s="13" t="s">
        <v>334</v>
      </c>
      <c r="B62167" s="14" t="s">
        <v>1</v>
      </c>
      <c r="C62167" s="14" t="s">
        <v>109</v>
      </c>
      <c r="D62167" s="14" t="s">
        <v>335</v>
      </c>
      <c r="E62167" s="15">
        <v>45493</v>
      </c>
      <c r="F62167" s="14" t="s">
        <v>61</v>
      </c>
      <c r="G62167" s="16">
        <v>8.2864373101962471E-2</v>
      </c>
    </row>
    <row r="62168" spans="1:7" x14ac:dyDescent="0.3">
      <c r="A62168" s="13" t="s">
        <v>334</v>
      </c>
      <c r="B62168" s="14" t="s">
        <v>1</v>
      </c>
      <c r="C62168" s="14" t="s">
        <v>109</v>
      </c>
      <c r="D62168" s="14" t="s">
        <v>335</v>
      </c>
      <c r="E62168" s="15">
        <v>45494</v>
      </c>
      <c r="F62168" s="14" t="s">
        <v>61</v>
      </c>
      <c r="G62168" s="16">
        <v>8.2864373101962471E-2</v>
      </c>
    </row>
    <row r="62169" spans="1:7" x14ac:dyDescent="0.3">
      <c r="A62169" s="13" t="s">
        <v>334</v>
      </c>
      <c r="B62169" s="14" t="s">
        <v>1</v>
      </c>
      <c r="C62169" s="14" t="s">
        <v>109</v>
      </c>
      <c r="D62169" s="14" t="s">
        <v>335</v>
      </c>
      <c r="E62169" s="15">
        <v>45495</v>
      </c>
      <c r="F62169" s="14" t="s">
        <v>61</v>
      </c>
      <c r="G62169" s="16">
        <v>8.1109287692489734E-2</v>
      </c>
    </row>
    <row r="62170" spans="1:7" x14ac:dyDescent="0.3">
      <c r="A62170" s="13" t="s">
        <v>334</v>
      </c>
      <c r="B62170" s="14" t="s">
        <v>1</v>
      </c>
      <c r="C62170" s="14" t="s">
        <v>109</v>
      </c>
      <c r="D62170" s="14" t="s">
        <v>335</v>
      </c>
      <c r="E62170" s="15">
        <v>45496</v>
      </c>
      <c r="F62170" s="14" t="s">
        <v>61</v>
      </c>
      <c r="G62170" s="16">
        <v>7.5551762200320297E-2</v>
      </c>
    </row>
    <row r="62171" spans="1:7" x14ac:dyDescent="0.3">
      <c r="A62171" s="13" t="s">
        <v>334</v>
      </c>
      <c r="B62171" s="14" t="s">
        <v>1</v>
      </c>
      <c r="C62171" s="14" t="s">
        <v>109</v>
      </c>
      <c r="D62171" s="14" t="s">
        <v>335</v>
      </c>
      <c r="E62171" s="15">
        <v>45497</v>
      </c>
      <c r="F62171" s="14" t="s">
        <v>61</v>
      </c>
      <c r="G62171" s="16">
        <v>7.3978139880663735E-2</v>
      </c>
    </row>
    <row r="62172" spans="1:7" x14ac:dyDescent="0.3">
      <c r="A62172" s="13" t="s">
        <v>334</v>
      </c>
      <c r="B62172" s="14" t="s">
        <v>1</v>
      </c>
      <c r="C62172" s="14" t="s">
        <v>109</v>
      </c>
      <c r="D62172" s="14" t="s">
        <v>335</v>
      </c>
      <c r="E62172" s="15">
        <v>45498</v>
      </c>
      <c r="F62172" s="14" t="s">
        <v>61</v>
      </c>
      <c r="G62172" s="16">
        <v>7.2275098362509602E-2</v>
      </c>
    </row>
    <row r="62173" spans="1:7" x14ac:dyDescent="0.3">
      <c r="A62173" s="13" t="s">
        <v>334</v>
      </c>
      <c r="B62173" s="14" t="s">
        <v>1</v>
      </c>
      <c r="C62173" s="14" t="s">
        <v>109</v>
      </c>
      <c r="D62173" s="14" t="s">
        <v>335</v>
      </c>
      <c r="E62173" s="15">
        <v>45499</v>
      </c>
      <c r="F62173" s="14" t="s">
        <v>61</v>
      </c>
      <c r="G62173" s="16">
        <v>7.0535559616349872E-2</v>
      </c>
    </row>
    <row r="62174" spans="1:7" x14ac:dyDescent="0.3">
      <c r="A62174" s="13" t="s">
        <v>334</v>
      </c>
      <c r="B62174" s="14" t="s">
        <v>1</v>
      </c>
      <c r="C62174" s="14" t="s">
        <v>109</v>
      </c>
      <c r="D62174" s="14" t="s">
        <v>335</v>
      </c>
      <c r="E62174" s="15">
        <v>45500</v>
      </c>
      <c r="F62174" s="14" t="s">
        <v>61</v>
      </c>
      <c r="G62174" s="16">
        <v>7.0535559616349872E-2</v>
      </c>
    </row>
    <row r="62175" spans="1:7" x14ac:dyDescent="0.3">
      <c r="A62175" s="13" t="s">
        <v>334</v>
      </c>
      <c r="B62175" s="14" t="s">
        <v>1</v>
      </c>
      <c r="C62175" s="14" t="s">
        <v>109</v>
      </c>
      <c r="D62175" s="14" t="s">
        <v>335</v>
      </c>
      <c r="E62175" s="15">
        <v>45501</v>
      </c>
      <c r="F62175" s="14" t="s">
        <v>61</v>
      </c>
      <c r="G62175" s="16">
        <v>7.0535559616349872E-2</v>
      </c>
    </row>
    <row r="62176" spans="1:7" x14ac:dyDescent="0.3">
      <c r="A62176" s="13" t="s">
        <v>334</v>
      </c>
      <c r="B62176" s="14" t="s">
        <v>1</v>
      </c>
      <c r="C62176" s="14" t="s">
        <v>109</v>
      </c>
      <c r="D62176" s="14" t="s">
        <v>335</v>
      </c>
      <c r="E62176" s="15">
        <v>45502</v>
      </c>
      <c r="F62176" s="14" t="s">
        <v>61</v>
      </c>
      <c r="G62176" s="16">
        <v>8.2553782446444832E-2</v>
      </c>
    </row>
    <row r="62177" spans="1:7" x14ac:dyDescent="0.3">
      <c r="A62177" s="13" t="s">
        <v>334</v>
      </c>
      <c r="B62177" s="14" t="s">
        <v>1</v>
      </c>
      <c r="C62177" s="14" t="s">
        <v>109</v>
      </c>
      <c r="D62177" s="14" t="s">
        <v>335</v>
      </c>
      <c r="E62177" s="15">
        <v>45503</v>
      </c>
      <c r="F62177" s="14" t="s">
        <v>61</v>
      </c>
      <c r="G62177" s="16">
        <v>7.6736674027935006E-2</v>
      </c>
    </row>
    <row r="62178" spans="1:7" x14ac:dyDescent="0.3">
      <c r="A62178" s="13" t="s">
        <v>334</v>
      </c>
      <c r="B62178" s="14" t="s">
        <v>1</v>
      </c>
      <c r="C62178" s="14" t="s">
        <v>109</v>
      </c>
      <c r="D62178" s="14" t="s">
        <v>335</v>
      </c>
      <c r="E62178" s="15">
        <v>45504</v>
      </c>
      <c r="F62178" s="14" t="s">
        <v>61</v>
      </c>
      <c r="G62178" s="16">
        <v>7.6675069673814947E-2</v>
      </c>
    </row>
    <row r="62179" spans="1:7" x14ac:dyDescent="0.3">
      <c r="A62179" s="13" t="s">
        <v>334</v>
      </c>
      <c r="B62179" s="14" t="s">
        <v>1</v>
      </c>
      <c r="C62179" s="14" t="s">
        <v>109</v>
      </c>
      <c r="D62179" s="14" t="s">
        <v>335</v>
      </c>
      <c r="E62179" s="15">
        <v>45505</v>
      </c>
      <c r="F62179" s="14" t="s">
        <v>61</v>
      </c>
      <c r="G62179" s="16">
        <v>9.293383554092019E-2</v>
      </c>
    </row>
    <row r="62180" spans="1:7" x14ac:dyDescent="0.3">
      <c r="A62180" s="13" t="s">
        <v>334</v>
      </c>
      <c r="B62180" s="14" t="s">
        <v>1</v>
      </c>
      <c r="C62180" s="14" t="s">
        <v>109</v>
      </c>
      <c r="D62180" s="14" t="s">
        <v>335</v>
      </c>
      <c r="E62180" s="15">
        <v>45506</v>
      </c>
      <c r="F62180" s="14" t="s">
        <v>61</v>
      </c>
      <c r="G62180" s="16">
        <v>9.0257626545735603E-2</v>
      </c>
    </row>
    <row r="62181" spans="1:7" x14ac:dyDescent="0.3">
      <c r="A62181" s="13" t="s">
        <v>334</v>
      </c>
      <c r="B62181" s="14" t="s">
        <v>1</v>
      </c>
      <c r="C62181" s="14" t="s">
        <v>109</v>
      </c>
      <c r="D62181" s="14" t="s">
        <v>335</v>
      </c>
      <c r="E62181" s="15">
        <v>45507</v>
      </c>
      <c r="F62181" s="14" t="s">
        <v>61</v>
      </c>
      <c r="G62181" s="16">
        <v>9.0257626545735603E-2</v>
      </c>
    </row>
    <row r="62182" spans="1:7" x14ac:dyDescent="0.3">
      <c r="A62182" s="13" t="s">
        <v>334</v>
      </c>
      <c r="B62182" s="14" t="s">
        <v>1</v>
      </c>
      <c r="C62182" s="14" t="s">
        <v>109</v>
      </c>
      <c r="D62182" s="14" t="s">
        <v>335</v>
      </c>
      <c r="E62182" s="15">
        <v>45508</v>
      </c>
      <c r="F62182" s="14" t="s">
        <v>61</v>
      </c>
      <c r="G62182" s="16">
        <v>9.0257626545735603E-2</v>
      </c>
    </row>
    <row r="62183" spans="1:7" x14ac:dyDescent="0.3">
      <c r="A62183" s="13" t="s">
        <v>334</v>
      </c>
      <c r="B62183" s="14" t="s">
        <v>1</v>
      </c>
      <c r="C62183" s="14" t="s">
        <v>109</v>
      </c>
      <c r="D62183" s="14" t="s">
        <v>335</v>
      </c>
      <c r="E62183" s="15">
        <v>45509</v>
      </c>
      <c r="F62183" s="14" t="s">
        <v>61</v>
      </c>
      <c r="G62183" s="16">
        <v>9.0257626545735603E-2</v>
      </c>
    </row>
    <row r="62184" spans="1:7" x14ac:dyDescent="0.3">
      <c r="A62184" s="13" t="s">
        <v>334</v>
      </c>
      <c r="B62184" s="14" t="s">
        <v>1</v>
      </c>
      <c r="C62184" s="14" t="s">
        <v>109</v>
      </c>
      <c r="D62184" s="14" t="s">
        <v>335</v>
      </c>
      <c r="E62184" s="15">
        <v>45510</v>
      </c>
      <c r="F62184" s="14" t="s">
        <v>61</v>
      </c>
      <c r="G62184" s="16">
        <v>8.8440063165549948E-2</v>
      </c>
    </row>
    <row r="62185" spans="1:7" x14ac:dyDescent="0.3">
      <c r="A62185" s="13" t="s">
        <v>334</v>
      </c>
      <c r="B62185" s="14" t="s">
        <v>1</v>
      </c>
      <c r="C62185" s="14" t="s">
        <v>109</v>
      </c>
      <c r="D62185" s="14" t="s">
        <v>335</v>
      </c>
      <c r="E62185" s="15">
        <v>45511</v>
      </c>
      <c r="F62185" s="14" t="s">
        <v>61</v>
      </c>
      <c r="G62185" s="16">
        <v>8.520129670857593E-2</v>
      </c>
    </row>
    <row r="62186" spans="1:7" x14ac:dyDescent="0.3">
      <c r="A62186" s="13" t="s">
        <v>334</v>
      </c>
      <c r="B62186" s="14" t="s">
        <v>1</v>
      </c>
      <c r="C62186" s="14" t="s">
        <v>109</v>
      </c>
      <c r="D62186" s="14" t="s">
        <v>335</v>
      </c>
      <c r="E62186" s="15">
        <v>45512</v>
      </c>
      <c r="F62186" s="14" t="s">
        <v>61</v>
      </c>
      <c r="G62186" s="16">
        <v>8.4409649546463156E-2</v>
      </c>
    </row>
    <row r="62187" spans="1:7" x14ac:dyDescent="0.3">
      <c r="A62187" s="13" t="s">
        <v>334</v>
      </c>
      <c r="B62187" s="14" t="s">
        <v>1</v>
      </c>
      <c r="C62187" s="14" t="s">
        <v>109</v>
      </c>
      <c r="D62187" s="14" t="s">
        <v>335</v>
      </c>
      <c r="E62187" s="15">
        <v>45513</v>
      </c>
      <c r="F62187" s="14" t="s">
        <v>61</v>
      </c>
      <c r="G62187" s="16">
        <v>9.7764701521551464E-2</v>
      </c>
    </row>
    <row r="62188" spans="1:7" x14ac:dyDescent="0.3">
      <c r="A62188" s="13" t="s">
        <v>334</v>
      </c>
      <c r="B62188" s="14" t="s">
        <v>1</v>
      </c>
      <c r="C62188" s="14" t="s">
        <v>109</v>
      </c>
      <c r="D62188" s="14" t="s">
        <v>335</v>
      </c>
      <c r="E62188" s="15">
        <v>45514</v>
      </c>
      <c r="F62188" s="14" t="s">
        <v>61</v>
      </c>
      <c r="G62188" s="16">
        <v>9.7764701521551464E-2</v>
      </c>
    </row>
    <row r="62189" spans="1:7" x14ac:dyDescent="0.3">
      <c r="A62189" s="13" t="s">
        <v>334</v>
      </c>
      <c r="B62189" s="14" t="s">
        <v>1</v>
      </c>
      <c r="C62189" s="14" t="s">
        <v>109</v>
      </c>
      <c r="D62189" s="14" t="s">
        <v>335</v>
      </c>
      <c r="E62189" s="15">
        <v>45515</v>
      </c>
      <c r="F62189" s="14" t="s">
        <v>61</v>
      </c>
      <c r="G62189" s="16">
        <v>9.7764701521551464E-2</v>
      </c>
    </row>
    <row r="62190" spans="1:7" x14ac:dyDescent="0.3">
      <c r="A62190" s="13" t="s">
        <v>334</v>
      </c>
      <c r="B62190" s="14" t="s">
        <v>1</v>
      </c>
      <c r="C62190" s="14" t="s">
        <v>109</v>
      </c>
      <c r="D62190" s="14" t="s">
        <v>335</v>
      </c>
      <c r="E62190" s="15">
        <v>45516</v>
      </c>
      <c r="F62190" s="14" t="s">
        <v>61</v>
      </c>
      <c r="G62190" s="16">
        <v>9.7638915599493711E-2</v>
      </c>
    </row>
    <row r="62191" spans="1:7" x14ac:dyDescent="0.3">
      <c r="A62191" s="13" t="s">
        <v>334</v>
      </c>
      <c r="B62191" s="14" t="s">
        <v>1</v>
      </c>
      <c r="C62191" s="14" t="s">
        <v>109</v>
      </c>
      <c r="D62191" s="14" t="s">
        <v>335</v>
      </c>
      <c r="E62191" s="15">
        <v>45517</v>
      </c>
      <c r="F62191" s="14" t="s">
        <v>61</v>
      </c>
      <c r="G62191" s="16">
        <v>9.5453592852158306E-2</v>
      </c>
    </row>
    <row r="62192" spans="1:7" x14ac:dyDescent="0.3">
      <c r="A62192" s="13" t="s">
        <v>334</v>
      </c>
      <c r="B62192" s="14" t="s">
        <v>1</v>
      </c>
      <c r="C62192" s="14" t="s">
        <v>109</v>
      </c>
      <c r="D62192" s="14" t="s">
        <v>335</v>
      </c>
      <c r="E62192" s="15">
        <v>45518</v>
      </c>
      <c r="F62192" s="14" t="s">
        <v>61</v>
      </c>
      <c r="G62192" s="16">
        <v>9.3647647620467567E-2</v>
      </c>
    </row>
    <row r="62193" spans="1:7" x14ac:dyDescent="0.3">
      <c r="A62193" s="13" t="s">
        <v>334</v>
      </c>
      <c r="B62193" s="14" t="s">
        <v>1</v>
      </c>
      <c r="C62193" s="14" t="s">
        <v>109</v>
      </c>
      <c r="D62193" s="14" t="s">
        <v>335</v>
      </c>
      <c r="E62193" s="15">
        <v>45519</v>
      </c>
      <c r="F62193" s="14" t="s">
        <v>61</v>
      </c>
      <c r="G62193" s="16">
        <v>9.2344002833436883E-2</v>
      </c>
    </row>
    <row r="62194" spans="1:7" x14ac:dyDescent="0.3">
      <c r="A62194" s="13" t="s">
        <v>334</v>
      </c>
      <c r="B62194" s="14" t="s">
        <v>1</v>
      </c>
      <c r="C62194" s="14" t="s">
        <v>109</v>
      </c>
      <c r="D62194" s="14" t="s">
        <v>335</v>
      </c>
      <c r="E62194" s="15">
        <v>45520</v>
      </c>
      <c r="F62194" s="14" t="s">
        <v>61</v>
      </c>
      <c r="G62194" s="16">
        <v>0.10178199732998354</v>
      </c>
    </row>
    <row r="62195" spans="1:7" x14ac:dyDescent="0.3">
      <c r="A62195" s="13" t="s">
        <v>334</v>
      </c>
      <c r="B62195" s="14" t="s">
        <v>1</v>
      </c>
      <c r="C62195" s="14" t="s">
        <v>109</v>
      </c>
      <c r="D62195" s="14" t="s">
        <v>335</v>
      </c>
      <c r="E62195" s="15">
        <v>45521</v>
      </c>
      <c r="F62195" s="14" t="s">
        <v>61</v>
      </c>
      <c r="G62195" s="16">
        <v>0.10178199732998354</v>
      </c>
    </row>
    <row r="62196" spans="1:7" x14ac:dyDescent="0.3">
      <c r="A62196" s="13" t="s">
        <v>334</v>
      </c>
      <c r="B62196" s="14" t="s">
        <v>1</v>
      </c>
      <c r="C62196" s="14" t="s">
        <v>109</v>
      </c>
      <c r="D62196" s="14" t="s">
        <v>335</v>
      </c>
      <c r="E62196" s="15">
        <v>45522</v>
      </c>
      <c r="F62196" s="14" t="s">
        <v>61</v>
      </c>
      <c r="G62196" s="16">
        <v>0.10178199732998354</v>
      </c>
    </row>
    <row r="62197" spans="1:7" x14ac:dyDescent="0.3">
      <c r="A62197" s="13" t="s">
        <v>334</v>
      </c>
      <c r="B62197" s="14" t="s">
        <v>1</v>
      </c>
      <c r="C62197" s="14" t="s">
        <v>109</v>
      </c>
      <c r="D62197" s="14" t="s">
        <v>335</v>
      </c>
      <c r="E62197" s="15">
        <v>45523</v>
      </c>
      <c r="F62197" s="14" t="s">
        <v>61</v>
      </c>
      <c r="G62197" s="16">
        <v>9.962717993879408E-2</v>
      </c>
    </row>
    <row r="62198" spans="1:7" x14ac:dyDescent="0.3">
      <c r="A62198" s="13" t="s">
        <v>334</v>
      </c>
      <c r="B62198" s="14" t="s">
        <v>1</v>
      </c>
      <c r="C62198" s="14" t="s">
        <v>109</v>
      </c>
      <c r="D62198" s="14" t="s">
        <v>335</v>
      </c>
      <c r="E62198" s="15">
        <v>45524</v>
      </c>
      <c r="F62198" s="14" t="s">
        <v>61</v>
      </c>
      <c r="G62198" s="16">
        <v>9.3525196026540802E-2</v>
      </c>
    </row>
    <row r="62199" spans="1:7" x14ac:dyDescent="0.3">
      <c r="A62199" s="13" t="s">
        <v>334</v>
      </c>
      <c r="B62199" s="14" t="s">
        <v>1</v>
      </c>
      <c r="C62199" s="14" t="s">
        <v>109</v>
      </c>
      <c r="D62199" s="14" t="s">
        <v>335</v>
      </c>
      <c r="E62199" s="15">
        <v>45525</v>
      </c>
      <c r="F62199" s="14" t="s">
        <v>61</v>
      </c>
      <c r="G62199" s="16">
        <v>9.1740796874686253E-2</v>
      </c>
    </row>
    <row r="62200" spans="1:7" x14ac:dyDescent="0.3">
      <c r="A62200" s="13" t="s">
        <v>334</v>
      </c>
      <c r="B62200" s="14" t="s">
        <v>1</v>
      </c>
      <c r="C62200" s="14" t="s">
        <v>109</v>
      </c>
      <c r="D62200" s="14" t="s">
        <v>335</v>
      </c>
      <c r="E62200" s="15">
        <v>45526</v>
      </c>
      <c r="F62200" s="14" t="s">
        <v>61</v>
      </c>
      <c r="G62200" s="16">
        <v>9.0424442655023141E-2</v>
      </c>
    </row>
    <row r="62201" spans="1:7" x14ac:dyDescent="0.3">
      <c r="A62201" s="13" t="s">
        <v>334</v>
      </c>
      <c r="B62201" s="14" t="s">
        <v>1</v>
      </c>
      <c r="C62201" s="14" t="s">
        <v>109</v>
      </c>
      <c r="D62201" s="14" t="s">
        <v>335</v>
      </c>
      <c r="E62201" s="15">
        <v>45527</v>
      </c>
      <c r="F62201" s="14" t="s">
        <v>61</v>
      </c>
      <c r="G62201" s="16">
        <v>0.11415939726223973</v>
      </c>
    </row>
    <row r="62202" spans="1:7" x14ac:dyDescent="0.3">
      <c r="A62202" s="13" t="s">
        <v>334</v>
      </c>
      <c r="B62202" s="14" t="s">
        <v>1</v>
      </c>
      <c r="C62202" s="14" t="s">
        <v>109</v>
      </c>
      <c r="D62202" s="14" t="s">
        <v>335</v>
      </c>
      <c r="E62202" s="15">
        <v>45528</v>
      </c>
      <c r="F62202" s="14" t="s">
        <v>61</v>
      </c>
      <c r="G62202" s="16">
        <v>0.11415939726223973</v>
      </c>
    </row>
    <row r="62203" spans="1:7" x14ac:dyDescent="0.3">
      <c r="A62203" s="13" t="s">
        <v>334</v>
      </c>
      <c r="B62203" s="14" t="s">
        <v>1</v>
      </c>
      <c r="C62203" s="14" t="s">
        <v>109</v>
      </c>
      <c r="D62203" s="14" t="s">
        <v>335</v>
      </c>
      <c r="E62203" s="15">
        <v>45529</v>
      </c>
      <c r="F62203" s="14" t="s">
        <v>61</v>
      </c>
      <c r="G62203" s="16">
        <v>0.11415939726223973</v>
      </c>
    </row>
    <row r="62204" spans="1:7" x14ac:dyDescent="0.3">
      <c r="A62204" s="13" t="s">
        <v>334</v>
      </c>
      <c r="B62204" s="14" t="s">
        <v>1</v>
      </c>
      <c r="C62204" s="14" t="s">
        <v>109</v>
      </c>
      <c r="D62204" s="14" t="s">
        <v>335</v>
      </c>
      <c r="E62204" s="15">
        <v>45530</v>
      </c>
      <c r="F62204" s="14" t="s">
        <v>61</v>
      </c>
      <c r="G62204" s="16">
        <v>0.1128626369320922</v>
      </c>
    </row>
    <row r="62205" spans="1:7" x14ac:dyDescent="0.3">
      <c r="A62205" s="13" t="s">
        <v>334</v>
      </c>
      <c r="B62205" s="14" t="s">
        <v>1</v>
      </c>
      <c r="C62205" s="14" t="s">
        <v>109</v>
      </c>
      <c r="D62205" s="14" t="s">
        <v>335</v>
      </c>
      <c r="E62205" s="15">
        <v>45531</v>
      </c>
      <c r="F62205" s="14" t="s">
        <v>61</v>
      </c>
      <c r="G62205" s="16">
        <v>0.10695882254127552</v>
      </c>
    </row>
    <row r="62206" spans="1:7" x14ac:dyDescent="0.3">
      <c r="A62206" s="13" t="s">
        <v>334</v>
      </c>
      <c r="B62206" s="14" t="s">
        <v>1</v>
      </c>
      <c r="C62206" s="14" t="s">
        <v>109</v>
      </c>
      <c r="D62206" s="14" t="s">
        <v>335</v>
      </c>
      <c r="E62206" s="15">
        <v>45532</v>
      </c>
      <c r="F62206" s="14" t="s">
        <v>61</v>
      </c>
      <c r="G62206" s="16">
        <v>0.11902602915626448</v>
      </c>
    </row>
    <row r="62207" spans="1:7" x14ac:dyDescent="0.3">
      <c r="A62207" s="13" t="s">
        <v>334</v>
      </c>
      <c r="B62207" s="14" t="s">
        <v>1</v>
      </c>
      <c r="C62207" s="14" t="s">
        <v>109</v>
      </c>
      <c r="D62207" s="14" t="s">
        <v>335</v>
      </c>
      <c r="E62207" s="15">
        <v>45533</v>
      </c>
      <c r="F62207" s="14" t="s">
        <v>61</v>
      </c>
      <c r="G62207" s="16">
        <v>0.1326322948355268</v>
      </c>
    </row>
    <row r="62208" spans="1:7" x14ac:dyDescent="0.3">
      <c r="A62208" s="13" t="s">
        <v>334</v>
      </c>
      <c r="B62208" s="14" t="s">
        <v>1</v>
      </c>
      <c r="C62208" s="14" t="s">
        <v>109</v>
      </c>
      <c r="D62208" s="14" t="s">
        <v>335</v>
      </c>
      <c r="E62208" s="15">
        <v>45534</v>
      </c>
      <c r="F62208" s="14" t="s">
        <v>61</v>
      </c>
      <c r="G62208" s="16">
        <v>0.13135211376424225</v>
      </c>
    </row>
    <row r="62209" spans="1:7" x14ac:dyDescent="0.3">
      <c r="A62209" s="13" t="s">
        <v>334</v>
      </c>
      <c r="B62209" s="14" t="s">
        <v>1</v>
      </c>
      <c r="C62209" s="14" t="s">
        <v>109</v>
      </c>
      <c r="D62209" s="14" t="s">
        <v>335</v>
      </c>
      <c r="E62209" s="15">
        <v>45535</v>
      </c>
      <c r="F62209" s="14" t="s">
        <v>61</v>
      </c>
      <c r="G62209" s="16">
        <v>0.13135211376424225</v>
      </c>
    </row>
    <row r="62210" spans="1:7" x14ac:dyDescent="0.3">
      <c r="A62210" s="13" t="s">
        <v>334</v>
      </c>
      <c r="B62210" s="14" t="s">
        <v>1</v>
      </c>
      <c r="C62210" s="14" t="s">
        <v>109</v>
      </c>
      <c r="D62210" s="14" t="s">
        <v>335</v>
      </c>
      <c r="E62210" s="15">
        <v>45536</v>
      </c>
      <c r="F62210" s="14" t="s">
        <v>61</v>
      </c>
      <c r="G62210" s="16">
        <v>0.13135211376424225</v>
      </c>
    </row>
    <row r="62211" spans="1:7" x14ac:dyDescent="0.3">
      <c r="A62211" s="13" t="s">
        <v>334</v>
      </c>
      <c r="B62211" s="14" t="s">
        <v>1</v>
      </c>
      <c r="C62211" s="14" t="s">
        <v>109</v>
      </c>
      <c r="D62211" s="14" t="s">
        <v>335</v>
      </c>
      <c r="E62211" s="15">
        <v>45537</v>
      </c>
      <c r="F62211" s="14" t="s">
        <v>61</v>
      </c>
      <c r="G62211" s="16">
        <v>0.12943266363507994</v>
      </c>
    </row>
    <row r="62212" spans="1:7" x14ac:dyDescent="0.3">
      <c r="A62212" s="13" t="s">
        <v>334</v>
      </c>
      <c r="B62212" s="14" t="s">
        <v>1</v>
      </c>
      <c r="C62212" s="14" t="s">
        <v>109</v>
      </c>
      <c r="D62212" s="14" t="s">
        <v>335</v>
      </c>
      <c r="E62212" s="15">
        <v>45538</v>
      </c>
      <c r="F62212" s="14" t="s">
        <v>61</v>
      </c>
      <c r="G62212" s="16">
        <v>0.1240271926217185</v>
      </c>
    </row>
    <row r="62213" spans="1:7" x14ac:dyDescent="0.3">
      <c r="A62213" s="13" t="s">
        <v>334</v>
      </c>
      <c r="B62213" s="14" t="s">
        <v>1</v>
      </c>
      <c r="C62213" s="14" t="s">
        <v>109</v>
      </c>
      <c r="D62213" s="14" t="s">
        <v>335</v>
      </c>
      <c r="E62213" s="15">
        <v>45539</v>
      </c>
      <c r="F62213" s="14" t="s">
        <v>61</v>
      </c>
      <c r="G62213" s="16">
        <v>0.1236016729668743</v>
      </c>
    </row>
    <row r="62214" spans="1:7" x14ac:dyDescent="0.3">
      <c r="A62214" s="13" t="s">
        <v>334</v>
      </c>
      <c r="B62214" s="14" t="s">
        <v>1</v>
      </c>
      <c r="C62214" s="14" t="s">
        <v>109</v>
      </c>
      <c r="D62214" s="14" t="s">
        <v>335</v>
      </c>
      <c r="E62214" s="15">
        <v>45540</v>
      </c>
      <c r="F62214" s="14" t="s">
        <v>61</v>
      </c>
      <c r="G62214" s="16">
        <v>0.12166299833697913</v>
      </c>
    </row>
    <row r="62215" spans="1:7" x14ac:dyDescent="0.3">
      <c r="A62215" s="13" t="s">
        <v>334</v>
      </c>
      <c r="B62215" s="14" t="s">
        <v>1</v>
      </c>
      <c r="C62215" s="14" t="s">
        <v>109</v>
      </c>
      <c r="D62215" s="14" t="s">
        <v>335</v>
      </c>
      <c r="E62215" s="15">
        <v>45541</v>
      </c>
      <c r="F62215" s="14" t="s">
        <v>61</v>
      </c>
      <c r="G62215" s="16">
        <v>0.12112614367986821</v>
      </c>
    </row>
    <row r="62216" spans="1:7" x14ac:dyDescent="0.3">
      <c r="A62216" s="13" t="s">
        <v>334</v>
      </c>
      <c r="B62216" s="14" t="s">
        <v>1</v>
      </c>
      <c r="C62216" s="14" t="s">
        <v>109</v>
      </c>
      <c r="D62216" s="14" t="s">
        <v>335</v>
      </c>
      <c r="E62216" s="15">
        <v>45542</v>
      </c>
      <c r="F62216" s="14" t="s">
        <v>61</v>
      </c>
      <c r="G62216" s="16">
        <v>0.12112614367986821</v>
      </c>
    </row>
    <row r="62217" spans="1:7" x14ac:dyDescent="0.3">
      <c r="A62217" s="13" t="s">
        <v>334</v>
      </c>
      <c r="B62217" s="14" t="s">
        <v>1</v>
      </c>
      <c r="C62217" s="14" t="s">
        <v>109</v>
      </c>
      <c r="D62217" s="14" t="s">
        <v>335</v>
      </c>
      <c r="E62217" s="15">
        <v>45543</v>
      </c>
      <c r="F62217" s="14" t="s">
        <v>61</v>
      </c>
      <c r="G62217" s="16">
        <v>0.12112614367986821</v>
      </c>
    </row>
    <row r="62218" spans="1:7" x14ac:dyDescent="0.3">
      <c r="A62218" s="13" t="s">
        <v>334</v>
      </c>
      <c r="B62218" s="14" t="s">
        <v>1</v>
      </c>
      <c r="C62218" s="14" t="s">
        <v>109</v>
      </c>
      <c r="D62218" s="14" t="s">
        <v>335</v>
      </c>
      <c r="E62218" s="15">
        <v>45544</v>
      </c>
      <c r="F62218" s="14" t="s">
        <v>61</v>
      </c>
      <c r="G62218" s="16">
        <v>0.12499826105320822</v>
      </c>
    </row>
    <row r="62219" spans="1:7" x14ac:dyDescent="0.3">
      <c r="A62219" s="13" t="s">
        <v>334</v>
      </c>
      <c r="B62219" s="14" t="s">
        <v>1</v>
      </c>
      <c r="C62219" s="14" t="s">
        <v>109</v>
      </c>
      <c r="D62219" s="14" t="s">
        <v>335</v>
      </c>
      <c r="E62219" s="15">
        <v>45545</v>
      </c>
      <c r="F62219" s="14" t="s">
        <v>61</v>
      </c>
      <c r="G62219" s="16">
        <v>0.11940228114102588</v>
      </c>
    </row>
    <row r="62220" spans="1:7" x14ac:dyDescent="0.3">
      <c r="A62220" s="13" t="s">
        <v>334</v>
      </c>
      <c r="B62220" s="14" t="s">
        <v>1</v>
      </c>
      <c r="C62220" s="14" t="s">
        <v>109</v>
      </c>
      <c r="D62220" s="14" t="s">
        <v>335</v>
      </c>
      <c r="E62220" s="15">
        <v>45546</v>
      </c>
      <c r="F62220" s="14" t="s">
        <v>61</v>
      </c>
      <c r="G62220" s="16">
        <v>0.1170048506017498</v>
      </c>
    </row>
    <row r="62221" spans="1:7" x14ac:dyDescent="0.3">
      <c r="A62221" s="13" t="s">
        <v>334</v>
      </c>
      <c r="B62221" s="14" t="s">
        <v>1</v>
      </c>
      <c r="C62221" s="14" t="s">
        <v>109</v>
      </c>
      <c r="D62221" s="14" t="s">
        <v>335</v>
      </c>
      <c r="E62221" s="15">
        <v>45547</v>
      </c>
      <c r="F62221" s="14" t="s">
        <v>61</v>
      </c>
      <c r="G62221" s="16">
        <v>0.11473163931319331</v>
      </c>
    </row>
    <row r="62222" spans="1:7" x14ac:dyDescent="0.3">
      <c r="A62222" s="13" t="s">
        <v>334</v>
      </c>
      <c r="B62222" s="14" t="s">
        <v>1</v>
      </c>
      <c r="C62222" s="14" t="s">
        <v>109</v>
      </c>
      <c r="D62222" s="14" t="s">
        <v>335</v>
      </c>
      <c r="E62222" s="15">
        <v>45548</v>
      </c>
      <c r="F62222" s="14" t="s">
        <v>61</v>
      </c>
      <c r="G62222" s="16">
        <v>0.11391099948731383</v>
      </c>
    </row>
    <row r="62223" spans="1:7" x14ac:dyDescent="0.3">
      <c r="A62223" s="13" t="s">
        <v>334</v>
      </c>
      <c r="B62223" s="14" t="s">
        <v>1</v>
      </c>
      <c r="C62223" s="14" t="s">
        <v>109</v>
      </c>
      <c r="D62223" s="14" t="s">
        <v>335</v>
      </c>
      <c r="E62223" s="15">
        <v>45549</v>
      </c>
      <c r="F62223" s="14" t="s">
        <v>61</v>
      </c>
      <c r="G62223" s="16">
        <v>0.11391099948731383</v>
      </c>
    </row>
    <row r="62224" spans="1:7" x14ac:dyDescent="0.3">
      <c r="A62224" s="13" t="s">
        <v>334</v>
      </c>
      <c r="B62224" s="14" t="s">
        <v>1</v>
      </c>
      <c r="C62224" s="14" t="s">
        <v>109</v>
      </c>
      <c r="D62224" s="14" t="s">
        <v>335</v>
      </c>
      <c r="E62224" s="15">
        <v>45550</v>
      </c>
      <c r="F62224" s="14" t="s">
        <v>61</v>
      </c>
      <c r="G62224" s="16">
        <v>0.11391099948731383</v>
      </c>
    </row>
    <row r="62225" spans="1:7" x14ac:dyDescent="0.3">
      <c r="A62225" s="13" t="s">
        <v>334</v>
      </c>
      <c r="B62225" s="14" t="s">
        <v>1</v>
      </c>
      <c r="C62225" s="14" t="s">
        <v>109</v>
      </c>
      <c r="D62225" s="14" t="s">
        <v>335</v>
      </c>
      <c r="E62225" s="15">
        <v>45551</v>
      </c>
      <c r="F62225" s="14" t="s">
        <v>61</v>
      </c>
      <c r="G62225" s="16">
        <v>0.1117102317816759</v>
      </c>
    </row>
    <row r="62226" spans="1:7" x14ac:dyDescent="0.3">
      <c r="A62226" s="13" t="s">
        <v>334</v>
      </c>
      <c r="B62226" s="14" t="s">
        <v>1</v>
      </c>
      <c r="C62226" s="14" t="s">
        <v>109</v>
      </c>
      <c r="D62226" s="14" t="s">
        <v>335</v>
      </c>
      <c r="E62226" s="15">
        <v>45552</v>
      </c>
      <c r="F62226" s="14" t="s">
        <v>61</v>
      </c>
      <c r="G62226" s="16">
        <v>0.10619597768320915</v>
      </c>
    </row>
    <row r="62227" spans="1:7" x14ac:dyDescent="0.3">
      <c r="A62227" s="13" t="s">
        <v>334</v>
      </c>
      <c r="B62227" s="14" t="s">
        <v>1</v>
      </c>
      <c r="C62227" s="14" t="s">
        <v>109</v>
      </c>
      <c r="D62227" s="14" t="s">
        <v>335</v>
      </c>
      <c r="E62227" s="15">
        <v>45553</v>
      </c>
      <c r="F62227" s="14" t="s">
        <v>61</v>
      </c>
      <c r="G62227" s="16">
        <v>0.1045262425300289</v>
      </c>
    </row>
    <row r="62228" spans="1:7" x14ac:dyDescent="0.3">
      <c r="A62228" s="13" t="s">
        <v>334</v>
      </c>
      <c r="B62228" s="14" t="s">
        <v>1</v>
      </c>
      <c r="C62228" s="14" t="s">
        <v>109</v>
      </c>
      <c r="D62228" s="14" t="s">
        <v>335</v>
      </c>
      <c r="E62228" s="15">
        <v>45554</v>
      </c>
      <c r="F62228" s="14" t="s">
        <v>61</v>
      </c>
      <c r="G62228" s="16">
        <v>0.10250326799649745</v>
      </c>
    </row>
    <row r="62229" spans="1:7" x14ac:dyDescent="0.3">
      <c r="A62229" s="13" t="s">
        <v>334</v>
      </c>
      <c r="B62229" s="14" t="s">
        <v>1</v>
      </c>
      <c r="C62229" s="14" t="s">
        <v>109</v>
      </c>
      <c r="D62229" s="14" t="s">
        <v>335</v>
      </c>
      <c r="E62229" s="15">
        <v>45555</v>
      </c>
      <c r="F62229" s="14" t="s">
        <v>61</v>
      </c>
      <c r="G62229" s="16">
        <v>0.10087579460805395</v>
      </c>
    </row>
    <row r="62230" spans="1:7" x14ac:dyDescent="0.3">
      <c r="A62230" s="13" t="s">
        <v>334</v>
      </c>
      <c r="B62230" s="14" t="s">
        <v>1</v>
      </c>
      <c r="C62230" s="14" t="s">
        <v>109</v>
      </c>
      <c r="D62230" s="14" t="s">
        <v>335</v>
      </c>
      <c r="E62230" s="15">
        <v>45556</v>
      </c>
      <c r="F62230" s="14" t="s">
        <v>61</v>
      </c>
      <c r="G62230" s="16">
        <v>0.10087579460805395</v>
      </c>
    </row>
    <row r="62231" spans="1:7" x14ac:dyDescent="0.3">
      <c r="A62231" s="13" t="s">
        <v>334</v>
      </c>
      <c r="B62231" s="14" t="s">
        <v>1</v>
      </c>
      <c r="C62231" s="14" t="s">
        <v>109</v>
      </c>
      <c r="D62231" s="14" t="s">
        <v>335</v>
      </c>
      <c r="E62231" s="15">
        <v>45557</v>
      </c>
      <c r="F62231" s="14" t="s">
        <v>61</v>
      </c>
      <c r="G62231" s="16">
        <v>0.10087579460805395</v>
      </c>
    </row>
    <row r="62232" spans="1:7" x14ac:dyDescent="0.3">
      <c r="A62232" s="13" t="s">
        <v>334</v>
      </c>
      <c r="B62232" s="14" t="s">
        <v>1</v>
      </c>
      <c r="C62232" s="14" t="s">
        <v>109</v>
      </c>
      <c r="D62232" s="14" t="s">
        <v>335</v>
      </c>
      <c r="E62232" s="15">
        <v>45558</v>
      </c>
      <c r="F62232" s="14" t="s">
        <v>61</v>
      </c>
      <c r="G62232" s="16">
        <v>9.9702985467250496E-2</v>
      </c>
    </row>
    <row r="62233" spans="1:7" x14ac:dyDescent="0.3">
      <c r="A62233" s="13" t="s">
        <v>334</v>
      </c>
      <c r="B62233" s="14" t="s">
        <v>1</v>
      </c>
      <c r="C62233" s="14" t="s">
        <v>109</v>
      </c>
      <c r="D62233" s="14" t="s">
        <v>335</v>
      </c>
      <c r="E62233" s="15">
        <v>45559</v>
      </c>
      <c r="F62233" s="14" t="s">
        <v>61</v>
      </c>
      <c r="G62233" s="16">
        <v>9.3425673641276366E-2</v>
      </c>
    </row>
    <row r="62234" spans="1:7" x14ac:dyDescent="0.3">
      <c r="A62234" s="13" t="s">
        <v>334</v>
      </c>
      <c r="B62234" s="14" t="s">
        <v>1</v>
      </c>
      <c r="C62234" s="14" t="s">
        <v>109</v>
      </c>
      <c r="D62234" s="14" t="s">
        <v>335</v>
      </c>
      <c r="E62234" s="15">
        <v>45560</v>
      </c>
      <c r="F62234" s="14" t="s">
        <v>61</v>
      </c>
      <c r="G62234" s="16">
        <v>9.2191980544078039E-2</v>
      </c>
    </row>
    <row r="62235" spans="1:7" x14ac:dyDescent="0.3">
      <c r="A62235" s="13" t="s">
        <v>334</v>
      </c>
      <c r="B62235" s="14" t="s">
        <v>1</v>
      </c>
      <c r="C62235" s="14" t="s">
        <v>109</v>
      </c>
      <c r="D62235" s="14" t="s">
        <v>335</v>
      </c>
      <c r="E62235" s="15">
        <v>45561</v>
      </c>
      <c r="F62235" s="14" t="s">
        <v>61</v>
      </c>
      <c r="G62235" s="16">
        <v>9.0228915309885929E-2</v>
      </c>
    </row>
    <row r="62236" spans="1:7" x14ac:dyDescent="0.3">
      <c r="A62236" s="13" t="s">
        <v>334</v>
      </c>
      <c r="B62236" s="14" t="s">
        <v>1</v>
      </c>
      <c r="C62236" s="14" t="s">
        <v>109</v>
      </c>
      <c r="D62236" s="14" t="s">
        <v>335</v>
      </c>
      <c r="E62236" s="15">
        <v>45562</v>
      </c>
      <c r="F62236" s="14" t="s">
        <v>61</v>
      </c>
      <c r="G62236" s="16">
        <v>8.9528184657904089E-2</v>
      </c>
    </row>
    <row r="62237" spans="1:7" x14ac:dyDescent="0.3">
      <c r="A62237" s="13" t="s">
        <v>334</v>
      </c>
      <c r="B62237" s="14" t="s">
        <v>1</v>
      </c>
      <c r="C62237" s="14" t="s">
        <v>109</v>
      </c>
      <c r="D62237" s="14" t="s">
        <v>335</v>
      </c>
      <c r="E62237" s="15">
        <v>45563</v>
      </c>
      <c r="F62237" s="14" t="s">
        <v>61</v>
      </c>
      <c r="G62237" s="16">
        <v>8.9528184657904089E-2</v>
      </c>
    </row>
    <row r="62238" spans="1:7" x14ac:dyDescent="0.3">
      <c r="A62238" s="13" t="s">
        <v>334</v>
      </c>
      <c r="B62238" s="14" t="s">
        <v>1</v>
      </c>
      <c r="C62238" s="14" t="s">
        <v>109</v>
      </c>
      <c r="D62238" s="14" t="s">
        <v>335</v>
      </c>
      <c r="E62238" s="15">
        <v>45564</v>
      </c>
      <c r="F62238" s="14" t="s">
        <v>61</v>
      </c>
      <c r="G62238" s="16">
        <v>8.9528184657904089E-2</v>
      </c>
    </row>
    <row r="62239" spans="1:7" x14ac:dyDescent="0.3">
      <c r="A62239" s="13" t="s">
        <v>334</v>
      </c>
      <c r="B62239" s="14" t="s">
        <v>1</v>
      </c>
      <c r="C62239" s="14" t="s">
        <v>109</v>
      </c>
      <c r="D62239" s="14" t="s">
        <v>335</v>
      </c>
      <c r="E62239" s="15">
        <v>45565</v>
      </c>
      <c r="F62239" s="14" t="s">
        <v>61</v>
      </c>
      <c r="G62239" s="16">
        <v>0.11345798228683827</v>
      </c>
    </row>
    <row r="62240" spans="1:7" x14ac:dyDescent="0.3">
      <c r="A62240" s="13" t="s">
        <v>334</v>
      </c>
      <c r="B62240" s="14" t="s">
        <v>1</v>
      </c>
      <c r="C62240" s="14" t="s">
        <v>109</v>
      </c>
      <c r="D62240" s="14" t="s">
        <v>335</v>
      </c>
      <c r="E62240" s="15">
        <v>45566</v>
      </c>
      <c r="F62240" s="14" t="s">
        <v>61</v>
      </c>
      <c r="G62240" s="16">
        <v>0.11085524929903146</v>
      </c>
    </row>
    <row r="62241" spans="1:7" x14ac:dyDescent="0.3">
      <c r="A62241" s="13" t="s">
        <v>334</v>
      </c>
      <c r="B62241" s="14" t="s">
        <v>1</v>
      </c>
      <c r="C62241" s="14" t="s">
        <v>109</v>
      </c>
      <c r="D62241" s="14" t="s">
        <v>335</v>
      </c>
      <c r="E62241" s="15">
        <v>45567</v>
      </c>
      <c r="F62241" s="14" t="s">
        <v>61</v>
      </c>
      <c r="G62241" s="16">
        <v>0.10945522616199595</v>
      </c>
    </row>
    <row r="62242" spans="1:7" x14ac:dyDescent="0.3">
      <c r="A62242" s="13" t="s">
        <v>334</v>
      </c>
      <c r="B62242" s="14" t="s">
        <v>1</v>
      </c>
      <c r="C62242" s="14" t="s">
        <v>109</v>
      </c>
      <c r="D62242" s="14" t="s">
        <v>335</v>
      </c>
      <c r="E62242" s="15">
        <v>45568</v>
      </c>
      <c r="F62242" s="14" t="s">
        <v>61</v>
      </c>
      <c r="G62242" s="16">
        <v>0.10796497714884365</v>
      </c>
    </row>
    <row r="62243" spans="1:7" x14ac:dyDescent="0.3">
      <c r="A62243" s="13" t="s">
        <v>334</v>
      </c>
      <c r="B62243" s="14" t="s">
        <v>1</v>
      </c>
      <c r="C62243" s="14" t="s">
        <v>109</v>
      </c>
      <c r="D62243" s="14" t="s">
        <v>335</v>
      </c>
      <c r="E62243" s="15">
        <v>45569</v>
      </c>
      <c r="F62243" s="14" t="s">
        <v>61</v>
      </c>
      <c r="G62243" s="16">
        <v>0.10684574860047322</v>
      </c>
    </row>
    <row r="62244" spans="1:7" x14ac:dyDescent="0.3">
      <c r="A62244" s="13" t="s">
        <v>334</v>
      </c>
      <c r="B62244" s="14" t="s">
        <v>1</v>
      </c>
      <c r="C62244" s="14" t="s">
        <v>109</v>
      </c>
      <c r="D62244" s="14" t="s">
        <v>335</v>
      </c>
      <c r="E62244" s="15">
        <v>45570</v>
      </c>
      <c r="F62244" s="14" t="s">
        <v>61</v>
      </c>
      <c r="G62244" s="16">
        <v>0.10684574860047322</v>
      </c>
    </row>
    <row r="62245" spans="1:7" x14ac:dyDescent="0.3">
      <c r="A62245" s="13" t="s">
        <v>334</v>
      </c>
      <c r="B62245" s="14" t="s">
        <v>1</v>
      </c>
      <c r="C62245" s="14" t="s">
        <v>109</v>
      </c>
      <c r="D62245" s="14" t="s">
        <v>335</v>
      </c>
      <c r="E62245" s="15">
        <v>45571</v>
      </c>
      <c r="F62245" s="14" t="s">
        <v>61</v>
      </c>
      <c r="G62245" s="16">
        <v>0.10684574860047322</v>
      </c>
    </row>
    <row r="62246" spans="1:7" x14ac:dyDescent="0.3">
      <c r="A62246" s="13" t="s">
        <v>334</v>
      </c>
      <c r="B62246" s="14" t="s">
        <v>1</v>
      </c>
      <c r="C62246" s="14" t="s">
        <v>109</v>
      </c>
      <c r="D62246" s="14" t="s">
        <v>335</v>
      </c>
      <c r="E62246" s="15">
        <v>45572</v>
      </c>
      <c r="F62246" s="14" t="s">
        <v>61</v>
      </c>
      <c r="G62246" s="16">
        <v>0.10935493441744761</v>
      </c>
    </row>
    <row r="62247" spans="1:7" x14ac:dyDescent="0.3">
      <c r="A62247" s="13" t="s">
        <v>334</v>
      </c>
      <c r="B62247" s="14" t="s">
        <v>1</v>
      </c>
      <c r="C62247" s="14" t="s">
        <v>109</v>
      </c>
      <c r="D62247" s="14" t="s">
        <v>335</v>
      </c>
      <c r="E62247" s="15">
        <v>45573</v>
      </c>
      <c r="F62247" s="14" t="s">
        <v>61</v>
      </c>
      <c r="G62247" s="16">
        <v>0.10351372792086917</v>
      </c>
    </row>
    <row r="62248" spans="1:7" x14ac:dyDescent="0.3">
      <c r="A62248" s="13" t="s">
        <v>334</v>
      </c>
      <c r="B62248" s="14" t="s">
        <v>1</v>
      </c>
      <c r="C62248" s="14" t="s">
        <v>109</v>
      </c>
      <c r="D62248" s="14" t="s">
        <v>335</v>
      </c>
      <c r="E62248" s="15">
        <v>45574</v>
      </c>
      <c r="F62248" s="14" t="s">
        <v>61</v>
      </c>
      <c r="G62248" s="16">
        <v>0.10227396250476799</v>
      </c>
    </row>
    <row r="62249" spans="1:7" x14ac:dyDescent="0.3">
      <c r="A62249" s="13" t="s">
        <v>334</v>
      </c>
      <c r="B62249" s="14" t="s">
        <v>1</v>
      </c>
      <c r="C62249" s="14" t="s">
        <v>109</v>
      </c>
      <c r="D62249" s="14" t="s">
        <v>335</v>
      </c>
      <c r="E62249" s="15">
        <v>45575</v>
      </c>
      <c r="F62249" s="14" t="s">
        <v>61</v>
      </c>
      <c r="G62249" s="16">
        <v>0.10065794136904635</v>
      </c>
    </row>
    <row r="62250" spans="1:7" x14ac:dyDescent="0.3">
      <c r="A62250" s="13" t="s">
        <v>334</v>
      </c>
      <c r="B62250" s="14" t="s">
        <v>1</v>
      </c>
      <c r="C62250" s="14" t="s">
        <v>109</v>
      </c>
      <c r="D62250" s="14" t="s">
        <v>335</v>
      </c>
      <c r="E62250" s="15">
        <v>45576</v>
      </c>
      <c r="F62250" s="14" t="s">
        <v>61</v>
      </c>
      <c r="G62250" s="16">
        <v>9.8986699400708464E-2</v>
      </c>
    </row>
    <row r="62251" spans="1:7" x14ac:dyDescent="0.3">
      <c r="A62251" s="13" t="s">
        <v>334</v>
      </c>
      <c r="B62251" s="14" t="s">
        <v>1</v>
      </c>
      <c r="C62251" s="14" t="s">
        <v>109</v>
      </c>
      <c r="D62251" s="14" t="s">
        <v>335</v>
      </c>
      <c r="E62251" s="15">
        <v>45577</v>
      </c>
      <c r="F62251" s="14" t="s">
        <v>61</v>
      </c>
      <c r="G62251" s="16">
        <v>9.8986699400708464E-2</v>
      </c>
    </row>
    <row r="62252" spans="1:7" x14ac:dyDescent="0.3">
      <c r="A62252" s="13" t="s">
        <v>334</v>
      </c>
      <c r="B62252" s="14" t="s">
        <v>1</v>
      </c>
      <c r="C62252" s="14" t="s">
        <v>109</v>
      </c>
      <c r="D62252" s="14" t="s">
        <v>335</v>
      </c>
      <c r="E62252" s="15">
        <v>45578</v>
      </c>
      <c r="F62252" s="14" t="s">
        <v>61</v>
      </c>
      <c r="G62252" s="16">
        <v>9.8986699400708464E-2</v>
      </c>
    </row>
    <row r="62253" spans="1:7" x14ac:dyDescent="0.3">
      <c r="A62253" s="13" t="s">
        <v>334</v>
      </c>
      <c r="B62253" s="14" t="s">
        <v>1</v>
      </c>
      <c r="C62253" s="14" t="s">
        <v>109</v>
      </c>
      <c r="D62253" s="14" t="s">
        <v>335</v>
      </c>
      <c r="E62253" s="15">
        <v>45579</v>
      </c>
      <c r="F62253" s="14" t="s">
        <v>61</v>
      </c>
      <c r="G62253" s="16">
        <v>9.9259553884171917E-2</v>
      </c>
    </row>
    <row r="62254" spans="1:7" x14ac:dyDescent="0.3">
      <c r="A62254" s="13" t="s">
        <v>334</v>
      </c>
      <c r="B62254" s="14" t="s">
        <v>1</v>
      </c>
      <c r="C62254" s="14" t="s">
        <v>109</v>
      </c>
      <c r="D62254" s="14" t="s">
        <v>335</v>
      </c>
      <c r="E62254" s="15">
        <v>45580</v>
      </c>
      <c r="F62254" s="14" t="s">
        <v>61</v>
      </c>
      <c r="G62254" s="16">
        <v>9.2757910806397073E-2</v>
      </c>
    </row>
    <row r="62255" spans="1:7" x14ac:dyDescent="0.3">
      <c r="A62255" s="13" t="s">
        <v>334</v>
      </c>
      <c r="B62255" s="14" t="s">
        <v>1</v>
      </c>
      <c r="C62255" s="14" t="s">
        <v>109</v>
      </c>
      <c r="D62255" s="14" t="s">
        <v>335</v>
      </c>
      <c r="E62255" s="15">
        <v>45581</v>
      </c>
      <c r="F62255" s="14" t="s">
        <v>61</v>
      </c>
      <c r="G62255" s="16">
        <v>9.134972052300705E-2</v>
      </c>
    </row>
    <row r="62256" spans="1:7" x14ac:dyDescent="0.3">
      <c r="A62256" s="13" t="s">
        <v>334</v>
      </c>
      <c r="B62256" s="14" t="s">
        <v>1</v>
      </c>
      <c r="C62256" s="14" t="s">
        <v>109</v>
      </c>
      <c r="D62256" s="14" t="s">
        <v>335</v>
      </c>
      <c r="E62256" s="15">
        <v>45582</v>
      </c>
      <c r="F62256" s="14" t="s">
        <v>61</v>
      </c>
      <c r="G62256" s="16">
        <v>8.9942252635460088E-2</v>
      </c>
    </row>
    <row r="62257" spans="1:7" x14ac:dyDescent="0.3">
      <c r="A62257" s="13" t="s">
        <v>334</v>
      </c>
      <c r="B62257" s="14" t="s">
        <v>1</v>
      </c>
      <c r="C62257" s="14" t="s">
        <v>109</v>
      </c>
      <c r="D62257" s="14" t="s">
        <v>335</v>
      </c>
      <c r="E62257" s="15">
        <v>45583</v>
      </c>
      <c r="F62257" s="14" t="s">
        <v>61</v>
      </c>
      <c r="G62257" s="16">
        <v>9.300920215672305E-2</v>
      </c>
    </row>
    <row r="62258" spans="1:7" x14ac:dyDescent="0.3">
      <c r="A62258" s="13" t="s">
        <v>334</v>
      </c>
      <c r="B62258" s="14" t="s">
        <v>1</v>
      </c>
      <c r="C62258" s="14" t="s">
        <v>109</v>
      </c>
      <c r="D62258" s="14" t="s">
        <v>335</v>
      </c>
      <c r="E62258" s="15">
        <v>45584</v>
      </c>
      <c r="F62258" s="14" t="s">
        <v>61</v>
      </c>
      <c r="G62258" s="16">
        <v>9.300920215672305E-2</v>
      </c>
    </row>
    <row r="62259" spans="1:7" x14ac:dyDescent="0.3">
      <c r="A62259" s="13" t="s">
        <v>334</v>
      </c>
      <c r="B62259" s="14" t="s">
        <v>1</v>
      </c>
      <c r="C62259" s="14" t="s">
        <v>109</v>
      </c>
      <c r="D62259" s="14" t="s">
        <v>335</v>
      </c>
      <c r="E62259" s="15">
        <v>45585</v>
      </c>
      <c r="F62259" s="14" t="s">
        <v>61</v>
      </c>
      <c r="G62259" s="16">
        <v>9.300920215672305E-2</v>
      </c>
    </row>
    <row r="62260" spans="1:7" x14ac:dyDescent="0.3">
      <c r="A62260" s="13" t="s">
        <v>334</v>
      </c>
      <c r="B62260" s="14" t="s">
        <v>1</v>
      </c>
      <c r="C62260" s="14" t="s">
        <v>109</v>
      </c>
      <c r="D62260" s="14" t="s">
        <v>335</v>
      </c>
      <c r="E62260" s="15">
        <v>45586</v>
      </c>
      <c r="F62260" s="14" t="s">
        <v>61</v>
      </c>
      <c r="G62260" s="16">
        <v>9.1785944597291516E-2</v>
      </c>
    </row>
    <row r="62261" spans="1:7" x14ac:dyDescent="0.3">
      <c r="A62261" s="13" t="s">
        <v>334</v>
      </c>
      <c r="B62261" s="14" t="s">
        <v>1</v>
      </c>
      <c r="C62261" s="14" t="s">
        <v>109</v>
      </c>
      <c r="D62261" s="14" t="s">
        <v>335</v>
      </c>
      <c r="E62261" s="15">
        <v>45587</v>
      </c>
      <c r="F62261" s="14" t="s">
        <v>61</v>
      </c>
      <c r="G62261" s="16">
        <v>8.5185099277088491E-2</v>
      </c>
    </row>
    <row r="62262" spans="1:7" x14ac:dyDescent="0.3">
      <c r="A62262" s="13" t="s">
        <v>334</v>
      </c>
      <c r="B62262" s="14" t="s">
        <v>1</v>
      </c>
      <c r="C62262" s="14" t="s">
        <v>109</v>
      </c>
      <c r="D62262" s="14" t="s">
        <v>335</v>
      </c>
      <c r="E62262" s="15">
        <v>45588</v>
      </c>
      <c r="F62262" s="14" t="s">
        <v>61</v>
      </c>
      <c r="G62262" s="16">
        <v>8.3650259583862865E-2</v>
      </c>
    </row>
    <row r="62263" spans="1:7" x14ac:dyDescent="0.3">
      <c r="A62263" s="13" t="s">
        <v>334</v>
      </c>
      <c r="B62263" s="14" t="s">
        <v>1</v>
      </c>
      <c r="C62263" s="14" t="s">
        <v>109</v>
      </c>
      <c r="D62263" s="14" t="s">
        <v>335</v>
      </c>
      <c r="E62263" s="15">
        <v>45589</v>
      </c>
      <c r="F62263" s="14" t="s">
        <v>61</v>
      </c>
      <c r="G62263" s="16">
        <v>8.1641464534605843E-2</v>
      </c>
    </row>
    <row r="62264" spans="1:7" x14ac:dyDescent="0.3">
      <c r="A62264" s="13" t="s">
        <v>334</v>
      </c>
      <c r="B62264" s="14" t="s">
        <v>1</v>
      </c>
      <c r="C62264" s="14" t="s">
        <v>109</v>
      </c>
      <c r="D62264" s="14" t="s">
        <v>335</v>
      </c>
      <c r="E62264" s="15">
        <v>45590</v>
      </c>
      <c r="F62264" s="14" t="s">
        <v>61</v>
      </c>
      <c r="G62264" s="16">
        <v>8.0209282504158624E-2</v>
      </c>
    </row>
    <row r="62265" spans="1:7" x14ac:dyDescent="0.3">
      <c r="A62265" s="13" t="s">
        <v>334</v>
      </c>
      <c r="B62265" s="14" t="s">
        <v>1</v>
      </c>
      <c r="C62265" s="14" t="s">
        <v>109</v>
      </c>
      <c r="D62265" s="14" t="s">
        <v>335</v>
      </c>
      <c r="E62265" s="15">
        <v>45591</v>
      </c>
      <c r="F62265" s="14" t="s">
        <v>61</v>
      </c>
      <c r="G62265" s="16">
        <v>8.0209282504158624E-2</v>
      </c>
    </row>
    <row r="62266" spans="1:7" x14ac:dyDescent="0.3">
      <c r="A62266" s="13" t="s">
        <v>334</v>
      </c>
      <c r="B62266" s="14" t="s">
        <v>1</v>
      </c>
      <c r="C62266" s="14" t="s">
        <v>109</v>
      </c>
      <c r="D62266" s="14" t="s">
        <v>335</v>
      </c>
      <c r="E62266" s="15">
        <v>45592</v>
      </c>
      <c r="F62266" s="14" t="s">
        <v>61</v>
      </c>
      <c r="G62266" s="16">
        <v>8.0209282504158624E-2</v>
      </c>
    </row>
    <row r="62267" spans="1:7" x14ac:dyDescent="0.3">
      <c r="A62267" s="13" t="s">
        <v>334</v>
      </c>
      <c r="B62267" s="14" t="s">
        <v>1</v>
      </c>
      <c r="C62267" s="14" t="s">
        <v>109</v>
      </c>
      <c r="D62267" s="14" t="s">
        <v>335</v>
      </c>
      <c r="E62267" s="15">
        <v>45593</v>
      </c>
      <c r="F62267" s="14" t="s">
        <v>61</v>
      </c>
      <c r="G62267" s="16">
        <v>8.0209282504158624E-2</v>
      </c>
    </row>
    <row r="62268" spans="1:7" x14ac:dyDescent="0.3">
      <c r="A62268" s="13" t="s">
        <v>334</v>
      </c>
      <c r="B62268" s="14" t="s">
        <v>1</v>
      </c>
      <c r="C62268" s="14" t="s">
        <v>109</v>
      </c>
      <c r="D62268" s="14" t="s">
        <v>335</v>
      </c>
      <c r="E62268" s="15">
        <v>45594</v>
      </c>
      <c r="F62268" s="14" t="s">
        <v>61</v>
      </c>
      <c r="G62268" s="16">
        <v>7.9217568192724422E-2</v>
      </c>
    </row>
    <row r="62269" spans="1:7" x14ac:dyDescent="0.3">
      <c r="A62269" s="13" t="s">
        <v>334</v>
      </c>
      <c r="B62269" s="14" t="s">
        <v>1</v>
      </c>
      <c r="C62269" s="14" t="s">
        <v>109</v>
      </c>
      <c r="D62269" s="14" t="s">
        <v>335</v>
      </c>
      <c r="E62269" s="15">
        <v>45595</v>
      </c>
      <c r="F62269" s="14" t="s">
        <v>61</v>
      </c>
      <c r="G62269" s="16">
        <v>7.2257455399097045E-2</v>
      </c>
    </row>
    <row r="62270" spans="1:7" x14ac:dyDescent="0.3">
      <c r="A62270" s="13" t="s">
        <v>334</v>
      </c>
      <c r="B62270" s="14" t="s">
        <v>1</v>
      </c>
      <c r="C62270" s="14" t="s">
        <v>109</v>
      </c>
      <c r="D62270" s="14" t="s">
        <v>335</v>
      </c>
      <c r="E62270" s="15">
        <v>45596</v>
      </c>
      <c r="F62270" s="14" t="s">
        <v>61</v>
      </c>
      <c r="G62270" s="16">
        <v>7.041950324867273E-2</v>
      </c>
    </row>
    <row r="62271" spans="1:7" x14ac:dyDescent="0.3">
      <c r="A62271" s="13" t="s">
        <v>334</v>
      </c>
      <c r="B62271" s="14" t="s">
        <v>1</v>
      </c>
      <c r="C62271" s="14" t="s">
        <v>109</v>
      </c>
      <c r="D62271" s="14" t="s">
        <v>335</v>
      </c>
      <c r="E62271" s="15">
        <v>45597</v>
      </c>
      <c r="F62271" s="14" t="s">
        <v>61</v>
      </c>
      <c r="G62271" s="16">
        <v>6.9076302377154133E-2</v>
      </c>
    </row>
    <row r="62272" spans="1:7" x14ac:dyDescent="0.3">
      <c r="A62272" s="13" t="s">
        <v>334</v>
      </c>
      <c r="B62272" s="14" t="s">
        <v>1</v>
      </c>
      <c r="C62272" s="14" t="s">
        <v>109</v>
      </c>
      <c r="D62272" s="14" t="s">
        <v>335</v>
      </c>
      <c r="E62272" s="15">
        <v>45598</v>
      </c>
      <c r="F62272" s="14" t="s">
        <v>61</v>
      </c>
      <c r="G62272" s="16">
        <v>6.9076302377154133E-2</v>
      </c>
    </row>
    <row r="62273" spans="1:7" x14ac:dyDescent="0.3">
      <c r="A62273" s="13" t="s">
        <v>334</v>
      </c>
      <c r="B62273" s="14" t="s">
        <v>1</v>
      </c>
      <c r="C62273" s="14" t="s">
        <v>109</v>
      </c>
      <c r="D62273" s="14" t="s">
        <v>335</v>
      </c>
      <c r="E62273" s="15">
        <v>45599</v>
      </c>
      <c r="F62273" s="14" t="s">
        <v>61</v>
      </c>
      <c r="G62273" s="16">
        <v>6.9076302377154133E-2</v>
      </c>
    </row>
    <row r="62274" spans="1:7" x14ac:dyDescent="0.3">
      <c r="A62274" s="13" t="s">
        <v>334</v>
      </c>
      <c r="B62274" s="14" t="s">
        <v>1</v>
      </c>
      <c r="C62274" s="14" t="s">
        <v>109</v>
      </c>
      <c r="D62274" s="14" t="s">
        <v>335</v>
      </c>
      <c r="E62274" s="15">
        <v>45600</v>
      </c>
      <c r="F62274" s="14" t="s">
        <v>61</v>
      </c>
      <c r="G62274" s="16">
        <v>6.6305244937869628E-2</v>
      </c>
    </row>
    <row r="62275" spans="1:7" x14ac:dyDescent="0.3">
      <c r="A62275" s="13" t="s">
        <v>334</v>
      </c>
      <c r="B62275" s="14" t="s">
        <v>1</v>
      </c>
      <c r="C62275" s="14" t="s">
        <v>109</v>
      </c>
      <c r="D62275" s="14" t="s">
        <v>335</v>
      </c>
      <c r="E62275" s="15">
        <v>45601</v>
      </c>
      <c r="F62275" s="14" t="s">
        <v>61</v>
      </c>
      <c r="G62275" s="16">
        <v>5.7670974835923115E-2</v>
      </c>
    </row>
    <row r="62276" spans="1:7" x14ac:dyDescent="0.3">
      <c r="A62276" s="13" t="s">
        <v>334</v>
      </c>
      <c r="B62276" s="14" t="s">
        <v>1</v>
      </c>
      <c r="C62276" s="14" t="s">
        <v>109</v>
      </c>
      <c r="D62276" s="14" t="s">
        <v>335</v>
      </c>
      <c r="E62276" s="15">
        <v>45602</v>
      </c>
      <c r="F62276" s="14" t="s">
        <v>61</v>
      </c>
      <c r="G62276" s="16">
        <v>5.7080386396541505E-2</v>
      </c>
    </row>
    <row r="62277" spans="1:7" x14ac:dyDescent="0.3">
      <c r="A62277" s="13" t="s">
        <v>334</v>
      </c>
      <c r="B62277" s="14" t="s">
        <v>1</v>
      </c>
      <c r="C62277" s="14" t="s">
        <v>109</v>
      </c>
      <c r="D62277" s="14" t="s">
        <v>335</v>
      </c>
      <c r="E62277" s="15">
        <v>45603</v>
      </c>
      <c r="F62277" s="14" t="s">
        <v>61</v>
      </c>
      <c r="G62277" s="16">
        <v>5.5006738362089844E-2</v>
      </c>
    </row>
    <row r="62278" spans="1:7" x14ac:dyDescent="0.3">
      <c r="A62278" s="13" t="s">
        <v>334</v>
      </c>
      <c r="B62278" s="14" t="s">
        <v>1</v>
      </c>
      <c r="C62278" s="14" t="s">
        <v>109</v>
      </c>
      <c r="D62278" s="14" t="s">
        <v>335</v>
      </c>
      <c r="E62278" s="15">
        <v>45604</v>
      </c>
      <c r="F62278" s="14" t="s">
        <v>61</v>
      </c>
      <c r="G62278" s="16">
        <v>5.3769585381960812E-2</v>
      </c>
    </row>
    <row r="62279" spans="1:7" x14ac:dyDescent="0.3">
      <c r="A62279" s="13" t="s">
        <v>334</v>
      </c>
      <c r="B62279" s="14" t="s">
        <v>1</v>
      </c>
      <c r="C62279" s="14" t="s">
        <v>109</v>
      </c>
      <c r="D62279" s="14" t="s">
        <v>335</v>
      </c>
      <c r="E62279" s="15">
        <v>45605</v>
      </c>
      <c r="F62279" s="14" t="s">
        <v>61</v>
      </c>
      <c r="G62279" s="16">
        <v>5.3769585381960812E-2</v>
      </c>
    </row>
    <row r="62280" spans="1:7" x14ac:dyDescent="0.3">
      <c r="A62280" s="13" t="s">
        <v>334</v>
      </c>
      <c r="B62280" s="14" t="s">
        <v>1</v>
      </c>
      <c r="C62280" s="14" t="s">
        <v>109</v>
      </c>
      <c r="D62280" s="14" t="s">
        <v>335</v>
      </c>
      <c r="E62280" s="15">
        <v>45606</v>
      </c>
      <c r="F62280" s="14" t="s">
        <v>61</v>
      </c>
      <c r="G62280" s="16">
        <v>5.3769585381960812E-2</v>
      </c>
    </row>
    <row r="62281" spans="1:7" x14ac:dyDescent="0.3">
      <c r="A62281" s="13" t="s">
        <v>334</v>
      </c>
      <c r="B62281" s="14" t="s">
        <v>1</v>
      </c>
      <c r="C62281" s="14" t="s">
        <v>109</v>
      </c>
      <c r="D62281" s="14" t="s">
        <v>335</v>
      </c>
      <c r="E62281" s="15">
        <v>45607</v>
      </c>
      <c r="F62281" s="14" t="s">
        <v>61</v>
      </c>
      <c r="G62281" s="16">
        <v>5.2388122911682627E-2</v>
      </c>
    </row>
    <row r="62282" spans="1:7" x14ac:dyDescent="0.3">
      <c r="A62282" s="13" t="s">
        <v>334</v>
      </c>
      <c r="B62282" s="14" t="s">
        <v>1</v>
      </c>
      <c r="C62282" s="14" t="s">
        <v>109</v>
      </c>
      <c r="D62282" s="14" t="s">
        <v>335</v>
      </c>
      <c r="E62282" s="15">
        <v>45608</v>
      </c>
      <c r="F62282" s="14" t="s">
        <v>61</v>
      </c>
      <c r="G62282" s="16">
        <v>4.5723143873756804E-2</v>
      </c>
    </row>
    <row r="62283" spans="1:7" x14ac:dyDescent="0.3">
      <c r="A62283" s="13" t="s">
        <v>334</v>
      </c>
      <c r="B62283" s="14" t="s">
        <v>1</v>
      </c>
      <c r="C62283" s="14" t="s">
        <v>109</v>
      </c>
      <c r="D62283" s="14" t="s">
        <v>335</v>
      </c>
      <c r="E62283" s="15">
        <v>45609</v>
      </c>
      <c r="F62283" s="14" t="s">
        <v>61</v>
      </c>
      <c r="G62283" s="16">
        <v>4.5128690323526045E-2</v>
      </c>
    </row>
    <row r="62284" spans="1:7" x14ac:dyDescent="0.3">
      <c r="A62284" s="13" t="s">
        <v>334</v>
      </c>
      <c r="B62284" s="14" t="s">
        <v>1</v>
      </c>
      <c r="C62284" s="14" t="s">
        <v>109</v>
      </c>
      <c r="D62284" s="14" t="s">
        <v>335</v>
      </c>
      <c r="E62284" s="15">
        <v>45610</v>
      </c>
      <c r="F62284" s="14" t="s">
        <v>61</v>
      </c>
      <c r="G62284" s="16">
        <v>4.3563409172219805E-2</v>
      </c>
    </row>
    <row r="62285" spans="1:7" x14ac:dyDescent="0.3">
      <c r="A62285" s="13" t="s">
        <v>334</v>
      </c>
      <c r="B62285" s="14" t="s">
        <v>1</v>
      </c>
      <c r="C62285" s="14" t="s">
        <v>109</v>
      </c>
      <c r="D62285" s="14" t="s">
        <v>335</v>
      </c>
      <c r="E62285" s="15">
        <v>45611</v>
      </c>
      <c r="F62285" s="14" t="s">
        <v>61</v>
      </c>
      <c r="G62285" s="16">
        <v>4.1806249901843909E-2</v>
      </c>
    </row>
    <row r="62286" spans="1:7" x14ac:dyDescent="0.3">
      <c r="A62286" s="13" t="s">
        <v>334</v>
      </c>
      <c r="B62286" s="14" t="s">
        <v>1</v>
      </c>
      <c r="C62286" s="14" t="s">
        <v>109</v>
      </c>
      <c r="D62286" s="14" t="s">
        <v>335</v>
      </c>
      <c r="E62286" s="15">
        <v>45612</v>
      </c>
      <c r="F62286" s="14" t="s">
        <v>61</v>
      </c>
      <c r="G62286" s="16">
        <v>4.1806249901843909E-2</v>
      </c>
    </row>
    <row r="62287" spans="1:7" x14ac:dyDescent="0.3">
      <c r="A62287" s="13" t="s">
        <v>334</v>
      </c>
      <c r="B62287" s="14" t="s">
        <v>1</v>
      </c>
      <c r="C62287" s="14" t="s">
        <v>109</v>
      </c>
      <c r="D62287" s="14" t="s">
        <v>335</v>
      </c>
      <c r="E62287" s="15">
        <v>45613</v>
      </c>
      <c r="F62287" s="14" t="s">
        <v>61</v>
      </c>
      <c r="G62287" s="16">
        <v>4.1806249901843909E-2</v>
      </c>
    </row>
    <row r="62288" spans="1:7" x14ac:dyDescent="0.3">
      <c r="A62288" s="13" t="s">
        <v>334</v>
      </c>
      <c r="B62288" s="14" t="s">
        <v>1</v>
      </c>
      <c r="C62288" s="14" t="s">
        <v>109</v>
      </c>
      <c r="D62288" s="14" t="s">
        <v>335</v>
      </c>
      <c r="E62288" s="15">
        <v>45614</v>
      </c>
      <c r="F62288" s="14" t="s">
        <v>61</v>
      </c>
      <c r="G62288" s="16">
        <v>3.9870948330126464E-2</v>
      </c>
    </row>
    <row r="62289" spans="1:7" x14ac:dyDescent="0.3">
      <c r="A62289" s="13" t="s">
        <v>334</v>
      </c>
      <c r="B62289" s="14" t="s">
        <v>1</v>
      </c>
      <c r="C62289" s="14" t="s">
        <v>109</v>
      </c>
      <c r="D62289" s="14" t="s">
        <v>335</v>
      </c>
      <c r="E62289" s="15">
        <v>45615</v>
      </c>
      <c r="F62289" s="14" t="s">
        <v>61</v>
      </c>
      <c r="G62289" s="16">
        <v>3.5611683978042236E-2</v>
      </c>
    </row>
    <row r="62290" spans="1:7" x14ac:dyDescent="0.3">
      <c r="A62290" s="13" t="s">
        <v>334</v>
      </c>
      <c r="B62290" s="14" t="s">
        <v>1</v>
      </c>
      <c r="C62290" s="14" t="s">
        <v>109</v>
      </c>
      <c r="D62290" s="14" t="s">
        <v>335</v>
      </c>
      <c r="E62290" s="15">
        <v>45616</v>
      </c>
      <c r="F62290" s="14" t="s">
        <v>61</v>
      </c>
      <c r="G62290" s="16">
        <v>3.4074528122982055E-2</v>
      </c>
    </row>
    <row r="62291" spans="1:7" x14ac:dyDescent="0.3">
      <c r="A62291" s="13" t="s">
        <v>334</v>
      </c>
      <c r="B62291" s="14" t="s">
        <v>1</v>
      </c>
      <c r="C62291" s="14" t="s">
        <v>109</v>
      </c>
      <c r="D62291" s="14" t="s">
        <v>335</v>
      </c>
      <c r="E62291" s="15">
        <v>45617</v>
      </c>
      <c r="F62291" s="14" t="s">
        <v>61</v>
      </c>
      <c r="G62291" s="16">
        <v>6.0348975159834256E-2</v>
      </c>
    </row>
    <row r="62292" spans="1:7" x14ac:dyDescent="0.3">
      <c r="A62292" s="13" t="s">
        <v>334</v>
      </c>
      <c r="B62292" s="14" t="s">
        <v>1</v>
      </c>
      <c r="C62292" s="14" t="s">
        <v>109</v>
      </c>
      <c r="D62292" s="14" t="s">
        <v>335</v>
      </c>
      <c r="E62292" s="15">
        <v>45618</v>
      </c>
      <c r="F62292" s="14" t="s">
        <v>61</v>
      </c>
      <c r="G62292" s="16">
        <v>6.0672346877410792E-2</v>
      </c>
    </row>
    <row r="62293" spans="1:7" x14ac:dyDescent="0.3">
      <c r="A62293" s="13" t="s">
        <v>334</v>
      </c>
      <c r="B62293" s="14" t="s">
        <v>1</v>
      </c>
      <c r="C62293" s="14" t="s">
        <v>109</v>
      </c>
      <c r="D62293" s="14" t="s">
        <v>335</v>
      </c>
      <c r="E62293" s="15">
        <v>45619</v>
      </c>
      <c r="F62293" s="14" t="s">
        <v>61</v>
      </c>
      <c r="G62293" s="16">
        <v>6.0672346877410792E-2</v>
      </c>
    </row>
    <row r="62294" spans="1:7" x14ac:dyDescent="0.3">
      <c r="A62294" s="13" t="s">
        <v>334</v>
      </c>
      <c r="B62294" s="14" t="s">
        <v>1</v>
      </c>
      <c r="C62294" s="14" t="s">
        <v>109</v>
      </c>
      <c r="D62294" s="14" t="s">
        <v>335</v>
      </c>
      <c r="E62294" s="15">
        <v>45620</v>
      </c>
      <c r="F62294" s="14" t="s">
        <v>61</v>
      </c>
      <c r="G62294" s="16">
        <v>6.0672346877410792E-2</v>
      </c>
    </row>
    <row r="62295" spans="1:7" x14ac:dyDescent="0.3">
      <c r="A62295" s="13" t="s">
        <v>334</v>
      </c>
      <c r="B62295" s="14" t="s">
        <v>1</v>
      </c>
      <c r="C62295" s="14" t="s">
        <v>109</v>
      </c>
      <c r="D62295" s="14" t="s">
        <v>335</v>
      </c>
      <c r="E62295" s="15">
        <v>45621</v>
      </c>
      <c r="F62295" s="14" t="s">
        <v>61</v>
      </c>
      <c r="G62295" s="16">
        <v>5.9396005041316653E-2</v>
      </c>
    </row>
    <row r="62296" spans="1:7" x14ac:dyDescent="0.3">
      <c r="A62296" s="13" t="s">
        <v>334</v>
      </c>
      <c r="B62296" s="14" t="s">
        <v>1</v>
      </c>
      <c r="C62296" s="14" t="s">
        <v>109</v>
      </c>
      <c r="D62296" s="14" t="s">
        <v>335</v>
      </c>
      <c r="E62296" s="15">
        <v>45622</v>
      </c>
      <c r="F62296" s="14" t="s">
        <v>61</v>
      </c>
      <c r="G62296" s="16">
        <v>5.2507593467275217E-2</v>
      </c>
    </row>
    <row r="62297" spans="1:7" x14ac:dyDescent="0.3">
      <c r="A62297" s="13" t="s">
        <v>334</v>
      </c>
      <c r="B62297" s="14" t="s">
        <v>1</v>
      </c>
      <c r="C62297" s="14" t="s">
        <v>109</v>
      </c>
      <c r="D62297" s="14" t="s">
        <v>335</v>
      </c>
      <c r="E62297" s="15">
        <v>45623</v>
      </c>
      <c r="F62297" s="14" t="s">
        <v>61</v>
      </c>
      <c r="G62297" s="16">
        <v>5.0414900207934883E-2</v>
      </c>
    </row>
    <row r="62298" spans="1:7" x14ac:dyDescent="0.3">
      <c r="A62298" s="13" t="s">
        <v>334</v>
      </c>
      <c r="B62298" s="14" t="s">
        <v>1</v>
      </c>
      <c r="C62298" s="14" t="s">
        <v>109</v>
      </c>
      <c r="D62298" s="14" t="s">
        <v>335</v>
      </c>
      <c r="E62298" s="15">
        <v>45624</v>
      </c>
      <c r="F62298" s="14" t="s">
        <v>61</v>
      </c>
      <c r="G62298" s="16">
        <v>4.9615181226768341E-2</v>
      </c>
    </row>
    <row r="62299" spans="1:7" x14ac:dyDescent="0.3">
      <c r="A62299" s="13" t="s">
        <v>334</v>
      </c>
      <c r="B62299" s="14" t="s">
        <v>1</v>
      </c>
      <c r="C62299" s="14" t="s">
        <v>109</v>
      </c>
      <c r="D62299" s="14" t="s">
        <v>335</v>
      </c>
      <c r="E62299" s="15">
        <v>45625</v>
      </c>
      <c r="F62299" s="14" t="s">
        <v>61</v>
      </c>
      <c r="G62299" s="16">
        <v>4.7815384717860406E-2</v>
      </c>
    </row>
    <row r="62300" spans="1:7" x14ac:dyDescent="0.3">
      <c r="A62300" s="13" t="s">
        <v>334</v>
      </c>
      <c r="B62300" s="14" t="s">
        <v>1</v>
      </c>
      <c r="C62300" s="14" t="s">
        <v>109</v>
      </c>
      <c r="D62300" s="14" t="s">
        <v>335</v>
      </c>
      <c r="E62300" s="15">
        <v>45626</v>
      </c>
      <c r="F62300" s="14" t="s">
        <v>61</v>
      </c>
      <c r="G62300" s="16">
        <v>4.7815384717860406E-2</v>
      </c>
    </row>
    <row r="62301" spans="1:7" x14ac:dyDescent="0.3">
      <c r="A62301" s="13" t="s">
        <v>334</v>
      </c>
      <c r="B62301" s="14" t="s">
        <v>1</v>
      </c>
      <c r="C62301" s="14" t="s">
        <v>109</v>
      </c>
      <c r="D62301" s="14" t="s">
        <v>335</v>
      </c>
      <c r="E62301" s="15">
        <v>45627</v>
      </c>
      <c r="F62301" s="14" t="s">
        <v>61</v>
      </c>
      <c r="G62301" s="16">
        <v>4.7815384717860406E-2</v>
      </c>
    </row>
    <row r="62302" spans="1:7" x14ac:dyDescent="0.3">
      <c r="A62302" s="13" t="s">
        <v>334</v>
      </c>
      <c r="B62302" s="14" t="s">
        <v>1</v>
      </c>
      <c r="C62302" s="14" t="s">
        <v>109</v>
      </c>
      <c r="D62302" s="14" t="s">
        <v>335</v>
      </c>
      <c r="E62302" s="15">
        <v>45628</v>
      </c>
      <c r="F62302" s="14" t="s">
        <v>61</v>
      </c>
      <c r="G62302" s="16">
        <v>4.6461038498339206E-2</v>
      </c>
    </row>
    <row r="62303" spans="1:7" x14ac:dyDescent="0.3">
      <c r="A62303" s="13" t="s">
        <v>334</v>
      </c>
      <c r="B62303" s="14" t="s">
        <v>1</v>
      </c>
      <c r="C62303" s="14" t="s">
        <v>109</v>
      </c>
      <c r="D62303" s="14" t="s">
        <v>335</v>
      </c>
      <c r="E62303" s="15">
        <v>45629</v>
      </c>
      <c r="F62303" s="14" t="s">
        <v>61</v>
      </c>
      <c r="G62303" s="16">
        <v>3.9500872975695177E-2</v>
      </c>
    </row>
    <row r="62304" spans="1:7" x14ac:dyDescent="0.3">
      <c r="A62304" s="13" t="s">
        <v>334</v>
      </c>
      <c r="B62304" s="14" t="s">
        <v>1</v>
      </c>
      <c r="C62304" s="14" t="s">
        <v>109</v>
      </c>
      <c r="D62304" s="14" t="s">
        <v>335</v>
      </c>
      <c r="E62304" s="15">
        <v>45630</v>
      </c>
      <c r="F62304" s="14" t="s">
        <v>61</v>
      </c>
      <c r="G62304" s="16">
        <v>3.8641233733292507E-2</v>
      </c>
    </row>
    <row r="62305" spans="1:7" x14ac:dyDescent="0.3">
      <c r="A62305" s="13" t="s">
        <v>334</v>
      </c>
      <c r="B62305" s="14" t="s">
        <v>1</v>
      </c>
      <c r="C62305" s="14" t="s">
        <v>109</v>
      </c>
      <c r="D62305" s="14" t="s">
        <v>335</v>
      </c>
      <c r="E62305" s="15">
        <v>45631</v>
      </c>
      <c r="F62305" s="14" t="s">
        <v>61</v>
      </c>
      <c r="G62305" s="16">
        <v>3.66611345300841E-2</v>
      </c>
    </row>
    <row r="62306" spans="1:7" x14ac:dyDescent="0.3">
      <c r="A62306" s="13" t="s">
        <v>334</v>
      </c>
      <c r="B62306" s="14" t="s">
        <v>1</v>
      </c>
      <c r="C62306" s="14" t="s">
        <v>109</v>
      </c>
      <c r="D62306" s="14" t="s">
        <v>335</v>
      </c>
      <c r="E62306" s="15">
        <v>45632</v>
      </c>
      <c r="F62306" s="14" t="s">
        <v>61</v>
      </c>
      <c r="G62306" s="16">
        <v>3.501276430438445E-2</v>
      </c>
    </row>
    <row r="62307" spans="1:7" x14ac:dyDescent="0.3">
      <c r="A62307" s="13" t="s">
        <v>334</v>
      </c>
      <c r="B62307" s="14" t="s">
        <v>1</v>
      </c>
      <c r="C62307" s="14" t="s">
        <v>109</v>
      </c>
      <c r="D62307" s="14" t="s">
        <v>335</v>
      </c>
      <c r="E62307" s="15">
        <v>45633</v>
      </c>
      <c r="F62307" s="14" t="s">
        <v>61</v>
      </c>
      <c r="G62307" s="16">
        <v>3.501276430438445E-2</v>
      </c>
    </row>
    <row r="62308" spans="1:7" x14ac:dyDescent="0.3">
      <c r="A62308" s="13" t="s">
        <v>334</v>
      </c>
      <c r="B62308" s="14" t="s">
        <v>1</v>
      </c>
      <c r="C62308" s="14" t="s">
        <v>109</v>
      </c>
      <c r="D62308" s="14" t="s">
        <v>335</v>
      </c>
      <c r="E62308" s="15">
        <v>45634</v>
      </c>
      <c r="F62308" s="14" t="s">
        <v>61</v>
      </c>
      <c r="G62308" s="16">
        <v>3.501276430438445E-2</v>
      </c>
    </row>
    <row r="62309" spans="1:7" x14ac:dyDescent="0.3">
      <c r="A62309" s="13" t="s">
        <v>334</v>
      </c>
      <c r="B62309" s="14" t="s">
        <v>1</v>
      </c>
      <c r="C62309" s="14" t="s">
        <v>109</v>
      </c>
      <c r="D62309" s="14" t="s">
        <v>335</v>
      </c>
      <c r="E62309" s="15">
        <v>45635</v>
      </c>
      <c r="F62309" s="14" t="s">
        <v>61</v>
      </c>
      <c r="G62309" s="16">
        <v>3.9384370403182309E-2</v>
      </c>
    </row>
    <row r="62310" spans="1:7" x14ac:dyDescent="0.3">
      <c r="A62310" s="13" t="s">
        <v>334</v>
      </c>
      <c r="B62310" s="14" t="s">
        <v>1</v>
      </c>
      <c r="C62310" s="14" t="s">
        <v>109</v>
      </c>
      <c r="D62310" s="14" t="s">
        <v>335</v>
      </c>
      <c r="E62310" s="15">
        <v>45636</v>
      </c>
      <c r="F62310" s="14" t="s">
        <v>61</v>
      </c>
      <c r="G62310" s="16">
        <v>3.1726510451687472E-2</v>
      </c>
    </row>
    <row r="62311" spans="1:7" x14ac:dyDescent="0.3">
      <c r="A62311" s="13" t="s">
        <v>334</v>
      </c>
      <c r="B62311" s="14" t="s">
        <v>1</v>
      </c>
      <c r="C62311" s="14" t="s">
        <v>109</v>
      </c>
      <c r="D62311" s="14" t="s">
        <v>335</v>
      </c>
      <c r="E62311" s="15">
        <v>45637</v>
      </c>
      <c r="F62311" s="14" t="s">
        <v>61</v>
      </c>
      <c r="G62311" s="16">
        <v>3.0104700018488677E-2</v>
      </c>
    </row>
    <row r="62312" spans="1:7" x14ac:dyDescent="0.3">
      <c r="A62312" s="13" t="s">
        <v>334</v>
      </c>
      <c r="B62312" s="14" t="s">
        <v>1</v>
      </c>
      <c r="C62312" s="14" t="s">
        <v>109</v>
      </c>
      <c r="D62312" s="14" t="s">
        <v>335</v>
      </c>
      <c r="E62312" s="15">
        <v>45638</v>
      </c>
      <c r="F62312" s="14" t="s">
        <v>61</v>
      </c>
      <c r="G62312" s="16">
        <v>2.8463487726398916E-2</v>
      </c>
    </row>
    <row r="62313" spans="1:7" x14ac:dyDescent="0.3">
      <c r="A62313" s="13" t="s">
        <v>334</v>
      </c>
      <c r="B62313" s="14" t="s">
        <v>1</v>
      </c>
      <c r="C62313" s="14" t="s">
        <v>109</v>
      </c>
      <c r="D62313" s="14" t="s">
        <v>335</v>
      </c>
      <c r="E62313" s="15">
        <v>45639</v>
      </c>
      <c r="F62313" s="14" t="s">
        <v>61</v>
      </c>
      <c r="G62313" s="16">
        <v>2.6650544871707819E-2</v>
      </c>
    </row>
    <row r="62314" spans="1:7" x14ac:dyDescent="0.3">
      <c r="A62314" s="13" t="s">
        <v>334</v>
      </c>
      <c r="B62314" s="14" t="s">
        <v>1</v>
      </c>
      <c r="C62314" s="14" t="s">
        <v>109</v>
      </c>
      <c r="D62314" s="14" t="s">
        <v>335</v>
      </c>
      <c r="E62314" s="15">
        <v>45640</v>
      </c>
      <c r="F62314" s="14" t="s">
        <v>61</v>
      </c>
      <c r="G62314" s="16">
        <v>2.6650544871707819E-2</v>
      </c>
    </row>
    <row r="62315" spans="1:7" x14ac:dyDescent="0.3">
      <c r="A62315" s="13" t="s">
        <v>334</v>
      </c>
      <c r="B62315" s="14" t="s">
        <v>1</v>
      </c>
      <c r="C62315" s="14" t="s">
        <v>109</v>
      </c>
      <c r="D62315" s="14" t="s">
        <v>335</v>
      </c>
      <c r="E62315" s="15">
        <v>45641</v>
      </c>
      <c r="F62315" s="14" t="s">
        <v>61</v>
      </c>
      <c r="G62315" s="16">
        <v>2.6650544871707819E-2</v>
      </c>
    </row>
    <row r="62316" spans="1:7" x14ac:dyDescent="0.3">
      <c r="A62316" s="13" t="s">
        <v>334</v>
      </c>
      <c r="B62316" s="14" t="s">
        <v>1</v>
      </c>
      <c r="C62316" s="14" t="s">
        <v>109</v>
      </c>
      <c r="D62316" s="14" t="s">
        <v>335</v>
      </c>
      <c r="E62316" s="15">
        <v>45642</v>
      </c>
      <c r="F62316" s="14" t="s">
        <v>61</v>
      </c>
      <c r="G62316" s="16">
        <v>2.5771396147007419E-2</v>
      </c>
    </row>
    <row r="62317" spans="1:7" x14ac:dyDescent="0.3">
      <c r="A62317" s="13" t="s">
        <v>334</v>
      </c>
      <c r="B62317" s="14" t="s">
        <v>1</v>
      </c>
      <c r="C62317" s="14" t="s">
        <v>109</v>
      </c>
      <c r="D62317" s="14" t="s">
        <v>335</v>
      </c>
      <c r="E62317" s="15">
        <v>45643</v>
      </c>
      <c r="F62317" s="14" t="s">
        <v>61</v>
      </c>
      <c r="G62317" s="16">
        <v>1.8905476131541074E-2</v>
      </c>
    </row>
    <row r="62318" spans="1:7" x14ac:dyDescent="0.3">
      <c r="A62318" s="13" t="s">
        <v>334</v>
      </c>
      <c r="B62318" s="14" t="s">
        <v>1</v>
      </c>
      <c r="C62318" s="14" t="s">
        <v>109</v>
      </c>
      <c r="D62318" s="14" t="s">
        <v>335</v>
      </c>
      <c r="E62318" s="15">
        <v>45644</v>
      </c>
      <c r="F62318" s="14" t="s">
        <v>61</v>
      </c>
      <c r="G62318" s="16">
        <v>1.7418891360915283E-2</v>
      </c>
    </row>
    <row r="62319" spans="1:7" x14ac:dyDescent="0.3">
      <c r="A62319" s="13" t="s">
        <v>334</v>
      </c>
      <c r="B62319" s="14" t="s">
        <v>1</v>
      </c>
      <c r="C62319" s="14" t="s">
        <v>109</v>
      </c>
      <c r="D62319" s="14" t="s">
        <v>335</v>
      </c>
      <c r="E62319" s="15">
        <v>45645</v>
      </c>
      <c r="F62319" s="14" t="s">
        <v>61</v>
      </c>
      <c r="G62319" s="16">
        <v>1.566016842085248E-2</v>
      </c>
    </row>
    <row r="62320" spans="1:7" x14ac:dyDescent="0.3">
      <c r="A62320" s="13" t="s">
        <v>334</v>
      </c>
      <c r="B62320" s="14" t="s">
        <v>1</v>
      </c>
      <c r="C62320" s="14" t="s">
        <v>109</v>
      </c>
      <c r="D62320" s="14" t="s">
        <v>335</v>
      </c>
      <c r="E62320" s="15">
        <v>45646</v>
      </c>
      <c r="F62320" s="14" t="s">
        <v>61</v>
      </c>
      <c r="G62320" s="16">
        <v>1.383003920624566E-2</v>
      </c>
    </row>
    <row r="62321" spans="1:7" x14ac:dyDescent="0.3">
      <c r="A62321" s="13" t="s">
        <v>334</v>
      </c>
      <c r="B62321" s="14" t="s">
        <v>1</v>
      </c>
      <c r="C62321" s="14" t="s">
        <v>109</v>
      </c>
      <c r="D62321" s="14" t="s">
        <v>335</v>
      </c>
      <c r="E62321" s="15">
        <v>45647</v>
      </c>
      <c r="F62321" s="14" t="s">
        <v>61</v>
      </c>
      <c r="G62321" s="16">
        <v>1.383003920624566E-2</v>
      </c>
    </row>
    <row r="62322" spans="1:7" x14ac:dyDescent="0.3">
      <c r="A62322" s="13" t="s">
        <v>334</v>
      </c>
      <c r="B62322" s="14" t="s">
        <v>1</v>
      </c>
      <c r="C62322" s="14" t="s">
        <v>109</v>
      </c>
      <c r="D62322" s="14" t="s">
        <v>335</v>
      </c>
      <c r="E62322" s="15">
        <v>45648</v>
      </c>
      <c r="F62322" s="14" t="s">
        <v>61</v>
      </c>
      <c r="G62322" s="16">
        <v>1.383003920624566E-2</v>
      </c>
    </row>
    <row r="62323" spans="1:7" x14ac:dyDescent="0.3">
      <c r="A62323" s="13" t="s">
        <v>334</v>
      </c>
      <c r="B62323" s="14" t="s">
        <v>1</v>
      </c>
      <c r="C62323" s="14" t="s">
        <v>109</v>
      </c>
      <c r="D62323" s="14" t="s">
        <v>335</v>
      </c>
      <c r="E62323" s="15">
        <v>45649</v>
      </c>
      <c r="F62323" s="14" t="s">
        <v>61</v>
      </c>
      <c r="G62323" s="16">
        <v>1.1255928785782786E-2</v>
      </c>
    </row>
    <row r="62324" spans="1:7" x14ac:dyDescent="0.3">
      <c r="A62324" s="13" t="s">
        <v>334</v>
      </c>
      <c r="B62324" s="14" t="s">
        <v>1</v>
      </c>
      <c r="C62324" s="14" t="s">
        <v>109</v>
      </c>
      <c r="D62324" s="14" t="s">
        <v>335</v>
      </c>
      <c r="E62324" s="15">
        <v>45650</v>
      </c>
      <c r="F62324" s="14" t="s">
        <v>61</v>
      </c>
      <c r="G62324" s="16">
        <v>2.5347660132674314E-3</v>
      </c>
    </row>
    <row r="62325" spans="1:7" x14ac:dyDescent="0.3">
      <c r="A62325" s="13" t="s">
        <v>334</v>
      </c>
      <c r="B62325" s="14" t="s">
        <v>1</v>
      </c>
      <c r="C62325" s="14" t="s">
        <v>109</v>
      </c>
      <c r="D62325" s="14" t="s">
        <v>335</v>
      </c>
      <c r="E62325" s="15">
        <v>45651</v>
      </c>
      <c r="F62325" s="14" t="s">
        <v>61</v>
      </c>
      <c r="G62325" s="16">
        <v>2.5347660132674314E-3</v>
      </c>
    </row>
    <row r="62326" spans="1:7" x14ac:dyDescent="0.3">
      <c r="A62326" s="13" t="s">
        <v>334</v>
      </c>
      <c r="B62326" s="14" t="s">
        <v>1</v>
      </c>
      <c r="C62326" s="14" t="s">
        <v>109</v>
      </c>
      <c r="D62326" s="14" t="s">
        <v>335</v>
      </c>
      <c r="E62326" s="15">
        <v>45652</v>
      </c>
      <c r="F62326" s="14" t="s">
        <v>61</v>
      </c>
      <c r="G62326" s="16">
        <v>2.5347660132674314E-3</v>
      </c>
    </row>
    <row r="62327" spans="1:7" x14ac:dyDescent="0.3">
      <c r="A62327" s="13" t="s">
        <v>334</v>
      </c>
      <c r="B62327" s="14" t="s">
        <v>1</v>
      </c>
      <c r="C62327" s="14" t="s">
        <v>109</v>
      </c>
      <c r="D62327" s="14" t="s">
        <v>335</v>
      </c>
      <c r="E62327" s="15">
        <v>45653</v>
      </c>
      <c r="F62327" s="14" t="s">
        <v>61</v>
      </c>
      <c r="G62327" s="16">
        <v>2.5347660132674314E-3</v>
      </c>
    </row>
    <row r="62328" spans="1:7" x14ac:dyDescent="0.3">
      <c r="A62328" s="13" t="s">
        <v>334</v>
      </c>
      <c r="B62328" s="14" t="s">
        <v>1</v>
      </c>
      <c r="C62328" s="14" t="s">
        <v>109</v>
      </c>
      <c r="D62328" s="14" t="s">
        <v>335</v>
      </c>
      <c r="E62328" s="15">
        <v>45654</v>
      </c>
      <c r="F62328" s="14" t="s">
        <v>61</v>
      </c>
      <c r="G62328" s="16">
        <v>2.5347660132674314E-3</v>
      </c>
    </row>
    <row r="62329" spans="1:7" x14ac:dyDescent="0.3">
      <c r="A62329" s="13" t="s">
        <v>334</v>
      </c>
      <c r="B62329" s="14" t="s">
        <v>1</v>
      </c>
      <c r="C62329" s="14" t="s">
        <v>109</v>
      </c>
      <c r="D62329" s="14" t="s">
        <v>335</v>
      </c>
      <c r="E62329" s="15">
        <v>45655</v>
      </c>
      <c r="F62329" s="14" t="s">
        <v>61</v>
      </c>
      <c r="G62329" s="16">
        <v>2.5347660132674314E-3</v>
      </c>
    </row>
    <row r="62330" spans="1:7" x14ac:dyDescent="0.3">
      <c r="A62330" s="13" t="s">
        <v>334</v>
      </c>
      <c r="B62330" s="14" t="s">
        <v>1</v>
      </c>
      <c r="C62330" s="14" t="s">
        <v>109</v>
      </c>
      <c r="D62330" s="14" t="s">
        <v>335</v>
      </c>
      <c r="E62330" s="15">
        <v>45656</v>
      </c>
      <c r="F62330" s="14" t="s">
        <v>61</v>
      </c>
      <c r="G62330" s="16">
        <v>0</v>
      </c>
    </row>
    <row r="62331" spans="1:7" x14ac:dyDescent="0.3">
      <c r="A62331" s="13" t="s">
        <v>334</v>
      </c>
      <c r="B62331" s="14" t="s">
        <v>1</v>
      </c>
      <c r="C62331" s="14" t="s">
        <v>109</v>
      </c>
      <c r="D62331" s="14" t="s">
        <v>335</v>
      </c>
      <c r="E62331" s="15">
        <v>45657</v>
      </c>
      <c r="F62331" s="14" t="s">
        <v>61</v>
      </c>
      <c r="G62331" s="16">
        <v>0</v>
      </c>
    </row>
    <row r="62332" spans="1:7" x14ac:dyDescent="0.3">
      <c r="A62332" s="13" t="s">
        <v>334</v>
      </c>
      <c r="B62332" s="14" t="s">
        <v>1</v>
      </c>
      <c r="C62332" s="14" t="s">
        <v>109</v>
      </c>
      <c r="D62332" s="14" t="s">
        <v>335</v>
      </c>
      <c r="E62332" s="15">
        <v>45658</v>
      </c>
      <c r="F62332" s="14" t="s">
        <v>61</v>
      </c>
      <c r="G62332" s="16">
        <v>0</v>
      </c>
    </row>
    <row r="62333" spans="1:7" x14ac:dyDescent="0.3">
      <c r="A62333" s="13" t="s">
        <v>334</v>
      </c>
      <c r="B62333" s="14" t="s">
        <v>1</v>
      </c>
      <c r="C62333" s="14" t="s">
        <v>109</v>
      </c>
      <c r="D62333" s="14" t="s">
        <v>335</v>
      </c>
      <c r="E62333" s="15">
        <v>45659</v>
      </c>
      <c r="F62333" s="14" t="s">
        <v>61</v>
      </c>
      <c r="G62333" s="16">
        <v>0</v>
      </c>
    </row>
    <row r="62334" spans="1:7" x14ac:dyDescent="0.3">
      <c r="A62334" s="13" t="s">
        <v>334</v>
      </c>
      <c r="B62334" s="14" t="s">
        <v>1</v>
      </c>
      <c r="C62334" s="14" t="s">
        <v>109</v>
      </c>
      <c r="D62334" s="14" t="s">
        <v>335</v>
      </c>
      <c r="E62334" s="15">
        <v>45660</v>
      </c>
      <c r="F62334" s="14" t="s">
        <v>61</v>
      </c>
      <c r="G62334" s="16">
        <v>0</v>
      </c>
    </row>
    <row r="62335" spans="1:7" x14ac:dyDescent="0.3">
      <c r="A62335" s="13" t="s">
        <v>334</v>
      </c>
      <c r="B62335" s="14" t="s">
        <v>1</v>
      </c>
      <c r="C62335" s="14" t="s">
        <v>109</v>
      </c>
      <c r="D62335" s="14" t="s">
        <v>335</v>
      </c>
      <c r="E62335" s="15">
        <v>45661</v>
      </c>
      <c r="F62335" s="14" t="s">
        <v>61</v>
      </c>
      <c r="G62335" s="16">
        <v>0</v>
      </c>
    </row>
    <row r="62336" spans="1:7" x14ac:dyDescent="0.3">
      <c r="A62336" s="13" t="s">
        <v>334</v>
      </c>
      <c r="B62336" s="14" t="s">
        <v>1</v>
      </c>
      <c r="C62336" s="14" t="s">
        <v>109</v>
      </c>
      <c r="D62336" s="14" t="s">
        <v>335</v>
      </c>
      <c r="E62336" s="15">
        <v>45662</v>
      </c>
      <c r="F62336" s="14" t="s">
        <v>61</v>
      </c>
      <c r="G62336" s="16">
        <v>0</v>
      </c>
    </row>
    <row r="62337" spans="1:7" x14ac:dyDescent="0.3">
      <c r="A62337" s="13" t="s">
        <v>334</v>
      </c>
      <c r="B62337" s="14" t="s">
        <v>1</v>
      </c>
      <c r="C62337" s="14" t="s">
        <v>109</v>
      </c>
      <c r="D62337" s="14" t="s">
        <v>335</v>
      </c>
      <c r="E62337" s="15">
        <v>45663</v>
      </c>
      <c r="F62337" s="14" t="s">
        <v>61</v>
      </c>
      <c r="G62337" s="16">
        <v>0</v>
      </c>
    </row>
    <row r="62338" spans="1:7" x14ac:dyDescent="0.3">
      <c r="A62338" s="13" t="s">
        <v>334</v>
      </c>
      <c r="B62338" s="14" t="s">
        <v>1</v>
      </c>
      <c r="C62338" s="14" t="s">
        <v>109</v>
      </c>
      <c r="D62338" s="14" t="s">
        <v>335</v>
      </c>
      <c r="E62338" s="15">
        <v>45664</v>
      </c>
      <c r="F62338" s="14" t="s">
        <v>61</v>
      </c>
      <c r="G62338" s="16">
        <v>0</v>
      </c>
    </row>
    <row r="62339" spans="1:7" x14ac:dyDescent="0.3">
      <c r="A62339" s="13" t="s">
        <v>334</v>
      </c>
      <c r="B62339" s="14" t="s">
        <v>1</v>
      </c>
      <c r="C62339" s="14" t="s">
        <v>109</v>
      </c>
      <c r="D62339" s="14" t="s">
        <v>335</v>
      </c>
      <c r="E62339" s="15">
        <v>45665</v>
      </c>
      <c r="F62339" s="14" t="s">
        <v>61</v>
      </c>
      <c r="G62339" s="16">
        <v>0</v>
      </c>
    </row>
    <row r="62340" spans="1:7" x14ac:dyDescent="0.3">
      <c r="A62340" s="13" t="s">
        <v>334</v>
      </c>
      <c r="B62340" s="14" t="s">
        <v>1</v>
      </c>
      <c r="C62340" s="14" t="s">
        <v>109</v>
      </c>
      <c r="D62340" s="14" t="s">
        <v>335</v>
      </c>
      <c r="E62340" s="15">
        <v>45666</v>
      </c>
      <c r="F62340" s="14" t="s">
        <v>61</v>
      </c>
      <c r="G62340" s="16">
        <v>0</v>
      </c>
    </row>
    <row r="62341" spans="1:7" x14ac:dyDescent="0.3">
      <c r="A62341" s="13" t="s">
        <v>334</v>
      </c>
      <c r="B62341" s="14" t="s">
        <v>1</v>
      </c>
      <c r="C62341" s="14" t="s">
        <v>109</v>
      </c>
      <c r="D62341" s="14" t="s">
        <v>335</v>
      </c>
      <c r="E62341" s="15">
        <v>45667</v>
      </c>
      <c r="F62341" s="14" t="s">
        <v>61</v>
      </c>
      <c r="G62341" s="16">
        <v>0</v>
      </c>
    </row>
    <row r="62342" spans="1:7" x14ac:dyDescent="0.3">
      <c r="A62342" s="13" t="s">
        <v>334</v>
      </c>
      <c r="B62342" s="14" t="s">
        <v>1</v>
      </c>
      <c r="C62342" s="14" t="s">
        <v>109</v>
      </c>
      <c r="D62342" s="14" t="s">
        <v>335</v>
      </c>
      <c r="E62342" s="15">
        <v>45668</v>
      </c>
      <c r="F62342" s="14" t="s">
        <v>61</v>
      </c>
      <c r="G62342" s="16">
        <v>0</v>
      </c>
    </row>
    <row r="62343" spans="1:7" x14ac:dyDescent="0.3">
      <c r="A62343" s="13" t="s">
        <v>334</v>
      </c>
      <c r="B62343" s="14" t="s">
        <v>1</v>
      </c>
      <c r="C62343" s="14" t="s">
        <v>109</v>
      </c>
      <c r="D62343" s="14" t="s">
        <v>335</v>
      </c>
      <c r="E62343" s="15">
        <v>45669</v>
      </c>
      <c r="F62343" s="14" t="s">
        <v>61</v>
      </c>
      <c r="G62343" s="16">
        <v>0</v>
      </c>
    </row>
    <row r="62344" spans="1:7" x14ac:dyDescent="0.3">
      <c r="A62344" s="13" t="s">
        <v>334</v>
      </c>
      <c r="B62344" s="14" t="s">
        <v>1</v>
      </c>
      <c r="C62344" s="14" t="s">
        <v>109</v>
      </c>
      <c r="D62344" s="14" t="s">
        <v>335</v>
      </c>
      <c r="E62344" s="15">
        <v>45670</v>
      </c>
      <c r="F62344" s="14" t="s">
        <v>61</v>
      </c>
      <c r="G62344" s="16">
        <v>0</v>
      </c>
    </row>
    <row r="62345" spans="1:7" x14ac:dyDescent="0.3">
      <c r="A62345" s="13" t="s">
        <v>334</v>
      </c>
      <c r="B62345" s="14" t="s">
        <v>1</v>
      </c>
      <c r="C62345" s="14" t="s">
        <v>109</v>
      </c>
      <c r="D62345" s="14" t="s">
        <v>335</v>
      </c>
      <c r="E62345" s="15">
        <v>45671</v>
      </c>
      <c r="F62345" s="14" t="s">
        <v>61</v>
      </c>
      <c r="G62345" s="16">
        <v>0</v>
      </c>
    </row>
    <row r="62346" spans="1:7" x14ac:dyDescent="0.3">
      <c r="A62346" s="13" t="s">
        <v>334</v>
      </c>
      <c r="B62346" s="14" t="s">
        <v>1</v>
      </c>
      <c r="C62346" s="14" t="s">
        <v>109</v>
      </c>
      <c r="D62346" s="14" t="s">
        <v>335</v>
      </c>
      <c r="E62346" s="15">
        <v>45672</v>
      </c>
      <c r="F62346" s="14" t="s">
        <v>61</v>
      </c>
      <c r="G62346" s="16">
        <v>0</v>
      </c>
    </row>
    <row r="62347" spans="1:7" x14ac:dyDescent="0.3">
      <c r="A62347" s="13" t="s">
        <v>334</v>
      </c>
      <c r="B62347" s="14" t="s">
        <v>1</v>
      </c>
      <c r="C62347" s="14" t="s">
        <v>109</v>
      </c>
      <c r="D62347" s="14" t="s">
        <v>335</v>
      </c>
      <c r="E62347" s="15">
        <v>45673</v>
      </c>
      <c r="F62347" s="14" t="s">
        <v>61</v>
      </c>
      <c r="G62347" s="16">
        <v>0</v>
      </c>
    </row>
    <row r="62348" spans="1:7" x14ac:dyDescent="0.3">
      <c r="A62348" s="13" t="s">
        <v>334</v>
      </c>
      <c r="B62348" s="14" t="s">
        <v>1</v>
      </c>
      <c r="C62348" s="14" t="s">
        <v>109</v>
      </c>
      <c r="D62348" s="14" t="s">
        <v>335</v>
      </c>
      <c r="E62348" s="15">
        <v>45674</v>
      </c>
      <c r="F62348" s="14" t="s">
        <v>61</v>
      </c>
      <c r="G62348" s="16">
        <v>0</v>
      </c>
    </row>
    <row r="62349" spans="1:7" x14ac:dyDescent="0.3">
      <c r="A62349" s="13" t="s">
        <v>334</v>
      </c>
      <c r="B62349" s="14" t="s">
        <v>1</v>
      </c>
      <c r="C62349" s="14" t="s">
        <v>109</v>
      </c>
      <c r="D62349" s="14" t="s">
        <v>335</v>
      </c>
      <c r="E62349" s="15">
        <v>45675</v>
      </c>
      <c r="F62349" s="14" t="s">
        <v>61</v>
      </c>
      <c r="G62349" s="16">
        <v>0</v>
      </c>
    </row>
    <row r="62350" spans="1:7" x14ac:dyDescent="0.3">
      <c r="A62350" s="13" t="s">
        <v>334</v>
      </c>
      <c r="B62350" s="14" t="s">
        <v>1</v>
      </c>
      <c r="C62350" s="14" t="s">
        <v>109</v>
      </c>
      <c r="D62350" s="14" t="s">
        <v>335</v>
      </c>
      <c r="E62350" s="15">
        <v>45676</v>
      </c>
      <c r="F62350" s="14" t="s">
        <v>61</v>
      </c>
      <c r="G62350" s="16">
        <v>0</v>
      </c>
    </row>
    <row r="62351" spans="1:7" x14ac:dyDescent="0.3">
      <c r="A62351" s="13" t="s">
        <v>334</v>
      </c>
      <c r="B62351" s="14" t="s">
        <v>1</v>
      </c>
      <c r="C62351" s="14" t="s">
        <v>109</v>
      </c>
      <c r="D62351" s="14" t="s">
        <v>335</v>
      </c>
      <c r="E62351" s="15">
        <v>45677</v>
      </c>
      <c r="F62351" s="14" t="s">
        <v>61</v>
      </c>
      <c r="G62351" s="16">
        <v>0</v>
      </c>
    </row>
    <row r="62352" spans="1:7" x14ac:dyDescent="0.3">
      <c r="A62352" s="13" t="s">
        <v>334</v>
      </c>
      <c r="B62352" s="14" t="s">
        <v>1</v>
      </c>
      <c r="C62352" s="14" t="s">
        <v>109</v>
      </c>
      <c r="D62352" s="14" t="s">
        <v>335</v>
      </c>
      <c r="E62352" s="15">
        <v>45678</v>
      </c>
      <c r="F62352" s="14" t="s">
        <v>61</v>
      </c>
      <c r="G62352" s="16">
        <v>0</v>
      </c>
    </row>
    <row r="62353" spans="1:7" x14ac:dyDescent="0.3">
      <c r="A62353" s="13" t="s">
        <v>334</v>
      </c>
      <c r="B62353" s="14" t="s">
        <v>1</v>
      </c>
      <c r="C62353" s="14" t="s">
        <v>109</v>
      </c>
      <c r="D62353" s="14" t="s">
        <v>335</v>
      </c>
      <c r="E62353" s="15">
        <v>45679</v>
      </c>
      <c r="F62353" s="14" t="s">
        <v>61</v>
      </c>
      <c r="G62353" s="16">
        <v>0</v>
      </c>
    </row>
    <row r="62354" spans="1:7" x14ac:dyDescent="0.3">
      <c r="A62354" s="13" t="s">
        <v>334</v>
      </c>
      <c r="B62354" s="14" t="s">
        <v>1</v>
      </c>
      <c r="C62354" s="14" t="s">
        <v>109</v>
      </c>
      <c r="D62354" s="14" t="s">
        <v>335</v>
      </c>
      <c r="E62354" s="15">
        <v>45680</v>
      </c>
      <c r="F62354" s="14" t="s">
        <v>61</v>
      </c>
      <c r="G62354" s="16">
        <v>0</v>
      </c>
    </row>
    <row r="62355" spans="1:7" x14ac:dyDescent="0.3">
      <c r="A62355" s="13" t="s">
        <v>334</v>
      </c>
      <c r="B62355" s="14" t="s">
        <v>1</v>
      </c>
      <c r="C62355" s="14" t="s">
        <v>109</v>
      </c>
      <c r="D62355" s="14" t="s">
        <v>335</v>
      </c>
      <c r="E62355" s="15">
        <v>45681</v>
      </c>
      <c r="F62355" s="14" t="s">
        <v>61</v>
      </c>
      <c r="G62355" s="16">
        <v>0</v>
      </c>
    </row>
    <row r="62356" spans="1:7" x14ac:dyDescent="0.3">
      <c r="A62356" s="13" t="s">
        <v>334</v>
      </c>
      <c r="B62356" s="14" t="s">
        <v>1</v>
      </c>
      <c r="C62356" s="14" t="s">
        <v>109</v>
      </c>
      <c r="D62356" s="14" t="s">
        <v>335</v>
      </c>
      <c r="E62356" s="15">
        <v>45682</v>
      </c>
      <c r="F62356" s="14" t="s">
        <v>61</v>
      </c>
      <c r="G62356" s="16">
        <v>0</v>
      </c>
    </row>
    <row r="62357" spans="1:7" x14ac:dyDescent="0.3">
      <c r="A62357" s="13" t="s">
        <v>334</v>
      </c>
      <c r="B62357" s="14" t="s">
        <v>1</v>
      </c>
      <c r="C62357" s="14" t="s">
        <v>109</v>
      </c>
      <c r="D62357" s="14" t="s">
        <v>335</v>
      </c>
      <c r="E62357" s="15">
        <v>45683</v>
      </c>
      <c r="F62357" s="14" t="s">
        <v>61</v>
      </c>
      <c r="G62357" s="16">
        <v>0</v>
      </c>
    </row>
    <row r="62358" spans="1:7" x14ac:dyDescent="0.3">
      <c r="A62358" s="13" t="s">
        <v>334</v>
      </c>
      <c r="B62358" s="14" t="s">
        <v>1</v>
      </c>
      <c r="C62358" s="14" t="s">
        <v>109</v>
      </c>
      <c r="D62358" s="14" t="s">
        <v>335</v>
      </c>
      <c r="E62358" s="15">
        <v>45684</v>
      </c>
      <c r="F62358" s="14" t="s">
        <v>61</v>
      </c>
      <c r="G62358" s="16">
        <v>0</v>
      </c>
    </row>
    <row r="62359" spans="1:7" x14ac:dyDescent="0.3">
      <c r="A62359" s="13" t="s">
        <v>334</v>
      </c>
      <c r="B62359" s="14" t="s">
        <v>1</v>
      </c>
      <c r="C62359" s="14" t="s">
        <v>109</v>
      </c>
      <c r="D62359" s="14" t="s">
        <v>335</v>
      </c>
      <c r="E62359" s="15">
        <v>45685</v>
      </c>
      <c r="F62359" s="14" t="s">
        <v>61</v>
      </c>
      <c r="G62359" s="16">
        <v>0</v>
      </c>
    </row>
    <row r="62360" spans="1:7" x14ac:dyDescent="0.3">
      <c r="A62360" s="13" t="s">
        <v>334</v>
      </c>
      <c r="B62360" s="14" t="s">
        <v>1</v>
      </c>
      <c r="C62360" s="14" t="s">
        <v>109</v>
      </c>
      <c r="D62360" s="14" t="s">
        <v>335</v>
      </c>
      <c r="E62360" s="15">
        <v>45686</v>
      </c>
      <c r="F62360" s="14" t="s">
        <v>61</v>
      </c>
      <c r="G62360" s="16">
        <v>0</v>
      </c>
    </row>
    <row r="62361" spans="1:7" x14ac:dyDescent="0.3">
      <c r="A62361" s="13" t="s">
        <v>334</v>
      </c>
      <c r="B62361" s="14" t="s">
        <v>1</v>
      </c>
      <c r="C62361" s="14" t="s">
        <v>109</v>
      </c>
      <c r="D62361" s="14" t="s">
        <v>335</v>
      </c>
      <c r="E62361" s="15">
        <v>45687</v>
      </c>
      <c r="F62361" s="14" t="s">
        <v>61</v>
      </c>
      <c r="G62361" s="16">
        <v>0</v>
      </c>
    </row>
    <row r="62362" spans="1:7" x14ac:dyDescent="0.3">
      <c r="A62362" s="13" t="s">
        <v>334</v>
      </c>
      <c r="B62362" s="14" t="s">
        <v>1</v>
      </c>
      <c r="C62362" s="14" t="s">
        <v>109</v>
      </c>
      <c r="D62362" s="14" t="s">
        <v>335</v>
      </c>
      <c r="E62362" s="15">
        <v>45688</v>
      </c>
      <c r="F62362" s="14" t="s">
        <v>61</v>
      </c>
      <c r="G62362" s="16">
        <v>0</v>
      </c>
    </row>
    <row r="62363" spans="1:7" x14ac:dyDescent="0.3">
      <c r="A62363" s="13" t="s">
        <v>334</v>
      </c>
      <c r="B62363" s="14" t="s">
        <v>1</v>
      </c>
      <c r="C62363" s="14" t="s">
        <v>109</v>
      </c>
      <c r="D62363" s="14" t="s">
        <v>335</v>
      </c>
      <c r="E62363" s="15">
        <v>45689</v>
      </c>
      <c r="F62363" s="14" t="s">
        <v>61</v>
      </c>
      <c r="G62363" s="16">
        <v>0</v>
      </c>
    </row>
    <row r="62364" spans="1:7" x14ac:dyDescent="0.3">
      <c r="A62364" s="13" t="s">
        <v>334</v>
      </c>
      <c r="B62364" s="14" t="s">
        <v>1</v>
      </c>
      <c r="C62364" s="14" t="s">
        <v>109</v>
      </c>
      <c r="D62364" s="14" t="s">
        <v>335</v>
      </c>
      <c r="E62364" s="15">
        <v>45690</v>
      </c>
      <c r="F62364" s="14" t="s">
        <v>61</v>
      </c>
      <c r="G62364" s="16">
        <v>0</v>
      </c>
    </row>
    <row r="62365" spans="1:7" x14ac:dyDescent="0.3">
      <c r="A62365" s="13" t="s">
        <v>334</v>
      </c>
      <c r="B62365" s="14" t="s">
        <v>1</v>
      </c>
      <c r="C62365" s="14" t="s">
        <v>109</v>
      </c>
      <c r="D62365" s="14" t="s">
        <v>335</v>
      </c>
      <c r="E62365" s="15">
        <v>45691</v>
      </c>
      <c r="F62365" s="14" t="s">
        <v>61</v>
      </c>
      <c r="G62365" s="16">
        <v>0</v>
      </c>
    </row>
    <row r="62366" spans="1:7" x14ac:dyDescent="0.3">
      <c r="A62366" s="13" t="s">
        <v>334</v>
      </c>
      <c r="B62366" s="14" t="s">
        <v>1</v>
      </c>
      <c r="C62366" s="14" t="s">
        <v>109</v>
      </c>
      <c r="D62366" s="14" t="s">
        <v>335</v>
      </c>
      <c r="E62366" s="15">
        <v>45692</v>
      </c>
      <c r="F62366" s="14" t="s">
        <v>61</v>
      </c>
      <c r="G62366" s="16">
        <v>0</v>
      </c>
    </row>
    <row r="62367" spans="1:7" x14ac:dyDescent="0.3">
      <c r="A62367" s="13" t="s">
        <v>334</v>
      </c>
      <c r="B62367" s="14" t="s">
        <v>1</v>
      </c>
      <c r="C62367" s="14" t="s">
        <v>109</v>
      </c>
      <c r="D62367" s="14" t="s">
        <v>335</v>
      </c>
      <c r="E62367" s="15">
        <v>45693</v>
      </c>
      <c r="F62367" s="14" t="s">
        <v>61</v>
      </c>
      <c r="G62367" s="16">
        <v>0</v>
      </c>
    </row>
    <row r="62368" spans="1:7" x14ac:dyDescent="0.3">
      <c r="A62368" s="13" t="s">
        <v>334</v>
      </c>
      <c r="B62368" s="14" t="s">
        <v>1</v>
      </c>
      <c r="C62368" s="14" t="s">
        <v>109</v>
      </c>
      <c r="D62368" s="14" t="s">
        <v>335</v>
      </c>
      <c r="E62368" s="15">
        <v>45694</v>
      </c>
      <c r="F62368" s="14" t="s">
        <v>61</v>
      </c>
      <c r="G62368" s="16">
        <v>0</v>
      </c>
    </row>
    <row r="62369" spans="1:7" x14ac:dyDescent="0.3">
      <c r="A62369" s="13" t="s">
        <v>334</v>
      </c>
      <c r="B62369" s="14" t="s">
        <v>1</v>
      </c>
      <c r="C62369" s="14" t="s">
        <v>109</v>
      </c>
      <c r="D62369" s="14" t="s">
        <v>335</v>
      </c>
      <c r="E62369" s="15">
        <v>45695</v>
      </c>
      <c r="F62369" s="14" t="s">
        <v>61</v>
      </c>
      <c r="G62369" s="16">
        <v>0</v>
      </c>
    </row>
    <row r="62370" spans="1:7" x14ac:dyDescent="0.3">
      <c r="A62370" s="13" t="s">
        <v>334</v>
      </c>
      <c r="B62370" s="14" t="s">
        <v>1</v>
      </c>
      <c r="C62370" s="14" t="s">
        <v>109</v>
      </c>
      <c r="D62370" s="14" t="s">
        <v>335</v>
      </c>
      <c r="E62370" s="15">
        <v>45696</v>
      </c>
      <c r="F62370" s="14" t="s">
        <v>61</v>
      </c>
      <c r="G62370" s="16">
        <v>0</v>
      </c>
    </row>
    <row r="62371" spans="1:7" x14ac:dyDescent="0.3">
      <c r="A62371" s="13" t="s">
        <v>334</v>
      </c>
      <c r="B62371" s="14" t="s">
        <v>1</v>
      </c>
      <c r="C62371" s="14" t="s">
        <v>109</v>
      </c>
      <c r="D62371" s="14" t="s">
        <v>335</v>
      </c>
      <c r="E62371" s="15">
        <v>45697</v>
      </c>
      <c r="F62371" s="14" t="s">
        <v>61</v>
      </c>
      <c r="G62371" s="16">
        <v>0</v>
      </c>
    </row>
    <row r="62372" spans="1:7" x14ac:dyDescent="0.3">
      <c r="A62372" s="13" t="s">
        <v>334</v>
      </c>
      <c r="B62372" s="14" t="s">
        <v>1</v>
      </c>
      <c r="C62372" s="14" t="s">
        <v>109</v>
      </c>
      <c r="D62372" s="14" t="s">
        <v>335</v>
      </c>
      <c r="E62372" s="15">
        <v>45698</v>
      </c>
      <c r="F62372" s="14" t="s">
        <v>61</v>
      </c>
      <c r="G62372" s="16">
        <v>0</v>
      </c>
    </row>
    <row r="62373" spans="1:7" x14ac:dyDescent="0.3">
      <c r="A62373" s="13" t="s">
        <v>334</v>
      </c>
      <c r="B62373" s="14" t="s">
        <v>1</v>
      </c>
      <c r="C62373" s="14" t="s">
        <v>109</v>
      </c>
      <c r="D62373" s="14" t="s">
        <v>335</v>
      </c>
      <c r="E62373" s="15">
        <v>45699</v>
      </c>
      <c r="F62373" s="14" t="s">
        <v>61</v>
      </c>
      <c r="G62373" s="16">
        <v>0</v>
      </c>
    </row>
    <row r="62374" spans="1:7" x14ac:dyDescent="0.3">
      <c r="A62374" s="13" t="s">
        <v>334</v>
      </c>
      <c r="B62374" s="14" t="s">
        <v>1</v>
      </c>
      <c r="C62374" s="14" t="s">
        <v>109</v>
      </c>
      <c r="D62374" s="14" t="s">
        <v>335</v>
      </c>
      <c r="E62374" s="15">
        <v>45700</v>
      </c>
      <c r="F62374" s="14" t="s">
        <v>61</v>
      </c>
      <c r="G62374" s="16">
        <v>0</v>
      </c>
    </row>
    <row r="62375" spans="1:7" x14ac:dyDescent="0.3">
      <c r="A62375" s="13" t="s">
        <v>334</v>
      </c>
      <c r="B62375" s="14" t="s">
        <v>1</v>
      </c>
      <c r="C62375" s="14" t="s">
        <v>109</v>
      </c>
      <c r="D62375" s="14" t="s">
        <v>335</v>
      </c>
      <c r="E62375" s="15">
        <v>45701</v>
      </c>
      <c r="F62375" s="14" t="s">
        <v>61</v>
      </c>
      <c r="G62375" s="16">
        <v>0</v>
      </c>
    </row>
    <row r="62376" spans="1:7" x14ac:dyDescent="0.3">
      <c r="A62376" s="13" t="s">
        <v>334</v>
      </c>
      <c r="B62376" s="14" t="s">
        <v>1</v>
      </c>
      <c r="C62376" s="14" t="s">
        <v>109</v>
      </c>
      <c r="D62376" s="14" t="s">
        <v>335</v>
      </c>
      <c r="E62376" s="15">
        <v>45702</v>
      </c>
      <c r="F62376" s="14" t="s">
        <v>61</v>
      </c>
      <c r="G62376" s="16">
        <v>0</v>
      </c>
    </row>
    <row r="62377" spans="1:7" x14ac:dyDescent="0.3">
      <c r="A62377" s="13" t="s">
        <v>334</v>
      </c>
      <c r="B62377" s="14" t="s">
        <v>1</v>
      </c>
      <c r="C62377" s="14" t="s">
        <v>109</v>
      </c>
      <c r="D62377" s="14" t="s">
        <v>335</v>
      </c>
      <c r="E62377" s="15">
        <v>45703</v>
      </c>
      <c r="F62377" s="14" t="s">
        <v>61</v>
      </c>
      <c r="G62377" s="16">
        <v>0</v>
      </c>
    </row>
    <row r="62378" spans="1:7" x14ac:dyDescent="0.3">
      <c r="A62378" s="13" t="s">
        <v>334</v>
      </c>
      <c r="B62378" s="14" t="s">
        <v>1</v>
      </c>
      <c r="C62378" s="14" t="s">
        <v>109</v>
      </c>
      <c r="D62378" s="14" t="s">
        <v>335</v>
      </c>
      <c r="E62378" s="15">
        <v>45704</v>
      </c>
      <c r="F62378" s="14" t="s">
        <v>61</v>
      </c>
      <c r="G62378" s="16">
        <v>0</v>
      </c>
    </row>
    <row r="62379" spans="1:7" x14ac:dyDescent="0.3">
      <c r="A62379" s="13" t="s">
        <v>334</v>
      </c>
      <c r="B62379" s="14" t="s">
        <v>1</v>
      </c>
      <c r="C62379" s="14" t="s">
        <v>109</v>
      </c>
      <c r="D62379" s="14" t="s">
        <v>335</v>
      </c>
      <c r="E62379" s="15">
        <v>45705</v>
      </c>
      <c r="F62379" s="14" t="s">
        <v>61</v>
      </c>
      <c r="G62379" s="16">
        <v>0</v>
      </c>
    </row>
    <row r="62380" spans="1:7" x14ac:dyDescent="0.3">
      <c r="A62380" s="13" t="s">
        <v>334</v>
      </c>
      <c r="B62380" s="14" t="s">
        <v>1</v>
      </c>
      <c r="C62380" s="14" t="s">
        <v>109</v>
      </c>
      <c r="D62380" s="14" t="s">
        <v>335</v>
      </c>
      <c r="E62380" s="15">
        <v>45706</v>
      </c>
      <c r="F62380" s="14" t="s">
        <v>61</v>
      </c>
      <c r="G62380" s="16">
        <v>0</v>
      </c>
    </row>
    <row r="62381" spans="1:7" x14ac:dyDescent="0.3">
      <c r="A62381" s="13" t="s">
        <v>334</v>
      </c>
      <c r="B62381" s="14" t="s">
        <v>1</v>
      </c>
      <c r="C62381" s="14" t="s">
        <v>109</v>
      </c>
      <c r="D62381" s="14" t="s">
        <v>335</v>
      </c>
      <c r="E62381" s="15">
        <v>45707</v>
      </c>
      <c r="F62381" s="14" t="s">
        <v>61</v>
      </c>
      <c r="G62381" s="16">
        <v>0</v>
      </c>
    </row>
    <row r="62382" spans="1:7" x14ac:dyDescent="0.3">
      <c r="A62382" s="13" t="s">
        <v>334</v>
      </c>
      <c r="B62382" s="14" t="s">
        <v>1</v>
      </c>
      <c r="C62382" s="14" t="s">
        <v>109</v>
      </c>
      <c r="D62382" s="14" t="s">
        <v>335</v>
      </c>
      <c r="E62382" s="15">
        <v>45708</v>
      </c>
      <c r="F62382" s="14" t="s">
        <v>61</v>
      </c>
      <c r="G62382" s="16">
        <v>0</v>
      </c>
    </row>
    <row r="62383" spans="1:7" x14ac:dyDescent="0.3">
      <c r="A62383" s="13" t="s">
        <v>334</v>
      </c>
      <c r="B62383" s="14" t="s">
        <v>1</v>
      </c>
      <c r="C62383" s="14" t="s">
        <v>109</v>
      </c>
      <c r="D62383" s="14" t="s">
        <v>335</v>
      </c>
      <c r="E62383" s="15">
        <v>45709</v>
      </c>
      <c r="F62383" s="14" t="s">
        <v>61</v>
      </c>
      <c r="G62383" s="16">
        <v>0</v>
      </c>
    </row>
    <row r="62384" spans="1:7" x14ac:dyDescent="0.3">
      <c r="A62384" s="13" t="s">
        <v>334</v>
      </c>
      <c r="B62384" s="14" t="s">
        <v>1</v>
      </c>
      <c r="C62384" s="14" t="s">
        <v>109</v>
      </c>
      <c r="D62384" s="14" t="s">
        <v>335</v>
      </c>
      <c r="E62384" s="15">
        <v>45710</v>
      </c>
      <c r="F62384" s="14" t="s">
        <v>61</v>
      </c>
      <c r="G62384" s="16">
        <v>0</v>
      </c>
    </row>
    <row r="62385" spans="1:7" x14ac:dyDescent="0.3">
      <c r="A62385" s="13" t="s">
        <v>334</v>
      </c>
      <c r="B62385" s="14" t="s">
        <v>1</v>
      </c>
      <c r="C62385" s="14" t="s">
        <v>109</v>
      </c>
      <c r="D62385" s="14" t="s">
        <v>335</v>
      </c>
      <c r="E62385" s="15">
        <v>45711</v>
      </c>
      <c r="F62385" s="14" t="s">
        <v>61</v>
      </c>
      <c r="G62385" s="16">
        <v>0</v>
      </c>
    </row>
    <row r="62386" spans="1:7" x14ac:dyDescent="0.3">
      <c r="A62386" s="13" t="s">
        <v>334</v>
      </c>
      <c r="B62386" s="14" t="s">
        <v>1</v>
      </c>
      <c r="C62386" s="14" t="s">
        <v>109</v>
      </c>
      <c r="D62386" s="14" t="s">
        <v>335</v>
      </c>
      <c r="E62386" s="15">
        <v>45712</v>
      </c>
      <c r="F62386" s="14" t="s">
        <v>61</v>
      </c>
      <c r="G62386" s="16">
        <v>0</v>
      </c>
    </row>
    <row r="62387" spans="1:7" x14ac:dyDescent="0.3">
      <c r="A62387" s="13" t="s">
        <v>334</v>
      </c>
      <c r="B62387" s="14" t="s">
        <v>1</v>
      </c>
      <c r="C62387" s="14" t="s">
        <v>109</v>
      </c>
      <c r="D62387" s="14" t="s">
        <v>335</v>
      </c>
      <c r="E62387" s="15">
        <v>45713</v>
      </c>
      <c r="F62387" s="14" t="s">
        <v>61</v>
      </c>
      <c r="G62387" s="16">
        <v>0</v>
      </c>
    </row>
    <row r="62388" spans="1:7" x14ac:dyDescent="0.3">
      <c r="A62388" s="13" t="s">
        <v>334</v>
      </c>
      <c r="B62388" s="14" t="s">
        <v>1</v>
      </c>
      <c r="C62388" s="14" t="s">
        <v>109</v>
      </c>
      <c r="D62388" s="14" t="s">
        <v>335</v>
      </c>
      <c r="E62388" s="15">
        <v>45714</v>
      </c>
      <c r="F62388" s="14" t="s">
        <v>61</v>
      </c>
      <c r="G62388" s="16">
        <v>0</v>
      </c>
    </row>
    <row r="62389" spans="1:7" x14ac:dyDescent="0.3">
      <c r="A62389" s="13" t="s">
        <v>334</v>
      </c>
      <c r="B62389" s="14" t="s">
        <v>1</v>
      </c>
      <c r="C62389" s="14" t="s">
        <v>109</v>
      </c>
      <c r="D62389" s="14" t="s">
        <v>335</v>
      </c>
      <c r="E62389" s="15">
        <v>45715</v>
      </c>
      <c r="F62389" s="14" t="s">
        <v>61</v>
      </c>
      <c r="G62389" s="16">
        <v>0</v>
      </c>
    </row>
    <row r="62390" spans="1:7" x14ac:dyDescent="0.3">
      <c r="A62390" s="13" t="s">
        <v>334</v>
      </c>
      <c r="B62390" s="14" t="s">
        <v>1</v>
      </c>
      <c r="C62390" s="14" t="s">
        <v>109</v>
      </c>
      <c r="D62390" s="14" t="s">
        <v>335</v>
      </c>
      <c r="E62390" s="15">
        <v>45716</v>
      </c>
      <c r="F62390" s="14" t="s">
        <v>61</v>
      </c>
      <c r="G62390" s="16">
        <v>0</v>
      </c>
    </row>
    <row r="62391" spans="1:7" x14ac:dyDescent="0.3">
      <c r="A62391" s="13" t="s">
        <v>334</v>
      </c>
      <c r="B62391" s="14" t="s">
        <v>1</v>
      </c>
      <c r="C62391" s="14" t="s">
        <v>109</v>
      </c>
      <c r="D62391" s="14" t="s">
        <v>335</v>
      </c>
      <c r="E62391" s="15">
        <v>45717</v>
      </c>
      <c r="F62391" s="14" t="s">
        <v>61</v>
      </c>
      <c r="G62391" s="16">
        <v>0</v>
      </c>
    </row>
    <row r="62392" spans="1:7" x14ac:dyDescent="0.3">
      <c r="A62392" s="13" t="s">
        <v>334</v>
      </c>
      <c r="B62392" s="14" t="s">
        <v>1</v>
      </c>
      <c r="C62392" s="14" t="s">
        <v>109</v>
      </c>
      <c r="D62392" s="14" t="s">
        <v>335</v>
      </c>
      <c r="E62392" s="15">
        <v>45718</v>
      </c>
      <c r="F62392" s="14" t="s">
        <v>61</v>
      </c>
      <c r="G62392" s="16">
        <v>0</v>
      </c>
    </row>
    <row r="62393" spans="1:7" x14ac:dyDescent="0.3">
      <c r="A62393" s="13" t="s">
        <v>334</v>
      </c>
      <c r="B62393" s="14" t="s">
        <v>1</v>
      </c>
      <c r="C62393" s="14" t="s">
        <v>109</v>
      </c>
      <c r="D62393" s="14" t="s">
        <v>335</v>
      </c>
      <c r="E62393" s="15">
        <v>45719</v>
      </c>
      <c r="F62393" s="14" t="s">
        <v>61</v>
      </c>
      <c r="G62393" s="16">
        <v>0</v>
      </c>
    </row>
    <row r="62394" spans="1:7" x14ac:dyDescent="0.3">
      <c r="A62394" s="13" t="s">
        <v>334</v>
      </c>
      <c r="B62394" s="14" t="s">
        <v>1</v>
      </c>
      <c r="C62394" s="14" t="s">
        <v>109</v>
      </c>
      <c r="D62394" s="14" t="s">
        <v>335</v>
      </c>
      <c r="E62394" s="15">
        <v>45720</v>
      </c>
      <c r="F62394" s="14" t="s">
        <v>61</v>
      </c>
      <c r="G62394" s="16">
        <v>0</v>
      </c>
    </row>
    <row r="62395" spans="1:7" x14ac:dyDescent="0.3">
      <c r="A62395" s="13" t="s">
        <v>334</v>
      </c>
      <c r="B62395" s="14" t="s">
        <v>1</v>
      </c>
      <c r="C62395" s="14" t="s">
        <v>109</v>
      </c>
      <c r="D62395" s="14" t="s">
        <v>335</v>
      </c>
      <c r="E62395" s="15">
        <v>45721</v>
      </c>
      <c r="F62395" s="14" t="s">
        <v>61</v>
      </c>
      <c r="G62395" s="16">
        <v>0</v>
      </c>
    </row>
    <row r="62396" spans="1:7" x14ac:dyDescent="0.3">
      <c r="A62396" s="13" t="s">
        <v>334</v>
      </c>
      <c r="B62396" s="14" t="s">
        <v>1</v>
      </c>
      <c r="C62396" s="14" t="s">
        <v>109</v>
      </c>
      <c r="D62396" s="14" t="s">
        <v>335</v>
      </c>
      <c r="E62396" s="15">
        <v>45722</v>
      </c>
      <c r="F62396" s="14" t="s">
        <v>61</v>
      </c>
      <c r="G62396" s="16">
        <v>0</v>
      </c>
    </row>
    <row r="62397" spans="1:7" x14ac:dyDescent="0.3">
      <c r="A62397" s="13" t="s">
        <v>334</v>
      </c>
      <c r="B62397" s="14" t="s">
        <v>1</v>
      </c>
      <c r="C62397" s="14" t="s">
        <v>109</v>
      </c>
      <c r="D62397" s="14" t="s">
        <v>335</v>
      </c>
      <c r="E62397" s="15">
        <v>45723</v>
      </c>
      <c r="F62397" s="14" t="s">
        <v>61</v>
      </c>
      <c r="G62397" s="16">
        <v>0</v>
      </c>
    </row>
    <row r="62398" spans="1:7" x14ac:dyDescent="0.3">
      <c r="A62398" s="13" t="s">
        <v>334</v>
      </c>
      <c r="B62398" s="14" t="s">
        <v>1</v>
      </c>
      <c r="C62398" s="14" t="s">
        <v>109</v>
      </c>
      <c r="D62398" s="14" t="s">
        <v>335</v>
      </c>
      <c r="E62398" s="15">
        <v>45724</v>
      </c>
      <c r="F62398" s="14" t="s">
        <v>61</v>
      </c>
      <c r="G62398" s="16">
        <v>0</v>
      </c>
    </row>
    <row r="62399" spans="1:7" x14ac:dyDescent="0.3">
      <c r="A62399" s="13" t="s">
        <v>334</v>
      </c>
      <c r="B62399" s="14" t="s">
        <v>1</v>
      </c>
      <c r="C62399" s="14" t="s">
        <v>109</v>
      </c>
      <c r="D62399" s="14" t="s">
        <v>335</v>
      </c>
      <c r="E62399" s="15">
        <v>45725</v>
      </c>
      <c r="F62399" s="14" t="s">
        <v>61</v>
      </c>
      <c r="G62399" s="16">
        <v>0</v>
      </c>
    </row>
    <row r="62400" spans="1:7" x14ac:dyDescent="0.3">
      <c r="A62400" s="13" t="s">
        <v>334</v>
      </c>
      <c r="B62400" s="14" t="s">
        <v>1</v>
      </c>
      <c r="C62400" s="14" t="s">
        <v>109</v>
      </c>
      <c r="D62400" s="14" t="s">
        <v>335</v>
      </c>
      <c r="E62400" s="15">
        <v>45726</v>
      </c>
      <c r="F62400" s="14" t="s">
        <v>61</v>
      </c>
      <c r="G62400" s="16">
        <v>0</v>
      </c>
    </row>
    <row r="62401" spans="1:7" x14ac:dyDescent="0.3">
      <c r="A62401" s="13" t="s">
        <v>334</v>
      </c>
      <c r="B62401" s="14" t="s">
        <v>1</v>
      </c>
      <c r="C62401" s="14" t="s">
        <v>109</v>
      </c>
      <c r="D62401" s="14" t="s">
        <v>335</v>
      </c>
      <c r="E62401" s="15">
        <v>45727</v>
      </c>
      <c r="F62401" s="14" t="s">
        <v>61</v>
      </c>
      <c r="G62401" s="16">
        <v>0</v>
      </c>
    </row>
    <row r="62402" spans="1:7" x14ac:dyDescent="0.3">
      <c r="A62402" s="13" t="s">
        <v>334</v>
      </c>
      <c r="B62402" s="14" t="s">
        <v>1</v>
      </c>
      <c r="C62402" s="14" t="s">
        <v>109</v>
      </c>
      <c r="D62402" s="14" t="s">
        <v>335</v>
      </c>
      <c r="E62402" s="15">
        <v>45728</v>
      </c>
      <c r="F62402" s="14" t="s">
        <v>61</v>
      </c>
      <c r="G62402" s="16">
        <v>0</v>
      </c>
    </row>
    <row r="62403" spans="1:7" x14ac:dyDescent="0.3">
      <c r="A62403" s="13" t="s">
        <v>334</v>
      </c>
      <c r="B62403" s="14" t="s">
        <v>1</v>
      </c>
      <c r="C62403" s="14" t="s">
        <v>109</v>
      </c>
      <c r="D62403" s="14" t="s">
        <v>335</v>
      </c>
      <c r="E62403" s="15">
        <v>45729</v>
      </c>
      <c r="F62403" s="14" t="s">
        <v>61</v>
      </c>
      <c r="G62403" s="16">
        <v>0</v>
      </c>
    </row>
    <row r="62404" spans="1:7" x14ac:dyDescent="0.3">
      <c r="A62404" s="13" t="s">
        <v>334</v>
      </c>
      <c r="B62404" s="14" t="s">
        <v>1</v>
      </c>
      <c r="C62404" s="14" t="s">
        <v>109</v>
      </c>
      <c r="D62404" s="14" t="s">
        <v>335</v>
      </c>
      <c r="E62404" s="15">
        <v>45730</v>
      </c>
      <c r="F62404" s="14" t="s">
        <v>61</v>
      </c>
      <c r="G62404" s="16">
        <v>0</v>
      </c>
    </row>
    <row r="62405" spans="1:7" x14ac:dyDescent="0.3">
      <c r="A62405" s="13" t="s">
        <v>334</v>
      </c>
      <c r="B62405" s="14" t="s">
        <v>1</v>
      </c>
      <c r="C62405" s="14" t="s">
        <v>109</v>
      </c>
      <c r="D62405" s="14" t="s">
        <v>335</v>
      </c>
      <c r="E62405" s="15">
        <v>45731</v>
      </c>
      <c r="F62405" s="14" t="s">
        <v>61</v>
      </c>
      <c r="G62405" s="16">
        <v>0</v>
      </c>
    </row>
    <row r="62406" spans="1:7" x14ac:dyDescent="0.3">
      <c r="A62406" s="13" t="s">
        <v>334</v>
      </c>
      <c r="B62406" s="14" t="s">
        <v>1</v>
      </c>
      <c r="C62406" s="14" t="s">
        <v>109</v>
      </c>
      <c r="D62406" s="14" t="s">
        <v>335</v>
      </c>
      <c r="E62406" s="15">
        <v>45732</v>
      </c>
      <c r="F62406" s="14" t="s">
        <v>61</v>
      </c>
      <c r="G62406" s="16">
        <v>0</v>
      </c>
    </row>
    <row r="62407" spans="1:7" x14ac:dyDescent="0.3">
      <c r="A62407" s="13" t="s">
        <v>334</v>
      </c>
      <c r="B62407" s="14" t="s">
        <v>1</v>
      </c>
      <c r="C62407" s="14" t="s">
        <v>109</v>
      </c>
      <c r="D62407" s="14" t="s">
        <v>335</v>
      </c>
      <c r="E62407" s="15">
        <v>45733</v>
      </c>
      <c r="F62407" s="14" t="s">
        <v>61</v>
      </c>
      <c r="G62407" s="16">
        <v>0</v>
      </c>
    </row>
    <row r="62408" spans="1:7" x14ac:dyDescent="0.3">
      <c r="A62408" s="13" t="s">
        <v>334</v>
      </c>
      <c r="B62408" s="14" t="s">
        <v>1</v>
      </c>
      <c r="C62408" s="14" t="s">
        <v>109</v>
      </c>
      <c r="D62408" s="14" t="s">
        <v>335</v>
      </c>
      <c r="E62408" s="15">
        <v>45734</v>
      </c>
      <c r="F62408" s="14" t="s">
        <v>61</v>
      </c>
      <c r="G62408" s="16">
        <v>0</v>
      </c>
    </row>
    <row r="62409" spans="1:7" x14ac:dyDescent="0.3">
      <c r="A62409" s="13" t="s">
        <v>334</v>
      </c>
      <c r="B62409" s="14" t="s">
        <v>1</v>
      </c>
      <c r="C62409" s="14" t="s">
        <v>109</v>
      </c>
      <c r="D62409" s="14" t="s">
        <v>335</v>
      </c>
      <c r="E62409" s="15">
        <v>45735</v>
      </c>
      <c r="F62409" s="14" t="s">
        <v>61</v>
      </c>
      <c r="G62409" s="16">
        <v>0</v>
      </c>
    </row>
    <row r="62410" spans="1:7" x14ac:dyDescent="0.3">
      <c r="A62410" s="13" t="s">
        <v>334</v>
      </c>
      <c r="B62410" s="14" t="s">
        <v>1</v>
      </c>
      <c r="C62410" s="14" t="s">
        <v>109</v>
      </c>
      <c r="D62410" s="14" t="s">
        <v>335</v>
      </c>
      <c r="E62410" s="15">
        <v>45736</v>
      </c>
      <c r="F62410" s="14" t="s">
        <v>61</v>
      </c>
      <c r="G62410" s="16">
        <v>0</v>
      </c>
    </row>
    <row r="62411" spans="1:7" x14ac:dyDescent="0.3">
      <c r="A62411" s="13" t="s">
        <v>334</v>
      </c>
      <c r="B62411" s="14" t="s">
        <v>1</v>
      </c>
      <c r="C62411" s="14" t="s">
        <v>109</v>
      </c>
      <c r="D62411" s="14" t="s">
        <v>335</v>
      </c>
      <c r="E62411" s="15">
        <v>45737</v>
      </c>
      <c r="F62411" s="14" t="s">
        <v>61</v>
      </c>
      <c r="G62411" s="16">
        <v>0</v>
      </c>
    </row>
    <row r="62412" spans="1:7" x14ac:dyDescent="0.3">
      <c r="A62412" s="13" t="s">
        <v>334</v>
      </c>
      <c r="B62412" s="14" t="s">
        <v>1</v>
      </c>
      <c r="C62412" s="14" t="s">
        <v>109</v>
      </c>
      <c r="D62412" s="14" t="s">
        <v>335</v>
      </c>
      <c r="E62412" s="15">
        <v>45738</v>
      </c>
      <c r="F62412" s="14" t="s">
        <v>61</v>
      </c>
      <c r="G62412" s="16">
        <v>0</v>
      </c>
    </row>
    <row r="62413" spans="1:7" x14ac:dyDescent="0.3">
      <c r="A62413" s="13" t="s">
        <v>334</v>
      </c>
      <c r="B62413" s="14" t="s">
        <v>1</v>
      </c>
      <c r="C62413" s="14" t="s">
        <v>109</v>
      </c>
      <c r="D62413" s="14" t="s">
        <v>335</v>
      </c>
      <c r="E62413" s="15">
        <v>45739</v>
      </c>
      <c r="F62413" s="14" t="s">
        <v>61</v>
      </c>
      <c r="G62413" s="16">
        <v>0</v>
      </c>
    </row>
    <row r="62414" spans="1:7" x14ac:dyDescent="0.3">
      <c r="A62414" s="13" t="s">
        <v>334</v>
      </c>
      <c r="B62414" s="14" t="s">
        <v>1</v>
      </c>
      <c r="C62414" s="14" t="s">
        <v>109</v>
      </c>
      <c r="D62414" s="14" t="s">
        <v>335</v>
      </c>
      <c r="E62414" s="15">
        <v>45740</v>
      </c>
      <c r="F62414" s="14" t="s">
        <v>61</v>
      </c>
      <c r="G62414" s="16">
        <v>0</v>
      </c>
    </row>
    <row r="62415" spans="1:7" x14ac:dyDescent="0.3">
      <c r="A62415" s="13" t="s">
        <v>334</v>
      </c>
      <c r="B62415" s="14" t="s">
        <v>1</v>
      </c>
      <c r="C62415" s="14" t="s">
        <v>109</v>
      </c>
      <c r="D62415" s="14" t="s">
        <v>335</v>
      </c>
      <c r="E62415" s="15">
        <v>45741</v>
      </c>
      <c r="F62415" s="14" t="s">
        <v>61</v>
      </c>
      <c r="G62415" s="16">
        <v>0</v>
      </c>
    </row>
    <row r="62416" spans="1:7" x14ac:dyDescent="0.3">
      <c r="A62416" s="13" t="s">
        <v>334</v>
      </c>
      <c r="B62416" s="14" t="s">
        <v>1</v>
      </c>
      <c r="C62416" s="14" t="s">
        <v>109</v>
      </c>
      <c r="D62416" s="14" t="s">
        <v>335</v>
      </c>
      <c r="E62416" s="15">
        <v>45742</v>
      </c>
      <c r="F62416" s="14" t="s">
        <v>61</v>
      </c>
      <c r="G62416" s="16">
        <v>0</v>
      </c>
    </row>
    <row r="62417" spans="1:7" x14ac:dyDescent="0.3">
      <c r="A62417" s="13" t="s">
        <v>334</v>
      </c>
      <c r="B62417" s="14" t="s">
        <v>1</v>
      </c>
      <c r="C62417" s="14" t="s">
        <v>109</v>
      </c>
      <c r="D62417" s="14" t="s">
        <v>335</v>
      </c>
      <c r="E62417" s="15">
        <v>45743</v>
      </c>
      <c r="F62417" s="14" t="s">
        <v>61</v>
      </c>
      <c r="G62417" s="16">
        <v>0</v>
      </c>
    </row>
    <row r="62418" spans="1:7" x14ac:dyDescent="0.3">
      <c r="A62418" s="13" t="s">
        <v>334</v>
      </c>
      <c r="B62418" s="14" t="s">
        <v>1</v>
      </c>
      <c r="C62418" s="14" t="s">
        <v>109</v>
      </c>
      <c r="D62418" s="14" t="s">
        <v>335</v>
      </c>
      <c r="E62418" s="15">
        <v>45744</v>
      </c>
      <c r="F62418" s="14" t="s">
        <v>61</v>
      </c>
      <c r="G62418" s="16">
        <v>0</v>
      </c>
    </row>
    <row r="62419" spans="1:7" x14ac:dyDescent="0.3">
      <c r="A62419" s="13" t="s">
        <v>334</v>
      </c>
      <c r="B62419" s="14" t="s">
        <v>1</v>
      </c>
      <c r="C62419" s="14" t="s">
        <v>109</v>
      </c>
      <c r="D62419" s="14" t="s">
        <v>335</v>
      </c>
      <c r="E62419" s="15">
        <v>45745</v>
      </c>
      <c r="F62419" s="14" t="s">
        <v>61</v>
      </c>
      <c r="G62419" s="16">
        <v>0</v>
      </c>
    </row>
    <row r="62420" spans="1:7" x14ac:dyDescent="0.3">
      <c r="A62420" s="13" t="s">
        <v>334</v>
      </c>
      <c r="B62420" s="14" t="s">
        <v>1</v>
      </c>
      <c r="C62420" s="14" t="s">
        <v>109</v>
      </c>
      <c r="D62420" s="14" t="s">
        <v>335</v>
      </c>
      <c r="E62420" s="15">
        <v>45746</v>
      </c>
      <c r="F62420" s="14" t="s">
        <v>61</v>
      </c>
      <c r="G62420" s="16">
        <v>0</v>
      </c>
    </row>
    <row r="62421" spans="1:7" x14ac:dyDescent="0.3">
      <c r="A62421" s="13" t="s">
        <v>334</v>
      </c>
      <c r="B62421" s="14" t="s">
        <v>1</v>
      </c>
      <c r="C62421" s="14" t="s">
        <v>109</v>
      </c>
      <c r="D62421" s="14" t="s">
        <v>335</v>
      </c>
      <c r="E62421" s="15">
        <v>45747</v>
      </c>
      <c r="F62421" s="14" t="s">
        <v>61</v>
      </c>
      <c r="G62421" s="16">
        <v>0</v>
      </c>
    </row>
    <row r="62422" spans="1:7" x14ac:dyDescent="0.3">
      <c r="A62422" s="13" t="s">
        <v>336</v>
      </c>
      <c r="B62422" s="14" t="s">
        <v>1</v>
      </c>
      <c r="C62422" s="14" t="s">
        <v>137</v>
      </c>
      <c r="D62422" s="14" t="s">
        <v>337</v>
      </c>
      <c r="E62422" s="15">
        <v>45383</v>
      </c>
      <c r="F62422" s="14" t="s">
        <v>15</v>
      </c>
      <c r="G62422" s="16">
        <v>0</v>
      </c>
    </row>
    <row r="62423" spans="1:7" x14ac:dyDescent="0.3">
      <c r="A62423" s="13" t="s">
        <v>336</v>
      </c>
      <c r="B62423" s="14" t="s">
        <v>1</v>
      </c>
      <c r="C62423" s="14" t="s">
        <v>137</v>
      </c>
      <c r="D62423" s="14" t="s">
        <v>337</v>
      </c>
      <c r="E62423" s="15">
        <v>45384</v>
      </c>
      <c r="F62423" s="14" t="s">
        <v>15</v>
      </c>
      <c r="G62423" s="16">
        <v>0</v>
      </c>
    </row>
    <row r="62424" spans="1:7" x14ac:dyDescent="0.3">
      <c r="A62424" s="13" t="s">
        <v>336</v>
      </c>
      <c r="B62424" s="14" t="s">
        <v>1</v>
      </c>
      <c r="C62424" s="14" t="s">
        <v>137</v>
      </c>
      <c r="D62424" s="14" t="s">
        <v>337</v>
      </c>
      <c r="E62424" s="15">
        <v>45385</v>
      </c>
      <c r="F62424" s="14" t="s">
        <v>15</v>
      </c>
      <c r="G62424" s="16">
        <v>8.0039670925011935E-2</v>
      </c>
    </row>
    <row r="62425" spans="1:7" x14ac:dyDescent="0.3">
      <c r="A62425" s="13" t="s">
        <v>336</v>
      </c>
      <c r="B62425" s="14" t="s">
        <v>1</v>
      </c>
      <c r="C62425" s="14" t="s">
        <v>137</v>
      </c>
      <c r="D62425" s="14" t="s">
        <v>337</v>
      </c>
      <c r="E62425" s="15">
        <v>45386</v>
      </c>
      <c r="F62425" s="14" t="s">
        <v>15</v>
      </c>
      <c r="G62425" s="16">
        <v>0.10007934185002385</v>
      </c>
    </row>
    <row r="62426" spans="1:7" x14ac:dyDescent="0.3">
      <c r="A62426" s="13" t="s">
        <v>336</v>
      </c>
      <c r="B62426" s="14" t="s">
        <v>1</v>
      </c>
      <c r="C62426" s="14" t="s">
        <v>137</v>
      </c>
      <c r="D62426" s="14" t="s">
        <v>337</v>
      </c>
      <c r="E62426" s="15">
        <v>45387</v>
      </c>
      <c r="F62426" s="14" t="s">
        <v>15</v>
      </c>
      <c r="G62426" s="16">
        <v>0.12111901277503578</v>
      </c>
    </row>
    <row r="62427" spans="1:7" x14ac:dyDescent="0.3">
      <c r="A62427" s="13" t="s">
        <v>336</v>
      </c>
      <c r="B62427" s="14" t="s">
        <v>1</v>
      </c>
      <c r="C62427" s="14" t="s">
        <v>137</v>
      </c>
      <c r="D62427" s="14" t="s">
        <v>337</v>
      </c>
      <c r="E62427" s="15">
        <v>45388</v>
      </c>
      <c r="F62427" s="14" t="s">
        <v>15</v>
      </c>
      <c r="G62427" s="16">
        <v>0.12111901277503578</v>
      </c>
    </row>
    <row r="62428" spans="1:7" x14ac:dyDescent="0.3">
      <c r="A62428" s="13" t="s">
        <v>336</v>
      </c>
      <c r="B62428" s="14" t="s">
        <v>1</v>
      </c>
      <c r="C62428" s="14" t="s">
        <v>137</v>
      </c>
      <c r="D62428" s="14" t="s">
        <v>337</v>
      </c>
      <c r="E62428" s="15">
        <v>45389</v>
      </c>
      <c r="F62428" s="14" t="s">
        <v>15</v>
      </c>
      <c r="G62428" s="16">
        <v>0.12111901277503578</v>
      </c>
    </row>
    <row r="62429" spans="1:7" x14ac:dyDescent="0.3">
      <c r="A62429" s="13" t="s">
        <v>336</v>
      </c>
      <c r="B62429" s="14" t="s">
        <v>1</v>
      </c>
      <c r="C62429" s="14" t="s">
        <v>137</v>
      </c>
      <c r="D62429" s="14" t="s">
        <v>337</v>
      </c>
      <c r="E62429" s="15">
        <v>45390</v>
      </c>
      <c r="F62429" s="14" t="s">
        <v>15</v>
      </c>
      <c r="G62429" s="16">
        <v>0.14015868370004772</v>
      </c>
    </row>
    <row r="62430" spans="1:7" x14ac:dyDescent="0.3">
      <c r="A62430" s="13" t="s">
        <v>336</v>
      </c>
      <c r="B62430" s="14" t="s">
        <v>1</v>
      </c>
      <c r="C62430" s="14" t="s">
        <v>137</v>
      </c>
      <c r="D62430" s="14" t="s">
        <v>337</v>
      </c>
      <c r="E62430" s="15">
        <v>45391</v>
      </c>
      <c r="F62430" s="14" t="s">
        <v>15</v>
      </c>
      <c r="G62430" s="16">
        <v>0.18419835462505965</v>
      </c>
    </row>
    <row r="62431" spans="1:7" x14ac:dyDescent="0.3">
      <c r="A62431" s="13" t="s">
        <v>336</v>
      </c>
      <c r="B62431" s="14" t="s">
        <v>1</v>
      </c>
      <c r="C62431" s="14" t="s">
        <v>137</v>
      </c>
      <c r="D62431" s="14" t="s">
        <v>337</v>
      </c>
      <c r="E62431" s="15">
        <v>45392</v>
      </c>
      <c r="F62431" s="14" t="s">
        <v>15</v>
      </c>
      <c r="G62431" s="16">
        <v>0.20023802555007159</v>
      </c>
    </row>
    <row r="62432" spans="1:7" x14ac:dyDescent="0.3">
      <c r="A62432" s="13" t="s">
        <v>336</v>
      </c>
      <c r="B62432" s="14" t="s">
        <v>1</v>
      </c>
      <c r="C62432" s="14" t="s">
        <v>137</v>
      </c>
      <c r="D62432" s="14" t="s">
        <v>337</v>
      </c>
      <c r="E62432" s="15">
        <v>45393</v>
      </c>
      <c r="F62432" s="14" t="s">
        <v>15</v>
      </c>
      <c r="G62432" s="16">
        <v>0.21427769647508352</v>
      </c>
    </row>
    <row r="62433" spans="1:7" x14ac:dyDescent="0.3">
      <c r="A62433" s="13" t="s">
        <v>336</v>
      </c>
      <c r="B62433" s="14" t="s">
        <v>1</v>
      </c>
      <c r="C62433" s="14" t="s">
        <v>137</v>
      </c>
      <c r="D62433" s="14" t="s">
        <v>337</v>
      </c>
      <c r="E62433" s="15">
        <v>45394</v>
      </c>
      <c r="F62433" s="14" t="s">
        <v>15</v>
      </c>
      <c r="G62433" s="16">
        <v>0.23131736740009545</v>
      </c>
    </row>
    <row r="62434" spans="1:7" x14ac:dyDescent="0.3">
      <c r="A62434" s="13" t="s">
        <v>336</v>
      </c>
      <c r="B62434" s="14" t="s">
        <v>1</v>
      </c>
      <c r="C62434" s="14" t="s">
        <v>137</v>
      </c>
      <c r="D62434" s="14" t="s">
        <v>337</v>
      </c>
      <c r="E62434" s="15">
        <v>45395</v>
      </c>
      <c r="F62434" s="14" t="s">
        <v>15</v>
      </c>
      <c r="G62434" s="16">
        <v>0.23131736740009545</v>
      </c>
    </row>
    <row r="62435" spans="1:7" x14ac:dyDescent="0.3">
      <c r="A62435" s="13" t="s">
        <v>336</v>
      </c>
      <c r="B62435" s="14" t="s">
        <v>1</v>
      </c>
      <c r="C62435" s="14" t="s">
        <v>137</v>
      </c>
      <c r="D62435" s="14" t="s">
        <v>337</v>
      </c>
      <c r="E62435" s="15">
        <v>45396</v>
      </c>
      <c r="F62435" s="14" t="s">
        <v>15</v>
      </c>
      <c r="G62435" s="16">
        <v>0.23131736740009545</v>
      </c>
    </row>
    <row r="62436" spans="1:7" x14ac:dyDescent="0.3">
      <c r="A62436" s="13" t="s">
        <v>336</v>
      </c>
      <c r="B62436" s="14" t="s">
        <v>1</v>
      </c>
      <c r="C62436" s="14" t="s">
        <v>137</v>
      </c>
      <c r="D62436" s="14" t="s">
        <v>337</v>
      </c>
      <c r="E62436" s="15">
        <v>45397</v>
      </c>
      <c r="F62436" s="14" t="s">
        <v>15</v>
      </c>
      <c r="G62436" s="16">
        <v>0.24835703832510739</v>
      </c>
    </row>
    <row r="62437" spans="1:7" x14ac:dyDescent="0.3">
      <c r="A62437" s="13" t="s">
        <v>336</v>
      </c>
      <c r="B62437" s="14" t="s">
        <v>1</v>
      </c>
      <c r="C62437" s="14" t="s">
        <v>137</v>
      </c>
      <c r="D62437" s="14" t="s">
        <v>337</v>
      </c>
      <c r="E62437" s="15">
        <v>45398</v>
      </c>
      <c r="F62437" s="14" t="s">
        <v>15</v>
      </c>
      <c r="G62437" s="16">
        <v>0.3013967092501193</v>
      </c>
    </row>
    <row r="62438" spans="1:7" x14ac:dyDescent="0.3">
      <c r="A62438" s="13" t="s">
        <v>336</v>
      </c>
      <c r="B62438" s="14" t="s">
        <v>1</v>
      </c>
      <c r="C62438" s="14" t="s">
        <v>137</v>
      </c>
      <c r="D62438" s="14" t="s">
        <v>337</v>
      </c>
      <c r="E62438" s="15">
        <v>45399</v>
      </c>
      <c r="F62438" s="14" t="s">
        <v>15</v>
      </c>
      <c r="G62438" s="16">
        <v>0.31943638017513121</v>
      </c>
    </row>
    <row r="62439" spans="1:7" x14ac:dyDescent="0.3">
      <c r="A62439" s="13" t="s">
        <v>336</v>
      </c>
      <c r="B62439" s="14" t="s">
        <v>1</v>
      </c>
      <c r="C62439" s="14" t="s">
        <v>137</v>
      </c>
      <c r="D62439" s="14" t="s">
        <v>337</v>
      </c>
      <c r="E62439" s="15">
        <v>45400</v>
      </c>
      <c r="F62439" s="14" t="s">
        <v>15</v>
      </c>
      <c r="G62439" s="16">
        <v>0.30330798387325236</v>
      </c>
    </row>
    <row r="62440" spans="1:7" x14ac:dyDescent="0.3">
      <c r="A62440" s="13" t="s">
        <v>336</v>
      </c>
      <c r="B62440" s="14" t="s">
        <v>1</v>
      </c>
      <c r="C62440" s="14" t="s">
        <v>137</v>
      </c>
      <c r="D62440" s="14" t="s">
        <v>337</v>
      </c>
      <c r="E62440" s="15">
        <v>45401</v>
      </c>
      <c r="F62440" s="14" t="s">
        <v>15</v>
      </c>
      <c r="G62440" s="16">
        <v>0.32104513378986094</v>
      </c>
    </row>
    <row r="62441" spans="1:7" x14ac:dyDescent="0.3">
      <c r="A62441" s="13" t="s">
        <v>336</v>
      </c>
      <c r="B62441" s="14" t="s">
        <v>1</v>
      </c>
      <c r="C62441" s="14" t="s">
        <v>137</v>
      </c>
      <c r="D62441" s="14" t="s">
        <v>337</v>
      </c>
      <c r="E62441" s="15">
        <v>45402</v>
      </c>
      <c r="F62441" s="14" t="s">
        <v>15</v>
      </c>
      <c r="G62441" s="16">
        <v>0.32104513378986094</v>
      </c>
    </row>
    <row r="62442" spans="1:7" x14ac:dyDescent="0.3">
      <c r="A62442" s="13" t="s">
        <v>336</v>
      </c>
      <c r="B62442" s="14" t="s">
        <v>1</v>
      </c>
      <c r="C62442" s="14" t="s">
        <v>137</v>
      </c>
      <c r="D62442" s="14" t="s">
        <v>337</v>
      </c>
      <c r="E62442" s="15">
        <v>45403</v>
      </c>
      <c r="F62442" s="14" t="s">
        <v>15</v>
      </c>
      <c r="G62442" s="16">
        <v>0.32104513378986094</v>
      </c>
    </row>
    <row r="62443" spans="1:7" x14ac:dyDescent="0.3">
      <c r="A62443" s="13" t="s">
        <v>336</v>
      </c>
      <c r="B62443" s="14" t="s">
        <v>1</v>
      </c>
      <c r="C62443" s="14" t="s">
        <v>137</v>
      </c>
      <c r="D62443" s="14" t="s">
        <v>337</v>
      </c>
      <c r="E62443" s="15">
        <v>45404</v>
      </c>
      <c r="F62443" s="14" t="s">
        <v>15</v>
      </c>
      <c r="G62443" s="16">
        <v>0.33807640135352834</v>
      </c>
    </row>
    <row r="62444" spans="1:7" x14ac:dyDescent="0.3">
      <c r="A62444" s="13" t="s">
        <v>336</v>
      </c>
      <c r="B62444" s="14" t="s">
        <v>1</v>
      </c>
      <c r="C62444" s="14" t="s">
        <v>137</v>
      </c>
      <c r="D62444" s="14" t="s">
        <v>337</v>
      </c>
      <c r="E62444" s="15">
        <v>45405</v>
      </c>
      <c r="F62444" s="14" t="s">
        <v>15</v>
      </c>
      <c r="G62444" s="16">
        <v>0.39315808908526295</v>
      </c>
    </row>
    <row r="62445" spans="1:7" x14ac:dyDescent="0.3">
      <c r="A62445" s="13" t="s">
        <v>336</v>
      </c>
      <c r="B62445" s="14" t="s">
        <v>1</v>
      </c>
      <c r="C62445" s="14" t="s">
        <v>137</v>
      </c>
      <c r="D62445" s="14" t="s">
        <v>337</v>
      </c>
      <c r="E62445" s="15">
        <v>45406</v>
      </c>
      <c r="F62445" s="14" t="s">
        <v>15</v>
      </c>
      <c r="G62445" s="16">
        <v>0.41344986085061103</v>
      </c>
    </row>
    <row r="62446" spans="1:7" x14ac:dyDescent="0.3">
      <c r="A62446" s="13" t="s">
        <v>336</v>
      </c>
      <c r="B62446" s="14" t="s">
        <v>1</v>
      </c>
      <c r="C62446" s="14" t="s">
        <v>137</v>
      </c>
      <c r="D62446" s="14" t="s">
        <v>337</v>
      </c>
      <c r="E62446" s="15">
        <v>45407</v>
      </c>
      <c r="F62446" s="14" t="s">
        <v>15</v>
      </c>
      <c r="G62446" s="16">
        <v>0.43562398555713555</v>
      </c>
    </row>
    <row r="62447" spans="1:7" x14ac:dyDescent="0.3">
      <c r="A62447" s="13" t="s">
        <v>336</v>
      </c>
      <c r="B62447" s="14" t="s">
        <v>1</v>
      </c>
      <c r="C62447" s="14" t="s">
        <v>137</v>
      </c>
      <c r="D62447" s="14" t="s">
        <v>337</v>
      </c>
      <c r="E62447" s="15">
        <v>45408</v>
      </c>
      <c r="F62447" s="14" t="s">
        <v>15</v>
      </c>
      <c r="G62447" s="16">
        <v>0.45699138757458441</v>
      </c>
    </row>
    <row r="62448" spans="1:7" x14ac:dyDescent="0.3">
      <c r="A62448" s="13" t="s">
        <v>336</v>
      </c>
      <c r="B62448" s="14" t="s">
        <v>1</v>
      </c>
      <c r="C62448" s="14" t="s">
        <v>137</v>
      </c>
      <c r="D62448" s="14" t="s">
        <v>337</v>
      </c>
      <c r="E62448" s="15">
        <v>45409</v>
      </c>
      <c r="F62448" s="14" t="s">
        <v>15</v>
      </c>
      <c r="G62448" s="16">
        <v>0.45699138757458441</v>
      </c>
    </row>
    <row r="62449" spans="1:7" x14ac:dyDescent="0.3">
      <c r="A62449" s="13" t="s">
        <v>336</v>
      </c>
      <c r="B62449" s="14" t="s">
        <v>1</v>
      </c>
      <c r="C62449" s="14" t="s">
        <v>137</v>
      </c>
      <c r="D62449" s="14" t="s">
        <v>337</v>
      </c>
      <c r="E62449" s="15">
        <v>45410</v>
      </c>
      <c r="F62449" s="14" t="s">
        <v>15</v>
      </c>
      <c r="G62449" s="16">
        <v>0.45699138757458441</v>
      </c>
    </row>
    <row r="62450" spans="1:7" x14ac:dyDescent="0.3">
      <c r="A62450" s="13" t="s">
        <v>336</v>
      </c>
      <c r="B62450" s="14" t="s">
        <v>1</v>
      </c>
      <c r="C62450" s="14" t="s">
        <v>137</v>
      </c>
      <c r="D62450" s="14" t="s">
        <v>337</v>
      </c>
      <c r="E62450" s="15">
        <v>45411</v>
      </c>
      <c r="F62450" s="14" t="s">
        <v>15</v>
      </c>
      <c r="G62450" s="16">
        <v>0.48361929379371404</v>
      </c>
    </row>
    <row r="62451" spans="1:7" x14ac:dyDescent="0.3">
      <c r="A62451" s="13" t="s">
        <v>336</v>
      </c>
      <c r="B62451" s="14" t="s">
        <v>1</v>
      </c>
      <c r="C62451" s="14" t="s">
        <v>137</v>
      </c>
      <c r="D62451" s="14" t="s">
        <v>337</v>
      </c>
      <c r="E62451" s="15">
        <v>45412</v>
      </c>
      <c r="F62451" s="14" t="s">
        <v>15</v>
      </c>
      <c r="G62451" s="16">
        <v>0.53518553476703512</v>
      </c>
    </row>
    <row r="62452" spans="1:7" x14ac:dyDescent="0.3">
      <c r="A62452" s="13" t="s">
        <v>336</v>
      </c>
      <c r="B62452" s="14" t="s">
        <v>1</v>
      </c>
      <c r="C62452" s="14" t="s">
        <v>137</v>
      </c>
      <c r="D62452" s="14" t="s">
        <v>337</v>
      </c>
      <c r="E62452" s="15">
        <v>45413</v>
      </c>
      <c r="F62452" s="14" t="s">
        <v>15</v>
      </c>
      <c r="G62452" s="16">
        <v>0</v>
      </c>
    </row>
    <row r="62453" spans="1:7" x14ac:dyDescent="0.3">
      <c r="A62453" s="13" t="s">
        <v>336</v>
      </c>
      <c r="B62453" s="14" t="s">
        <v>1</v>
      </c>
      <c r="C62453" s="14" t="s">
        <v>137</v>
      </c>
      <c r="D62453" s="14" t="s">
        <v>337</v>
      </c>
      <c r="E62453" s="15">
        <v>45414</v>
      </c>
      <c r="F62453" s="14" t="s">
        <v>15</v>
      </c>
      <c r="G62453" s="16">
        <v>0</v>
      </c>
    </row>
    <row r="62454" spans="1:7" x14ac:dyDescent="0.3">
      <c r="A62454" s="13" t="s">
        <v>336</v>
      </c>
      <c r="B62454" s="14" t="s">
        <v>1</v>
      </c>
      <c r="C62454" s="14" t="s">
        <v>137</v>
      </c>
      <c r="D62454" s="14" t="s">
        <v>337</v>
      </c>
      <c r="E62454" s="15">
        <v>45415</v>
      </c>
      <c r="F62454" s="14" t="s">
        <v>15</v>
      </c>
      <c r="G62454" s="16">
        <v>0</v>
      </c>
    </row>
    <row r="62455" spans="1:7" x14ac:dyDescent="0.3">
      <c r="A62455" s="13" t="s">
        <v>336</v>
      </c>
      <c r="B62455" s="14" t="s">
        <v>1</v>
      </c>
      <c r="C62455" s="14" t="s">
        <v>137</v>
      </c>
      <c r="D62455" s="14" t="s">
        <v>337</v>
      </c>
      <c r="E62455" s="15">
        <v>45416</v>
      </c>
      <c r="F62455" s="14" t="s">
        <v>15</v>
      </c>
      <c r="G62455" s="16">
        <v>0</v>
      </c>
    </row>
    <row r="62456" spans="1:7" x14ac:dyDescent="0.3">
      <c r="A62456" s="13" t="s">
        <v>336</v>
      </c>
      <c r="B62456" s="14" t="s">
        <v>1</v>
      </c>
      <c r="C62456" s="14" t="s">
        <v>137</v>
      </c>
      <c r="D62456" s="14" t="s">
        <v>337</v>
      </c>
      <c r="E62456" s="15">
        <v>45417</v>
      </c>
      <c r="F62456" s="14" t="s">
        <v>15</v>
      </c>
      <c r="G62456" s="16">
        <v>0</v>
      </c>
    </row>
    <row r="62457" spans="1:7" x14ac:dyDescent="0.3">
      <c r="A62457" s="13" t="s">
        <v>336</v>
      </c>
      <c r="B62457" s="14" t="s">
        <v>1</v>
      </c>
      <c r="C62457" s="14" t="s">
        <v>137</v>
      </c>
      <c r="D62457" s="14" t="s">
        <v>337</v>
      </c>
      <c r="E62457" s="15">
        <v>45418</v>
      </c>
      <c r="F62457" s="14" t="s">
        <v>15</v>
      </c>
      <c r="G62457" s="16">
        <v>0</v>
      </c>
    </row>
    <row r="62458" spans="1:7" x14ac:dyDescent="0.3">
      <c r="A62458" s="13" t="s">
        <v>336</v>
      </c>
      <c r="B62458" s="14" t="s">
        <v>1</v>
      </c>
      <c r="C62458" s="14" t="s">
        <v>137</v>
      </c>
      <c r="D62458" s="14" t="s">
        <v>337</v>
      </c>
      <c r="E62458" s="15">
        <v>45419</v>
      </c>
      <c r="F62458" s="14" t="s">
        <v>15</v>
      </c>
      <c r="G62458" s="16">
        <v>0</v>
      </c>
    </row>
    <row r="62459" spans="1:7" x14ac:dyDescent="0.3">
      <c r="A62459" s="13" t="s">
        <v>336</v>
      </c>
      <c r="B62459" s="14" t="s">
        <v>1</v>
      </c>
      <c r="C62459" s="14" t="s">
        <v>137</v>
      </c>
      <c r="D62459" s="14" t="s">
        <v>337</v>
      </c>
      <c r="E62459" s="15">
        <v>45420</v>
      </c>
      <c r="F62459" s="14" t="s">
        <v>15</v>
      </c>
      <c r="G62459" s="16">
        <v>6.6398382145717985E-2</v>
      </c>
    </row>
    <row r="62460" spans="1:7" x14ac:dyDescent="0.3">
      <c r="A62460" s="13" t="s">
        <v>336</v>
      </c>
      <c r="B62460" s="14" t="s">
        <v>1</v>
      </c>
      <c r="C62460" s="14" t="s">
        <v>137</v>
      </c>
      <c r="D62460" s="14" t="s">
        <v>337</v>
      </c>
      <c r="E62460" s="15">
        <v>45421</v>
      </c>
      <c r="F62460" s="14" t="s">
        <v>15</v>
      </c>
      <c r="G62460" s="16">
        <v>8.5162690751889356E-2</v>
      </c>
    </row>
    <row r="62461" spans="1:7" x14ac:dyDescent="0.3">
      <c r="A62461" s="13" t="s">
        <v>336</v>
      </c>
      <c r="B62461" s="14" t="s">
        <v>1</v>
      </c>
      <c r="C62461" s="14" t="s">
        <v>137</v>
      </c>
      <c r="D62461" s="14" t="s">
        <v>337</v>
      </c>
      <c r="E62461" s="15">
        <v>45422</v>
      </c>
      <c r="F62461" s="14" t="s">
        <v>15</v>
      </c>
      <c r="G62461" s="16">
        <v>0.10346323124211866</v>
      </c>
    </row>
    <row r="62462" spans="1:7" x14ac:dyDescent="0.3">
      <c r="A62462" s="13" t="s">
        <v>336</v>
      </c>
      <c r="B62462" s="14" t="s">
        <v>1</v>
      </c>
      <c r="C62462" s="14" t="s">
        <v>137</v>
      </c>
      <c r="D62462" s="14" t="s">
        <v>337</v>
      </c>
      <c r="E62462" s="15">
        <v>45423</v>
      </c>
      <c r="F62462" s="14" t="s">
        <v>15</v>
      </c>
      <c r="G62462" s="16">
        <v>0.10346323124211866</v>
      </c>
    </row>
    <row r="62463" spans="1:7" x14ac:dyDescent="0.3">
      <c r="A62463" s="13" t="s">
        <v>336</v>
      </c>
      <c r="B62463" s="14" t="s">
        <v>1</v>
      </c>
      <c r="C62463" s="14" t="s">
        <v>137</v>
      </c>
      <c r="D62463" s="14" t="s">
        <v>337</v>
      </c>
      <c r="E62463" s="15">
        <v>45424</v>
      </c>
      <c r="F62463" s="14" t="s">
        <v>15</v>
      </c>
      <c r="G62463" s="16">
        <v>0.10346323124211866</v>
      </c>
    </row>
    <row r="62464" spans="1:7" x14ac:dyDescent="0.3">
      <c r="A62464" s="13" t="s">
        <v>336</v>
      </c>
      <c r="B62464" s="14" t="s">
        <v>1</v>
      </c>
      <c r="C62464" s="14" t="s">
        <v>137</v>
      </c>
      <c r="D62464" s="14" t="s">
        <v>337</v>
      </c>
      <c r="E62464" s="15">
        <v>45425</v>
      </c>
      <c r="F62464" s="14" t="s">
        <v>15</v>
      </c>
      <c r="G62464" s="16">
        <v>0.1270391340511885</v>
      </c>
    </row>
    <row r="62465" spans="1:7" x14ac:dyDescent="0.3">
      <c r="A62465" s="13" t="s">
        <v>336</v>
      </c>
      <c r="B62465" s="14" t="s">
        <v>1</v>
      </c>
      <c r="C62465" s="14" t="s">
        <v>137</v>
      </c>
      <c r="D62465" s="14" t="s">
        <v>337</v>
      </c>
      <c r="E62465" s="15">
        <v>45426</v>
      </c>
      <c r="F62465" s="14" t="s">
        <v>15</v>
      </c>
      <c r="G62465" s="16">
        <v>0.18359088227088644</v>
      </c>
    </row>
    <row r="62466" spans="1:7" x14ac:dyDescent="0.3">
      <c r="A62466" s="13" t="s">
        <v>336</v>
      </c>
      <c r="B62466" s="14" t="s">
        <v>1</v>
      </c>
      <c r="C62466" s="14" t="s">
        <v>137</v>
      </c>
      <c r="D62466" s="14" t="s">
        <v>337</v>
      </c>
      <c r="E62466" s="15">
        <v>45427</v>
      </c>
      <c r="F62466" s="14" t="s">
        <v>15</v>
      </c>
      <c r="G62466" s="16">
        <v>0.20183345174662293</v>
      </c>
    </row>
    <row r="62467" spans="1:7" x14ac:dyDescent="0.3">
      <c r="A62467" s="13" t="s">
        <v>336</v>
      </c>
      <c r="B62467" s="14" t="s">
        <v>1</v>
      </c>
      <c r="C62467" s="14" t="s">
        <v>137</v>
      </c>
      <c r="D62467" s="14" t="s">
        <v>337</v>
      </c>
      <c r="E62467" s="15">
        <v>45428</v>
      </c>
      <c r="F62467" s="14" t="s">
        <v>15</v>
      </c>
      <c r="G62467" s="16">
        <v>0.22014365407260114</v>
      </c>
    </row>
    <row r="62468" spans="1:7" x14ac:dyDescent="0.3">
      <c r="A62468" s="13" t="s">
        <v>336</v>
      </c>
      <c r="B62468" s="14" t="s">
        <v>1</v>
      </c>
      <c r="C62468" s="14" t="s">
        <v>137</v>
      </c>
      <c r="D62468" s="14" t="s">
        <v>337</v>
      </c>
      <c r="E62468" s="15">
        <v>45429</v>
      </c>
      <c r="F62468" s="14" t="s">
        <v>15</v>
      </c>
      <c r="G62468" s="16">
        <v>0.23717849407973862</v>
      </c>
    </row>
    <row r="62469" spans="1:7" x14ac:dyDescent="0.3">
      <c r="A62469" s="13" t="s">
        <v>336</v>
      </c>
      <c r="B62469" s="14" t="s">
        <v>1</v>
      </c>
      <c r="C62469" s="14" t="s">
        <v>137</v>
      </c>
      <c r="D62469" s="14" t="s">
        <v>337</v>
      </c>
      <c r="E62469" s="15">
        <v>45430</v>
      </c>
      <c r="F62469" s="14" t="s">
        <v>15</v>
      </c>
      <c r="G62469" s="16">
        <v>0.23717849407973862</v>
      </c>
    </row>
    <row r="62470" spans="1:7" x14ac:dyDescent="0.3">
      <c r="A62470" s="13" t="s">
        <v>336</v>
      </c>
      <c r="B62470" s="14" t="s">
        <v>1</v>
      </c>
      <c r="C62470" s="14" t="s">
        <v>137</v>
      </c>
      <c r="D62470" s="14" t="s">
        <v>337</v>
      </c>
      <c r="E62470" s="15">
        <v>45431</v>
      </c>
      <c r="F62470" s="14" t="s">
        <v>15</v>
      </c>
      <c r="G62470" s="16">
        <v>0.23717849407973862</v>
      </c>
    </row>
    <row r="62471" spans="1:7" x14ac:dyDescent="0.3">
      <c r="A62471" s="13" t="s">
        <v>336</v>
      </c>
      <c r="B62471" s="14" t="s">
        <v>1</v>
      </c>
      <c r="C62471" s="14" t="s">
        <v>137</v>
      </c>
      <c r="D62471" s="14" t="s">
        <v>337</v>
      </c>
      <c r="E62471" s="15">
        <v>45432</v>
      </c>
      <c r="F62471" s="14" t="s">
        <v>15</v>
      </c>
      <c r="G62471" s="16">
        <v>0.25538241621247998</v>
      </c>
    </row>
    <row r="62472" spans="1:7" x14ac:dyDescent="0.3">
      <c r="A62472" s="13" t="s">
        <v>336</v>
      </c>
      <c r="B62472" s="14" t="s">
        <v>1</v>
      </c>
      <c r="C62472" s="14" t="s">
        <v>137</v>
      </c>
      <c r="D62472" s="14" t="s">
        <v>337</v>
      </c>
      <c r="E62472" s="15">
        <v>45433</v>
      </c>
      <c r="F62472" s="14" t="s">
        <v>15</v>
      </c>
      <c r="G62472" s="16">
        <v>0.30982788423894114</v>
      </c>
    </row>
    <row r="62473" spans="1:7" x14ac:dyDescent="0.3">
      <c r="A62473" s="13" t="s">
        <v>336</v>
      </c>
      <c r="B62473" s="14" t="s">
        <v>1</v>
      </c>
      <c r="C62473" s="14" t="s">
        <v>137</v>
      </c>
      <c r="D62473" s="14" t="s">
        <v>337</v>
      </c>
      <c r="E62473" s="15">
        <v>45434</v>
      </c>
      <c r="F62473" s="14" t="s">
        <v>15</v>
      </c>
      <c r="G62473" s="16">
        <v>0.32800282086443616</v>
      </c>
    </row>
    <row r="62474" spans="1:7" x14ac:dyDescent="0.3">
      <c r="A62474" s="13" t="s">
        <v>336</v>
      </c>
      <c r="B62474" s="14" t="s">
        <v>1</v>
      </c>
      <c r="C62474" s="14" t="s">
        <v>137</v>
      </c>
      <c r="D62474" s="14" t="s">
        <v>337</v>
      </c>
      <c r="E62474" s="15">
        <v>45435</v>
      </c>
      <c r="F62474" s="14" t="s">
        <v>15</v>
      </c>
      <c r="G62474" s="16">
        <v>0.34868983478461724</v>
      </c>
    </row>
    <row r="62475" spans="1:7" x14ac:dyDescent="0.3">
      <c r="A62475" s="13" t="s">
        <v>336</v>
      </c>
      <c r="B62475" s="14" t="s">
        <v>1</v>
      </c>
      <c r="C62475" s="14" t="s">
        <v>137</v>
      </c>
      <c r="D62475" s="14" t="s">
        <v>337</v>
      </c>
      <c r="E62475" s="15">
        <v>45436</v>
      </c>
      <c r="F62475" s="14" t="s">
        <v>15</v>
      </c>
      <c r="G62475" s="16">
        <v>0.36834303227967741</v>
      </c>
    </row>
    <row r="62476" spans="1:7" x14ac:dyDescent="0.3">
      <c r="A62476" s="13" t="s">
        <v>336</v>
      </c>
      <c r="B62476" s="14" t="s">
        <v>1</v>
      </c>
      <c r="C62476" s="14" t="s">
        <v>137</v>
      </c>
      <c r="D62476" s="14" t="s">
        <v>337</v>
      </c>
      <c r="E62476" s="15">
        <v>45437</v>
      </c>
      <c r="F62476" s="14" t="s">
        <v>15</v>
      </c>
      <c r="G62476" s="16">
        <v>0.36834303227967741</v>
      </c>
    </row>
    <row r="62477" spans="1:7" x14ac:dyDescent="0.3">
      <c r="A62477" s="13" t="s">
        <v>336</v>
      </c>
      <c r="B62477" s="14" t="s">
        <v>1</v>
      </c>
      <c r="C62477" s="14" t="s">
        <v>137</v>
      </c>
      <c r="D62477" s="14" t="s">
        <v>337</v>
      </c>
      <c r="E62477" s="15">
        <v>45438</v>
      </c>
      <c r="F62477" s="14" t="s">
        <v>15</v>
      </c>
      <c r="G62477" s="16">
        <v>0.36834303227967741</v>
      </c>
    </row>
    <row r="62478" spans="1:7" x14ac:dyDescent="0.3">
      <c r="A62478" s="13" t="s">
        <v>336</v>
      </c>
      <c r="B62478" s="14" t="s">
        <v>1</v>
      </c>
      <c r="C62478" s="14" t="s">
        <v>137</v>
      </c>
      <c r="D62478" s="14" t="s">
        <v>337</v>
      </c>
      <c r="E62478" s="15">
        <v>45439</v>
      </c>
      <c r="F62478" s="14" t="s">
        <v>15</v>
      </c>
      <c r="G62478" s="16">
        <v>0.38884647132063138</v>
      </c>
    </row>
    <row r="62479" spans="1:7" x14ac:dyDescent="0.3">
      <c r="A62479" s="13" t="s">
        <v>336</v>
      </c>
      <c r="B62479" s="14" t="s">
        <v>1</v>
      </c>
      <c r="C62479" s="14" t="s">
        <v>137</v>
      </c>
      <c r="D62479" s="14" t="s">
        <v>337</v>
      </c>
      <c r="E62479" s="15">
        <v>45440</v>
      </c>
      <c r="F62479" s="14" t="s">
        <v>15</v>
      </c>
      <c r="G62479" s="16">
        <v>0.4450697171248702</v>
      </c>
    </row>
    <row r="62480" spans="1:7" x14ac:dyDescent="0.3">
      <c r="A62480" s="13" t="s">
        <v>336</v>
      </c>
      <c r="B62480" s="14" t="s">
        <v>1</v>
      </c>
      <c r="C62480" s="14" t="s">
        <v>137</v>
      </c>
      <c r="D62480" s="14" t="s">
        <v>337</v>
      </c>
      <c r="E62480" s="15">
        <v>45441</v>
      </c>
      <c r="F62480" s="14" t="s">
        <v>15</v>
      </c>
      <c r="G62480" s="16">
        <v>0.46379537838804658</v>
      </c>
    </row>
    <row r="62481" spans="1:7" x14ac:dyDescent="0.3">
      <c r="A62481" s="13" t="s">
        <v>336</v>
      </c>
      <c r="B62481" s="14" t="s">
        <v>1</v>
      </c>
      <c r="C62481" s="14" t="s">
        <v>137</v>
      </c>
      <c r="D62481" s="14" t="s">
        <v>337</v>
      </c>
      <c r="E62481" s="15">
        <v>45442</v>
      </c>
      <c r="F62481" s="14" t="s">
        <v>15</v>
      </c>
      <c r="G62481" s="16">
        <v>0.48287852757392813</v>
      </c>
    </row>
    <row r="62482" spans="1:7" x14ac:dyDescent="0.3">
      <c r="A62482" s="13" t="s">
        <v>336</v>
      </c>
      <c r="B62482" s="14" t="s">
        <v>1</v>
      </c>
      <c r="C62482" s="14" t="s">
        <v>137</v>
      </c>
      <c r="D62482" s="14" t="s">
        <v>337</v>
      </c>
      <c r="E62482" s="15">
        <v>45443</v>
      </c>
      <c r="F62482" s="14" t="s">
        <v>15</v>
      </c>
      <c r="G62482" s="16">
        <v>0.50172013086608991</v>
      </c>
    </row>
    <row r="62483" spans="1:7" x14ac:dyDescent="0.3">
      <c r="A62483" s="13" t="s">
        <v>336</v>
      </c>
      <c r="B62483" s="14" t="s">
        <v>1</v>
      </c>
      <c r="C62483" s="14" t="s">
        <v>137</v>
      </c>
      <c r="D62483" s="14" t="s">
        <v>337</v>
      </c>
      <c r="E62483" s="15">
        <v>45444</v>
      </c>
      <c r="F62483" s="14" t="s">
        <v>15</v>
      </c>
      <c r="G62483" s="16">
        <v>0.50172013086608991</v>
      </c>
    </row>
    <row r="62484" spans="1:7" x14ac:dyDescent="0.3">
      <c r="A62484" s="13" t="s">
        <v>336</v>
      </c>
      <c r="B62484" s="14" t="s">
        <v>1</v>
      </c>
      <c r="C62484" s="14" t="s">
        <v>137</v>
      </c>
      <c r="D62484" s="14" t="s">
        <v>337</v>
      </c>
      <c r="E62484" s="15">
        <v>45445</v>
      </c>
      <c r="F62484" s="14" t="s">
        <v>15</v>
      </c>
      <c r="G62484" s="16">
        <v>0.50172013086608991</v>
      </c>
    </row>
    <row r="62485" spans="1:7" x14ac:dyDescent="0.3">
      <c r="A62485" s="13" t="s">
        <v>336</v>
      </c>
      <c r="B62485" s="14" t="s">
        <v>1</v>
      </c>
      <c r="C62485" s="14" t="s">
        <v>137</v>
      </c>
      <c r="D62485" s="14" t="s">
        <v>337</v>
      </c>
      <c r="E62485" s="15">
        <v>45446</v>
      </c>
      <c r="F62485" s="14" t="s">
        <v>15</v>
      </c>
      <c r="G62485" s="16">
        <v>0.50172013086608991</v>
      </c>
    </row>
    <row r="62486" spans="1:7" x14ac:dyDescent="0.3">
      <c r="A62486" s="13" t="s">
        <v>336</v>
      </c>
      <c r="B62486" s="14" t="s">
        <v>1</v>
      </c>
      <c r="C62486" s="14" t="s">
        <v>137</v>
      </c>
      <c r="D62486" s="14" t="s">
        <v>337</v>
      </c>
      <c r="E62486" s="15">
        <v>45447</v>
      </c>
      <c r="F62486" s="14" t="s">
        <v>15</v>
      </c>
      <c r="G62486" s="16">
        <v>0</v>
      </c>
    </row>
    <row r="62487" spans="1:7" x14ac:dyDescent="0.3">
      <c r="A62487" s="13" t="s">
        <v>336</v>
      </c>
      <c r="B62487" s="14" t="s">
        <v>1</v>
      </c>
      <c r="C62487" s="14" t="s">
        <v>137</v>
      </c>
      <c r="D62487" s="14" t="s">
        <v>337</v>
      </c>
      <c r="E62487" s="15">
        <v>45448</v>
      </c>
      <c r="F62487" s="14" t="s">
        <v>15</v>
      </c>
      <c r="G62487" s="16">
        <v>0</v>
      </c>
    </row>
    <row r="62488" spans="1:7" x14ac:dyDescent="0.3">
      <c r="A62488" s="13" t="s">
        <v>336</v>
      </c>
      <c r="B62488" s="14" t="s">
        <v>1</v>
      </c>
      <c r="C62488" s="14" t="s">
        <v>137</v>
      </c>
      <c r="D62488" s="14" t="s">
        <v>337</v>
      </c>
      <c r="E62488" s="15">
        <v>45449</v>
      </c>
      <c r="F62488" s="14" t="s">
        <v>15</v>
      </c>
      <c r="G62488" s="16">
        <v>0</v>
      </c>
    </row>
    <row r="62489" spans="1:7" x14ac:dyDescent="0.3">
      <c r="A62489" s="13" t="s">
        <v>336</v>
      </c>
      <c r="B62489" s="14" t="s">
        <v>1</v>
      </c>
      <c r="C62489" s="14" t="s">
        <v>137</v>
      </c>
      <c r="D62489" s="14" t="s">
        <v>337</v>
      </c>
      <c r="E62489" s="15">
        <v>45450</v>
      </c>
      <c r="F62489" s="14" t="s">
        <v>15</v>
      </c>
      <c r="G62489" s="16">
        <v>0</v>
      </c>
    </row>
    <row r="62490" spans="1:7" x14ac:dyDescent="0.3">
      <c r="A62490" s="13" t="s">
        <v>336</v>
      </c>
      <c r="B62490" s="14" t="s">
        <v>1</v>
      </c>
      <c r="C62490" s="14" t="s">
        <v>137</v>
      </c>
      <c r="D62490" s="14" t="s">
        <v>337</v>
      </c>
      <c r="E62490" s="15">
        <v>45451</v>
      </c>
      <c r="F62490" s="14" t="s">
        <v>15</v>
      </c>
      <c r="G62490" s="16">
        <v>0</v>
      </c>
    </row>
    <row r="62491" spans="1:7" x14ac:dyDescent="0.3">
      <c r="A62491" s="13" t="s">
        <v>336</v>
      </c>
      <c r="B62491" s="14" t="s">
        <v>1</v>
      </c>
      <c r="C62491" s="14" t="s">
        <v>137</v>
      </c>
      <c r="D62491" s="14" t="s">
        <v>337</v>
      </c>
      <c r="E62491" s="15">
        <v>45452</v>
      </c>
      <c r="F62491" s="14" t="s">
        <v>15</v>
      </c>
      <c r="G62491" s="16">
        <v>0</v>
      </c>
    </row>
    <row r="62492" spans="1:7" x14ac:dyDescent="0.3">
      <c r="A62492" s="13" t="s">
        <v>336</v>
      </c>
      <c r="B62492" s="14" t="s">
        <v>1</v>
      </c>
      <c r="C62492" s="14" t="s">
        <v>137</v>
      </c>
      <c r="D62492" s="14" t="s">
        <v>337</v>
      </c>
      <c r="E62492" s="15">
        <v>45453</v>
      </c>
      <c r="F62492" s="14" t="s">
        <v>15</v>
      </c>
      <c r="G62492" s="16">
        <v>1.0006110950141723E-3</v>
      </c>
    </row>
    <row r="62493" spans="1:7" x14ac:dyDescent="0.3">
      <c r="A62493" s="13" t="s">
        <v>336</v>
      </c>
      <c r="B62493" s="14" t="s">
        <v>1</v>
      </c>
      <c r="C62493" s="14" t="s">
        <v>137</v>
      </c>
      <c r="D62493" s="14" t="s">
        <v>337</v>
      </c>
      <c r="E62493" s="15">
        <v>45454</v>
      </c>
      <c r="F62493" s="14" t="s">
        <v>15</v>
      </c>
      <c r="G62493" s="16">
        <v>5.8827721633552633E-2</v>
      </c>
    </row>
    <row r="62494" spans="1:7" x14ac:dyDescent="0.3">
      <c r="A62494" s="13" t="s">
        <v>336</v>
      </c>
      <c r="B62494" s="14" t="s">
        <v>1</v>
      </c>
      <c r="C62494" s="14" t="s">
        <v>137</v>
      </c>
      <c r="D62494" s="14" t="s">
        <v>337</v>
      </c>
      <c r="E62494" s="15">
        <v>45455</v>
      </c>
      <c r="F62494" s="14" t="s">
        <v>15</v>
      </c>
      <c r="G62494" s="16">
        <v>7.8123431205907423E-2</v>
      </c>
    </row>
    <row r="62495" spans="1:7" x14ac:dyDescent="0.3">
      <c r="A62495" s="13" t="s">
        <v>336</v>
      </c>
      <c r="B62495" s="14" t="s">
        <v>1</v>
      </c>
      <c r="C62495" s="14" t="s">
        <v>137</v>
      </c>
      <c r="D62495" s="14" t="s">
        <v>337</v>
      </c>
      <c r="E62495" s="15">
        <v>45456</v>
      </c>
      <c r="F62495" s="14" t="s">
        <v>15</v>
      </c>
      <c r="G62495" s="16">
        <v>9.7428802614011212E-2</v>
      </c>
    </row>
    <row r="62496" spans="1:7" x14ac:dyDescent="0.3">
      <c r="A62496" s="13" t="s">
        <v>336</v>
      </c>
      <c r="B62496" s="14" t="s">
        <v>1</v>
      </c>
      <c r="C62496" s="14" t="s">
        <v>137</v>
      </c>
      <c r="D62496" s="14" t="s">
        <v>337</v>
      </c>
      <c r="E62496" s="15">
        <v>45457</v>
      </c>
      <c r="F62496" s="14" t="s">
        <v>15</v>
      </c>
      <c r="G62496" s="16">
        <v>0.11654093730713888</v>
      </c>
    </row>
    <row r="62497" spans="1:7" x14ac:dyDescent="0.3">
      <c r="A62497" s="13" t="s">
        <v>336</v>
      </c>
      <c r="B62497" s="14" t="s">
        <v>1</v>
      </c>
      <c r="C62497" s="14" t="s">
        <v>137</v>
      </c>
      <c r="D62497" s="14" t="s">
        <v>337</v>
      </c>
      <c r="E62497" s="15">
        <v>45458</v>
      </c>
      <c r="F62497" s="14" t="s">
        <v>15</v>
      </c>
      <c r="G62497" s="16">
        <v>0.11654093730713888</v>
      </c>
    </row>
    <row r="62498" spans="1:7" x14ac:dyDescent="0.3">
      <c r="A62498" s="13" t="s">
        <v>336</v>
      </c>
      <c r="B62498" s="14" t="s">
        <v>1</v>
      </c>
      <c r="C62498" s="14" t="s">
        <v>137</v>
      </c>
      <c r="D62498" s="14" t="s">
        <v>337</v>
      </c>
      <c r="E62498" s="15">
        <v>45459</v>
      </c>
      <c r="F62498" s="14" t="s">
        <v>15</v>
      </c>
      <c r="G62498" s="16">
        <v>0.11654093730713888</v>
      </c>
    </row>
    <row r="62499" spans="1:7" x14ac:dyDescent="0.3">
      <c r="A62499" s="13" t="s">
        <v>336</v>
      </c>
      <c r="B62499" s="14" t="s">
        <v>1</v>
      </c>
      <c r="C62499" s="14" t="s">
        <v>137</v>
      </c>
      <c r="D62499" s="14" t="s">
        <v>337</v>
      </c>
      <c r="E62499" s="15">
        <v>45460</v>
      </c>
      <c r="F62499" s="14" t="s">
        <v>15</v>
      </c>
      <c r="G62499" s="16">
        <v>0.13574969035775461</v>
      </c>
    </row>
    <row r="62500" spans="1:7" x14ac:dyDescent="0.3">
      <c r="A62500" s="13" t="s">
        <v>336</v>
      </c>
      <c r="B62500" s="14" t="s">
        <v>1</v>
      </c>
      <c r="C62500" s="14" t="s">
        <v>137</v>
      </c>
      <c r="D62500" s="14" t="s">
        <v>337</v>
      </c>
      <c r="E62500" s="15">
        <v>45461</v>
      </c>
      <c r="F62500" s="14" t="s">
        <v>15</v>
      </c>
      <c r="G62500" s="16">
        <v>0.19365409558228336</v>
      </c>
    </row>
    <row r="62501" spans="1:7" x14ac:dyDescent="0.3">
      <c r="A62501" s="13" t="s">
        <v>336</v>
      </c>
      <c r="B62501" s="14" t="s">
        <v>1</v>
      </c>
      <c r="C62501" s="14" t="s">
        <v>137</v>
      </c>
      <c r="D62501" s="14" t="s">
        <v>337</v>
      </c>
      <c r="E62501" s="15">
        <v>45462</v>
      </c>
      <c r="F62501" s="14" t="s">
        <v>15</v>
      </c>
      <c r="G62501" s="16">
        <v>0.21295946699038715</v>
      </c>
    </row>
    <row r="62502" spans="1:7" x14ac:dyDescent="0.3">
      <c r="A62502" s="13" t="s">
        <v>336</v>
      </c>
      <c r="B62502" s="14" t="s">
        <v>1</v>
      </c>
      <c r="C62502" s="14" t="s">
        <v>137</v>
      </c>
      <c r="D62502" s="14" t="s">
        <v>337</v>
      </c>
      <c r="E62502" s="15">
        <v>45463</v>
      </c>
      <c r="F62502" s="14" t="s">
        <v>15</v>
      </c>
      <c r="G62502" s="16">
        <v>0.23224551472699337</v>
      </c>
    </row>
    <row r="62503" spans="1:7" x14ac:dyDescent="0.3">
      <c r="A62503" s="13" t="s">
        <v>336</v>
      </c>
      <c r="B62503" s="14" t="s">
        <v>1</v>
      </c>
      <c r="C62503" s="14" t="s">
        <v>137</v>
      </c>
      <c r="D62503" s="14" t="s">
        <v>337</v>
      </c>
      <c r="E62503" s="15">
        <v>45464</v>
      </c>
      <c r="F62503" s="14" t="s">
        <v>15</v>
      </c>
      <c r="G62503" s="16">
        <v>0.25203397792253673</v>
      </c>
    </row>
    <row r="62504" spans="1:7" x14ac:dyDescent="0.3">
      <c r="A62504" s="13" t="s">
        <v>336</v>
      </c>
      <c r="B62504" s="14" t="s">
        <v>1</v>
      </c>
      <c r="C62504" s="14" t="s">
        <v>137</v>
      </c>
      <c r="D62504" s="14" t="s">
        <v>337</v>
      </c>
      <c r="E62504" s="15">
        <v>45465</v>
      </c>
      <c r="F62504" s="14" t="s">
        <v>15</v>
      </c>
      <c r="G62504" s="16">
        <v>0.25203397792253673</v>
      </c>
    </row>
    <row r="62505" spans="1:7" x14ac:dyDescent="0.3">
      <c r="A62505" s="13" t="s">
        <v>336</v>
      </c>
      <c r="B62505" s="14" t="s">
        <v>1</v>
      </c>
      <c r="C62505" s="14" t="s">
        <v>137</v>
      </c>
      <c r="D62505" s="14" t="s">
        <v>337</v>
      </c>
      <c r="E62505" s="15">
        <v>45466</v>
      </c>
      <c r="F62505" s="14" t="s">
        <v>15</v>
      </c>
      <c r="G62505" s="16">
        <v>0.25203397792253673</v>
      </c>
    </row>
    <row r="62506" spans="1:7" x14ac:dyDescent="0.3">
      <c r="A62506" s="13" t="s">
        <v>336</v>
      </c>
      <c r="B62506" s="14" t="s">
        <v>1</v>
      </c>
      <c r="C62506" s="14" t="s">
        <v>137</v>
      </c>
      <c r="D62506" s="14" t="s">
        <v>337</v>
      </c>
      <c r="E62506" s="15">
        <v>45467</v>
      </c>
      <c r="F62506" s="14" t="s">
        <v>15</v>
      </c>
      <c r="G62506" s="16">
        <v>0.27225722372677563</v>
      </c>
    </row>
    <row r="62507" spans="1:7" x14ac:dyDescent="0.3">
      <c r="A62507" s="13" t="s">
        <v>336</v>
      </c>
      <c r="B62507" s="14" t="s">
        <v>1</v>
      </c>
      <c r="C62507" s="14" t="s">
        <v>137</v>
      </c>
      <c r="D62507" s="14" t="s">
        <v>337</v>
      </c>
      <c r="E62507" s="15">
        <v>45468</v>
      </c>
      <c r="F62507" s="14" t="s">
        <v>15</v>
      </c>
      <c r="G62507" s="16">
        <v>0.33156259513487929</v>
      </c>
    </row>
    <row r="62508" spans="1:7" x14ac:dyDescent="0.3">
      <c r="A62508" s="13" t="s">
        <v>336</v>
      </c>
      <c r="B62508" s="14" t="s">
        <v>1</v>
      </c>
      <c r="C62508" s="14" t="s">
        <v>137</v>
      </c>
      <c r="D62508" s="14" t="s">
        <v>337</v>
      </c>
      <c r="E62508" s="15">
        <v>45469</v>
      </c>
      <c r="F62508" s="14" t="s">
        <v>15</v>
      </c>
      <c r="G62508" s="16">
        <v>0.35094526122897335</v>
      </c>
    </row>
    <row r="62509" spans="1:7" x14ac:dyDescent="0.3">
      <c r="A62509" s="13" t="s">
        <v>336</v>
      </c>
      <c r="B62509" s="14" t="s">
        <v>1</v>
      </c>
      <c r="C62509" s="14" t="s">
        <v>137</v>
      </c>
      <c r="D62509" s="14" t="s">
        <v>337</v>
      </c>
      <c r="E62509" s="15">
        <v>45470</v>
      </c>
      <c r="F62509" s="14" t="s">
        <v>15</v>
      </c>
      <c r="G62509" s="16">
        <v>0.37034725099456495</v>
      </c>
    </row>
    <row r="62510" spans="1:7" x14ac:dyDescent="0.3">
      <c r="A62510" s="13" t="s">
        <v>336</v>
      </c>
      <c r="B62510" s="14" t="s">
        <v>1</v>
      </c>
      <c r="C62510" s="14" t="s">
        <v>137</v>
      </c>
      <c r="D62510" s="14" t="s">
        <v>337</v>
      </c>
      <c r="E62510" s="15">
        <v>45471</v>
      </c>
      <c r="F62510" s="14" t="s">
        <v>15</v>
      </c>
      <c r="G62510" s="16">
        <v>0.38981687361039807</v>
      </c>
    </row>
    <row r="62511" spans="1:7" x14ac:dyDescent="0.3">
      <c r="A62511" s="13" t="s">
        <v>336</v>
      </c>
      <c r="B62511" s="14" t="s">
        <v>1</v>
      </c>
      <c r="C62511" s="14" t="s">
        <v>137</v>
      </c>
      <c r="D62511" s="14" t="s">
        <v>337</v>
      </c>
      <c r="E62511" s="15">
        <v>45472</v>
      </c>
      <c r="F62511" s="14" t="s">
        <v>15</v>
      </c>
      <c r="G62511" s="16">
        <v>0.38981687361039807</v>
      </c>
    </row>
    <row r="62512" spans="1:7" x14ac:dyDescent="0.3">
      <c r="A62512" s="13" t="s">
        <v>336</v>
      </c>
      <c r="B62512" s="14" t="s">
        <v>1</v>
      </c>
      <c r="C62512" s="14" t="s">
        <v>137</v>
      </c>
      <c r="D62512" s="14" t="s">
        <v>337</v>
      </c>
      <c r="E62512" s="15">
        <v>45473</v>
      </c>
      <c r="F62512" s="14" t="s">
        <v>15</v>
      </c>
      <c r="G62512" s="16">
        <v>0.38981687361039807</v>
      </c>
    </row>
    <row r="62513" spans="1:7" x14ac:dyDescent="0.3">
      <c r="A62513" s="13" t="s">
        <v>336</v>
      </c>
      <c r="B62513" s="14" t="s">
        <v>1</v>
      </c>
      <c r="C62513" s="14" t="s">
        <v>137</v>
      </c>
      <c r="D62513" s="14" t="s">
        <v>337</v>
      </c>
      <c r="E62513" s="15">
        <v>45474</v>
      </c>
      <c r="F62513" s="14" t="s">
        <v>15</v>
      </c>
      <c r="G62513" s="16">
        <v>0</v>
      </c>
    </row>
    <row r="62514" spans="1:7" x14ac:dyDescent="0.3">
      <c r="A62514" s="13" t="s">
        <v>336</v>
      </c>
      <c r="B62514" s="14" t="s">
        <v>1</v>
      </c>
      <c r="C62514" s="14" t="s">
        <v>137</v>
      </c>
      <c r="D62514" s="14" t="s">
        <v>337</v>
      </c>
      <c r="E62514" s="15">
        <v>45475</v>
      </c>
      <c r="F62514" s="14" t="s">
        <v>15</v>
      </c>
      <c r="G62514" s="16">
        <v>0</v>
      </c>
    </row>
    <row r="62515" spans="1:7" x14ac:dyDescent="0.3">
      <c r="A62515" s="13" t="s">
        <v>336</v>
      </c>
      <c r="B62515" s="14" t="s">
        <v>1</v>
      </c>
      <c r="C62515" s="14" t="s">
        <v>137</v>
      </c>
      <c r="D62515" s="14" t="s">
        <v>337</v>
      </c>
      <c r="E62515" s="15">
        <v>45476</v>
      </c>
      <c r="F62515" s="14" t="s">
        <v>15</v>
      </c>
      <c r="G62515" s="16">
        <v>0</v>
      </c>
    </row>
    <row r="62516" spans="1:7" x14ac:dyDescent="0.3">
      <c r="A62516" s="13" t="s">
        <v>336</v>
      </c>
      <c r="B62516" s="14" t="s">
        <v>1</v>
      </c>
      <c r="C62516" s="14" t="s">
        <v>137</v>
      </c>
      <c r="D62516" s="14" t="s">
        <v>337</v>
      </c>
      <c r="E62516" s="15">
        <v>45477</v>
      </c>
      <c r="F62516" s="14" t="s">
        <v>15</v>
      </c>
      <c r="G62516" s="16">
        <v>0</v>
      </c>
    </row>
    <row r="62517" spans="1:7" x14ac:dyDescent="0.3">
      <c r="A62517" s="13" t="s">
        <v>336</v>
      </c>
      <c r="B62517" s="14" t="s">
        <v>1</v>
      </c>
      <c r="C62517" s="14" t="s">
        <v>137</v>
      </c>
      <c r="D62517" s="14" t="s">
        <v>337</v>
      </c>
      <c r="E62517" s="15">
        <v>45478</v>
      </c>
      <c r="F62517" s="14" t="s">
        <v>15</v>
      </c>
      <c r="G62517" s="16">
        <v>0</v>
      </c>
    </row>
    <row r="62518" spans="1:7" x14ac:dyDescent="0.3">
      <c r="A62518" s="13" t="s">
        <v>336</v>
      </c>
      <c r="B62518" s="14" t="s">
        <v>1</v>
      </c>
      <c r="C62518" s="14" t="s">
        <v>137</v>
      </c>
      <c r="D62518" s="14" t="s">
        <v>337</v>
      </c>
      <c r="E62518" s="15">
        <v>45479</v>
      </c>
      <c r="F62518" s="14" t="s">
        <v>15</v>
      </c>
      <c r="G62518" s="16">
        <v>0</v>
      </c>
    </row>
    <row r="62519" spans="1:7" x14ac:dyDescent="0.3">
      <c r="A62519" s="13" t="s">
        <v>336</v>
      </c>
      <c r="B62519" s="14" t="s">
        <v>1</v>
      </c>
      <c r="C62519" s="14" t="s">
        <v>137</v>
      </c>
      <c r="D62519" s="14" t="s">
        <v>337</v>
      </c>
      <c r="E62519" s="15">
        <v>45480</v>
      </c>
      <c r="F62519" s="14" t="s">
        <v>15</v>
      </c>
      <c r="G62519" s="16">
        <v>0</v>
      </c>
    </row>
    <row r="62520" spans="1:7" x14ac:dyDescent="0.3">
      <c r="A62520" s="13" t="s">
        <v>336</v>
      </c>
      <c r="B62520" s="14" t="s">
        <v>1</v>
      </c>
      <c r="C62520" s="14" t="s">
        <v>137</v>
      </c>
      <c r="D62520" s="14" t="s">
        <v>337</v>
      </c>
      <c r="E62520" s="15">
        <v>45481</v>
      </c>
      <c r="F62520" s="14" t="s">
        <v>15</v>
      </c>
      <c r="G62520" s="16">
        <v>0</v>
      </c>
    </row>
    <row r="62521" spans="1:7" x14ac:dyDescent="0.3">
      <c r="A62521" s="13" t="s">
        <v>336</v>
      </c>
      <c r="B62521" s="14" t="s">
        <v>1</v>
      </c>
      <c r="C62521" s="14" t="s">
        <v>137</v>
      </c>
      <c r="D62521" s="14" t="s">
        <v>337</v>
      </c>
      <c r="E62521" s="15">
        <v>45482</v>
      </c>
      <c r="F62521" s="14" t="s">
        <v>15</v>
      </c>
      <c r="G62521" s="16">
        <v>1.3282975882583157E-2</v>
      </c>
    </row>
    <row r="62522" spans="1:7" x14ac:dyDescent="0.3">
      <c r="A62522" s="13" t="s">
        <v>336</v>
      </c>
      <c r="B62522" s="14" t="s">
        <v>1</v>
      </c>
      <c r="C62522" s="14" t="s">
        <v>137</v>
      </c>
      <c r="D62522" s="14" t="s">
        <v>337</v>
      </c>
      <c r="E62522" s="15">
        <v>45483</v>
      </c>
      <c r="F62522" s="14" t="s">
        <v>15</v>
      </c>
      <c r="G62522" s="16">
        <v>3.9129410092619298E-2</v>
      </c>
    </row>
    <row r="62523" spans="1:7" x14ac:dyDescent="0.3">
      <c r="A62523" s="13" t="s">
        <v>336</v>
      </c>
      <c r="B62523" s="14" t="s">
        <v>1</v>
      </c>
      <c r="C62523" s="14" t="s">
        <v>137</v>
      </c>
      <c r="D62523" s="14" t="s">
        <v>337</v>
      </c>
      <c r="E62523" s="15">
        <v>45484</v>
      </c>
      <c r="F62523" s="14" t="s">
        <v>15</v>
      </c>
      <c r="G62523" s="16">
        <v>5.8512076186713349E-2</v>
      </c>
    </row>
    <row r="62524" spans="1:7" x14ac:dyDescent="0.3">
      <c r="A62524" s="13" t="s">
        <v>336</v>
      </c>
      <c r="B62524" s="14" t="s">
        <v>1</v>
      </c>
      <c r="C62524" s="14" t="s">
        <v>137</v>
      </c>
      <c r="D62524" s="14" t="s">
        <v>337</v>
      </c>
      <c r="E62524" s="15">
        <v>45485</v>
      </c>
      <c r="F62524" s="14" t="s">
        <v>15</v>
      </c>
      <c r="G62524" s="16">
        <v>8.1286046628633479E-2</v>
      </c>
    </row>
    <row r="62525" spans="1:7" x14ac:dyDescent="0.3">
      <c r="A62525" s="13" t="s">
        <v>336</v>
      </c>
      <c r="B62525" s="14" t="s">
        <v>1</v>
      </c>
      <c r="C62525" s="14" t="s">
        <v>137</v>
      </c>
      <c r="D62525" s="14" t="s">
        <v>337</v>
      </c>
      <c r="E62525" s="15">
        <v>45486</v>
      </c>
      <c r="F62525" s="14" t="s">
        <v>15</v>
      </c>
      <c r="G62525" s="16">
        <v>8.1286046628633479E-2</v>
      </c>
    </row>
    <row r="62526" spans="1:7" x14ac:dyDescent="0.3">
      <c r="A62526" s="13" t="s">
        <v>336</v>
      </c>
      <c r="B62526" s="14" t="s">
        <v>1</v>
      </c>
      <c r="C62526" s="14" t="s">
        <v>137</v>
      </c>
      <c r="D62526" s="14" t="s">
        <v>337</v>
      </c>
      <c r="E62526" s="15">
        <v>45487</v>
      </c>
      <c r="F62526" s="14" t="s">
        <v>15</v>
      </c>
      <c r="G62526" s="16">
        <v>8.1286046628633479E-2</v>
      </c>
    </row>
    <row r="62527" spans="1:7" x14ac:dyDescent="0.3">
      <c r="A62527" s="13" t="s">
        <v>336</v>
      </c>
      <c r="B62527" s="14" t="s">
        <v>1</v>
      </c>
      <c r="C62527" s="14" t="s">
        <v>137</v>
      </c>
      <c r="D62527" s="14" t="s">
        <v>337</v>
      </c>
      <c r="E62527" s="15">
        <v>45488</v>
      </c>
      <c r="F62527" s="14" t="s">
        <v>15</v>
      </c>
      <c r="G62527" s="16">
        <v>0.10026291562127819</v>
      </c>
    </row>
    <row r="62528" spans="1:7" x14ac:dyDescent="0.3">
      <c r="A62528" s="13" t="s">
        <v>336</v>
      </c>
      <c r="B62528" s="14" t="s">
        <v>1</v>
      </c>
      <c r="C62528" s="14" t="s">
        <v>137</v>
      </c>
      <c r="D62528" s="14" t="s">
        <v>337</v>
      </c>
      <c r="E62528" s="15">
        <v>45489</v>
      </c>
      <c r="F62528" s="14" t="s">
        <v>15</v>
      </c>
      <c r="G62528" s="16">
        <v>0.15682432567672491</v>
      </c>
    </row>
    <row r="62529" spans="1:7" x14ac:dyDescent="0.3">
      <c r="A62529" s="13" t="s">
        <v>336</v>
      </c>
      <c r="B62529" s="14" t="s">
        <v>1</v>
      </c>
      <c r="C62529" s="14" t="s">
        <v>137</v>
      </c>
      <c r="D62529" s="14" t="s">
        <v>337</v>
      </c>
      <c r="E62529" s="15">
        <v>45490</v>
      </c>
      <c r="F62529" s="14" t="s">
        <v>15</v>
      </c>
      <c r="G62529" s="16">
        <v>0.17567559080463524</v>
      </c>
    </row>
    <row r="62530" spans="1:7" x14ac:dyDescent="0.3">
      <c r="A62530" s="13" t="s">
        <v>336</v>
      </c>
      <c r="B62530" s="14" t="s">
        <v>1</v>
      </c>
      <c r="C62530" s="14" t="s">
        <v>137</v>
      </c>
      <c r="D62530" s="14" t="s">
        <v>337</v>
      </c>
      <c r="E62530" s="15">
        <v>45491</v>
      </c>
      <c r="F62530" s="14" t="s">
        <v>15</v>
      </c>
      <c r="G62530" s="16">
        <v>0.19457516511129011</v>
      </c>
    </row>
    <row r="62531" spans="1:7" x14ac:dyDescent="0.3">
      <c r="A62531" s="13" t="s">
        <v>336</v>
      </c>
      <c r="B62531" s="14" t="s">
        <v>1</v>
      </c>
      <c r="C62531" s="14" t="s">
        <v>137</v>
      </c>
      <c r="D62531" s="14" t="s">
        <v>337</v>
      </c>
      <c r="E62531" s="15">
        <v>45492</v>
      </c>
      <c r="F62531" s="14" t="s">
        <v>15</v>
      </c>
      <c r="G62531" s="16">
        <v>0.21335879738895872</v>
      </c>
    </row>
    <row r="62532" spans="1:7" x14ac:dyDescent="0.3">
      <c r="A62532" s="13" t="s">
        <v>336</v>
      </c>
      <c r="B62532" s="14" t="s">
        <v>1</v>
      </c>
      <c r="C62532" s="14" t="s">
        <v>137</v>
      </c>
      <c r="D62532" s="14" t="s">
        <v>337</v>
      </c>
      <c r="E62532" s="15">
        <v>45493</v>
      </c>
      <c r="F62532" s="14" t="s">
        <v>15</v>
      </c>
      <c r="G62532" s="16">
        <v>0.21335879738895872</v>
      </c>
    </row>
    <row r="62533" spans="1:7" x14ac:dyDescent="0.3">
      <c r="A62533" s="13" t="s">
        <v>336</v>
      </c>
      <c r="B62533" s="14" t="s">
        <v>1</v>
      </c>
      <c r="C62533" s="14" t="s">
        <v>137</v>
      </c>
      <c r="D62533" s="14" t="s">
        <v>337</v>
      </c>
      <c r="E62533" s="15">
        <v>45494</v>
      </c>
      <c r="F62533" s="14" t="s">
        <v>15</v>
      </c>
      <c r="G62533" s="16">
        <v>0.21335879738895872</v>
      </c>
    </row>
    <row r="62534" spans="1:7" x14ac:dyDescent="0.3">
      <c r="A62534" s="13" t="s">
        <v>336</v>
      </c>
      <c r="B62534" s="14" t="s">
        <v>1</v>
      </c>
      <c r="C62534" s="14" t="s">
        <v>137</v>
      </c>
      <c r="D62534" s="14" t="s">
        <v>337</v>
      </c>
      <c r="E62534" s="15">
        <v>45495</v>
      </c>
      <c r="F62534" s="14" t="s">
        <v>15</v>
      </c>
      <c r="G62534" s="16">
        <v>0.23227769536711071</v>
      </c>
    </row>
    <row r="62535" spans="1:7" x14ac:dyDescent="0.3">
      <c r="A62535" s="13" t="s">
        <v>336</v>
      </c>
      <c r="B62535" s="14" t="s">
        <v>1</v>
      </c>
      <c r="C62535" s="14" t="s">
        <v>137</v>
      </c>
      <c r="D62535" s="14" t="s">
        <v>337</v>
      </c>
      <c r="E62535" s="15">
        <v>45496</v>
      </c>
      <c r="F62535" s="14" t="s">
        <v>15</v>
      </c>
      <c r="G62535" s="16">
        <v>0.28914828416651894</v>
      </c>
    </row>
    <row r="62536" spans="1:7" x14ac:dyDescent="0.3">
      <c r="A62536" s="13" t="s">
        <v>336</v>
      </c>
      <c r="B62536" s="14" t="s">
        <v>1</v>
      </c>
      <c r="C62536" s="14" t="s">
        <v>137</v>
      </c>
      <c r="D62536" s="14" t="s">
        <v>337</v>
      </c>
      <c r="E62536" s="15">
        <v>45497</v>
      </c>
      <c r="F62536" s="14" t="s">
        <v>15</v>
      </c>
      <c r="G62536" s="16">
        <v>0.30813481499491269</v>
      </c>
    </row>
    <row r="62537" spans="1:7" x14ac:dyDescent="0.3">
      <c r="A62537" s="13" t="s">
        <v>336</v>
      </c>
      <c r="B62537" s="14" t="s">
        <v>1</v>
      </c>
      <c r="C62537" s="14" t="s">
        <v>137</v>
      </c>
      <c r="D62537" s="14" t="s">
        <v>337</v>
      </c>
      <c r="E62537" s="15">
        <v>45498</v>
      </c>
      <c r="F62537" s="14" t="s">
        <v>15</v>
      </c>
      <c r="G62537" s="16">
        <v>0.32715999316630107</v>
      </c>
    </row>
    <row r="62538" spans="1:7" x14ac:dyDescent="0.3">
      <c r="A62538" s="13" t="s">
        <v>336</v>
      </c>
      <c r="B62538" s="14" t="s">
        <v>1</v>
      </c>
      <c r="C62538" s="14" t="s">
        <v>137</v>
      </c>
      <c r="D62538" s="14" t="s">
        <v>337</v>
      </c>
      <c r="E62538" s="15">
        <v>45499</v>
      </c>
      <c r="F62538" s="14" t="s">
        <v>15</v>
      </c>
      <c r="G62538" s="16">
        <v>0.34653299742464655</v>
      </c>
    </row>
    <row r="62539" spans="1:7" x14ac:dyDescent="0.3">
      <c r="A62539" s="13" t="s">
        <v>336</v>
      </c>
      <c r="B62539" s="14" t="s">
        <v>1</v>
      </c>
      <c r="C62539" s="14" t="s">
        <v>137</v>
      </c>
      <c r="D62539" s="14" t="s">
        <v>337</v>
      </c>
      <c r="E62539" s="15">
        <v>45500</v>
      </c>
      <c r="F62539" s="14" t="s">
        <v>15</v>
      </c>
      <c r="G62539" s="16">
        <v>0.34653299742464655</v>
      </c>
    </row>
    <row r="62540" spans="1:7" x14ac:dyDescent="0.3">
      <c r="A62540" s="13" t="s">
        <v>336</v>
      </c>
      <c r="B62540" s="14" t="s">
        <v>1</v>
      </c>
      <c r="C62540" s="14" t="s">
        <v>137</v>
      </c>
      <c r="D62540" s="14" t="s">
        <v>337</v>
      </c>
      <c r="E62540" s="15">
        <v>45501</v>
      </c>
      <c r="F62540" s="14" t="s">
        <v>15</v>
      </c>
      <c r="G62540" s="16">
        <v>0.34653299742464655</v>
      </c>
    </row>
    <row r="62541" spans="1:7" x14ac:dyDescent="0.3">
      <c r="A62541" s="13" t="s">
        <v>336</v>
      </c>
      <c r="B62541" s="14" t="s">
        <v>1</v>
      </c>
      <c r="C62541" s="14" t="s">
        <v>137</v>
      </c>
      <c r="D62541" s="14" t="s">
        <v>337</v>
      </c>
      <c r="E62541" s="15">
        <v>45502</v>
      </c>
      <c r="F62541" s="14" t="s">
        <v>15</v>
      </c>
      <c r="G62541" s="16">
        <v>0.36105576013709789</v>
      </c>
    </row>
    <row r="62542" spans="1:7" x14ac:dyDescent="0.3">
      <c r="A62542" s="13" t="s">
        <v>336</v>
      </c>
      <c r="B62542" s="14" t="s">
        <v>1</v>
      </c>
      <c r="C62542" s="14" t="s">
        <v>137</v>
      </c>
      <c r="D62542" s="14" t="s">
        <v>337</v>
      </c>
      <c r="E62542" s="15">
        <v>45503</v>
      </c>
      <c r="F62542" s="14" t="s">
        <v>15</v>
      </c>
      <c r="G62542" s="16">
        <v>0.41904712188336635</v>
      </c>
    </row>
    <row r="62543" spans="1:7" x14ac:dyDescent="0.3">
      <c r="A62543" s="13" t="s">
        <v>336</v>
      </c>
      <c r="B62543" s="14" t="s">
        <v>1</v>
      </c>
      <c r="C62543" s="14" t="s">
        <v>137</v>
      </c>
      <c r="D62543" s="14" t="s">
        <v>337</v>
      </c>
      <c r="E62543" s="15">
        <v>45504</v>
      </c>
      <c r="F62543" s="14" t="s">
        <v>15</v>
      </c>
      <c r="G62543" s="16">
        <v>0.43842978797745996</v>
      </c>
    </row>
    <row r="62544" spans="1:7" x14ac:dyDescent="0.3">
      <c r="A62544" s="13" t="s">
        <v>336</v>
      </c>
      <c r="B62544" s="14" t="s">
        <v>1</v>
      </c>
      <c r="C62544" s="14" t="s">
        <v>137</v>
      </c>
      <c r="D62544" s="14" t="s">
        <v>337</v>
      </c>
      <c r="E62544" s="15">
        <v>45505</v>
      </c>
      <c r="F62544" s="14" t="s">
        <v>15</v>
      </c>
      <c r="G62544" s="16">
        <v>0</v>
      </c>
    </row>
    <row r="62545" spans="1:7" x14ac:dyDescent="0.3">
      <c r="A62545" s="13" t="s">
        <v>336</v>
      </c>
      <c r="B62545" s="14" t="s">
        <v>1</v>
      </c>
      <c r="C62545" s="14" t="s">
        <v>137</v>
      </c>
      <c r="D62545" s="14" t="s">
        <v>337</v>
      </c>
      <c r="E62545" s="15">
        <v>45506</v>
      </c>
      <c r="F62545" s="14" t="s">
        <v>15</v>
      </c>
      <c r="G62545" s="16">
        <v>0</v>
      </c>
    </row>
    <row r="62546" spans="1:7" x14ac:dyDescent="0.3">
      <c r="A62546" s="13" t="s">
        <v>336</v>
      </c>
      <c r="B62546" s="14" t="s">
        <v>1</v>
      </c>
      <c r="C62546" s="14" t="s">
        <v>137</v>
      </c>
      <c r="D62546" s="14" t="s">
        <v>337</v>
      </c>
      <c r="E62546" s="15">
        <v>45507</v>
      </c>
      <c r="F62546" s="14" t="s">
        <v>15</v>
      </c>
      <c r="G62546" s="16">
        <v>0</v>
      </c>
    </row>
    <row r="62547" spans="1:7" x14ac:dyDescent="0.3">
      <c r="A62547" s="13" t="s">
        <v>336</v>
      </c>
      <c r="B62547" s="14" t="s">
        <v>1</v>
      </c>
      <c r="C62547" s="14" t="s">
        <v>137</v>
      </c>
      <c r="D62547" s="14" t="s">
        <v>337</v>
      </c>
      <c r="E62547" s="15">
        <v>45508</v>
      </c>
      <c r="F62547" s="14" t="s">
        <v>15</v>
      </c>
      <c r="G62547" s="16">
        <v>0</v>
      </c>
    </row>
    <row r="62548" spans="1:7" x14ac:dyDescent="0.3">
      <c r="A62548" s="13" t="s">
        <v>336</v>
      </c>
      <c r="B62548" s="14" t="s">
        <v>1</v>
      </c>
      <c r="C62548" s="14" t="s">
        <v>137</v>
      </c>
      <c r="D62548" s="14" t="s">
        <v>337</v>
      </c>
      <c r="E62548" s="15">
        <v>45509</v>
      </c>
      <c r="F62548" s="14" t="s">
        <v>15</v>
      </c>
      <c r="G62548" s="16">
        <v>0</v>
      </c>
    </row>
    <row r="62549" spans="1:7" x14ac:dyDescent="0.3">
      <c r="A62549" s="13" t="s">
        <v>336</v>
      </c>
      <c r="B62549" s="14" t="s">
        <v>1</v>
      </c>
      <c r="C62549" s="14" t="s">
        <v>137</v>
      </c>
      <c r="D62549" s="14" t="s">
        <v>337</v>
      </c>
      <c r="E62549" s="15">
        <v>45510</v>
      </c>
      <c r="F62549" s="14" t="s">
        <v>15</v>
      </c>
      <c r="G62549" s="16">
        <v>0</v>
      </c>
    </row>
    <row r="62550" spans="1:7" x14ac:dyDescent="0.3">
      <c r="A62550" s="13" t="s">
        <v>336</v>
      </c>
      <c r="B62550" s="14" t="s">
        <v>1</v>
      </c>
      <c r="C62550" s="14" t="s">
        <v>137</v>
      </c>
      <c r="D62550" s="14" t="s">
        <v>337</v>
      </c>
      <c r="E62550" s="15">
        <v>45511</v>
      </c>
      <c r="F62550" s="14" t="s">
        <v>15</v>
      </c>
      <c r="G62550" s="16">
        <v>0</v>
      </c>
    </row>
    <row r="62551" spans="1:7" x14ac:dyDescent="0.3">
      <c r="A62551" s="13" t="s">
        <v>336</v>
      </c>
      <c r="B62551" s="14" t="s">
        <v>1</v>
      </c>
      <c r="C62551" s="14" t="s">
        <v>137</v>
      </c>
      <c r="D62551" s="14" t="s">
        <v>337</v>
      </c>
      <c r="E62551" s="15">
        <v>45512</v>
      </c>
      <c r="F62551" s="14" t="s">
        <v>15</v>
      </c>
      <c r="G62551" s="16">
        <v>0</v>
      </c>
    </row>
    <row r="62552" spans="1:7" x14ac:dyDescent="0.3">
      <c r="A62552" s="13" t="s">
        <v>336</v>
      </c>
      <c r="B62552" s="14" t="s">
        <v>1</v>
      </c>
      <c r="C62552" s="14" t="s">
        <v>137</v>
      </c>
      <c r="D62552" s="14" t="s">
        <v>337</v>
      </c>
      <c r="E62552" s="15">
        <v>45513</v>
      </c>
      <c r="F62552" s="14" t="s">
        <v>15</v>
      </c>
      <c r="G62552" s="16">
        <v>0</v>
      </c>
    </row>
    <row r="62553" spans="1:7" x14ac:dyDescent="0.3">
      <c r="A62553" s="13" t="s">
        <v>336</v>
      </c>
      <c r="B62553" s="14" t="s">
        <v>1</v>
      </c>
      <c r="C62553" s="14" t="s">
        <v>137</v>
      </c>
      <c r="D62553" s="14" t="s">
        <v>337</v>
      </c>
      <c r="E62553" s="15">
        <v>45514</v>
      </c>
      <c r="F62553" s="14" t="s">
        <v>15</v>
      </c>
      <c r="G62553" s="16">
        <v>0</v>
      </c>
    </row>
    <row r="62554" spans="1:7" x14ac:dyDescent="0.3">
      <c r="A62554" s="13" t="s">
        <v>336</v>
      </c>
      <c r="B62554" s="14" t="s">
        <v>1</v>
      </c>
      <c r="C62554" s="14" t="s">
        <v>137</v>
      </c>
      <c r="D62554" s="14" t="s">
        <v>337</v>
      </c>
      <c r="E62554" s="15">
        <v>45515</v>
      </c>
      <c r="F62554" s="14" t="s">
        <v>15</v>
      </c>
      <c r="G62554" s="16">
        <v>0</v>
      </c>
    </row>
    <row r="62555" spans="1:7" x14ac:dyDescent="0.3">
      <c r="A62555" s="13" t="s">
        <v>336</v>
      </c>
      <c r="B62555" s="14" t="s">
        <v>1</v>
      </c>
      <c r="C62555" s="14" t="s">
        <v>137</v>
      </c>
      <c r="D62555" s="14" t="s">
        <v>337</v>
      </c>
      <c r="E62555" s="15">
        <v>45516</v>
      </c>
      <c r="F62555" s="14" t="s">
        <v>15</v>
      </c>
      <c r="G62555" s="16">
        <v>0</v>
      </c>
    </row>
    <row r="62556" spans="1:7" x14ac:dyDescent="0.3">
      <c r="A62556" s="13" t="s">
        <v>336</v>
      </c>
      <c r="B62556" s="14" t="s">
        <v>1</v>
      </c>
      <c r="C62556" s="14" t="s">
        <v>137</v>
      </c>
      <c r="D62556" s="14" t="s">
        <v>337</v>
      </c>
      <c r="E62556" s="15">
        <v>45517</v>
      </c>
      <c r="F62556" s="14" t="s">
        <v>15</v>
      </c>
      <c r="G62556" s="16">
        <v>0</v>
      </c>
    </row>
    <row r="62557" spans="1:7" x14ac:dyDescent="0.3">
      <c r="A62557" s="13" t="s">
        <v>336</v>
      </c>
      <c r="B62557" s="14" t="s">
        <v>1</v>
      </c>
      <c r="C62557" s="14" t="s">
        <v>137</v>
      </c>
      <c r="D62557" s="14" t="s">
        <v>337</v>
      </c>
      <c r="E62557" s="15">
        <v>45518</v>
      </c>
      <c r="F62557" s="14" t="s">
        <v>15</v>
      </c>
      <c r="G62557" s="16">
        <v>0</v>
      </c>
    </row>
    <row r="62558" spans="1:7" x14ac:dyDescent="0.3">
      <c r="A62558" s="13" t="s">
        <v>336</v>
      </c>
      <c r="B62558" s="14" t="s">
        <v>1</v>
      </c>
      <c r="C62558" s="14" t="s">
        <v>137</v>
      </c>
      <c r="D62558" s="14" t="s">
        <v>337</v>
      </c>
      <c r="E62558" s="15">
        <v>45519</v>
      </c>
      <c r="F62558" s="14" t="s">
        <v>15</v>
      </c>
      <c r="G62558" s="16">
        <v>1.5995579353183208E-2</v>
      </c>
    </row>
    <row r="62559" spans="1:7" x14ac:dyDescent="0.3">
      <c r="A62559" s="13" t="s">
        <v>336</v>
      </c>
      <c r="B62559" s="14" t="s">
        <v>1</v>
      </c>
      <c r="C62559" s="14" t="s">
        <v>137</v>
      </c>
      <c r="D62559" s="14" t="s">
        <v>337</v>
      </c>
      <c r="E62559" s="15">
        <v>45520</v>
      </c>
      <c r="F62559" s="14" t="s">
        <v>15</v>
      </c>
      <c r="G62559" s="16">
        <v>3.6180177814427394E-2</v>
      </c>
    </row>
    <row r="62560" spans="1:7" x14ac:dyDescent="0.3">
      <c r="A62560" s="13" t="s">
        <v>336</v>
      </c>
      <c r="B62560" s="14" t="s">
        <v>1</v>
      </c>
      <c r="C62560" s="14" t="s">
        <v>137</v>
      </c>
      <c r="D62560" s="14" t="s">
        <v>337</v>
      </c>
      <c r="E62560" s="15">
        <v>45521</v>
      </c>
      <c r="F62560" s="14" t="s">
        <v>15</v>
      </c>
      <c r="G62560" s="16">
        <v>3.6180177814427394E-2</v>
      </c>
    </row>
    <row r="62561" spans="1:7" x14ac:dyDescent="0.3">
      <c r="A62561" s="13" t="s">
        <v>336</v>
      </c>
      <c r="B62561" s="14" t="s">
        <v>1</v>
      </c>
      <c r="C62561" s="14" t="s">
        <v>137</v>
      </c>
      <c r="D62561" s="14" t="s">
        <v>337</v>
      </c>
      <c r="E62561" s="15">
        <v>45522</v>
      </c>
      <c r="F62561" s="14" t="s">
        <v>15</v>
      </c>
      <c r="G62561" s="16">
        <v>3.6180177814427394E-2</v>
      </c>
    </row>
    <row r="62562" spans="1:7" x14ac:dyDescent="0.3">
      <c r="A62562" s="13" t="s">
        <v>336</v>
      </c>
      <c r="B62562" s="14" t="s">
        <v>1</v>
      </c>
      <c r="C62562" s="14" t="s">
        <v>137</v>
      </c>
      <c r="D62562" s="14" t="s">
        <v>337</v>
      </c>
      <c r="E62562" s="15">
        <v>45523</v>
      </c>
      <c r="F62562" s="14" t="s">
        <v>15</v>
      </c>
      <c r="G62562" s="16">
        <v>5.6084583038955756E-2</v>
      </c>
    </row>
    <row r="62563" spans="1:7" x14ac:dyDescent="0.3">
      <c r="A62563" s="13" t="s">
        <v>336</v>
      </c>
      <c r="B62563" s="14" t="s">
        <v>1</v>
      </c>
      <c r="C62563" s="14" t="s">
        <v>137</v>
      </c>
      <c r="D62563" s="14" t="s">
        <v>337</v>
      </c>
      <c r="E62563" s="15">
        <v>45524</v>
      </c>
      <c r="F62563" s="14" t="s">
        <v>15</v>
      </c>
      <c r="G62563" s="16">
        <v>0.11306145203160084</v>
      </c>
    </row>
    <row r="62564" spans="1:7" x14ac:dyDescent="0.3">
      <c r="A62564" s="13" t="s">
        <v>336</v>
      </c>
      <c r="B62564" s="14" t="s">
        <v>1</v>
      </c>
      <c r="C62564" s="14" t="s">
        <v>137</v>
      </c>
      <c r="D62564" s="14" t="s">
        <v>337</v>
      </c>
      <c r="E62564" s="15">
        <v>45525</v>
      </c>
      <c r="F62564" s="14" t="s">
        <v>15</v>
      </c>
      <c r="G62564" s="16">
        <v>0.13259870749767499</v>
      </c>
    </row>
    <row r="62565" spans="1:7" x14ac:dyDescent="0.3">
      <c r="A62565" s="13" t="s">
        <v>336</v>
      </c>
      <c r="B62565" s="14" t="s">
        <v>1</v>
      </c>
      <c r="C62565" s="14" t="s">
        <v>137</v>
      </c>
      <c r="D62565" s="14" t="s">
        <v>337</v>
      </c>
      <c r="E62565" s="15">
        <v>45526</v>
      </c>
      <c r="F62565" s="14" t="s">
        <v>15</v>
      </c>
      <c r="G62565" s="16">
        <v>0.15136301610384645</v>
      </c>
    </row>
    <row r="62566" spans="1:7" x14ac:dyDescent="0.3">
      <c r="A62566" s="13" t="s">
        <v>336</v>
      </c>
      <c r="B62566" s="14" t="s">
        <v>1</v>
      </c>
      <c r="C62566" s="14" t="s">
        <v>137</v>
      </c>
      <c r="D62566" s="14" t="s">
        <v>337</v>
      </c>
      <c r="E62566" s="15">
        <v>45527</v>
      </c>
      <c r="F62566" s="14" t="s">
        <v>15</v>
      </c>
      <c r="G62566" s="16">
        <v>0.17038819427523574</v>
      </c>
    </row>
    <row r="62567" spans="1:7" x14ac:dyDescent="0.3">
      <c r="A62567" s="13" t="s">
        <v>336</v>
      </c>
      <c r="B62567" s="14" t="s">
        <v>1</v>
      </c>
      <c r="C62567" s="14" t="s">
        <v>137</v>
      </c>
      <c r="D62567" s="14" t="s">
        <v>337</v>
      </c>
      <c r="E62567" s="15">
        <v>45528</v>
      </c>
      <c r="F62567" s="14" t="s">
        <v>15</v>
      </c>
      <c r="G62567" s="16">
        <v>0.17038819427523574</v>
      </c>
    </row>
    <row r="62568" spans="1:7" x14ac:dyDescent="0.3">
      <c r="A62568" s="13" t="s">
        <v>336</v>
      </c>
      <c r="B62568" s="14" t="s">
        <v>1</v>
      </c>
      <c r="C62568" s="14" t="s">
        <v>137</v>
      </c>
      <c r="D62568" s="14" t="s">
        <v>337</v>
      </c>
      <c r="E62568" s="15">
        <v>45529</v>
      </c>
      <c r="F62568" s="14" t="s">
        <v>15</v>
      </c>
      <c r="G62568" s="16">
        <v>0.17038819427523574</v>
      </c>
    </row>
    <row r="62569" spans="1:7" x14ac:dyDescent="0.3">
      <c r="A62569" s="13" t="s">
        <v>336</v>
      </c>
      <c r="B62569" s="14" t="s">
        <v>1</v>
      </c>
      <c r="C62569" s="14" t="s">
        <v>137</v>
      </c>
      <c r="D62569" s="14" t="s">
        <v>337</v>
      </c>
      <c r="E62569" s="15">
        <v>45530</v>
      </c>
      <c r="F62569" s="14" t="s">
        <v>15</v>
      </c>
      <c r="G62569" s="16">
        <v>0.18907520819541696</v>
      </c>
    </row>
    <row r="62570" spans="1:7" x14ac:dyDescent="0.3">
      <c r="A62570" s="13" t="s">
        <v>336</v>
      </c>
      <c r="B62570" s="14" t="s">
        <v>1</v>
      </c>
      <c r="C62570" s="14" t="s">
        <v>137</v>
      </c>
      <c r="D62570" s="14" t="s">
        <v>337</v>
      </c>
      <c r="E62570" s="15">
        <v>45531</v>
      </c>
      <c r="F62570" s="14" t="s">
        <v>15</v>
      </c>
      <c r="G62570" s="16">
        <v>0.24472840569047671</v>
      </c>
    </row>
    <row r="62571" spans="1:7" x14ac:dyDescent="0.3">
      <c r="A62571" s="13" t="s">
        <v>336</v>
      </c>
      <c r="B62571" s="14" t="s">
        <v>1</v>
      </c>
      <c r="C62571" s="14" t="s">
        <v>137</v>
      </c>
      <c r="D62571" s="14" t="s">
        <v>337</v>
      </c>
      <c r="E62571" s="15">
        <v>45532</v>
      </c>
      <c r="F62571" s="14" t="s">
        <v>15</v>
      </c>
      <c r="G62571" s="16">
        <v>0.26296131333046446</v>
      </c>
    </row>
    <row r="62572" spans="1:7" x14ac:dyDescent="0.3">
      <c r="A62572" s="13" t="s">
        <v>336</v>
      </c>
      <c r="B62572" s="14" t="s">
        <v>1</v>
      </c>
      <c r="C62572" s="14" t="s">
        <v>137</v>
      </c>
      <c r="D62572" s="14" t="s">
        <v>337</v>
      </c>
      <c r="E62572" s="15">
        <v>45533</v>
      </c>
      <c r="F62572" s="14" t="s">
        <v>15</v>
      </c>
      <c r="G62572" s="16">
        <v>0.28145509053566997</v>
      </c>
    </row>
    <row r="62573" spans="1:7" x14ac:dyDescent="0.3">
      <c r="A62573" s="13" t="s">
        <v>336</v>
      </c>
      <c r="B62573" s="14" t="s">
        <v>1</v>
      </c>
      <c r="C62573" s="14" t="s">
        <v>137</v>
      </c>
      <c r="D62573" s="14" t="s">
        <v>337</v>
      </c>
      <c r="E62573" s="15">
        <v>45534</v>
      </c>
      <c r="F62573" s="14" t="s">
        <v>15</v>
      </c>
      <c r="G62573" s="16">
        <v>0.29939814310319374</v>
      </c>
    </row>
    <row r="62574" spans="1:7" x14ac:dyDescent="0.3">
      <c r="A62574" s="13" t="s">
        <v>336</v>
      </c>
      <c r="B62574" s="14" t="s">
        <v>1</v>
      </c>
      <c r="C62574" s="14" t="s">
        <v>137</v>
      </c>
      <c r="D62574" s="14" t="s">
        <v>337</v>
      </c>
      <c r="E62574" s="15">
        <v>45535</v>
      </c>
      <c r="F62574" s="14" t="s">
        <v>15</v>
      </c>
      <c r="G62574" s="16">
        <v>0.29939814310319374</v>
      </c>
    </row>
    <row r="62575" spans="1:7" x14ac:dyDescent="0.3">
      <c r="A62575" s="13" t="s">
        <v>336</v>
      </c>
      <c r="B62575" s="14" t="s">
        <v>1</v>
      </c>
      <c r="C62575" s="14" t="s">
        <v>137</v>
      </c>
      <c r="D62575" s="14" t="s">
        <v>337</v>
      </c>
      <c r="E62575" s="15">
        <v>45536</v>
      </c>
      <c r="F62575" s="14" t="s">
        <v>15</v>
      </c>
      <c r="G62575" s="16">
        <v>0.29939814310319374</v>
      </c>
    </row>
    <row r="62576" spans="1:7" x14ac:dyDescent="0.3">
      <c r="A62576" s="13" t="s">
        <v>336</v>
      </c>
      <c r="B62576" s="14" t="s">
        <v>1</v>
      </c>
      <c r="C62576" s="14" t="s">
        <v>137</v>
      </c>
      <c r="D62576" s="14" t="s">
        <v>337</v>
      </c>
      <c r="E62576" s="15">
        <v>45537</v>
      </c>
      <c r="F62576" s="14" t="s">
        <v>15</v>
      </c>
      <c r="G62576" s="16">
        <v>0</v>
      </c>
    </row>
    <row r="62577" spans="1:7" x14ac:dyDescent="0.3">
      <c r="A62577" s="13" t="s">
        <v>336</v>
      </c>
      <c r="B62577" s="14" t="s">
        <v>1</v>
      </c>
      <c r="C62577" s="14" t="s">
        <v>137</v>
      </c>
      <c r="D62577" s="14" t="s">
        <v>337</v>
      </c>
      <c r="E62577" s="15">
        <v>45538</v>
      </c>
      <c r="F62577" s="14" t="s">
        <v>15</v>
      </c>
      <c r="G62577" s="16">
        <v>0</v>
      </c>
    </row>
    <row r="62578" spans="1:7" x14ac:dyDescent="0.3">
      <c r="A62578" s="13" t="s">
        <v>336</v>
      </c>
      <c r="B62578" s="14" t="s">
        <v>1</v>
      </c>
      <c r="C62578" s="14" t="s">
        <v>137</v>
      </c>
      <c r="D62578" s="14" t="s">
        <v>337</v>
      </c>
      <c r="E62578" s="15">
        <v>45539</v>
      </c>
      <c r="F62578" s="14" t="s">
        <v>15</v>
      </c>
      <c r="G62578" s="16">
        <v>0</v>
      </c>
    </row>
    <row r="62579" spans="1:7" x14ac:dyDescent="0.3">
      <c r="A62579" s="13" t="s">
        <v>336</v>
      </c>
      <c r="B62579" s="14" t="s">
        <v>1</v>
      </c>
      <c r="C62579" s="14" t="s">
        <v>137</v>
      </c>
      <c r="D62579" s="14" t="s">
        <v>337</v>
      </c>
      <c r="E62579" s="15">
        <v>45540</v>
      </c>
      <c r="F62579" s="14" t="s">
        <v>15</v>
      </c>
      <c r="G62579" s="16">
        <v>0</v>
      </c>
    </row>
    <row r="62580" spans="1:7" x14ac:dyDescent="0.3">
      <c r="A62580" s="13" t="s">
        <v>336</v>
      </c>
      <c r="B62580" s="14" t="s">
        <v>1</v>
      </c>
      <c r="C62580" s="14" t="s">
        <v>137</v>
      </c>
      <c r="D62580" s="14" t="s">
        <v>337</v>
      </c>
      <c r="E62580" s="15">
        <v>45541</v>
      </c>
      <c r="F62580" s="14" t="s">
        <v>15</v>
      </c>
      <c r="G62580" s="16">
        <v>0</v>
      </c>
    </row>
    <row r="62581" spans="1:7" x14ac:dyDescent="0.3">
      <c r="A62581" s="13" t="s">
        <v>336</v>
      </c>
      <c r="B62581" s="14" t="s">
        <v>1</v>
      </c>
      <c r="C62581" s="14" t="s">
        <v>137</v>
      </c>
      <c r="D62581" s="14" t="s">
        <v>337</v>
      </c>
      <c r="E62581" s="15">
        <v>45542</v>
      </c>
      <c r="F62581" s="14" t="s">
        <v>15</v>
      </c>
      <c r="G62581" s="16">
        <v>0</v>
      </c>
    </row>
    <row r="62582" spans="1:7" x14ac:dyDescent="0.3">
      <c r="A62582" s="13" t="s">
        <v>336</v>
      </c>
      <c r="B62582" s="14" t="s">
        <v>1</v>
      </c>
      <c r="C62582" s="14" t="s">
        <v>137</v>
      </c>
      <c r="D62582" s="14" t="s">
        <v>337</v>
      </c>
      <c r="E62582" s="15">
        <v>45543</v>
      </c>
      <c r="F62582" s="14" t="s">
        <v>15</v>
      </c>
      <c r="G62582" s="16">
        <v>0</v>
      </c>
    </row>
    <row r="62583" spans="1:7" x14ac:dyDescent="0.3">
      <c r="A62583" s="13" t="s">
        <v>336</v>
      </c>
      <c r="B62583" s="14" t="s">
        <v>1</v>
      </c>
      <c r="C62583" s="14" t="s">
        <v>137</v>
      </c>
      <c r="D62583" s="14" t="s">
        <v>337</v>
      </c>
      <c r="E62583" s="15">
        <v>45544</v>
      </c>
      <c r="F62583" s="14" t="s">
        <v>15</v>
      </c>
      <c r="G62583" s="16">
        <v>0</v>
      </c>
    </row>
    <row r="62584" spans="1:7" x14ac:dyDescent="0.3">
      <c r="A62584" s="13" t="s">
        <v>336</v>
      </c>
      <c r="B62584" s="14" t="s">
        <v>1</v>
      </c>
      <c r="C62584" s="14" t="s">
        <v>137</v>
      </c>
      <c r="D62584" s="14" t="s">
        <v>337</v>
      </c>
      <c r="E62584" s="15">
        <v>45545</v>
      </c>
      <c r="F62584" s="14" t="s">
        <v>15</v>
      </c>
      <c r="G62584" s="16">
        <v>0</v>
      </c>
    </row>
    <row r="62585" spans="1:7" x14ac:dyDescent="0.3">
      <c r="A62585" s="13" t="s">
        <v>336</v>
      </c>
      <c r="B62585" s="14" t="s">
        <v>1</v>
      </c>
      <c r="C62585" s="14" t="s">
        <v>137</v>
      </c>
      <c r="D62585" s="14" t="s">
        <v>337</v>
      </c>
      <c r="E62585" s="15">
        <v>45546</v>
      </c>
      <c r="F62585" s="14" t="s">
        <v>15</v>
      </c>
      <c r="G62585" s="16">
        <v>0</v>
      </c>
    </row>
    <row r="62586" spans="1:7" x14ac:dyDescent="0.3">
      <c r="A62586" s="13" t="s">
        <v>336</v>
      </c>
      <c r="B62586" s="14" t="s">
        <v>1</v>
      </c>
      <c r="C62586" s="14" t="s">
        <v>137</v>
      </c>
      <c r="D62586" s="14" t="s">
        <v>337</v>
      </c>
      <c r="E62586" s="15">
        <v>45547</v>
      </c>
      <c r="F62586" s="14" t="s">
        <v>15</v>
      </c>
      <c r="G62586" s="16">
        <v>0</v>
      </c>
    </row>
    <row r="62587" spans="1:7" x14ac:dyDescent="0.3">
      <c r="A62587" s="13" t="s">
        <v>336</v>
      </c>
      <c r="B62587" s="14" t="s">
        <v>1</v>
      </c>
      <c r="C62587" s="14" t="s">
        <v>137</v>
      </c>
      <c r="D62587" s="14" t="s">
        <v>337</v>
      </c>
      <c r="E62587" s="15">
        <v>45548</v>
      </c>
      <c r="F62587" s="14" t="s">
        <v>15</v>
      </c>
      <c r="G62587" s="16">
        <v>0</v>
      </c>
    </row>
    <row r="62588" spans="1:7" x14ac:dyDescent="0.3">
      <c r="A62588" s="13" t="s">
        <v>336</v>
      </c>
      <c r="B62588" s="14" t="s">
        <v>1</v>
      </c>
      <c r="C62588" s="14" t="s">
        <v>137</v>
      </c>
      <c r="D62588" s="14" t="s">
        <v>337</v>
      </c>
      <c r="E62588" s="15">
        <v>45549</v>
      </c>
      <c r="F62588" s="14" t="s">
        <v>15</v>
      </c>
      <c r="G62588" s="16">
        <v>0</v>
      </c>
    </row>
    <row r="62589" spans="1:7" x14ac:dyDescent="0.3">
      <c r="A62589" s="13" t="s">
        <v>336</v>
      </c>
      <c r="B62589" s="14" t="s">
        <v>1</v>
      </c>
      <c r="C62589" s="14" t="s">
        <v>137</v>
      </c>
      <c r="D62589" s="14" t="s">
        <v>337</v>
      </c>
      <c r="E62589" s="15">
        <v>45550</v>
      </c>
      <c r="F62589" s="14" t="s">
        <v>15</v>
      </c>
      <c r="G62589" s="16">
        <v>0</v>
      </c>
    </row>
    <row r="62590" spans="1:7" x14ac:dyDescent="0.3">
      <c r="A62590" s="13" t="s">
        <v>336</v>
      </c>
      <c r="B62590" s="14" t="s">
        <v>1</v>
      </c>
      <c r="C62590" s="14" t="s">
        <v>137</v>
      </c>
      <c r="D62590" s="14" t="s">
        <v>337</v>
      </c>
      <c r="E62590" s="15">
        <v>45551</v>
      </c>
      <c r="F62590" s="14" t="s">
        <v>15</v>
      </c>
      <c r="G62590" s="16">
        <v>0</v>
      </c>
    </row>
    <row r="62591" spans="1:7" x14ac:dyDescent="0.3">
      <c r="A62591" s="13" t="s">
        <v>336</v>
      </c>
      <c r="B62591" s="14" t="s">
        <v>1</v>
      </c>
      <c r="C62591" s="14" t="s">
        <v>137</v>
      </c>
      <c r="D62591" s="14" t="s">
        <v>337</v>
      </c>
      <c r="E62591" s="15">
        <v>45552</v>
      </c>
      <c r="F62591" s="14" t="s">
        <v>15</v>
      </c>
      <c r="G62591" s="16">
        <v>0</v>
      </c>
    </row>
    <row r="62592" spans="1:7" x14ac:dyDescent="0.3">
      <c r="A62592" s="13" t="s">
        <v>336</v>
      </c>
      <c r="B62592" s="14" t="s">
        <v>1</v>
      </c>
      <c r="C62592" s="14" t="s">
        <v>137</v>
      </c>
      <c r="D62592" s="14" t="s">
        <v>337</v>
      </c>
      <c r="E62592" s="15">
        <v>45553</v>
      </c>
      <c r="F62592" s="14" t="s">
        <v>15</v>
      </c>
      <c r="G62592" s="16">
        <v>1.2986328896465199E-2</v>
      </c>
    </row>
    <row r="62593" spans="1:7" x14ac:dyDescent="0.3">
      <c r="A62593" s="13" t="s">
        <v>336</v>
      </c>
      <c r="B62593" s="14" t="s">
        <v>1</v>
      </c>
      <c r="C62593" s="14" t="s">
        <v>137</v>
      </c>
      <c r="D62593" s="14" t="s">
        <v>337</v>
      </c>
      <c r="E62593" s="15">
        <v>45554</v>
      </c>
      <c r="F62593" s="14" t="s">
        <v>15</v>
      </c>
      <c r="G62593" s="16">
        <v>3.1615371802153264E-2</v>
      </c>
    </row>
    <row r="62594" spans="1:7" x14ac:dyDescent="0.3">
      <c r="A62594" s="13" t="s">
        <v>336</v>
      </c>
      <c r="B62594" s="14" t="s">
        <v>1</v>
      </c>
      <c r="C62594" s="14" t="s">
        <v>137</v>
      </c>
      <c r="D62594" s="14" t="s">
        <v>337</v>
      </c>
      <c r="E62594" s="15">
        <v>45555</v>
      </c>
      <c r="F62594" s="14" t="s">
        <v>15</v>
      </c>
      <c r="G62594" s="16">
        <v>5.5423158669193666E-2</v>
      </c>
    </row>
    <row r="62595" spans="1:7" x14ac:dyDescent="0.3">
      <c r="A62595" s="13" t="s">
        <v>336</v>
      </c>
      <c r="B62595" s="14" t="s">
        <v>1</v>
      </c>
      <c r="C62595" s="14" t="s">
        <v>137</v>
      </c>
      <c r="D62595" s="14" t="s">
        <v>337</v>
      </c>
      <c r="E62595" s="15">
        <v>45556</v>
      </c>
      <c r="F62595" s="14" t="s">
        <v>15</v>
      </c>
      <c r="G62595" s="16">
        <v>5.5423158669193666E-2</v>
      </c>
    </row>
    <row r="62596" spans="1:7" x14ac:dyDescent="0.3">
      <c r="A62596" s="13" t="s">
        <v>336</v>
      </c>
      <c r="B62596" s="14" t="s">
        <v>1</v>
      </c>
      <c r="C62596" s="14" t="s">
        <v>137</v>
      </c>
      <c r="D62596" s="14" t="s">
        <v>337</v>
      </c>
      <c r="E62596" s="15">
        <v>45557</v>
      </c>
      <c r="F62596" s="14" t="s">
        <v>15</v>
      </c>
      <c r="G62596" s="16">
        <v>5.5423158669193666E-2</v>
      </c>
    </row>
    <row r="62597" spans="1:7" x14ac:dyDescent="0.3">
      <c r="A62597" s="13" t="s">
        <v>336</v>
      </c>
      <c r="B62597" s="14" t="s">
        <v>1</v>
      </c>
      <c r="C62597" s="14" t="s">
        <v>137</v>
      </c>
      <c r="D62597" s="14" t="s">
        <v>337</v>
      </c>
      <c r="E62597" s="15">
        <v>45558</v>
      </c>
      <c r="F62597" s="14" t="s">
        <v>15</v>
      </c>
      <c r="G62597" s="16">
        <v>7.4380703990340816E-2</v>
      </c>
    </row>
    <row r="62598" spans="1:7" x14ac:dyDescent="0.3">
      <c r="A62598" s="13" t="s">
        <v>336</v>
      </c>
      <c r="B62598" s="14" t="s">
        <v>1</v>
      </c>
      <c r="C62598" s="14" t="s">
        <v>137</v>
      </c>
      <c r="D62598" s="14" t="s">
        <v>337</v>
      </c>
      <c r="E62598" s="15">
        <v>45559</v>
      </c>
      <c r="F62598" s="14" t="s">
        <v>15</v>
      </c>
      <c r="G62598" s="16">
        <v>0.12697109955303423</v>
      </c>
    </row>
    <row r="62599" spans="1:7" x14ac:dyDescent="0.3">
      <c r="A62599" s="13" t="s">
        <v>336</v>
      </c>
      <c r="B62599" s="14" t="s">
        <v>1</v>
      </c>
      <c r="C62599" s="14" t="s">
        <v>137</v>
      </c>
      <c r="D62599" s="14" t="s">
        <v>337</v>
      </c>
      <c r="E62599" s="15">
        <v>45560</v>
      </c>
      <c r="F62599" s="14" t="s">
        <v>15</v>
      </c>
      <c r="G62599" s="16">
        <v>0.14497212313505115</v>
      </c>
    </row>
    <row r="62600" spans="1:7" x14ac:dyDescent="0.3">
      <c r="A62600" s="13" t="s">
        <v>336</v>
      </c>
      <c r="B62600" s="14" t="s">
        <v>1</v>
      </c>
      <c r="C62600" s="14" t="s">
        <v>137</v>
      </c>
      <c r="D62600" s="14" t="s">
        <v>337</v>
      </c>
      <c r="E62600" s="15">
        <v>45561</v>
      </c>
      <c r="F62600" s="14" t="s">
        <v>15</v>
      </c>
      <c r="G62600" s="16">
        <v>0.16356251869774407</v>
      </c>
    </row>
    <row r="62601" spans="1:7" x14ac:dyDescent="0.3">
      <c r="A62601" s="13" t="s">
        <v>336</v>
      </c>
      <c r="B62601" s="14" t="s">
        <v>1</v>
      </c>
      <c r="C62601" s="14" t="s">
        <v>137</v>
      </c>
      <c r="D62601" s="14" t="s">
        <v>337</v>
      </c>
      <c r="E62601" s="15">
        <v>45562</v>
      </c>
      <c r="F62601" s="14" t="s">
        <v>15</v>
      </c>
      <c r="G62601" s="16">
        <v>0.1828485664343503</v>
      </c>
    </row>
    <row r="62602" spans="1:7" x14ac:dyDescent="0.3">
      <c r="A62602" s="13" t="s">
        <v>336</v>
      </c>
      <c r="B62602" s="14" t="s">
        <v>1</v>
      </c>
      <c r="C62602" s="14" t="s">
        <v>137</v>
      </c>
      <c r="D62602" s="14" t="s">
        <v>337</v>
      </c>
      <c r="E62602" s="15">
        <v>45563</v>
      </c>
      <c r="F62602" s="14" t="s">
        <v>15</v>
      </c>
      <c r="G62602" s="16">
        <v>0.1828485664343503</v>
      </c>
    </row>
    <row r="62603" spans="1:7" x14ac:dyDescent="0.3">
      <c r="A62603" s="13" t="s">
        <v>336</v>
      </c>
      <c r="B62603" s="14" t="s">
        <v>1</v>
      </c>
      <c r="C62603" s="14" t="s">
        <v>137</v>
      </c>
      <c r="D62603" s="14" t="s">
        <v>337</v>
      </c>
      <c r="E62603" s="15">
        <v>45564</v>
      </c>
      <c r="F62603" s="14" t="s">
        <v>15</v>
      </c>
      <c r="G62603" s="16">
        <v>0.1828485664343503</v>
      </c>
    </row>
    <row r="62604" spans="1:7" x14ac:dyDescent="0.3">
      <c r="A62604" s="13" t="s">
        <v>336</v>
      </c>
      <c r="B62604" s="14" t="s">
        <v>1</v>
      </c>
      <c r="C62604" s="14" t="s">
        <v>137</v>
      </c>
      <c r="D62604" s="14" t="s">
        <v>337</v>
      </c>
      <c r="E62604" s="15">
        <v>45565</v>
      </c>
      <c r="F62604" s="14" t="s">
        <v>15</v>
      </c>
      <c r="G62604" s="16">
        <v>0.20132301996805782</v>
      </c>
    </row>
    <row r="62605" spans="1:7" x14ac:dyDescent="0.3">
      <c r="A62605" s="13" t="s">
        <v>336</v>
      </c>
      <c r="B62605" s="14" t="s">
        <v>1</v>
      </c>
      <c r="C62605" s="14" t="s">
        <v>137</v>
      </c>
      <c r="D62605" s="14" t="s">
        <v>337</v>
      </c>
      <c r="E62605" s="15">
        <v>45566</v>
      </c>
      <c r="F62605" s="14" t="s">
        <v>15</v>
      </c>
      <c r="G62605" s="16">
        <v>0</v>
      </c>
    </row>
    <row r="62606" spans="1:7" x14ac:dyDescent="0.3">
      <c r="A62606" s="13" t="s">
        <v>336</v>
      </c>
      <c r="B62606" s="14" t="s">
        <v>1</v>
      </c>
      <c r="C62606" s="14" t="s">
        <v>137</v>
      </c>
      <c r="D62606" s="14" t="s">
        <v>337</v>
      </c>
      <c r="E62606" s="15">
        <v>45567</v>
      </c>
      <c r="F62606" s="14" t="s">
        <v>15</v>
      </c>
      <c r="G62606" s="16">
        <v>0</v>
      </c>
    </row>
    <row r="62607" spans="1:7" x14ac:dyDescent="0.3">
      <c r="A62607" s="13" t="s">
        <v>336</v>
      </c>
      <c r="B62607" s="14" t="s">
        <v>1</v>
      </c>
      <c r="C62607" s="14" t="s">
        <v>137</v>
      </c>
      <c r="D62607" s="14" t="s">
        <v>337</v>
      </c>
      <c r="E62607" s="15">
        <v>45568</v>
      </c>
      <c r="F62607" s="14" t="s">
        <v>15</v>
      </c>
      <c r="G62607" s="16">
        <v>0</v>
      </c>
    </row>
    <row r="62608" spans="1:7" x14ac:dyDescent="0.3">
      <c r="A62608" s="13" t="s">
        <v>336</v>
      </c>
      <c r="B62608" s="14" t="s">
        <v>1</v>
      </c>
      <c r="C62608" s="14" t="s">
        <v>137</v>
      </c>
      <c r="D62608" s="14" t="s">
        <v>337</v>
      </c>
      <c r="E62608" s="15">
        <v>45569</v>
      </c>
      <c r="F62608" s="14" t="s">
        <v>15</v>
      </c>
      <c r="G62608" s="16">
        <v>0</v>
      </c>
    </row>
    <row r="62609" spans="1:7" x14ac:dyDescent="0.3">
      <c r="A62609" s="13" t="s">
        <v>336</v>
      </c>
      <c r="B62609" s="14" t="s">
        <v>1</v>
      </c>
      <c r="C62609" s="14" t="s">
        <v>137</v>
      </c>
      <c r="D62609" s="14" t="s">
        <v>337</v>
      </c>
      <c r="E62609" s="15">
        <v>45570</v>
      </c>
      <c r="F62609" s="14" t="s">
        <v>15</v>
      </c>
      <c r="G62609" s="16">
        <v>0</v>
      </c>
    </row>
    <row r="62610" spans="1:7" x14ac:dyDescent="0.3">
      <c r="A62610" s="13" t="s">
        <v>336</v>
      </c>
      <c r="B62610" s="14" t="s">
        <v>1</v>
      </c>
      <c r="C62610" s="14" t="s">
        <v>137</v>
      </c>
      <c r="D62610" s="14" t="s">
        <v>337</v>
      </c>
      <c r="E62610" s="15">
        <v>45571</v>
      </c>
      <c r="F62610" s="14" t="s">
        <v>15</v>
      </c>
      <c r="G62610" s="16">
        <v>0</v>
      </c>
    </row>
    <row r="62611" spans="1:7" x14ac:dyDescent="0.3">
      <c r="A62611" s="13" t="s">
        <v>336</v>
      </c>
      <c r="B62611" s="14" t="s">
        <v>1</v>
      </c>
      <c r="C62611" s="14" t="s">
        <v>137</v>
      </c>
      <c r="D62611" s="14" t="s">
        <v>337</v>
      </c>
      <c r="E62611" s="15">
        <v>45572</v>
      </c>
      <c r="F62611" s="14" t="s">
        <v>15</v>
      </c>
      <c r="G62611" s="16">
        <v>0</v>
      </c>
    </row>
    <row r="62612" spans="1:7" x14ac:dyDescent="0.3">
      <c r="A62612" s="13" t="s">
        <v>336</v>
      </c>
      <c r="B62612" s="14" t="s">
        <v>1</v>
      </c>
      <c r="C62612" s="14" t="s">
        <v>137</v>
      </c>
      <c r="D62612" s="14" t="s">
        <v>337</v>
      </c>
      <c r="E62612" s="15">
        <v>45573</v>
      </c>
      <c r="F62612" s="14" t="s">
        <v>15</v>
      </c>
      <c r="G62612" s="16">
        <v>0</v>
      </c>
    </row>
    <row r="62613" spans="1:7" x14ac:dyDescent="0.3">
      <c r="A62613" s="13" t="s">
        <v>336</v>
      </c>
      <c r="B62613" s="14" t="s">
        <v>1</v>
      </c>
      <c r="C62613" s="14" t="s">
        <v>137</v>
      </c>
      <c r="D62613" s="14" t="s">
        <v>337</v>
      </c>
      <c r="E62613" s="15">
        <v>45574</v>
      </c>
      <c r="F62613" s="14" t="s">
        <v>15</v>
      </c>
      <c r="G62613" s="16">
        <v>0</v>
      </c>
    </row>
    <row r="62614" spans="1:7" x14ac:dyDescent="0.3">
      <c r="A62614" s="13" t="s">
        <v>336</v>
      </c>
      <c r="B62614" s="14" t="s">
        <v>1</v>
      </c>
      <c r="C62614" s="14" t="s">
        <v>137</v>
      </c>
      <c r="D62614" s="14" t="s">
        <v>337</v>
      </c>
      <c r="E62614" s="15">
        <v>45575</v>
      </c>
      <c r="F62614" s="14" t="s">
        <v>15</v>
      </c>
      <c r="G62614" s="16">
        <v>0</v>
      </c>
    </row>
    <row r="62615" spans="1:7" x14ac:dyDescent="0.3">
      <c r="A62615" s="13" t="s">
        <v>336</v>
      </c>
      <c r="B62615" s="14" t="s">
        <v>1</v>
      </c>
      <c r="C62615" s="14" t="s">
        <v>137</v>
      </c>
      <c r="D62615" s="14" t="s">
        <v>337</v>
      </c>
      <c r="E62615" s="15">
        <v>45576</v>
      </c>
      <c r="F62615" s="14" t="s">
        <v>15</v>
      </c>
      <c r="G62615" s="16">
        <v>0</v>
      </c>
    </row>
    <row r="62616" spans="1:7" x14ac:dyDescent="0.3">
      <c r="A62616" s="13" t="s">
        <v>336</v>
      </c>
      <c r="B62616" s="14" t="s">
        <v>1</v>
      </c>
      <c r="C62616" s="14" t="s">
        <v>137</v>
      </c>
      <c r="D62616" s="14" t="s">
        <v>337</v>
      </c>
      <c r="E62616" s="15">
        <v>45577</v>
      </c>
      <c r="F62616" s="14" t="s">
        <v>15</v>
      </c>
      <c r="G62616" s="16">
        <v>0</v>
      </c>
    </row>
    <row r="62617" spans="1:7" x14ac:dyDescent="0.3">
      <c r="A62617" s="13" t="s">
        <v>336</v>
      </c>
      <c r="B62617" s="14" t="s">
        <v>1</v>
      </c>
      <c r="C62617" s="14" t="s">
        <v>137</v>
      </c>
      <c r="D62617" s="14" t="s">
        <v>337</v>
      </c>
      <c r="E62617" s="15">
        <v>45578</v>
      </c>
      <c r="F62617" s="14" t="s">
        <v>15</v>
      </c>
      <c r="G62617" s="16">
        <v>0</v>
      </c>
    </row>
    <row r="62618" spans="1:7" x14ac:dyDescent="0.3">
      <c r="A62618" s="13" t="s">
        <v>336</v>
      </c>
      <c r="B62618" s="14" t="s">
        <v>1</v>
      </c>
      <c r="C62618" s="14" t="s">
        <v>137</v>
      </c>
      <c r="D62618" s="14" t="s">
        <v>337</v>
      </c>
      <c r="E62618" s="15">
        <v>45579</v>
      </c>
      <c r="F62618" s="14" t="s">
        <v>15</v>
      </c>
      <c r="G62618" s="16">
        <v>0</v>
      </c>
    </row>
    <row r="62619" spans="1:7" x14ac:dyDescent="0.3">
      <c r="A62619" s="13" t="s">
        <v>336</v>
      </c>
      <c r="B62619" s="14" t="s">
        <v>1</v>
      </c>
      <c r="C62619" s="14" t="s">
        <v>137</v>
      </c>
      <c r="D62619" s="14" t="s">
        <v>337</v>
      </c>
      <c r="E62619" s="15">
        <v>45580</v>
      </c>
      <c r="F62619" s="14" t="s">
        <v>15</v>
      </c>
      <c r="G62619" s="16">
        <v>0</v>
      </c>
    </row>
    <row r="62620" spans="1:7" x14ac:dyDescent="0.3">
      <c r="A62620" s="13" t="s">
        <v>336</v>
      </c>
      <c r="B62620" s="14" t="s">
        <v>1</v>
      </c>
      <c r="C62620" s="14" t="s">
        <v>137</v>
      </c>
      <c r="D62620" s="14" t="s">
        <v>337</v>
      </c>
      <c r="E62620" s="15">
        <v>45581</v>
      </c>
      <c r="F62620" s="14" t="s">
        <v>15</v>
      </c>
      <c r="G62620" s="16">
        <v>0</v>
      </c>
    </row>
    <row r="62621" spans="1:7" x14ac:dyDescent="0.3">
      <c r="A62621" s="13" t="s">
        <v>336</v>
      </c>
      <c r="B62621" s="14" t="s">
        <v>1</v>
      </c>
      <c r="C62621" s="14" t="s">
        <v>137</v>
      </c>
      <c r="D62621" s="14" t="s">
        <v>337</v>
      </c>
      <c r="E62621" s="15">
        <v>45582</v>
      </c>
      <c r="F62621" s="14" t="s">
        <v>15</v>
      </c>
      <c r="G62621" s="16">
        <v>0</v>
      </c>
    </row>
    <row r="62622" spans="1:7" x14ac:dyDescent="0.3">
      <c r="A62622" s="13" t="s">
        <v>336</v>
      </c>
      <c r="B62622" s="14" t="s">
        <v>1</v>
      </c>
      <c r="C62622" s="14" t="s">
        <v>137</v>
      </c>
      <c r="D62622" s="14" t="s">
        <v>337</v>
      </c>
      <c r="E62622" s="15">
        <v>45583</v>
      </c>
      <c r="F62622" s="14" t="s">
        <v>15</v>
      </c>
      <c r="G62622" s="16">
        <v>0</v>
      </c>
    </row>
    <row r="62623" spans="1:7" x14ac:dyDescent="0.3">
      <c r="A62623" s="13" t="s">
        <v>336</v>
      </c>
      <c r="B62623" s="14" t="s">
        <v>1</v>
      </c>
      <c r="C62623" s="14" t="s">
        <v>137</v>
      </c>
      <c r="D62623" s="14" t="s">
        <v>337</v>
      </c>
      <c r="E62623" s="15">
        <v>45584</v>
      </c>
      <c r="F62623" s="14" t="s">
        <v>15</v>
      </c>
      <c r="G62623" s="16">
        <v>0</v>
      </c>
    </row>
    <row r="62624" spans="1:7" x14ac:dyDescent="0.3">
      <c r="A62624" s="13" t="s">
        <v>336</v>
      </c>
      <c r="B62624" s="14" t="s">
        <v>1</v>
      </c>
      <c r="C62624" s="14" t="s">
        <v>137</v>
      </c>
      <c r="D62624" s="14" t="s">
        <v>337</v>
      </c>
      <c r="E62624" s="15">
        <v>45585</v>
      </c>
      <c r="F62624" s="14" t="s">
        <v>15</v>
      </c>
      <c r="G62624" s="16">
        <v>0</v>
      </c>
    </row>
    <row r="62625" spans="1:7" x14ac:dyDescent="0.3">
      <c r="A62625" s="13" t="s">
        <v>336</v>
      </c>
      <c r="B62625" s="14" t="s">
        <v>1</v>
      </c>
      <c r="C62625" s="14" t="s">
        <v>137</v>
      </c>
      <c r="D62625" s="14" t="s">
        <v>337</v>
      </c>
      <c r="E62625" s="15">
        <v>45586</v>
      </c>
      <c r="F62625" s="14" t="s">
        <v>15</v>
      </c>
      <c r="G62625" s="16">
        <v>0</v>
      </c>
    </row>
    <row r="62626" spans="1:7" x14ac:dyDescent="0.3">
      <c r="A62626" s="13" t="s">
        <v>336</v>
      </c>
      <c r="B62626" s="14" t="s">
        <v>1</v>
      </c>
      <c r="C62626" s="14" t="s">
        <v>137</v>
      </c>
      <c r="D62626" s="14" t="s">
        <v>337</v>
      </c>
      <c r="E62626" s="15">
        <v>45587</v>
      </c>
      <c r="F62626" s="14" t="s">
        <v>15</v>
      </c>
      <c r="G62626" s="16">
        <v>3.2257271676460794E-2</v>
      </c>
    </row>
    <row r="62627" spans="1:7" x14ac:dyDescent="0.3">
      <c r="A62627" s="13" t="s">
        <v>336</v>
      </c>
      <c r="B62627" s="14" t="s">
        <v>1</v>
      </c>
      <c r="C62627" s="14" t="s">
        <v>137</v>
      </c>
      <c r="D62627" s="14" t="s">
        <v>337</v>
      </c>
      <c r="E62627" s="15">
        <v>45588</v>
      </c>
      <c r="F62627" s="14" t="s">
        <v>15</v>
      </c>
      <c r="G62627" s="16">
        <v>5.5697908785047864E-2</v>
      </c>
    </row>
    <row r="62628" spans="1:7" x14ac:dyDescent="0.3">
      <c r="A62628" s="13" t="s">
        <v>336</v>
      </c>
      <c r="B62628" s="14" t="s">
        <v>1</v>
      </c>
      <c r="C62628" s="14" t="s">
        <v>137</v>
      </c>
      <c r="D62628" s="14" t="s">
        <v>337</v>
      </c>
      <c r="E62628" s="15">
        <v>45589</v>
      </c>
      <c r="F62628" s="14" t="s">
        <v>15</v>
      </c>
      <c r="G62628" s="16">
        <v>7.5196516908126884E-2</v>
      </c>
    </row>
    <row r="62629" spans="1:7" x14ac:dyDescent="0.3">
      <c r="A62629" s="13" t="s">
        <v>336</v>
      </c>
      <c r="B62629" s="14" t="s">
        <v>1</v>
      </c>
      <c r="C62629" s="14" t="s">
        <v>137</v>
      </c>
      <c r="D62629" s="14" t="s">
        <v>337</v>
      </c>
      <c r="E62629" s="15">
        <v>45590</v>
      </c>
      <c r="F62629" s="14" t="s">
        <v>15</v>
      </c>
      <c r="G62629" s="16">
        <v>9.4086429379032763E-2</v>
      </c>
    </row>
    <row r="62630" spans="1:7" x14ac:dyDescent="0.3">
      <c r="A62630" s="13" t="s">
        <v>336</v>
      </c>
      <c r="B62630" s="14" t="s">
        <v>1</v>
      </c>
      <c r="C62630" s="14" t="s">
        <v>137</v>
      </c>
      <c r="D62630" s="14" t="s">
        <v>337</v>
      </c>
      <c r="E62630" s="15">
        <v>45591</v>
      </c>
      <c r="F62630" s="14" t="s">
        <v>15</v>
      </c>
      <c r="G62630" s="16">
        <v>9.4086429379032763E-2</v>
      </c>
    </row>
    <row r="62631" spans="1:7" x14ac:dyDescent="0.3">
      <c r="A62631" s="13" t="s">
        <v>336</v>
      </c>
      <c r="B62631" s="14" t="s">
        <v>1</v>
      </c>
      <c r="C62631" s="14" t="s">
        <v>137</v>
      </c>
      <c r="D62631" s="14" t="s">
        <v>337</v>
      </c>
      <c r="E62631" s="15">
        <v>45592</v>
      </c>
      <c r="F62631" s="14" t="s">
        <v>15</v>
      </c>
      <c r="G62631" s="16">
        <v>9.4086429379032763E-2</v>
      </c>
    </row>
    <row r="62632" spans="1:7" x14ac:dyDescent="0.3">
      <c r="A62632" s="13" t="s">
        <v>336</v>
      </c>
      <c r="B62632" s="14" t="s">
        <v>1</v>
      </c>
      <c r="C62632" s="14" t="s">
        <v>137</v>
      </c>
      <c r="D62632" s="14" t="s">
        <v>337</v>
      </c>
      <c r="E62632" s="15">
        <v>45593</v>
      </c>
      <c r="F62632" s="14" t="s">
        <v>15</v>
      </c>
      <c r="G62632" s="16">
        <v>9.4086429379032763E-2</v>
      </c>
    </row>
    <row r="62633" spans="1:7" x14ac:dyDescent="0.3">
      <c r="A62633" s="13" t="s">
        <v>336</v>
      </c>
      <c r="B62633" s="14" t="s">
        <v>1</v>
      </c>
      <c r="C62633" s="14" t="s">
        <v>137</v>
      </c>
      <c r="D62633" s="14" t="s">
        <v>337</v>
      </c>
      <c r="E62633" s="15">
        <v>45594</v>
      </c>
      <c r="F62633" s="14" t="s">
        <v>15</v>
      </c>
      <c r="G62633" s="16">
        <v>0.11368165585960005</v>
      </c>
    </row>
    <row r="62634" spans="1:7" x14ac:dyDescent="0.3">
      <c r="A62634" s="13" t="s">
        <v>336</v>
      </c>
      <c r="B62634" s="14" t="s">
        <v>1</v>
      </c>
      <c r="C62634" s="14" t="s">
        <v>137</v>
      </c>
      <c r="D62634" s="14" t="s">
        <v>337</v>
      </c>
      <c r="E62634" s="15">
        <v>45595</v>
      </c>
      <c r="F62634" s="14" t="s">
        <v>15</v>
      </c>
      <c r="G62634" s="16">
        <v>0.19062953934499793</v>
      </c>
    </row>
    <row r="62635" spans="1:7" x14ac:dyDescent="0.3">
      <c r="A62635" s="13" t="s">
        <v>336</v>
      </c>
      <c r="B62635" s="14" t="s">
        <v>1</v>
      </c>
      <c r="C62635" s="14" t="s">
        <v>137</v>
      </c>
      <c r="D62635" s="14" t="s">
        <v>337</v>
      </c>
      <c r="E62635" s="15">
        <v>45596</v>
      </c>
      <c r="F62635" s="14" t="s">
        <v>15</v>
      </c>
      <c r="G62635" s="16">
        <v>0.20976099770962364</v>
      </c>
    </row>
    <row r="62636" spans="1:7" x14ac:dyDescent="0.3">
      <c r="A62636" s="13" t="s">
        <v>336</v>
      </c>
      <c r="B62636" s="14" t="s">
        <v>1</v>
      </c>
      <c r="C62636" s="14" t="s">
        <v>137</v>
      </c>
      <c r="D62636" s="14" t="s">
        <v>337</v>
      </c>
      <c r="E62636" s="15">
        <v>45597</v>
      </c>
      <c r="F62636" s="14" t="s">
        <v>15</v>
      </c>
      <c r="G62636" s="16">
        <v>0</v>
      </c>
    </row>
    <row r="62637" spans="1:7" x14ac:dyDescent="0.3">
      <c r="A62637" s="13" t="s">
        <v>336</v>
      </c>
      <c r="B62637" s="14" t="s">
        <v>1</v>
      </c>
      <c r="C62637" s="14" t="s">
        <v>137</v>
      </c>
      <c r="D62637" s="14" t="s">
        <v>337</v>
      </c>
      <c r="E62637" s="15">
        <v>45598</v>
      </c>
      <c r="F62637" s="14" t="s">
        <v>15</v>
      </c>
      <c r="G62637" s="16">
        <v>0</v>
      </c>
    </row>
    <row r="62638" spans="1:7" x14ac:dyDescent="0.3">
      <c r="A62638" s="13" t="s">
        <v>336</v>
      </c>
      <c r="B62638" s="14" t="s">
        <v>1</v>
      </c>
      <c r="C62638" s="14" t="s">
        <v>137</v>
      </c>
      <c r="D62638" s="14" t="s">
        <v>337</v>
      </c>
      <c r="E62638" s="15">
        <v>45599</v>
      </c>
      <c r="F62638" s="14" t="s">
        <v>15</v>
      </c>
      <c r="G62638" s="16">
        <v>0</v>
      </c>
    </row>
    <row r="62639" spans="1:7" x14ac:dyDescent="0.3">
      <c r="A62639" s="13" t="s">
        <v>336</v>
      </c>
      <c r="B62639" s="14" t="s">
        <v>1</v>
      </c>
      <c r="C62639" s="14" t="s">
        <v>137</v>
      </c>
      <c r="D62639" s="14" t="s">
        <v>337</v>
      </c>
      <c r="E62639" s="15">
        <v>45600</v>
      </c>
      <c r="F62639" s="14" t="s">
        <v>15</v>
      </c>
      <c r="G62639" s="16">
        <v>0</v>
      </c>
    </row>
    <row r="62640" spans="1:7" x14ac:dyDescent="0.3">
      <c r="A62640" s="13" t="s">
        <v>336</v>
      </c>
      <c r="B62640" s="14" t="s">
        <v>1</v>
      </c>
      <c r="C62640" s="14" t="s">
        <v>137</v>
      </c>
      <c r="D62640" s="14" t="s">
        <v>337</v>
      </c>
      <c r="E62640" s="15">
        <v>45601</v>
      </c>
      <c r="F62640" s="14" t="s">
        <v>15</v>
      </c>
      <c r="G62640" s="16">
        <v>0</v>
      </c>
    </row>
    <row r="62641" spans="1:7" x14ac:dyDescent="0.3">
      <c r="A62641" s="13" t="s">
        <v>336</v>
      </c>
      <c r="B62641" s="14" t="s">
        <v>1</v>
      </c>
      <c r="C62641" s="14" t="s">
        <v>137</v>
      </c>
      <c r="D62641" s="14" t="s">
        <v>337</v>
      </c>
      <c r="E62641" s="15">
        <v>45602</v>
      </c>
      <c r="F62641" s="14" t="s">
        <v>15</v>
      </c>
      <c r="G62641" s="16">
        <v>0</v>
      </c>
    </row>
    <row r="62642" spans="1:7" x14ac:dyDescent="0.3">
      <c r="A62642" s="13" t="s">
        <v>336</v>
      </c>
      <c r="B62642" s="14" t="s">
        <v>1</v>
      </c>
      <c r="C62642" s="14" t="s">
        <v>137</v>
      </c>
      <c r="D62642" s="14" t="s">
        <v>337</v>
      </c>
      <c r="E62642" s="15">
        <v>45603</v>
      </c>
      <c r="F62642" s="14" t="s">
        <v>15</v>
      </c>
      <c r="G62642" s="16">
        <v>0</v>
      </c>
    </row>
    <row r="62643" spans="1:7" x14ac:dyDescent="0.3">
      <c r="A62643" s="13" t="s">
        <v>336</v>
      </c>
      <c r="B62643" s="14" t="s">
        <v>1</v>
      </c>
      <c r="C62643" s="14" t="s">
        <v>137</v>
      </c>
      <c r="D62643" s="14" t="s">
        <v>337</v>
      </c>
      <c r="E62643" s="15">
        <v>45604</v>
      </c>
      <c r="F62643" s="14" t="s">
        <v>15</v>
      </c>
      <c r="G62643" s="16">
        <v>0</v>
      </c>
    </row>
    <row r="62644" spans="1:7" x14ac:dyDescent="0.3">
      <c r="A62644" s="13" t="s">
        <v>336</v>
      </c>
      <c r="B62644" s="14" t="s">
        <v>1</v>
      </c>
      <c r="C62644" s="14" t="s">
        <v>137</v>
      </c>
      <c r="D62644" s="14" t="s">
        <v>337</v>
      </c>
      <c r="E62644" s="15">
        <v>45605</v>
      </c>
      <c r="F62644" s="14" t="s">
        <v>15</v>
      </c>
      <c r="G62644" s="16">
        <v>0</v>
      </c>
    </row>
    <row r="62645" spans="1:7" x14ac:dyDescent="0.3">
      <c r="A62645" s="13" t="s">
        <v>336</v>
      </c>
      <c r="B62645" s="14" t="s">
        <v>1</v>
      </c>
      <c r="C62645" s="14" t="s">
        <v>137</v>
      </c>
      <c r="D62645" s="14" t="s">
        <v>337</v>
      </c>
      <c r="E62645" s="15">
        <v>45606</v>
      </c>
      <c r="F62645" s="14" t="s">
        <v>15</v>
      </c>
      <c r="G62645" s="16">
        <v>0</v>
      </c>
    </row>
    <row r="62646" spans="1:7" x14ac:dyDescent="0.3">
      <c r="A62646" s="13" t="s">
        <v>336</v>
      </c>
      <c r="B62646" s="14" t="s">
        <v>1</v>
      </c>
      <c r="C62646" s="14" t="s">
        <v>137</v>
      </c>
      <c r="D62646" s="14" t="s">
        <v>337</v>
      </c>
      <c r="E62646" s="15">
        <v>45607</v>
      </c>
      <c r="F62646" s="14" t="s">
        <v>15</v>
      </c>
      <c r="G62646" s="16">
        <v>0</v>
      </c>
    </row>
    <row r="62647" spans="1:7" x14ac:dyDescent="0.3">
      <c r="A62647" s="13" t="s">
        <v>336</v>
      </c>
      <c r="B62647" s="14" t="s">
        <v>1</v>
      </c>
      <c r="C62647" s="14" t="s">
        <v>137</v>
      </c>
      <c r="D62647" s="14" t="s">
        <v>337</v>
      </c>
      <c r="E62647" s="15">
        <v>45608</v>
      </c>
      <c r="F62647" s="14" t="s">
        <v>15</v>
      </c>
      <c r="G62647" s="16">
        <v>0</v>
      </c>
    </row>
    <row r="62648" spans="1:7" x14ac:dyDescent="0.3">
      <c r="A62648" s="13" t="s">
        <v>336</v>
      </c>
      <c r="B62648" s="14" t="s">
        <v>1</v>
      </c>
      <c r="C62648" s="14" t="s">
        <v>137</v>
      </c>
      <c r="D62648" s="14" t="s">
        <v>337</v>
      </c>
      <c r="E62648" s="15">
        <v>45609</v>
      </c>
      <c r="F62648" s="14" t="s">
        <v>15</v>
      </c>
      <c r="G62648" s="16">
        <v>0</v>
      </c>
    </row>
    <row r="62649" spans="1:7" x14ac:dyDescent="0.3">
      <c r="A62649" s="13" t="s">
        <v>336</v>
      </c>
      <c r="B62649" s="14" t="s">
        <v>1</v>
      </c>
      <c r="C62649" s="14" t="s">
        <v>137</v>
      </c>
      <c r="D62649" s="14" t="s">
        <v>337</v>
      </c>
      <c r="E62649" s="15">
        <v>45610</v>
      </c>
      <c r="F62649" s="14" t="s">
        <v>15</v>
      </c>
      <c r="G62649" s="16">
        <v>0</v>
      </c>
    </row>
    <row r="62650" spans="1:7" x14ac:dyDescent="0.3">
      <c r="A62650" s="13" t="s">
        <v>336</v>
      </c>
      <c r="B62650" s="14" t="s">
        <v>1</v>
      </c>
      <c r="C62650" s="14" t="s">
        <v>137</v>
      </c>
      <c r="D62650" s="14" t="s">
        <v>337</v>
      </c>
      <c r="E62650" s="15">
        <v>45611</v>
      </c>
      <c r="F62650" s="14" t="s">
        <v>15</v>
      </c>
      <c r="G62650" s="16">
        <v>0</v>
      </c>
    </row>
    <row r="62651" spans="1:7" x14ac:dyDescent="0.3">
      <c r="A62651" s="13" t="s">
        <v>336</v>
      </c>
      <c r="B62651" s="14" t="s">
        <v>1</v>
      </c>
      <c r="C62651" s="14" t="s">
        <v>137</v>
      </c>
      <c r="D62651" s="14" t="s">
        <v>337</v>
      </c>
      <c r="E62651" s="15">
        <v>45612</v>
      </c>
      <c r="F62651" s="14" t="s">
        <v>15</v>
      </c>
      <c r="G62651" s="16">
        <v>0</v>
      </c>
    </row>
    <row r="62652" spans="1:7" x14ac:dyDescent="0.3">
      <c r="A62652" s="13" t="s">
        <v>336</v>
      </c>
      <c r="B62652" s="14" t="s">
        <v>1</v>
      </c>
      <c r="C62652" s="14" t="s">
        <v>137</v>
      </c>
      <c r="D62652" s="14" t="s">
        <v>337</v>
      </c>
      <c r="E62652" s="15">
        <v>45613</v>
      </c>
      <c r="F62652" s="14" t="s">
        <v>15</v>
      </c>
      <c r="G62652" s="16">
        <v>0</v>
      </c>
    </row>
    <row r="62653" spans="1:7" x14ac:dyDescent="0.3">
      <c r="A62653" s="13" t="s">
        <v>336</v>
      </c>
      <c r="B62653" s="14" t="s">
        <v>1</v>
      </c>
      <c r="C62653" s="14" t="s">
        <v>137</v>
      </c>
      <c r="D62653" s="14" t="s">
        <v>337</v>
      </c>
      <c r="E62653" s="15">
        <v>45614</v>
      </c>
      <c r="F62653" s="14" t="s">
        <v>15</v>
      </c>
      <c r="G62653" s="16">
        <v>0</v>
      </c>
    </row>
    <row r="62654" spans="1:7" x14ac:dyDescent="0.3">
      <c r="A62654" s="13" t="s">
        <v>336</v>
      </c>
      <c r="B62654" s="14" t="s">
        <v>1</v>
      </c>
      <c r="C62654" s="14" t="s">
        <v>137</v>
      </c>
      <c r="D62654" s="14" t="s">
        <v>337</v>
      </c>
      <c r="E62654" s="15">
        <v>45615</v>
      </c>
      <c r="F62654" s="14" t="s">
        <v>15</v>
      </c>
      <c r="G62654" s="16">
        <v>0</v>
      </c>
    </row>
    <row r="62655" spans="1:7" x14ac:dyDescent="0.3">
      <c r="A62655" s="13" t="s">
        <v>336</v>
      </c>
      <c r="B62655" s="14" t="s">
        <v>1</v>
      </c>
      <c r="C62655" s="14" t="s">
        <v>137</v>
      </c>
      <c r="D62655" s="14" t="s">
        <v>337</v>
      </c>
      <c r="E62655" s="15">
        <v>45616</v>
      </c>
      <c r="F62655" s="14" t="s">
        <v>15</v>
      </c>
      <c r="G62655" s="16">
        <v>0</v>
      </c>
    </row>
    <row r="62656" spans="1:7" x14ac:dyDescent="0.3">
      <c r="A62656" s="13" t="s">
        <v>336</v>
      </c>
      <c r="B62656" s="14" t="s">
        <v>1</v>
      </c>
      <c r="C62656" s="14" t="s">
        <v>137</v>
      </c>
      <c r="D62656" s="14" t="s">
        <v>337</v>
      </c>
      <c r="E62656" s="15">
        <v>45617</v>
      </c>
      <c r="F62656" s="14" t="s">
        <v>15</v>
      </c>
      <c r="G62656" s="16">
        <v>0</v>
      </c>
    </row>
    <row r="62657" spans="1:7" x14ac:dyDescent="0.3">
      <c r="A62657" s="13" t="s">
        <v>336</v>
      </c>
      <c r="B62657" s="14" t="s">
        <v>1</v>
      </c>
      <c r="C62657" s="14" t="s">
        <v>137</v>
      </c>
      <c r="D62657" s="14" t="s">
        <v>337</v>
      </c>
      <c r="E62657" s="15">
        <v>45618</v>
      </c>
      <c r="F62657" s="14" t="s">
        <v>15</v>
      </c>
      <c r="G62657" s="16">
        <v>0</v>
      </c>
    </row>
    <row r="62658" spans="1:7" x14ac:dyDescent="0.3">
      <c r="A62658" s="13" t="s">
        <v>336</v>
      </c>
      <c r="B62658" s="14" t="s">
        <v>1</v>
      </c>
      <c r="C62658" s="14" t="s">
        <v>137</v>
      </c>
      <c r="D62658" s="14" t="s">
        <v>337</v>
      </c>
      <c r="E62658" s="15">
        <v>45619</v>
      </c>
      <c r="F62658" s="14" t="s">
        <v>15</v>
      </c>
      <c r="G62658" s="16">
        <v>0</v>
      </c>
    </row>
    <row r="62659" spans="1:7" x14ac:dyDescent="0.3">
      <c r="A62659" s="13" t="s">
        <v>336</v>
      </c>
      <c r="B62659" s="14" t="s">
        <v>1</v>
      </c>
      <c r="C62659" s="14" t="s">
        <v>137</v>
      </c>
      <c r="D62659" s="14" t="s">
        <v>337</v>
      </c>
      <c r="E62659" s="15">
        <v>45620</v>
      </c>
      <c r="F62659" s="14" t="s">
        <v>15</v>
      </c>
      <c r="G62659" s="16">
        <v>0</v>
      </c>
    </row>
    <row r="62660" spans="1:7" x14ac:dyDescent="0.3">
      <c r="A62660" s="13" t="s">
        <v>336</v>
      </c>
      <c r="B62660" s="14" t="s">
        <v>1</v>
      </c>
      <c r="C62660" s="14" t="s">
        <v>137</v>
      </c>
      <c r="D62660" s="14" t="s">
        <v>337</v>
      </c>
      <c r="E62660" s="15">
        <v>45621</v>
      </c>
      <c r="F62660" s="14" t="s">
        <v>15</v>
      </c>
      <c r="G62660" s="16">
        <v>0</v>
      </c>
    </row>
    <row r="62661" spans="1:7" x14ac:dyDescent="0.3">
      <c r="A62661" s="13" t="s">
        <v>336</v>
      </c>
      <c r="B62661" s="14" t="s">
        <v>1</v>
      </c>
      <c r="C62661" s="14" t="s">
        <v>137</v>
      </c>
      <c r="D62661" s="14" t="s">
        <v>337</v>
      </c>
      <c r="E62661" s="15">
        <v>45622</v>
      </c>
      <c r="F62661" s="14" t="s">
        <v>15</v>
      </c>
      <c r="G62661" s="16">
        <v>2.6842224118292402E-2</v>
      </c>
    </row>
    <row r="62662" spans="1:7" x14ac:dyDescent="0.3">
      <c r="A62662" s="13" t="s">
        <v>336</v>
      </c>
      <c r="B62662" s="14" t="s">
        <v>1</v>
      </c>
      <c r="C62662" s="14" t="s">
        <v>137</v>
      </c>
      <c r="D62662" s="14" t="s">
        <v>337</v>
      </c>
      <c r="E62662" s="15">
        <v>45623</v>
      </c>
      <c r="F62662" s="14" t="s">
        <v>15</v>
      </c>
      <c r="G62662" s="16">
        <v>7.8205566540888782E-2</v>
      </c>
    </row>
    <row r="62663" spans="1:7" x14ac:dyDescent="0.3">
      <c r="A62663" s="13" t="s">
        <v>336</v>
      </c>
      <c r="B62663" s="14" t="s">
        <v>1</v>
      </c>
      <c r="C62663" s="14" t="s">
        <v>137</v>
      </c>
      <c r="D62663" s="14" t="s">
        <v>337</v>
      </c>
      <c r="E62663" s="15">
        <v>45624</v>
      </c>
      <c r="F62663" s="14" t="s">
        <v>15</v>
      </c>
      <c r="G62663" s="16">
        <v>9.6844271282325853E-2</v>
      </c>
    </row>
    <row r="62664" spans="1:7" x14ac:dyDescent="0.3">
      <c r="A62664" s="13" t="s">
        <v>336</v>
      </c>
      <c r="B62664" s="14" t="s">
        <v>1</v>
      </c>
      <c r="C62664" s="14" t="s">
        <v>137</v>
      </c>
      <c r="D62664" s="14" t="s">
        <v>337</v>
      </c>
      <c r="E62664" s="15">
        <v>45625</v>
      </c>
      <c r="F62664" s="14" t="s">
        <v>15</v>
      </c>
      <c r="G62664" s="16">
        <v>0.11530906298028437</v>
      </c>
    </row>
    <row r="62665" spans="1:7" x14ac:dyDescent="0.3">
      <c r="A62665" s="13" t="s">
        <v>336</v>
      </c>
      <c r="B62665" s="14" t="s">
        <v>1</v>
      </c>
      <c r="C62665" s="14" t="s">
        <v>137</v>
      </c>
      <c r="D62665" s="14" t="s">
        <v>337</v>
      </c>
      <c r="E62665" s="15">
        <v>45626</v>
      </c>
      <c r="F62665" s="14" t="s">
        <v>15</v>
      </c>
      <c r="G62665" s="16">
        <v>0.11530906298028437</v>
      </c>
    </row>
    <row r="62666" spans="1:7" x14ac:dyDescent="0.3">
      <c r="A62666" s="13" t="s">
        <v>336</v>
      </c>
      <c r="B62666" s="14" t="s">
        <v>1</v>
      </c>
      <c r="C62666" s="14" t="s">
        <v>137</v>
      </c>
      <c r="D62666" s="14" t="s">
        <v>337</v>
      </c>
      <c r="E62666" s="15">
        <v>45627</v>
      </c>
      <c r="F62666" s="14" t="s">
        <v>15</v>
      </c>
      <c r="G62666" s="16">
        <v>0.11530906298028437</v>
      </c>
    </row>
    <row r="62667" spans="1:7" x14ac:dyDescent="0.3">
      <c r="A62667" s="13" t="s">
        <v>336</v>
      </c>
      <c r="B62667" s="14" t="s">
        <v>1</v>
      </c>
      <c r="C62667" s="14" t="s">
        <v>137</v>
      </c>
      <c r="D62667" s="14" t="s">
        <v>337</v>
      </c>
      <c r="E62667" s="15">
        <v>45628</v>
      </c>
      <c r="F62667" s="14" t="s">
        <v>15</v>
      </c>
      <c r="G62667" s="16">
        <v>0</v>
      </c>
    </row>
    <row r="62668" spans="1:7" x14ac:dyDescent="0.3">
      <c r="A62668" s="13" t="s">
        <v>336</v>
      </c>
      <c r="B62668" s="14" t="s">
        <v>1</v>
      </c>
      <c r="C62668" s="14" t="s">
        <v>137</v>
      </c>
      <c r="D62668" s="14" t="s">
        <v>337</v>
      </c>
      <c r="E62668" s="15">
        <v>45629</v>
      </c>
      <c r="F62668" s="14" t="s">
        <v>15</v>
      </c>
      <c r="G62668" s="16">
        <v>0</v>
      </c>
    </row>
    <row r="62669" spans="1:7" x14ac:dyDescent="0.3">
      <c r="A62669" s="13" t="s">
        <v>336</v>
      </c>
      <c r="B62669" s="14" t="s">
        <v>1</v>
      </c>
      <c r="C62669" s="14" t="s">
        <v>137</v>
      </c>
      <c r="D62669" s="14" t="s">
        <v>337</v>
      </c>
      <c r="E62669" s="15">
        <v>45630</v>
      </c>
      <c r="F62669" s="14" t="s">
        <v>15</v>
      </c>
      <c r="G62669" s="16">
        <v>0</v>
      </c>
    </row>
    <row r="62670" spans="1:7" x14ac:dyDescent="0.3">
      <c r="A62670" s="13" t="s">
        <v>336</v>
      </c>
      <c r="B62670" s="14" t="s">
        <v>1</v>
      </c>
      <c r="C62670" s="14" t="s">
        <v>137</v>
      </c>
      <c r="D62670" s="14" t="s">
        <v>337</v>
      </c>
      <c r="E62670" s="15">
        <v>45631</v>
      </c>
      <c r="F62670" s="14" t="s">
        <v>15</v>
      </c>
      <c r="G62670" s="16">
        <v>0</v>
      </c>
    </row>
    <row r="62671" spans="1:7" x14ac:dyDescent="0.3">
      <c r="A62671" s="13" t="s">
        <v>336</v>
      </c>
      <c r="B62671" s="14" t="s">
        <v>1</v>
      </c>
      <c r="C62671" s="14" t="s">
        <v>137</v>
      </c>
      <c r="D62671" s="14" t="s">
        <v>337</v>
      </c>
      <c r="E62671" s="15">
        <v>45632</v>
      </c>
      <c r="F62671" s="14" t="s">
        <v>15</v>
      </c>
      <c r="G62671" s="16">
        <v>0</v>
      </c>
    </row>
    <row r="62672" spans="1:7" x14ac:dyDescent="0.3">
      <c r="A62672" s="13" t="s">
        <v>336</v>
      </c>
      <c r="B62672" s="14" t="s">
        <v>1</v>
      </c>
      <c r="C62672" s="14" t="s">
        <v>137</v>
      </c>
      <c r="D62672" s="14" t="s">
        <v>337</v>
      </c>
      <c r="E62672" s="15">
        <v>45633</v>
      </c>
      <c r="F62672" s="14" t="s">
        <v>15</v>
      </c>
      <c r="G62672" s="16">
        <v>0</v>
      </c>
    </row>
    <row r="62673" spans="1:7" x14ac:dyDescent="0.3">
      <c r="A62673" s="13" t="s">
        <v>336</v>
      </c>
      <c r="B62673" s="14" t="s">
        <v>1</v>
      </c>
      <c r="C62673" s="14" t="s">
        <v>137</v>
      </c>
      <c r="D62673" s="14" t="s">
        <v>337</v>
      </c>
      <c r="E62673" s="15">
        <v>45634</v>
      </c>
      <c r="F62673" s="14" t="s">
        <v>15</v>
      </c>
      <c r="G62673" s="16">
        <v>0</v>
      </c>
    </row>
    <row r="62674" spans="1:7" x14ac:dyDescent="0.3">
      <c r="A62674" s="13" t="s">
        <v>336</v>
      </c>
      <c r="B62674" s="14" t="s">
        <v>1</v>
      </c>
      <c r="C62674" s="14" t="s">
        <v>137</v>
      </c>
      <c r="D62674" s="14" t="s">
        <v>337</v>
      </c>
      <c r="E62674" s="15">
        <v>45635</v>
      </c>
      <c r="F62674" s="14" t="s">
        <v>15</v>
      </c>
      <c r="G62674" s="16">
        <v>0</v>
      </c>
    </row>
    <row r="62675" spans="1:7" x14ac:dyDescent="0.3">
      <c r="A62675" s="13" t="s">
        <v>336</v>
      </c>
      <c r="B62675" s="14" t="s">
        <v>1</v>
      </c>
      <c r="C62675" s="14" t="s">
        <v>137</v>
      </c>
      <c r="D62675" s="14" t="s">
        <v>337</v>
      </c>
      <c r="E62675" s="15">
        <v>45636</v>
      </c>
      <c r="F62675" s="14" t="s">
        <v>15</v>
      </c>
      <c r="G62675" s="16">
        <v>0</v>
      </c>
    </row>
    <row r="62676" spans="1:7" x14ac:dyDescent="0.3">
      <c r="A62676" s="13" t="s">
        <v>336</v>
      </c>
      <c r="B62676" s="14" t="s">
        <v>1</v>
      </c>
      <c r="C62676" s="14" t="s">
        <v>137</v>
      </c>
      <c r="D62676" s="14" t="s">
        <v>337</v>
      </c>
      <c r="E62676" s="15">
        <v>45637</v>
      </c>
      <c r="F62676" s="14" t="s">
        <v>15</v>
      </c>
      <c r="G62676" s="16">
        <v>0</v>
      </c>
    </row>
    <row r="62677" spans="1:7" x14ac:dyDescent="0.3">
      <c r="A62677" s="13" t="s">
        <v>336</v>
      </c>
      <c r="B62677" s="14" t="s">
        <v>1</v>
      </c>
      <c r="C62677" s="14" t="s">
        <v>137</v>
      </c>
      <c r="D62677" s="14" t="s">
        <v>337</v>
      </c>
      <c r="E62677" s="15">
        <v>45638</v>
      </c>
      <c r="F62677" s="14" t="s">
        <v>15</v>
      </c>
      <c r="G62677" s="16">
        <v>0</v>
      </c>
    </row>
    <row r="62678" spans="1:7" x14ac:dyDescent="0.3">
      <c r="A62678" s="13" t="s">
        <v>336</v>
      </c>
      <c r="B62678" s="14" t="s">
        <v>1</v>
      </c>
      <c r="C62678" s="14" t="s">
        <v>137</v>
      </c>
      <c r="D62678" s="14" t="s">
        <v>337</v>
      </c>
      <c r="E62678" s="15">
        <v>45639</v>
      </c>
      <c r="F62678" s="14" t="s">
        <v>15</v>
      </c>
      <c r="G62678" s="16">
        <v>0</v>
      </c>
    </row>
    <row r="62679" spans="1:7" x14ac:dyDescent="0.3">
      <c r="A62679" s="13" t="s">
        <v>336</v>
      </c>
      <c r="B62679" s="14" t="s">
        <v>1</v>
      </c>
      <c r="C62679" s="14" t="s">
        <v>137</v>
      </c>
      <c r="D62679" s="14" t="s">
        <v>337</v>
      </c>
      <c r="E62679" s="15">
        <v>45640</v>
      </c>
      <c r="F62679" s="14" t="s">
        <v>15</v>
      </c>
      <c r="G62679" s="16">
        <v>0</v>
      </c>
    </row>
    <row r="62680" spans="1:7" x14ac:dyDescent="0.3">
      <c r="A62680" s="13" t="s">
        <v>336</v>
      </c>
      <c r="B62680" s="14" t="s">
        <v>1</v>
      </c>
      <c r="C62680" s="14" t="s">
        <v>137</v>
      </c>
      <c r="D62680" s="14" t="s">
        <v>337</v>
      </c>
      <c r="E62680" s="15">
        <v>45641</v>
      </c>
      <c r="F62680" s="14" t="s">
        <v>15</v>
      </c>
      <c r="G62680" s="16">
        <v>0</v>
      </c>
    </row>
    <row r="62681" spans="1:7" x14ac:dyDescent="0.3">
      <c r="A62681" s="13" t="s">
        <v>336</v>
      </c>
      <c r="B62681" s="14" t="s">
        <v>1</v>
      </c>
      <c r="C62681" s="14" t="s">
        <v>137</v>
      </c>
      <c r="D62681" s="14" t="s">
        <v>337</v>
      </c>
      <c r="E62681" s="15">
        <v>45642</v>
      </c>
      <c r="F62681" s="14" t="s">
        <v>15</v>
      </c>
      <c r="G62681" s="16">
        <v>0</v>
      </c>
    </row>
    <row r="62682" spans="1:7" x14ac:dyDescent="0.3">
      <c r="A62682" s="13" t="s">
        <v>336</v>
      </c>
      <c r="B62682" s="14" t="s">
        <v>1</v>
      </c>
      <c r="C62682" s="14" t="s">
        <v>137</v>
      </c>
      <c r="D62682" s="14" t="s">
        <v>337</v>
      </c>
      <c r="E62682" s="15">
        <v>45643</v>
      </c>
      <c r="F62682" s="14" t="s">
        <v>15</v>
      </c>
      <c r="G62682" s="16">
        <v>0</v>
      </c>
    </row>
    <row r="62683" spans="1:7" x14ac:dyDescent="0.3">
      <c r="A62683" s="13" t="s">
        <v>336</v>
      </c>
      <c r="B62683" s="14" t="s">
        <v>1</v>
      </c>
      <c r="C62683" s="14" t="s">
        <v>137</v>
      </c>
      <c r="D62683" s="14" t="s">
        <v>337</v>
      </c>
      <c r="E62683" s="15">
        <v>45644</v>
      </c>
      <c r="F62683" s="14" t="s">
        <v>15</v>
      </c>
      <c r="G62683" s="16">
        <v>0</v>
      </c>
    </row>
    <row r="62684" spans="1:7" x14ac:dyDescent="0.3">
      <c r="A62684" s="13" t="s">
        <v>336</v>
      </c>
      <c r="B62684" s="14" t="s">
        <v>1</v>
      </c>
      <c r="C62684" s="14" t="s">
        <v>137</v>
      </c>
      <c r="D62684" s="14" t="s">
        <v>337</v>
      </c>
      <c r="E62684" s="15">
        <v>45645</v>
      </c>
      <c r="F62684" s="14" t="s">
        <v>15</v>
      </c>
      <c r="G62684" s="16">
        <v>0</v>
      </c>
    </row>
    <row r="62685" spans="1:7" x14ac:dyDescent="0.3">
      <c r="A62685" s="13" t="s">
        <v>336</v>
      </c>
      <c r="B62685" s="14" t="s">
        <v>1</v>
      </c>
      <c r="C62685" s="14" t="s">
        <v>137</v>
      </c>
      <c r="D62685" s="14" t="s">
        <v>337</v>
      </c>
      <c r="E62685" s="15">
        <v>45646</v>
      </c>
      <c r="F62685" s="14" t="s">
        <v>15</v>
      </c>
      <c r="G62685" s="16">
        <v>0</v>
      </c>
    </row>
    <row r="62686" spans="1:7" x14ac:dyDescent="0.3">
      <c r="A62686" s="13" t="s">
        <v>336</v>
      </c>
      <c r="B62686" s="14" t="s">
        <v>1</v>
      </c>
      <c r="C62686" s="14" t="s">
        <v>137</v>
      </c>
      <c r="D62686" s="14" t="s">
        <v>337</v>
      </c>
      <c r="E62686" s="15">
        <v>45647</v>
      </c>
      <c r="F62686" s="14" t="s">
        <v>15</v>
      </c>
      <c r="G62686" s="16">
        <v>0</v>
      </c>
    </row>
    <row r="62687" spans="1:7" x14ac:dyDescent="0.3">
      <c r="A62687" s="13" t="s">
        <v>336</v>
      </c>
      <c r="B62687" s="14" t="s">
        <v>1</v>
      </c>
      <c r="C62687" s="14" t="s">
        <v>137</v>
      </c>
      <c r="D62687" s="14" t="s">
        <v>337</v>
      </c>
      <c r="E62687" s="15">
        <v>45648</v>
      </c>
      <c r="F62687" s="14" t="s">
        <v>15</v>
      </c>
      <c r="G62687" s="16">
        <v>0</v>
      </c>
    </row>
    <row r="62688" spans="1:7" x14ac:dyDescent="0.3">
      <c r="A62688" s="13" t="s">
        <v>336</v>
      </c>
      <c r="B62688" s="14" t="s">
        <v>1</v>
      </c>
      <c r="C62688" s="14" t="s">
        <v>137</v>
      </c>
      <c r="D62688" s="14" t="s">
        <v>337</v>
      </c>
      <c r="E62688" s="15">
        <v>45649</v>
      </c>
      <c r="F62688" s="14" t="s">
        <v>15</v>
      </c>
      <c r="G62688" s="16">
        <v>0</v>
      </c>
    </row>
    <row r="62689" spans="1:7" x14ac:dyDescent="0.3">
      <c r="A62689" s="13" t="s">
        <v>336</v>
      </c>
      <c r="B62689" s="14" t="s">
        <v>1</v>
      </c>
      <c r="C62689" s="14" t="s">
        <v>137</v>
      </c>
      <c r="D62689" s="14" t="s">
        <v>337</v>
      </c>
      <c r="E62689" s="15">
        <v>45650</v>
      </c>
      <c r="F62689" s="14" t="s">
        <v>15</v>
      </c>
      <c r="G62689" s="16">
        <v>0</v>
      </c>
    </row>
    <row r="62690" spans="1:7" x14ac:dyDescent="0.3">
      <c r="A62690" s="13" t="s">
        <v>336</v>
      </c>
      <c r="B62690" s="14" t="s">
        <v>1</v>
      </c>
      <c r="C62690" s="14" t="s">
        <v>137</v>
      </c>
      <c r="D62690" s="14" t="s">
        <v>337</v>
      </c>
      <c r="E62690" s="15">
        <v>45651</v>
      </c>
      <c r="F62690" s="14" t="s">
        <v>15</v>
      </c>
      <c r="G62690" s="16">
        <v>0</v>
      </c>
    </row>
    <row r="62691" spans="1:7" x14ac:dyDescent="0.3">
      <c r="A62691" s="13" t="s">
        <v>336</v>
      </c>
      <c r="B62691" s="14" t="s">
        <v>1</v>
      </c>
      <c r="C62691" s="14" t="s">
        <v>137</v>
      </c>
      <c r="D62691" s="14" t="s">
        <v>337</v>
      </c>
      <c r="E62691" s="15">
        <v>45652</v>
      </c>
      <c r="F62691" s="14" t="s">
        <v>15</v>
      </c>
      <c r="G62691" s="16">
        <v>0</v>
      </c>
    </row>
    <row r="62692" spans="1:7" x14ac:dyDescent="0.3">
      <c r="A62692" s="13" t="s">
        <v>336</v>
      </c>
      <c r="B62692" s="14" t="s">
        <v>1</v>
      </c>
      <c r="C62692" s="14" t="s">
        <v>137</v>
      </c>
      <c r="D62692" s="14" t="s">
        <v>337</v>
      </c>
      <c r="E62692" s="15">
        <v>45653</v>
      </c>
      <c r="F62692" s="14" t="s">
        <v>15</v>
      </c>
      <c r="G62692" s="16">
        <v>0</v>
      </c>
    </row>
    <row r="62693" spans="1:7" x14ac:dyDescent="0.3">
      <c r="A62693" s="13" t="s">
        <v>336</v>
      </c>
      <c r="B62693" s="14" t="s">
        <v>1</v>
      </c>
      <c r="C62693" s="14" t="s">
        <v>137</v>
      </c>
      <c r="D62693" s="14" t="s">
        <v>337</v>
      </c>
      <c r="E62693" s="15">
        <v>45654</v>
      </c>
      <c r="F62693" s="14" t="s">
        <v>15</v>
      </c>
      <c r="G62693" s="16">
        <v>0</v>
      </c>
    </row>
    <row r="62694" spans="1:7" x14ac:dyDescent="0.3">
      <c r="A62694" s="13" t="s">
        <v>336</v>
      </c>
      <c r="B62694" s="14" t="s">
        <v>1</v>
      </c>
      <c r="C62694" s="14" t="s">
        <v>137</v>
      </c>
      <c r="D62694" s="14" t="s">
        <v>337</v>
      </c>
      <c r="E62694" s="15">
        <v>45655</v>
      </c>
      <c r="F62694" s="14" t="s">
        <v>15</v>
      </c>
      <c r="G62694" s="16">
        <v>0</v>
      </c>
    </row>
    <row r="62695" spans="1:7" x14ac:dyDescent="0.3">
      <c r="A62695" s="13" t="s">
        <v>336</v>
      </c>
      <c r="B62695" s="14" t="s">
        <v>1</v>
      </c>
      <c r="C62695" s="14" t="s">
        <v>137</v>
      </c>
      <c r="D62695" s="14" t="s">
        <v>337</v>
      </c>
      <c r="E62695" s="15">
        <v>45656</v>
      </c>
      <c r="F62695" s="14" t="s">
        <v>15</v>
      </c>
      <c r="G62695" s="16">
        <v>0</v>
      </c>
    </row>
    <row r="62696" spans="1:7" x14ac:dyDescent="0.3">
      <c r="A62696" s="13" t="s">
        <v>336</v>
      </c>
      <c r="B62696" s="14" t="s">
        <v>1</v>
      </c>
      <c r="C62696" s="14" t="s">
        <v>137</v>
      </c>
      <c r="D62696" s="14" t="s">
        <v>337</v>
      </c>
      <c r="E62696" s="15">
        <v>45657</v>
      </c>
      <c r="F62696" s="14" t="s">
        <v>15</v>
      </c>
      <c r="G62696" s="16">
        <v>7.9173921666621322E-2</v>
      </c>
    </row>
    <row r="62697" spans="1:7" x14ac:dyDescent="0.3">
      <c r="A62697" s="13" t="s">
        <v>336</v>
      </c>
      <c r="B62697" s="14" t="s">
        <v>1</v>
      </c>
      <c r="C62697" s="14" t="s">
        <v>137</v>
      </c>
      <c r="D62697" s="14" t="s">
        <v>337</v>
      </c>
      <c r="E62697" s="15">
        <v>45658</v>
      </c>
      <c r="F62697" s="14" t="s">
        <v>15</v>
      </c>
      <c r="G62697" s="16">
        <v>7.9173921666621322E-2</v>
      </c>
    </row>
    <row r="62698" spans="1:7" x14ac:dyDescent="0.3">
      <c r="A62698" s="13" t="s">
        <v>336</v>
      </c>
      <c r="B62698" s="14" t="s">
        <v>1</v>
      </c>
      <c r="C62698" s="14" t="s">
        <v>137</v>
      </c>
      <c r="D62698" s="14" t="s">
        <v>337</v>
      </c>
      <c r="E62698" s="15">
        <v>45659</v>
      </c>
      <c r="F62698" s="14" t="s">
        <v>15</v>
      </c>
      <c r="G62698" s="16">
        <v>0</v>
      </c>
    </row>
    <row r="62699" spans="1:7" x14ac:dyDescent="0.3">
      <c r="A62699" s="13" t="s">
        <v>336</v>
      </c>
      <c r="B62699" s="14" t="s">
        <v>1</v>
      </c>
      <c r="C62699" s="14" t="s">
        <v>137</v>
      </c>
      <c r="D62699" s="14" t="s">
        <v>337</v>
      </c>
      <c r="E62699" s="15">
        <v>45660</v>
      </c>
      <c r="F62699" s="14" t="s">
        <v>15</v>
      </c>
      <c r="G62699" s="16">
        <v>0</v>
      </c>
    </row>
    <row r="62700" spans="1:7" x14ac:dyDescent="0.3">
      <c r="A62700" s="13" t="s">
        <v>336</v>
      </c>
      <c r="B62700" s="14" t="s">
        <v>1</v>
      </c>
      <c r="C62700" s="14" t="s">
        <v>137</v>
      </c>
      <c r="D62700" s="14" t="s">
        <v>337</v>
      </c>
      <c r="E62700" s="15">
        <v>45661</v>
      </c>
      <c r="F62700" s="14" t="s">
        <v>15</v>
      </c>
      <c r="G62700" s="16">
        <v>0</v>
      </c>
    </row>
    <row r="62701" spans="1:7" x14ac:dyDescent="0.3">
      <c r="A62701" s="13" t="s">
        <v>336</v>
      </c>
      <c r="B62701" s="14" t="s">
        <v>1</v>
      </c>
      <c r="C62701" s="14" t="s">
        <v>137</v>
      </c>
      <c r="D62701" s="14" t="s">
        <v>337</v>
      </c>
      <c r="E62701" s="15">
        <v>45662</v>
      </c>
      <c r="F62701" s="14" t="s">
        <v>15</v>
      </c>
      <c r="G62701" s="16">
        <v>0</v>
      </c>
    </row>
    <row r="62702" spans="1:7" x14ac:dyDescent="0.3">
      <c r="A62702" s="13" t="s">
        <v>336</v>
      </c>
      <c r="B62702" s="14" t="s">
        <v>1</v>
      </c>
      <c r="C62702" s="14" t="s">
        <v>137</v>
      </c>
      <c r="D62702" s="14" t="s">
        <v>337</v>
      </c>
      <c r="E62702" s="15">
        <v>45663</v>
      </c>
      <c r="F62702" s="14" t="s">
        <v>15</v>
      </c>
      <c r="G62702" s="16">
        <v>0</v>
      </c>
    </row>
    <row r="62703" spans="1:7" x14ac:dyDescent="0.3">
      <c r="A62703" s="13" t="s">
        <v>336</v>
      </c>
      <c r="B62703" s="14" t="s">
        <v>1</v>
      </c>
      <c r="C62703" s="14" t="s">
        <v>137</v>
      </c>
      <c r="D62703" s="14" t="s">
        <v>337</v>
      </c>
      <c r="E62703" s="15">
        <v>45664</v>
      </c>
      <c r="F62703" s="14" t="s">
        <v>15</v>
      </c>
      <c r="G62703" s="16">
        <v>0</v>
      </c>
    </row>
    <row r="62704" spans="1:7" x14ac:dyDescent="0.3">
      <c r="A62704" s="13" t="s">
        <v>336</v>
      </c>
      <c r="B62704" s="14" t="s">
        <v>1</v>
      </c>
      <c r="C62704" s="14" t="s">
        <v>137</v>
      </c>
      <c r="D62704" s="14" t="s">
        <v>337</v>
      </c>
      <c r="E62704" s="15">
        <v>45665</v>
      </c>
      <c r="F62704" s="14" t="s">
        <v>15</v>
      </c>
      <c r="G62704" s="16">
        <v>0</v>
      </c>
    </row>
    <row r="62705" spans="1:7" x14ac:dyDescent="0.3">
      <c r="A62705" s="13" t="s">
        <v>336</v>
      </c>
      <c r="B62705" s="14" t="s">
        <v>1</v>
      </c>
      <c r="C62705" s="14" t="s">
        <v>137</v>
      </c>
      <c r="D62705" s="14" t="s">
        <v>337</v>
      </c>
      <c r="E62705" s="15">
        <v>45666</v>
      </c>
      <c r="F62705" s="14" t="s">
        <v>15</v>
      </c>
      <c r="G62705" s="16">
        <v>0</v>
      </c>
    </row>
    <row r="62706" spans="1:7" x14ac:dyDescent="0.3">
      <c r="A62706" s="13" t="s">
        <v>336</v>
      </c>
      <c r="B62706" s="14" t="s">
        <v>1</v>
      </c>
      <c r="C62706" s="14" t="s">
        <v>137</v>
      </c>
      <c r="D62706" s="14" t="s">
        <v>337</v>
      </c>
      <c r="E62706" s="15">
        <v>45667</v>
      </c>
      <c r="F62706" s="14" t="s">
        <v>15</v>
      </c>
      <c r="G62706" s="16">
        <v>0</v>
      </c>
    </row>
    <row r="62707" spans="1:7" x14ac:dyDescent="0.3">
      <c r="A62707" s="13" t="s">
        <v>336</v>
      </c>
      <c r="B62707" s="14" t="s">
        <v>1</v>
      </c>
      <c r="C62707" s="14" t="s">
        <v>137</v>
      </c>
      <c r="D62707" s="14" t="s">
        <v>337</v>
      </c>
      <c r="E62707" s="15">
        <v>45668</v>
      </c>
      <c r="F62707" s="14" t="s">
        <v>15</v>
      </c>
      <c r="G62707" s="16">
        <v>0</v>
      </c>
    </row>
    <row r="62708" spans="1:7" x14ac:dyDescent="0.3">
      <c r="A62708" s="13" t="s">
        <v>336</v>
      </c>
      <c r="B62708" s="14" t="s">
        <v>1</v>
      </c>
      <c r="C62708" s="14" t="s">
        <v>137</v>
      </c>
      <c r="D62708" s="14" t="s">
        <v>337</v>
      </c>
      <c r="E62708" s="15">
        <v>45669</v>
      </c>
      <c r="F62708" s="14" t="s">
        <v>15</v>
      </c>
      <c r="G62708" s="16">
        <v>0</v>
      </c>
    </row>
    <row r="62709" spans="1:7" x14ac:dyDescent="0.3">
      <c r="A62709" s="13" t="s">
        <v>336</v>
      </c>
      <c r="B62709" s="14" t="s">
        <v>1</v>
      </c>
      <c r="C62709" s="14" t="s">
        <v>137</v>
      </c>
      <c r="D62709" s="14" t="s">
        <v>337</v>
      </c>
      <c r="E62709" s="15">
        <v>45670</v>
      </c>
      <c r="F62709" s="14" t="s">
        <v>15</v>
      </c>
      <c r="G62709" s="16">
        <v>0</v>
      </c>
    </row>
    <row r="62710" spans="1:7" x14ac:dyDescent="0.3">
      <c r="A62710" s="13" t="s">
        <v>336</v>
      </c>
      <c r="B62710" s="14" t="s">
        <v>1</v>
      </c>
      <c r="C62710" s="14" t="s">
        <v>137</v>
      </c>
      <c r="D62710" s="14" t="s">
        <v>337</v>
      </c>
      <c r="E62710" s="15">
        <v>45671</v>
      </c>
      <c r="F62710" s="14" t="s">
        <v>15</v>
      </c>
      <c r="G62710" s="16">
        <v>0</v>
      </c>
    </row>
    <row r="62711" spans="1:7" x14ac:dyDescent="0.3">
      <c r="A62711" s="13" t="s">
        <v>336</v>
      </c>
      <c r="B62711" s="14" t="s">
        <v>1</v>
      </c>
      <c r="C62711" s="14" t="s">
        <v>137</v>
      </c>
      <c r="D62711" s="14" t="s">
        <v>337</v>
      </c>
      <c r="E62711" s="15">
        <v>45672</v>
      </c>
      <c r="F62711" s="14" t="s">
        <v>15</v>
      </c>
      <c r="G62711" s="16">
        <v>0</v>
      </c>
    </row>
    <row r="62712" spans="1:7" x14ac:dyDescent="0.3">
      <c r="A62712" s="13" t="s">
        <v>336</v>
      </c>
      <c r="B62712" s="14" t="s">
        <v>1</v>
      </c>
      <c r="C62712" s="14" t="s">
        <v>137</v>
      </c>
      <c r="D62712" s="14" t="s">
        <v>337</v>
      </c>
      <c r="E62712" s="15">
        <v>45673</v>
      </c>
      <c r="F62712" s="14" t="s">
        <v>15</v>
      </c>
      <c r="G62712" s="16">
        <v>0</v>
      </c>
    </row>
    <row r="62713" spans="1:7" x14ac:dyDescent="0.3">
      <c r="A62713" s="13" t="s">
        <v>336</v>
      </c>
      <c r="B62713" s="14" t="s">
        <v>1</v>
      </c>
      <c r="C62713" s="14" t="s">
        <v>137</v>
      </c>
      <c r="D62713" s="14" t="s">
        <v>337</v>
      </c>
      <c r="E62713" s="15">
        <v>45674</v>
      </c>
      <c r="F62713" s="14" t="s">
        <v>15</v>
      </c>
      <c r="G62713" s="16">
        <v>0</v>
      </c>
    </row>
    <row r="62714" spans="1:7" x14ac:dyDescent="0.3">
      <c r="A62714" s="13" t="s">
        <v>336</v>
      </c>
      <c r="B62714" s="14" t="s">
        <v>1</v>
      </c>
      <c r="C62714" s="14" t="s">
        <v>137</v>
      </c>
      <c r="D62714" s="14" t="s">
        <v>337</v>
      </c>
      <c r="E62714" s="15">
        <v>45675</v>
      </c>
      <c r="F62714" s="14" t="s">
        <v>15</v>
      </c>
      <c r="G62714" s="16">
        <v>0</v>
      </c>
    </row>
    <row r="62715" spans="1:7" x14ac:dyDescent="0.3">
      <c r="A62715" s="13" t="s">
        <v>336</v>
      </c>
      <c r="B62715" s="14" t="s">
        <v>1</v>
      </c>
      <c r="C62715" s="14" t="s">
        <v>137</v>
      </c>
      <c r="D62715" s="14" t="s">
        <v>337</v>
      </c>
      <c r="E62715" s="15">
        <v>45676</v>
      </c>
      <c r="F62715" s="14" t="s">
        <v>15</v>
      </c>
      <c r="G62715" s="16">
        <v>0</v>
      </c>
    </row>
    <row r="62716" spans="1:7" x14ac:dyDescent="0.3">
      <c r="A62716" s="13" t="s">
        <v>336</v>
      </c>
      <c r="B62716" s="14" t="s">
        <v>1</v>
      </c>
      <c r="C62716" s="14" t="s">
        <v>137</v>
      </c>
      <c r="D62716" s="14" t="s">
        <v>337</v>
      </c>
      <c r="E62716" s="15">
        <v>45677</v>
      </c>
      <c r="F62716" s="14" t="s">
        <v>15</v>
      </c>
      <c r="G62716" s="16">
        <v>0</v>
      </c>
    </row>
    <row r="62717" spans="1:7" x14ac:dyDescent="0.3">
      <c r="A62717" s="13" t="s">
        <v>336</v>
      </c>
      <c r="B62717" s="14" t="s">
        <v>1</v>
      </c>
      <c r="C62717" s="14" t="s">
        <v>137</v>
      </c>
      <c r="D62717" s="14" t="s">
        <v>337</v>
      </c>
      <c r="E62717" s="15">
        <v>45678</v>
      </c>
      <c r="F62717" s="14" t="s">
        <v>15</v>
      </c>
      <c r="G62717" s="16">
        <v>0</v>
      </c>
    </row>
    <row r="62718" spans="1:7" x14ac:dyDescent="0.3">
      <c r="A62718" s="13" t="s">
        <v>336</v>
      </c>
      <c r="B62718" s="14" t="s">
        <v>1</v>
      </c>
      <c r="C62718" s="14" t="s">
        <v>137</v>
      </c>
      <c r="D62718" s="14" t="s">
        <v>337</v>
      </c>
      <c r="E62718" s="15">
        <v>45679</v>
      </c>
      <c r="F62718" s="14" t="s">
        <v>15</v>
      </c>
      <c r="G62718" s="16">
        <v>0</v>
      </c>
    </row>
    <row r="62719" spans="1:7" x14ac:dyDescent="0.3">
      <c r="A62719" s="13" t="s">
        <v>336</v>
      </c>
      <c r="B62719" s="14" t="s">
        <v>1</v>
      </c>
      <c r="C62719" s="14" t="s">
        <v>137</v>
      </c>
      <c r="D62719" s="14" t="s">
        <v>337</v>
      </c>
      <c r="E62719" s="15">
        <v>45680</v>
      </c>
      <c r="F62719" s="14" t="s">
        <v>15</v>
      </c>
      <c r="G62719" s="16">
        <v>0</v>
      </c>
    </row>
    <row r="62720" spans="1:7" x14ac:dyDescent="0.3">
      <c r="A62720" s="13" t="s">
        <v>336</v>
      </c>
      <c r="B62720" s="14" t="s">
        <v>1</v>
      </c>
      <c r="C62720" s="14" t="s">
        <v>137</v>
      </c>
      <c r="D62720" s="14" t="s">
        <v>337</v>
      </c>
      <c r="E62720" s="15">
        <v>45681</v>
      </c>
      <c r="F62720" s="14" t="s">
        <v>15</v>
      </c>
      <c r="G62720" s="16">
        <v>0</v>
      </c>
    </row>
    <row r="62721" spans="1:7" x14ac:dyDescent="0.3">
      <c r="A62721" s="13" t="s">
        <v>336</v>
      </c>
      <c r="B62721" s="14" t="s">
        <v>1</v>
      </c>
      <c r="C62721" s="14" t="s">
        <v>137</v>
      </c>
      <c r="D62721" s="14" t="s">
        <v>337</v>
      </c>
      <c r="E62721" s="15">
        <v>45682</v>
      </c>
      <c r="F62721" s="14" t="s">
        <v>15</v>
      </c>
      <c r="G62721" s="16">
        <v>0</v>
      </c>
    </row>
    <row r="62722" spans="1:7" x14ac:dyDescent="0.3">
      <c r="A62722" s="13" t="s">
        <v>336</v>
      </c>
      <c r="B62722" s="14" t="s">
        <v>1</v>
      </c>
      <c r="C62722" s="14" t="s">
        <v>137</v>
      </c>
      <c r="D62722" s="14" t="s">
        <v>337</v>
      </c>
      <c r="E62722" s="15">
        <v>45683</v>
      </c>
      <c r="F62722" s="14" t="s">
        <v>15</v>
      </c>
      <c r="G62722" s="16">
        <v>0</v>
      </c>
    </row>
    <row r="62723" spans="1:7" x14ac:dyDescent="0.3">
      <c r="A62723" s="13" t="s">
        <v>336</v>
      </c>
      <c r="B62723" s="14" t="s">
        <v>1</v>
      </c>
      <c r="C62723" s="14" t="s">
        <v>137</v>
      </c>
      <c r="D62723" s="14" t="s">
        <v>337</v>
      </c>
      <c r="E62723" s="15">
        <v>45684</v>
      </c>
      <c r="F62723" s="14" t="s">
        <v>15</v>
      </c>
      <c r="G62723" s="16">
        <v>0</v>
      </c>
    </row>
    <row r="62724" spans="1:7" x14ac:dyDescent="0.3">
      <c r="A62724" s="13" t="s">
        <v>336</v>
      </c>
      <c r="B62724" s="14" t="s">
        <v>1</v>
      </c>
      <c r="C62724" s="14" t="s">
        <v>137</v>
      </c>
      <c r="D62724" s="14" t="s">
        <v>337</v>
      </c>
      <c r="E62724" s="15">
        <v>45685</v>
      </c>
      <c r="F62724" s="14" t="s">
        <v>15</v>
      </c>
      <c r="G62724" s="16">
        <v>0</v>
      </c>
    </row>
    <row r="62725" spans="1:7" x14ac:dyDescent="0.3">
      <c r="A62725" s="13" t="s">
        <v>336</v>
      </c>
      <c r="B62725" s="14" t="s">
        <v>1</v>
      </c>
      <c r="C62725" s="14" t="s">
        <v>137</v>
      </c>
      <c r="D62725" s="14" t="s">
        <v>337</v>
      </c>
      <c r="E62725" s="15">
        <v>45686</v>
      </c>
      <c r="F62725" s="14" t="s">
        <v>15</v>
      </c>
      <c r="G62725" s="16">
        <v>0</v>
      </c>
    </row>
    <row r="62726" spans="1:7" x14ac:dyDescent="0.3">
      <c r="A62726" s="13" t="s">
        <v>336</v>
      </c>
      <c r="B62726" s="14" t="s">
        <v>1</v>
      </c>
      <c r="C62726" s="14" t="s">
        <v>137</v>
      </c>
      <c r="D62726" s="14" t="s">
        <v>337</v>
      </c>
      <c r="E62726" s="15">
        <v>45687</v>
      </c>
      <c r="F62726" s="14" t="s">
        <v>15</v>
      </c>
      <c r="G62726" s="16">
        <v>0</v>
      </c>
    </row>
    <row r="62727" spans="1:7" x14ac:dyDescent="0.3">
      <c r="A62727" s="13" t="s">
        <v>336</v>
      </c>
      <c r="B62727" s="14" t="s">
        <v>1</v>
      </c>
      <c r="C62727" s="14" t="s">
        <v>137</v>
      </c>
      <c r="D62727" s="14" t="s">
        <v>337</v>
      </c>
      <c r="E62727" s="15">
        <v>45688</v>
      </c>
      <c r="F62727" s="14" t="s">
        <v>15</v>
      </c>
      <c r="G62727" s="16">
        <v>0</v>
      </c>
    </row>
    <row r="62728" spans="1:7" x14ac:dyDescent="0.3">
      <c r="A62728" s="13" t="s">
        <v>336</v>
      </c>
      <c r="B62728" s="14" t="s">
        <v>1</v>
      </c>
      <c r="C62728" s="14" t="s">
        <v>137</v>
      </c>
      <c r="D62728" s="14" t="s">
        <v>337</v>
      </c>
      <c r="E62728" s="15">
        <v>45689</v>
      </c>
      <c r="F62728" s="14" t="s">
        <v>15</v>
      </c>
      <c r="G62728" s="16">
        <v>0</v>
      </c>
    </row>
    <row r="62729" spans="1:7" x14ac:dyDescent="0.3">
      <c r="A62729" s="13" t="s">
        <v>336</v>
      </c>
      <c r="B62729" s="14" t="s">
        <v>1</v>
      </c>
      <c r="C62729" s="14" t="s">
        <v>137</v>
      </c>
      <c r="D62729" s="14" t="s">
        <v>337</v>
      </c>
      <c r="E62729" s="15">
        <v>45690</v>
      </c>
      <c r="F62729" s="14" t="s">
        <v>15</v>
      </c>
      <c r="G62729" s="16">
        <v>0</v>
      </c>
    </row>
    <row r="62730" spans="1:7" x14ac:dyDescent="0.3">
      <c r="A62730" s="13" t="s">
        <v>336</v>
      </c>
      <c r="B62730" s="14" t="s">
        <v>1</v>
      </c>
      <c r="C62730" s="14" t="s">
        <v>137</v>
      </c>
      <c r="D62730" s="14" t="s">
        <v>337</v>
      </c>
      <c r="E62730" s="15">
        <v>45691</v>
      </c>
      <c r="F62730" s="14" t="s">
        <v>15</v>
      </c>
      <c r="G62730" s="16">
        <v>0</v>
      </c>
    </row>
    <row r="62731" spans="1:7" x14ac:dyDescent="0.3">
      <c r="A62731" s="13" t="s">
        <v>336</v>
      </c>
      <c r="B62731" s="14" t="s">
        <v>1</v>
      </c>
      <c r="C62731" s="14" t="s">
        <v>137</v>
      </c>
      <c r="D62731" s="14" t="s">
        <v>337</v>
      </c>
      <c r="E62731" s="15">
        <v>45692</v>
      </c>
      <c r="F62731" s="14" t="s">
        <v>15</v>
      </c>
      <c r="G62731" s="16">
        <v>0</v>
      </c>
    </row>
    <row r="62732" spans="1:7" x14ac:dyDescent="0.3">
      <c r="A62732" s="13" t="s">
        <v>336</v>
      </c>
      <c r="B62732" s="14" t="s">
        <v>1</v>
      </c>
      <c r="C62732" s="14" t="s">
        <v>137</v>
      </c>
      <c r="D62732" s="14" t="s">
        <v>337</v>
      </c>
      <c r="E62732" s="15">
        <v>45693</v>
      </c>
      <c r="F62732" s="14" t="s">
        <v>15</v>
      </c>
      <c r="G62732" s="16">
        <v>0</v>
      </c>
    </row>
    <row r="62733" spans="1:7" x14ac:dyDescent="0.3">
      <c r="A62733" s="13" t="s">
        <v>336</v>
      </c>
      <c r="B62733" s="14" t="s">
        <v>1</v>
      </c>
      <c r="C62733" s="14" t="s">
        <v>137</v>
      </c>
      <c r="D62733" s="14" t="s">
        <v>337</v>
      </c>
      <c r="E62733" s="15">
        <v>45694</v>
      </c>
      <c r="F62733" s="14" t="s">
        <v>15</v>
      </c>
      <c r="G62733" s="16">
        <v>0</v>
      </c>
    </row>
    <row r="62734" spans="1:7" x14ac:dyDescent="0.3">
      <c r="A62734" s="13" t="s">
        <v>336</v>
      </c>
      <c r="B62734" s="14" t="s">
        <v>1</v>
      </c>
      <c r="C62734" s="14" t="s">
        <v>137</v>
      </c>
      <c r="D62734" s="14" t="s">
        <v>337</v>
      </c>
      <c r="E62734" s="15">
        <v>45695</v>
      </c>
      <c r="F62734" s="14" t="s">
        <v>15</v>
      </c>
      <c r="G62734" s="16">
        <v>0</v>
      </c>
    </row>
    <row r="62735" spans="1:7" x14ac:dyDescent="0.3">
      <c r="A62735" s="13" t="s">
        <v>336</v>
      </c>
      <c r="B62735" s="14" t="s">
        <v>1</v>
      </c>
      <c r="C62735" s="14" t="s">
        <v>137</v>
      </c>
      <c r="D62735" s="14" t="s">
        <v>337</v>
      </c>
      <c r="E62735" s="15">
        <v>45696</v>
      </c>
      <c r="F62735" s="14" t="s">
        <v>15</v>
      </c>
      <c r="G62735" s="16">
        <v>0</v>
      </c>
    </row>
    <row r="62736" spans="1:7" x14ac:dyDescent="0.3">
      <c r="A62736" s="13" t="s">
        <v>336</v>
      </c>
      <c r="B62736" s="14" t="s">
        <v>1</v>
      </c>
      <c r="C62736" s="14" t="s">
        <v>137</v>
      </c>
      <c r="D62736" s="14" t="s">
        <v>337</v>
      </c>
      <c r="E62736" s="15">
        <v>45697</v>
      </c>
      <c r="F62736" s="14" t="s">
        <v>15</v>
      </c>
      <c r="G62736" s="16">
        <v>0</v>
      </c>
    </row>
    <row r="62737" spans="1:7" x14ac:dyDescent="0.3">
      <c r="A62737" s="13" t="s">
        <v>336</v>
      </c>
      <c r="B62737" s="14" t="s">
        <v>1</v>
      </c>
      <c r="C62737" s="14" t="s">
        <v>137</v>
      </c>
      <c r="D62737" s="14" t="s">
        <v>337</v>
      </c>
      <c r="E62737" s="15">
        <v>45698</v>
      </c>
      <c r="F62737" s="14" t="s">
        <v>15</v>
      </c>
      <c r="G62737" s="16">
        <v>0</v>
      </c>
    </row>
    <row r="62738" spans="1:7" x14ac:dyDescent="0.3">
      <c r="A62738" s="13" t="s">
        <v>336</v>
      </c>
      <c r="B62738" s="14" t="s">
        <v>1</v>
      </c>
      <c r="C62738" s="14" t="s">
        <v>137</v>
      </c>
      <c r="D62738" s="14" t="s">
        <v>337</v>
      </c>
      <c r="E62738" s="15">
        <v>45699</v>
      </c>
      <c r="F62738" s="14" t="s">
        <v>15</v>
      </c>
      <c r="G62738" s="16">
        <v>0</v>
      </c>
    </row>
    <row r="62739" spans="1:7" x14ac:dyDescent="0.3">
      <c r="A62739" s="13" t="s">
        <v>336</v>
      </c>
      <c r="B62739" s="14" t="s">
        <v>1</v>
      </c>
      <c r="C62739" s="14" t="s">
        <v>137</v>
      </c>
      <c r="D62739" s="14" t="s">
        <v>337</v>
      </c>
      <c r="E62739" s="15">
        <v>45700</v>
      </c>
      <c r="F62739" s="14" t="s">
        <v>15</v>
      </c>
      <c r="G62739" s="16">
        <v>0</v>
      </c>
    </row>
    <row r="62740" spans="1:7" x14ac:dyDescent="0.3">
      <c r="A62740" s="13" t="s">
        <v>336</v>
      </c>
      <c r="B62740" s="14" t="s">
        <v>1</v>
      </c>
      <c r="C62740" s="14" t="s">
        <v>137</v>
      </c>
      <c r="D62740" s="14" t="s">
        <v>337</v>
      </c>
      <c r="E62740" s="15">
        <v>45701</v>
      </c>
      <c r="F62740" s="14" t="s">
        <v>15</v>
      </c>
      <c r="G62740" s="16">
        <v>0</v>
      </c>
    </row>
    <row r="62741" spans="1:7" x14ac:dyDescent="0.3">
      <c r="A62741" s="13" t="s">
        <v>336</v>
      </c>
      <c r="B62741" s="14" t="s">
        <v>1</v>
      </c>
      <c r="C62741" s="14" t="s">
        <v>137</v>
      </c>
      <c r="D62741" s="14" t="s">
        <v>337</v>
      </c>
      <c r="E62741" s="15">
        <v>45702</v>
      </c>
      <c r="F62741" s="14" t="s">
        <v>15</v>
      </c>
      <c r="G62741" s="16">
        <v>0</v>
      </c>
    </row>
    <row r="62742" spans="1:7" x14ac:dyDescent="0.3">
      <c r="A62742" s="13" t="s">
        <v>336</v>
      </c>
      <c r="B62742" s="14" t="s">
        <v>1</v>
      </c>
      <c r="C62742" s="14" t="s">
        <v>137</v>
      </c>
      <c r="D62742" s="14" t="s">
        <v>337</v>
      </c>
      <c r="E62742" s="15">
        <v>45703</v>
      </c>
      <c r="F62742" s="14" t="s">
        <v>15</v>
      </c>
      <c r="G62742" s="16">
        <v>0</v>
      </c>
    </row>
    <row r="62743" spans="1:7" x14ac:dyDescent="0.3">
      <c r="A62743" s="13" t="s">
        <v>336</v>
      </c>
      <c r="B62743" s="14" t="s">
        <v>1</v>
      </c>
      <c r="C62743" s="14" t="s">
        <v>137</v>
      </c>
      <c r="D62743" s="14" t="s">
        <v>337</v>
      </c>
      <c r="E62743" s="15">
        <v>45704</v>
      </c>
      <c r="F62743" s="14" t="s">
        <v>15</v>
      </c>
      <c r="G62743" s="16">
        <v>0</v>
      </c>
    </row>
    <row r="62744" spans="1:7" x14ac:dyDescent="0.3">
      <c r="A62744" s="13" t="s">
        <v>336</v>
      </c>
      <c r="B62744" s="14" t="s">
        <v>1</v>
      </c>
      <c r="C62744" s="14" t="s">
        <v>137</v>
      </c>
      <c r="D62744" s="14" t="s">
        <v>337</v>
      </c>
      <c r="E62744" s="15">
        <v>45705</v>
      </c>
      <c r="F62744" s="14" t="s">
        <v>15</v>
      </c>
      <c r="G62744" s="16">
        <v>0</v>
      </c>
    </row>
    <row r="62745" spans="1:7" x14ac:dyDescent="0.3">
      <c r="A62745" s="13" t="s">
        <v>336</v>
      </c>
      <c r="B62745" s="14" t="s">
        <v>1</v>
      </c>
      <c r="C62745" s="14" t="s">
        <v>137</v>
      </c>
      <c r="D62745" s="14" t="s">
        <v>337</v>
      </c>
      <c r="E62745" s="15">
        <v>45706</v>
      </c>
      <c r="F62745" s="14" t="s">
        <v>15</v>
      </c>
      <c r="G62745" s="16">
        <v>0</v>
      </c>
    </row>
    <row r="62746" spans="1:7" x14ac:dyDescent="0.3">
      <c r="A62746" s="13" t="s">
        <v>336</v>
      </c>
      <c r="B62746" s="14" t="s">
        <v>1</v>
      </c>
      <c r="C62746" s="14" t="s">
        <v>137</v>
      </c>
      <c r="D62746" s="14" t="s">
        <v>337</v>
      </c>
      <c r="E62746" s="15">
        <v>45707</v>
      </c>
      <c r="F62746" s="14" t="s">
        <v>15</v>
      </c>
      <c r="G62746" s="16">
        <v>0</v>
      </c>
    </row>
    <row r="62747" spans="1:7" x14ac:dyDescent="0.3">
      <c r="A62747" s="13" t="s">
        <v>336</v>
      </c>
      <c r="B62747" s="14" t="s">
        <v>1</v>
      </c>
      <c r="C62747" s="14" t="s">
        <v>137</v>
      </c>
      <c r="D62747" s="14" t="s">
        <v>337</v>
      </c>
      <c r="E62747" s="15">
        <v>45708</v>
      </c>
      <c r="F62747" s="14" t="s">
        <v>15</v>
      </c>
      <c r="G62747" s="16">
        <v>0</v>
      </c>
    </row>
    <row r="62748" spans="1:7" x14ac:dyDescent="0.3">
      <c r="A62748" s="13" t="s">
        <v>336</v>
      </c>
      <c r="B62748" s="14" t="s">
        <v>1</v>
      </c>
      <c r="C62748" s="14" t="s">
        <v>137</v>
      </c>
      <c r="D62748" s="14" t="s">
        <v>337</v>
      </c>
      <c r="E62748" s="15">
        <v>45709</v>
      </c>
      <c r="F62748" s="14" t="s">
        <v>15</v>
      </c>
      <c r="G62748" s="16">
        <v>0</v>
      </c>
    </row>
    <row r="62749" spans="1:7" x14ac:dyDescent="0.3">
      <c r="A62749" s="13" t="s">
        <v>336</v>
      </c>
      <c r="B62749" s="14" t="s">
        <v>1</v>
      </c>
      <c r="C62749" s="14" t="s">
        <v>137</v>
      </c>
      <c r="D62749" s="14" t="s">
        <v>337</v>
      </c>
      <c r="E62749" s="15">
        <v>45710</v>
      </c>
      <c r="F62749" s="14" t="s">
        <v>15</v>
      </c>
      <c r="G62749" s="16">
        <v>0</v>
      </c>
    </row>
    <row r="62750" spans="1:7" x14ac:dyDescent="0.3">
      <c r="A62750" s="13" t="s">
        <v>336</v>
      </c>
      <c r="B62750" s="14" t="s">
        <v>1</v>
      </c>
      <c r="C62750" s="14" t="s">
        <v>137</v>
      </c>
      <c r="D62750" s="14" t="s">
        <v>337</v>
      </c>
      <c r="E62750" s="15">
        <v>45711</v>
      </c>
      <c r="F62750" s="14" t="s">
        <v>15</v>
      </c>
      <c r="G62750" s="16">
        <v>0</v>
      </c>
    </row>
    <row r="62751" spans="1:7" x14ac:dyDescent="0.3">
      <c r="A62751" s="13" t="s">
        <v>336</v>
      </c>
      <c r="B62751" s="14" t="s">
        <v>1</v>
      </c>
      <c r="C62751" s="14" t="s">
        <v>137</v>
      </c>
      <c r="D62751" s="14" t="s">
        <v>337</v>
      </c>
      <c r="E62751" s="15">
        <v>45712</v>
      </c>
      <c r="F62751" s="14" t="s">
        <v>15</v>
      </c>
      <c r="G62751" s="16">
        <v>0</v>
      </c>
    </row>
    <row r="62752" spans="1:7" x14ac:dyDescent="0.3">
      <c r="A62752" s="13" t="s">
        <v>336</v>
      </c>
      <c r="B62752" s="14" t="s">
        <v>1</v>
      </c>
      <c r="C62752" s="14" t="s">
        <v>137</v>
      </c>
      <c r="D62752" s="14" t="s">
        <v>337</v>
      </c>
      <c r="E62752" s="15">
        <v>45713</v>
      </c>
      <c r="F62752" s="14" t="s">
        <v>15</v>
      </c>
      <c r="G62752" s="16">
        <v>0</v>
      </c>
    </row>
    <row r="62753" spans="1:7" x14ac:dyDescent="0.3">
      <c r="A62753" s="13" t="s">
        <v>336</v>
      </c>
      <c r="B62753" s="14" t="s">
        <v>1</v>
      </c>
      <c r="C62753" s="14" t="s">
        <v>137</v>
      </c>
      <c r="D62753" s="14" t="s">
        <v>337</v>
      </c>
      <c r="E62753" s="15">
        <v>45714</v>
      </c>
      <c r="F62753" s="14" t="s">
        <v>15</v>
      </c>
      <c r="G62753" s="16">
        <v>0</v>
      </c>
    </row>
    <row r="62754" spans="1:7" x14ac:dyDescent="0.3">
      <c r="A62754" s="13" t="s">
        <v>336</v>
      </c>
      <c r="B62754" s="14" t="s">
        <v>1</v>
      </c>
      <c r="C62754" s="14" t="s">
        <v>137</v>
      </c>
      <c r="D62754" s="14" t="s">
        <v>337</v>
      </c>
      <c r="E62754" s="15">
        <v>45715</v>
      </c>
      <c r="F62754" s="14" t="s">
        <v>15</v>
      </c>
      <c r="G62754" s="16">
        <v>0</v>
      </c>
    </row>
    <row r="62755" spans="1:7" x14ac:dyDescent="0.3">
      <c r="A62755" s="13" t="s">
        <v>336</v>
      </c>
      <c r="B62755" s="14" t="s">
        <v>1</v>
      </c>
      <c r="C62755" s="14" t="s">
        <v>137</v>
      </c>
      <c r="D62755" s="14" t="s">
        <v>337</v>
      </c>
      <c r="E62755" s="15">
        <v>45716</v>
      </c>
      <c r="F62755" s="14" t="s">
        <v>15</v>
      </c>
      <c r="G62755" s="16">
        <v>0</v>
      </c>
    </row>
    <row r="62756" spans="1:7" x14ac:dyDescent="0.3">
      <c r="A62756" s="13" t="s">
        <v>336</v>
      </c>
      <c r="B62756" s="14" t="s">
        <v>1</v>
      </c>
      <c r="C62756" s="14" t="s">
        <v>137</v>
      </c>
      <c r="D62756" s="14" t="s">
        <v>337</v>
      </c>
      <c r="E62756" s="15">
        <v>45717</v>
      </c>
      <c r="F62756" s="14" t="s">
        <v>15</v>
      </c>
      <c r="G62756" s="16">
        <v>0</v>
      </c>
    </row>
    <row r="62757" spans="1:7" x14ac:dyDescent="0.3">
      <c r="A62757" s="13" t="s">
        <v>336</v>
      </c>
      <c r="B62757" s="14" t="s">
        <v>1</v>
      </c>
      <c r="C62757" s="14" t="s">
        <v>137</v>
      </c>
      <c r="D62757" s="14" t="s">
        <v>337</v>
      </c>
      <c r="E62757" s="15">
        <v>45718</v>
      </c>
      <c r="F62757" s="14" t="s">
        <v>15</v>
      </c>
      <c r="G62757" s="16">
        <v>0</v>
      </c>
    </row>
    <row r="62758" spans="1:7" x14ac:dyDescent="0.3">
      <c r="A62758" s="13" t="s">
        <v>336</v>
      </c>
      <c r="B62758" s="14" t="s">
        <v>1</v>
      </c>
      <c r="C62758" s="14" t="s">
        <v>137</v>
      </c>
      <c r="D62758" s="14" t="s">
        <v>337</v>
      </c>
      <c r="E62758" s="15">
        <v>45719</v>
      </c>
      <c r="F62758" s="14" t="s">
        <v>15</v>
      </c>
      <c r="G62758" s="16">
        <v>0</v>
      </c>
    </row>
    <row r="62759" spans="1:7" x14ac:dyDescent="0.3">
      <c r="A62759" s="13" t="s">
        <v>336</v>
      </c>
      <c r="B62759" s="14" t="s">
        <v>1</v>
      </c>
      <c r="C62759" s="14" t="s">
        <v>137</v>
      </c>
      <c r="D62759" s="14" t="s">
        <v>337</v>
      </c>
      <c r="E62759" s="15">
        <v>45720</v>
      </c>
      <c r="F62759" s="14" t="s">
        <v>15</v>
      </c>
      <c r="G62759" s="16">
        <v>0</v>
      </c>
    </row>
    <row r="62760" spans="1:7" x14ac:dyDescent="0.3">
      <c r="A62760" s="13" t="s">
        <v>336</v>
      </c>
      <c r="B62760" s="14" t="s">
        <v>1</v>
      </c>
      <c r="C62760" s="14" t="s">
        <v>137</v>
      </c>
      <c r="D62760" s="14" t="s">
        <v>337</v>
      </c>
      <c r="E62760" s="15">
        <v>45721</v>
      </c>
      <c r="F62760" s="14" t="s">
        <v>15</v>
      </c>
      <c r="G62760" s="16">
        <v>0</v>
      </c>
    </row>
    <row r="62761" spans="1:7" x14ac:dyDescent="0.3">
      <c r="A62761" s="13" t="s">
        <v>336</v>
      </c>
      <c r="B62761" s="14" t="s">
        <v>1</v>
      </c>
      <c r="C62761" s="14" t="s">
        <v>137</v>
      </c>
      <c r="D62761" s="14" t="s">
        <v>337</v>
      </c>
      <c r="E62761" s="15">
        <v>45722</v>
      </c>
      <c r="F62761" s="14" t="s">
        <v>15</v>
      </c>
      <c r="G62761" s="16">
        <v>0</v>
      </c>
    </row>
    <row r="62762" spans="1:7" x14ac:dyDescent="0.3">
      <c r="A62762" s="13" t="s">
        <v>336</v>
      </c>
      <c r="B62762" s="14" t="s">
        <v>1</v>
      </c>
      <c r="C62762" s="14" t="s">
        <v>137</v>
      </c>
      <c r="D62762" s="14" t="s">
        <v>337</v>
      </c>
      <c r="E62762" s="15">
        <v>45723</v>
      </c>
      <c r="F62762" s="14" t="s">
        <v>15</v>
      </c>
      <c r="G62762" s="16">
        <v>0</v>
      </c>
    </row>
    <row r="62763" spans="1:7" x14ac:dyDescent="0.3">
      <c r="A62763" s="13" t="s">
        <v>336</v>
      </c>
      <c r="B62763" s="14" t="s">
        <v>1</v>
      </c>
      <c r="C62763" s="14" t="s">
        <v>137</v>
      </c>
      <c r="D62763" s="14" t="s">
        <v>337</v>
      </c>
      <c r="E62763" s="15">
        <v>45724</v>
      </c>
      <c r="F62763" s="14" t="s">
        <v>15</v>
      </c>
      <c r="G62763" s="16">
        <v>0</v>
      </c>
    </row>
    <row r="62764" spans="1:7" x14ac:dyDescent="0.3">
      <c r="A62764" s="13" t="s">
        <v>336</v>
      </c>
      <c r="B62764" s="14" t="s">
        <v>1</v>
      </c>
      <c r="C62764" s="14" t="s">
        <v>137</v>
      </c>
      <c r="D62764" s="14" t="s">
        <v>337</v>
      </c>
      <c r="E62764" s="15">
        <v>45725</v>
      </c>
      <c r="F62764" s="14" t="s">
        <v>15</v>
      </c>
      <c r="G62764" s="16">
        <v>0</v>
      </c>
    </row>
    <row r="62765" spans="1:7" x14ac:dyDescent="0.3">
      <c r="A62765" s="13" t="s">
        <v>336</v>
      </c>
      <c r="B62765" s="14" t="s">
        <v>1</v>
      </c>
      <c r="C62765" s="14" t="s">
        <v>137</v>
      </c>
      <c r="D62765" s="14" t="s">
        <v>337</v>
      </c>
      <c r="E62765" s="15">
        <v>45726</v>
      </c>
      <c r="F62765" s="14" t="s">
        <v>15</v>
      </c>
      <c r="G62765" s="16">
        <v>0</v>
      </c>
    </row>
    <row r="62766" spans="1:7" x14ac:dyDescent="0.3">
      <c r="A62766" s="13" t="s">
        <v>336</v>
      </c>
      <c r="B62766" s="14" t="s">
        <v>1</v>
      </c>
      <c r="C62766" s="14" t="s">
        <v>137</v>
      </c>
      <c r="D62766" s="14" t="s">
        <v>337</v>
      </c>
      <c r="E62766" s="15">
        <v>45727</v>
      </c>
      <c r="F62766" s="14" t="s">
        <v>15</v>
      </c>
      <c r="G62766" s="16">
        <v>0</v>
      </c>
    </row>
    <row r="62767" spans="1:7" x14ac:dyDescent="0.3">
      <c r="A62767" s="13" t="s">
        <v>336</v>
      </c>
      <c r="B62767" s="14" t="s">
        <v>1</v>
      </c>
      <c r="C62767" s="14" t="s">
        <v>137</v>
      </c>
      <c r="D62767" s="14" t="s">
        <v>337</v>
      </c>
      <c r="E62767" s="15">
        <v>45728</v>
      </c>
      <c r="F62767" s="14" t="s">
        <v>15</v>
      </c>
      <c r="G62767" s="16">
        <v>0</v>
      </c>
    </row>
    <row r="62768" spans="1:7" x14ac:dyDescent="0.3">
      <c r="A62768" s="13" t="s">
        <v>336</v>
      </c>
      <c r="B62768" s="14" t="s">
        <v>1</v>
      </c>
      <c r="C62768" s="14" t="s">
        <v>137</v>
      </c>
      <c r="D62768" s="14" t="s">
        <v>337</v>
      </c>
      <c r="E62768" s="15">
        <v>45729</v>
      </c>
      <c r="F62768" s="14" t="s">
        <v>15</v>
      </c>
      <c r="G62768" s="16">
        <v>0</v>
      </c>
    </row>
    <row r="62769" spans="1:7" x14ac:dyDescent="0.3">
      <c r="A62769" s="13" t="s">
        <v>336</v>
      </c>
      <c r="B62769" s="14" t="s">
        <v>1</v>
      </c>
      <c r="C62769" s="14" t="s">
        <v>137</v>
      </c>
      <c r="D62769" s="14" t="s">
        <v>337</v>
      </c>
      <c r="E62769" s="15">
        <v>45730</v>
      </c>
      <c r="F62769" s="14" t="s">
        <v>15</v>
      </c>
      <c r="G62769" s="16">
        <v>0</v>
      </c>
    </row>
    <row r="62770" spans="1:7" x14ac:dyDescent="0.3">
      <c r="A62770" s="13" t="s">
        <v>336</v>
      </c>
      <c r="B62770" s="14" t="s">
        <v>1</v>
      </c>
      <c r="C62770" s="14" t="s">
        <v>137</v>
      </c>
      <c r="D62770" s="14" t="s">
        <v>337</v>
      </c>
      <c r="E62770" s="15">
        <v>45731</v>
      </c>
      <c r="F62770" s="14" t="s">
        <v>15</v>
      </c>
      <c r="G62770" s="16">
        <v>0</v>
      </c>
    </row>
    <row r="62771" spans="1:7" x14ac:dyDescent="0.3">
      <c r="A62771" s="13" t="s">
        <v>336</v>
      </c>
      <c r="B62771" s="14" t="s">
        <v>1</v>
      </c>
      <c r="C62771" s="14" t="s">
        <v>137</v>
      </c>
      <c r="D62771" s="14" t="s">
        <v>337</v>
      </c>
      <c r="E62771" s="15">
        <v>45732</v>
      </c>
      <c r="F62771" s="14" t="s">
        <v>15</v>
      </c>
      <c r="G62771" s="16">
        <v>0</v>
      </c>
    </row>
    <row r="62772" spans="1:7" x14ac:dyDescent="0.3">
      <c r="A62772" s="13" t="s">
        <v>336</v>
      </c>
      <c r="B62772" s="14" t="s">
        <v>1</v>
      </c>
      <c r="C62772" s="14" t="s">
        <v>137</v>
      </c>
      <c r="D62772" s="14" t="s">
        <v>337</v>
      </c>
      <c r="E62772" s="15">
        <v>45733</v>
      </c>
      <c r="F62772" s="14" t="s">
        <v>15</v>
      </c>
      <c r="G62772" s="16">
        <v>0</v>
      </c>
    </row>
    <row r="62773" spans="1:7" x14ac:dyDescent="0.3">
      <c r="A62773" s="13" t="s">
        <v>336</v>
      </c>
      <c r="B62773" s="14" t="s">
        <v>1</v>
      </c>
      <c r="C62773" s="14" t="s">
        <v>137</v>
      </c>
      <c r="D62773" s="14" t="s">
        <v>337</v>
      </c>
      <c r="E62773" s="15">
        <v>45734</v>
      </c>
      <c r="F62773" s="14" t="s">
        <v>15</v>
      </c>
      <c r="G62773" s="16">
        <v>0</v>
      </c>
    </row>
    <row r="62774" spans="1:7" x14ac:dyDescent="0.3">
      <c r="A62774" s="13" t="s">
        <v>336</v>
      </c>
      <c r="B62774" s="14" t="s">
        <v>1</v>
      </c>
      <c r="C62774" s="14" t="s">
        <v>137</v>
      </c>
      <c r="D62774" s="14" t="s">
        <v>337</v>
      </c>
      <c r="E62774" s="15">
        <v>45735</v>
      </c>
      <c r="F62774" s="14" t="s">
        <v>15</v>
      </c>
      <c r="G62774" s="16">
        <v>0</v>
      </c>
    </row>
    <row r="62775" spans="1:7" x14ac:dyDescent="0.3">
      <c r="A62775" s="13" t="s">
        <v>336</v>
      </c>
      <c r="B62775" s="14" t="s">
        <v>1</v>
      </c>
      <c r="C62775" s="14" t="s">
        <v>137</v>
      </c>
      <c r="D62775" s="14" t="s">
        <v>337</v>
      </c>
      <c r="E62775" s="15">
        <v>45736</v>
      </c>
      <c r="F62775" s="14" t="s">
        <v>15</v>
      </c>
      <c r="G62775" s="16">
        <v>0</v>
      </c>
    </row>
    <row r="62776" spans="1:7" x14ac:dyDescent="0.3">
      <c r="A62776" s="13" t="s">
        <v>336</v>
      </c>
      <c r="B62776" s="14" t="s">
        <v>1</v>
      </c>
      <c r="C62776" s="14" t="s">
        <v>137</v>
      </c>
      <c r="D62776" s="14" t="s">
        <v>337</v>
      </c>
      <c r="E62776" s="15">
        <v>45737</v>
      </c>
      <c r="F62776" s="14" t="s">
        <v>15</v>
      </c>
      <c r="G62776" s="16">
        <v>0</v>
      </c>
    </row>
    <row r="62777" spans="1:7" x14ac:dyDescent="0.3">
      <c r="A62777" s="13" t="s">
        <v>336</v>
      </c>
      <c r="B62777" s="14" t="s">
        <v>1</v>
      </c>
      <c r="C62777" s="14" t="s">
        <v>137</v>
      </c>
      <c r="D62777" s="14" t="s">
        <v>337</v>
      </c>
      <c r="E62777" s="15">
        <v>45738</v>
      </c>
      <c r="F62777" s="14" t="s">
        <v>15</v>
      </c>
      <c r="G62777" s="16">
        <v>0</v>
      </c>
    </row>
    <row r="62778" spans="1:7" x14ac:dyDescent="0.3">
      <c r="A62778" s="13" t="s">
        <v>336</v>
      </c>
      <c r="B62778" s="14" t="s">
        <v>1</v>
      </c>
      <c r="C62778" s="14" t="s">
        <v>137</v>
      </c>
      <c r="D62778" s="14" t="s">
        <v>337</v>
      </c>
      <c r="E62778" s="15">
        <v>45739</v>
      </c>
      <c r="F62778" s="14" t="s">
        <v>15</v>
      </c>
      <c r="G62778" s="16">
        <v>0</v>
      </c>
    </row>
    <row r="62779" spans="1:7" x14ac:dyDescent="0.3">
      <c r="A62779" s="13" t="s">
        <v>336</v>
      </c>
      <c r="B62779" s="14" t="s">
        <v>1</v>
      </c>
      <c r="C62779" s="14" t="s">
        <v>137</v>
      </c>
      <c r="D62779" s="14" t="s">
        <v>337</v>
      </c>
      <c r="E62779" s="15">
        <v>45740</v>
      </c>
      <c r="F62779" s="14" t="s">
        <v>15</v>
      </c>
      <c r="G62779" s="16">
        <v>0</v>
      </c>
    </row>
    <row r="62780" spans="1:7" x14ac:dyDescent="0.3">
      <c r="A62780" s="13" t="s">
        <v>336</v>
      </c>
      <c r="B62780" s="14" t="s">
        <v>1</v>
      </c>
      <c r="C62780" s="14" t="s">
        <v>137</v>
      </c>
      <c r="D62780" s="14" t="s">
        <v>337</v>
      </c>
      <c r="E62780" s="15">
        <v>45741</v>
      </c>
      <c r="F62780" s="14" t="s">
        <v>15</v>
      </c>
      <c r="G62780" s="16">
        <v>0</v>
      </c>
    </row>
    <row r="62781" spans="1:7" x14ac:dyDescent="0.3">
      <c r="A62781" s="13" t="s">
        <v>336</v>
      </c>
      <c r="B62781" s="14" t="s">
        <v>1</v>
      </c>
      <c r="C62781" s="14" t="s">
        <v>137</v>
      </c>
      <c r="D62781" s="14" t="s">
        <v>337</v>
      </c>
      <c r="E62781" s="15">
        <v>45742</v>
      </c>
      <c r="F62781" s="14" t="s">
        <v>15</v>
      </c>
      <c r="G62781" s="16">
        <v>0</v>
      </c>
    </row>
    <row r="62782" spans="1:7" x14ac:dyDescent="0.3">
      <c r="A62782" s="13" t="s">
        <v>336</v>
      </c>
      <c r="B62782" s="14" t="s">
        <v>1</v>
      </c>
      <c r="C62782" s="14" t="s">
        <v>137</v>
      </c>
      <c r="D62782" s="14" t="s">
        <v>337</v>
      </c>
      <c r="E62782" s="15">
        <v>45743</v>
      </c>
      <c r="F62782" s="14" t="s">
        <v>15</v>
      </c>
      <c r="G62782" s="16">
        <v>0</v>
      </c>
    </row>
    <row r="62783" spans="1:7" x14ac:dyDescent="0.3">
      <c r="A62783" s="13" t="s">
        <v>336</v>
      </c>
      <c r="B62783" s="14" t="s">
        <v>1</v>
      </c>
      <c r="C62783" s="14" t="s">
        <v>137</v>
      </c>
      <c r="D62783" s="14" t="s">
        <v>337</v>
      </c>
      <c r="E62783" s="15">
        <v>45744</v>
      </c>
      <c r="F62783" s="14" t="s">
        <v>15</v>
      </c>
      <c r="G62783" s="16">
        <v>0</v>
      </c>
    </row>
    <row r="62784" spans="1:7" x14ac:dyDescent="0.3">
      <c r="A62784" s="13" t="s">
        <v>336</v>
      </c>
      <c r="B62784" s="14" t="s">
        <v>1</v>
      </c>
      <c r="C62784" s="14" t="s">
        <v>137</v>
      </c>
      <c r="D62784" s="14" t="s">
        <v>337</v>
      </c>
      <c r="E62784" s="15">
        <v>45745</v>
      </c>
      <c r="F62784" s="14" t="s">
        <v>15</v>
      </c>
      <c r="G62784" s="16">
        <v>0</v>
      </c>
    </row>
    <row r="62785" spans="1:7" x14ac:dyDescent="0.3">
      <c r="A62785" s="13" t="s">
        <v>336</v>
      </c>
      <c r="B62785" s="14" t="s">
        <v>1</v>
      </c>
      <c r="C62785" s="14" t="s">
        <v>137</v>
      </c>
      <c r="D62785" s="14" t="s">
        <v>337</v>
      </c>
      <c r="E62785" s="15">
        <v>45746</v>
      </c>
      <c r="F62785" s="14" t="s">
        <v>15</v>
      </c>
      <c r="G62785" s="16">
        <v>0</v>
      </c>
    </row>
    <row r="62786" spans="1:7" x14ac:dyDescent="0.3">
      <c r="A62786" s="13" t="s">
        <v>336</v>
      </c>
      <c r="B62786" s="14" t="s">
        <v>1</v>
      </c>
      <c r="C62786" s="14" t="s">
        <v>137</v>
      </c>
      <c r="D62786" s="14" t="s">
        <v>337</v>
      </c>
      <c r="E62786" s="15">
        <v>45747</v>
      </c>
      <c r="F62786" s="14" t="s">
        <v>15</v>
      </c>
      <c r="G62786" s="16">
        <v>0</v>
      </c>
    </row>
    <row r="62787" spans="1:7" x14ac:dyDescent="0.3">
      <c r="A62787" s="13" t="s">
        <v>338</v>
      </c>
      <c r="B62787" s="14" t="s">
        <v>1</v>
      </c>
      <c r="C62787" s="14" t="s">
        <v>47</v>
      </c>
      <c r="D62787" s="14" t="s">
        <v>339</v>
      </c>
      <c r="E62787" s="15">
        <v>45383</v>
      </c>
      <c r="F62787" s="14" t="s">
        <v>15</v>
      </c>
      <c r="G62787" s="16">
        <v>0</v>
      </c>
    </row>
    <row r="62788" spans="1:7" x14ac:dyDescent="0.3">
      <c r="A62788" s="13" t="s">
        <v>338</v>
      </c>
      <c r="B62788" s="14" t="s">
        <v>1</v>
      </c>
      <c r="C62788" s="14" t="s">
        <v>47</v>
      </c>
      <c r="D62788" s="14" t="s">
        <v>339</v>
      </c>
      <c r="E62788" s="15">
        <v>45384</v>
      </c>
      <c r="F62788" s="14" t="s">
        <v>15</v>
      </c>
      <c r="G62788" s="16">
        <v>0</v>
      </c>
    </row>
    <row r="62789" spans="1:7" x14ac:dyDescent="0.3">
      <c r="A62789" s="13" t="s">
        <v>338</v>
      </c>
      <c r="B62789" s="14" t="s">
        <v>1</v>
      </c>
      <c r="C62789" s="14" t="s">
        <v>47</v>
      </c>
      <c r="D62789" s="14" t="s">
        <v>339</v>
      </c>
      <c r="E62789" s="15">
        <v>45385</v>
      </c>
      <c r="F62789" s="14" t="s">
        <v>15</v>
      </c>
      <c r="G62789" s="16">
        <v>0</v>
      </c>
    </row>
    <row r="62790" spans="1:7" x14ac:dyDescent="0.3">
      <c r="A62790" s="13" t="s">
        <v>338</v>
      </c>
      <c r="B62790" s="14" t="s">
        <v>1</v>
      </c>
      <c r="C62790" s="14" t="s">
        <v>47</v>
      </c>
      <c r="D62790" s="14" t="s">
        <v>339</v>
      </c>
      <c r="E62790" s="15">
        <v>45386</v>
      </c>
      <c r="F62790" s="14" t="s">
        <v>15</v>
      </c>
      <c r="G62790" s="16">
        <v>0</v>
      </c>
    </row>
    <row r="62791" spans="1:7" x14ac:dyDescent="0.3">
      <c r="A62791" s="13" t="s">
        <v>338</v>
      </c>
      <c r="B62791" s="14" t="s">
        <v>1</v>
      </c>
      <c r="C62791" s="14" t="s">
        <v>47</v>
      </c>
      <c r="D62791" s="14" t="s">
        <v>339</v>
      </c>
      <c r="E62791" s="15">
        <v>45387</v>
      </c>
      <c r="F62791" s="14" t="s">
        <v>15</v>
      </c>
      <c r="G62791" s="16">
        <v>0</v>
      </c>
    </row>
    <row r="62792" spans="1:7" x14ac:dyDescent="0.3">
      <c r="A62792" s="13" t="s">
        <v>338</v>
      </c>
      <c r="B62792" s="14" t="s">
        <v>1</v>
      </c>
      <c r="C62792" s="14" t="s">
        <v>47</v>
      </c>
      <c r="D62792" s="14" t="s">
        <v>339</v>
      </c>
      <c r="E62792" s="15">
        <v>45388</v>
      </c>
      <c r="F62792" s="14" t="s">
        <v>15</v>
      </c>
      <c r="G62792" s="16">
        <v>0</v>
      </c>
    </row>
    <row r="62793" spans="1:7" x14ac:dyDescent="0.3">
      <c r="A62793" s="13" t="s">
        <v>338</v>
      </c>
      <c r="B62793" s="14" t="s">
        <v>1</v>
      </c>
      <c r="C62793" s="14" t="s">
        <v>47</v>
      </c>
      <c r="D62793" s="14" t="s">
        <v>339</v>
      </c>
      <c r="E62793" s="15">
        <v>45389</v>
      </c>
      <c r="F62793" s="14" t="s">
        <v>15</v>
      </c>
      <c r="G62793" s="16">
        <v>0</v>
      </c>
    </row>
    <row r="62794" spans="1:7" x14ac:dyDescent="0.3">
      <c r="A62794" s="13" t="s">
        <v>338</v>
      </c>
      <c r="B62794" s="14" t="s">
        <v>1</v>
      </c>
      <c r="C62794" s="14" t="s">
        <v>47</v>
      </c>
      <c r="D62794" s="14" t="s">
        <v>339</v>
      </c>
      <c r="E62794" s="15">
        <v>45390</v>
      </c>
      <c r="F62794" s="14" t="s">
        <v>15</v>
      </c>
      <c r="G62794" s="16">
        <v>0</v>
      </c>
    </row>
    <row r="62795" spans="1:7" x14ac:dyDescent="0.3">
      <c r="A62795" s="13" t="s">
        <v>338</v>
      </c>
      <c r="B62795" s="14" t="s">
        <v>1</v>
      </c>
      <c r="C62795" s="14" t="s">
        <v>47</v>
      </c>
      <c r="D62795" s="14" t="s">
        <v>339</v>
      </c>
      <c r="E62795" s="15">
        <v>45391</v>
      </c>
      <c r="F62795" s="14" t="s">
        <v>15</v>
      </c>
      <c r="G62795" s="16">
        <v>0</v>
      </c>
    </row>
    <row r="62796" spans="1:7" x14ac:dyDescent="0.3">
      <c r="A62796" s="13" t="s">
        <v>338</v>
      </c>
      <c r="B62796" s="14" t="s">
        <v>1</v>
      </c>
      <c r="C62796" s="14" t="s">
        <v>47</v>
      </c>
      <c r="D62796" s="14" t="s">
        <v>339</v>
      </c>
      <c r="E62796" s="15">
        <v>45392</v>
      </c>
      <c r="F62796" s="14" t="s">
        <v>15</v>
      </c>
      <c r="G62796" s="16">
        <v>0</v>
      </c>
    </row>
    <row r="62797" spans="1:7" x14ac:dyDescent="0.3">
      <c r="A62797" s="13" t="s">
        <v>338</v>
      </c>
      <c r="B62797" s="14" t="s">
        <v>1</v>
      </c>
      <c r="C62797" s="14" t="s">
        <v>47</v>
      </c>
      <c r="D62797" s="14" t="s">
        <v>339</v>
      </c>
      <c r="E62797" s="15">
        <v>45393</v>
      </c>
      <c r="F62797" s="14" t="s">
        <v>15</v>
      </c>
      <c r="G62797" s="16">
        <v>0</v>
      </c>
    </row>
    <row r="62798" spans="1:7" x14ac:dyDescent="0.3">
      <c r="A62798" s="13" t="s">
        <v>338</v>
      </c>
      <c r="B62798" s="14" t="s">
        <v>1</v>
      </c>
      <c r="C62798" s="14" t="s">
        <v>47</v>
      </c>
      <c r="D62798" s="14" t="s">
        <v>339</v>
      </c>
      <c r="E62798" s="15">
        <v>45394</v>
      </c>
      <c r="F62798" s="14" t="s">
        <v>15</v>
      </c>
      <c r="G62798" s="16">
        <v>0</v>
      </c>
    </row>
    <row r="62799" spans="1:7" x14ac:dyDescent="0.3">
      <c r="A62799" s="13" t="s">
        <v>338</v>
      </c>
      <c r="B62799" s="14" t="s">
        <v>1</v>
      </c>
      <c r="C62799" s="14" t="s">
        <v>47</v>
      </c>
      <c r="D62799" s="14" t="s">
        <v>339</v>
      </c>
      <c r="E62799" s="15">
        <v>45395</v>
      </c>
      <c r="F62799" s="14" t="s">
        <v>15</v>
      </c>
      <c r="G62799" s="16">
        <v>0</v>
      </c>
    </row>
    <row r="62800" spans="1:7" x14ac:dyDescent="0.3">
      <c r="A62800" s="13" t="s">
        <v>338</v>
      </c>
      <c r="B62800" s="14" t="s">
        <v>1</v>
      </c>
      <c r="C62800" s="14" t="s">
        <v>47</v>
      </c>
      <c r="D62800" s="14" t="s">
        <v>339</v>
      </c>
      <c r="E62800" s="15">
        <v>45396</v>
      </c>
      <c r="F62800" s="14" t="s">
        <v>15</v>
      </c>
      <c r="G62800" s="16">
        <v>0</v>
      </c>
    </row>
    <row r="62801" spans="1:7" x14ac:dyDescent="0.3">
      <c r="A62801" s="13" t="s">
        <v>338</v>
      </c>
      <c r="B62801" s="14" t="s">
        <v>1</v>
      </c>
      <c r="C62801" s="14" t="s">
        <v>47</v>
      </c>
      <c r="D62801" s="14" t="s">
        <v>339</v>
      </c>
      <c r="E62801" s="15">
        <v>45397</v>
      </c>
      <c r="F62801" s="14" t="s">
        <v>15</v>
      </c>
      <c r="G62801" s="16">
        <v>0</v>
      </c>
    </row>
    <row r="62802" spans="1:7" x14ac:dyDescent="0.3">
      <c r="A62802" s="13" t="s">
        <v>338</v>
      </c>
      <c r="B62802" s="14" t="s">
        <v>1</v>
      </c>
      <c r="C62802" s="14" t="s">
        <v>47</v>
      </c>
      <c r="D62802" s="14" t="s">
        <v>339</v>
      </c>
      <c r="E62802" s="15">
        <v>45398</v>
      </c>
      <c r="F62802" s="14" t="s">
        <v>15</v>
      </c>
      <c r="G62802" s="16">
        <v>0</v>
      </c>
    </row>
    <row r="62803" spans="1:7" x14ac:dyDescent="0.3">
      <c r="A62803" s="13" t="s">
        <v>338</v>
      </c>
      <c r="B62803" s="14" t="s">
        <v>1</v>
      </c>
      <c r="C62803" s="14" t="s">
        <v>47</v>
      </c>
      <c r="D62803" s="14" t="s">
        <v>339</v>
      </c>
      <c r="E62803" s="15">
        <v>45399</v>
      </c>
      <c r="F62803" s="14" t="s">
        <v>15</v>
      </c>
      <c r="G62803" s="16">
        <v>0</v>
      </c>
    </row>
    <row r="62804" spans="1:7" x14ac:dyDescent="0.3">
      <c r="A62804" s="13" t="s">
        <v>338</v>
      </c>
      <c r="B62804" s="14" t="s">
        <v>1</v>
      </c>
      <c r="C62804" s="14" t="s">
        <v>47</v>
      </c>
      <c r="D62804" s="14" t="s">
        <v>339</v>
      </c>
      <c r="E62804" s="15">
        <v>45400</v>
      </c>
      <c r="F62804" s="14" t="s">
        <v>15</v>
      </c>
      <c r="G62804" s="16">
        <v>0</v>
      </c>
    </row>
    <row r="62805" spans="1:7" x14ac:dyDescent="0.3">
      <c r="A62805" s="13" t="s">
        <v>338</v>
      </c>
      <c r="B62805" s="14" t="s">
        <v>1</v>
      </c>
      <c r="C62805" s="14" t="s">
        <v>47</v>
      </c>
      <c r="D62805" s="14" t="s">
        <v>339</v>
      </c>
      <c r="E62805" s="15">
        <v>45401</v>
      </c>
      <c r="F62805" s="14" t="s">
        <v>15</v>
      </c>
      <c r="G62805" s="16">
        <v>0</v>
      </c>
    </row>
    <row r="62806" spans="1:7" x14ac:dyDescent="0.3">
      <c r="A62806" s="13" t="s">
        <v>338</v>
      </c>
      <c r="B62806" s="14" t="s">
        <v>1</v>
      </c>
      <c r="C62806" s="14" t="s">
        <v>47</v>
      </c>
      <c r="D62806" s="14" t="s">
        <v>339</v>
      </c>
      <c r="E62806" s="15">
        <v>45402</v>
      </c>
      <c r="F62806" s="14" t="s">
        <v>15</v>
      </c>
      <c r="G62806" s="16">
        <v>0</v>
      </c>
    </row>
    <row r="62807" spans="1:7" x14ac:dyDescent="0.3">
      <c r="A62807" s="13" t="s">
        <v>338</v>
      </c>
      <c r="B62807" s="14" t="s">
        <v>1</v>
      </c>
      <c r="C62807" s="14" t="s">
        <v>47</v>
      </c>
      <c r="D62807" s="14" t="s">
        <v>339</v>
      </c>
      <c r="E62807" s="15">
        <v>45403</v>
      </c>
      <c r="F62807" s="14" t="s">
        <v>15</v>
      </c>
      <c r="G62807" s="16">
        <v>0</v>
      </c>
    </row>
    <row r="62808" spans="1:7" x14ac:dyDescent="0.3">
      <c r="A62808" s="13" t="s">
        <v>338</v>
      </c>
      <c r="B62808" s="14" t="s">
        <v>1</v>
      </c>
      <c r="C62808" s="14" t="s">
        <v>47</v>
      </c>
      <c r="D62808" s="14" t="s">
        <v>339</v>
      </c>
      <c r="E62808" s="15">
        <v>45404</v>
      </c>
      <c r="F62808" s="14" t="s">
        <v>15</v>
      </c>
      <c r="G62808" s="16">
        <v>0</v>
      </c>
    </row>
    <row r="62809" spans="1:7" x14ac:dyDescent="0.3">
      <c r="A62809" s="13" t="s">
        <v>338</v>
      </c>
      <c r="B62809" s="14" t="s">
        <v>1</v>
      </c>
      <c r="C62809" s="14" t="s">
        <v>47</v>
      </c>
      <c r="D62809" s="14" t="s">
        <v>339</v>
      </c>
      <c r="E62809" s="15">
        <v>45405</v>
      </c>
      <c r="F62809" s="14" t="s">
        <v>15</v>
      </c>
      <c r="G62809" s="16">
        <v>0</v>
      </c>
    </row>
    <row r="62810" spans="1:7" x14ac:dyDescent="0.3">
      <c r="A62810" s="13" t="s">
        <v>338</v>
      </c>
      <c r="B62810" s="14" t="s">
        <v>1</v>
      </c>
      <c r="C62810" s="14" t="s">
        <v>47</v>
      </c>
      <c r="D62810" s="14" t="s">
        <v>339</v>
      </c>
      <c r="E62810" s="15">
        <v>45406</v>
      </c>
      <c r="F62810" s="14" t="s">
        <v>15</v>
      </c>
      <c r="G62810" s="16">
        <v>0</v>
      </c>
    </row>
    <row r="62811" spans="1:7" x14ac:dyDescent="0.3">
      <c r="A62811" s="13" t="s">
        <v>338</v>
      </c>
      <c r="B62811" s="14" t="s">
        <v>1</v>
      </c>
      <c r="C62811" s="14" t="s">
        <v>47</v>
      </c>
      <c r="D62811" s="14" t="s">
        <v>339</v>
      </c>
      <c r="E62811" s="15">
        <v>45407</v>
      </c>
      <c r="F62811" s="14" t="s">
        <v>15</v>
      </c>
      <c r="G62811" s="16">
        <v>0</v>
      </c>
    </row>
    <row r="62812" spans="1:7" x14ac:dyDescent="0.3">
      <c r="A62812" s="13" t="s">
        <v>338</v>
      </c>
      <c r="B62812" s="14" t="s">
        <v>1</v>
      </c>
      <c r="C62812" s="14" t="s">
        <v>47</v>
      </c>
      <c r="D62812" s="14" t="s">
        <v>339</v>
      </c>
      <c r="E62812" s="15">
        <v>45408</v>
      </c>
      <c r="F62812" s="14" t="s">
        <v>15</v>
      </c>
      <c r="G62812" s="16">
        <v>0</v>
      </c>
    </row>
    <row r="62813" spans="1:7" x14ac:dyDescent="0.3">
      <c r="A62813" s="13" t="s">
        <v>338</v>
      </c>
      <c r="B62813" s="14" t="s">
        <v>1</v>
      </c>
      <c r="C62813" s="14" t="s">
        <v>47</v>
      </c>
      <c r="D62813" s="14" t="s">
        <v>339</v>
      </c>
      <c r="E62813" s="15">
        <v>45409</v>
      </c>
      <c r="F62813" s="14" t="s">
        <v>15</v>
      </c>
      <c r="G62813" s="16">
        <v>0</v>
      </c>
    </row>
    <row r="62814" spans="1:7" x14ac:dyDescent="0.3">
      <c r="A62814" s="13" t="s">
        <v>338</v>
      </c>
      <c r="B62814" s="14" t="s">
        <v>1</v>
      </c>
      <c r="C62814" s="14" t="s">
        <v>47</v>
      </c>
      <c r="D62814" s="14" t="s">
        <v>339</v>
      </c>
      <c r="E62814" s="15">
        <v>45410</v>
      </c>
      <c r="F62814" s="14" t="s">
        <v>15</v>
      </c>
      <c r="G62814" s="16">
        <v>0</v>
      </c>
    </row>
    <row r="62815" spans="1:7" x14ac:dyDescent="0.3">
      <c r="A62815" s="13" t="s">
        <v>338</v>
      </c>
      <c r="B62815" s="14" t="s">
        <v>1</v>
      </c>
      <c r="C62815" s="14" t="s">
        <v>47</v>
      </c>
      <c r="D62815" s="14" t="s">
        <v>339</v>
      </c>
      <c r="E62815" s="15">
        <v>45411</v>
      </c>
      <c r="F62815" s="14" t="s">
        <v>15</v>
      </c>
      <c r="G62815" s="16">
        <v>0</v>
      </c>
    </row>
    <row r="62816" spans="1:7" x14ac:dyDescent="0.3">
      <c r="A62816" s="13" t="s">
        <v>338</v>
      </c>
      <c r="B62816" s="14" t="s">
        <v>1</v>
      </c>
      <c r="C62816" s="14" t="s">
        <v>47</v>
      </c>
      <c r="D62816" s="14" t="s">
        <v>339</v>
      </c>
      <c r="E62816" s="15">
        <v>45412</v>
      </c>
      <c r="F62816" s="14" t="s">
        <v>15</v>
      </c>
      <c r="G62816" s="16">
        <v>0</v>
      </c>
    </row>
    <row r="62817" spans="1:7" x14ac:dyDescent="0.3">
      <c r="A62817" s="13" t="s">
        <v>338</v>
      </c>
      <c r="B62817" s="14" t="s">
        <v>1</v>
      </c>
      <c r="C62817" s="14" t="s">
        <v>47</v>
      </c>
      <c r="D62817" s="14" t="s">
        <v>339</v>
      </c>
      <c r="E62817" s="15">
        <v>45413</v>
      </c>
      <c r="F62817" s="14" t="s">
        <v>15</v>
      </c>
      <c r="G62817" s="16">
        <v>1.0105466211559428E-3</v>
      </c>
    </row>
    <row r="62818" spans="1:7" x14ac:dyDescent="0.3">
      <c r="A62818" s="13" t="s">
        <v>338</v>
      </c>
      <c r="B62818" s="14" t="s">
        <v>1</v>
      </c>
      <c r="C62818" s="14" t="s">
        <v>47</v>
      </c>
      <c r="D62818" s="14" t="s">
        <v>339</v>
      </c>
      <c r="E62818" s="15">
        <v>45414</v>
      </c>
      <c r="F62818" s="14" t="s">
        <v>15</v>
      </c>
      <c r="G62818" s="16">
        <v>1.6334797319375641E-3</v>
      </c>
    </row>
    <row r="62819" spans="1:7" x14ac:dyDescent="0.3">
      <c r="A62819" s="13" t="s">
        <v>338</v>
      </c>
      <c r="B62819" s="14" t="s">
        <v>1</v>
      </c>
      <c r="C62819" s="14" t="s">
        <v>47</v>
      </c>
      <c r="D62819" s="14" t="s">
        <v>339</v>
      </c>
      <c r="E62819" s="15">
        <v>45415</v>
      </c>
      <c r="F62819" s="14" t="s">
        <v>15</v>
      </c>
      <c r="G62819" s="16">
        <v>2.0216209492996957E-3</v>
      </c>
    </row>
    <row r="62820" spans="1:7" x14ac:dyDescent="0.3">
      <c r="A62820" s="13" t="s">
        <v>338</v>
      </c>
      <c r="B62820" s="14" t="s">
        <v>1</v>
      </c>
      <c r="C62820" s="14" t="s">
        <v>47</v>
      </c>
      <c r="D62820" s="14" t="s">
        <v>339</v>
      </c>
      <c r="E62820" s="15">
        <v>45416</v>
      </c>
      <c r="F62820" s="14" t="s">
        <v>15</v>
      </c>
      <c r="G62820" s="16">
        <v>2.0216209492996957E-3</v>
      </c>
    </row>
    <row r="62821" spans="1:7" x14ac:dyDescent="0.3">
      <c r="A62821" s="13" t="s">
        <v>338</v>
      </c>
      <c r="B62821" s="14" t="s">
        <v>1</v>
      </c>
      <c r="C62821" s="14" t="s">
        <v>47</v>
      </c>
      <c r="D62821" s="14" t="s">
        <v>339</v>
      </c>
      <c r="E62821" s="15">
        <v>45417</v>
      </c>
      <c r="F62821" s="14" t="s">
        <v>15</v>
      </c>
      <c r="G62821" s="16">
        <v>2.0216209492996957E-3</v>
      </c>
    </row>
    <row r="62822" spans="1:7" x14ac:dyDescent="0.3">
      <c r="A62822" s="13" t="s">
        <v>338</v>
      </c>
      <c r="B62822" s="14" t="s">
        <v>1</v>
      </c>
      <c r="C62822" s="14" t="s">
        <v>47</v>
      </c>
      <c r="D62822" s="14" t="s">
        <v>339</v>
      </c>
      <c r="E62822" s="15">
        <v>45418</v>
      </c>
      <c r="F62822" s="14" t="s">
        <v>15</v>
      </c>
      <c r="G62822" s="16">
        <v>2.0216209492996957E-3</v>
      </c>
    </row>
    <row r="62823" spans="1:7" x14ac:dyDescent="0.3">
      <c r="A62823" s="13" t="s">
        <v>338</v>
      </c>
      <c r="B62823" s="14" t="s">
        <v>1</v>
      </c>
      <c r="C62823" s="14" t="s">
        <v>47</v>
      </c>
      <c r="D62823" s="14" t="s">
        <v>339</v>
      </c>
      <c r="E62823" s="15">
        <v>45419</v>
      </c>
      <c r="F62823" s="14" t="s">
        <v>15</v>
      </c>
      <c r="G62823" s="16">
        <v>0</v>
      </c>
    </row>
    <row r="62824" spans="1:7" x14ac:dyDescent="0.3">
      <c r="A62824" s="13" t="s">
        <v>338</v>
      </c>
      <c r="B62824" s="14" t="s">
        <v>1</v>
      </c>
      <c r="C62824" s="14" t="s">
        <v>47</v>
      </c>
      <c r="D62824" s="14" t="s">
        <v>339</v>
      </c>
      <c r="E62824" s="15">
        <v>45420</v>
      </c>
      <c r="F62824" s="14" t="s">
        <v>15</v>
      </c>
      <c r="G62824" s="16">
        <v>0</v>
      </c>
    </row>
    <row r="62825" spans="1:7" x14ac:dyDescent="0.3">
      <c r="A62825" s="13" t="s">
        <v>338</v>
      </c>
      <c r="B62825" s="14" t="s">
        <v>1</v>
      </c>
      <c r="C62825" s="14" t="s">
        <v>47</v>
      </c>
      <c r="D62825" s="14" t="s">
        <v>339</v>
      </c>
      <c r="E62825" s="15">
        <v>45421</v>
      </c>
      <c r="F62825" s="14" t="s">
        <v>15</v>
      </c>
      <c r="G62825" s="16">
        <v>0</v>
      </c>
    </row>
    <row r="62826" spans="1:7" x14ac:dyDescent="0.3">
      <c r="A62826" s="13" t="s">
        <v>338</v>
      </c>
      <c r="B62826" s="14" t="s">
        <v>1</v>
      </c>
      <c r="C62826" s="14" t="s">
        <v>47</v>
      </c>
      <c r="D62826" s="14" t="s">
        <v>339</v>
      </c>
      <c r="E62826" s="15">
        <v>45422</v>
      </c>
      <c r="F62826" s="14" t="s">
        <v>15</v>
      </c>
      <c r="G62826" s="16">
        <v>0</v>
      </c>
    </row>
    <row r="62827" spans="1:7" x14ac:dyDescent="0.3">
      <c r="A62827" s="13" t="s">
        <v>338</v>
      </c>
      <c r="B62827" s="14" t="s">
        <v>1</v>
      </c>
      <c r="C62827" s="14" t="s">
        <v>47</v>
      </c>
      <c r="D62827" s="14" t="s">
        <v>339</v>
      </c>
      <c r="E62827" s="15">
        <v>45423</v>
      </c>
      <c r="F62827" s="14" t="s">
        <v>15</v>
      </c>
      <c r="G62827" s="16">
        <v>0</v>
      </c>
    </row>
    <row r="62828" spans="1:7" x14ac:dyDescent="0.3">
      <c r="A62828" s="13" t="s">
        <v>338</v>
      </c>
      <c r="B62828" s="14" t="s">
        <v>1</v>
      </c>
      <c r="C62828" s="14" t="s">
        <v>47</v>
      </c>
      <c r="D62828" s="14" t="s">
        <v>339</v>
      </c>
      <c r="E62828" s="15">
        <v>45424</v>
      </c>
      <c r="F62828" s="14" t="s">
        <v>15</v>
      </c>
      <c r="G62828" s="16">
        <v>0</v>
      </c>
    </row>
    <row r="62829" spans="1:7" x14ac:dyDescent="0.3">
      <c r="A62829" s="13" t="s">
        <v>338</v>
      </c>
      <c r="B62829" s="14" t="s">
        <v>1</v>
      </c>
      <c r="C62829" s="14" t="s">
        <v>47</v>
      </c>
      <c r="D62829" s="14" t="s">
        <v>339</v>
      </c>
      <c r="E62829" s="15">
        <v>45425</v>
      </c>
      <c r="F62829" s="14" t="s">
        <v>15</v>
      </c>
      <c r="G62829" s="16">
        <v>0</v>
      </c>
    </row>
    <row r="62830" spans="1:7" x14ac:dyDescent="0.3">
      <c r="A62830" s="13" t="s">
        <v>338</v>
      </c>
      <c r="B62830" s="14" t="s">
        <v>1</v>
      </c>
      <c r="C62830" s="14" t="s">
        <v>47</v>
      </c>
      <c r="D62830" s="14" t="s">
        <v>339</v>
      </c>
      <c r="E62830" s="15">
        <v>45426</v>
      </c>
      <c r="F62830" s="14" t="s">
        <v>15</v>
      </c>
      <c r="G62830" s="16">
        <v>0</v>
      </c>
    </row>
    <row r="62831" spans="1:7" x14ac:dyDescent="0.3">
      <c r="A62831" s="13" t="s">
        <v>338</v>
      </c>
      <c r="B62831" s="14" t="s">
        <v>1</v>
      </c>
      <c r="C62831" s="14" t="s">
        <v>47</v>
      </c>
      <c r="D62831" s="14" t="s">
        <v>339</v>
      </c>
      <c r="E62831" s="15">
        <v>45427</v>
      </c>
      <c r="F62831" s="14" t="s">
        <v>15</v>
      </c>
      <c r="G62831" s="16">
        <v>0</v>
      </c>
    </row>
    <row r="62832" spans="1:7" x14ac:dyDescent="0.3">
      <c r="A62832" s="13" t="s">
        <v>338</v>
      </c>
      <c r="B62832" s="14" t="s">
        <v>1</v>
      </c>
      <c r="C62832" s="14" t="s">
        <v>47</v>
      </c>
      <c r="D62832" s="14" t="s">
        <v>339</v>
      </c>
      <c r="E62832" s="15">
        <v>45428</v>
      </c>
      <c r="F62832" s="14" t="s">
        <v>15</v>
      </c>
      <c r="G62832" s="16">
        <v>0</v>
      </c>
    </row>
    <row r="62833" spans="1:7" x14ac:dyDescent="0.3">
      <c r="A62833" s="13" t="s">
        <v>338</v>
      </c>
      <c r="B62833" s="14" t="s">
        <v>1</v>
      </c>
      <c r="C62833" s="14" t="s">
        <v>47</v>
      </c>
      <c r="D62833" s="14" t="s">
        <v>339</v>
      </c>
      <c r="E62833" s="15">
        <v>45429</v>
      </c>
      <c r="F62833" s="14" t="s">
        <v>15</v>
      </c>
      <c r="G62833" s="16">
        <v>1.9795146302289211E-3</v>
      </c>
    </row>
    <row r="62834" spans="1:7" x14ac:dyDescent="0.3">
      <c r="A62834" s="13" t="s">
        <v>338</v>
      </c>
      <c r="B62834" s="14" t="s">
        <v>1</v>
      </c>
      <c r="C62834" s="14" t="s">
        <v>47</v>
      </c>
      <c r="D62834" s="14" t="s">
        <v>339</v>
      </c>
      <c r="E62834" s="15">
        <v>45430</v>
      </c>
      <c r="F62834" s="14" t="s">
        <v>15</v>
      </c>
      <c r="G62834" s="16">
        <v>1.9795146302289211E-3</v>
      </c>
    </row>
    <row r="62835" spans="1:7" x14ac:dyDescent="0.3">
      <c r="A62835" s="13" t="s">
        <v>338</v>
      </c>
      <c r="B62835" s="14" t="s">
        <v>1</v>
      </c>
      <c r="C62835" s="14" t="s">
        <v>47</v>
      </c>
      <c r="D62835" s="14" t="s">
        <v>339</v>
      </c>
      <c r="E62835" s="15">
        <v>45431</v>
      </c>
      <c r="F62835" s="14" t="s">
        <v>15</v>
      </c>
      <c r="G62835" s="16">
        <v>1.9795146302289211E-3</v>
      </c>
    </row>
    <row r="62836" spans="1:7" x14ac:dyDescent="0.3">
      <c r="A62836" s="13" t="s">
        <v>338</v>
      </c>
      <c r="B62836" s="14" t="s">
        <v>1</v>
      </c>
      <c r="C62836" s="14" t="s">
        <v>47</v>
      </c>
      <c r="D62836" s="14" t="s">
        <v>339</v>
      </c>
      <c r="E62836" s="15">
        <v>45432</v>
      </c>
      <c r="F62836" s="14" t="s">
        <v>15</v>
      </c>
      <c r="G62836" s="16">
        <v>0</v>
      </c>
    </row>
    <row r="62837" spans="1:7" x14ac:dyDescent="0.3">
      <c r="A62837" s="13" t="s">
        <v>338</v>
      </c>
      <c r="B62837" s="14" t="s">
        <v>1</v>
      </c>
      <c r="C62837" s="14" t="s">
        <v>47</v>
      </c>
      <c r="D62837" s="14" t="s">
        <v>339</v>
      </c>
      <c r="E62837" s="15">
        <v>45433</v>
      </c>
      <c r="F62837" s="14" t="s">
        <v>15</v>
      </c>
      <c r="G62837" s="16">
        <v>5.8858917370364265E-3</v>
      </c>
    </row>
    <row r="62838" spans="1:7" x14ac:dyDescent="0.3">
      <c r="A62838" s="13" t="s">
        <v>338</v>
      </c>
      <c r="B62838" s="14" t="s">
        <v>1</v>
      </c>
      <c r="C62838" s="14" t="s">
        <v>47</v>
      </c>
      <c r="D62838" s="14" t="s">
        <v>339</v>
      </c>
      <c r="E62838" s="15">
        <v>45434</v>
      </c>
      <c r="F62838" s="14" t="s">
        <v>15</v>
      </c>
      <c r="G62838" s="16">
        <v>5.5499163459223379E-2</v>
      </c>
    </row>
    <row r="62839" spans="1:7" x14ac:dyDescent="0.3">
      <c r="A62839" s="13" t="s">
        <v>338</v>
      </c>
      <c r="B62839" s="14" t="s">
        <v>1</v>
      </c>
      <c r="C62839" s="14" t="s">
        <v>47</v>
      </c>
      <c r="D62839" s="14" t="s">
        <v>339</v>
      </c>
      <c r="E62839" s="15">
        <v>45435</v>
      </c>
      <c r="F62839" s="14" t="s">
        <v>15</v>
      </c>
      <c r="G62839" s="16">
        <v>5.3176595199230556E-2</v>
      </c>
    </row>
    <row r="62840" spans="1:7" x14ac:dyDescent="0.3">
      <c r="A62840" s="13" t="s">
        <v>338</v>
      </c>
      <c r="B62840" s="14" t="s">
        <v>1</v>
      </c>
      <c r="C62840" s="14" t="s">
        <v>47</v>
      </c>
      <c r="D62840" s="14" t="s">
        <v>339</v>
      </c>
      <c r="E62840" s="15">
        <v>45436</v>
      </c>
      <c r="F62840" s="14" t="s">
        <v>15</v>
      </c>
      <c r="G62840" s="16">
        <v>5.0833223312756699E-2</v>
      </c>
    </row>
    <row r="62841" spans="1:7" x14ac:dyDescent="0.3">
      <c r="A62841" s="13" t="s">
        <v>338</v>
      </c>
      <c r="B62841" s="14" t="s">
        <v>1</v>
      </c>
      <c r="C62841" s="14" t="s">
        <v>47</v>
      </c>
      <c r="D62841" s="14" t="s">
        <v>339</v>
      </c>
      <c r="E62841" s="15">
        <v>45437</v>
      </c>
      <c r="F62841" s="14" t="s">
        <v>15</v>
      </c>
      <c r="G62841" s="16">
        <v>5.0833223312756699E-2</v>
      </c>
    </row>
    <row r="62842" spans="1:7" x14ac:dyDescent="0.3">
      <c r="A62842" s="13" t="s">
        <v>338</v>
      </c>
      <c r="B62842" s="14" t="s">
        <v>1</v>
      </c>
      <c r="C62842" s="14" t="s">
        <v>47</v>
      </c>
      <c r="D62842" s="14" t="s">
        <v>339</v>
      </c>
      <c r="E62842" s="15">
        <v>45438</v>
      </c>
      <c r="F62842" s="14" t="s">
        <v>15</v>
      </c>
      <c r="G62842" s="16">
        <v>5.0833223312756699E-2</v>
      </c>
    </row>
    <row r="62843" spans="1:7" x14ac:dyDescent="0.3">
      <c r="A62843" s="13" t="s">
        <v>338</v>
      </c>
      <c r="B62843" s="14" t="s">
        <v>1</v>
      </c>
      <c r="C62843" s="14" t="s">
        <v>47</v>
      </c>
      <c r="D62843" s="14" t="s">
        <v>339</v>
      </c>
      <c r="E62843" s="15">
        <v>45439</v>
      </c>
      <c r="F62843" s="14" t="s">
        <v>15</v>
      </c>
      <c r="G62843" s="16">
        <v>5.0833223312756699E-2</v>
      </c>
    </row>
    <row r="62844" spans="1:7" x14ac:dyDescent="0.3">
      <c r="A62844" s="13" t="s">
        <v>338</v>
      </c>
      <c r="B62844" s="14" t="s">
        <v>1</v>
      </c>
      <c r="C62844" s="14" t="s">
        <v>47</v>
      </c>
      <c r="D62844" s="14" t="s">
        <v>339</v>
      </c>
      <c r="E62844" s="15">
        <v>45440</v>
      </c>
      <c r="F62844" s="14" t="s">
        <v>15</v>
      </c>
      <c r="G62844" s="16">
        <v>4.8484634614749361E-2</v>
      </c>
    </row>
    <row r="62845" spans="1:7" x14ac:dyDescent="0.3">
      <c r="A62845" s="13" t="s">
        <v>338</v>
      </c>
      <c r="B62845" s="14" t="s">
        <v>1</v>
      </c>
      <c r="C62845" s="14" t="s">
        <v>47</v>
      </c>
      <c r="D62845" s="14" t="s">
        <v>339</v>
      </c>
      <c r="E62845" s="15">
        <v>45441</v>
      </c>
      <c r="F62845" s="14" t="s">
        <v>15</v>
      </c>
      <c r="G62845" s="16">
        <v>9.4335503687204225E-2</v>
      </c>
    </row>
    <row r="62846" spans="1:7" x14ac:dyDescent="0.3">
      <c r="A62846" s="13" t="s">
        <v>338</v>
      </c>
      <c r="B62846" s="14" t="s">
        <v>1</v>
      </c>
      <c r="C62846" s="14" t="s">
        <v>47</v>
      </c>
      <c r="D62846" s="14" t="s">
        <v>339</v>
      </c>
      <c r="E62846" s="15">
        <v>45442</v>
      </c>
      <c r="F62846" s="14" t="s">
        <v>15</v>
      </c>
      <c r="G62846" s="16">
        <v>0.11163838955717641</v>
      </c>
    </row>
    <row r="62847" spans="1:7" x14ac:dyDescent="0.3">
      <c r="A62847" s="13" t="s">
        <v>338</v>
      </c>
      <c r="B62847" s="14" t="s">
        <v>1</v>
      </c>
      <c r="C62847" s="14" t="s">
        <v>47</v>
      </c>
      <c r="D62847" s="14" t="s">
        <v>339</v>
      </c>
      <c r="E62847" s="15">
        <v>45443</v>
      </c>
      <c r="F62847" s="14" t="s">
        <v>15</v>
      </c>
      <c r="G62847" s="16">
        <v>0.10930570577238088</v>
      </c>
    </row>
    <row r="62848" spans="1:7" x14ac:dyDescent="0.3">
      <c r="A62848" s="13" t="s">
        <v>338</v>
      </c>
      <c r="B62848" s="14" t="s">
        <v>1</v>
      </c>
      <c r="C62848" s="14" t="s">
        <v>47</v>
      </c>
      <c r="D62848" s="14" t="s">
        <v>339</v>
      </c>
      <c r="E62848" s="15">
        <v>45444</v>
      </c>
      <c r="F62848" s="14" t="s">
        <v>15</v>
      </c>
      <c r="G62848" s="16">
        <v>0.10930570577238088</v>
      </c>
    </row>
    <row r="62849" spans="1:7" x14ac:dyDescent="0.3">
      <c r="A62849" s="13" t="s">
        <v>338</v>
      </c>
      <c r="B62849" s="14" t="s">
        <v>1</v>
      </c>
      <c r="C62849" s="14" t="s">
        <v>47</v>
      </c>
      <c r="D62849" s="14" t="s">
        <v>339</v>
      </c>
      <c r="E62849" s="15">
        <v>45445</v>
      </c>
      <c r="F62849" s="14" t="s">
        <v>15</v>
      </c>
      <c r="G62849" s="16">
        <v>0.10930570577238088</v>
      </c>
    </row>
    <row r="62850" spans="1:7" x14ac:dyDescent="0.3">
      <c r="A62850" s="13" t="s">
        <v>338</v>
      </c>
      <c r="B62850" s="14" t="s">
        <v>1</v>
      </c>
      <c r="C62850" s="14" t="s">
        <v>47</v>
      </c>
      <c r="D62850" s="14" t="s">
        <v>339</v>
      </c>
      <c r="E62850" s="15">
        <v>45446</v>
      </c>
      <c r="F62850" s="14" t="s">
        <v>15</v>
      </c>
      <c r="G62850" s="16">
        <v>0.10930570577238088</v>
      </c>
    </row>
    <row r="62851" spans="1:7" x14ac:dyDescent="0.3">
      <c r="A62851" s="13" t="s">
        <v>338</v>
      </c>
      <c r="B62851" s="14" t="s">
        <v>1</v>
      </c>
      <c r="C62851" s="14" t="s">
        <v>47</v>
      </c>
      <c r="D62851" s="14" t="s">
        <v>339</v>
      </c>
      <c r="E62851" s="15">
        <v>45447</v>
      </c>
      <c r="F62851" s="14" t="s">
        <v>15</v>
      </c>
      <c r="G62851" s="16">
        <v>0.1353855589491563</v>
      </c>
    </row>
    <row r="62852" spans="1:7" x14ac:dyDescent="0.3">
      <c r="A62852" s="13" t="s">
        <v>338</v>
      </c>
      <c r="B62852" s="14" t="s">
        <v>1</v>
      </c>
      <c r="C62852" s="14" t="s">
        <v>47</v>
      </c>
      <c r="D62852" s="14" t="s">
        <v>339</v>
      </c>
      <c r="E62852" s="15">
        <v>45448</v>
      </c>
      <c r="F62852" s="14" t="s">
        <v>15</v>
      </c>
      <c r="G62852" s="16">
        <v>0.15466046988964274</v>
      </c>
    </row>
    <row r="62853" spans="1:7" x14ac:dyDescent="0.3">
      <c r="A62853" s="13" t="s">
        <v>338</v>
      </c>
      <c r="B62853" s="14" t="s">
        <v>1</v>
      </c>
      <c r="C62853" s="14" t="s">
        <v>47</v>
      </c>
      <c r="D62853" s="14" t="s">
        <v>339</v>
      </c>
      <c r="E62853" s="15">
        <v>45449</v>
      </c>
      <c r="F62853" s="14" t="s">
        <v>15</v>
      </c>
      <c r="G62853" s="16">
        <v>0.15235198944114106</v>
      </c>
    </row>
    <row r="62854" spans="1:7" x14ac:dyDescent="0.3">
      <c r="A62854" s="13" t="s">
        <v>338</v>
      </c>
      <c r="B62854" s="14" t="s">
        <v>1</v>
      </c>
      <c r="C62854" s="14" t="s">
        <v>47</v>
      </c>
      <c r="D62854" s="14" t="s">
        <v>339</v>
      </c>
      <c r="E62854" s="15">
        <v>45450</v>
      </c>
      <c r="F62854" s="14" t="s">
        <v>15</v>
      </c>
      <c r="G62854" s="16">
        <v>0.14999538804358228</v>
      </c>
    </row>
    <row r="62855" spans="1:7" x14ac:dyDescent="0.3">
      <c r="A62855" s="13" t="s">
        <v>338</v>
      </c>
      <c r="B62855" s="14" t="s">
        <v>1</v>
      </c>
      <c r="C62855" s="14" t="s">
        <v>47</v>
      </c>
      <c r="D62855" s="14" t="s">
        <v>339</v>
      </c>
      <c r="E62855" s="15">
        <v>45451</v>
      </c>
      <c r="F62855" s="14" t="s">
        <v>15</v>
      </c>
      <c r="G62855" s="16">
        <v>0.14999538804358228</v>
      </c>
    </row>
    <row r="62856" spans="1:7" x14ac:dyDescent="0.3">
      <c r="A62856" s="13" t="s">
        <v>338</v>
      </c>
      <c r="B62856" s="14" t="s">
        <v>1</v>
      </c>
      <c r="C62856" s="14" t="s">
        <v>47</v>
      </c>
      <c r="D62856" s="14" t="s">
        <v>339</v>
      </c>
      <c r="E62856" s="15">
        <v>45452</v>
      </c>
      <c r="F62856" s="14" t="s">
        <v>15</v>
      </c>
      <c r="G62856" s="16">
        <v>0.14999538804358228</v>
      </c>
    </row>
    <row r="62857" spans="1:7" x14ac:dyDescent="0.3">
      <c r="A62857" s="13" t="s">
        <v>338</v>
      </c>
      <c r="B62857" s="14" t="s">
        <v>1</v>
      </c>
      <c r="C62857" s="14" t="s">
        <v>47</v>
      </c>
      <c r="D62857" s="14" t="s">
        <v>339</v>
      </c>
      <c r="E62857" s="15">
        <v>45453</v>
      </c>
      <c r="F62857" s="14" t="s">
        <v>15</v>
      </c>
      <c r="G62857" s="16">
        <v>0.14765160334904723</v>
      </c>
    </row>
    <row r="62858" spans="1:7" x14ac:dyDescent="0.3">
      <c r="A62858" s="13" t="s">
        <v>338</v>
      </c>
      <c r="B62858" s="14" t="s">
        <v>1</v>
      </c>
      <c r="C62858" s="14" t="s">
        <v>47</v>
      </c>
      <c r="D62858" s="14" t="s">
        <v>339</v>
      </c>
      <c r="E62858" s="15">
        <v>45454</v>
      </c>
      <c r="F62858" s="14" t="s">
        <v>15</v>
      </c>
      <c r="G62858" s="16">
        <v>0.14064133867508996</v>
      </c>
    </row>
    <row r="62859" spans="1:7" x14ac:dyDescent="0.3">
      <c r="A62859" s="13" t="s">
        <v>338</v>
      </c>
      <c r="B62859" s="14" t="s">
        <v>1</v>
      </c>
      <c r="C62859" s="14" t="s">
        <v>47</v>
      </c>
      <c r="D62859" s="14" t="s">
        <v>339</v>
      </c>
      <c r="E62859" s="15">
        <v>45455</v>
      </c>
      <c r="F62859" s="14" t="s">
        <v>15</v>
      </c>
      <c r="G62859" s="16">
        <v>0.13830394616236724</v>
      </c>
    </row>
    <row r="62860" spans="1:7" x14ac:dyDescent="0.3">
      <c r="A62860" s="13" t="s">
        <v>338</v>
      </c>
      <c r="B62860" s="14" t="s">
        <v>1</v>
      </c>
      <c r="C62860" s="14" t="s">
        <v>47</v>
      </c>
      <c r="D62860" s="14" t="s">
        <v>339</v>
      </c>
      <c r="E62860" s="15">
        <v>45456</v>
      </c>
      <c r="F62860" s="14" t="s">
        <v>15</v>
      </c>
      <c r="G62860" s="16">
        <v>0.16802446428334269</v>
      </c>
    </row>
    <row r="62861" spans="1:7" x14ac:dyDescent="0.3">
      <c r="A62861" s="13" t="s">
        <v>338</v>
      </c>
      <c r="B62861" s="14" t="s">
        <v>1</v>
      </c>
      <c r="C62861" s="14" t="s">
        <v>47</v>
      </c>
      <c r="D62861" s="14" t="s">
        <v>339</v>
      </c>
      <c r="E62861" s="15">
        <v>45457</v>
      </c>
      <c r="F62861" s="14" t="s">
        <v>15</v>
      </c>
      <c r="G62861" s="16">
        <v>0.17211516382882916</v>
      </c>
    </row>
    <row r="62862" spans="1:7" x14ac:dyDescent="0.3">
      <c r="A62862" s="13" t="s">
        <v>338</v>
      </c>
      <c r="B62862" s="14" t="s">
        <v>1</v>
      </c>
      <c r="C62862" s="14" t="s">
        <v>47</v>
      </c>
      <c r="D62862" s="14" t="s">
        <v>339</v>
      </c>
      <c r="E62862" s="15">
        <v>45458</v>
      </c>
      <c r="F62862" s="14" t="s">
        <v>15</v>
      </c>
      <c r="G62862" s="16">
        <v>0.17211516382882916</v>
      </c>
    </row>
    <row r="62863" spans="1:7" x14ac:dyDescent="0.3">
      <c r="A62863" s="13" t="s">
        <v>338</v>
      </c>
      <c r="B62863" s="14" t="s">
        <v>1</v>
      </c>
      <c r="C62863" s="14" t="s">
        <v>47</v>
      </c>
      <c r="D62863" s="14" t="s">
        <v>339</v>
      </c>
      <c r="E62863" s="15">
        <v>45459</v>
      </c>
      <c r="F62863" s="14" t="s">
        <v>15</v>
      </c>
      <c r="G62863" s="16">
        <v>0.17211516382882916</v>
      </c>
    </row>
    <row r="62864" spans="1:7" x14ac:dyDescent="0.3">
      <c r="A62864" s="13" t="s">
        <v>338</v>
      </c>
      <c r="B62864" s="14" t="s">
        <v>1</v>
      </c>
      <c r="C62864" s="14" t="s">
        <v>47</v>
      </c>
      <c r="D62864" s="14" t="s">
        <v>339</v>
      </c>
      <c r="E62864" s="15">
        <v>45460</v>
      </c>
      <c r="F62864" s="14" t="s">
        <v>15</v>
      </c>
      <c r="G62864" s="16">
        <v>0.17089333998537892</v>
      </c>
    </row>
    <row r="62865" spans="1:7" x14ac:dyDescent="0.3">
      <c r="A62865" s="13" t="s">
        <v>338</v>
      </c>
      <c r="B62865" s="14" t="s">
        <v>1</v>
      </c>
      <c r="C62865" s="14" t="s">
        <v>47</v>
      </c>
      <c r="D62865" s="14" t="s">
        <v>339</v>
      </c>
      <c r="E62865" s="15">
        <v>45461</v>
      </c>
      <c r="F62865" s="14" t="s">
        <v>15</v>
      </c>
      <c r="G62865" s="16">
        <v>0.17160480313097348</v>
      </c>
    </row>
    <row r="62866" spans="1:7" x14ac:dyDescent="0.3">
      <c r="A62866" s="13" t="s">
        <v>338</v>
      </c>
      <c r="B62866" s="14" t="s">
        <v>1</v>
      </c>
      <c r="C62866" s="14" t="s">
        <v>47</v>
      </c>
      <c r="D62866" s="14" t="s">
        <v>339</v>
      </c>
      <c r="E62866" s="15">
        <v>45462</v>
      </c>
      <c r="F62866" s="14" t="s">
        <v>15</v>
      </c>
      <c r="G62866" s="16">
        <v>0.17160480313097348</v>
      </c>
    </row>
    <row r="62867" spans="1:7" x14ac:dyDescent="0.3">
      <c r="A62867" s="13" t="s">
        <v>338</v>
      </c>
      <c r="B62867" s="14" t="s">
        <v>1</v>
      </c>
      <c r="C62867" s="14" t="s">
        <v>47</v>
      </c>
      <c r="D62867" s="14" t="s">
        <v>339</v>
      </c>
      <c r="E62867" s="15">
        <v>45463</v>
      </c>
      <c r="F62867" s="14" t="s">
        <v>15</v>
      </c>
      <c r="G62867" s="16">
        <v>0.20934926774482951</v>
      </c>
    </row>
    <row r="62868" spans="1:7" x14ac:dyDescent="0.3">
      <c r="A62868" s="13" t="s">
        <v>338</v>
      </c>
      <c r="B62868" s="14" t="s">
        <v>1</v>
      </c>
      <c r="C62868" s="14" t="s">
        <v>47</v>
      </c>
      <c r="D62868" s="14" t="s">
        <v>339</v>
      </c>
      <c r="E62868" s="15">
        <v>45464</v>
      </c>
      <c r="F62868" s="14" t="s">
        <v>15</v>
      </c>
      <c r="G62868" s="16">
        <v>0.20465711911380796</v>
      </c>
    </row>
    <row r="62869" spans="1:7" x14ac:dyDescent="0.3">
      <c r="A62869" s="13" t="s">
        <v>338</v>
      </c>
      <c r="B62869" s="14" t="s">
        <v>1</v>
      </c>
      <c r="C62869" s="14" t="s">
        <v>47</v>
      </c>
      <c r="D62869" s="14" t="s">
        <v>339</v>
      </c>
      <c r="E62869" s="15">
        <v>45465</v>
      </c>
      <c r="F62869" s="14" t="s">
        <v>15</v>
      </c>
      <c r="G62869" s="16">
        <v>0.20465711911380796</v>
      </c>
    </row>
    <row r="62870" spans="1:7" x14ac:dyDescent="0.3">
      <c r="A62870" s="13" t="s">
        <v>338</v>
      </c>
      <c r="B62870" s="14" t="s">
        <v>1</v>
      </c>
      <c r="C62870" s="14" t="s">
        <v>47</v>
      </c>
      <c r="D62870" s="14" t="s">
        <v>339</v>
      </c>
      <c r="E62870" s="15">
        <v>45466</v>
      </c>
      <c r="F62870" s="14" t="s">
        <v>15</v>
      </c>
      <c r="G62870" s="16">
        <v>0.20465711911380796</v>
      </c>
    </row>
    <row r="62871" spans="1:7" x14ac:dyDescent="0.3">
      <c r="A62871" s="13" t="s">
        <v>338</v>
      </c>
      <c r="B62871" s="14" t="s">
        <v>1</v>
      </c>
      <c r="C62871" s="14" t="s">
        <v>47</v>
      </c>
      <c r="D62871" s="14" t="s">
        <v>339</v>
      </c>
      <c r="E62871" s="15">
        <v>45467</v>
      </c>
      <c r="F62871" s="14" t="s">
        <v>15</v>
      </c>
      <c r="G62871" s="16">
        <v>0.20540998532934585</v>
      </c>
    </row>
    <row r="62872" spans="1:7" x14ac:dyDescent="0.3">
      <c r="A62872" s="13" t="s">
        <v>338</v>
      </c>
      <c r="B62872" s="14" t="s">
        <v>1</v>
      </c>
      <c r="C62872" s="14" t="s">
        <v>47</v>
      </c>
      <c r="D62872" s="14" t="s">
        <v>339</v>
      </c>
      <c r="E62872" s="15">
        <v>45468</v>
      </c>
      <c r="F62872" s="14" t="s">
        <v>15</v>
      </c>
      <c r="G62872" s="16">
        <v>0.20164704170787032</v>
      </c>
    </row>
    <row r="62873" spans="1:7" x14ac:dyDescent="0.3">
      <c r="A62873" s="13" t="s">
        <v>338</v>
      </c>
      <c r="B62873" s="14" t="s">
        <v>1</v>
      </c>
      <c r="C62873" s="14" t="s">
        <v>47</v>
      </c>
      <c r="D62873" s="14" t="s">
        <v>339</v>
      </c>
      <c r="E62873" s="15">
        <v>45469</v>
      </c>
      <c r="F62873" s="14" t="s">
        <v>15</v>
      </c>
      <c r="G62873" s="16">
        <v>0.19937671709402768</v>
      </c>
    </row>
    <row r="62874" spans="1:7" x14ac:dyDescent="0.3">
      <c r="A62874" s="13" t="s">
        <v>338</v>
      </c>
      <c r="B62874" s="14" t="s">
        <v>1</v>
      </c>
      <c r="C62874" s="14" t="s">
        <v>47</v>
      </c>
      <c r="D62874" s="14" t="s">
        <v>339</v>
      </c>
      <c r="E62874" s="15">
        <v>45470</v>
      </c>
      <c r="F62874" s="14" t="s">
        <v>15</v>
      </c>
      <c r="G62874" s="16">
        <v>0.19711182343843381</v>
      </c>
    </row>
    <row r="62875" spans="1:7" x14ac:dyDescent="0.3">
      <c r="A62875" s="13" t="s">
        <v>338</v>
      </c>
      <c r="B62875" s="14" t="s">
        <v>1</v>
      </c>
      <c r="C62875" s="14" t="s">
        <v>47</v>
      </c>
      <c r="D62875" s="14" t="s">
        <v>339</v>
      </c>
      <c r="E62875" s="15">
        <v>45471</v>
      </c>
      <c r="F62875" s="14" t="s">
        <v>15</v>
      </c>
      <c r="G62875" s="16">
        <v>0.19485153012394471</v>
      </c>
    </row>
    <row r="62876" spans="1:7" x14ac:dyDescent="0.3">
      <c r="A62876" s="13" t="s">
        <v>338</v>
      </c>
      <c r="B62876" s="14" t="s">
        <v>1</v>
      </c>
      <c r="C62876" s="14" t="s">
        <v>47</v>
      </c>
      <c r="D62876" s="14" t="s">
        <v>339</v>
      </c>
      <c r="E62876" s="15">
        <v>45472</v>
      </c>
      <c r="F62876" s="14" t="s">
        <v>15</v>
      </c>
      <c r="G62876" s="16">
        <v>0.19485153012394471</v>
      </c>
    </row>
    <row r="62877" spans="1:7" x14ac:dyDescent="0.3">
      <c r="A62877" s="13" t="s">
        <v>338</v>
      </c>
      <c r="B62877" s="14" t="s">
        <v>1</v>
      </c>
      <c r="C62877" s="14" t="s">
        <v>47</v>
      </c>
      <c r="D62877" s="14" t="s">
        <v>339</v>
      </c>
      <c r="E62877" s="15">
        <v>45473</v>
      </c>
      <c r="F62877" s="14" t="s">
        <v>15</v>
      </c>
      <c r="G62877" s="16">
        <v>0.19485153012394471</v>
      </c>
    </row>
    <row r="62878" spans="1:7" x14ac:dyDescent="0.3">
      <c r="A62878" s="13" t="s">
        <v>338</v>
      </c>
      <c r="B62878" s="14" t="s">
        <v>1</v>
      </c>
      <c r="C62878" s="14" t="s">
        <v>47</v>
      </c>
      <c r="D62878" s="14" t="s">
        <v>339</v>
      </c>
      <c r="E62878" s="15">
        <v>45474</v>
      </c>
      <c r="F62878" s="14" t="s">
        <v>15</v>
      </c>
      <c r="G62878" s="16">
        <v>0.2018692942007223</v>
      </c>
    </row>
    <row r="62879" spans="1:7" x14ac:dyDescent="0.3">
      <c r="A62879" s="13" t="s">
        <v>338</v>
      </c>
      <c r="B62879" s="14" t="s">
        <v>1</v>
      </c>
      <c r="C62879" s="14" t="s">
        <v>47</v>
      </c>
      <c r="D62879" s="14" t="s">
        <v>339</v>
      </c>
      <c r="E62879" s="15">
        <v>45475</v>
      </c>
      <c r="F62879" s="14" t="s">
        <v>15</v>
      </c>
      <c r="G62879" s="16">
        <v>0.19637310817438153</v>
      </c>
    </row>
    <row r="62880" spans="1:7" x14ac:dyDescent="0.3">
      <c r="A62880" s="13" t="s">
        <v>338</v>
      </c>
      <c r="B62880" s="14" t="s">
        <v>1</v>
      </c>
      <c r="C62880" s="14" t="s">
        <v>47</v>
      </c>
      <c r="D62880" s="14" t="s">
        <v>339</v>
      </c>
      <c r="E62880" s="15">
        <v>45476</v>
      </c>
      <c r="F62880" s="14" t="s">
        <v>15</v>
      </c>
      <c r="G62880" s="16">
        <v>0.20543214582916755</v>
      </c>
    </row>
    <row r="62881" spans="1:7" x14ac:dyDescent="0.3">
      <c r="A62881" s="13" t="s">
        <v>338</v>
      </c>
      <c r="B62881" s="14" t="s">
        <v>1</v>
      </c>
      <c r="C62881" s="14" t="s">
        <v>47</v>
      </c>
      <c r="D62881" s="14" t="s">
        <v>339</v>
      </c>
      <c r="E62881" s="15">
        <v>45477</v>
      </c>
      <c r="F62881" s="14" t="s">
        <v>15</v>
      </c>
      <c r="G62881" s="16">
        <v>0.20543214582916755</v>
      </c>
    </row>
    <row r="62882" spans="1:7" x14ac:dyDescent="0.3">
      <c r="A62882" s="13" t="s">
        <v>338</v>
      </c>
      <c r="B62882" s="14" t="s">
        <v>1</v>
      </c>
      <c r="C62882" s="14" t="s">
        <v>47</v>
      </c>
      <c r="D62882" s="14" t="s">
        <v>339</v>
      </c>
      <c r="E62882" s="15">
        <v>45478</v>
      </c>
      <c r="F62882" s="14" t="s">
        <v>15</v>
      </c>
      <c r="G62882" s="16">
        <v>0.20317083021665519</v>
      </c>
    </row>
    <row r="62883" spans="1:7" x14ac:dyDescent="0.3">
      <c r="A62883" s="13" t="s">
        <v>338</v>
      </c>
      <c r="B62883" s="14" t="s">
        <v>1</v>
      </c>
      <c r="C62883" s="14" t="s">
        <v>47</v>
      </c>
      <c r="D62883" s="14" t="s">
        <v>339</v>
      </c>
      <c r="E62883" s="15">
        <v>45479</v>
      </c>
      <c r="F62883" s="14" t="s">
        <v>15</v>
      </c>
      <c r="G62883" s="16">
        <v>0.20317083021665519</v>
      </c>
    </row>
    <row r="62884" spans="1:7" x14ac:dyDescent="0.3">
      <c r="A62884" s="13" t="s">
        <v>338</v>
      </c>
      <c r="B62884" s="14" t="s">
        <v>1</v>
      </c>
      <c r="C62884" s="14" t="s">
        <v>47</v>
      </c>
      <c r="D62884" s="14" t="s">
        <v>339</v>
      </c>
      <c r="E62884" s="15">
        <v>45480</v>
      </c>
      <c r="F62884" s="14" t="s">
        <v>15</v>
      </c>
      <c r="G62884" s="16">
        <v>0.20317083021665519</v>
      </c>
    </row>
    <row r="62885" spans="1:7" x14ac:dyDescent="0.3">
      <c r="A62885" s="13" t="s">
        <v>338</v>
      </c>
      <c r="B62885" s="14" t="s">
        <v>1</v>
      </c>
      <c r="C62885" s="14" t="s">
        <v>47</v>
      </c>
      <c r="D62885" s="14" t="s">
        <v>339</v>
      </c>
      <c r="E62885" s="15">
        <v>45481</v>
      </c>
      <c r="F62885" s="14" t="s">
        <v>15</v>
      </c>
      <c r="G62885" s="16">
        <v>0.19855880419320912</v>
      </c>
    </row>
    <row r="62886" spans="1:7" x14ac:dyDescent="0.3">
      <c r="A62886" s="13" t="s">
        <v>338</v>
      </c>
      <c r="B62886" s="14" t="s">
        <v>1</v>
      </c>
      <c r="C62886" s="14" t="s">
        <v>47</v>
      </c>
      <c r="D62886" s="14" t="s">
        <v>339</v>
      </c>
      <c r="E62886" s="15">
        <v>45482</v>
      </c>
      <c r="F62886" s="14" t="s">
        <v>15</v>
      </c>
      <c r="G62886" s="16">
        <v>0.19160450171752155</v>
      </c>
    </row>
    <row r="62887" spans="1:7" x14ac:dyDescent="0.3">
      <c r="A62887" s="13" t="s">
        <v>338</v>
      </c>
      <c r="B62887" s="14" t="s">
        <v>1</v>
      </c>
      <c r="C62887" s="14" t="s">
        <v>47</v>
      </c>
      <c r="D62887" s="14" t="s">
        <v>339</v>
      </c>
      <c r="E62887" s="15">
        <v>45483</v>
      </c>
      <c r="F62887" s="14" t="s">
        <v>15</v>
      </c>
      <c r="G62887" s="16">
        <v>0.1892734142649195</v>
      </c>
    </row>
    <row r="62888" spans="1:7" x14ac:dyDescent="0.3">
      <c r="A62888" s="13" t="s">
        <v>338</v>
      </c>
      <c r="B62888" s="14" t="s">
        <v>1</v>
      </c>
      <c r="C62888" s="14" t="s">
        <v>47</v>
      </c>
      <c r="D62888" s="14" t="s">
        <v>339</v>
      </c>
      <c r="E62888" s="15">
        <v>45484</v>
      </c>
      <c r="F62888" s="14" t="s">
        <v>15</v>
      </c>
      <c r="G62888" s="16">
        <v>0.18696104764486898</v>
      </c>
    </row>
    <row r="62889" spans="1:7" x14ac:dyDescent="0.3">
      <c r="A62889" s="13" t="s">
        <v>338</v>
      </c>
      <c r="B62889" s="14" t="s">
        <v>1</v>
      </c>
      <c r="C62889" s="14" t="s">
        <v>47</v>
      </c>
      <c r="D62889" s="14" t="s">
        <v>339</v>
      </c>
      <c r="E62889" s="15">
        <v>45485</v>
      </c>
      <c r="F62889" s="14" t="s">
        <v>15</v>
      </c>
      <c r="G62889" s="16">
        <v>0.18461449793466464</v>
      </c>
    </row>
    <row r="62890" spans="1:7" x14ac:dyDescent="0.3">
      <c r="A62890" s="13" t="s">
        <v>338</v>
      </c>
      <c r="B62890" s="14" t="s">
        <v>1</v>
      </c>
      <c r="C62890" s="14" t="s">
        <v>47</v>
      </c>
      <c r="D62890" s="14" t="s">
        <v>339</v>
      </c>
      <c r="E62890" s="15">
        <v>45486</v>
      </c>
      <c r="F62890" s="14" t="s">
        <v>15</v>
      </c>
      <c r="G62890" s="16">
        <v>0.18461449793466464</v>
      </c>
    </row>
    <row r="62891" spans="1:7" x14ac:dyDescent="0.3">
      <c r="A62891" s="13" t="s">
        <v>338</v>
      </c>
      <c r="B62891" s="14" t="s">
        <v>1</v>
      </c>
      <c r="C62891" s="14" t="s">
        <v>47</v>
      </c>
      <c r="D62891" s="14" t="s">
        <v>339</v>
      </c>
      <c r="E62891" s="15">
        <v>45487</v>
      </c>
      <c r="F62891" s="14" t="s">
        <v>15</v>
      </c>
      <c r="G62891" s="16">
        <v>0.18461449793466464</v>
      </c>
    </row>
    <row r="62892" spans="1:7" x14ac:dyDescent="0.3">
      <c r="A62892" s="13" t="s">
        <v>338</v>
      </c>
      <c r="B62892" s="14" t="s">
        <v>1</v>
      </c>
      <c r="C62892" s="14" t="s">
        <v>47</v>
      </c>
      <c r="D62892" s="14" t="s">
        <v>339</v>
      </c>
      <c r="E62892" s="15">
        <v>45488</v>
      </c>
      <c r="F62892" s="14" t="s">
        <v>15</v>
      </c>
      <c r="G62892" s="16">
        <v>0.18547860295386198</v>
      </c>
    </row>
    <row r="62893" spans="1:7" x14ac:dyDescent="0.3">
      <c r="A62893" s="13" t="s">
        <v>338</v>
      </c>
      <c r="B62893" s="14" t="s">
        <v>1</v>
      </c>
      <c r="C62893" s="14" t="s">
        <v>47</v>
      </c>
      <c r="D62893" s="14" t="s">
        <v>339</v>
      </c>
      <c r="E62893" s="15">
        <v>45489</v>
      </c>
      <c r="F62893" s="14" t="s">
        <v>15</v>
      </c>
      <c r="G62893" s="16">
        <v>0.17827703214379065</v>
      </c>
    </row>
    <row r="62894" spans="1:7" x14ac:dyDescent="0.3">
      <c r="A62894" s="13" t="s">
        <v>338</v>
      </c>
      <c r="B62894" s="14" t="s">
        <v>1</v>
      </c>
      <c r="C62894" s="14" t="s">
        <v>47</v>
      </c>
      <c r="D62894" s="14" t="s">
        <v>339</v>
      </c>
      <c r="E62894" s="15">
        <v>45490</v>
      </c>
      <c r="F62894" s="14" t="s">
        <v>15</v>
      </c>
      <c r="G62894" s="16">
        <v>0.17590569170652148</v>
      </c>
    </row>
    <row r="62895" spans="1:7" x14ac:dyDescent="0.3">
      <c r="A62895" s="13" t="s">
        <v>338</v>
      </c>
      <c r="B62895" s="14" t="s">
        <v>1</v>
      </c>
      <c r="C62895" s="14" t="s">
        <v>47</v>
      </c>
      <c r="D62895" s="14" t="s">
        <v>339</v>
      </c>
      <c r="E62895" s="15">
        <v>45491</v>
      </c>
      <c r="F62895" s="14" t="s">
        <v>15</v>
      </c>
      <c r="G62895" s="16">
        <v>0.17350067932811014</v>
      </c>
    </row>
    <row r="62896" spans="1:7" x14ac:dyDescent="0.3">
      <c r="A62896" s="13" t="s">
        <v>338</v>
      </c>
      <c r="B62896" s="14" t="s">
        <v>1</v>
      </c>
      <c r="C62896" s="14" t="s">
        <v>47</v>
      </c>
      <c r="D62896" s="14" t="s">
        <v>339</v>
      </c>
      <c r="E62896" s="15">
        <v>45492</v>
      </c>
      <c r="F62896" s="14" t="s">
        <v>15</v>
      </c>
      <c r="G62896" s="16">
        <v>0.17116409287584924</v>
      </c>
    </row>
    <row r="62897" spans="1:7" x14ac:dyDescent="0.3">
      <c r="A62897" s="13" t="s">
        <v>338</v>
      </c>
      <c r="B62897" s="14" t="s">
        <v>1</v>
      </c>
      <c r="C62897" s="14" t="s">
        <v>47</v>
      </c>
      <c r="D62897" s="14" t="s">
        <v>339</v>
      </c>
      <c r="E62897" s="15">
        <v>45493</v>
      </c>
      <c r="F62897" s="14" t="s">
        <v>15</v>
      </c>
      <c r="G62897" s="16">
        <v>0.17116409287584924</v>
      </c>
    </row>
    <row r="62898" spans="1:7" x14ac:dyDescent="0.3">
      <c r="A62898" s="13" t="s">
        <v>338</v>
      </c>
      <c r="B62898" s="14" t="s">
        <v>1</v>
      </c>
      <c r="C62898" s="14" t="s">
        <v>47</v>
      </c>
      <c r="D62898" s="14" t="s">
        <v>339</v>
      </c>
      <c r="E62898" s="15">
        <v>45494</v>
      </c>
      <c r="F62898" s="14" t="s">
        <v>15</v>
      </c>
      <c r="G62898" s="16">
        <v>0.17116409287584924</v>
      </c>
    </row>
    <row r="62899" spans="1:7" x14ac:dyDescent="0.3">
      <c r="A62899" s="13" t="s">
        <v>338</v>
      </c>
      <c r="B62899" s="14" t="s">
        <v>1</v>
      </c>
      <c r="C62899" s="14" t="s">
        <v>47</v>
      </c>
      <c r="D62899" s="14" t="s">
        <v>339</v>
      </c>
      <c r="E62899" s="15">
        <v>45495</v>
      </c>
      <c r="F62899" s="14" t="s">
        <v>15</v>
      </c>
      <c r="G62899" s="16">
        <v>0.16886692610107248</v>
      </c>
    </row>
    <row r="62900" spans="1:7" x14ac:dyDescent="0.3">
      <c r="A62900" s="13" t="s">
        <v>338</v>
      </c>
      <c r="B62900" s="14" t="s">
        <v>1</v>
      </c>
      <c r="C62900" s="14" t="s">
        <v>47</v>
      </c>
      <c r="D62900" s="14" t="s">
        <v>339</v>
      </c>
      <c r="E62900" s="15">
        <v>45496</v>
      </c>
      <c r="F62900" s="14" t="s">
        <v>15</v>
      </c>
      <c r="G62900" s="16">
        <v>0.16205929639435715</v>
      </c>
    </row>
    <row r="62901" spans="1:7" x14ac:dyDescent="0.3">
      <c r="A62901" s="13" t="s">
        <v>338</v>
      </c>
      <c r="B62901" s="14" t="s">
        <v>1</v>
      </c>
      <c r="C62901" s="14" t="s">
        <v>47</v>
      </c>
      <c r="D62901" s="14" t="s">
        <v>339</v>
      </c>
      <c r="E62901" s="15">
        <v>45497</v>
      </c>
      <c r="F62901" s="14" t="s">
        <v>15</v>
      </c>
      <c r="G62901" s="16">
        <v>0.15977340306666274</v>
      </c>
    </row>
    <row r="62902" spans="1:7" x14ac:dyDescent="0.3">
      <c r="A62902" s="13" t="s">
        <v>338</v>
      </c>
      <c r="B62902" s="14" t="s">
        <v>1</v>
      </c>
      <c r="C62902" s="14" t="s">
        <v>47</v>
      </c>
      <c r="D62902" s="14" t="s">
        <v>339</v>
      </c>
      <c r="E62902" s="15">
        <v>45498</v>
      </c>
      <c r="F62902" s="14" t="s">
        <v>15</v>
      </c>
      <c r="G62902" s="16">
        <v>0.15750090510258585</v>
      </c>
    </row>
    <row r="62903" spans="1:7" x14ac:dyDescent="0.3">
      <c r="A62903" s="13" t="s">
        <v>338</v>
      </c>
      <c r="B62903" s="14" t="s">
        <v>1</v>
      </c>
      <c r="C62903" s="14" t="s">
        <v>47</v>
      </c>
      <c r="D62903" s="14" t="s">
        <v>339</v>
      </c>
      <c r="E62903" s="15">
        <v>45499</v>
      </c>
      <c r="F62903" s="14" t="s">
        <v>15</v>
      </c>
      <c r="G62903" s="16">
        <v>0.15528551368866783</v>
      </c>
    </row>
    <row r="62904" spans="1:7" x14ac:dyDescent="0.3">
      <c r="A62904" s="13" t="s">
        <v>338</v>
      </c>
      <c r="B62904" s="14" t="s">
        <v>1</v>
      </c>
      <c r="C62904" s="14" t="s">
        <v>47</v>
      </c>
      <c r="D62904" s="14" t="s">
        <v>339</v>
      </c>
      <c r="E62904" s="15">
        <v>45500</v>
      </c>
      <c r="F62904" s="14" t="s">
        <v>15</v>
      </c>
      <c r="G62904" s="16">
        <v>0.15528551368866783</v>
      </c>
    </row>
    <row r="62905" spans="1:7" x14ac:dyDescent="0.3">
      <c r="A62905" s="13" t="s">
        <v>338</v>
      </c>
      <c r="B62905" s="14" t="s">
        <v>1</v>
      </c>
      <c r="C62905" s="14" t="s">
        <v>47</v>
      </c>
      <c r="D62905" s="14" t="s">
        <v>339</v>
      </c>
      <c r="E62905" s="15">
        <v>45501</v>
      </c>
      <c r="F62905" s="14" t="s">
        <v>15</v>
      </c>
      <c r="G62905" s="16">
        <v>0.15528551368866783</v>
      </c>
    </row>
    <row r="62906" spans="1:7" x14ac:dyDescent="0.3">
      <c r="A62906" s="13" t="s">
        <v>338</v>
      </c>
      <c r="B62906" s="14" t="s">
        <v>1</v>
      </c>
      <c r="C62906" s="14" t="s">
        <v>47</v>
      </c>
      <c r="D62906" s="14" t="s">
        <v>339</v>
      </c>
      <c r="E62906" s="15">
        <v>45502</v>
      </c>
      <c r="F62906" s="14" t="s">
        <v>15</v>
      </c>
      <c r="G62906" s="16">
        <v>0.15312511376749538</v>
      </c>
    </row>
    <row r="62907" spans="1:7" x14ac:dyDescent="0.3">
      <c r="A62907" s="13" t="s">
        <v>338</v>
      </c>
      <c r="B62907" s="14" t="s">
        <v>1</v>
      </c>
      <c r="C62907" s="14" t="s">
        <v>47</v>
      </c>
      <c r="D62907" s="14" t="s">
        <v>339</v>
      </c>
      <c r="E62907" s="15">
        <v>45503</v>
      </c>
      <c r="F62907" s="14" t="s">
        <v>15</v>
      </c>
      <c r="G62907" s="16">
        <v>0.14652283690781592</v>
      </c>
    </row>
    <row r="62908" spans="1:7" x14ac:dyDescent="0.3">
      <c r="A62908" s="13" t="s">
        <v>338</v>
      </c>
      <c r="B62908" s="14" t="s">
        <v>1</v>
      </c>
      <c r="C62908" s="14" t="s">
        <v>47</v>
      </c>
      <c r="D62908" s="14" t="s">
        <v>339</v>
      </c>
      <c r="E62908" s="15">
        <v>45504</v>
      </c>
      <c r="F62908" s="14" t="s">
        <v>15</v>
      </c>
      <c r="G62908" s="16">
        <v>0.14433500533291957</v>
      </c>
    </row>
    <row r="62909" spans="1:7" x14ac:dyDescent="0.3">
      <c r="A62909" s="13" t="s">
        <v>338</v>
      </c>
      <c r="B62909" s="14" t="s">
        <v>1</v>
      </c>
      <c r="C62909" s="14" t="s">
        <v>47</v>
      </c>
      <c r="D62909" s="14" t="s">
        <v>339</v>
      </c>
      <c r="E62909" s="15">
        <v>45505</v>
      </c>
      <c r="F62909" s="14" t="s">
        <v>15</v>
      </c>
      <c r="G62909" s="16">
        <v>0.14218101467663588</v>
      </c>
    </row>
    <row r="62910" spans="1:7" x14ac:dyDescent="0.3">
      <c r="A62910" s="13" t="s">
        <v>338</v>
      </c>
      <c r="B62910" s="14" t="s">
        <v>1</v>
      </c>
      <c r="C62910" s="14" t="s">
        <v>47</v>
      </c>
      <c r="D62910" s="14" t="s">
        <v>339</v>
      </c>
      <c r="E62910" s="15">
        <v>45506</v>
      </c>
      <c r="F62910" s="14" t="s">
        <v>15</v>
      </c>
      <c r="G62910" s="16">
        <v>0.13945685581584802</v>
      </c>
    </row>
    <row r="62911" spans="1:7" x14ac:dyDescent="0.3">
      <c r="A62911" s="13" t="s">
        <v>338</v>
      </c>
      <c r="B62911" s="14" t="s">
        <v>1</v>
      </c>
      <c r="C62911" s="14" t="s">
        <v>47</v>
      </c>
      <c r="D62911" s="14" t="s">
        <v>339</v>
      </c>
      <c r="E62911" s="15">
        <v>45507</v>
      </c>
      <c r="F62911" s="14" t="s">
        <v>15</v>
      </c>
      <c r="G62911" s="16">
        <v>0.13945685581584802</v>
      </c>
    </row>
    <row r="62912" spans="1:7" x14ac:dyDescent="0.3">
      <c r="A62912" s="13" t="s">
        <v>338</v>
      </c>
      <c r="B62912" s="14" t="s">
        <v>1</v>
      </c>
      <c r="C62912" s="14" t="s">
        <v>47</v>
      </c>
      <c r="D62912" s="14" t="s">
        <v>339</v>
      </c>
      <c r="E62912" s="15">
        <v>45508</v>
      </c>
      <c r="F62912" s="14" t="s">
        <v>15</v>
      </c>
      <c r="G62912" s="16">
        <v>0.13945685581584802</v>
      </c>
    </row>
    <row r="62913" spans="1:7" x14ac:dyDescent="0.3">
      <c r="A62913" s="13" t="s">
        <v>338</v>
      </c>
      <c r="B62913" s="14" t="s">
        <v>1</v>
      </c>
      <c r="C62913" s="14" t="s">
        <v>47</v>
      </c>
      <c r="D62913" s="14" t="s">
        <v>339</v>
      </c>
      <c r="E62913" s="15">
        <v>45509</v>
      </c>
      <c r="F62913" s="14" t="s">
        <v>15</v>
      </c>
      <c r="G62913" s="16">
        <v>0.13945685581584802</v>
      </c>
    </row>
    <row r="62914" spans="1:7" x14ac:dyDescent="0.3">
      <c r="A62914" s="13" t="s">
        <v>338</v>
      </c>
      <c r="B62914" s="14" t="s">
        <v>1</v>
      </c>
      <c r="C62914" s="14" t="s">
        <v>47</v>
      </c>
      <c r="D62914" s="14" t="s">
        <v>339</v>
      </c>
      <c r="E62914" s="15">
        <v>45510</v>
      </c>
      <c r="F62914" s="14" t="s">
        <v>15</v>
      </c>
      <c r="G62914" s="16">
        <v>0.13731786283940403</v>
      </c>
    </row>
    <row r="62915" spans="1:7" x14ac:dyDescent="0.3">
      <c r="A62915" s="13" t="s">
        <v>338</v>
      </c>
      <c r="B62915" s="14" t="s">
        <v>1</v>
      </c>
      <c r="C62915" s="14" t="s">
        <v>47</v>
      </c>
      <c r="D62915" s="14" t="s">
        <v>339</v>
      </c>
      <c r="E62915" s="15">
        <v>45511</v>
      </c>
      <c r="F62915" s="14" t="s">
        <v>15</v>
      </c>
      <c r="G62915" s="16">
        <v>0.12908365895374824</v>
      </c>
    </row>
    <row r="62916" spans="1:7" x14ac:dyDescent="0.3">
      <c r="A62916" s="13" t="s">
        <v>338</v>
      </c>
      <c r="B62916" s="14" t="s">
        <v>1</v>
      </c>
      <c r="C62916" s="14" t="s">
        <v>47</v>
      </c>
      <c r="D62916" s="14" t="s">
        <v>339</v>
      </c>
      <c r="E62916" s="15">
        <v>45512</v>
      </c>
      <c r="F62916" s="14" t="s">
        <v>15</v>
      </c>
      <c r="G62916" s="16">
        <v>0.12705753313199533</v>
      </c>
    </row>
    <row r="62917" spans="1:7" x14ac:dyDescent="0.3">
      <c r="A62917" s="13" t="s">
        <v>338</v>
      </c>
      <c r="B62917" s="14" t="s">
        <v>1</v>
      </c>
      <c r="C62917" s="14" t="s">
        <v>47</v>
      </c>
      <c r="D62917" s="14" t="s">
        <v>339</v>
      </c>
      <c r="E62917" s="15">
        <v>45513</v>
      </c>
      <c r="F62917" s="14" t="s">
        <v>15</v>
      </c>
      <c r="G62917" s="16">
        <v>0.12505377564470421</v>
      </c>
    </row>
    <row r="62918" spans="1:7" x14ac:dyDescent="0.3">
      <c r="A62918" s="13" t="s">
        <v>338</v>
      </c>
      <c r="B62918" s="14" t="s">
        <v>1</v>
      </c>
      <c r="C62918" s="14" t="s">
        <v>47</v>
      </c>
      <c r="D62918" s="14" t="s">
        <v>339</v>
      </c>
      <c r="E62918" s="15">
        <v>45514</v>
      </c>
      <c r="F62918" s="14" t="s">
        <v>15</v>
      </c>
      <c r="G62918" s="16">
        <v>0.12505377564470421</v>
      </c>
    </row>
    <row r="62919" spans="1:7" x14ac:dyDescent="0.3">
      <c r="A62919" s="13" t="s">
        <v>338</v>
      </c>
      <c r="B62919" s="14" t="s">
        <v>1</v>
      </c>
      <c r="C62919" s="14" t="s">
        <v>47</v>
      </c>
      <c r="D62919" s="14" t="s">
        <v>339</v>
      </c>
      <c r="E62919" s="15">
        <v>45515</v>
      </c>
      <c r="F62919" s="14" t="s">
        <v>15</v>
      </c>
      <c r="G62919" s="16">
        <v>0.12505377564470421</v>
      </c>
    </row>
    <row r="62920" spans="1:7" x14ac:dyDescent="0.3">
      <c r="A62920" s="13" t="s">
        <v>338</v>
      </c>
      <c r="B62920" s="14" t="s">
        <v>1</v>
      </c>
      <c r="C62920" s="14" t="s">
        <v>47</v>
      </c>
      <c r="D62920" s="14" t="s">
        <v>339</v>
      </c>
      <c r="E62920" s="15">
        <v>45516</v>
      </c>
      <c r="F62920" s="14" t="s">
        <v>15</v>
      </c>
      <c r="G62920" s="16">
        <v>0.12298989925275651</v>
      </c>
    </row>
    <row r="62921" spans="1:7" x14ac:dyDescent="0.3">
      <c r="A62921" s="13" t="s">
        <v>338</v>
      </c>
      <c r="B62921" s="14" t="s">
        <v>1</v>
      </c>
      <c r="C62921" s="14" t="s">
        <v>47</v>
      </c>
      <c r="D62921" s="14" t="s">
        <v>339</v>
      </c>
      <c r="E62921" s="15">
        <v>45517</v>
      </c>
      <c r="F62921" s="14" t="s">
        <v>15</v>
      </c>
      <c r="G62921" s="16">
        <v>0.11763069931825228</v>
      </c>
    </row>
    <row r="62922" spans="1:7" x14ac:dyDescent="0.3">
      <c r="A62922" s="13" t="s">
        <v>338</v>
      </c>
      <c r="B62922" s="14" t="s">
        <v>1</v>
      </c>
      <c r="C62922" s="14" t="s">
        <v>47</v>
      </c>
      <c r="D62922" s="14" t="s">
        <v>339</v>
      </c>
      <c r="E62922" s="15">
        <v>45518</v>
      </c>
      <c r="F62922" s="14" t="s">
        <v>15</v>
      </c>
      <c r="G62922" s="16">
        <v>0.11555438895242036</v>
      </c>
    </row>
    <row r="62923" spans="1:7" x14ac:dyDescent="0.3">
      <c r="A62923" s="13" t="s">
        <v>338</v>
      </c>
      <c r="B62923" s="14" t="s">
        <v>1</v>
      </c>
      <c r="C62923" s="14" t="s">
        <v>47</v>
      </c>
      <c r="D62923" s="14" t="s">
        <v>339</v>
      </c>
      <c r="E62923" s="15">
        <v>45519</v>
      </c>
      <c r="F62923" s="14" t="s">
        <v>15</v>
      </c>
      <c r="G62923" s="16">
        <v>0.11341712647749636</v>
      </c>
    </row>
    <row r="62924" spans="1:7" x14ac:dyDescent="0.3">
      <c r="A62924" s="13" t="s">
        <v>338</v>
      </c>
      <c r="B62924" s="14" t="s">
        <v>1</v>
      </c>
      <c r="C62924" s="14" t="s">
        <v>47</v>
      </c>
      <c r="D62924" s="14" t="s">
        <v>339</v>
      </c>
      <c r="E62924" s="15">
        <v>45520</v>
      </c>
      <c r="F62924" s="14" t="s">
        <v>15</v>
      </c>
      <c r="G62924" s="16">
        <v>0.11317200718303237</v>
      </c>
    </row>
    <row r="62925" spans="1:7" x14ac:dyDescent="0.3">
      <c r="A62925" s="13" t="s">
        <v>338</v>
      </c>
      <c r="B62925" s="14" t="s">
        <v>1</v>
      </c>
      <c r="C62925" s="14" t="s">
        <v>47</v>
      </c>
      <c r="D62925" s="14" t="s">
        <v>339</v>
      </c>
      <c r="E62925" s="15">
        <v>45521</v>
      </c>
      <c r="F62925" s="14" t="s">
        <v>15</v>
      </c>
      <c r="G62925" s="16">
        <v>0.11317200718303237</v>
      </c>
    </row>
    <row r="62926" spans="1:7" x14ac:dyDescent="0.3">
      <c r="A62926" s="13" t="s">
        <v>338</v>
      </c>
      <c r="B62926" s="14" t="s">
        <v>1</v>
      </c>
      <c r="C62926" s="14" t="s">
        <v>47</v>
      </c>
      <c r="D62926" s="14" t="s">
        <v>339</v>
      </c>
      <c r="E62926" s="15">
        <v>45522</v>
      </c>
      <c r="F62926" s="14" t="s">
        <v>15</v>
      </c>
      <c r="G62926" s="16">
        <v>0.11317200718303237</v>
      </c>
    </row>
    <row r="62927" spans="1:7" x14ac:dyDescent="0.3">
      <c r="A62927" s="13" t="s">
        <v>338</v>
      </c>
      <c r="B62927" s="14" t="s">
        <v>1</v>
      </c>
      <c r="C62927" s="14" t="s">
        <v>47</v>
      </c>
      <c r="D62927" s="14" t="s">
        <v>339</v>
      </c>
      <c r="E62927" s="15">
        <v>45523</v>
      </c>
      <c r="F62927" s="14" t="s">
        <v>15</v>
      </c>
      <c r="G62927" s="16">
        <v>0.11095943584566541</v>
      </c>
    </row>
    <row r="62928" spans="1:7" x14ac:dyDescent="0.3">
      <c r="A62928" s="13" t="s">
        <v>338</v>
      </c>
      <c r="B62928" s="14" t="s">
        <v>1</v>
      </c>
      <c r="C62928" s="14" t="s">
        <v>47</v>
      </c>
      <c r="D62928" s="14" t="s">
        <v>339</v>
      </c>
      <c r="E62928" s="15">
        <v>45524</v>
      </c>
      <c r="F62928" s="14" t="s">
        <v>15</v>
      </c>
      <c r="G62928" s="16">
        <v>0.10429229722531171</v>
      </c>
    </row>
    <row r="62929" spans="1:7" x14ac:dyDescent="0.3">
      <c r="A62929" s="13" t="s">
        <v>338</v>
      </c>
      <c r="B62929" s="14" t="s">
        <v>1</v>
      </c>
      <c r="C62929" s="14" t="s">
        <v>47</v>
      </c>
      <c r="D62929" s="14" t="s">
        <v>339</v>
      </c>
      <c r="E62929" s="15">
        <v>45525</v>
      </c>
      <c r="F62929" s="14" t="s">
        <v>15</v>
      </c>
      <c r="G62929" s="16">
        <v>0.10205049964005199</v>
      </c>
    </row>
    <row r="62930" spans="1:7" x14ac:dyDescent="0.3">
      <c r="A62930" s="13" t="s">
        <v>338</v>
      </c>
      <c r="B62930" s="14" t="s">
        <v>1</v>
      </c>
      <c r="C62930" s="14" t="s">
        <v>47</v>
      </c>
      <c r="D62930" s="14" t="s">
        <v>339</v>
      </c>
      <c r="E62930" s="15">
        <v>45526</v>
      </c>
      <c r="F62930" s="14" t="s">
        <v>15</v>
      </c>
      <c r="G62930" s="16">
        <v>9.9811778501938883E-2</v>
      </c>
    </row>
    <row r="62931" spans="1:7" x14ac:dyDescent="0.3">
      <c r="A62931" s="13" t="s">
        <v>338</v>
      </c>
      <c r="B62931" s="14" t="s">
        <v>1</v>
      </c>
      <c r="C62931" s="14" t="s">
        <v>47</v>
      </c>
      <c r="D62931" s="14" t="s">
        <v>339</v>
      </c>
      <c r="E62931" s="15">
        <v>45527</v>
      </c>
      <c r="F62931" s="14" t="s">
        <v>15</v>
      </c>
      <c r="G62931" s="16">
        <v>9.7533191736217675E-2</v>
      </c>
    </row>
    <row r="62932" spans="1:7" x14ac:dyDescent="0.3">
      <c r="A62932" s="13" t="s">
        <v>338</v>
      </c>
      <c r="B62932" s="14" t="s">
        <v>1</v>
      </c>
      <c r="C62932" s="14" t="s">
        <v>47</v>
      </c>
      <c r="D62932" s="14" t="s">
        <v>339</v>
      </c>
      <c r="E62932" s="15">
        <v>45528</v>
      </c>
      <c r="F62932" s="14" t="s">
        <v>15</v>
      </c>
      <c r="G62932" s="16">
        <v>9.7533191736217675E-2</v>
      </c>
    </row>
    <row r="62933" spans="1:7" x14ac:dyDescent="0.3">
      <c r="A62933" s="13" t="s">
        <v>338</v>
      </c>
      <c r="B62933" s="14" t="s">
        <v>1</v>
      </c>
      <c r="C62933" s="14" t="s">
        <v>47</v>
      </c>
      <c r="D62933" s="14" t="s">
        <v>339</v>
      </c>
      <c r="E62933" s="15">
        <v>45529</v>
      </c>
      <c r="F62933" s="14" t="s">
        <v>15</v>
      </c>
      <c r="G62933" s="16">
        <v>9.7533191736217675E-2</v>
      </c>
    </row>
    <row r="62934" spans="1:7" x14ac:dyDescent="0.3">
      <c r="A62934" s="13" t="s">
        <v>338</v>
      </c>
      <c r="B62934" s="14" t="s">
        <v>1</v>
      </c>
      <c r="C62934" s="14" t="s">
        <v>47</v>
      </c>
      <c r="D62934" s="14" t="s">
        <v>339</v>
      </c>
      <c r="E62934" s="15">
        <v>45530</v>
      </c>
      <c r="F62934" s="14" t="s">
        <v>15</v>
      </c>
      <c r="G62934" s="16">
        <v>9.7533191736217675E-2</v>
      </c>
    </row>
    <row r="62935" spans="1:7" x14ac:dyDescent="0.3">
      <c r="A62935" s="13" t="s">
        <v>338</v>
      </c>
      <c r="B62935" s="14" t="s">
        <v>1</v>
      </c>
      <c r="C62935" s="14" t="s">
        <v>47</v>
      </c>
      <c r="D62935" s="14" t="s">
        <v>339</v>
      </c>
      <c r="E62935" s="15">
        <v>45531</v>
      </c>
      <c r="F62935" s="14" t="s">
        <v>15</v>
      </c>
      <c r="G62935" s="16">
        <v>9.527581963727827E-2</v>
      </c>
    </row>
    <row r="62936" spans="1:7" x14ac:dyDescent="0.3">
      <c r="A62936" s="13" t="s">
        <v>338</v>
      </c>
      <c r="B62936" s="14" t="s">
        <v>1</v>
      </c>
      <c r="C62936" s="14" t="s">
        <v>47</v>
      </c>
      <c r="D62936" s="14" t="s">
        <v>339</v>
      </c>
      <c r="E62936" s="15">
        <v>45532</v>
      </c>
      <c r="F62936" s="14" t="s">
        <v>15</v>
      </c>
      <c r="G62936" s="16">
        <v>8.6010941864860774E-2</v>
      </c>
    </row>
    <row r="62937" spans="1:7" x14ac:dyDescent="0.3">
      <c r="A62937" s="13" t="s">
        <v>338</v>
      </c>
      <c r="B62937" s="14" t="s">
        <v>1</v>
      </c>
      <c r="C62937" s="14" t="s">
        <v>47</v>
      </c>
      <c r="D62937" s="14" t="s">
        <v>339</v>
      </c>
      <c r="E62937" s="15">
        <v>45533</v>
      </c>
      <c r="F62937" s="14" t="s">
        <v>15</v>
      </c>
      <c r="G62937" s="16">
        <v>8.3713957226405539E-2</v>
      </c>
    </row>
    <row r="62938" spans="1:7" x14ac:dyDescent="0.3">
      <c r="A62938" s="13" t="s">
        <v>338</v>
      </c>
      <c r="B62938" s="14" t="s">
        <v>1</v>
      </c>
      <c r="C62938" s="14" t="s">
        <v>47</v>
      </c>
      <c r="D62938" s="14" t="s">
        <v>339</v>
      </c>
      <c r="E62938" s="15">
        <v>45534</v>
      </c>
      <c r="F62938" s="14" t="s">
        <v>15</v>
      </c>
      <c r="G62938" s="16">
        <v>8.1437901315289524E-2</v>
      </c>
    </row>
    <row r="62939" spans="1:7" x14ac:dyDescent="0.3">
      <c r="A62939" s="13" t="s">
        <v>338</v>
      </c>
      <c r="B62939" s="14" t="s">
        <v>1</v>
      </c>
      <c r="C62939" s="14" t="s">
        <v>47</v>
      </c>
      <c r="D62939" s="14" t="s">
        <v>339</v>
      </c>
      <c r="E62939" s="15">
        <v>45535</v>
      </c>
      <c r="F62939" s="14" t="s">
        <v>15</v>
      </c>
      <c r="G62939" s="16">
        <v>8.1437901315289524E-2</v>
      </c>
    </row>
    <row r="62940" spans="1:7" x14ac:dyDescent="0.3">
      <c r="A62940" s="13" t="s">
        <v>338</v>
      </c>
      <c r="B62940" s="14" t="s">
        <v>1</v>
      </c>
      <c r="C62940" s="14" t="s">
        <v>47</v>
      </c>
      <c r="D62940" s="14" t="s">
        <v>339</v>
      </c>
      <c r="E62940" s="15">
        <v>45536</v>
      </c>
      <c r="F62940" s="14" t="s">
        <v>15</v>
      </c>
      <c r="G62940" s="16">
        <v>8.1437901315289524E-2</v>
      </c>
    </row>
    <row r="62941" spans="1:7" x14ac:dyDescent="0.3">
      <c r="A62941" s="13" t="s">
        <v>338</v>
      </c>
      <c r="B62941" s="14" t="s">
        <v>1</v>
      </c>
      <c r="C62941" s="14" t="s">
        <v>47</v>
      </c>
      <c r="D62941" s="14" t="s">
        <v>339</v>
      </c>
      <c r="E62941" s="15">
        <v>45537</v>
      </c>
      <c r="F62941" s="14" t="s">
        <v>15</v>
      </c>
      <c r="G62941" s="16">
        <v>8.1437901315289524E-2</v>
      </c>
    </row>
    <row r="62942" spans="1:7" x14ac:dyDescent="0.3">
      <c r="A62942" s="13" t="s">
        <v>338</v>
      </c>
      <c r="B62942" s="14" t="s">
        <v>1</v>
      </c>
      <c r="C62942" s="14" t="s">
        <v>47</v>
      </c>
      <c r="D62942" s="14" t="s">
        <v>339</v>
      </c>
      <c r="E62942" s="15">
        <v>45538</v>
      </c>
      <c r="F62942" s="14" t="s">
        <v>15</v>
      </c>
      <c r="G62942" s="16">
        <v>8.260526699984537E-2</v>
      </c>
    </row>
    <row r="62943" spans="1:7" x14ac:dyDescent="0.3">
      <c r="A62943" s="13" t="s">
        <v>338</v>
      </c>
      <c r="B62943" s="14" t="s">
        <v>1</v>
      </c>
      <c r="C62943" s="14" t="s">
        <v>47</v>
      </c>
      <c r="D62943" s="14" t="s">
        <v>339</v>
      </c>
      <c r="E62943" s="15">
        <v>45539</v>
      </c>
      <c r="F62943" s="14" t="s">
        <v>15</v>
      </c>
      <c r="G62943" s="16">
        <v>7.817729867336555E-2</v>
      </c>
    </row>
    <row r="62944" spans="1:7" x14ac:dyDescent="0.3">
      <c r="A62944" s="13" t="s">
        <v>338</v>
      </c>
      <c r="B62944" s="14" t="s">
        <v>1</v>
      </c>
      <c r="C62944" s="14" t="s">
        <v>47</v>
      </c>
      <c r="D62944" s="14" t="s">
        <v>339</v>
      </c>
      <c r="E62944" s="15">
        <v>45540</v>
      </c>
      <c r="F62944" s="14" t="s">
        <v>15</v>
      </c>
      <c r="G62944" s="16">
        <v>8.2768707502353281E-2</v>
      </c>
    </row>
    <row r="62945" spans="1:7" x14ac:dyDescent="0.3">
      <c r="A62945" s="13" t="s">
        <v>338</v>
      </c>
      <c r="B62945" s="14" t="s">
        <v>1</v>
      </c>
      <c r="C62945" s="14" t="s">
        <v>47</v>
      </c>
      <c r="D62945" s="14" t="s">
        <v>339</v>
      </c>
      <c r="E62945" s="15">
        <v>45541</v>
      </c>
      <c r="F62945" s="14" t="s">
        <v>15</v>
      </c>
      <c r="G62945" s="16">
        <v>8.0554662635205235E-2</v>
      </c>
    </row>
    <row r="62946" spans="1:7" x14ac:dyDescent="0.3">
      <c r="A62946" s="13" t="s">
        <v>338</v>
      </c>
      <c r="B62946" s="14" t="s">
        <v>1</v>
      </c>
      <c r="C62946" s="14" t="s">
        <v>47</v>
      </c>
      <c r="D62946" s="14" t="s">
        <v>339</v>
      </c>
      <c r="E62946" s="15">
        <v>45542</v>
      </c>
      <c r="F62946" s="14" t="s">
        <v>15</v>
      </c>
      <c r="G62946" s="16">
        <v>8.0554662635205235E-2</v>
      </c>
    </row>
    <row r="62947" spans="1:7" x14ac:dyDescent="0.3">
      <c r="A62947" s="13" t="s">
        <v>338</v>
      </c>
      <c r="B62947" s="14" t="s">
        <v>1</v>
      </c>
      <c r="C62947" s="14" t="s">
        <v>47</v>
      </c>
      <c r="D62947" s="14" t="s">
        <v>339</v>
      </c>
      <c r="E62947" s="15">
        <v>45543</v>
      </c>
      <c r="F62947" s="14" t="s">
        <v>15</v>
      </c>
      <c r="G62947" s="16">
        <v>8.0554662635205235E-2</v>
      </c>
    </row>
    <row r="62948" spans="1:7" x14ac:dyDescent="0.3">
      <c r="A62948" s="13" t="s">
        <v>338</v>
      </c>
      <c r="B62948" s="14" t="s">
        <v>1</v>
      </c>
      <c r="C62948" s="14" t="s">
        <v>47</v>
      </c>
      <c r="D62948" s="14" t="s">
        <v>339</v>
      </c>
      <c r="E62948" s="15">
        <v>45544</v>
      </c>
      <c r="F62948" s="14" t="s">
        <v>15</v>
      </c>
      <c r="G62948" s="16">
        <v>7.836487086833803E-2</v>
      </c>
    </row>
    <row r="62949" spans="1:7" x14ac:dyDescent="0.3">
      <c r="A62949" s="13" t="s">
        <v>338</v>
      </c>
      <c r="B62949" s="14" t="s">
        <v>1</v>
      </c>
      <c r="C62949" s="14" t="s">
        <v>47</v>
      </c>
      <c r="D62949" s="14" t="s">
        <v>339</v>
      </c>
      <c r="E62949" s="15">
        <v>45545</v>
      </c>
      <c r="F62949" s="14" t="s">
        <v>15</v>
      </c>
      <c r="G62949" s="16">
        <v>7.1945398303982167E-2</v>
      </c>
    </row>
    <row r="62950" spans="1:7" x14ac:dyDescent="0.3">
      <c r="A62950" s="13" t="s">
        <v>338</v>
      </c>
      <c r="B62950" s="14" t="s">
        <v>1</v>
      </c>
      <c r="C62950" s="14" t="s">
        <v>47</v>
      </c>
      <c r="D62950" s="14" t="s">
        <v>339</v>
      </c>
      <c r="E62950" s="15">
        <v>45546</v>
      </c>
      <c r="F62950" s="14" t="s">
        <v>15</v>
      </c>
      <c r="G62950" s="16">
        <v>6.9804640689359307E-2</v>
      </c>
    </row>
    <row r="62951" spans="1:7" x14ac:dyDescent="0.3">
      <c r="A62951" s="13" t="s">
        <v>338</v>
      </c>
      <c r="B62951" s="14" t="s">
        <v>1</v>
      </c>
      <c r="C62951" s="14" t="s">
        <v>47</v>
      </c>
      <c r="D62951" s="14" t="s">
        <v>339</v>
      </c>
      <c r="E62951" s="15">
        <v>45547</v>
      </c>
      <c r="F62951" s="14" t="s">
        <v>15</v>
      </c>
      <c r="G62951" s="16">
        <v>7.2827670941365372E-2</v>
      </c>
    </row>
    <row r="62952" spans="1:7" x14ac:dyDescent="0.3">
      <c r="A62952" s="13" t="s">
        <v>338</v>
      </c>
      <c r="B62952" s="14" t="s">
        <v>1</v>
      </c>
      <c r="C62952" s="14" t="s">
        <v>47</v>
      </c>
      <c r="D62952" s="14" t="s">
        <v>339</v>
      </c>
      <c r="E62952" s="15">
        <v>45548</v>
      </c>
      <c r="F62952" s="14" t="s">
        <v>15</v>
      </c>
      <c r="G62952" s="16">
        <v>7.7423934151923474E-2</v>
      </c>
    </row>
    <row r="62953" spans="1:7" x14ac:dyDescent="0.3">
      <c r="A62953" s="13" t="s">
        <v>338</v>
      </c>
      <c r="B62953" s="14" t="s">
        <v>1</v>
      </c>
      <c r="C62953" s="14" t="s">
        <v>47</v>
      </c>
      <c r="D62953" s="14" t="s">
        <v>339</v>
      </c>
      <c r="E62953" s="15">
        <v>45549</v>
      </c>
      <c r="F62953" s="14" t="s">
        <v>15</v>
      </c>
      <c r="G62953" s="16">
        <v>7.7423934151923474E-2</v>
      </c>
    </row>
    <row r="62954" spans="1:7" x14ac:dyDescent="0.3">
      <c r="A62954" s="13" t="s">
        <v>338</v>
      </c>
      <c r="B62954" s="14" t="s">
        <v>1</v>
      </c>
      <c r="C62954" s="14" t="s">
        <v>47</v>
      </c>
      <c r="D62954" s="14" t="s">
        <v>339</v>
      </c>
      <c r="E62954" s="15">
        <v>45550</v>
      </c>
      <c r="F62954" s="14" t="s">
        <v>15</v>
      </c>
      <c r="G62954" s="16">
        <v>7.7423934151923474E-2</v>
      </c>
    </row>
    <row r="62955" spans="1:7" x14ac:dyDescent="0.3">
      <c r="A62955" s="13" t="s">
        <v>338</v>
      </c>
      <c r="B62955" s="14" t="s">
        <v>1</v>
      </c>
      <c r="C62955" s="14" t="s">
        <v>47</v>
      </c>
      <c r="D62955" s="14" t="s">
        <v>339</v>
      </c>
      <c r="E62955" s="15">
        <v>45551</v>
      </c>
      <c r="F62955" s="14" t="s">
        <v>15</v>
      </c>
      <c r="G62955" s="16">
        <v>7.5183102878300614E-2</v>
      </c>
    </row>
    <row r="62956" spans="1:7" x14ac:dyDescent="0.3">
      <c r="A62956" s="13" t="s">
        <v>338</v>
      </c>
      <c r="B62956" s="14" t="s">
        <v>1</v>
      </c>
      <c r="C62956" s="14" t="s">
        <v>47</v>
      </c>
      <c r="D62956" s="14" t="s">
        <v>339</v>
      </c>
      <c r="E62956" s="15">
        <v>45552</v>
      </c>
      <c r="F62956" s="14" t="s">
        <v>15</v>
      </c>
      <c r="G62956" s="16">
        <v>7.0207809006365557E-2</v>
      </c>
    </row>
    <row r="62957" spans="1:7" x14ac:dyDescent="0.3">
      <c r="A62957" s="13" t="s">
        <v>338</v>
      </c>
      <c r="B62957" s="14" t="s">
        <v>1</v>
      </c>
      <c r="C62957" s="14" t="s">
        <v>47</v>
      </c>
      <c r="D62957" s="14" t="s">
        <v>339</v>
      </c>
      <c r="E62957" s="15">
        <v>45553</v>
      </c>
      <c r="F62957" s="14" t="s">
        <v>15</v>
      </c>
      <c r="G62957" s="16">
        <v>6.8662835748168033E-2</v>
      </c>
    </row>
    <row r="62958" spans="1:7" x14ac:dyDescent="0.3">
      <c r="A62958" s="13" t="s">
        <v>338</v>
      </c>
      <c r="B62958" s="14" t="s">
        <v>1</v>
      </c>
      <c r="C62958" s="14" t="s">
        <v>47</v>
      </c>
      <c r="D62958" s="14" t="s">
        <v>339</v>
      </c>
      <c r="E62958" s="15">
        <v>45554</v>
      </c>
      <c r="F62958" s="14" t="s">
        <v>15</v>
      </c>
      <c r="G62958" s="16">
        <v>6.6395021910814075E-2</v>
      </c>
    </row>
    <row r="62959" spans="1:7" x14ac:dyDescent="0.3">
      <c r="A62959" s="13" t="s">
        <v>338</v>
      </c>
      <c r="B62959" s="14" t="s">
        <v>1</v>
      </c>
      <c r="C62959" s="14" t="s">
        <v>47</v>
      </c>
      <c r="D62959" s="14" t="s">
        <v>339</v>
      </c>
      <c r="E62959" s="15">
        <v>45555</v>
      </c>
      <c r="F62959" s="14" t="s">
        <v>15</v>
      </c>
      <c r="G62959" s="16">
        <v>7.5745484753943285E-2</v>
      </c>
    </row>
    <row r="62960" spans="1:7" x14ac:dyDescent="0.3">
      <c r="A62960" s="13" t="s">
        <v>338</v>
      </c>
      <c r="B62960" s="14" t="s">
        <v>1</v>
      </c>
      <c r="C62960" s="14" t="s">
        <v>47</v>
      </c>
      <c r="D62960" s="14" t="s">
        <v>339</v>
      </c>
      <c r="E62960" s="15">
        <v>45556</v>
      </c>
      <c r="F62960" s="14" t="s">
        <v>15</v>
      </c>
      <c r="G62960" s="16">
        <v>7.5745484753943285E-2</v>
      </c>
    </row>
    <row r="62961" spans="1:7" x14ac:dyDescent="0.3">
      <c r="A62961" s="13" t="s">
        <v>338</v>
      </c>
      <c r="B62961" s="14" t="s">
        <v>1</v>
      </c>
      <c r="C62961" s="14" t="s">
        <v>47</v>
      </c>
      <c r="D62961" s="14" t="s">
        <v>339</v>
      </c>
      <c r="E62961" s="15">
        <v>45557</v>
      </c>
      <c r="F62961" s="14" t="s">
        <v>15</v>
      </c>
      <c r="G62961" s="16">
        <v>7.5745484753943285E-2</v>
      </c>
    </row>
    <row r="62962" spans="1:7" x14ac:dyDescent="0.3">
      <c r="A62962" s="13" t="s">
        <v>338</v>
      </c>
      <c r="B62962" s="14" t="s">
        <v>1</v>
      </c>
      <c r="C62962" s="14" t="s">
        <v>47</v>
      </c>
      <c r="D62962" s="14" t="s">
        <v>339</v>
      </c>
      <c r="E62962" s="15">
        <v>45558</v>
      </c>
      <c r="F62962" s="14" t="s">
        <v>15</v>
      </c>
      <c r="G62962" s="16">
        <v>7.3420647176971623E-2</v>
      </c>
    </row>
    <row r="62963" spans="1:7" x14ac:dyDescent="0.3">
      <c r="A62963" s="13" t="s">
        <v>338</v>
      </c>
      <c r="B62963" s="14" t="s">
        <v>1</v>
      </c>
      <c r="C62963" s="14" t="s">
        <v>47</v>
      </c>
      <c r="D62963" s="14" t="s">
        <v>339</v>
      </c>
      <c r="E62963" s="15">
        <v>45559</v>
      </c>
      <c r="F62963" s="14" t="s">
        <v>15</v>
      </c>
      <c r="G62963" s="16">
        <v>7.4145632539851417E-2</v>
      </c>
    </row>
    <row r="62964" spans="1:7" x14ac:dyDescent="0.3">
      <c r="A62964" s="13" t="s">
        <v>338</v>
      </c>
      <c r="B62964" s="14" t="s">
        <v>1</v>
      </c>
      <c r="C62964" s="14" t="s">
        <v>47</v>
      </c>
      <c r="D62964" s="14" t="s">
        <v>339</v>
      </c>
      <c r="E62964" s="15">
        <v>45560</v>
      </c>
      <c r="F62964" s="14" t="s">
        <v>15</v>
      </c>
      <c r="G62964" s="16">
        <v>7.1816287931913414E-2</v>
      </c>
    </row>
    <row r="62965" spans="1:7" x14ac:dyDescent="0.3">
      <c r="A62965" s="13" t="s">
        <v>338</v>
      </c>
      <c r="B62965" s="14" t="s">
        <v>1</v>
      </c>
      <c r="C62965" s="14" t="s">
        <v>47</v>
      </c>
      <c r="D62965" s="14" t="s">
        <v>339</v>
      </c>
      <c r="E62965" s="15">
        <v>45561</v>
      </c>
      <c r="F62965" s="14" t="s">
        <v>15</v>
      </c>
      <c r="G62965" s="16">
        <v>6.9470548182344188E-2</v>
      </c>
    </row>
    <row r="62966" spans="1:7" x14ac:dyDescent="0.3">
      <c r="A62966" s="13" t="s">
        <v>338</v>
      </c>
      <c r="B62966" s="14" t="s">
        <v>1</v>
      </c>
      <c r="C62966" s="14" t="s">
        <v>47</v>
      </c>
      <c r="D62966" s="14" t="s">
        <v>339</v>
      </c>
      <c r="E62966" s="15">
        <v>45562</v>
      </c>
      <c r="F62966" s="14" t="s">
        <v>15</v>
      </c>
      <c r="G62966" s="16">
        <v>6.7114945220080505E-2</v>
      </c>
    </row>
    <row r="62967" spans="1:7" x14ac:dyDescent="0.3">
      <c r="A62967" s="13" t="s">
        <v>338</v>
      </c>
      <c r="B62967" s="14" t="s">
        <v>1</v>
      </c>
      <c r="C62967" s="14" t="s">
        <v>47</v>
      </c>
      <c r="D62967" s="14" t="s">
        <v>339</v>
      </c>
      <c r="E62967" s="15">
        <v>45563</v>
      </c>
      <c r="F62967" s="14" t="s">
        <v>15</v>
      </c>
      <c r="G62967" s="16">
        <v>6.7114945220080505E-2</v>
      </c>
    </row>
    <row r="62968" spans="1:7" x14ac:dyDescent="0.3">
      <c r="A62968" s="13" t="s">
        <v>338</v>
      </c>
      <c r="B62968" s="14" t="s">
        <v>1</v>
      </c>
      <c r="C62968" s="14" t="s">
        <v>47</v>
      </c>
      <c r="D62968" s="14" t="s">
        <v>339</v>
      </c>
      <c r="E62968" s="15">
        <v>45564</v>
      </c>
      <c r="F62968" s="14" t="s">
        <v>15</v>
      </c>
      <c r="G62968" s="16">
        <v>6.7114945220080505E-2</v>
      </c>
    </row>
    <row r="62969" spans="1:7" x14ac:dyDescent="0.3">
      <c r="A62969" s="13" t="s">
        <v>338</v>
      </c>
      <c r="B62969" s="14" t="s">
        <v>1</v>
      </c>
      <c r="C62969" s="14" t="s">
        <v>47</v>
      </c>
      <c r="D62969" s="14" t="s">
        <v>339</v>
      </c>
      <c r="E62969" s="15">
        <v>45565</v>
      </c>
      <c r="F62969" s="14" t="s">
        <v>15</v>
      </c>
      <c r="G62969" s="16">
        <v>7.3354119672063553E-2</v>
      </c>
    </row>
    <row r="62970" spans="1:7" x14ac:dyDescent="0.3">
      <c r="A62970" s="13" t="s">
        <v>338</v>
      </c>
      <c r="B62970" s="14" t="s">
        <v>1</v>
      </c>
      <c r="C62970" s="14" t="s">
        <v>47</v>
      </c>
      <c r="D62970" s="14" t="s">
        <v>339</v>
      </c>
      <c r="E62970" s="15">
        <v>45566</v>
      </c>
      <c r="F62970" s="14" t="s">
        <v>15</v>
      </c>
      <c r="G62970" s="16">
        <v>7.0978920922989658E-2</v>
      </c>
    </row>
    <row r="62971" spans="1:7" x14ac:dyDescent="0.3">
      <c r="A62971" s="13" t="s">
        <v>338</v>
      </c>
      <c r="B62971" s="14" t="s">
        <v>1</v>
      </c>
      <c r="C62971" s="14" t="s">
        <v>47</v>
      </c>
      <c r="D62971" s="14" t="s">
        <v>339</v>
      </c>
      <c r="E62971" s="15">
        <v>45567</v>
      </c>
      <c r="F62971" s="14" t="s">
        <v>15</v>
      </c>
      <c r="G62971" s="16">
        <v>7.3860814540069097E-2</v>
      </c>
    </row>
    <row r="62972" spans="1:7" x14ac:dyDescent="0.3">
      <c r="A62972" s="13" t="s">
        <v>338</v>
      </c>
      <c r="B62972" s="14" t="s">
        <v>1</v>
      </c>
      <c r="C62972" s="14" t="s">
        <v>47</v>
      </c>
      <c r="D62972" s="14" t="s">
        <v>339</v>
      </c>
      <c r="E62972" s="15">
        <v>45568</v>
      </c>
      <c r="F62972" s="14" t="s">
        <v>15</v>
      </c>
      <c r="G62972" s="16">
        <v>7.1479867693530874E-2</v>
      </c>
    </row>
    <row r="62973" spans="1:7" x14ac:dyDescent="0.3">
      <c r="A62973" s="13" t="s">
        <v>338</v>
      </c>
      <c r="B62973" s="14" t="s">
        <v>1</v>
      </c>
      <c r="C62973" s="14" t="s">
        <v>47</v>
      </c>
      <c r="D62973" s="14" t="s">
        <v>339</v>
      </c>
      <c r="E62973" s="15">
        <v>45569</v>
      </c>
      <c r="F62973" s="14" t="s">
        <v>15</v>
      </c>
      <c r="G62973" s="16">
        <v>6.9093956581000718E-2</v>
      </c>
    </row>
    <row r="62974" spans="1:7" x14ac:dyDescent="0.3">
      <c r="A62974" s="13" t="s">
        <v>338</v>
      </c>
      <c r="B62974" s="14" t="s">
        <v>1</v>
      </c>
      <c r="C62974" s="14" t="s">
        <v>47</v>
      </c>
      <c r="D62974" s="14" t="s">
        <v>339</v>
      </c>
      <c r="E62974" s="15">
        <v>45570</v>
      </c>
      <c r="F62974" s="14" t="s">
        <v>15</v>
      </c>
      <c r="G62974" s="16">
        <v>6.9093956581000718E-2</v>
      </c>
    </row>
    <row r="62975" spans="1:7" x14ac:dyDescent="0.3">
      <c r="A62975" s="13" t="s">
        <v>338</v>
      </c>
      <c r="B62975" s="14" t="s">
        <v>1</v>
      </c>
      <c r="C62975" s="14" t="s">
        <v>47</v>
      </c>
      <c r="D62975" s="14" t="s">
        <v>339</v>
      </c>
      <c r="E62975" s="15">
        <v>45571</v>
      </c>
      <c r="F62975" s="14" t="s">
        <v>15</v>
      </c>
      <c r="G62975" s="16">
        <v>6.9093956581000718E-2</v>
      </c>
    </row>
    <row r="62976" spans="1:7" x14ac:dyDescent="0.3">
      <c r="A62976" s="13" t="s">
        <v>338</v>
      </c>
      <c r="B62976" s="14" t="s">
        <v>1</v>
      </c>
      <c r="C62976" s="14" t="s">
        <v>47</v>
      </c>
      <c r="D62976" s="14" t="s">
        <v>339</v>
      </c>
      <c r="E62976" s="15">
        <v>45572</v>
      </c>
      <c r="F62976" s="14" t="s">
        <v>15</v>
      </c>
      <c r="G62976" s="16">
        <v>6.6711964625832607E-2</v>
      </c>
    </row>
    <row r="62977" spans="1:7" x14ac:dyDescent="0.3">
      <c r="A62977" s="13" t="s">
        <v>338</v>
      </c>
      <c r="B62977" s="14" t="s">
        <v>1</v>
      </c>
      <c r="C62977" s="14" t="s">
        <v>47</v>
      </c>
      <c r="D62977" s="14" t="s">
        <v>339</v>
      </c>
      <c r="E62977" s="15">
        <v>45573</v>
      </c>
      <c r="F62977" s="14" t="s">
        <v>15</v>
      </c>
      <c r="G62977" s="16">
        <v>5.949327525087951E-2</v>
      </c>
    </row>
    <row r="62978" spans="1:7" x14ac:dyDescent="0.3">
      <c r="A62978" s="13" t="s">
        <v>338</v>
      </c>
      <c r="B62978" s="14" t="s">
        <v>1</v>
      </c>
      <c r="C62978" s="14" t="s">
        <v>47</v>
      </c>
      <c r="D62978" s="14" t="s">
        <v>339</v>
      </c>
      <c r="E62978" s="15">
        <v>45574</v>
      </c>
      <c r="F62978" s="14" t="s">
        <v>15</v>
      </c>
      <c r="G62978" s="16">
        <v>5.7078819608895826E-2</v>
      </c>
    </row>
    <row r="62979" spans="1:7" x14ac:dyDescent="0.3">
      <c r="A62979" s="13" t="s">
        <v>338</v>
      </c>
      <c r="B62979" s="14" t="s">
        <v>1</v>
      </c>
      <c r="C62979" s="14" t="s">
        <v>47</v>
      </c>
      <c r="D62979" s="14" t="s">
        <v>339</v>
      </c>
      <c r="E62979" s="15">
        <v>45575</v>
      </c>
      <c r="F62979" s="14" t="s">
        <v>15</v>
      </c>
      <c r="G62979" s="16">
        <v>5.4660706086707568E-2</v>
      </c>
    </row>
    <row r="62980" spans="1:7" x14ac:dyDescent="0.3">
      <c r="A62980" s="13" t="s">
        <v>338</v>
      </c>
      <c r="B62980" s="14" t="s">
        <v>1</v>
      </c>
      <c r="C62980" s="14" t="s">
        <v>47</v>
      </c>
      <c r="D62980" s="14" t="s">
        <v>339</v>
      </c>
      <c r="E62980" s="15">
        <v>45576</v>
      </c>
      <c r="F62980" s="14" t="s">
        <v>15</v>
      </c>
      <c r="G62980" s="16">
        <v>5.2234166376190924E-2</v>
      </c>
    </row>
    <row r="62981" spans="1:7" x14ac:dyDescent="0.3">
      <c r="A62981" s="13" t="s">
        <v>338</v>
      </c>
      <c r="B62981" s="14" t="s">
        <v>1</v>
      </c>
      <c r="C62981" s="14" t="s">
        <v>47</v>
      </c>
      <c r="D62981" s="14" t="s">
        <v>339</v>
      </c>
      <c r="E62981" s="15">
        <v>45577</v>
      </c>
      <c r="F62981" s="14" t="s">
        <v>15</v>
      </c>
      <c r="G62981" s="16">
        <v>5.2234166376190924E-2</v>
      </c>
    </row>
    <row r="62982" spans="1:7" x14ac:dyDescent="0.3">
      <c r="A62982" s="13" t="s">
        <v>338</v>
      </c>
      <c r="B62982" s="14" t="s">
        <v>1</v>
      </c>
      <c r="C62982" s="14" t="s">
        <v>47</v>
      </c>
      <c r="D62982" s="14" t="s">
        <v>339</v>
      </c>
      <c r="E62982" s="15">
        <v>45578</v>
      </c>
      <c r="F62982" s="14" t="s">
        <v>15</v>
      </c>
      <c r="G62982" s="16">
        <v>5.2234166376190924E-2</v>
      </c>
    </row>
    <row r="62983" spans="1:7" x14ac:dyDescent="0.3">
      <c r="A62983" s="13" t="s">
        <v>338</v>
      </c>
      <c r="B62983" s="14" t="s">
        <v>1</v>
      </c>
      <c r="C62983" s="14" t="s">
        <v>47</v>
      </c>
      <c r="D62983" s="14" t="s">
        <v>339</v>
      </c>
      <c r="E62983" s="15">
        <v>45579</v>
      </c>
      <c r="F62983" s="14" t="s">
        <v>15</v>
      </c>
      <c r="G62983" s="16">
        <v>5.2234166376190924E-2</v>
      </c>
    </row>
    <row r="62984" spans="1:7" x14ac:dyDescent="0.3">
      <c r="A62984" s="13" t="s">
        <v>338</v>
      </c>
      <c r="B62984" s="14" t="s">
        <v>1</v>
      </c>
      <c r="C62984" s="14" t="s">
        <v>47</v>
      </c>
      <c r="D62984" s="14" t="s">
        <v>339</v>
      </c>
      <c r="E62984" s="15">
        <v>45580</v>
      </c>
      <c r="F62984" s="14" t="s">
        <v>15</v>
      </c>
      <c r="G62984" s="16">
        <v>5.3359754940760749E-2</v>
      </c>
    </row>
    <row r="62985" spans="1:7" x14ac:dyDescent="0.3">
      <c r="A62985" s="13" t="s">
        <v>338</v>
      </c>
      <c r="B62985" s="14" t="s">
        <v>1</v>
      </c>
      <c r="C62985" s="14" t="s">
        <v>47</v>
      </c>
      <c r="D62985" s="14" t="s">
        <v>339</v>
      </c>
      <c r="E62985" s="15">
        <v>45581</v>
      </c>
      <c r="F62985" s="14" t="s">
        <v>15</v>
      </c>
      <c r="G62985" s="16">
        <v>4.3637834439382267E-2</v>
      </c>
    </row>
    <row r="62986" spans="1:7" x14ac:dyDescent="0.3">
      <c r="A62986" s="13" t="s">
        <v>338</v>
      </c>
      <c r="B62986" s="14" t="s">
        <v>1</v>
      </c>
      <c r="C62986" s="14" t="s">
        <v>47</v>
      </c>
      <c r="D62986" s="14" t="s">
        <v>339</v>
      </c>
      <c r="E62986" s="15">
        <v>45582</v>
      </c>
      <c r="F62986" s="14" t="s">
        <v>15</v>
      </c>
      <c r="G62986" s="16">
        <v>4.1233242010093055E-2</v>
      </c>
    </row>
    <row r="62987" spans="1:7" x14ac:dyDescent="0.3">
      <c r="A62987" s="13" t="s">
        <v>338</v>
      </c>
      <c r="B62987" s="14" t="s">
        <v>1</v>
      </c>
      <c r="C62987" s="14" t="s">
        <v>47</v>
      </c>
      <c r="D62987" s="14" t="s">
        <v>339</v>
      </c>
      <c r="E62987" s="15">
        <v>45583</v>
      </c>
      <c r="F62987" s="14" t="s">
        <v>15</v>
      </c>
      <c r="G62987" s="16">
        <v>3.8815063168615431E-2</v>
      </c>
    </row>
    <row r="62988" spans="1:7" x14ac:dyDescent="0.3">
      <c r="A62988" s="13" t="s">
        <v>338</v>
      </c>
      <c r="B62988" s="14" t="s">
        <v>1</v>
      </c>
      <c r="C62988" s="14" t="s">
        <v>47</v>
      </c>
      <c r="D62988" s="14" t="s">
        <v>339</v>
      </c>
      <c r="E62988" s="15">
        <v>45584</v>
      </c>
      <c r="F62988" s="14" t="s">
        <v>15</v>
      </c>
      <c r="G62988" s="16">
        <v>3.8815063168615431E-2</v>
      </c>
    </row>
    <row r="62989" spans="1:7" x14ac:dyDescent="0.3">
      <c r="A62989" s="13" t="s">
        <v>338</v>
      </c>
      <c r="B62989" s="14" t="s">
        <v>1</v>
      </c>
      <c r="C62989" s="14" t="s">
        <v>47</v>
      </c>
      <c r="D62989" s="14" t="s">
        <v>339</v>
      </c>
      <c r="E62989" s="15">
        <v>45585</v>
      </c>
      <c r="F62989" s="14" t="s">
        <v>15</v>
      </c>
      <c r="G62989" s="16">
        <v>3.8815063168615431E-2</v>
      </c>
    </row>
    <row r="62990" spans="1:7" x14ac:dyDescent="0.3">
      <c r="A62990" s="13" t="s">
        <v>338</v>
      </c>
      <c r="B62990" s="14" t="s">
        <v>1</v>
      </c>
      <c r="C62990" s="14" t="s">
        <v>47</v>
      </c>
      <c r="D62990" s="14" t="s">
        <v>339</v>
      </c>
      <c r="E62990" s="15">
        <v>45586</v>
      </c>
      <c r="F62990" s="14" t="s">
        <v>15</v>
      </c>
      <c r="G62990" s="16">
        <v>3.9376815627366189E-2</v>
      </c>
    </row>
    <row r="62991" spans="1:7" x14ac:dyDescent="0.3">
      <c r="A62991" s="13" t="s">
        <v>338</v>
      </c>
      <c r="B62991" s="14" t="s">
        <v>1</v>
      </c>
      <c r="C62991" s="14" t="s">
        <v>47</v>
      </c>
      <c r="D62991" s="14" t="s">
        <v>339</v>
      </c>
      <c r="E62991" s="15">
        <v>45587</v>
      </c>
      <c r="F62991" s="14" t="s">
        <v>15</v>
      </c>
      <c r="G62991" s="16">
        <v>3.2080004382329726E-2</v>
      </c>
    </row>
    <row r="62992" spans="1:7" x14ac:dyDescent="0.3">
      <c r="A62992" s="13" t="s">
        <v>338</v>
      </c>
      <c r="B62992" s="14" t="s">
        <v>1</v>
      </c>
      <c r="C62992" s="14" t="s">
        <v>47</v>
      </c>
      <c r="D62992" s="14" t="s">
        <v>339</v>
      </c>
      <c r="E62992" s="15">
        <v>45588</v>
      </c>
      <c r="F62992" s="14" t="s">
        <v>15</v>
      </c>
      <c r="G62992" s="16">
        <v>2.9662021498720201E-2</v>
      </c>
    </row>
    <row r="62993" spans="1:7" x14ac:dyDescent="0.3">
      <c r="A62993" s="13" t="s">
        <v>338</v>
      </c>
      <c r="B62993" s="14" t="s">
        <v>1</v>
      </c>
      <c r="C62993" s="14" t="s">
        <v>47</v>
      </c>
      <c r="D62993" s="14" t="s">
        <v>339</v>
      </c>
      <c r="E62993" s="15">
        <v>45589</v>
      </c>
      <c r="F62993" s="14" t="s">
        <v>15</v>
      </c>
      <c r="G62993" s="16">
        <v>2.725893141308644E-2</v>
      </c>
    </row>
    <row r="62994" spans="1:7" x14ac:dyDescent="0.3">
      <c r="A62994" s="13" t="s">
        <v>338</v>
      </c>
      <c r="B62994" s="14" t="s">
        <v>1</v>
      </c>
      <c r="C62994" s="14" t="s">
        <v>47</v>
      </c>
      <c r="D62994" s="14" t="s">
        <v>339</v>
      </c>
      <c r="E62994" s="15">
        <v>45590</v>
      </c>
      <c r="F62994" s="14" t="s">
        <v>15</v>
      </c>
      <c r="G62994" s="16">
        <v>2.4872367107662618E-2</v>
      </c>
    </row>
    <row r="62995" spans="1:7" x14ac:dyDescent="0.3">
      <c r="A62995" s="13" t="s">
        <v>338</v>
      </c>
      <c r="B62995" s="14" t="s">
        <v>1</v>
      </c>
      <c r="C62995" s="14" t="s">
        <v>47</v>
      </c>
      <c r="D62995" s="14" t="s">
        <v>339</v>
      </c>
      <c r="E62995" s="15">
        <v>45591</v>
      </c>
      <c r="F62995" s="14" t="s">
        <v>15</v>
      </c>
      <c r="G62995" s="16">
        <v>2.4872367107662618E-2</v>
      </c>
    </row>
    <row r="62996" spans="1:7" x14ac:dyDescent="0.3">
      <c r="A62996" s="13" t="s">
        <v>338</v>
      </c>
      <c r="B62996" s="14" t="s">
        <v>1</v>
      </c>
      <c r="C62996" s="14" t="s">
        <v>47</v>
      </c>
      <c r="D62996" s="14" t="s">
        <v>339</v>
      </c>
      <c r="E62996" s="15">
        <v>45592</v>
      </c>
      <c r="F62996" s="14" t="s">
        <v>15</v>
      </c>
      <c r="G62996" s="16">
        <v>2.4872367107662618E-2</v>
      </c>
    </row>
    <row r="62997" spans="1:7" x14ac:dyDescent="0.3">
      <c r="A62997" s="13" t="s">
        <v>338</v>
      </c>
      <c r="B62997" s="14" t="s">
        <v>1</v>
      </c>
      <c r="C62997" s="14" t="s">
        <v>47</v>
      </c>
      <c r="D62997" s="14" t="s">
        <v>339</v>
      </c>
      <c r="E62997" s="15">
        <v>45593</v>
      </c>
      <c r="F62997" s="14" t="s">
        <v>15</v>
      </c>
      <c r="G62997" s="16">
        <v>2.4872367107662618E-2</v>
      </c>
    </row>
    <row r="62998" spans="1:7" x14ac:dyDescent="0.3">
      <c r="A62998" s="13" t="s">
        <v>338</v>
      </c>
      <c r="B62998" s="14" t="s">
        <v>1</v>
      </c>
      <c r="C62998" s="14" t="s">
        <v>47</v>
      </c>
      <c r="D62998" s="14" t="s">
        <v>339</v>
      </c>
      <c r="E62998" s="15">
        <v>45594</v>
      </c>
      <c r="F62998" s="14" t="s">
        <v>15</v>
      </c>
      <c r="G62998" s="16">
        <v>2.6759643905545246E-2</v>
      </c>
    </row>
    <row r="62999" spans="1:7" x14ac:dyDescent="0.3">
      <c r="A62999" s="13" t="s">
        <v>338</v>
      </c>
      <c r="B62999" s="14" t="s">
        <v>1</v>
      </c>
      <c r="C62999" s="14" t="s">
        <v>47</v>
      </c>
      <c r="D62999" s="14" t="s">
        <v>339</v>
      </c>
      <c r="E62999" s="15">
        <v>45595</v>
      </c>
      <c r="F62999" s="14" t="s">
        <v>15</v>
      </c>
      <c r="G62999" s="16">
        <v>1.706025127153683E-2</v>
      </c>
    </row>
    <row r="63000" spans="1:7" x14ac:dyDescent="0.3">
      <c r="A63000" s="13" t="s">
        <v>338</v>
      </c>
      <c r="B63000" s="14" t="s">
        <v>1</v>
      </c>
      <c r="C63000" s="14" t="s">
        <v>47</v>
      </c>
      <c r="D63000" s="14" t="s">
        <v>339</v>
      </c>
      <c r="E63000" s="15">
        <v>45596</v>
      </c>
      <c r="F63000" s="14" t="s">
        <v>15</v>
      </c>
      <c r="G63000" s="16">
        <v>1.4603406860005001E-2</v>
      </c>
    </row>
    <row r="63001" spans="1:7" x14ac:dyDescent="0.3">
      <c r="A63001" s="13" t="s">
        <v>338</v>
      </c>
      <c r="B63001" s="14" t="s">
        <v>1</v>
      </c>
      <c r="C63001" s="14" t="s">
        <v>47</v>
      </c>
      <c r="D63001" s="14" t="s">
        <v>339</v>
      </c>
      <c r="E63001" s="15">
        <v>45597</v>
      </c>
      <c r="F63001" s="14" t="s">
        <v>15</v>
      </c>
      <c r="G63001" s="16">
        <v>1.2168926518715213E-2</v>
      </c>
    </row>
    <row r="63002" spans="1:7" x14ac:dyDescent="0.3">
      <c r="A63002" s="13" t="s">
        <v>338</v>
      </c>
      <c r="B63002" s="14" t="s">
        <v>1</v>
      </c>
      <c r="C63002" s="14" t="s">
        <v>47</v>
      </c>
      <c r="D63002" s="14" t="s">
        <v>339</v>
      </c>
      <c r="E63002" s="15">
        <v>45598</v>
      </c>
      <c r="F63002" s="14" t="s">
        <v>15</v>
      </c>
      <c r="G63002" s="16">
        <v>1.2168926518715213E-2</v>
      </c>
    </row>
    <row r="63003" spans="1:7" x14ac:dyDescent="0.3">
      <c r="A63003" s="13" t="s">
        <v>338</v>
      </c>
      <c r="B63003" s="14" t="s">
        <v>1</v>
      </c>
      <c r="C63003" s="14" t="s">
        <v>47</v>
      </c>
      <c r="D63003" s="14" t="s">
        <v>339</v>
      </c>
      <c r="E63003" s="15">
        <v>45599</v>
      </c>
      <c r="F63003" s="14" t="s">
        <v>15</v>
      </c>
      <c r="G63003" s="16">
        <v>1.2168926518715213E-2</v>
      </c>
    </row>
    <row r="63004" spans="1:7" x14ac:dyDescent="0.3">
      <c r="A63004" s="13" t="s">
        <v>338</v>
      </c>
      <c r="B63004" s="14" t="s">
        <v>1</v>
      </c>
      <c r="C63004" s="14" t="s">
        <v>47</v>
      </c>
      <c r="D63004" s="14" t="s">
        <v>339</v>
      </c>
      <c r="E63004" s="15">
        <v>45600</v>
      </c>
      <c r="F63004" s="14" t="s">
        <v>15</v>
      </c>
      <c r="G63004" s="16">
        <v>1.2626578359082671E-2</v>
      </c>
    </row>
    <row r="63005" spans="1:7" x14ac:dyDescent="0.3">
      <c r="A63005" s="13" t="s">
        <v>338</v>
      </c>
      <c r="B63005" s="14" t="s">
        <v>1</v>
      </c>
      <c r="C63005" s="14" t="s">
        <v>47</v>
      </c>
      <c r="D63005" s="14" t="s">
        <v>339</v>
      </c>
      <c r="E63005" s="15">
        <v>45601</v>
      </c>
      <c r="F63005" s="14" t="s">
        <v>15</v>
      </c>
      <c r="G63005" s="16">
        <v>5.4819062861326132E-3</v>
      </c>
    </row>
    <row r="63006" spans="1:7" x14ac:dyDescent="0.3">
      <c r="A63006" s="13" t="s">
        <v>338</v>
      </c>
      <c r="B63006" s="14" t="s">
        <v>1</v>
      </c>
      <c r="C63006" s="14" t="s">
        <v>47</v>
      </c>
      <c r="D63006" s="14" t="s">
        <v>339</v>
      </c>
      <c r="E63006" s="15">
        <v>45602</v>
      </c>
      <c r="F63006" s="14" t="s">
        <v>15</v>
      </c>
      <c r="G63006" s="16">
        <v>3.1019756948100674E-3</v>
      </c>
    </row>
    <row r="63007" spans="1:7" x14ac:dyDescent="0.3">
      <c r="A63007" s="13" t="s">
        <v>338</v>
      </c>
      <c r="B63007" s="14" t="s">
        <v>1</v>
      </c>
      <c r="C63007" s="14" t="s">
        <v>47</v>
      </c>
      <c r="D63007" s="14" t="s">
        <v>339</v>
      </c>
      <c r="E63007" s="15">
        <v>45603</v>
      </c>
      <c r="F63007" s="14" t="s">
        <v>15</v>
      </c>
      <c r="G63007" s="16">
        <v>1.6989634359300149E-3</v>
      </c>
    </row>
    <row r="63008" spans="1:7" x14ac:dyDescent="0.3">
      <c r="A63008" s="13" t="s">
        <v>338</v>
      </c>
      <c r="B63008" s="14" t="s">
        <v>1</v>
      </c>
      <c r="C63008" s="14" t="s">
        <v>47</v>
      </c>
      <c r="D63008" s="14" t="s">
        <v>339</v>
      </c>
      <c r="E63008" s="15">
        <v>45604</v>
      </c>
      <c r="F63008" s="14" t="s">
        <v>15</v>
      </c>
      <c r="G63008" s="16">
        <v>0</v>
      </c>
    </row>
    <row r="63009" spans="1:7" x14ac:dyDescent="0.3">
      <c r="A63009" s="13" t="s">
        <v>338</v>
      </c>
      <c r="B63009" s="14" t="s">
        <v>1</v>
      </c>
      <c r="C63009" s="14" t="s">
        <v>47</v>
      </c>
      <c r="D63009" s="14" t="s">
        <v>339</v>
      </c>
      <c r="E63009" s="15">
        <v>45605</v>
      </c>
      <c r="F63009" s="14" t="s">
        <v>15</v>
      </c>
      <c r="G63009" s="16">
        <v>0</v>
      </c>
    </row>
    <row r="63010" spans="1:7" x14ac:dyDescent="0.3">
      <c r="A63010" s="13" t="s">
        <v>338</v>
      </c>
      <c r="B63010" s="14" t="s">
        <v>1</v>
      </c>
      <c r="C63010" s="14" t="s">
        <v>47</v>
      </c>
      <c r="D63010" s="14" t="s">
        <v>339</v>
      </c>
      <c r="E63010" s="15">
        <v>45606</v>
      </c>
      <c r="F63010" s="14" t="s">
        <v>15</v>
      </c>
      <c r="G63010" s="16">
        <v>0</v>
      </c>
    </row>
    <row r="63011" spans="1:7" x14ac:dyDescent="0.3">
      <c r="A63011" s="13" t="s">
        <v>338</v>
      </c>
      <c r="B63011" s="14" t="s">
        <v>1</v>
      </c>
      <c r="C63011" s="14" t="s">
        <v>47</v>
      </c>
      <c r="D63011" s="14" t="s">
        <v>339</v>
      </c>
      <c r="E63011" s="15">
        <v>45607</v>
      </c>
      <c r="F63011" s="14" t="s">
        <v>15</v>
      </c>
      <c r="G63011" s="16">
        <v>0</v>
      </c>
    </row>
    <row r="63012" spans="1:7" x14ac:dyDescent="0.3">
      <c r="A63012" s="13" t="s">
        <v>338</v>
      </c>
      <c r="B63012" s="14" t="s">
        <v>1</v>
      </c>
      <c r="C63012" s="14" t="s">
        <v>47</v>
      </c>
      <c r="D63012" s="14" t="s">
        <v>339</v>
      </c>
      <c r="E63012" s="15">
        <v>45608</v>
      </c>
      <c r="F63012" s="14" t="s">
        <v>15</v>
      </c>
      <c r="G63012" s="16">
        <v>0</v>
      </c>
    </row>
    <row r="63013" spans="1:7" x14ac:dyDescent="0.3">
      <c r="A63013" s="13" t="s">
        <v>338</v>
      </c>
      <c r="B63013" s="14" t="s">
        <v>1</v>
      </c>
      <c r="C63013" s="14" t="s">
        <v>47</v>
      </c>
      <c r="D63013" s="14" t="s">
        <v>339</v>
      </c>
      <c r="E63013" s="15">
        <v>45609</v>
      </c>
      <c r="F63013" s="14" t="s">
        <v>15</v>
      </c>
      <c r="G63013" s="16">
        <v>0</v>
      </c>
    </row>
    <row r="63014" spans="1:7" x14ac:dyDescent="0.3">
      <c r="A63014" s="13" t="s">
        <v>338</v>
      </c>
      <c r="B63014" s="14" t="s">
        <v>1</v>
      </c>
      <c r="C63014" s="14" t="s">
        <v>47</v>
      </c>
      <c r="D63014" s="14" t="s">
        <v>339</v>
      </c>
      <c r="E63014" s="15">
        <v>45610</v>
      </c>
      <c r="F63014" s="14" t="s">
        <v>15</v>
      </c>
      <c r="G63014" s="16">
        <v>0</v>
      </c>
    </row>
    <row r="63015" spans="1:7" x14ac:dyDescent="0.3">
      <c r="A63015" s="13" t="s">
        <v>338</v>
      </c>
      <c r="B63015" s="14" t="s">
        <v>1</v>
      </c>
      <c r="C63015" s="14" t="s">
        <v>47</v>
      </c>
      <c r="D63015" s="14" t="s">
        <v>339</v>
      </c>
      <c r="E63015" s="15">
        <v>45611</v>
      </c>
      <c r="F63015" s="14" t="s">
        <v>15</v>
      </c>
      <c r="G63015" s="16">
        <v>0</v>
      </c>
    </row>
    <row r="63016" spans="1:7" x14ac:dyDescent="0.3">
      <c r="A63016" s="13" t="s">
        <v>338</v>
      </c>
      <c r="B63016" s="14" t="s">
        <v>1</v>
      </c>
      <c r="C63016" s="14" t="s">
        <v>47</v>
      </c>
      <c r="D63016" s="14" t="s">
        <v>339</v>
      </c>
      <c r="E63016" s="15">
        <v>45612</v>
      </c>
      <c r="F63016" s="14" t="s">
        <v>15</v>
      </c>
      <c r="G63016" s="16">
        <v>0</v>
      </c>
    </row>
    <row r="63017" spans="1:7" x14ac:dyDescent="0.3">
      <c r="A63017" s="13" t="s">
        <v>338</v>
      </c>
      <c r="B63017" s="14" t="s">
        <v>1</v>
      </c>
      <c r="C63017" s="14" t="s">
        <v>47</v>
      </c>
      <c r="D63017" s="14" t="s">
        <v>339</v>
      </c>
      <c r="E63017" s="15">
        <v>45613</v>
      </c>
      <c r="F63017" s="14" t="s">
        <v>15</v>
      </c>
      <c r="G63017" s="16">
        <v>0</v>
      </c>
    </row>
    <row r="63018" spans="1:7" x14ac:dyDescent="0.3">
      <c r="A63018" s="13" t="s">
        <v>338</v>
      </c>
      <c r="B63018" s="14" t="s">
        <v>1</v>
      </c>
      <c r="C63018" s="14" t="s">
        <v>47</v>
      </c>
      <c r="D63018" s="14" t="s">
        <v>339</v>
      </c>
      <c r="E63018" s="15">
        <v>45614</v>
      </c>
      <c r="F63018" s="14" t="s">
        <v>15</v>
      </c>
      <c r="G63018" s="16">
        <v>0</v>
      </c>
    </row>
    <row r="63019" spans="1:7" x14ac:dyDescent="0.3">
      <c r="A63019" s="13" t="s">
        <v>338</v>
      </c>
      <c r="B63019" s="14" t="s">
        <v>1</v>
      </c>
      <c r="C63019" s="14" t="s">
        <v>47</v>
      </c>
      <c r="D63019" s="14" t="s">
        <v>339</v>
      </c>
      <c r="E63019" s="15">
        <v>45615</v>
      </c>
      <c r="F63019" s="14" t="s">
        <v>15</v>
      </c>
      <c r="G63019" s="16">
        <v>0</v>
      </c>
    </row>
    <row r="63020" spans="1:7" x14ac:dyDescent="0.3">
      <c r="A63020" s="13" t="s">
        <v>338</v>
      </c>
      <c r="B63020" s="14" t="s">
        <v>1</v>
      </c>
      <c r="C63020" s="14" t="s">
        <v>47</v>
      </c>
      <c r="D63020" s="14" t="s">
        <v>339</v>
      </c>
      <c r="E63020" s="15">
        <v>45616</v>
      </c>
      <c r="F63020" s="14" t="s">
        <v>15</v>
      </c>
      <c r="G63020" s="16">
        <v>0</v>
      </c>
    </row>
    <row r="63021" spans="1:7" x14ac:dyDescent="0.3">
      <c r="A63021" s="13" t="s">
        <v>338</v>
      </c>
      <c r="B63021" s="14" t="s">
        <v>1</v>
      </c>
      <c r="C63021" s="14" t="s">
        <v>47</v>
      </c>
      <c r="D63021" s="14" t="s">
        <v>339</v>
      </c>
      <c r="E63021" s="15">
        <v>45617</v>
      </c>
      <c r="F63021" s="14" t="s">
        <v>15</v>
      </c>
      <c r="G63021" s="16">
        <v>0</v>
      </c>
    </row>
    <row r="63022" spans="1:7" x14ac:dyDescent="0.3">
      <c r="A63022" s="13" t="s">
        <v>338</v>
      </c>
      <c r="B63022" s="14" t="s">
        <v>1</v>
      </c>
      <c r="C63022" s="14" t="s">
        <v>47</v>
      </c>
      <c r="D63022" s="14" t="s">
        <v>339</v>
      </c>
      <c r="E63022" s="15">
        <v>45618</v>
      </c>
      <c r="F63022" s="14" t="s">
        <v>15</v>
      </c>
      <c r="G63022" s="16">
        <v>0</v>
      </c>
    </row>
    <row r="63023" spans="1:7" x14ac:dyDescent="0.3">
      <c r="A63023" s="13" t="s">
        <v>338</v>
      </c>
      <c r="B63023" s="14" t="s">
        <v>1</v>
      </c>
      <c r="C63023" s="14" t="s">
        <v>47</v>
      </c>
      <c r="D63023" s="14" t="s">
        <v>339</v>
      </c>
      <c r="E63023" s="15">
        <v>45619</v>
      </c>
      <c r="F63023" s="14" t="s">
        <v>15</v>
      </c>
      <c r="G63023" s="16">
        <v>0</v>
      </c>
    </row>
    <row r="63024" spans="1:7" x14ac:dyDescent="0.3">
      <c r="A63024" s="13" t="s">
        <v>338</v>
      </c>
      <c r="B63024" s="14" t="s">
        <v>1</v>
      </c>
      <c r="C63024" s="14" t="s">
        <v>47</v>
      </c>
      <c r="D63024" s="14" t="s">
        <v>339</v>
      </c>
      <c r="E63024" s="15">
        <v>45620</v>
      </c>
      <c r="F63024" s="14" t="s">
        <v>15</v>
      </c>
      <c r="G63024" s="16">
        <v>0</v>
      </c>
    </row>
    <row r="63025" spans="1:7" x14ac:dyDescent="0.3">
      <c r="A63025" s="13" t="s">
        <v>338</v>
      </c>
      <c r="B63025" s="14" t="s">
        <v>1</v>
      </c>
      <c r="C63025" s="14" t="s">
        <v>47</v>
      </c>
      <c r="D63025" s="14" t="s">
        <v>339</v>
      </c>
      <c r="E63025" s="15">
        <v>45621</v>
      </c>
      <c r="F63025" s="14" t="s">
        <v>15</v>
      </c>
      <c r="G63025" s="16">
        <v>0</v>
      </c>
    </row>
    <row r="63026" spans="1:7" x14ac:dyDescent="0.3">
      <c r="A63026" s="13" t="s">
        <v>338</v>
      </c>
      <c r="B63026" s="14" t="s">
        <v>1</v>
      </c>
      <c r="C63026" s="14" t="s">
        <v>47</v>
      </c>
      <c r="D63026" s="14" t="s">
        <v>339</v>
      </c>
      <c r="E63026" s="15">
        <v>45622</v>
      </c>
      <c r="F63026" s="14" t="s">
        <v>15</v>
      </c>
      <c r="G63026" s="16">
        <v>0</v>
      </c>
    </row>
    <row r="63027" spans="1:7" x14ac:dyDescent="0.3">
      <c r="A63027" s="13" t="s">
        <v>338</v>
      </c>
      <c r="B63027" s="14" t="s">
        <v>1</v>
      </c>
      <c r="C63027" s="14" t="s">
        <v>47</v>
      </c>
      <c r="D63027" s="14" t="s">
        <v>339</v>
      </c>
      <c r="E63027" s="15">
        <v>45623</v>
      </c>
      <c r="F63027" s="14" t="s">
        <v>15</v>
      </c>
      <c r="G63027" s="16">
        <v>0</v>
      </c>
    </row>
    <row r="63028" spans="1:7" x14ac:dyDescent="0.3">
      <c r="A63028" s="13" t="s">
        <v>338</v>
      </c>
      <c r="B63028" s="14" t="s">
        <v>1</v>
      </c>
      <c r="C63028" s="14" t="s">
        <v>47</v>
      </c>
      <c r="D63028" s="14" t="s">
        <v>339</v>
      </c>
      <c r="E63028" s="15">
        <v>45624</v>
      </c>
      <c r="F63028" s="14" t="s">
        <v>15</v>
      </c>
      <c r="G63028" s="16">
        <v>0</v>
      </c>
    </row>
    <row r="63029" spans="1:7" x14ac:dyDescent="0.3">
      <c r="A63029" s="13" t="s">
        <v>338</v>
      </c>
      <c r="B63029" s="14" t="s">
        <v>1</v>
      </c>
      <c r="C63029" s="14" t="s">
        <v>47</v>
      </c>
      <c r="D63029" s="14" t="s">
        <v>339</v>
      </c>
      <c r="E63029" s="15">
        <v>45625</v>
      </c>
      <c r="F63029" s="14" t="s">
        <v>15</v>
      </c>
      <c r="G63029" s="16">
        <v>0</v>
      </c>
    </row>
    <row r="63030" spans="1:7" x14ac:dyDescent="0.3">
      <c r="A63030" s="13" t="s">
        <v>338</v>
      </c>
      <c r="B63030" s="14" t="s">
        <v>1</v>
      </c>
      <c r="C63030" s="14" t="s">
        <v>47</v>
      </c>
      <c r="D63030" s="14" t="s">
        <v>339</v>
      </c>
      <c r="E63030" s="15">
        <v>45626</v>
      </c>
      <c r="F63030" s="14" t="s">
        <v>15</v>
      </c>
      <c r="G63030" s="16">
        <v>0</v>
      </c>
    </row>
    <row r="63031" spans="1:7" x14ac:dyDescent="0.3">
      <c r="A63031" s="13" t="s">
        <v>338</v>
      </c>
      <c r="B63031" s="14" t="s">
        <v>1</v>
      </c>
      <c r="C63031" s="14" t="s">
        <v>47</v>
      </c>
      <c r="D63031" s="14" t="s">
        <v>339</v>
      </c>
      <c r="E63031" s="15">
        <v>45627</v>
      </c>
      <c r="F63031" s="14" t="s">
        <v>15</v>
      </c>
      <c r="G63031" s="16">
        <v>0</v>
      </c>
    </row>
    <row r="63032" spans="1:7" x14ac:dyDescent="0.3">
      <c r="A63032" s="13" t="s">
        <v>338</v>
      </c>
      <c r="B63032" s="14" t="s">
        <v>1</v>
      </c>
      <c r="C63032" s="14" t="s">
        <v>47</v>
      </c>
      <c r="D63032" s="14" t="s">
        <v>339</v>
      </c>
      <c r="E63032" s="15">
        <v>45628</v>
      </c>
      <c r="F63032" s="14" t="s">
        <v>15</v>
      </c>
      <c r="G63032" s="16">
        <v>0</v>
      </c>
    </row>
    <row r="63033" spans="1:7" x14ac:dyDescent="0.3">
      <c r="A63033" s="13" t="s">
        <v>338</v>
      </c>
      <c r="B63033" s="14" t="s">
        <v>1</v>
      </c>
      <c r="C63033" s="14" t="s">
        <v>47</v>
      </c>
      <c r="D63033" s="14" t="s">
        <v>339</v>
      </c>
      <c r="E63033" s="15">
        <v>45629</v>
      </c>
      <c r="F63033" s="14" t="s">
        <v>15</v>
      </c>
      <c r="G63033" s="16">
        <v>0</v>
      </c>
    </row>
    <row r="63034" spans="1:7" x14ac:dyDescent="0.3">
      <c r="A63034" s="13" t="s">
        <v>338</v>
      </c>
      <c r="B63034" s="14" t="s">
        <v>1</v>
      </c>
      <c r="C63034" s="14" t="s">
        <v>47</v>
      </c>
      <c r="D63034" s="14" t="s">
        <v>339</v>
      </c>
      <c r="E63034" s="15">
        <v>45630</v>
      </c>
      <c r="F63034" s="14" t="s">
        <v>15</v>
      </c>
      <c r="G63034" s="16">
        <v>0</v>
      </c>
    </row>
    <row r="63035" spans="1:7" x14ac:dyDescent="0.3">
      <c r="A63035" s="13" t="s">
        <v>338</v>
      </c>
      <c r="B63035" s="14" t="s">
        <v>1</v>
      </c>
      <c r="C63035" s="14" t="s">
        <v>47</v>
      </c>
      <c r="D63035" s="14" t="s">
        <v>339</v>
      </c>
      <c r="E63035" s="15">
        <v>45631</v>
      </c>
      <c r="F63035" s="14" t="s">
        <v>15</v>
      </c>
      <c r="G63035" s="16">
        <v>0</v>
      </c>
    </row>
    <row r="63036" spans="1:7" x14ac:dyDescent="0.3">
      <c r="A63036" s="13" t="s">
        <v>338</v>
      </c>
      <c r="B63036" s="14" t="s">
        <v>1</v>
      </c>
      <c r="C63036" s="14" t="s">
        <v>47</v>
      </c>
      <c r="D63036" s="14" t="s">
        <v>339</v>
      </c>
      <c r="E63036" s="15">
        <v>45632</v>
      </c>
      <c r="F63036" s="14" t="s">
        <v>15</v>
      </c>
      <c r="G63036" s="16">
        <v>0</v>
      </c>
    </row>
    <row r="63037" spans="1:7" x14ac:dyDescent="0.3">
      <c r="A63037" s="13" t="s">
        <v>338</v>
      </c>
      <c r="B63037" s="14" t="s">
        <v>1</v>
      </c>
      <c r="C63037" s="14" t="s">
        <v>47</v>
      </c>
      <c r="D63037" s="14" t="s">
        <v>339</v>
      </c>
      <c r="E63037" s="15">
        <v>45633</v>
      </c>
      <c r="F63037" s="14" t="s">
        <v>15</v>
      </c>
      <c r="G63037" s="16">
        <v>0</v>
      </c>
    </row>
    <row r="63038" spans="1:7" x14ac:dyDescent="0.3">
      <c r="A63038" s="13" t="s">
        <v>338</v>
      </c>
      <c r="B63038" s="14" t="s">
        <v>1</v>
      </c>
      <c r="C63038" s="14" t="s">
        <v>47</v>
      </c>
      <c r="D63038" s="14" t="s">
        <v>339</v>
      </c>
      <c r="E63038" s="15">
        <v>45634</v>
      </c>
      <c r="F63038" s="14" t="s">
        <v>15</v>
      </c>
      <c r="G63038" s="16">
        <v>0</v>
      </c>
    </row>
    <row r="63039" spans="1:7" x14ac:dyDescent="0.3">
      <c r="A63039" s="13" t="s">
        <v>338</v>
      </c>
      <c r="B63039" s="14" t="s">
        <v>1</v>
      </c>
      <c r="C63039" s="14" t="s">
        <v>47</v>
      </c>
      <c r="D63039" s="14" t="s">
        <v>339</v>
      </c>
      <c r="E63039" s="15">
        <v>45635</v>
      </c>
      <c r="F63039" s="14" t="s">
        <v>15</v>
      </c>
      <c r="G63039" s="16">
        <v>0</v>
      </c>
    </row>
    <row r="63040" spans="1:7" x14ac:dyDescent="0.3">
      <c r="A63040" s="13" t="s">
        <v>338</v>
      </c>
      <c r="B63040" s="14" t="s">
        <v>1</v>
      </c>
      <c r="C63040" s="14" t="s">
        <v>47</v>
      </c>
      <c r="D63040" s="14" t="s">
        <v>339</v>
      </c>
      <c r="E63040" s="15">
        <v>45636</v>
      </c>
      <c r="F63040" s="14" t="s">
        <v>15</v>
      </c>
      <c r="G63040" s="16">
        <v>0</v>
      </c>
    </row>
    <row r="63041" spans="1:7" x14ac:dyDescent="0.3">
      <c r="A63041" s="13" t="s">
        <v>338</v>
      </c>
      <c r="B63041" s="14" t="s">
        <v>1</v>
      </c>
      <c r="C63041" s="14" t="s">
        <v>47</v>
      </c>
      <c r="D63041" s="14" t="s">
        <v>339</v>
      </c>
      <c r="E63041" s="15">
        <v>45637</v>
      </c>
      <c r="F63041" s="14" t="s">
        <v>15</v>
      </c>
      <c r="G63041" s="16">
        <v>0</v>
      </c>
    </row>
    <row r="63042" spans="1:7" x14ac:dyDescent="0.3">
      <c r="A63042" s="13" t="s">
        <v>338</v>
      </c>
      <c r="B63042" s="14" t="s">
        <v>1</v>
      </c>
      <c r="C63042" s="14" t="s">
        <v>47</v>
      </c>
      <c r="D63042" s="14" t="s">
        <v>339</v>
      </c>
      <c r="E63042" s="15">
        <v>45638</v>
      </c>
      <c r="F63042" s="14" t="s">
        <v>15</v>
      </c>
      <c r="G63042" s="16">
        <v>0</v>
      </c>
    </row>
    <row r="63043" spans="1:7" x14ac:dyDescent="0.3">
      <c r="A63043" s="13" t="s">
        <v>338</v>
      </c>
      <c r="B63043" s="14" t="s">
        <v>1</v>
      </c>
      <c r="C63043" s="14" t="s">
        <v>47</v>
      </c>
      <c r="D63043" s="14" t="s">
        <v>339</v>
      </c>
      <c r="E63043" s="15">
        <v>45639</v>
      </c>
      <c r="F63043" s="14" t="s">
        <v>15</v>
      </c>
      <c r="G63043" s="16">
        <v>0</v>
      </c>
    </row>
    <row r="63044" spans="1:7" x14ac:dyDescent="0.3">
      <c r="A63044" s="13" t="s">
        <v>338</v>
      </c>
      <c r="B63044" s="14" t="s">
        <v>1</v>
      </c>
      <c r="C63044" s="14" t="s">
        <v>47</v>
      </c>
      <c r="D63044" s="14" t="s">
        <v>339</v>
      </c>
      <c r="E63044" s="15">
        <v>45640</v>
      </c>
      <c r="F63044" s="14" t="s">
        <v>15</v>
      </c>
      <c r="G63044" s="16">
        <v>0</v>
      </c>
    </row>
    <row r="63045" spans="1:7" x14ac:dyDescent="0.3">
      <c r="A63045" s="13" t="s">
        <v>338</v>
      </c>
      <c r="B63045" s="14" t="s">
        <v>1</v>
      </c>
      <c r="C63045" s="14" t="s">
        <v>47</v>
      </c>
      <c r="D63045" s="14" t="s">
        <v>339</v>
      </c>
      <c r="E63045" s="15">
        <v>45641</v>
      </c>
      <c r="F63045" s="14" t="s">
        <v>15</v>
      </c>
      <c r="G63045" s="16">
        <v>0</v>
      </c>
    </row>
    <row r="63046" spans="1:7" x14ac:dyDescent="0.3">
      <c r="A63046" s="13" t="s">
        <v>338</v>
      </c>
      <c r="B63046" s="14" t="s">
        <v>1</v>
      </c>
      <c r="C63046" s="14" t="s">
        <v>47</v>
      </c>
      <c r="D63046" s="14" t="s">
        <v>339</v>
      </c>
      <c r="E63046" s="15">
        <v>45642</v>
      </c>
      <c r="F63046" s="14" t="s">
        <v>15</v>
      </c>
      <c r="G63046" s="16">
        <v>0</v>
      </c>
    </row>
    <row r="63047" spans="1:7" x14ac:dyDescent="0.3">
      <c r="A63047" s="13" t="s">
        <v>338</v>
      </c>
      <c r="B63047" s="14" t="s">
        <v>1</v>
      </c>
      <c r="C63047" s="14" t="s">
        <v>47</v>
      </c>
      <c r="D63047" s="14" t="s">
        <v>339</v>
      </c>
      <c r="E63047" s="15">
        <v>45643</v>
      </c>
      <c r="F63047" s="14" t="s">
        <v>15</v>
      </c>
      <c r="G63047" s="16">
        <v>0</v>
      </c>
    </row>
    <row r="63048" spans="1:7" x14ac:dyDescent="0.3">
      <c r="A63048" s="13" t="s">
        <v>338</v>
      </c>
      <c r="B63048" s="14" t="s">
        <v>1</v>
      </c>
      <c r="C63048" s="14" t="s">
        <v>47</v>
      </c>
      <c r="D63048" s="14" t="s">
        <v>339</v>
      </c>
      <c r="E63048" s="15">
        <v>45644</v>
      </c>
      <c r="F63048" s="14" t="s">
        <v>15</v>
      </c>
      <c r="G63048" s="16">
        <v>0</v>
      </c>
    </row>
    <row r="63049" spans="1:7" x14ac:dyDescent="0.3">
      <c r="A63049" s="13" t="s">
        <v>338</v>
      </c>
      <c r="B63049" s="14" t="s">
        <v>1</v>
      </c>
      <c r="C63049" s="14" t="s">
        <v>47</v>
      </c>
      <c r="D63049" s="14" t="s">
        <v>339</v>
      </c>
      <c r="E63049" s="15">
        <v>45645</v>
      </c>
      <c r="F63049" s="14" t="s">
        <v>15</v>
      </c>
      <c r="G63049" s="16">
        <v>0</v>
      </c>
    </row>
    <row r="63050" spans="1:7" x14ac:dyDescent="0.3">
      <c r="A63050" s="13" t="s">
        <v>338</v>
      </c>
      <c r="B63050" s="14" t="s">
        <v>1</v>
      </c>
      <c r="C63050" s="14" t="s">
        <v>47</v>
      </c>
      <c r="D63050" s="14" t="s">
        <v>339</v>
      </c>
      <c r="E63050" s="15">
        <v>45646</v>
      </c>
      <c r="F63050" s="14" t="s">
        <v>15</v>
      </c>
      <c r="G63050" s="16">
        <v>0</v>
      </c>
    </row>
    <row r="63051" spans="1:7" x14ac:dyDescent="0.3">
      <c r="A63051" s="13" t="s">
        <v>338</v>
      </c>
      <c r="B63051" s="14" t="s">
        <v>1</v>
      </c>
      <c r="C63051" s="14" t="s">
        <v>47</v>
      </c>
      <c r="D63051" s="14" t="s">
        <v>339</v>
      </c>
      <c r="E63051" s="15">
        <v>45647</v>
      </c>
      <c r="F63051" s="14" t="s">
        <v>15</v>
      </c>
      <c r="G63051" s="16">
        <v>0</v>
      </c>
    </row>
    <row r="63052" spans="1:7" x14ac:dyDescent="0.3">
      <c r="A63052" s="13" t="s">
        <v>338</v>
      </c>
      <c r="B63052" s="14" t="s">
        <v>1</v>
      </c>
      <c r="C63052" s="14" t="s">
        <v>47</v>
      </c>
      <c r="D63052" s="14" t="s">
        <v>339</v>
      </c>
      <c r="E63052" s="15">
        <v>45648</v>
      </c>
      <c r="F63052" s="14" t="s">
        <v>15</v>
      </c>
      <c r="G63052" s="16">
        <v>0</v>
      </c>
    </row>
    <row r="63053" spans="1:7" x14ac:dyDescent="0.3">
      <c r="A63053" s="13" t="s">
        <v>338</v>
      </c>
      <c r="B63053" s="14" t="s">
        <v>1</v>
      </c>
      <c r="C63053" s="14" t="s">
        <v>47</v>
      </c>
      <c r="D63053" s="14" t="s">
        <v>339</v>
      </c>
      <c r="E63053" s="15">
        <v>45649</v>
      </c>
      <c r="F63053" s="14" t="s">
        <v>15</v>
      </c>
      <c r="G63053" s="16">
        <v>0</v>
      </c>
    </row>
    <row r="63054" spans="1:7" x14ac:dyDescent="0.3">
      <c r="A63054" s="13" t="s">
        <v>338</v>
      </c>
      <c r="B63054" s="14" t="s">
        <v>1</v>
      </c>
      <c r="C63054" s="14" t="s">
        <v>47</v>
      </c>
      <c r="D63054" s="14" t="s">
        <v>339</v>
      </c>
      <c r="E63054" s="15">
        <v>45650</v>
      </c>
      <c r="F63054" s="14" t="s">
        <v>15</v>
      </c>
      <c r="G63054" s="16">
        <v>0</v>
      </c>
    </row>
    <row r="63055" spans="1:7" x14ac:dyDescent="0.3">
      <c r="A63055" s="13" t="s">
        <v>338</v>
      </c>
      <c r="B63055" s="14" t="s">
        <v>1</v>
      </c>
      <c r="C63055" s="14" t="s">
        <v>47</v>
      </c>
      <c r="D63055" s="14" t="s">
        <v>339</v>
      </c>
      <c r="E63055" s="15">
        <v>45651</v>
      </c>
      <c r="F63055" s="14" t="s">
        <v>15</v>
      </c>
      <c r="G63055" s="16">
        <v>0</v>
      </c>
    </row>
    <row r="63056" spans="1:7" x14ac:dyDescent="0.3">
      <c r="A63056" s="13" t="s">
        <v>338</v>
      </c>
      <c r="B63056" s="14" t="s">
        <v>1</v>
      </c>
      <c r="C63056" s="14" t="s">
        <v>47</v>
      </c>
      <c r="D63056" s="14" t="s">
        <v>339</v>
      </c>
      <c r="E63056" s="15">
        <v>45652</v>
      </c>
      <c r="F63056" s="14" t="s">
        <v>15</v>
      </c>
      <c r="G63056" s="16">
        <v>0</v>
      </c>
    </row>
    <row r="63057" spans="1:7" x14ac:dyDescent="0.3">
      <c r="A63057" s="13" t="s">
        <v>338</v>
      </c>
      <c r="B63057" s="14" t="s">
        <v>1</v>
      </c>
      <c r="C63057" s="14" t="s">
        <v>47</v>
      </c>
      <c r="D63057" s="14" t="s">
        <v>339</v>
      </c>
      <c r="E63057" s="15">
        <v>45653</v>
      </c>
      <c r="F63057" s="14" t="s">
        <v>15</v>
      </c>
      <c r="G63057" s="16">
        <v>0</v>
      </c>
    </row>
    <row r="63058" spans="1:7" x14ac:dyDescent="0.3">
      <c r="A63058" s="13" t="s">
        <v>338</v>
      </c>
      <c r="B63058" s="14" t="s">
        <v>1</v>
      </c>
      <c r="C63058" s="14" t="s">
        <v>47</v>
      </c>
      <c r="D63058" s="14" t="s">
        <v>339</v>
      </c>
      <c r="E63058" s="15">
        <v>45654</v>
      </c>
      <c r="F63058" s="14" t="s">
        <v>15</v>
      </c>
      <c r="G63058" s="16">
        <v>0</v>
      </c>
    </row>
    <row r="63059" spans="1:7" x14ac:dyDescent="0.3">
      <c r="A63059" s="13" t="s">
        <v>338</v>
      </c>
      <c r="B63059" s="14" t="s">
        <v>1</v>
      </c>
      <c r="C63059" s="14" t="s">
        <v>47</v>
      </c>
      <c r="D63059" s="14" t="s">
        <v>339</v>
      </c>
      <c r="E63059" s="15">
        <v>45655</v>
      </c>
      <c r="F63059" s="14" t="s">
        <v>15</v>
      </c>
      <c r="G63059" s="16">
        <v>0</v>
      </c>
    </row>
    <row r="63060" spans="1:7" x14ac:dyDescent="0.3">
      <c r="A63060" s="13" t="s">
        <v>338</v>
      </c>
      <c r="B63060" s="14" t="s">
        <v>1</v>
      </c>
      <c r="C63060" s="14" t="s">
        <v>47</v>
      </c>
      <c r="D63060" s="14" t="s">
        <v>339</v>
      </c>
      <c r="E63060" s="15">
        <v>45656</v>
      </c>
      <c r="F63060" s="14" t="s">
        <v>15</v>
      </c>
      <c r="G63060" s="16">
        <v>0</v>
      </c>
    </row>
    <row r="63061" spans="1:7" x14ac:dyDescent="0.3">
      <c r="A63061" s="13" t="s">
        <v>338</v>
      </c>
      <c r="B63061" s="14" t="s">
        <v>1</v>
      </c>
      <c r="C63061" s="14" t="s">
        <v>47</v>
      </c>
      <c r="D63061" s="14" t="s">
        <v>339</v>
      </c>
      <c r="E63061" s="15">
        <v>45657</v>
      </c>
      <c r="F63061" s="14" t="s">
        <v>15</v>
      </c>
      <c r="G63061" s="16">
        <v>0</v>
      </c>
    </row>
    <row r="63062" spans="1:7" x14ac:dyDescent="0.3">
      <c r="A63062" s="13" t="s">
        <v>338</v>
      </c>
      <c r="B63062" s="14" t="s">
        <v>1</v>
      </c>
      <c r="C63062" s="14" t="s">
        <v>47</v>
      </c>
      <c r="D63062" s="14" t="s">
        <v>339</v>
      </c>
      <c r="E63062" s="15">
        <v>45658</v>
      </c>
      <c r="F63062" s="14" t="s">
        <v>15</v>
      </c>
      <c r="G63062" s="16">
        <v>0</v>
      </c>
    </row>
    <row r="63063" spans="1:7" x14ac:dyDescent="0.3">
      <c r="A63063" s="13" t="s">
        <v>338</v>
      </c>
      <c r="B63063" s="14" t="s">
        <v>1</v>
      </c>
      <c r="C63063" s="14" t="s">
        <v>47</v>
      </c>
      <c r="D63063" s="14" t="s">
        <v>339</v>
      </c>
      <c r="E63063" s="15">
        <v>45659</v>
      </c>
      <c r="F63063" s="14" t="s">
        <v>15</v>
      </c>
      <c r="G63063" s="16">
        <v>0</v>
      </c>
    </row>
    <row r="63064" spans="1:7" x14ac:dyDescent="0.3">
      <c r="A63064" s="13" t="s">
        <v>338</v>
      </c>
      <c r="B63064" s="14" t="s">
        <v>1</v>
      </c>
      <c r="C63064" s="14" t="s">
        <v>47</v>
      </c>
      <c r="D63064" s="14" t="s">
        <v>339</v>
      </c>
      <c r="E63064" s="15">
        <v>45660</v>
      </c>
      <c r="F63064" s="14" t="s">
        <v>15</v>
      </c>
      <c r="G63064" s="16">
        <v>0</v>
      </c>
    </row>
    <row r="63065" spans="1:7" x14ac:dyDescent="0.3">
      <c r="A63065" s="13" t="s">
        <v>338</v>
      </c>
      <c r="B63065" s="14" t="s">
        <v>1</v>
      </c>
      <c r="C63065" s="14" t="s">
        <v>47</v>
      </c>
      <c r="D63065" s="14" t="s">
        <v>339</v>
      </c>
      <c r="E63065" s="15">
        <v>45661</v>
      </c>
      <c r="F63065" s="14" t="s">
        <v>15</v>
      </c>
      <c r="G63065" s="16">
        <v>0</v>
      </c>
    </row>
    <row r="63066" spans="1:7" x14ac:dyDescent="0.3">
      <c r="A63066" s="13" t="s">
        <v>338</v>
      </c>
      <c r="B63066" s="14" t="s">
        <v>1</v>
      </c>
      <c r="C63066" s="14" t="s">
        <v>47</v>
      </c>
      <c r="D63066" s="14" t="s">
        <v>339</v>
      </c>
      <c r="E63066" s="15">
        <v>45662</v>
      </c>
      <c r="F63066" s="14" t="s">
        <v>15</v>
      </c>
      <c r="G63066" s="16">
        <v>0</v>
      </c>
    </row>
    <row r="63067" spans="1:7" x14ac:dyDescent="0.3">
      <c r="A63067" s="13" t="s">
        <v>338</v>
      </c>
      <c r="B63067" s="14" t="s">
        <v>1</v>
      </c>
      <c r="C63067" s="14" t="s">
        <v>47</v>
      </c>
      <c r="D63067" s="14" t="s">
        <v>339</v>
      </c>
      <c r="E63067" s="15">
        <v>45663</v>
      </c>
      <c r="F63067" s="14" t="s">
        <v>15</v>
      </c>
      <c r="G63067" s="16">
        <v>0</v>
      </c>
    </row>
    <row r="63068" spans="1:7" x14ac:dyDescent="0.3">
      <c r="A63068" s="13" t="s">
        <v>338</v>
      </c>
      <c r="B63068" s="14" t="s">
        <v>1</v>
      </c>
      <c r="C63068" s="14" t="s">
        <v>47</v>
      </c>
      <c r="D63068" s="14" t="s">
        <v>339</v>
      </c>
      <c r="E63068" s="15">
        <v>45664</v>
      </c>
      <c r="F63068" s="14" t="s">
        <v>15</v>
      </c>
      <c r="G63068" s="16">
        <v>0</v>
      </c>
    </row>
    <row r="63069" spans="1:7" x14ac:dyDescent="0.3">
      <c r="A63069" s="13" t="s">
        <v>338</v>
      </c>
      <c r="B63069" s="14" t="s">
        <v>1</v>
      </c>
      <c r="C63069" s="14" t="s">
        <v>47</v>
      </c>
      <c r="D63069" s="14" t="s">
        <v>339</v>
      </c>
      <c r="E63069" s="15">
        <v>45665</v>
      </c>
      <c r="F63069" s="14" t="s">
        <v>15</v>
      </c>
      <c r="G63069" s="16">
        <v>0</v>
      </c>
    </row>
    <row r="63070" spans="1:7" x14ac:dyDescent="0.3">
      <c r="A63070" s="13" t="s">
        <v>338</v>
      </c>
      <c r="B63070" s="14" t="s">
        <v>1</v>
      </c>
      <c r="C63070" s="14" t="s">
        <v>47</v>
      </c>
      <c r="D63070" s="14" t="s">
        <v>339</v>
      </c>
      <c r="E63070" s="15">
        <v>45666</v>
      </c>
      <c r="F63070" s="14" t="s">
        <v>15</v>
      </c>
      <c r="G63070" s="16">
        <v>0</v>
      </c>
    </row>
    <row r="63071" spans="1:7" x14ac:dyDescent="0.3">
      <c r="A63071" s="13" t="s">
        <v>338</v>
      </c>
      <c r="B63071" s="14" t="s">
        <v>1</v>
      </c>
      <c r="C63071" s="14" t="s">
        <v>47</v>
      </c>
      <c r="D63071" s="14" t="s">
        <v>339</v>
      </c>
      <c r="E63071" s="15">
        <v>45667</v>
      </c>
      <c r="F63071" s="14" t="s">
        <v>15</v>
      </c>
      <c r="G63071" s="16">
        <v>0</v>
      </c>
    </row>
    <row r="63072" spans="1:7" x14ac:dyDescent="0.3">
      <c r="A63072" s="13" t="s">
        <v>338</v>
      </c>
      <c r="B63072" s="14" t="s">
        <v>1</v>
      </c>
      <c r="C63072" s="14" t="s">
        <v>47</v>
      </c>
      <c r="D63072" s="14" t="s">
        <v>339</v>
      </c>
      <c r="E63072" s="15">
        <v>45668</v>
      </c>
      <c r="F63072" s="14" t="s">
        <v>15</v>
      </c>
      <c r="G63072" s="16">
        <v>0</v>
      </c>
    </row>
    <row r="63073" spans="1:7" x14ac:dyDescent="0.3">
      <c r="A63073" s="13" t="s">
        <v>338</v>
      </c>
      <c r="B63073" s="14" t="s">
        <v>1</v>
      </c>
      <c r="C63073" s="14" t="s">
        <v>47</v>
      </c>
      <c r="D63073" s="14" t="s">
        <v>339</v>
      </c>
      <c r="E63073" s="15">
        <v>45669</v>
      </c>
      <c r="F63073" s="14" t="s">
        <v>15</v>
      </c>
      <c r="G63073" s="16">
        <v>0</v>
      </c>
    </row>
    <row r="63074" spans="1:7" x14ac:dyDescent="0.3">
      <c r="A63074" s="13" t="s">
        <v>338</v>
      </c>
      <c r="B63074" s="14" t="s">
        <v>1</v>
      </c>
      <c r="C63074" s="14" t="s">
        <v>47</v>
      </c>
      <c r="D63074" s="14" t="s">
        <v>339</v>
      </c>
      <c r="E63074" s="15">
        <v>45670</v>
      </c>
      <c r="F63074" s="14" t="s">
        <v>15</v>
      </c>
      <c r="G63074" s="16">
        <v>0</v>
      </c>
    </row>
    <row r="63075" spans="1:7" x14ac:dyDescent="0.3">
      <c r="A63075" s="13" t="s">
        <v>338</v>
      </c>
      <c r="B63075" s="14" t="s">
        <v>1</v>
      </c>
      <c r="C63075" s="14" t="s">
        <v>47</v>
      </c>
      <c r="D63075" s="14" t="s">
        <v>339</v>
      </c>
      <c r="E63075" s="15">
        <v>45671</v>
      </c>
      <c r="F63075" s="14" t="s">
        <v>15</v>
      </c>
      <c r="G63075" s="16">
        <v>0</v>
      </c>
    </row>
    <row r="63076" spans="1:7" x14ac:dyDescent="0.3">
      <c r="A63076" s="13" t="s">
        <v>338</v>
      </c>
      <c r="B63076" s="14" t="s">
        <v>1</v>
      </c>
      <c r="C63076" s="14" t="s">
        <v>47</v>
      </c>
      <c r="D63076" s="14" t="s">
        <v>339</v>
      </c>
      <c r="E63076" s="15">
        <v>45672</v>
      </c>
      <c r="F63076" s="14" t="s">
        <v>15</v>
      </c>
      <c r="G63076" s="16">
        <v>0</v>
      </c>
    </row>
    <row r="63077" spans="1:7" x14ac:dyDescent="0.3">
      <c r="A63077" s="13" t="s">
        <v>338</v>
      </c>
      <c r="B63077" s="14" t="s">
        <v>1</v>
      </c>
      <c r="C63077" s="14" t="s">
        <v>47</v>
      </c>
      <c r="D63077" s="14" t="s">
        <v>339</v>
      </c>
      <c r="E63077" s="15">
        <v>45673</v>
      </c>
      <c r="F63077" s="14" t="s">
        <v>15</v>
      </c>
      <c r="G63077" s="16">
        <v>0</v>
      </c>
    </row>
    <row r="63078" spans="1:7" x14ac:dyDescent="0.3">
      <c r="A63078" s="13" t="s">
        <v>338</v>
      </c>
      <c r="B63078" s="14" t="s">
        <v>1</v>
      </c>
      <c r="C63078" s="14" t="s">
        <v>47</v>
      </c>
      <c r="D63078" s="14" t="s">
        <v>339</v>
      </c>
      <c r="E63078" s="15">
        <v>45674</v>
      </c>
      <c r="F63078" s="14" t="s">
        <v>15</v>
      </c>
      <c r="G63078" s="16">
        <v>0</v>
      </c>
    </row>
    <row r="63079" spans="1:7" x14ac:dyDescent="0.3">
      <c r="A63079" s="13" t="s">
        <v>338</v>
      </c>
      <c r="B63079" s="14" t="s">
        <v>1</v>
      </c>
      <c r="C63079" s="14" t="s">
        <v>47</v>
      </c>
      <c r="D63079" s="14" t="s">
        <v>339</v>
      </c>
      <c r="E63079" s="15">
        <v>45675</v>
      </c>
      <c r="F63079" s="14" t="s">
        <v>15</v>
      </c>
      <c r="G63079" s="16">
        <v>0</v>
      </c>
    </row>
    <row r="63080" spans="1:7" x14ac:dyDescent="0.3">
      <c r="A63080" s="13" t="s">
        <v>338</v>
      </c>
      <c r="B63080" s="14" t="s">
        <v>1</v>
      </c>
      <c r="C63080" s="14" t="s">
        <v>47</v>
      </c>
      <c r="D63080" s="14" t="s">
        <v>339</v>
      </c>
      <c r="E63080" s="15">
        <v>45676</v>
      </c>
      <c r="F63080" s="14" t="s">
        <v>15</v>
      </c>
      <c r="G63080" s="16">
        <v>0</v>
      </c>
    </row>
    <row r="63081" spans="1:7" x14ac:dyDescent="0.3">
      <c r="A63081" s="13" t="s">
        <v>338</v>
      </c>
      <c r="B63081" s="14" t="s">
        <v>1</v>
      </c>
      <c r="C63081" s="14" t="s">
        <v>47</v>
      </c>
      <c r="D63081" s="14" t="s">
        <v>339</v>
      </c>
      <c r="E63081" s="15">
        <v>45677</v>
      </c>
      <c r="F63081" s="14" t="s">
        <v>15</v>
      </c>
      <c r="G63081" s="16">
        <v>0</v>
      </c>
    </row>
    <row r="63082" spans="1:7" x14ac:dyDescent="0.3">
      <c r="A63082" s="13" t="s">
        <v>338</v>
      </c>
      <c r="B63082" s="14" t="s">
        <v>1</v>
      </c>
      <c r="C63082" s="14" t="s">
        <v>47</v>
      </c>
      <c r="D63082" s="14" t="s">
        <v>339</v>
      </c>
      <c r="E63082" s="15">
        <v>45678</v>
      </c>
      <c r="F63082" s="14" t="s">
        <v>15</v>
      </c>
      <c r="G63082" s="16">
        <v>0</v>
      </c>
    </row>
    <row r="63083" spans="1:7" x14ac:dyDescent="0.3">
      <c r="A63083" s="13" t="s">
        <v>338</v>
      </c>
      <c r="B63083" s="14" t="s">
        <v>1</v>
      </c>
      <c r="C63083" s="14" t="s">
        <v>47</v>
      </c>
      <c r="D63083" s="14" t="s">
        <v>339</v>
      </c>
      <c r="E63083" s="15">
        <v>45679</v>
      </c>
      <c r="F63083" s="14" t="s">
        <v>15</v>
      </c>
      <c r="G63083" s="16">
        <v>0</v>
      </c>
    </row>
    <row r="63084" spans="1:7" x14ac:dyDescent="0.3">
      <c r="A63084" s="13" t="s">
        <v>338</v>
      </c>
      <c r="B63084" s="14" t="s">
        <v>1</v>
      </c>
      <c r="C63084" s="14" t="s">
        <v>47</v>
      </c>
      <c r="D63084" s="14" t="s">
        <v>339</v>
      </c>
      <c r="E63084" s="15">
        <v>45680</v>
      </c>
      <c r="F63084" s="14" t="s">
        <v>15</v>
      </c>
      <c r="G63084" s="16">
        <v>0</v>
      </c>
    </row>
    <row r="63085" spans="1:7" x14ac:dyDescent="0.3">
      <c r="A63085" s="13" t="s">
        <v>338</v>
      </c>
      <c r="B63085" s="14" t="s">
        <v>1</v>
      </c>
      <c r="C63085" s="14" t="s">
        <v>47</v>
      </c>
      <c r="D63085" s="14" t="s">
        <v>339</v>
      </c>
      <c r="E63085" s="15">
        <v>45681</v>
      </c>
      <c r="F63085" s="14" t="s">
        <v>15</v>
      </c>
      <c r="G63085" s="16">
        <v>0</v>
      </c>
    </row>
    <row r="63086" spans="1:7" x14ac:dyDescent="0.3">
      <c r="A63086" s="13" t="s">
        <v>338</v>
      </c>
      <c r="B63086" s="14" t="s">
        <v>1</v>
      </c>
      <c r="C63086" s="14" t="s">
        <v>47</v>
      </c>
      <c r="D63086" s="14" t="s">
        <v>339</v>
      </c>
      <c r="E63086" s="15">
        <v>45682</v>
      </c>
      <c r="F63086" s="14" t="s">
        <v>15</v>
      </c>
      <c r="G63086" s="16">
        <v>0</v>
      </c>
    </row>
    <row r="63087" spans="1:7" x14ac:dyDescent="0.3">
      <c r="A63087" s="13" t="s">
        <v>338</v>
      </c>
      <c r="B63087" s="14" t="s">
        <v>1</v>
      </c>
      <c r="C63087" s="14" t="s">
        <v>47</v>
      </c>
      <c r="D63087" s="14" t="s">
        <v>339</v>
      </c>
      <c r="E63087" s="15">
        <v>45683</v>
      </c>
      <c r="F63087" s="14" t="s">
        <v>15</v>
      </c>
      <c r="G63087" s="16">
        <v>0</v>
      </c>
    </row>
    <row r="63088" spans="1:7" x14ac:dyDescent="0.3">
      <c r="A63088" s="13" t="s">
        <v>338</v>
      </c>
      <c r="B63088" s="14" t="s">
        <v>1</v>
      </c>
      <c r="C63088" s="14" t="s">
        <v>47</v>
      </c>
      <c r="D63088" s="14" t="s">
        <v>339</v>
      </c>
      <c r="E63088" s="15">
        <v>45684</v>
      </c>
      <c r="F63088" s="14" t="s">
        <v>15</v>
      </c>
      <c r="G63088" s="16">
        <v>0</v>
      </c>
    </row>
    <row r="63089" spans="1:7" x14ac:dyDescent="0.3">
      <c r="A63089" s="13" t="s">
        <v>338</v>
      </c>
      <c r="B63089" s="14" t="s">
        <v>1</v>
      </c>
      <c r="C63089" s="14" t="s">
        <v>47</v>
      </c>
      <c r="D63089" s="14" t="s">
        <v>339</v>
      </c>
      <c r="E63089" s="15">
        <v>45685</v>
      </c>
      <c r="F63089" s="14" t="s">
        <v>15</v>
      </c>
      <c r="G63089" s="16">
        <v>0</v>
      </c>
    </row>
    <row r="63090" spans="1:7" x14ac:dyDescent="0.3">
      <c r="A63090" s="13" t="s">
        <v>338</v>
      </c>
      <c r="B63090" s="14" t="s">
        <v>1</v>
      </c>
      <c r="C63090" s="14" t="s">
        <v>47</v>
      </c>
      <c r="D63090" s="14" t="s">
        <v>339</v>
      </c>
      <c r="E63090" s="15">
        <v>45686</v>
      </c>
      <c r="F63090" s="14" t="s">
        <v>15</v>
      </c>
      <c r="G63090" s="16">
        <v>0</v>
      </c>
    </row>
    <row r="63091" spans="1:7" x14ac:dyDescent="0.3">
      <c r="A63091" s="13" t="s">
        <v>338</v>
      </c>
      <c r="B63091" s="14" t="s">
        <v>1</v>
      </c>
      <c r="C63091" s="14" t="s">
        <v>47</v>
      </c>
      <c r="D63091" s="14" t="s">
        <v>339</v>
      </c>
      <c r="E63091" s="15">
        <v>45687</v>
      </c>
      <c r="F63091" s="14" t="s">
        <v>15</v>
      </c>
      <c r="G63091" s="16">
        <v>0</v>
      </c>
    </row>
    <row r="63092" spans="1:7" x14ac:dyDescent="0.3">
      <c r="A63092" s="13" t="s">
        <v>338</v>
      </c>
      <c r="B63092" s="14" t="s">
        <v>1</v>
      </c>
      <c r="C63092" s="14" t="s">
        <v>47</v>
      </c>
      <c r="D63092" s="14" t="s">
        <v>339</v>
      </c>
      <c r="E63092" s="15">
        <v>45688</v>
      </c>
      <c r="F63092" s="14" t="s">
        <v>15</v>
      </c>
      <c r="G63092" s="16">
        <v>0</v>
      </c>
    </row>
    <row r="63093" spans="1:7" x14ac:dyDescent="0.3">
      <c r="A63093" s="13" t="s">
        <v>338</v>
      </c>
      <c r="B63093" s="14" t="s">
        <v>1</v>
      </c>
      <c r="C63093" s="14" t="s">
        <v>47</v>
      </c>
      <c r="D63093" s="14" t="s">
        <v>339</v>
      </c>
      <c r="E63093" s="15">
        <v>45689</v>
      </c>
      <c r="F63093" s="14" t="s">
        <v>15</v>
      </c>
      <c r="G63093" s="16">
        <v>0</v>
      </c>
    </row>
    <row r="63094" spans="1:7" x14ac:dyDescent="0.3">
      <c r="A63094" s="13" t="s">
        <v>338</v>
      </c>
      <c r="B63094" s="14" t="s">
        <v>1</v>
      </c>
      <c r="C63094" s="14" t="s">
        <v>47</v>
      </c>
      <c r="D63094" s="14" t="s">
        <v>339</v>
      </c>
      <c r="E63094" s="15">
        <v>45690</v>
      </c>
      <c r="F63094" s="14" t="s">
        <v>15</v>
      </c>
      <c r="G63094" s="16">
        <v>0</v>
      </c>
    </row>
    <row r="63095" spans="1:7" x14ac:dyDescent="0.3">
      <c r="A63095" s="13" t="s">
        <v>338</v>
      </c>
      <c r="B63095" s="14" t="s">
        <v>1</v>
      </c>
      <c r="C63095" s="14" t="s">
        <v>47</v>
      </c>
      <c r="D63095" s="14" t="s">
        <v>339</v>
      </c>
      <c r="E63095" s="15">
        <v>45691</v>
      </c>
      <c r="F63095" s="14" t="s">
        <v>15</v>
      </c>
      <c r="G63095" s="16">
        <v>0</v>
      </c>
    </row>
    <row r="63096" spans="1:7" x14ac:dyDescent="0.3">
      <c r="A63096" s="13" t="s">
        <v>338</v>
      </c>
      <c r="B63096" s="14" t="s">
        <v>1</v>
      </c>
      <c r="C63096" s="14" t="s">
        <v>47</v>
      </c>
      <c r="D63096" s="14" t="s">
        <v>339</v>
      </c>
      <c r="E63096" s="15">
        <v>45692</v>
      </c>
      <c r="F63096" s="14" t="s">
        <v>15</v>
      </c>
      <c r="G63096" s="16">
        <v>0</v>
      </c>
    </row>
    <row r="63097" spans="1:7" x14ac:dyDescent="0.3">
      <c r="A63097" s="13" t="s">
        <v>338</v>
      </c>
      <c r="B63097" s="14" t="s">
        <v>1</v>
      </c>
      <c r="C63097" s="14" t="s">
        <v>47</v>
      </c>
      <c r="D63097" s="14" t="s">
        <v>339</v>
      </c>
      <c r="E63097" s="15">
        <v>45693</v>
      </c>
      <c r="F63097" s="14" t="s">
        <v>15</v>
      </c>
      <c r="G63097" s="16">
        <v>0</v>
      </c>
    </row>
    <row r="63098" spans="1:7" x14ac:dyDescent="0.3">
      <c r="A63098" s="13" t="s">
        <v>338</v>
      </c>
      <c r="B63098" s="14" t="s">
        <v>1</v>
      </c>
      <c r="C63098" s="14" t="s">
        <v>47</v>
      </c>
      <c r="D63098" s="14" t="s">
        <v>339</v>
      </c>
      <c r="E63098" s="15">
        <v>45694</v>
      </c>
      <c r="F63098" s="14" t="s">
        <v>15</v>
      </c>
      <c r="G63098" s="16">
        <v>0</v>
      </c>
    </row>
    <row r="63099" spans="1:7" x14ac:dyDescent="0.3">
      <c r="A63099" s="13" t="s">
        <v>338</v>
      </c>
      <c r="B63099" s="14" t="s">
        <v>1</v>
      </c>
      <c r="C63099" s="14" t="s">
        <v>47</v>
      </c>
      <c r="D63099" s="14" t="s">
        <v>339</v>
      </c>
      <c r="E63099" s="15">
        <v>45695</v>
      </c>
      <c r="F63099" s="14" t="s">
        <v>15</v>
      </c>
      <c r="G63099" s="16">
        <v>0</v>
      </c>
    </row>
    <row r="63100" spans="1:7" x14ac:dyDescent="0.3">
      <c r="A63100" s="13" t="s">
        <v>338</v>
      </c>
      <c r="B63100" s="14" t="s">
        <v>1</v>
      </c>
      <c r="C63100" s="14" t="s">
        <v>47</v>
      </c>
      <c r="D63100" s="14" t="s">
        <v>339</v>
      </c>
      <c r="E63100" s="15">
        <v>45696</v>
      </c>
      <c r="F63100" s="14" t="s">
        <v>15</v>
      </c>
      <c r="G63100" s="16">
        <v>0</v>
      </c>
    </row>
    <row r="63101" spans="1:7" x14ac:dyDescent="0.3">
      <c r="A63101" s="13" t="s">
        <v>338</v>
      </c>
      <c r="B63101" s="14" t="s">
        <v>1</v>
      </c>
      <c r="C63101" s="14" t="s">
        <v>47</v>
      </c>
      <c r="D63101" s="14" t="s">
        <v>339</v>
      </c>
      <c r="E63101" s="15">
        <v>45697</v>
      </c>
      <c r="F63101" s="14" t="s">
        <v>15</v>
      </c>
      <c r="G63101" s="16">
        <v>0</v>
      </c>
    </row>
    <row r="63102" spans="1:7" x14ac:dyDescent="0.3">
      <c r="A63102" s="13" t="s">
        <v>338</v>
      </c>
      <c r="B63102" s="14" t="s">
        <v>1</v>
      </c>
      <c r="C63102" s="14" t="s">
        <v>47</v>
      </c>
      <c r="D63102" s="14" t="s">
        <v>339</v>
      </c>
      <c r="E63102" s="15">
        <v>45698</v>
      </c>
      <c r="F63102" s="14" t="s">
        <v>15</v>
      </c>
      <c r="G63102" s="16">
        <v>0</v>
      </c>
    </row>
    <row r="63103" spans="1:7" x14ac:dyDescent="0.3">
      <c r="A63103" s="13" t="s">
        <v>338</v>
      </c>
      <c r="B63103" s="14" t="s">
        <v>1</v>
      </c>
      <c r="C63103" s="14" t="s">
        <v>47</v>
      </c>
      <c r="D63103" s="14" t="s">
        <v>339</v>
      </c>
      <c r="E63103" s="15">
        <v>45699</v>
      </c>
      <c r="F63103" s="14" t="s">
        <v>15</v>
      </c>
      <c r="G63103" s="16">
        <v>0</v>
      </c>
    </row>
    <row r="63104" spans="1:7" x14ac:dyDescent="0.3">
      <c r="A63104" s="13" t="s">
        <v>338</v>
      </c>
      <c r="B63104" s="14" t="s">
        <v>1</v>
      </c>
      <c r="C63104" s="14" t="s">
        <v>47</v>
      </c>
      <c r="D63104" s="14" t="s">
        <v>339</v>
      </c>
      <c r="E63104" s="15">
        <v>45700</v>
      </c>
      <c r="F63104" s="14" t="s">
        <v>15</v>
      </c>
      <c r="G63104" s="16">
        <v>0</v>
      </c>
    </row>
    <row r="63105" spans="1:7" x14ac:dyDescent="0.3">
      <c r="A63105" s="13" t="s">
        <v>338</v>
      </c>
      <c r="B63105" s="14" t="s">
        <v>1</v>
      </c>
      <c r="C63105" s="14" t="s">
        <v>47</v>
      </c>
      <c r="D63105" s="14" t="s">
        <v>339</v>
      </c>
      <c r="E63105" s="15">
        <v>45701</v>
      </c>
      <c r="F63105" s="14" t="s">
        <v>15</v>
      </c>
      <c r="G63105" s="16">
        <v>0</v>
      </c>
    </row>
    <row r="63106" spans="1:7" x14ac:dyDescent="0.3">
      <c r="A63106" s="13" t="s">
        <v>338</v>
      </c>
      <c r="B63106" s="14" t="s">
        <v>1</v>
      </c>
      <c r="C63106" s="14" t="s">
        <v>47</v>
      </c>
      <c r="D63106" s="14" t="s">
        <v>339</v>
      </c>
      <c r="E63106" s="15">
        <v>45702</v>
      </c>
      <c r="F63106" s="14" t="s">
        <v>15</v>
      </c>
      <c r="G63106" s="16">
        <v>0</v>
      </c>
    </row>
    <row r="63107" spans="1:7" x14ac:dyDescent="0.3">
      <c r="A63107" s="13" t="s">
        <v>338</v>
      </c>
      <c r="B63107" s="14" t="s">
        <v>1</v>
      </c>
      <c r="C63107" s="14" t="s">
        <v>47</v>
      </c>
      <c r="D63107" s="14" t="s">
        <v>339</v>
      </c>
      <c r="E63107" s="15">
        <v>45703</v>
      </c>
      <c r="F63107" s="14" t="s">
        <v>15</v>
      </c>
      <c r="G63107" s="16">
        <v>0</v>
      </c>
    </row>
    <row r="63108" spans="1:7" x14ac:dyDescent="0.3">
      <c r="A63108" s="13" t="s">
        <v>338</v>
      </c>
      <c r="B63108" s="14" t="s">
        <v>1</v>
      </c>
      <c r="C63108" s="14" t="s">
        <v>47</v>
      </c>
      <c r="D63108" s="14" t="s">
        <v>339</v>
      </c>
      <c r="E63108" s="15">
        <v>45704</v>
      </c>
      <c r="F63108" s="14" t="s">
        <v>15</v>
      </c>
      <c r="G63108" s="16">
        <v>0</v>
      </c>
    </row>
    <row r="63109" spans="1:7" x14ac:dyDescent="0.3">
      <c r="A63109" s="13" t="s">
        <v>338</v>
      </c>
      <c r="B63109" s="14" t="s">
        <v>1</v>
      </c>
      <c r="C63109" s="14" t="s">
        <v>47</v>
      </c>
      <c r="D63109" s="14" t="s">
        <v>339</v>
      </c>
      <c r="E63109" s="15">
        <v>45705</v>
      </c>
      <c r="F63109" s="14" t="s">
        <v>15</v>
      </c>
      <c r="G63109" s="16">
        <v>0</v>
      </c>
    </row>
    <row r="63110" spans="1:7" x14ac:dyDescent="0.3">
      <c r="A63110" s="13" t="s">
        <v>338</v>
      </c>
      <c r="B63110" s="14" t="s">
        <v>1</v>
      </c>
      <c r="C63110" s="14" t="s">
        <v>47</v>
      </c>
      <c r="D63110" s="14" t="s">
        <v>339</v>
      </c>
      <c r="E63110" s="15">
        <v>45706</v>
      </c>
      <c r="F63110" s="14" t="s">
        <v>15</v>
      </c>
      <c r="G63110" s="16">
        <v>0</v>
      </c>
    </row>
    <row r="63111" spans="1:7" x14ac:dyDescent="0.3">
      <c r="A63111" s="13" t="s">
        <v>338</v>
      </c>
      <c r="B63111" s="14" t="s">
        <v>1</v>
      </c>
      <c r="C63111" s="14" t="s">
        <v>47</v>
      </c>
      <c r="D63111" s="14" t="s">
        <v>339</v>
      </c>
      <c r="E63111" s="15">
        <v>45707</v>
      </c>
      <c r="F63111" s="14" t="s">
        <v>15</v>
      </c>
      <c r="G63111" s="16">
        <v>0</v>
      </c>
    </row>
    <row r="63112" spans="1:7" x14ac:dyDescent="0.3">
      <c r="A63112" s="13" t="s">
        <v>338</v>
      </c>
      <c r="B63112" s="14" t="s">
        <v>1</v>
      </c>
      <c r="C63112" s="14" t="s">
        <v>47</v>
      </c>
      <c r="D63112" s="14" t="s">
        <v>339</v>
      </c>
      <c r="E63112" s="15">
        <v>45708</v>
      </c>
      <c r="F63112" s="14" t="s">
        <v>15</v>
      </c>
      <c r="G63112" s="16">
        <v>0</v>
      </c>
    </row>
    <row r="63113" spans="1:7" x14ac:dyDescent="0.3">
      <c r="A63113" s="13" t="s">
        <v>338</v>
      </c>
      <c r="B63113" s="14" t="s">
        <v>1</v>
      </c>
      <c r="C63113" s="14" t="s">
        <v>47</v>
      </c>
      <c r="D63113" s="14" t="s">
        <v>339</v>
      </c>
      <c r="E63113" s="15">
        <v>45709</v>
      </c>
      <c r="F63113" s="14" t="s">
        <v>15</v>
      </c>
      <c r="G63113" s="16">
        <v>0</v>
      </c>
    </row>
    <row r="63114" spans="1:7" x14ac:dyDescent="0.3">
      <c r="A63114" s="13" t="s">
        <v>338</v>
      </c>
      <c r="B63114" s="14" t="s">
        <v>1</v>
      </c>
      <c r="C63114" s="14" t="s">
        <v>47</v>
      </c>
      <c r="D63114" s="14" t="s">
        <v>339</v>
      </c>
      <c r="E63114" s="15">
        <v>45710</v>
      </c>
      <c r="F63114" s="14" t="s">
        <v>15</v>
      </c>
      <c r="G63114" s="16">
        <v>0</v>
      </c>
    </row>
    <row r="63115" spans="1:7" x14ac:dyDescent="0.3">
      <c r="A63115" s="13" t="s">
        <v>338</v>
      </c>
      <c r="B63115" s="14" t="s">
        <v>1</v>
      </c>
      <c r="C63115" s="14" t="s">
        <v>47</v>
      </c>
      <c r="D63115" s="14" t="s">
        <v>339</v>
      </c>
      <c r="E63115" s="15">
        <v>45711</v>
      </c>
      <c r="F63115" s="14" t="s">
        <v>15</v>
      </c>
      <c r="G63115" s="16">
        <v>0</v>
      </c>
    </row>
    <row r="63116" spans="1:7" x14ac:dyDescent="0.3">
      <c r="A63116" s="13" t="s">
        <v>338</v>
      </c>
      <c r="B63116" s="14" t="s">
        <v>1</v>
      </c>
      <c r="C63116" s="14" t="s">
        <v>47</v>
      </c>
      <c r="D63116" s="14" t="s">
        <v>339</v>
      </c>
      <c r="E63116" s="15">
        <v>45712</v>
      </c>
      <c r="F63116" s="14" t="s">
        <v>15</v>
      </c>
      <c r="G63116" s="16">
        <v>0</v>
      </c>
    </row>
    <row r="63117" spans="1:7" x14ac:dyDescent="0.3">
      <c r="A63117" s="13" t="s">
        <v>338</v>
      </c>
      <c r="B63117" s="14" t="s">
        <v>1</v>
      </c>
      <c r="C63117" s="14" t="s">
        <v>47</v>
      </c>
      <c r="D63117" s="14" t="s">
        <v>339</v>
      </c>
      <c r="E63117" s="15">
        <v>45713</v>
      </c>
      <c r="F63117" s="14" t="s">
        <v>15</v>
      </c>
      <c r="G63117" s="16">
        <v>0</v>
      </c>
    </row>
    <row r="63118" spans="1:7" x14ac:dyDescent="0.3">
      <c r="A63118" s="13" t="s">
        <v>338</v>
      </c>
      <c r="B63118" s="14" t="s">
        <v>1</v>
      </c>
      <c r="C63118" s="14" t="s">
        <v>47</v>
      </c>
      <c r="D63118" s="14" t="s">
        <v>339</v>
      </c>
      <c r="E63118" s="15">
        <v>45714</v>
      </c>
      <c r="F63118" s="14" t="s">
        <v>15</v>
      </c>
      <c r="G63118" s="16">
        <v>0</v>
      </c>
    </row>
    <row r="63119" spans="1:7" x14ac:dyDescent="0.3">
      <c r="A63119" s="13" t="s">
        <v>338</v>
      </c>
      <c r="B63119" s="14" t="s">
        <v>1</v>
      </c>
      <c r="C63119" s="14" t="s">
        <v>47</v>
      </c>
      <c r="D63119" s="14" t="s">
        <v>339</v>
      </c>
      <c r="E63119" s="15">
        <v>45715</v>
      </c>
      <c r="F63119" s="14" t="s">
        <v>15</v>
      </c>
      <c r="G63119" s="16">
        <v>0</v>
      </c>
    </row>
    <row r="63120" spans="1:7" x14ac:dyDescent="0.3">
      <c r="A63120" s="13" t="s">
        <v>338</v>
      </c>
      <c r="B63120" s="14" t="s">
        <v>1</v>
      </c>
      <c r="C63120" s="14" t="s">
        <v>47</v>
      </c>
      <c r="D63120" s="14" t="s">
        <v>339</v>
      </c>
      <c r="E63120" s="15">
        <v>45716</v>
      </c>
      <c r="F63120" s="14" t="s">
        <v>15</v>
      </c>
      <c r="G63120" s="16">
        <v>0</v>
      </c>
    </row>
    <row r="63121" spans="1:7" x14ac:dyDescent="0.3">
      <c r="A63121" s="13" t="s">
        <v>338</v>
      </c>
      <c r="B63121" s="14" t="s">
        <v>1</v>
      </c>
      <c r="C63121" s="14" t="s">
        <v>47</v>
      </c>
      <c r="D63121" s="14" t="s">
        <v>339</v>
      </c>
      <c r="E63121" s="15">
        <v>45717</v>
      </c>
      <c r="F63121" s="14" t="s">
        <v>15</v>
      </c>
      <c r="G63121" s="16">
        <v>0</v>
      </c>
    </row>
    <row r="63122" spans="1:7" x14ac:dyDescent="0.3">
      <c r="A63122" s="13" t="s">
        <v>338</v>
      </c>
      <c r="B63122" s="14" t="s">
        <v>1</v>
      </c>
      <c r="C63122" s="14" t="s">
        <v>47</v>
      </c>
      <c r="D63122" s="14" t="s">
        <v>339</v>
      </c>
      <c r="E63122" s="15">
        <v>45718</v>
      </c>
      <c r="F63122" s="14" t="s">
        <v>15</v>
      </c>
      <c r="G63122" s="16">
        <v>0</v>
      </c>
    </row>
    <row r="63123" spans="1:7" x14ac:dyDescent="0.3">
      <c r="A63123" s="13" t="s">
        <v>338</v>
      </c>
      <c r="B63123" s="14" t="s">
        <v>1</v>
      </c>
      <c r="C63123" s="14" t="s">
        <v>47</v>
      </c>
      <c r="D63123" s="14" t="s">
        <v>339</v>
      </c>
      <c r="E63123" s="15">
        <v>45719</v>
      </c>
      <c r="F63123" s="14" t="s">
        <v>15</v>
      </c>
      <c r="G63123" s="16">
        <v>0</v>
      </c>
    </row>
    <row r="63124" spans="1:7" x14ac:dyDescent="0.3">
      <c r="A63124" s="13" t="s">
        <v>338</v>
      </c>
      <c r="B63124" s="14" t="s">
        <v>1</v>
      </c>
      <c r="C63124" s="14" t="s">
        <v>47</v>
      </c>
      <c r="D63124" s="14" t="s">
        <v>339</v>
      </c>
      <c r="E63124" s="15">
        <v>45720</v>
      </c>
      <c r="F63124" s="14" t="s">
        <v>15</v>
      </c>
      <c r="G63124" s="16">
        <v>0</v>
      </c>
    </row>
    <row r="63125" spans="1:7" x14ac:dyDescent="0.3">
      <c r="A63125" s="13" t="s">
        <v>338</v>
      </c>
      <c r="B63125" s="14" t="s">
        <v>1</v>
      </c>
      <c r="C63125" s="14" t="s">
        <v>47</v>
      </c>
      <c r="D63125" s="14" t="s">
        <v>339</v>
      </c>
      <c r="E63125" s="15">
        <v>45721</v>
      </c>
      <c r="F63125" s="14" t="s">
        <v>15</v>
      </c>
      <c r="G63125" s="16">
        <v>0</v>
      </c>
    </row>
    <row r="63126" spans="1:7" x14ac:dyDescent="0.3">
      <c r="A63126" s="13" t="s">
        <v>338</v>
      </c>
      <c r="B63126" s="14" t="s">
        <v>1</v>
      </c>
      <c r="C63126" s="14" t="s">
        <v>47</v>
      </c>
      <c r="D63126" s="14" t="s">
        <v>339</v>
      </c>
      <c r="E63126" s="15">
        <v>45722</v>
      </c>
      <c r="F63126" s="14" t="s">
        <v>15</v>
      </c>
      <c r="G63126" s="16">
        <v>0</v>
      </c>
    </row>
    <row r="63127" spans="1:7" x14ac:dyDescent="0.3">
      <c r="A63127" s="13" t="s">
        <v>338</v>
      </c>
      <c r="B63127" s="14" t="s">
        <v>1</v>
      </c>
      <c r="C63127" s="14" t="s">
        <v>47</v>
      </c>
      <c r="D63127" s="14" t="s">
        <v>339</v>
      </c>
      <c r="E63127" s="15">
        <v>45723</v>
      </c>
      <c r="F63127" s="14" t="s">
        <v>15</v>
      </c>
      <c r="G63127" s="16">
        <v>0</v>
      </c>
    </row>
    <row r="63128" spans="1:7" x14ac:dyDescent="0.3">
      <c r="A63128" s="13" t="s">
        <v>338</v>
      </c>
      <c r="B63128" s="14" t="s">
        <v>1</v>
      </c>
      <c r="C63128" s="14" t="s">
        <v>47</v>
      </c>
      <c r="D63128" s="14" t="s">
        <v>339</v>
      </c>
      <c r="E63128" s="15">
        <v>45724</v>
      </c>
      <c r="F63128" s="14" t="s">
        <v>15</v>
      </c>
      <c r="G63128" s="16">
        <v>0</v>
      </c>
    </row>
    <row r="63129" spans="1:7" x14ac:dyDescent="0.3">
      <c r="A63129" s="13" t="s">
        <v>338</v>
      </c>
      <c r="B63129" s="14" t="s">
        <v>1</v>
      </c>
      <c r="C63129" s="14" t="s">
        <v>47</v>
      </c>
      <c r="D63129" s="14" t="s">
        <v>339</v>
      </c>
      <c r="E63129" s="15">
        <v>45725</v>
      </c>
      <c r="F63129" s="14" t="s">
        <v>15</v>
      </c>
      <c r="G63129" s="16">
        <v>0</v>
      </c>
    </row>
    <row r="63130" spans="1:7" x14ac:dyDescent="0.3">
      <c r="A63130" s="13" t="s">
        <v>338</v>
      </c>
      <c r="B63130" s="14" t="s">
        <v>1</v>
      </c>
      <c r="C63130" s="14" t="s">
        <v>47</v>
      </c>
      <c r="D63130" s="14" t="s">
        <v>339</v>
      </c>
      <c r="E63130" s="15">
        <v>45726</v>
      </c>
      <c r="F63130" s="14" t="s">
        <v>15</v>
      </c>
      <c r="G63130" s="16">
        <v>0</v>
      </c>
    </row>
    <row r="63131" spans="1:7" x14ac:dyDescent="0.3">
      <c r="A63131" s="13" t="s">
        <v>338</v>
      </c>
      <c r="B63131" s="14" t="s">
        <v>1</v>
      </c>
      <c r="C63131" s="14" t="s">
        <v>47</v>
      </c>
      <c r="D63131" s="14" t="s">
        <v>339</v>
      </c>
      <c r="E63131" s="15">
        <v>45727</v>
      </c>
      <c r="F63131" s="14" t="s">
        <v>15</v>
      </c>
      <c r="G63131" s="16">
        <v>0</v>
      </c>
    </row>
    <row r="63132" spans="1:7" x14ac:dyDescent="0.3">
      <c r="A63132" s="13" t="s">
        <v>338</v>
      </c>
      <c r="B63132" s="14" t="s">
        <v>1</v>
      </c>
      <c r="C63132" s="14" t="s">
        <v>47</v>
      </c>
      <c r="D63132" s="14" t="s">
        <v>339</v>
      </c>
      <c r="E63132" s="15">
        <v>45728</v>
      </c>
      <c r="F63132" s="14" t="s">
        <v>15</v>
      </c>
      <c r="G63132" s="16">
        <v>0</v>
      </c>
    </row>
    <row r="63133" spans="1:7" x14ac:dyDescent="0.3">
      <c r="A63133" s="13" t="s">
        <v>338</v>
      </c>
      <c r="B63133" s="14" t="s">
        <v>1</v>
      </c>
      <c r="C63133" s="14" t="s">
        <v>47</v>
      </c>
      <c r="D63133" s="14" t="s">
        <v>339</v>
      </c>
      <c r="E63133" s="15">
        <v>45729</v>
      </c>
      <c r="F63133" s="14" t="s">
        <v>15</v>
      </c>
      <c r="G63133" s="16">
        <v>0</v>
      </c>
    </row>
    <row r="63134" spans="1:7" x14ac:dyDescent="0.3">
      <c r="A63134" s="13" t="s">
        <v>338</v>
      </c>
      <c r="B63134" s="14" t="s">
        <v>1</v>
      </c>
      <c r="C63134" s="14" t="s">
        <v>47</v>
      </c>
      <c r="D63134" s="14" t="s">
        <v>339</v>
      </c>
      <c r="E63134" s="15">
        <v>45730</v>
      </c>
      <c r="F63134" s="14" t="s">
        <v>15</v>
      </c>
      <c r="G63134" s="16">
        <v>0</v>
      </c>
    </row>
    <row r="63135" spans="1:7" x14ac:dyDescent="0.3">
      <c r="A63135" s="13" t="s">
        <v>338</v>
      </c>
      <c r="B63135" s="14" t="s">
        <v>1</v>
      </c>
      <c r="C63135" s="14" t="s">
        <v>47</v>
      </c>
      <c r="D63135" s="14" t="s">
        <v>339</v>
      </c>
      <c r="E63135" s="15">
        <v>45731</v>
      </c>
      <c r="F63135" s="14" t="s">
        <v>15</v>
      </c>
      <c r="G63135" s="16">
        <v>0</v>
      </c>
    </row>
    <row r="63136" spans="1:7" x14ac:dyDescent="0.3">
      <c r="A63136" s="13" t="s">
        <v>338</v>
      </c>
      <c r="B63136" s="14" t="s">
        <v>1</v>
      </c>
      <c r="C63136" s="14" t="s">
        <v>47</v>
      </c>
      <c r="D63136" s="14" t="s">
        <v>339</v>
      </c>
      <c r="E63136" s="15">
        <v>45732</v>
      </c>
      <c r="F63136" s="14" t="s">
        <v>15</v>
      </c>
      <c r="G63136" s="16">
        <v>0</v>
      </c>
    </row>
    <row r="63137" spans="1:7" x14ac:dyDescent="0.3">
      <c r="A63137" s="13" t="s">
        <v>338</v>
      </c>
      <c r="B63137" s="14" t="s">
        <v>1</v>
      </c>
      <c r="C63137" s="14" t="s">
        <v>47</v>
      </c>
      <c r="D63137" s="14" t="s">
        <v>339</v>
      </c>
      <c r="E63137" s="15">
        <v>45733</v>
      </c>
      <c r="F63137" s="14" t="s">
        <v>15</v>
      </c>
      <c r="G63137" s="16">
        <v>0</v>
      </c>
    </row>
    <row r="63138" spans="1:7" x14ac:dyDescent="0.3">
      <c r="A63138" s="13" t="s">
        <v>338</v>
      </c>
      <c r="B63138" s="14" t="s">
        <v>1</v>
      </c>
      <c r="C63138" s="14" t="s">
        <v>47</v>
      </c>
      <c r="D63138" s="14" t="s">
        <v>339</v>
      </c>
      <c r="E63138" s="15">
        <v>45734</v>
      </c>
      <c r="F63138" s="14" t="s">
        <v>15</v>
      </c>
      <c r="G63138" s="16">
        <v>0</v>
      </c>
    </row>
    <row r="63139" spans="1:7" x14ac:dyDescent="0.3">
      <c r="A63139" s="13" t="s">
        <v>338</v>
      </c>
      <c r="B63139" s="14" t="s">
        <v>1</v>
      </c>
      <c r="C63139" s="14" t="s">
        <v>47</v>
      </c>
      <c r="D63139" s="14" t="s">
        <v>339</v>
      </c>
      <c r="E63139" s="15">
        <v>45735</v>
      </c>
      <c r="F63139" s="14" t="s">
        <v>15</v>
      </c>
      <c r="G63139" s="16">
        <v>0</v>
      </c>
    </row>
    <row r="63140" spans="1:7" x14ac:dyDescent="0.3">
      <c r="A63140" s="13" t="s">
        <v>338</v>
      </c>
      <c r="B63140" s="14" t="s">
        <v>1</v>
      </c>
      <c r="C63140" s="14" t="s">
        <v>47</v>
      </c>
      <c r="D63140" s="14" t="s">
        <v>339</v>
      </c>
      <c r="E63140" s="15">
        <v>45736</v>
      </c>
      <c r="F63140" s="14" t="s">
        <v>15</v>
      </c>
      <c r="G63140" s="16">
        <v>0</v>
      </c>
    </row>
    <row r="63141" spans="1:7" x14ac:dyDescent="0.3">
      <c r="A63141" s="13" t="s">
        <v>338</v>
      </c>
      <c r="B63141" s="14" t="s">
        <v>1</v>
      </c>
      <c r="C63141" s="14" t="s">
        <v>47</v>
      </c>
      <c r="D63141" s="14" t="s">
        <v>339</v>
      </c>
      <c r="E63141" s="15">
        <v>45737</v>
      </c>
      <c r="F63141" s="14" t="s">
        <v>15</v>
      </c>
      <c r="G63141" s="16">
        <v>0</v>
      </c>
    </row>
    <row r="63142" spans="1:7" x14ac:dyDescent="0.3">
      <c r="A63142" s="13" t="s">
        <v>338</v>
      </c>
      <c r="B63142" s="14" t="s">
        <v>1</v>
      </c>
      <c r="C63142" s="14" t="s">
        <v>47</v>
      </c>
      <c r="D63142" s="14" t="s">
        <v>339</v>
      </c>
      <c r="E63142" s="15">
        <v>45738</v>
      </c>
      <c r="F63142" s="14" t="s">
        <v>15</v>
      </c>
      <c r="G63142" s="16">
        <v>0</v>
      </c>
    </row>
    <row r="63143" spans="1:7" x14ac:dyDescent="0.3">
      <c r="A63143" s="13" t="s">
        <v>338</v>
      </c>
      <c r="B63143" s="14" t="s">
        <v>1</v>
      </c>
      <c r="C63143" s="14" t="s">
        <v>47</v>
      </c>
      <c r="D63143" s="14" t="s">
        <v>339</v>
      </c>
      <c r="E63143" s="15">
        <v>45739</v>
      </c>
      <c r="F63143" s="14" t="s">
        <v>15</v>
      </c>
      <c r="G63143" s="16">
        <v>0</v>
      </c>
    </row>
    <row r="63144" spans="1:7" x14ac:dyDescent="0.3">
      <c r="A63144" s="13" t="s">
        <v>338</v>
      </c>
      <c r="B63144" s="14" t="s">
        <v>1</v>
      </c>
      <c r="C63144" s="14" t="s">
        <v>47</v>
      </c>
      <c r="D63144" s="14" t="s">
        <v>339</v>
      </c>
      <c r="E63144" s="15">
        <v>45740</v>
      </c>
      <c r="F63144" s="14" t="s">
        <v>15</v>
      </c>
      <c r="G63144" s="16">
        <v>0</v>
      </c>
    </row>
    <row r="63145" spans="1:7" x14ac:dyDescent="0.3">
      <c r="A63145" s="13" t="s">
        <v>338</v>
      </c>
      <c r="B63145" s="14" t="s">
        <v>1</v>
      </c>
      <c r="C63145" s="14" t="s">
        <v>47</v>
      </c>
      <c r="D63145" s="14" t="s">
        <v>339</v>
      </c>
      <c r="E63145" s="15">
        <v>45741</v>
      </c>
      <c r="F63145" s="14" t="s">
        <v>15</v>
      </c>
      <c r="G63145" s="16">
        <v>0</v>
      </c>
    </row>
    <row r="63146" spans="1:7" x14ac:dyDescent="0.3">
      <c r="A63146" s="13" t="s">
        <v>338</v>
      </c>
      <c r="B63146" s="14" t="s">
        <v>1</v>
      </c>
      <c r="C63146" s="14" t="s">
        <v>47</v>
      </c>
      <c r="D63146" s="14" t="s">
        <v>339</v>
      </c>
      <c r="E63146" s="15">
        <v>45742</v>
      </c>
      <c r="F63146" s="14" t="s">
        <v>15</v>
      </c>
      <c r="G63146" s="16">
        <v>0</v>
      </c>
    </row>
    <row r="63147" spans="1:7" x14ac:dyDescent="0.3">
      <c r="A63147" s="13" t="s">
        <v>338</v>
      </c>
      <c r="B63147" s="14" t="s">
        <v>1</v>
      </c>
      <c r="C63147" s="14" t="s">
        <v>47</v>
      </c>
      <c r="D63147" s="14" t="s">
        <v>339</v>
      </c>
      <c r="E63147" s="15">
        <v>45743</v>
      </c>
      <c r="F63147" s="14" t="s">
        <v>15</v>
      </c>
      <c r="G63147" s="16">
        <v>0</v>
      </c>
    </row>
    <row r="63148" spans="1:7" x14ac:dyDescent="0.3">
      <c r="A63148" s="13" t="s">
        <v>338</v>
      </c>
      <c r="B63148" s="14" t="s">
        <v>1</v>
      </c>
      <c r="C63148" s="14" t="s">
        <v>47</v>
      </c>
      <c r="D63148" s="14" t="s">
        <v>339</v>
      </c>
      <c r="E63148" s="15">
        <v>45744</v>
      </c>
      <c r="F63148" s="14" t="s">
        <v>15</v>
      </c>
      <c r="G63148" s="16">
        <v>0</v>
      </c>
    </row>
    <row r="63149" spans="1:7" x14ac:dyDescent="0.3">
      <c r="A63149" s="13" t="s">
        <v>338</v>
      </c>
      <c r="B63149" s="14" t="s">
        <v>1</v>
      </c>
      <c r="C63149" s="14" t="s">
        <v>47</v>
      </c>
      <c r="D63149" s="14" t="s">
        <v>339</v>
      </c>
      <c r="E63149" s="15">
        <v>45745</v>
      </c>
      <c r="F63149" s="14" t="s">
        <v>15</v>
      </c>
      <c r="G63149" s="16">
        <v>0</v>
      </c>
    </row>
    <row r="63150" spans="1:7" x14ac:dyDescent="0.3">
      <c r="A63150" s="13" t="s">
        <v>338</v>
      </c>
      <c r="B63150" s="14" t="s">
        <v>1</v>
      </c>
      <c r="C63150" s="14" t="s">
        <v>47</v>
      </c>
      <c r="D63150" s="14" t="s">
        <v>339</v>
      </c>
      <c r="E63150" s="15">
        <v>45746</v>
      </c>
      <c r="F63150" s="14" t="s">
        <v>15</v>
      </c>
      <c r="G63150" s="16">
        <v>0</v>
      </c>
    </row>
    <row r="63151" spans="1:7" x14ac:dyDescent="0.3">
      <c r="A63151" s="13" t="s">
        <v>338</v>
      </c>
      <c r="B63151" s="14" t="s">
        <v>1</v>
      </c>
      <c r="C63151" s="14" t="s">
        <v>47</v>
      </c>
      <c r="D63151" s="14" t="s">
        <v>339</v>
      </c>
      <c r="E63151" s="15">
        <v>45747</v>
      </c>
      <c r="F63151" s="14" t="s">
        <v>15</v>
      </c>
      <c r="G63151" s="16">
        <v>0</v>
      </c>
    </row>
    <row r="63152" spans="1:7" x14ac:dyDescent="0.3">
      <c r="A63152" s="13" t="s">
        <v>340</v>
      </c>
      <c r="B63152" s="14" t="s">
        <v>1</v>
      </c>
      <c r="C63152" s="14" t="s">
        <v>23</v>
      </c>
      <c r="D63152" s="14" t="s">
        <v>197</v>
      </c>
      <c r="E63152" s="15">
        <v>45383</v>
      </c>
      <c r="F63152" s="14" t="s">
        <v>15</v>
      </c>
      <c r="G63152" s="16">
        <v>0</v>
      </c>
    </row>
    <row r="63153" spans="1:7" x14ac:dyDescent="0.3">
      <c r="A63153" s="13" t="s">
        <v>340</v>
      </c>
      <c r="B63153" s="14" t="s">
        <v>1</v>
      </c>
      <c r="C63153" s="14" t="s">
        <v>23</v>
      </c>
      <c r="D63153" s="14" t="s">
        <v>197</v>
      </c>
      <c r="E63153" s="15">
        <v>45384</v>
      </c>
      <c r="F63153" s="14" t="s">
        <v>15</v>
      </c>
      <c r="G63153" s="16">
        <v>0</v>
      </c>
    </row>
    <row r="63154" spans="1:7" x14ac:dyDescent="0.3">
      <c r="A63154" s="13" t="s">
        <v>340</v>
      </c>
      <c r="B63154" s="14" t="s">
        <v>1</v>
      </c>
      <c r="C63154" s="14" t="s">
        <v>23</v>
      </c>
      <c r="D63154" s="14" t="s">
        <v>197</v>
      </c>
      <c r="E63154" s="15">
        <v>45385</v>
      </c>
      <c r="F63154" s="14" t="s">
        <v>15</v>
      </c>
      <c r="G63154" s="16">
        <v>6.7822073995044738E-2</v>
      </c>
    </row>
    <row r="63155" spans="1:7" x14ac:dyDescent="0.3">
      <c r="A63155" s="13" t="s">
        <v>340</v>
      </c>
      <c r="B63155" s="14" t="s">
        <v>1</v>
      </c>
      <c r="C63155" s="14" t="s">
        <v>23</v>
      </c>
      <c r="D63155" s="14" t="s">
        <v>197</v>
      </c>
      <c r="E63155" s="15">
        <v>45386</v>
      </c>
      <c r="F63155" s="14" t="s">
        <v>15</v>
      </c>
      <c r="G63155" s="16">
        <v>8.561469667062338E-2</v>
      </c>
    </row>
    <row r="63156" spans="1:7" x14ac:dyDescent="0.3">
      <c r="A63156" s="13" t="s">
        <v>340</v>
      </c>
      <c r="B63156" s="14" t="s">
        <v>1</v>
      </c>
      <c r="C63156" s="14" t="s">
        <v>23</v>
      </c>
      <c r="D63156" s="14" t="s">
        <v>197</v>
      </c>
      <c r="E63156" s="15">
        <v>45387</v>
      </c>
      <c r="F63156" s="14" t="s">
        <v>15</v>
      </c>
      <c r="G63156" s="16">
        <v>0.11471677009373502</v>
      </c>
    </row>
    <row r="63157" spans="1:7" x14ac:dyDescent="0.3">
      <c r="A63157" s="13" t="s">
        <v>340</v>
      </c>
      <c r="B63157" s="14" t="s">
        <v>1</v>
      </c>
      <c r="C63157" s="14" t="s">
        <v>23</v>
      </c>
      <c r="D63157" s="14" t="s">
        <v>197</v>
      </c>
      <c r="E63157" s="15">
        <v>45388</v>
      </c>
      <c r="F63157" s="14" t="s">
        <v>15</v>
      </c>
      <c r="G63157" s="16">
        <v>0.11471677009373502</v>
      </c>
    </row>
    <row r="63158" spans="1:7" x14ac:dyDescent="0.3">
      <c r="A63158" s="13" t="s">
        <v>340</v>
      </c>
      <c r="B63158" s="14" t="s">
        <v>1</v>
      </c>
      <c r="C63158" s="14" t="s">
        <v>23</v>
      </c>
      <c r="D63158" s="14" t="s">
        <v>197</v>
      </c>
      <c r="E63158" s="15">
        <v>45389</v>
      </c>
      <c r="F63158" s="14" t="s">
        <v>15</v>
      </c>
      <c r="G63158" s="16">
        <v>0.11471677009373502</v>
      </c>
    </row>
    <row r="63159" spans="1:7" x14ac:dyDescent="0.3">
      <c r="A63159" s="13" t="s">
        <v>340</v>
      </c>
      <c r="B63159" s="14" t="s">
        <v>1</v>
      </c>
      <c r="C63159" s="14" t="s">
        <v>23</v>
      </c>
      <c r="D63159" s="14" t="s">
        <v>197</v>
      </c>
      <c r="E63159" s="15">
        <v>45390</v>
      </c>
      <c r="F63159" s="14" t="s">
        <v>15</v>
      </c>
      <c r="G63159" s="16">
        <v>0.13032874221416982</v>
      </c>
    </row>
    <row r="63160" spans="1:7" x14ac:dyDescent="0.3">
      <c r="A63160" s="13" t="s">
        <v>340</v>
      </c>
      <c r="B63160" s="14" t="s">
        <v>1</v>
      </c>
      <c r="C63160" s="14" t="s">
        <v>23</v>
      </c>
      <c r="D63160" s="14" t="s">
        <v>197</v>
      </c>
      <c r="E63160" s="15">
        <v>45391</v>
      </c>
      <c r="F63160" s="14" t="s">
        <v>15</v>
      </c>
      <c r="G63160" s="16">
        <v>0.17718324077916139</v>
      </c>
    </row>
    <row r="63161" spans="1:7" x14ac:dyDescent="0.3">
      <c r="A63161" s="13" t="s">
        <v>340</v>
      </c>
      <c r="B63161" s="14" t="s">
        <v>1</v>
      </c>
      <c r="C63161" s="14" t="s">
        <v>23</v>
      </c>
      <c r="D63161" s="14" t="s">
        <v>197</v>
      </c>
      <c r="E63161" s="15">
        <v>45392</v>
      </c>
      <c r="F63161" s="14" t="s">
        <v>15</v>
      </c>
      <c r="G63161" s="16">
        <v>0.19594455590582516</v>
      </c>
    </row>
    <row r="63162" spans="1:7" x14ac:dyDescent="0.3">
      <c r="A63162" s="13" t="s">
        <v>340</v>
      </c>
      <c r="B63162" s="14" t="s">
        <v>1</v>
      </c>
      <c r="C63162" s="14" t="s">
        <v>23</v>
      </c>
      <c r="D63162" s="14" t="s">
        <v>197</v>
      </c>
      <c r="E63162" s="15">
        <v>45393</v>
      </c>
      <c r="F63162" s="14" t="s">
        <v>15</v>
      </c>
      <c r="G63162" s="16">
        <v>0.21296305045048863</v>
      </c>
    </row>
    <row r="63163" spans="1:7" x14ac:dyDescent="0.3">
      <c r="A63163" s="13" t="s">
        <v>340</v>
      </c>
      <c r="B63163" s="14" t="s">
        <v>1</v>
      </c>
      <c r="C63163" s="14" t="s">
        <v>23</v>
      </c>
      <c r="D63163" s="14" t="s">
        <v>197</v>
      </c>
      <c r="E63163" s="15">
        <v>45394</v>
      </c>
      <c r="F63163" s="14" t="s">
        <v>15</v>
      </c>
      <c r="G63163" s="16">
        <v>0.22856877562722785</v>
      </c>
    </row>
    <row r="63164" spans="1:7" x14ac:dyDescent="0.3">
      <c r="A63164" s="13" t="s">
        <v>340</v>
      </c>
      <c r="B63164" s="14" t="s">
        <v>1</v>
      </c>
      <c r="C63164" s="14" t="s">
        <v>23</v>
      </c>
      <c r="D63164" s="14" t="s">
        <v>197</v>
      </c>
      <c r="E63164" s="15">
        <v>45395</v>
      </c>
      <c r="F63164" s="14" t="s">
        <v>15</v>
      </c>
      <c r="G63164" s="16">
        <v>0.22856877562722785</v>
      </c>
    </row>
    <row r="63165" spans="1:7" x14ac:dyDescent="0.3">
      <c r="A63165" s="13" t="s">
        <v>340</v>
      </c>
      <c r="B63165" s="14" t="s">
        <v>1</v>
      </c>
      <c r="C63165" s="14" t="s">
        <v>23</v>
      </c>
      <c r="D63165" s="14" t="s">
        <v>197</v>
      </c>
      <c r="E63165" s="15">
        <v>45396</v>
      </c>
      <c r="F63165" s="14" t="s">
        <v>15</v>
      </c>
      <c r="G63165" s="16">
        <v>0.22856877562722785</v>
      </c>
    </row>
    <row r="63166" spans="1:7" x14ac:dyDescent="0.3">
      <c r="A63166" s="13" t="s">
        <v>340</v>
      </c>
      <c r="B63166" s="14" t="s">
        <v>1</v>
      </c>
      <c r="C63166" s="14" t="s">
        <v>23</v>
      </c>
      <c r="D63166" s="14" t="s">
        <v>197</v>
      </c>
      <c r="E63166" s="15">
        <v>45397</v>
      </c>
      <c r="F63166" s="14" t="s">
        <v>15</v>
      </c>
      <c r="G63166" s="16">
        <v>0.24559385811865733</v>
      </c>
    </row>
    <row r="63167" spans="1:7" x14ac:dyDescent="0.3">
      <c r="A63167" s="13" t="s">
        <v>340</v>
      </c>
      <c r="B63167" s="14" t="s">
        <v>1</v>
      </c>
      <c r="C63167" s="14" t="s">
        <v>23</v>
      </c>
      <c r="D63167" s="14" t="s">
        <v>197</v>
      </c>
      <c r="E63167" s="15">
        <v>45398</v>
      </c>
      <c r="F63167" s="14" t="s">
        <v>15</v>
      </c>
      <c r="G63167" s="16">
        <v>0.29169839101687167</v>
      </c>
    </row>
    <row r="63168" spans="1:7" x14ac:dyDescent="0.3">
      <c r="A63168" s="13" t="s">
        <v>340</v>
      </c>
      <c r="B63168" s="14" t="s">
        <v>1</v>
      </c>
      <c r="C63168" s="14" t="s">
        <v>23</v>
      </c>
      <c r="D63168" s="14" t="s">
        <v>197</v>
      </c>
      <c r="E63168" s="15">
        <v>45399</v>
      </c>
      <c r="F63168" s="14" t="s">
        <v>15</v>
      </c>
      <c r="G63168" s="16">
        <v>0.30704706067959814</v>
      </c>
    </row>
    <row r="63169" spans="1:7" x14ac:dyDescent="0.3">
      <c r="A63169" s="13" t="s">
        <v>340</v>
      </c>
      <c r="B63169" s="14" t="s">
        <v>1</v>
      </c>
      <c r="C63169" s="14" t="s">
        <v>23</v>
      </c>
      <c r="D63169" s="14" t="s">
        <v>197</v>
      </c>
      <c r="E63169" s="15">
        <v>45400</v>
      </c>
      <c r="F63169" s="14" t="s">
        <v>15</v>
      </c>
      <c r="G63169" s="16">
        <v>0.32242725716030973</v>
      </c>
    </row>
    <row r="63170" spans="1:7" x14ac:dyDescent="0.3">
      <c r="A63170" s="13" t="s">
        <v>340</v>
      </c>
      <c r="B63170" s="14" t="s">
        <v>1</v>
      </c>
      <c r="C63170" s="14" t="s">
        <v>23</v>
      </c>
      <c r="D63170" s="14" t="s">
        <v>197</v>
      </c>
      <c r="E63170" s="15">
        <v>45401</v>
      </c>
      <c r="F63170" s="14" t="s">
        <v>15</v>
      </c>
      <c r="G63170" s="16">
        <v>0.33786468298480138</v>
      </c>
    </row>
    <row r="63171" spans="1:7" x14ac:dyDescent="0.3">
      <c r="A63171" s="13" t="s">
        <v>340</v>
      </c>
      <c r="B63171" s="14" t="s">
        <v>1</v>
      </c>
      <c r="C63171" s="14" t="s">
        <v>23</v>
      </c>
      <c r="D63171" s="14" t="s">
        <v>197</v>
      </c>
      <c r="E63171" s="15">
        <v>45402</v>
      </c>
      <c r="F63171" s="14" t="s">
        <v>15</v>
      </c>
      <c r="G63171" s="16">
        <v>0.33786468298480138</v>
      </c>
    </row>
    <row r="63172" spans="1:7" x14ac:dyDescent="0.3">
      <c r="A63172" s="13" t="s">
        <v>340</v>
      </c>
      <c r="B63172" s="14" t="s">
        <v>1</v>
      </c>
      <c r="C63172" s="14" t="s">
        <v>23</v>
      </c>
      <c r="D63172" s="14" t="s">
        <v>197</v>
      </c>
      <c r="E63172" s="15">
        <v>45403</v>
      </c>
      <c r="F63172" s="14" t="s">
        <v>15</v>
      </c>
      <c r="G63172" s="16">
        <v>0.33786468298480138</v>
      </c>
    </row>
    <row r="63173" spans="1:7" x14ac:dyDescent="0.3">
      <c r="A63173" s="13" t="s">
        <v>340</v>
      </c>
      <c r="B63173" s="14" t="s">
        <v>1</v>
      </c>
      <c r="C63173" s="14" t="s">
        <v>23</v>
      </c>
      <c r="D63173" s="14" t="s">
        <v>197</v>
      </c>
      <c r="E63173" s="15">
        <v>45404</v>
      </c>
      <c r="F63173" s="14" t="s">
        <v>15</v>
      </c>
      <c r="G63173" s="16">
        <v>0.36104358000634634</v>
      </c>
    </row>
    <row r="63174" spans="1:7" x14ac:dyDescent="0.3">
      <c r="A63174" s="13" t="s">
        <v>340</v>
      </c>
      <c r="B63174" s="14" t="s">
        <v>1</v>
      </c>
      <c r="C63174" s="14" t="s">
        <v>23</v>
      </c>
      <c r="D63174" s="14" t="s">
        <v>197</v>
      </c>
      <c r="E63174" s="15">
        <v>45405</v>
      </c>
      <c r="F63174" s="14" t="s">
        <v>15</v>
      </c>
      <c r="G63174" s="16">
        <v>0.40014745075740832</v>
      </c>
    </row>
    <row r="63175" spans="1:7" x14ac:dyDescent="0.3">
      <c r="A63175" s="13" t="s">
        <v>340</v>
      </c>
      <c r="B63175" s="14" t="s">
        <v>1</v>
      </c>
      <c r="C63175" s="14" t="s">
        <v>23</v>
      </c>
      <c r="D63175" s="14" t="s">
        <v>197</v>
      </c>
      <c r="E63175" s="15">
        <v>45406</v>
      </c>
      <c r="F63175" s="14" t="s">
        <v>15</v>
      </c>
      <c r="G63175" s="16">
        <v>0.41253282184286133</v>
      </c>
    </row>
    <row r="63176" spans="1:7" x14ac:dyDescent="0.3">
      <c r="A63176" s="13" t="s">
        <v>340</v>
      </c>
      <c r="B63176" s="14" t="s">
        <v>1</v>
      </c>
      <c r="C63176" s="14" t="s">
        <v>23</v>
      </c>
      <c r="D63176" s="14" t="s">
        <v>197</v>
      </c>
      <c r="E63176" s="15">
        <v>45407</v>
      </c>
      <c r="F63176" s="14" t="s">
        <v>15</v>
      </c>
      <c r="G63176" s="16">
        <v>0.37387479835015391</v>
      </c>
    </row>
    <row r="63177" spans="1:7" x14ac:dyDescent="0.3">
      <c r="A63177" s="13" t="s">
        <v>340</v>
      </c>
      <c r="B63177" s="14" t="s">
        <v>1</v>
      </c>
      <c r="C63177" s="14" t="s">
        <v>23</v>
      </c>
      <c r="D63177" s="14" t="s">
        <v>197</v>
      </c>
      <c r="E63177" s="15">
        <v>45408</v>
      </c>
      <c r="F63177" s="14" t="s">
        <v>15</v>
      </c>
      <c r="G63177" s="16">
        <v>0.38798905196525157</v>
      </c>
    </row>
    <row r="63178" spans="1:7" x14ac:dyDescent="0.3">
      <c r="A63178" s="13" t="s">
        <v>340</v>
      </c>
      <c r="B63178" s="14" t="s">
        <v>1</v>
      </c>
      <c r="C63178" s="14" t="s">
        <v>23</v>
      </c>
      <c r="D63178" s="14" t="s">
        <v>197</v>
      </c>
      <c r="E63178" s="15">
        <v>45409</v>
      </c>
      <c r="F63178" s="14" t="s">
        <v>15</v>
      </c>
      <c r="G63178" s="16">
        <v>0.38798905196525157</v>
      </c>
    </row>
    <row r="63179" spans="1:7" x14ac:dyDescent="0.3">
      <c r="A63179" s="13" t="s">
        <v>340</v>
      </c>
      <c r="B63179" s="14" t="s">
        <v>1</v>
      </c>
      <c r="C63179" s="14" t="s">
        <v>23</v>
      </c>
      <c r="D63179" s="14" t="s">
        <v>197</v>
      </c>
      <c r="E63179" s="15">
        <v>45410</v>
      </c>
      <c r="F63179" s="14" t="s">
        <v>15</v>
      </c>
      <c r="G63179" s="16">
        <v>0.38798905196525157</v>
      </c>
    </row>
    <row r="63180" spans="1:7" x14ac:dyDescent="0.3">
      <c r="A63180" s="13" t="s">
        <v>340</v>
      </c>
      <c r="B63180" s="14" t="s">
        <v>1</v>
      </c>
      <c r="C63180" s="14" t="s">
        <v>23</v>
      </c>
      <c r="D63180" s="14" t="s">
        <v>197</v>
      </c>
      <c r="E63180" s="15">
        <v>45411</v>
      </c>
      <c r="F63180" s="14" t="s">
        <v>15</v>
      </c>
      <c r="G63180" s="16">
        <v>0.40387134483319154</v>
      </c>
    </row>
    <row r="63181" spans="1:7" x14ac:dyDescent="0.3">
      <c r="A63181" s="13" t="s">
        <v>340</v>
      </c>
      <c r="B63181" s="14" t="s">
        <v>1</v>
      </c>
      <c r="C63181" s="14" t="s">
        <v>23</v>
      </c>
      <c r="D63181" s="14" t="s">
        <v>197</v>
      </c>
      <c r="E63181" s="15">
        <v>45412</v>
      </c>
      <c r="F63181" s="14" t="s">
        <v>15</v>
      </c>
      <c r="G63181" s="16">
        <v>0.45175913449423727</v>
      </c>
    </row>
    <row r="63182" spans="1:7" x14ac:dyDescent="0.3">
      <c r="A63182" s="13" t="s">
        <v>340</v>
      </c>
      <c r="B63182" s="14" t="s">
        <v>1</v>
      </c>
      <c r="C63182" s="14" t="s">
        <v>23</v>
      </c>
      <c r="D63182" s="14" t="s">
        <v>197</v>
      </c>
      <c r="E63182" s="15">
        <v>45413</v>
      </c>
      <c r="F63182" s="14" t="s">
        <v>15</v>
      </c>
      <c r="G63182" s="16">
        <v>0.46754831471096753</v>
      </c>
    </row>
    <row r="63183" spans="1:7" x14ac:dyDescent="0.3">
      <c r="A63183" s="13" t="s">
        <v>340</v>
      </c>
      <c r="B63183" s="14" t="s">
        <v>1</v>
      </c>
      <c r="C63183" s="14" t="s">
        <v>23</v>
      </c>
      <c r="D63183" s="14" t="s">
        <v>197</v>
      </c>
      <c r="E63183" s="15">
        <v>45414</v>
      </c>
      <c r="F63183" s="14" t="s">
        <v>15</v>
      </c>
      <c r="G63183" s="16">
        <v>0.48378483067402478</v>
      </c>
    </row>
    <row r="63184" spans="1:7" x14ac:dyDescent="0.3">
      <c r="A63184" s="13" t="s">
        <v>340</v>
      </c>
      <c r="B63184" s="14" t="s">
        <v>1</v>
      </c>
      <c r="C63184" s="14" t="s">
        <v>23</v>
      </c>
      <c r="D63184" s="14" t="s">
        <v>197</v>
      </c>
      <c r="E63184" s="15">
        <v>45415</v>
      </c>
      <c r="F63184" s="14" t="s">
        <v>15</v>
      </c>
      <c r="G63184" s="16">
        <v>0.49970600645809826</v>
      </c>
    </row>
    <row r="63185" spans="1:7" x14ac:dyDescent="0.3">
      <c r="A63185" s="13" t="s">
        <v>340</v>
      </c>
      <c r="B63185" s="14" t="s">
        <v>1</v>
      </c>
      <c r="C63185" s="14" t="s">
        <v>23</v>
      </c>
      <c r="D63185" s="14" t="s">
        <v>197</v>
      </c>
      <c r="E63185" s="15">
        <v>45416</v>
      </c>
      <c r="F63185" s="14" t="s">
        <v>15</v>
      </c>
      <c r="G63185" s="16">
        <v>0.49970600645809826</v>
      </c>
    </row>
    <row r="63186" spans="1:7" x14ac:dyDescent="0.3">
      <c r="A63186" s="13" t="s">
        <v>340</v>
      </c>
      <c r="B63186" s="14" t="s">
        <v>1</v>
      </c>
      <c r="C63186" s="14" t="s">
        <v>23</v>
      </c>
      <c r="D63186" s="14" t="s">
        <v>197</v>
      </c>
      <c r="E63186" s="15">
        <v>45417</v>
      </c>
      <c r="F63186" s="14" t="s">
        <v>15</v>
      </c>
      <c r="G63186" s="16">
        <v>0.49970600645809826</v>
      </c>
    </row>
    <row r="63187" spans="1:7" x14ac:dyDescent="0.3">
      <c r="A63187" s="13" t="s">
        <v>340</v>
      </c>
      <c r="B63187" s="14" t="s">
        <v>1</v>
      </c>
      <c r="C63187" s="14" t="s">
        <v>23</v>
      </c>
      <c r="D63187" s="14" t="s">
        <v>197</v>
      </c>
      <c r="E63187" s="15">
        <v>45418</v>
      </c>
      <c r="F63187" s="14" t="s">
        <v>15</v>
      </c>
      <c r="G63187" s="16">
        <v>0.49970600645809826</v>
      </c>
    </row>
    <row r="63188" spans="1:7" x14ac:dyDescent="0.3">
      <c r="A63188" s="13" t="s">
        <v>340</v>
      </c>
      <c r="B63188" s="14" t="s">
        <v>1</v>
      </c>
      <c r="C63188" s="14" t="s">
        <v>23</v>
      </c>
      <c r="D63188" s="14" t="s">
        <v>197</v>
      </c>
      <c r="E63188" s="15">
        <v>45419</v>
      </c>
      <c r="F63188" s="14" t="s">
        <v>15</v>
      </c>
      <c r="G63188" s="16">
        <v>0.51496912683052598</v>
      </c>
    </row>
    <row r="63189" spans="1:7" x14ac:dyDescent="0.3">
      <c r="A63189" s="13" t="s">
        <v>340</v>
      </c>
      <c r="B63189" s="14" t="s">
        <v>1</v>
      </c>
      <c r="C63189" s="14" t="s">
        <v>23</v>
      </c>
      <c r="D63189" s="14" t="s">
        <v>197</v>
      </c>
      <c r="E63189" s="15">
        <v>45420</v>
      </c>
      <c r="F63189" s="14" t="s">
        <v>15</v>
      </c>
      <c r="G63189" s="16">
        <v>0.59469643429110319</v>
      </c>
    </row>
    <row r="63190" spans="1:7" x14ac:dyDescent="0.3">
      <c r="A63190" s="13" t="s">
        <v>340</v>
      </c>
      <c r="B63190" s="14" t="s">
        <v>1</v>
      </c>
      <c r="C63190" s="14" t="s">
        <v>23</v>
      </c>
      <c r="D63190" s="14" t="s">
        <v>197</v>
      </c>
      <c r="E63190" s="15">
        <v>45421</v>
      </c>
      <c r="F63190" s="14" t="s">
        <v>15</v>
      </c>
      <c r="G63190" s="16">
        <v>0.6105981726642753</v>
      </c>
    </row>
    <row r="63191" spans="1:7" x14ac:dyDescent="0.3">
      <c r="A63191" s="13" t="s">
        <v>340</v>
      </c>
      <c r="B63191" s="14" t="s">
        <v>1</v>
      </c>
      <c r="C63191" s="14" t="s">
        <v>23</v>
      </c>
      <c r="D63191" s="14" t="s">
        <v>197</v>
      </c>
      <c r="E63191" s="15">
        <v>45422</v>
      </c>
      <c r="F63191" s="14" t="s">
        <v>15</v>
      </c>
      <c r="G63191" s="16">
        <v>0.62634716230849374</v>
      </c>
    </row>
    <row r="63192" spans="1:7" x14ac:dyDescent="0.3">
      <c r="A63192" s="13" t="s">
        <v>340</v>
      </c>
      <c r="B63192" s="14" t="s">
        <v>1</v>
      </c>
      <c r="C63192" s="14" t="s">
        <v>23</v>
      </c>
      <c r="D63192" s="14" t="s">
        <v>197</v>
      </c>
      <c r="E63192" s="15">
        <v>45423</v>
      </c>
      <c r="F63192" s="14" t="s">
        <v>15</v>
      </c>
      <c r="G63192" s="16">
        <v>0.62634716230849374</v>
      </c>
    </row>
    <row r="63193" spans="1:7" x14ac:dyDescent="0.3">
      <c r="A63193" s="13" t="s">
        <v>340</v>
      </c>
      <c r="B63193" s="14" t="s">
        <v>1</v>
      </c>
      <c r="C63193" s="14" t="s">
        <v>23</v>
      </c>
      <c r="D63193" s="14" t="s">
        <v>197</v>
      </c>
      <c r="E63193" s="15">
        <v>45424</v>
      </c>
      <c r="F63193" s="14" t="s">
        <v>15</v>
      </c>
      <c r="G63193" s="16">
        <v>0.62634716230849374</v>
      </c>
    </row>
    <row r="63194" spans="1:7" x14ac:dyDescent="0.3">
      <c r="A63194" s="13" t="s">
        <v>340</v>
      </c>
      <c r="B63194" s="14" t="s">
        <v>1</v>
      </c>
      <c r="C63194" s="14" t="s">
        <v>23</v>
      </c>
      <c r="D63194" s="14" t="s">
        <v>197</v>
      </c>
      <c r="E63194" s="15">
        <v>45425</v>
      </c>
      <c r="F63194" s="14" t="s">
        <v>15</v>
      </c>
      <c r="G63194" s="16">
        <v>0.64279940421970438</v>
      </c>
    </row>
    <row r="63195" spans="1:7" x14ac:dyDescent="0.3">
      <c r="A63195" s="13" t="s">
        <v>340</v>
      </c>
      <c r="B63195" s="14" t="s">
        <v>1</v>
      </c>
      <c r="C63195" s="14" t="s">
        <v>23</v>
      </c>
      <c r="D63195" s="14" t="s">
        <v>197</v>
      </c>
      <c r="E63195" s="15">
        <v>45426</v>
      </c>
      <c r="F63195" s="14" t="s">
        <v>15</v>
      </c>
      <c r="G63195" s="16">
        <v>0.69200777295401106</v>
      </c>
    </row>
    <row r="63196" spans="1:7" x14ac:dyDescent="0.3">
      <c r="A63196" s="13" t="s">
        <v>340</v>
      </c>
      <c r="B63196" s="14" t="s">
        <v>1</v>
      </c>
      <c r="C63196" s="14" t="s">
        <v>23</v>
      </c>
      <c r="D63196" s="14" t="s">
        <v>197</v>
      </c>
      <c r="E63196" s="15">
        <v>45427</v>
      </c>
      <c r="F63196" s="14" t="s">
        <v>15</v>
      </c>
      <c r="G63196" s="16">
        <v>0.707736572572503</v>
      </c>
    </row>
    <row r="63197" spans="1:7" x14ac:dyDescent="0.3">
      <c r="A63197" s="13" t="s">
        <v>340</v>
      </c>
      <c r="B63197" s="14" t="s">
        <v>1</v>
      </c>
      <c r="C63197" s="14" t="s">
        <v>23</v>
      </c>
      <c r="D63197" s="14" t="s">
        <v>197</v>
      </c>
      <c r="E63197" s="15">
        <v>45428</v>
      </c>
      <c r="F63197" s="14" t="s">
        <v>15</v>
      </c>
      <c r="G63197" s="16">
        <v>0.72372084049247065</v>
      </c>
    </row>
    <row r="63198" spans="1:7" x14ac:dyDescent="0.3">
      <c r="A63198" s="13" t="s">
        <v>340</v>
      </c>
      <c r="B63198" s="14" t="s">
        <v>1</v>
      </c>
      <c r="C63198" s="14" t="s">
        <v>23</v>
      </c>
      <c r="D63198" s="14" t="s">
        <v>197</v>
      </c>
      <c r="E63198" s="15">
        <v>45429</v>
      </c>
      <c r="F63198" s="14" t="s">
        <v>15</v>
      </c>
      <c r="G63198" s="16">
        <v>0.73968853067600138</v>
      </c>
    </row>
    <row r="63199" spans="1:7" x14ac:dyDescent="0.3">
      <c r="A63199" s="13" t="s">
        <v>340</v>
      </c>
      <c r="B63199" s="14" t="s">
        <v>1</v>
      </c>
      <c r="C63199" s="14" t="s">
        <v>23</v>
      </c>
      <c r="D63199" s="14" t="s">
        <v>197</v>
      </c>
      <c r="E63199" s="15">
        <v>45430</v>
      </c>
      <c r="F63199" s="14" t="s">
        <v>15</v>
      </c>
      <c r="G63199" s="16">
        <v>0.73968853067600138</v>
      </c>
    </row>
    <row r="63200" spans="1:7" x14ac:dyDescent="0.3">
      <c r="A63200" s="13" t="s">
        <v>340</v>
      </c>
      <c r="B63200" s="14" t="s">
        <v>1</v>
      </c>
      <c r="C63200" s="14" t="s">
        <v>23</v>
      </c>
      <c r="D63200" s="14" t="s">
        <v>197</v>
      </c>
      <c r="E63200" s="15">
        <v>45431</v>
      </c>
      <c r="F63200" s="14" t="s">
        <v>15</v>
      </c>
      <c r="G63200" s="16">
        <v>0.73968853067600138</v>
      </c>
    </row>
    <row r="63201" spans="1:7" x14ac:dyDescent="0.3">
      <c r="A63201" s="13" t="s">
        <v>340</v>
      </c>
      <c r="B63201" s="14" t="s">
        <v>1</v>
      </c>
      <c r="C63201" s="14" t="s">
        <v>23</v>
      </c>
      <c r="D63201" s="14" t="s">
        <v>197</v>
      </c>
      <c r="E63201" s="15">
        <v>45432</v>
      </c>
      <c r="F63201" s="14" t="s">
        <v>15</v>
      </c>
      <c r="G63201" s="16">
        <v>0.75585895150548621</v>
      </c>
    </row>
    <row r="63202" spans="1:7" x14ac:dyDescent="0.3">
      <c r="A63202" s="13" t="s">
        <v>340</v>
      </c>
      <c r="B63202" s="14" t="s">
        <v>1</v>
      </c>
      <c r="C63202" s="14" t="s">
        <v>23</v>
      </c>
      <c r="D63202" s="14" t="s">
        <v>197</v>
      </c>
      <c r="E63202" s="15">
        <v>45433</v>
      </c>
      <c r="F63202" s="14" t="s">
        <v>15</v>
      </c>
      <c r="G63202" s="16">
        <v>0.80402341695977908</v>
      </c>
    </row>
    <row r="63203" spans="1:7" x14ac:dyDescent="0.3">
      <c r="A63203" s="13" t="s">
        <v>340</v>
      </c>
      <c r="B63203" s="14" t="s">
        <v>1</v>
      </c>
      <c r="C63203" s="14" t="s">
        <v>23</v>
      </c>
      <c r="D63203" s="14" t="s">
        <v>197</v>
      </c>
      <c r="E63203" s="15">
        <v>45434</v>
      </c>
      <c r="F63203" s="14" t="s">
        <v>15</v>
      </c>
      <c r="G63203" s="16">
        <v>0.81998810130504352</v>
      </c>
    </row>
    <row r="63204" spans="1:7" x14ac:dyDescent="0.3">
      <c r="A63204" s="13" t="s">
        <v>340</v>
      </c>
      <c r="B63204" s="14" t="s">
        <v>1</v>
      </c>
      <c r="C63204" s="14" t="s">
        <v>23</v>
      </c>
      <c r="D63204" s="14" t="s">
        <v>197</v>
      </c>
      <c r="E63204" s="15">
        <v>45435</v>
      </c>
      <c r="F63204" s="14" t="s">
        <v>15</v>
      </c>
      <c r="G63204" s="16">
        <v>0.83866955529990472</v>
      </c>
    </row>
    <row r="63205" spans="1:7" x14ac:dyDescent="0.3">
      <c r="A63205" s="13" t="s">
        <v>340</v>
      </c>
      <c r="B63205" s="14" t="s">
        <v>1</v>
      </c>
      <c r="C63205" s="14" t="s">
        <v>23</v>
      </c>
      <c r="D63205" s="14" t="s">
        <v>197</v>
      </c>
      <c r="E63205" s="15">
        <v>45436</v>
      </c>
      <c r="F63205" s="14" t="s">
        <v>15</v>
      </c>
      <c r="G63205" s="16">
        <v>0.85432847721823124</v>
      </c>
    </row>
    <row r="63206" spans="1:7" x14ac:dyDescent="0.3">
      <c r="A63206" s="13" t="s">
        <v>340</v>
      </c>
      <c r="B63206" s="14" t="s">
        <v>1</v>
      </c>
      <c r="C63206" s="14" t="s">
        <v>23</v>
      </c>
      <c r="D63206" s="14" t="s">
        <v>197</v>
      </c>
      <c r="E63206" s="15">
        <v>45437</v>
      </c>
      <c r="F63206" s="14" t="s">
        <v>15</v>
      </c>
      <c r="G63206" s="16">
        <v>0.85432847721823124</v>
      </c>
    </row>
    <row r="63207" spans="1:7" x14ac:dyDescent="0.3">
      <c r="A63207" s="13" t="s">
        <v>340</v>
      </c>
      <c r="B63207" s="14" t="s">
        <v>1</v>
      </c>
      <c r="C63207" s="14" t="s">
        <v>23</v>
      </c>
      <c r="D63207" s="14" t="s">
        <v>197</v>
      </c>
      <c r="E63207" s="15">
        <v>45438</v>
      </c>
      <c r="F63207" s="14" t="s">
        <v>15</v>
      </c>
      <c r="G63207" s="16">
        <v>0.85432847721823124</v>
      </c>
    </row>
    <row r="63208" spans="1:7" x14ac:dyDescent="0.3">
      <c r="A63208" s="13" t="s">
        <v>340</v>
      </c>
      <c r="B63208" s="14" t="s">
        <v>1</v>
      </c>
      <c r="C63208" s="14" t="s">
        <v>23</v>
      </c>
      <c r="D63208" s="14" t="s">
        <v>197</v>
      </c>
      <c r="E63208" s="15">
        <v>45439</v>
      </c>
      <c r="F63208" s="14" t="s">
        <v>15</v>
      </c>
      <c r="G63208" s="16">
        <v>0.85432847721823124</v>
      </c>
    </row>
    <row r="63209" spans="1:7" x14ac:dyDescent="0.3">
      <c r="A63209" s="13" t="s">
        <v>340</v>
      </c>
      <c r="B63209" s="14" t="s">
        <v>1</v>
      </c>
      <c r="C63209" s="14" t="s">
        <v>23</v>
      </c>
      <c r="D63209" s="14" t="s">
        <v>197</v>
      </c>
      <c r="E63209" s="15">
        <v>45440</v>
      </c>
      <c r="F63209" s="14" t="s">
        <v>15</v>
      </c>
      <c r="G63209" s="16">
        <v>0.86992154868773552</v>
      </c>
    </row>
    <row r="63210" spans="1:7" x14ac:dyDescent="0.3">
      <c r="A63210" s="13" t="s">
        <v>340</v>
      </c>
      <c r="B63210" s="14" t="s">
        <v>1</v>
      </c>
      <c r="C63210" s="14" t="s">
        <v>23</v>
      </c>
      <c r="D63210" s="14" t="s">
        <v>197</v>
      </c>
      <c r="E63210" s="15">
        <v>45441</v>
      </c>
      <c r="F63210" s="14" t="s">
        <v>15</v>
      </c>
      <c r="G63210" s="16">
        <v>0.92759794755075531</v>
      </c>
    </row>
    <row r="63211" spans="1:7" x14ac:dyDescent="0.3">
      <c r="A63211" s="13" t="s">
        <v>340</v>
      </c>
      <c r="B63211" s="14" t="s">
        <v>1</v>
      </c>
      <c r="C63211" s="14" t="s">
        <v>23</v>
      </c>
      <c r="D63211" s="14" t="s">
        <v>197</v>
      </c>
      <c r="E63211" s="15">
        <v>45442</v>
      </c>
      <c r="F63211" s="14" t="s">
        <v>15</v>
      </c>
      <c r="G63211" s="16">
        <v>0.94523480730871767</v>
      </c>
    </row>
    <row r="63212" spans="1:7" x14ac:dyDescent="0.3">
      <c r="A63212" s="13" t="s">
        <v>340</v>
      </c>
      <c r="B63212" s="14" t="s">
        <v>1</v>
      </c>
      <c r="C63212" s="14" t="s">
        <v>23</v>
      </c>
      <c r="D63212" s="14" t="s">
        <v>197</v>
      </c>
      <c r="E63212" s="15">
        <v>45443</v>
      </c>
      <c r="F63212" s="14" t="s">
        <v>15</v>
      </c>
      <c r="G63212" s="16">
        <v>0.95543148840802361</v>
      </c>
    </row>
    <row r="63213" spans="1:7" x14ac:dyDescent="0.3">
      <c r="A63213" s="13" t="s">
        <v>340</v>
      </c>
      <c r="B63213" s="14" t="s">
        <v>1</v>
      </c>
      <c r="C63213" s="14" t="s">
        <v>23</v>
      </c>
      <c r="D63213" s="14" t="s">
        <v>197</v>
      </c>
      <c r="E63213" s="15">
        <v>45444</v>
      </c>
      <c r="F63213" s="14" t="s">
        <v>15</v>
      </c>
      <c r="G63213" s="16">
        <v>0.95543148840802361</v>
      </c>
    </row>
    <row r="63214" spans="1:7" x14ac:dyDescent="0.3">
      <c r="A63214" s="13" t="s">
        <v>340</v>
      </c>
      <c r="B63214" s="14" t="s">
        <v>1</v>
      </c>
      <c r="C63214" s="14" t="s">
        <v>23</v>
      </c>
      <c r="D63214" s="14" t="s">
        <v>197</v>
      </c>
      <c r="E63214" s="15">
        <v>45445</v>
      </c>
      <c r="F63214" s="14" t="s">
        <v>15</v>
      </c>
      <c r="G63214" s="16">
        <v>0.95543148840802361</v>
      </c>
    </row>
    <row r="63215" spans="1:7" x14ac:dyDescent="0.3">
      <c r="A63215" s="13" t="s">
        <v>340</v>
      </c>
      <c r="B63215" s="14" t="s">
        <v>1</v>
      </c>
      <c r="C63215" s="14" t="s">
        <v>23</v>
      </c>
      <c r="D63215" s="14" t="s">
        <v>197</v>
      </c>
      <c r="E63215" s="15">
        <v>45446</v>
      </c>
      <c r="F63215" s="14" t="s">
        <v>15</v>
      </c>
      <c r="G63215" s="16">
        <v>0.95543148840802361</v>
      </c>
    </row>
    <row r="63216" spans="1:7" x14ac:dyDescent="0.3">
      <c r="A63216" s="13" t="s">
        <v>340</v>
      </c>
      <c r="B63216" s="14" t="s">
        <v>1</v>
      </c>
      <c r="C63216" s="14" t="s">
        <v>23</v>
      </c>
      <c r="D63216" s="14" t="s">
        <v>197</v>
      </c>
      <c r="E63216" s="15">
        <v>45447</v>
      </c>
      <c r="F63216" s="14" t="s">
        <v>15</v>
      </c>
      <c r="G63216" s="16">
        <v>0.97433929586805634</v>
      </c>
    </row>
    <row r="63217" spans="1:7" x14ac:dyDescent="0.3">
      <c r="A63217" s="13" t="s">
        <v>340</v>
      </c>
      <c r="B63217" s="14" t="s">
        <v>1</v>
      </c>
      <c r="C63217" s="14" t="s">
        <v>23</v>
      </c>
      <c r="D63217" s="14" t="s">
        <v>197</v>
      </c>
      <c r="E63217" s="15">
        <v>45448</v>
      </c>
      <c r="F63217" s="14" t="s">
        <v>15</v>
      </c>
      <c r="G63217" s="16">
        <v>1.0422196322492818</v>
      </c>
    </row>
    <row r="63218" spans="1:7" x14ac:dyDescent="0.3">
      <c r="A63218" s="13" t="s">
        <v>340</v>
      </c>
      <c r="B63218" s="14" t="s">
        <v>1</v>
      </c>
      <c r="C63218" s="14" t="s">
        <v>23</v>
      </c>
      <c r="D63218" s="14" t="s">
        <v>197</v>
      </c>
      <c r="E63218" s="15">
        <v>45449</v>
      </c>
      <c r="F63218" s="14" t="s">
        <v>15</v>
      </c>
      <c r="G63218" s="16">
        <v>1.0573676863217536</v>
      </c>
    </row>
    <row r="63219" spans="1:7" x14ac:dyDescent="0.3">
      <c r="A63219" s="13" t="s">
        <v>340</v>
      </c>
      <c r="B63219" s="14" t="s">
        <v>1</v>
      </c>
      <c r="C63219" s="14" t="s">
        <v>23</v>
      </c>
      <c r="D63219" s="14" t="s">
        <v>197</v>
      </c>
      <c r="E63219" s="15">
        <v>45450</v>
      </c>
      <c r="F63219" s="14" t="s">
        <v>15</v>
      </c>
      <c r="G63219" s="16">
        <v>1.0946623290163808</v>
      </c>
    </row>
    <row r="63220" spans="1:7" x14ac:dyDescent="0.3">
      <c r="A63220" s="13" t="s">
        <v>340</v>
      </c>
      <c r="B63220" s="14" t="s">
        <v>1</v>
      </c>
      <c r="C63220" s="14" t="s">
        <v>23</v>
      </c>
      <c r="D63220" s="14" t="s">
        <v>197</v>
      </c>
      <c r="E63220" s="15">
        <v>45451</v>
      </c>
      <c r="F63220" s="14" t="s">
        <v>15</v>
      </c>
      <c r="G63220" s="16">
        <v>1.0946623290163808</v>
      </c>
    </row>
    <row r="63221" spans="1:7" x14ac:dyDescent="0.3">
      <c r="A63221" s="13" t="s">
        <v>340</v>
      </c>
      <c r="B63221" s="14" t="s">
        <v>1</v>
      </c>
      <c r="C63221" s="14" t="s">
        <v>23</v>
      </c>
      <c r="D63221" s="14" t="s">
        <v>197</v>
      </c>
      <c r="E63221" s="15">
        <v>45452</v>
      </c>
      <c r="F63221" s="14" t="s">
        <v>15</v>
      </c>
      <c r="G63221" s="16">
        <v>1.0946623290163808</v>
      </c>
    </row>
    <row r="63222" spans="1:7" x14ac:dyDescent="0.3">
      <c r="A63222" s="13" t="s">
        <v>340</v>
      </c>
      <c r="B63222" s="14" t="s">
        <v>1</v>
      </c>
      <c r="C63222" s="14" t="s">
        <v>23</v>
      </c>
      <c r="D63222" s="14" t="s">
        <v>197</v>
      </c>
      <c r="E63222" s="15">
        <v>45453</v>
      </c>
      <c r="F63222" s="14" t="s">
        <v>15</v>
      </c>
      <c r="G63222" s="16">
        <v>1.1097641170474573</v>
      </c>
    </row>
    <row r="63223" spans="1:7" x14ac:dyDescent="0.3">
      <c r="A63223" s="13" t="s">
        <v>340</v>
      </c>
      <c r="B63223" s="14" t="s">
        <v>1</v>
      </c>
      <c r="C63223" s="14" t="s">
        <v>23</v>
      </c>
      <c r="D63223" s="14" t="s">
        <v>197</v>
      </c>
      <c r="E63223" s="15">
        <v>45454</v>
      </c>
      <c r="F63223" s="14" t="s">
        <v>15</v>
      </c>
      <c r="G63223" s="16">
        <v>1.1551961033554323</v>
      </c>
    </row>
    <row r="63224" spans="1:7" x14ac:dyDescent="0.3">
      <c r="A63224" s="13" t="s">
        <v>340</v>
      </c>
      <c r="B63224" s="14" t="s">
        <v>1</v>
      </c>
      <c r="C63224" s="14" t="s">
        <v>23</v>
      </c>
      <c r="D63224" s="14" t="s">
        <v>197</v>
      </c>
      <c r="E63224" s="15">
        <v>45455</v>
      </c>
      <c r="F63224" s="14" t="s">
        <v>15</v>
      </c>
      <c r="G63224" s="16">
        <v>1.1703480292906157</v>
      </c>
    </row>
    <row r="63225" spans="1:7" x14ac:dyDescent="0.3">
      <c r="A63225" s="13" t="s">
        <v>340</v>
      </c>
      <c r="B63225" s="14" t="s">
        <v>1</v>
      </c>
      <c r="C63225" s="14" t="s">
        <v>23</v>
      </c>
      <c r="D63225" s="14" t="s">
        <v>197</v>
      </c>
      <c r="E63225" s="15">
        <v>45456</v>
      </c>
      <c r="F63225" s="14" t="s">
        <v>15</v>
      </c>
      <c r="G63225" s="16">
        <v>1.184867676868528</v>
      </c>
    </row>
    <row r="63226" spans="1:7" x14ac:dyDescent="0.3">
      <c r="A63226" s="13" t="s">
        <v>340</v>
      </c>
      <c r="B63226" s="14" t="s">
        <v>1</v>
      </c>
      <c r="C63226" s="14" t="s">
        <v>23</v>
      </c>
      <c r="D63226" s="14" t="s">
        <v>197</v>
      </c>
      <c r="E63226" s="15">
        <v>45457</v>
      </c>
      <c r="F63226" s="14" t="s">
        <v>15</v>
      </c>
      <c r="G63226" s="16">
        <v>1.2016479182073467</v>
      </c>
    </row>
    <row r="63227" spans="1:7" x14ac:dyDescent="0.3">
      <c r="A63227" s="13" t="s">
        <v>340</v>
      </c>
      <c r="B63227" s="14" t="s">
        <v>1</v>
      </c>
      <c r="C63227" s="14" t="s">
        <v>23</v>
      </c>
      <c r="D63227" s="14" t="s">
        <v>197</v>
      </c>
      <c r="E63227" s="15">
        <v>45458</v>
      </c>
      <c r="F63227" s="14" t="s">
        <v>15</v>
      </c>
      <c r="G63227" s="16">
        <v>1.2016479182073467</v>
      </c>
    </row>
    <row r="63228" spans="1:7" x14ac:dyDescent="0.3">
      <c r="A63228" s="13" t="s">
        <v>340</v>
      </c>
      <c r="B63228" s="14" t="s">
        <v>1</v>
      </c>
      <c r="C63228" s="14" t="s">
        <v>23</v>
      </c>
      <c r="D63228" s="14" t="s">
        <v>197</v>
      </c>
      <c r="E63228" s="15">
        <v>45459</v>
      </c>
      <c r="F63228" s="14" t="s">
        <v>15</v>
      </c>
      <c r="G63228" s="16">
        <v>1.2016479182073467</v>
      </c>
    </row>
    <row r="63229" spans="1:7" x14ac:dyDescent="0.3">
      <c r="A63229" s="13" t="s">
        <v>340</v>
      </c>
      <c r="B63229" s="14" t="s">
        <v>1</v>
      </c>
      <c r="C63229" s="14" t="s">
        <v>23</v>
      </c>
      <c r="D63229" s="14" t="s">
        <v>197</v>
      </c>
      <c r="E63229" s="15">
        <v>45460</v>
      </c>
      <c r="F63229" s="14" t="s">
        <v>15</v>
      </c>
      <c r="G63229" s="16">
        <v>1.2168965303845545</v>
      </c>
    </row>
    <row r="63230" spans="1:7" x14ac:dyDescent="0.3">
      <c r="A63230" s="13" t="s">
        <v>340</v>
      </c>
      <c r="B63230" s="14" t="s">
        <v>1</v>
      </c>
      <c r="C63230" s="14" t="s">
        <v>23</v>
      </c>
      <c r="D63230" s="14" t="s">
        <v>197</v>
      </c>
      <c r="E63230" s="15">
        <v>45461</v>
      </c>
      <c r="F63230" s="14" t="s">
        <v>15</v>
      </c>
      <c r="G63230" s="16">
        <v>1.2627470995382657</v>
      </c>
    </row>
    <row r="63231" spans="1:7" x14ac:dyDescent="0.3">
      <c r="A63231" s="13" t="s">
        <v>340</v>
      </c>
      <c r="B63231" s="14" t="s">
        <v>1</v>
      </c>
      <c r="C63231" s="14" t="s">
        <v>23</v>
      </c>
      <c r="D63231" s="14" t="s">
        <v>197</v>
      </c>
      <c r="E63231" s="15">
        <v>45462</v>
      </c>
      <c r="F63231" s="14" t="s">
        <v>15</v>
      </c>
      <c r="G63231" s="16">
        <v>1.2627470995382657</v>
      </c>
    </row>
    <row r="63232" spans="1:7" x14ac:dyDescent="0.3">
      <c r="A63232" s="13" t="s">
        <v>340</v>
      </c>
      <c r="B63232" s="14" t="s">
        <v>1</v>
      </c>
      <c r="C63232" s="14" t="s">
        <v>23</v>
      </c>
      <c r="D63232" s="14" t="s">
        <v>197</v>
      </c>
      <c r="E63232" s="15">
        <v>45463</v>
      </c>
      <c r="F63232" s="14" t="s">
        <v>15</v>
      </c>
      <c r="G63232" s="16">
        <v>1.2780321525149143</v>
      </c>
    </row>
    <row r="63233" spans="1:7" x14ac:dyDescent="0.3">
      <c r="A63233" s="13" t="s">
        <v>340</v>
      </c>
      <c r="B63233" s="14" t="s">
        <v>1</v>
      </c>
      <c r="C63233" s="14" t="s">
        <v>23</v>
      </c>
      <c r="D63233" s="14" t="s">
        <v>197</v>
      </c>
      <c r="E63233" s="15">
        <v>45464</v>
      </c>
      <c r="F63233" s="14" t="s">
        <v>15</v>
      </c>
      <c r="G63233" s="16">
        <v>1.3102882506363274</v>
      </c>
    </row>
    <row r="63234" spans="1:7" x14ac:dyDescent="0.3">
      <c r="A63234" s="13" t="s">
        <v>340</v>
      </c>
      <c r="B63234" s="14" t="s">
        <v>1</v>
      </c>
      <c r="C63234" s="14" t="s">
        <v>23</v>
      </c>
      <c r="D63234" s="14" t="s">
        <v>197</v>
      </c>
      <c r="E63234" s="15">
        <v>45465</v>
      </c>
      <c r="F63234" s="14" t="s">
        <v>15</v>
      </c>
      <c r="G63234" s="16">
        <v>1.3102882506363274</v>
      </c>
    </row>
    <row r="63235" spans="1:7" x14ac:dyDescent="0.3">
      <c r="A63235" s="13" t="s">
        <v>340</v>
      </c>
      <c r="B63235" s="14" t="s">
        <v>1</v>
      </c>
      <c r="C63235" s="14" t="s">
        <v>23</v>
      </c>
      <c r="D63235" s="14" t="s">
        <v>197</v>
      </c>
      <c r="E63235" s="15">
        <v>45466</v>
      </c>
      <c r="F63235" s="14" t="s">
        <v>15</v>
      </c>
      <c r="G63235" s="16">
        <v>1.3102882506363274</v>
      </c>
    </row>
    <row r="63236" spans="1:7" x14ac:dyDescent="0.3">
      <c r="A63236" s="13" t="s">
        <v>340</v>
      </c>
      <c r="B63236" s="14" t="s">
        <v>1</v>
      </c>
      <c r="C63236" s="14" t="s">
        <v>23</v>
      </c>
      <c r="D63236" s="14" t="s">
        <v>197</v>
      </c>
      <c r="E63236" s="15">
        <v>45467</v>
      </c>
      <c r="F63236" s="14" t="s">
        <v>15</v>
      </c>
      <c r="G63236" s="16">
        <v>1.3254738829366428</v>
      </c>
    </row>
    <row r="63237" spans="1:7" x14ac:dyDescent="0.3">
      <c r="A63237" s="13" t="s">
        <v>340</v>
      </c>
      <c r="B63237" s="14" t="s">
        <v>1</v>
      </c>
      <c r="C63237" s="14" t="s">
        <v>23</v>
      </c>
      <c r="D63237" s="14" t="s">
        <v>197</v>
      </c>
      <c r="E63237" s="15">
        <v>45468</v>
      </c>
      <c r="F63237" s="14" t="s">
        <v>15</v>
      </c>
      <c r="G63237" s="16">
        <v>1.3739749626214215</v>
      </c>
    </row>
    <row r="63238" spans="1:7" x14ac:dyDescent="0.3">
      <c r="A63238" s="13" t="s">
        <v>340</v>
      </c>
      <c r="B63238" s="14" t="s">
        <v>1</v>
      </c>
      <c r="C63238" s="14" t="s">
        <v>23</v>
      </c>
      <c r="D63238" s="14" t="s">
        <v>197</v>
      </c>
      <c r="E63238" s="15">
        <v>45469</v>
      </c>
      <c r="F63238" s="14" t="s">
        <v>15</v>
      </c>
      <c r="G63238" s="16">
        <v>1.3878982762597898</v>
      </c>
    </row>
    <row r="63239" spans="1:7" x14ac:dyDescent="0.3">
      <c r="A63239" s="13" t="s">
        <v>340</v>
      </c>
      <c r="B63239" s="14" t="s">
        <v>1</v>
      </c>
      <c r="C63239" s="14" t="s">
        <v>23</v>
      </c>
      <c r="D63239" s="14" t="s">
        <v>197</v>
      </c>
      <c r="E63239" s="15">
        <v>45470</v>
      </c>
      <c r="F63239" s="14" t="s">
        <v>15</v>
      </c>
      <c r="G63239" s="16">
        <v>1.4029549689820155</v>
      </c>
    </row>
    <row r="63240" spans="1:7" x14ac:dyDescent="0.3">
      <c r="A63240" s="13" t="s">
        <v>340</v>
      </c>
      <c r="B63240" s="14" t="s">
        <v>1</v>
      </c>
      <c r="C63240" s="14" t="s">
        <v>23</v>
      </c>
      <c r="D63240" s="14" t="s">
        <v>197</v>
      </c>
      <c r="E63240" s="15">
        <v>45471</v>
      </c>
      <c r="F63240" s="14" t="s">
        <v>15</v>
      </c>
      <c r="G63240" s="16">
        <v>1.4180810205810044</v>
      </c>
    </row>
    <row r="63241" spans="1:7" x14ac:dyDescent="0.3">
      <c r="A63241" s="13" t="s">
        <v>340</v>
      </c>
      <c r="B63241" s="14" t="s">
        <v>1</v>
      </c>
      <c r="C63241" s="14" t="s">
        <v>23</v>
      </c>
      <c r="D63241" s="14" t="s">
        <v>197</v>
      </c>
      <c r="E63241" s="15">
        <v>45472</v>
      </c>
      <c r="F63241" s="14" t="s">
        <v>15</v>
      </c>
      <c r="G63241" s="16">
        <v>1.4180810205810044</v>
      </c>
    </row>
    <row r="63242" spans="1:7" x14ac:dyDescent="0.3">
      <c r="A63242" s="13" t="s">
        <v>340</v>
      </c>
      <c r="B63242" s="14" t="s">
        <v>1</v>
      </c>
      <c r="C63242" s="14" t="s">
        <v>23</v>
      </c>
      <c r="D63242" s="14" t="s">
        <v>197</v>
      </c>
      <c r="E63242" s="15">
        <v>45473</v>
      </c>
      <c r="F63242" s="14" t="s">
        <v>15</v>
      </c>
      <c r="G63242" s="16">
        <v>1.4180810205810044</v>
      </c>
    </row>
    <row r="63243" spans="1:7" x14ac:dyDescent="0.3">
      <c r="A63243" s="13" t="s">
        <v>340</v>
      </c>
      <c r="B63243" s="14" t="s">
        <v>1</v>
      </c>
      <c r="C63243" s="14" t="s">
        <v>23</v>
      </c>
      <c r="D63243" s="14" t="s">
        <v>197</v>
      </c>
      <c r="E63243" s="15">
        <v>45474</v>
      </c>
      <c r="F63243" s="14" t="s">
        <v>15</v>
      </c>
      <c r="G63243" s="16">
        <v>1.4333500046895695</v>
      </c>
    </row>
    <row r="63244" spans="1:7" x14ac:dyDescent="0.3">
      <c r="A63244" s="13" t="s">
        <v>340</v>
      </c>
      <c r="B63244" s="14" t="s">
        <v>1</v>
      </c>
      <c r="C63244" s="14" t="s">
        <v>23</v>
      </c>
      <c r="D63244" s="14" t="s">
        <v>197</v>
      </c>
      <c r="E63244" s="15">
        <v>45475</v>
      </c>
      <c r="F63244" s="14" t="s">
        <v>15</v>
      </c>
      <c r="G63244" s="16">
        <v>1.4799528220393245</v>
      </c>
    </row>
    <row r="63245" spans="1:7" x14ac:dyDescent="0.3">
      <c r="A63245" s="13" t="s">
        <v>340</v>
      </c>
      <c r="B63245" s="14" t="s">
        <v>1</v>
      </c>
      <c r="C63245" s="14" t="s">
        <v>23</v>
      </c>
      <c r="D63245" s="14" t="s">
        <v>197</v>
      </c>
      <c r="E63245" s="15">
        <v>45476</v>
      </c>
      <c r="F63245" s="14" t="s">
        <v>15</v>
      </c>
      <c r="G63245" s="16">
        <v>1.4953425348560285</v>
      </c>
    </row>
    <row r="63246" spans="1:7" x14ac:dyDescent="0.3">
      <c r="A63246" s="13" t="s">
        <v>340</v>
      </c>
      <c r="B63246" s="14" t="s">
        <v>1</v>
      </c>
      <c r="C63246" s="14" t="s">
        <v>23</v>
      </c>
      <c r="D63246" s="14" t="s">
        <v>197</v>
      </c>
      <c r="E63246" s="15">
        <v>45477</v>
      </c>
      <c r="F63246" s="14" t="s">
        <v>15</v>
      </c>
      <c r="G63246" s="16">
        <v>1.4953425348560285</v>
      </c>
    </row>
    <row r="63247" spans="1:7" x14ac:dyDescent="0.3">
      <c r="A63247" s="13" t="s">
        <v>340</v>
      </c>
      <c r="B63247" s="14" t="s">
        <v>1</v>
      </c>
      <c r="C63247" s="14" t="s">
        <v>23</v>
      </c>
      <c r="D63247" s="14" t="s">
        <v>197</v>
      </c>
      <c r="E63247" s="15">
        <v>45478</v>
      </c>
      <c r="F63247" s="14" t="s">
        <v>15</v>
      </c>
      <c r="G63247" s="16">
        <v>1.5108768365430592</v>
      </c>
    </row>
    <row r="63248" spans="1:7" x14ac:dyDescent="0.3">
      <c r="A63248" s="13" t="s">
        <v>340</v>
      </c>
      <c r="B63248" s="14" t="s">
        <v>1</v>
      </c>
      <c r="C63248" s="14" t="s">
        <v>23</v>
      </c>
      <c r="D63248" s="14" t="s">
        <v>197</v>
      </c>
      <c r="E63248" s="15">
        <v>45479</v>
      </c>
      <c r="F63248" s="14" t="s">
        <v>15</v>
      </c>
      <c r="G63248" s="16">
        <v>1.5108768365430592</v>
      </c>
    </row>
    <row r="63249" spans="1:7" x14ac:dyDescent="0.3">
      <c r="A63249" s="13" t="s">
        <v>340</v>
      </c>
      <c r="B63249" s="14" t="s">
        <v>1</v>
      </c>
      <c r="C63249" s="14" t="s">
        <v>23</v>
      </c>
      <c r="D63249" s="14" t="s">
        <v>197</v>
      </c>
      <c r="E63249" s="15">
        <v>45480</v>
      </c>
      <c r="F63249" s="14" t="s">
        <v>15</v>
      </c>
      <c r="G63249" s="16">
        <v>1.5108768365430592</v>
      </c>
    </row>
    <row r="63250" spans="1:7" x14ac:dyDescent="0.3">
      <c r="A63250" s="13" t="s">
        <v>340</v>
      </c>
      <c r="B63250" s="14" t="s">
        <v>1</v>
      </c>
      <c r="C63250" s="14" t="s">
        <v>23</v>
      </c>
      <c r="D63250" s="14" t="s">
        <v>197</v>
      </c>
      <c r="E63250" s="15">
        <v>45481</v>
      </c>
      <c r="F63250" s="14" t="s">
        <v>15</v>
      </c>
      <c r="G63250" s="16">
        <v>1.5697650929875033</v>
      </c>
    </row>
    <row r="63251" spans="1:7" x14ac:dyDescent="0.3">
      <c r="A63251" s="13" t="s">
        <v>340</v>
      </c>
      <c r="B63251" s="14" t="s">
        <v>1</v>
      </c>
      <c r="C63251" s="14" t="s">
        <v>23</v>
      </c>
      <c r="D63251" s="14" t="s">
        <v>197</v>
      </c>
      <c r="E63251" s="15">
        <v>45482</v>
      </c>
      <c r="F63251" s="14" t="s">
        <v>15</v>
      </c>
      <c r="G63251" s="16">
        <v>1.6169315137041371</v>
      </c>
    </row>
    <row r="63252" spans="1:7" x14ac:dyDescent="0.3">
      <c r="A63252" s="13" t="s">
        <v>340</v>
      </c>
      <c r="B63252" s="14" t="s">
        <v>1</v>
      </c>
      <c r="C63252" s="14" t="s">
        <v>23</v>
      </c>
      <c r="D63252" s="14" t="s">
        <v>197</v>
      </c>
      <c r="E63252" s="15">
        <v>45483</v>
      </c>
      <c r="F63252" s="14" t="s">
        <v>15</v>
      </c>
      <c r="G63252" s="16">
        <v>1.6336784252811172</v>
      </c>
    </row>
    <row r="63253" spans="1:7" x14ac:dyDescent="0.3">
      <c r="A63253" s="13" t="s">
        <v>340</v>
      </c>
      <c r="B63253" s="14" t="s">
        <v>1</v>
      </c>
      <c r="C63253" s="14" t="s">
        <v>23</v>
      </c>
      <c r="D63253" s="14" t="s">
        <v>197</v>
      </c>
      <c r="E63253" s="15">
        <v>45484</v>
      </c>
      <c r="F63253" s="14" t="s">
        <v>15</v>
      </c>
      <c r="G63253" s="16">
        <v>1.6494063631788263</v>
      </c>
    </row>
    <row r="63254" spans="1:7" x14ac:dyDescent="0.3">
      <c r="A63254" s="13" t="s">
        <v>340</v>
      </c>
      <c r="B63254" s="14" t="s">
        <v>1</v>
      </c>
      <c r="C63254" s="14" t="s">
        <v>23</v>
      </c>
      <c r="D63254" s="14" t="s">
        <v>197</v>
      </c>
      <c r="E63254" s="15">
        <v>45485</v>
      </c>
      <c r="F63254" s="14" t="s">
        <v>15</v>
      </c>
      <c r="G63254" s="16">
        <v>1.6658208671435917</v>
      </c>
    </row>
    <row r="63255" spans="1:7" x14ac:dyDescent="0.3">
      <c r="A63255" s="13" t="s">
        <v>340</v>
      </c>
      <c r="B63255" s="14" t="s">
        <v>1</v>
      </c>
      <c r="C63255" s="14" t="s">
        <v>23</v>
      </c>
      <c r="D63255" s="14" t="s">
        <v>197</v>
      </c>
      <c r="E63255" s="15">
        <v>45486</v>
      </c>
      <c r="F63255" s="14" t="s">
        <v>15</v>
      </c>
      <c r="G63255" s="16">
        <v>1.6658208671435917</v>
      </c>
    </row>
    <row r="63256" spans="1:7" x14ac:dyDescent="0.3">
      <c r="A63256" s="13" t="s">
        <v>340</v>
      </c>
      <c r="B63256" s="14" t="s">
        <v>1</v>
      </c>
      <c r="C63256" s="14" t="s">
        <v>23</v>
      </c>
      <c r="D63256" s="14" t="s">
        <v>197</v>
      </c>
      <c r="E63256" s="15">
        <v>45487</v>
      </c>
      <c r="F63256" s="14" t="s">
        <v>15</v>
      </c>
      <c r="G63256" s="16">
        <v>1.6658208671435917</v>
      </c>
    </row>
    <row r="63257" spans="1:7" x14ac:dyDescent="0.3">
      <c r="A63257" s="13" t="s">
        <v>340</v>
      </c>
      <c r="B63257" s="14" t="s">
        <v>1</v>
      </c>
      <c r="C63257" s="14" t="s">
        <v>23</v>
      </c>
      <c r="D63257" s="14" t="s">
        <v>197</v>
      </c>
      <c r="E63257" s="15">
        <v>45488</v>
      </c>
      <c r="F63257" s="14" t="s">
        <v>15</v>
      </c>
      <c r="G63257" s="16">
        <v>1.6809683264300042</v>
      </c>
    </row>
    <row r="63258" spans="1:7" x14ac:dyDescent="0.3">
      <c r="A63258" s="13" t="s">
        <v>340</v>
      </c>
      <c r="B63258" s="14" t="s">
        <v>1</v>
      </c>
      <c r="C63258" s="14" t="s">
        <v>23</v>
      </c>
      <c r="D63258" s="14" t="s">
        <v>197</v>
      </c>
      <c r="E63258" s="15">
        <v>45489</v>
      </c>
      <c r="F63258" s="14" t="s">
        <v>15</v>
      </c>
      <c r="G63258" s="16">
        <v>1.7268521357384341</v>
      </c>
    </row>
    <row r="63259" spans="1:7" x14ac:dyDescent="0.3">
      <c r="A63259" s="13" t="s">
        <v>340</v>
      </c>
      <c r="B63259" s="14" t="s">
        <v>1</v>
      </c>
      <c r="C63259" s="14" t="s">
        <v>23</v>
      </c>
      <c r="D63259" s="14" t="s">
        <v>197</v>
      </c>
      <c r="E63259" s="15">
        <v>45490</v>
      </c>
      <c r="F63259" s="14" t="s">
        <v>15</v>
      </c>
      <c r="G63259" s="16">
        <v>1.7420631338067298</v>
      </c>
    </row>
    <row r="63260" spans="1:7" x14ac:dyDescent="0.3">
      <c r="A63260" s="13" t="s">
        <v>340</v>
      </c>
      <c r="B63260" s="14" t="s">
        <v>1</v>
      </c>
      <c r="C63260" s="14" t="s">
        <v>23</v>
      </c>
      <c r="D63260" s="14" t="s">
        <v>197</v>
      </c>
      <c r="E63260" s="15">
        <v>45491</v>
      </c>
      <c r="F63260" s="14" t="s">
        <v>15</v>
      </c>
      <c r="G63260" s="16">
        <v>1.7572682885813908</v>
      </c>
    </row>
    <row r="63261" spans="1:7" x14ac:dyDescent="0.3">
      <c r="A63261" s="13" t="s">
        <v>340</v>
      </c>
      <c r="B63261" s="14" t="s">
        <v>1</v>
      </c>
      <c r="C63261" s="14" t="s">
        <v>23</v>
      </c>
      <c r="D63261" s="14" t="s">
        <v>197</v>
      </c>
      <c r="E63261" s="15">
        <v>45492</v>
      </c>
      <c r="F63261" s="14" t="s">
        <v>15</v>
      </c>
      <c r="G63261" s="16">
        <v>1.7724469693574738</v>
      </c>
    </row>
    <row r="63262" spans="1:7" x14ac:dyDescent="0.3">
      <c r="A63262" s="13" t="s">
        <v>340</v>
      </c>
      <c r="B63262" s="14" t="s">
        <v>1</v>
      </c>
      <c r="C63262" s="14" t="s">
        <v>23</v>
      </c>
      <c r="D63262" s="14" t="s">
        <v>197</v>
      </c>
      <c r="E63262" s="15">
        <v>45493</v>
      </c>
      <c r="F63262" s="14" t="s">
        <v>15</v>
      </c>
      <c r="G63262" s="16">
        <v>1.7724469693574738</v>
      </c>
    </row>
    <row r="63263" spans="1:7" x14ac:dyDescent="0.3">
      <c r="A63263" s="13" t="s">
        <v>340</v>
      </c>
      <c r="B63263" s="14" t="s">
        <v>1</v>
      </c>
      <c r="C63263" s="14" t="s">
        <v>23</v>
      </c>
      <c r="D63263" s="14" t="s">
        <v>197</v>
      </c>
      <c r="E63263" s="15">
        <v>45494</v>
      </c>
      <c r="F63263" s="14" t="s">
        <v>15</v>
      </c>
      <c r="G63263" s="16">
        <v>1.7724469693574738</v>
      </c>
    </row>
    <row r="63264" spans="1:7" x14ac:dyDescent="0.3">
      <c r="A63264" s="13" t="s">
        <v>340</v>
      </c>
      <c r="B63264" s="14" t="s">
        <v>1</v>
      </c>
      <c r="C63264" s="14" t="s">
        <v>23</v>
      </c>
      <c r="D63264" s="14" t="s">
        <v>197</v>
      </c>
      <c r="E63264" s="15">
        <v>45495</v>
      </c>
      <c r="F63264" s="14" t="s">
        <v>15</v>
      </c>
      <c r="G63264" s="16">
        <v>1.7875526777565107</v>
      </c>
    </row>
    <row r="63265" spans="1:7" x14ac:dyDescent="0.3">
      <c r="A63265" s="13" t="s">
        <v>340</v>
      </c>
      <c r="B63265" s="14" t="s">
        <v>1</v>
      </c>
      <c r="C63265" s="14" t="s">
        <v>23</v>
      </c>
      <c r="D63265" s="14" t="s">
        <v>197</v>
      </c>
      <c r="E63265" s="15">
        <v>45496</v>
      </c>
      <c r="F63265" s="14" t="s">
        <v>15</v>
      </c>
      <c r="G63265" s="16">
        <v>1.832610052845782</v>
      </c>
    </row>
    <row r="63266" spans="1:7" x14ac:dyDescent="0.3">
      <c r="A63266" s="13" t="s">
        <v>340</v>
      </c>
      <c r="B63266" s="14" t="s">
        <v>1</v>
      </c>
      <c r="C63266" s="14" t="s">
        <v>23</v>
      </c>
      <c r="D63266" s="14" t="s">
        <v>197</v>
      </c>
      <c r="E63266" s="15">
        <v>45497</v>
      </c>
      <c r="F63266" s="14" t="s">
        <v>15</v>
      </c>
      <c r="G63266" s="16">
        <v>1.8497098006760959</v>
      </c>
    </row>
    <row r="63267" spans="1:7" x14ac:dyDescent="0.3">
      <c r="A63267" s="13" t="s">
        <v>340</v>
      </c>
      <c r="B63267" s="14" t="s">
        <v>1</v>
      </c>
      <c r="C63267" s="14" t="s">
        <v>23</v>
      </c>
      <c r="D63267" s="14" t="s">
        <v>197</v>
      </c>
      <c r="E63267" s="15">
        <v>45498</v>
      </c>
      <c r="F63267" s="14" t="s">
        <v>15</v>
      </c>
      <c r="G63267" s="16">
        <v>1.8641048083429324</v>
      </c>
    </row>
    <row r="63268" spans="1:7" x14ac:dyDescent="0.3">
      <c r="A63268" s="13" t="s">
        <v>340</v>
      </c>
      <c r="B63268" s="14" t="s">
        <v>1</v>
      </c>
      <c r="C63268" s="14" t="s">
        <v>23</v>
      </c>
      <c r="D63268" s="14" t="s">
        <v>197</v>
      </c>
      <c r="E63268" s="15">
        <v>45499</v>
      </c>
      <c r="F63268" s="14" t="s">
        <v>15</v>
      </c>
      <c r="G63268" s="16">
        <v>1.8785632849300764</v>
      </c>
    </row>
    <row r="63269" spans="1:7" x14ac:dyDescent="0.3">
      <c r="A63269" s="13" t="s">
        <v>340</v>
      </c>
      <c r="B63269" s="14" t="s">
        <v>1</v>
      </c>
      <c r="C63269" s="14" t="s">
        <v>23</v>
      </c>
      <c r="D63269" s="14" t="s">
        <v>197</v>
      </c>
      <c r="E63269" s="15">
        <v>45500</v>
      </c>
      <c r="F63269" s="14" t="s">
        <v>15</v>
      </c>
      <c r="G63269" s="16">
        <v>1.8785632849300764</v>
      </c>
    </row>
    <row r="63270" spans="1:7" x14ac:dyDescent="0.3">
      <c r="A63270" s="13" t="s">
        <v>340</v>
      </c>
      <c r="B63270" s="14" t="s">
        <v>1</v>
      </c>
      <c r="C63270" s="14" t="s">
        <v>23</v>
      </c>
      <c r="D63270" s="14" t="s">
        <v>197</v>
      </c>
      <c r="E63270" s="15">
        <v>45501</v>
      </c>
      <c r="F63270" s="14" t="s">
        <v>15</v>
      </c>
      <c r="G63270" s="16">
        <v>1.8785632849300764</v>
      </c>
    </row>
    <row r="63271" spans="1:7" x14ac:dyDescent="0.3">
      <c r="A63271" s="13" t="s">
        <v>340</v>
      </c>
      <c r="B63271" s="14" t="s">
        <v>1</v>
      </c>
      <c r="C63271" s="14" t="s">
        <v>23</v>
      </c>
      <c r="D63271" s="14" t="s">
        <v>197</v>
      </c>
      <c r="E63271" s="15">
        <v>45502</v>
      </c>
      <c r="F63271" s="14" t="s">
        <v>15</v>
      </c>
      <c r="G63271" s="16">
        <v>1.8930381986752589</v>
      </c>
    </row>
    <row r="63272" spans="1:7" x14ac:dyDescent="0.3">
      <c r="A63272" s="13" t="s">
        <v>340</v>
      </c>
      <c r="B63272" s="14" t="s">
        <v>1</v>
      </c>
      <c r="C63272" s="14" t="s">
        <v>23</v>
      </c>
      <c r="D63272" s="14" t="s">
        <v>197</v>
      </c>
      <c r="E63272" s="15">
        <v>45503</v>
      </c>
      <c r="F63272" s="14" t="s">
        <v>15</v>
      </c>
      <c r="G63272" s="16">
        <v>1.9365137323347115</v>
      </c>
    </row>
    <row r="63273" spans="1:7" x14ac:dyDescent="0.3">
      <c r="A63273" s="13" t="s">
        <v>340</v>
      </c>
      <c r="B63273" s="14" t="s">
        <v>1</v>
      </c>
      <c r="C63273" s="14" t="s">
        <v>23</v>
      </c>
      <c r="D63273" s="14" t="s">
        <v>197</v>
      </c>
      <c r="E63273" s="15">
        <v>45504</v>
      </c>
      <c r="F63273" s="14" t="s">
        <v>15</v>
      </c>
      <c r="G63273" s="16">
        <v>1.9524812167908874</v>
      </c>
    </row>
    <row r="63274" spans="1:7" x14ac:dyDescent="0.3">
      <c r="A63274" s="13" t="s">
        <v>340</v>
      </c>
      <c r="B63274" s="14" t="s">
        <v>1</v>
      </c>
      <c r="C63274" s="14" t="s">
        <v>23</v>
      </c>
      <c r="D63274" s="14" t="s">
        <v>197</v>
      </c>
      <c r="E63274" s="15">
        <v>45505</v>
      </c>
      <c r="F63274" s="14" t="s">
        <v>15</v>
      </c>
      <c r="G63274" s="16">
        <v>1.9580824330461675</v>
      </c>
    </row>
    <row r="63275" spans="1:7" x14ac:dyDescent="0.3">
      <c r="A63275" s="13" t="s">
        <v>340</v>
      </c>
      <c r="B63275" s="14" t="s">
        <v>1</v>
      </c>
      <c r="C63275" s="14" t="s">
        <v>23</v>
      </c>
      <c r="D63275" s="14" t="s">
        <v>197</v>
      </c>
      <c r="E63275" s="15">
        <v>45506</v>
      </c>
      <c r="F63275" s="14" t="s">
        <v>15</v>
      </c>
      <c r="G63275" s="16">
        <v>1.9636988817329355</v>
      </c>
    </row>
    <row r="63276" spans="1:7" x14ac:dyDescent="0.3">
      <c r="A63276" s="13" t="s">
        <v>340</v>
      </c>
      <c r="B63276" s="14" t="s">
        <v>1</v>
      </c>
      <c r="C63276" s="14" t="s">
        <v>23</v>
      </c>
      <c r="D63276" s="14" t="s">
        <v>197</v>
      </c>
      <c r="E63276" s="15">
        <v>45507</v>
      </c>
      <c r="F63276" s="14" t="s">
        <v>15</v>
      </c>
      <c r="G63276" s="16">
        <v>1.9636988817329355</v>
      </c>
    </row>
    <row r="63277" spans="1:7" x14ac:dyDescent="0.3">
      <c r="A63277" s="13" t="s">
        <v>340</v>
      </c>
      <c r="B63277" s="14" t="s">
        <v>1</v>
      </c>
      <c r="C63277" s="14" t="s">
        <v>23</v>
      </c>
      <c r="D63277" s="14" t="s">
        <v>197</v>
      </c>
      <c r="E63277" s="15">
        <v>45508</v>
      </c>
      <c r="F63277" s="14" t="s">
        <v>15</v>
      </c>
      <c r="G63277" s="16">
        <v>1.9636988817329355</v>
      </c>
    </row>
    <row r="63278" spans="1:7" x14ac:dyDescent="0.3">
      <c r="A63278" s="13" t="s">
        <v>340</v>
      </c>
      <c r="B63278" s="14" t="s">
        <v>1</v>
      </c>
      <c r="C63278" s="14" t="s">
        <v>23</v>
      </c>
      <c r="D63278" s="14" t="s">
        <v>197</v>
      </c>
      <c r="E63278" s="15">
        <v>45509</v>
      </c>
      <c r="F63278" s="14" t="s">
        <v>15</v>
      </c>
      <c r="G63278" s="16">
        <v>1.9636988817329355</v>
      </c>
    </row>
    <row r="63279" spans="1:7" x14ac:dyDescent="0.3">
      <c r="A63279" s="13" t="s">
        <v>340</v>
      </c>
      <c r="B63279" s="14" t="s">
        <v>1</v>
      </c>
      <c r="C63279" s="14" t="s">
        <v>23</v>
      </c>
      <c r="D63279" s="14" t="s">
        <v>197</v>
      </c>
      <c r="E63279" s="15">
        <v>45510</v>
      </c>
      <c r="F63279" s="14" t="s">
        <v>15</v>
      </c>
      <c r="G63279" s="16">
        <v>1.9774136244121017</v>
      </c>
    </row>
    <row r="63280" spans="1:7" x14ac:dyDescent="0.3">
      <c r="A63280" s="13" t="s">
        <v>340</v>
      </c>
      <c r="B63280" s="14" t="s">
        <v>1</v>
      </c>
      <c r="C63280" s="14" t="s">
        <v>23</v>
      </c>
      <c r="D63280" s="14" t="s">
        <v>197</v>
      </c>
      <c r="E63280" s="15">
        <v>45511</v>
      </c>
      <c r="F63280" s="14" t="s">
        <v>15</v>
      </c>
      <c r="G63280" s="16">
        <v>2.0530524323210262</v>
      </c>
    </row>
    <row r="63281" spans="1:7" x14ac:dyDescent="0.3">
      <c r="A63281" s="13" t="s">
        <v>340</v>
      </c>
      <c r="B63281" s="14" t="s">
        <v>1</v>
      </c>
      <c r="C63281" s="14" t="s">
        <v>23</v>
      </c>
      <c r="D63281" s="14" t="s">
        <v>197</v>
      </c>
      <c r="E63281" s="15">
        <v>45512</v>
      </c>
      <c r="F63281" s="14" t="s">
        <v>15</v>
      </c>
      <c r="G63281" s="16">
        <v>2.0615803356872595</v>
      </c>
    </row>
    <row r="63282" spans="1:7" x14ac:dyDescent="0.3">
      <c r="A63282" s="13" t="s">
        <v>340</v>
      </c>
      <c r="B63282" s="14" t="s">
        <v>1</v>
      </c>
      <c r="C63282" s="14" t="s">
        <v>23</v>
      </c>
      <c r="D63282" s="14" t="s">
        <v>197</v>
      </c>
      <c r="E63282" s="15">
        <v>45513</v>
      </c>
      <c r="F63282" s="14" t="s">
        <v>15</v>
      </c>
      <c r="G63282" s="16">
        <v>2.0750951257318686</v>
      </c>
    </row>
    <row r="63283" spans="1:7" x14ac:dyDescent="0.3">
      <c r="A63283" s="13" t="s">
        <v>340</v>
      </c>
      <c r="B63283" s="14" t="s">
        <v>1</v>
      </c>
      <c r="C63283" s="14" t="s">
        <v>23</v>
      </c>
      <c r="D63283" s="14" t="s">
        <v>197</v>
      </c>
      <c r="E63283" s="15">
        <v>45514</v>
      </c>
      <c r="F63283" s="14" t="s">
        <v>15</v>
      </c>
      <c r="G63283" s="16">
        <v>2.0750951257318686</v>
      </c>
    </row>
    <row r="63284" spans="1:7" x14ac:dyDescent="0.3">
      <c r="A63284" s="13" t="s">
        <v>340</v>
      </c>
      <c r="B63284" s="14" t="s">
        <v>1</v>
      </c>
      <c r="C63284" s="14" t="s">
        <v>23</v>
      </c>
      <c r="D63284" s="14" t="s">
        <v>197</v>
      </c>
      <c r="E63284" s="15">
        <v>45515</v>
      </c>
      <c r="F63284" s="14" t="s">
        <v>15</v>
      </c>
      <c r="G63284" s="16">
        <v>2.0750951257318686</v>
      </c>
    </row>
    <row r="63285" spans="1:7" x14ac:dyDescent="0.3">
      <c r="A63285" s="13" t="s">
        <v>340</v>
      </c>
      <c r="B63285" s="14" t="s">
        <v>1</v>
      </c>
      <c r="C63285" s="14" t="s">
        <v>23</v>
      </c>
      <c r="D63285" s="14" t="s">
        <v>197</v>
      </c>
      <c r="E63285" s="15">
        <v>45516</v>
      </c>
      <c r="F63285" s="14" t="s">
        <v>15</v>
      </c>
      <c r="G63285" s="16">
        <v>2.0895682923528911</v>
      </c>
    </row>
    <row r="63286" spans="1:7" x14ac:dyDescent="0.3">
      <c r="A63286" s="13" t="s">
        <v>340</v>
      </c>
      <c r="B63286" s="14" t="s">
        <v>1</v>
      </c>
      <c r="C63286" s="14" t="s">
        <v>23</v>
      </c>
      <c r="D63286" s="14" t="s">
        <v>197</v>
      </c>
      <c r="E63286" s="15">
        <v>45517</v>
      </c>
      <c r="F63286" s="14" t="s">
        <v>15</v>
      </c>
      <c r="G63286" s="16">
        <v>2.1333543887891921</v>
      </c>
    </row>
    <row r="63287" spans="1:7" x14ac:dyDescent="0.3">
      <c r="A63287" s="13" t="s">
        <v>340</v>
      </c>
      <c r="B63287" s="14" t="s">
        <v>1</v>
      </c>
      <c r="C63287" s="14" t="s">
        <v>23</v>
      </c>
      <c r="D63287" s="14" t="s">
        <v>197</v>
      </c>
      <c r="E63287" s="15">
        <v>45518</v>
      </c>
      <c r="F63287" s="14" t="s">
        <v>15</v>
      </c>
      <c r="G63287" s="16">
        <v>2.1477040618806837</v>
      </c>
    </row>
    <row r="63288" spans="1:7" x14ac:dyDescent="0.3">
      <c r="A63288" s="13" t="s">
        <v>340</v>
      </c>
      <c r="B63288" s="14" t="s">
        <v>1</v>
      </c>
      <c r="C63288" s="14" t="s">
        <v>23</v>
      </c>
      <c r="D63288" s="14" t="s">
        <v>197</v>
      </c>
      <c r="E63288" s="15">
        <v>45519</v>
      </c>
      <c r="F63288" s="14" t="s">
        <v>15</v>
      </c>
      <c r="G63288" s="16">
        <v>2.1561945373783362</v>
      </c>
    </row>
    <row r="63289" spans="1:7" x14ac:dyDescent="0.3">
      <c r="A63289" s="13" t="s">
        <v>340</v>
      </c>
      <c r="B63289" s="14" t="s">
        <v>1</v>
      </c>
      <c r="C63289" s="14" t="s">
        <v>23</v>
      </c>
      <c r="D63289" s="14" t="s">
        <v>197</v>
      </c>
      <c r="E63289" s="15">
        <v>45520</v>
      </c>
      <c r="F63289" s="14" t="s">
        <v>15</v>
      </c>
      <c r="G63289" s="16">
        <v>2.17086029800361</v>
      </c>
    </row>
    <row r="63290" spans="1:7" x14ac:dyDescent="0.3">
      <c r="A63290" s="13" t="s">
        <v>340</v>
      </c>
      <c r="B63290" s="14" t="s">
        <v>1</v>
      </c>
      <c r="C63290" s="14" t="s">
        <v>23</v>
      </c>
      <c r="D63290" s="14" t="s">
        <v>197</v>
      </c>
      <c r="E63290" s="15">
        <v>45521</v>
      </c>
      <c r="F63290" s="14" t="s">
        <v>15</v>
      </c>
      <c r="G63290" s="16">
        <v>2.17086029800361</v>
      </c>
    </row>
    <row r="63291" spans="1:7" x14ac:dyDescent="0.3">
      <c r="A63291" s="13" t="s">
        <v>340</v>
      </c>
      <c r="B63291" s="14" t="s">
        <v>1</v>
      </c>
      <c r="C63291" s="14" t="s">
        <v>23</v>
      </c>
      <c r="D63291" s="14" t="s">
        <v>197</v>
      </c>
      <c r="E63291" s="15">
        <v>45522</v>
      </c>
      <c r="F63291" s="14" t="s">
        <v>15</v>
      </c>
      <c r="G63291" s="16">
        <v>2.17086029800361</v>
      </c>
    </row>
    <row r="63292" spans="1:7" x14ac:dyDescent="0.3">
      <c r="A63292" s="13" t="s">
        <v>340</v>
      </c>
      <c r="B63292" s="14" t="s">
        <v>1</v>
      </c>
      <c r="C63292" s="14" t="s">
        <v>23</v>
      </c>
      <c r="D63292" s="14" t="s">
        <v>197</v>
      </c>
      <c r="E63292" s="15">
        <v>45523</v>
      </c>
      <c r="F63292" s="14" t="s">
        <v>15</v>
      </c>
      <c r="G63292" s="16">
        <v>2.1855565836782462</v>
      </c>
    </row>
    <row r="63293" spans="1:7" x14ac:dyDescent="0.3">
      <c r="A63293" s="13" t="s">
        <v>340</v>
      </c>
      <c r="B63293" s="14" t="s">
        <v>1</v>
      </c>
      <c r="C63293" s="14" t="s">
        <v>23</v>
      </c>
      <c r="D63293" s="14" t="s">
        <v>197</v>
      </c>
      <c r="E63293" s="15">
        <v>45524</v>
      </c>
      <c r="F63293" s="14" t="s">
        <v>15</v>
      </c>
      <c r="G63293" s="16">
        <v>2.2304352183903284</v>
      </c>
    </row>
    <row r="63294" spans="1:7" x14ac:dyDescent="0.3">
      <c r="A63294" s="13" t="s">
        <v>340</v>
      </c>
      <c r="B63294" s="14" t="s">
        <v>1</v>
      </c>
      <c r="C63294" s="14" t="s">
        <v>23</v>
      </c>
      <c r="D63294" s="14" t="s">
        <v>197</v>
      </c>
      <c r="E63294" s="15">
        <v>45525</v>
      </c>
      <c r="F63294" s="14" t="s">
        <v>15</v>
      </c>
      <c r="G63294" s="16">
        <v>2.2401558214605819</v>
      </c>
    </row>
    <row r="63295" spans="1:7" x14ac:dyDescent="0.3">
      <c r="A63295" s="13" t="s">
        <v>340</v>
      </c>
      <c r="B63295" s="14" t="s">
        <v>1</v>
      </c>
      <c r="C63295" s="14" t="s">
        <v>23</v>
      </c>
      <c r="D63295" s="14" t="s">
        <v>197</v>
      </c>
      <c r="E63295" s="15">
        <v>45526</v>
      </c>
      <c r="F63295" s="14" t="s">
        <v>15</v>
      </c>
      <c r="G63295" s="16">
        <v>2.2548502044742369</v>
      </c>
    </row>
    <row r="63296" spans="1:7" x14ac:dyDescent="0.3">
      <c r="A63296" s="13" t="s">
        <v>340</v>
      </c>
      <c r="B63296" s="14" t="s">
        <v>1</v>
      </c>
      <c r="C63296" s="14" t="s">
        <v>23</v>
      </c>
      <c r="D63296" s="14" t="s">
        <v>197</v>
      </c>
      <c r="E63296" s="15">
        <v>45527</v>
      </c>
      <c r="F63296" s="14" t="s">
        <v>15</v>
      </c>
      <c r="G63296" s="16">
        <v>2.2694814117265634</v>
      </c>
    </row>
    <row r="63297" spans="1:7" x14ac:dyDescent="0.3">
      <c r="A63297" s="13" t="s">
        <v>340</v>
      </c>
      <c r="B63297" s="14" t="s">
        <v>1</v>
      </c>
      <c r="C63297" s="14" t="s">
        <v>23</v>
      </c>
      <c r="D63297" s="14" t="s">
        <v>197</v>
      </c>
      <c r="E63297" s="15">
        <v>45528</v>
      </c>
      <c r="F63297" s="14" t="s">
        <v>15</v>
      </c>
      <c r="G63297" s="16">
        <v>2.2694814117265634</v>
      </c>
    </row>
    <row r="63298" spans="1:7" x14ac:dyDescent="0.3">
      <c r="A63298" s="13" t="s">
        <v>340</v>
      </c>
      <c r="B63298" s="14" t="s">
        <v>1</v>
      </c>
      <c r="C63298" s="14" t="s">
        <v>23</v>
      </c>
      <c r="D63298" s="14" t="s">
        <v>197</v>
      </c>
      <c r="E63298" s="15">
        <v>45529</v>
      </c>
      <c r="F63298" s="14" t="s">
        <v>15</v>
      </c>
      <c r="G63298" s="16">
        <v>2.2694814117265634</v>
      </c>
    </row>
    <row r="63299" spans="1:7" x14ac:dyDescent="0.3">
      <c r="A63299" s="13" t="s">
        <v>340</v>
      </c>
      <c r="B63299" s="14" t="s">
        <v>1</v>
      </c>
      <c r="C63299" s="14" t="s">
        <v>23</v>
      </c>
      <c r="D63299" s="14" t="s">
        <v>197</v>
      </c>
      <c r="E63299" s="15">
        <v>45530</v>
      </c>
      <c r="F63299" s="14" t="s">
        <v>15</v>
      </c>
      <c r="G63299" s="16">
        <v>2.2845643339662374</v>
      </c>
    </row>
    <row r="63300" spans="1:7" x14ac:dyDescent="0.3">
      <c r="A63300" s="13" t="s">
        <v>340</v>
      </c>
      <c r="B63300" s="14" t="s">
        <v>1</v>
      </c>
      <c r="C63300" s="14" t="s">
        <v>23</v>
      </c>
      <c r="D63300" s="14" t="s">
        <v>197</v>
      </c>
      <c r="E63300" s="15">
        <v>45531</v>
      </c>
      <c r="F63300" s="14" t="s">
        <v>15</v>
      </c>
      <c r="G63300" s="16">
        <v>2.3288291475554521</v>
      </c>
    </row>
    <row r="63301" spans="1:7" x14ac:dyDescent="0.3">
      <c r="A63301" s="13" t="s">
        <v>340</v>
      </c>
      <c r="B63301" s="14" t="s">
        <v>1</v>
      </c>
      <c r="C63301" s="14" t="s">
        <v>23</v>
      </c>
      <c r="D63301" s="14" t="s">
        <v>197</v>
      </c>
      <c r="E63301" s="15">
        <v>45532</v>
      </c>
      <c r="F63301" s="14" t="s">
        <v>15</v>
      </c>
      <c r="G63301" s="16">
        <v>2.3441847409392236</v>
      </c>
    </row>
    <row r="63302" spans="1:7" x14ac:dyDescent="0.3">
      <c r="A63302" s="13" t="s">
        <v>340</v>
      </c>
      <c r="B63302" s="14" t="s">
        <v>1</v>
      </c>
      <c r="C63302" s="14" t="s">
        <v>23</v>
      </c>
      <c r="D63302" s="14" t="s">
        <v>197</v>
      </c>
      <c r="E63302" s="15">
        <v>45533</v>
      </c>
      <c r="F63302" s="14" t="s">
        <v>15</v>
      </c>
      <c r="G63302" s="16">
        <v>2.3584607683984542</v>
      </c>
    </row>
    <row r="63303" spans="1:7" x14ac:dyDescent="0.3">
      <c r="A63303" s="13" t="s">
        <v>340</v>
      </c>
      <c r="B63303" s="14" t="s">
        <v>1</v>
      </c>
      <c r="C63303" s="14" t="s">
        <v>23</v>
      </c>
      <c r="D63303" s="14" t="s">
        <v>197</v>
      </c>
      <c r="E63303" s="15">
        <v>45534</v>
      </c>
      <c r="F63303" s="14" t="s">
        <v>15</v>
      </c>
      <c r="G63303" s="16">
        <v>2.373100984044934</v>
      </c>
    </row>
    <row r="63304" spans="1:7" x14ac:dyDescent="0.3">
      <c r="A63304" s="13" t="s">
        <v>340</v>
      </c>
      <c r="B63304" s="14" t="s">
        <v>1</v>
      </c>
      <c r="C63304" s="14" t="s">
        <v>23</v>
      </c>
      <c r="D63304" s="14" t="s">
        <v>197</v>
      </c>
      <c r="E63304" s="15">
        <v>45535</v>
      </c>
      <c r="F63304" s="14" t="s">
        <v>15</v>
      </c>
      <c r="G63304" s="16">
        <v>2.373100984044934</v>
      </c>
    </row>
    <row r="63305" spans="1:7" x14ac:dyDescent="0.3">
      <c r="A63305" s="13" t="s">
        <v>340</v>
      </c>
      <c r="B63305" s="14" t="s">
        <v>1</v>
      </c>
      <c r="C63305" s="14" t="s">
        <v>23</v>
      </c>
      <c r="D63305" s="14" t="s">
        <v>197</v>
      </c>
      <c r="E63305" s="15">
        <v>45536</v>
      </c>
      <c r="F63305" s="14" t="s">
        <v>15</v>
      </c>
      <c r="G63305" s="16">
        <v>2.373100984044934</v>
      </c>
    </row>
    <row r="63306" spans="1:7" x14ac:dyDescent="0.3">
      <c r="A63306" s="13" t="s">
        <v>340</v>
      </c>
      <c r="B63306" s="14" t="s">
        <v>1</v>
      </c>
      <c r="C63306" s="14" t="s">
        <v>23</v>
      </c>
      <c r="D63306" s="14" t="s">
        <v>197</v>
      </c>
      <c r="E63306" s="15">
        <v>45537</v>
      </c>
      <c r="F63306" s="14" t="s">
        <v>15</v>
      </c>
      <c r="G63306" s="16">
        <v>2.373100984044934</v>
      </c>
    </row>
    <row r="63307" spans="1:7" x14ac:dyDescent="0.3">
      <c r="A63307" s="13" t="s">
        <v>340</v>
      </c>
      <c r="B63307" s="14" t="s">
        <v>1</v>
      </c>
      <c r="C63307" s="14" t="s">
        <v>23</v>
      </c>
      <c r="D63307" s="14" t="s">
        <v>197</v>
      </c>
      <c r="E63307" s="15">
        <v>45538</v>
      </c>
      <c r="F63307" s="14" t="s">
        <v>15</v>
      </c>
      <c r="G63307" s="16">
        <v>2.3879891462104719</v>
      </c>
    </row>
    <row r="63308" spans="1:7" x14ac:dyDescent="0.3">
      <c r="A63308" s="13" t="s">
        <v>340</v>
      </c>
      <c r="B63308" s="14" t="s">
        <v>1</v>
      </c>
      <c r="C63308" s="14" t="s">
        <v>23</v>
      </c>
      <c r="D63308" s="14" t="s">
        <v>197</v>
      </c>
      <c r="E63308" s="15">
        <v>45539</v>
      </c>
      <c r="F63308" s="14" t="s">
        <v>15</v>
      </c>
      <c r="G63308" s="16">
        <v>2.4370299328902072</v>
      </c>
    </row>
    <row r="63309" spans="1:7" x14ac:dyDescent="0.3">
      <c r="A63309" s="13" t="s">
        <v>340</v>
      </c>
      <c r="B63309" s="14" t="s">
        <v>1</v>
      </c>
      <c r="C63309" s="14" t="s">
        <v>23</v>
      </c>
      <c r="D63309" s="14" t="s">
        <v>197</v>
      </c>
      <c r="E63309" s="15">
        <v>45540</v>
      </c>
      <c r="F63309" s="14" t="s">
        <v>15</v>
      </c>
      <c r="G63309" s="16">
        <v>2.4519297095328487</v>
      </c>
    </row>
    <row r="63310" spans="1:7" x14ac:dyDescent="0.3">
      <c r="A63310" s="13" t="s">
        <v>340</v>
      </c>
      <c r="B63310" s="14" t="s">
        <v>1</v>
      </c>
      <c r="C63310" s="14" t="s">
        <v>23</v>
      </c>
      <c r="D63310" s="14" t="s">
        <v>197</v>
      </c>
      <c r="E63310" s="15">
        <v>45541</v>
      </c>
      <c r="F63310" s="14" t="s">
        <v>15</v>
      </c>
      <c r="G63310" s="16">
        <v>2.4673329669634105</v>
      </c>
    </row>
    <row r="63311" spans="1:7" x14ac:dyDescent="0.3">
      <c r="A63311" s="13" t="s">
        <v>340</v>
      </c>
      <c r="B63311" s="14" t="s">
        <v>1</v>
      </c>
      <c r="C63311" s="14" t="s">
        <v>23</v>
      </c>
      <c r="D63311" s="14" t="s">
        <v>197</v>
      </c>
      <c r="E63311" s="15">
        <v>45542</v>
      </c>
      <c r="F63311" s="14" t="s">
        <v>15</v>
      </c>
      <c r="G63311" s="16">
        <v>2.4673329669634105</v>
      </c>
    </row>
    <row r="63312" spans="1:7" x14ac:dyDescent="0.3">
      <c r="A63312" s="13" t="s">
        <v>340</v>
      </c>
      <c r="B63312" s="14" t="s">
        <v>1</v>
      </c>
      <c r="C63312" s="14" t="s">
        <v>23</v>
      </c>
      <c r="D63312" s="14" t="s">
        <v>197</v>
      </c>
      <c r="E63312" s="15">
        <v>45543</v>
      </c>
      <c r="F63312" s="14" t="s">
        <v>15</v>
      </c>
      <c r="G63312" s="16">
        <v>2.4673329669634105</v>
      </c>
    </row>
    <row r="63313" spans="1:7" x14ac:dyDescent="0.3">
      <c r="A63313" s="13" t="s">
        <v>340</v>
      </c>
      <c r="B63313" s="14" t="s">
        <v>1</v>
      </c>
      <c r="C63313" s="14" t="s">
        <v>23</v>
      </c>
      <c r="D63313" s="14" t="s">
        <v>197</v>
      </c>
      <c r="E63313" s="15">
        <v>45544</v>
      </c>
      <c r="F63313" s="14" t="s">
        <v>15</v>
      </c>
      <c r="G63313" s="16">
        <v>2.5130556324236886</v>
      </c>
    </row>
    <row r="63314" spans="1:7" x14ac:dyDescent="0.3">
      <c r="A63314" s="13" t="s">
        <v>340</v>
      </c>
      <c r="B63314" s="14" t="s">
        <v>1</v>
      </c>
      <c r="C63314" s="14" t="s">
        <v>23</v>
      </c>
      <c r="D63314" s="14" t="s">
        <v>197</v>
      </c>
      <c r="E63314" s="15">
        <v>45545</v>
      </c>
      <c r="F63314" s="14" t="s">
        <v>15</v>
      </c>
      <c r="G63314" s="16">
        <v>2.5536172081527897</v>
      </c>
    </row>
    <row r="63315" spans="1:7" x14ac:dyDescent="0.3">
      <c r="A63315" s="13" t="s">
        <v>340</v>
      </c>
      <c r="B63315" s="14" t="s">
        <v>1</v>
      </c>
      <c r="C63315" s="14" t="s">
        <v>23</v>
      </c>
      <c r="D63315" s="14" t="s">
        <v>197</v>
      </c>
      <c r="E63315" s="15">
        <v>45546</v>
      </c>
      <c r="F63315" s="14" t="s">
        <v>15</v>
      </c>
      <c r="G63315" s="16">
        <v>2.5666180577830153</v>
      </c>
    </row>
    <row r="63316" spans="1:7" x14ac:dyDescent="0.3">
      <c r="A63316" s="13" t="s">
        <v>340</v>
      </c>
      <c r="B63316" s="14" t="s">
        <v>1</v>
      </c>
      <c r="C63316" s="14" t="s">
        <v>23</v>
      </c>
      <c r="D63316" s="14" t="s">
        <v>197</v>
      </c>
      <c r="E63316" s="15">
        <v>45547</v>
      </c>
      <c r="F63316" s="14" t="s">
        <v>15</v>
      </c>
      <c r="G63316" s="16">
        <v>2.5816010580429851</v>
      </c>
    </row>
    <row r="63317" spans="1:7" x14ac:dyDescent="0.3">
      <c r="A63317" s="13" t="s">
        <v>340</v>
      </c>
      <c r="B63317" s="14" t="s">
        <v>1</v>
      </c>
      <c r="C63317" s="14" t="s">
        <v>23</v>
      </c>
      <c r="D63317" s="14" t="s">
        <v>197</v>
      </c>
      <c r="E63317" s="15">
        <v>45548</v>
      </c>
      <c r="F63317" s="14" t="s">
        <v>15</v>
      </c>
      <c r="G63317" s="16">
        <v>2.5965106396935629</v>
      </c>
    </row>
    <row r="63318" spans="1:7" x14ac:dyDescent="0.3">
      <c r="A63318" s="13" t="s">
        <v>340</v>
      </c>
      <c r="B63318" s="14" t="s">
        <v>1</v>
      </c>
      <c r="C63318" s="14" t="s">
        <v>23</v>
      </c>
      <c r="D63318" s="14" t="s">
        <v>197</v>
      </c>
      <c r="E63318" s="15">
        <v>45549</v>
      </c>
      <c r="F63318" s="14" t="s">
        <v>15</v>
      </c>
      <c r="G63318" s="16">
        <v>2.5965106396935629</v>
      </c>
    </row>
    <row r="63319" spans="1:7" x14ac:dyDescent="0.3">
      <c r="A63319" s="13" t="s">
        <v>340</v>
      </c>
      <c r="B63319" s="14" t="s">
        <v>1</v>
      </c>
      <c r="C63319" s="14" t="s">
        <v>23</v>
      </c>
      <c r="D63319" s="14" t="s">
        <v>197</v>
      </c>
      <c r="E63319" s="15">
        <v>45550</v>
      </c>
      <c r="F63319" s="14" t="s">
        <v>15</v>
      </c>
      <c r="G63319" s="16">
        <v>2.5965106396935629</v>
      </c>
    </row>
    <row r="63320" spans="1:7" x14ac:dyDescent="0.3">
      <c r="A63320" s="13" t="s">
        <v>340</v>
      </c>
      <c r="B63320" s="14" t="s">
        <v>1</v>
      </c>
      <c r="C63320" s="14" t="s">
        <v>23</v>
      </c>
      <c r="D63320" s="14" t="s">
        <v>197</v>
      </c>
      <c r="E63320" s="15">
        <v>45551</v>
      </c>
      <c r="F63320" s="14" t="s">
        <v>15</v>
      </c>
      <c r="G63320" s="16">
        <v>2.6115722173200679</v>
      </c>
    </row>
    <row r="63321" spans="1:7" x14ac:dyDescent="0.3">
      <c r="A63321" s="13" t="s">
        <v>340</v>
      </c>
      <c r="B63321" s="14" t="s">
        <v>1</v>
      </c>
      <c r="C63321" s="14" t="s">
        <v>23</v>
      </c>
      <c r="D63321" s="14" t="s">
        <v>197</v>
      </c>
      <c r="E63321" s="15">
        <v>45552</v>
      </c>
      <c r="F63321" s="14" t="s">
        <v>15</v>
      </c>
      <c r="G63321" s="16">
        <v>2.6578711561955313</v>
      </c>
    </row>
    <row r="63322" spans="1:7" x14ac:dyDescent="0.3">
      <c r="A63322" s="13" t="s">
        <v>340</v>
      </c>
      <c r="B63322" s="14" t="s">
        <v>1</v>
      </c>
      <c r="C63322" s="14" t="s">
        <v>23</v>
      </c>
      <c r="D63322" s="14" t="s">
        <v>197</v>
      </c>
      <c r="E63322" s="15">
        <v>45553</v>
      </c>
      <c r="F63322" s="14" t="s">
        <v>15</v>
      </c>
      <c r="G63322" s="16">
        <v>2.6732796835599335</v>
      </c>
    </row>
    <row r="63323" spans="1:7" x14ac:dyDescent="0.3">
      <c r="A63323" s="13" t="s">
        <v>340</v>
      </c>
      <c r="B63323" s="14" t="s">
        <v>1</v>
      </c>
      <c r="C63323" s="14" t="s">
        <v>23</v>
      </c>
      <c r="D63323" s="14" t="s">
        <v>197</v>
      </c>
      <c r="E63323" s="15">
        <v>45554</v>
      </c>
      <c r="F63323" s="14" t="s">
        <v>15</v>
      </c>
      <c r="G63323" s="16">
        <v>2.6879856250795569</v>
      </c>
    </row>
    <row r="63324" spans="1:7" x14ac:dyDescent="0.3">
      <c r="A63324" s="13" t="s">
        <v>340</v>
      </c>
      <c r="B63324" s="14" t="s">
        <v>1</v>
      </c>
      <c r="C63324" s="14" t="s">
        <v>23</v>
      </c>
      <c r="D63324" s="14" t="s">
        <v>197</v>
      </c>
      <c r="E63324" s="15">
        <v>45555</v>
      </c>
      <c r="F63324" s="14" t="s">
        <v>15</v>
      </c>
      <c r="G63324" s="16">
        <v>2.7037889613815094</v>
      </c>
    </row>
    <row r="63325" spans="1:7" x14ac:dyDescent="0.3">
      <c r="A63325" s="13" t="s">
        <v>340</v>
      </c>
      <c r="B63325" s="14" t="s">
        <v>1</v>
      </c>
      <c r="C63325" s="14" t="s">
        <v>23</v>
      </c>
      <c r="D63325" s="14" t="s">
        <v>197</v>
      </c>
      <c r="E63325" s="15">
        <v>45556</v>
      </c>
      <c r="F63325" s="14" t="s">
        <v>15</v>
      </c>
      <c r="G63325" s="16">
        <v>2.7037889613815094</v>
      </c>
    </row>
    <row r="63326" spans="1:7" x14ac:dyDescent="0.3">
      <c r="A63326" s="13" t="s">
        <v>340</v>
      </c>
      <c r="B63326" s="14" t="s">
        <v>1</v>
      </c>
      <c r="C63326" s="14" t="s">
        <v>23</v>
      </c>
      <c r="D63326" s="14" t="s">
        <v>197</v>
      </c>
      <c r="E63326" s="15">
        <v>45557</v>
      </c>
      <c r="F63326" s="14" t="s">
        <v>15</v>
      </c>
      <c r="G63326" s="16">
        <v>2.7037889613815094</v>
      </c>
    </row>
    <row r="63327" spans="1:7" x14ac:dyDescent="0.3">
      <c r="A63327" s="13" t="s">
        <v>340</v>
      </c>
      <c r="B63327" s="14" t="s">
        <v>1</v>
      </c>
      <c r="C63327" s="14" t="s">
        <v>23</v>
      </c>
      <c r="D63327" s="14" t="s">
        <v>197</v>
      </c>
      <c r="E63327" s="15">
        <v>45558</v>
      </c>
      <c r="F63327" s="14" t="s">
        <v>15</v>
      </c>
      <c r="G63327" s="16">
        <v>2.7195557172962497</v>
      </c>
    </row>
    <row r="63328" spans="1:7" x14ac:dyDescent="0.3">
      <c r="A63328" s="13" t="s">
        <v>340</v>
      </c>
      <c r="B63328" s="14" t="s">
        <v>1</v>
      </c>
      <c r="C63328" s="14" t="s">
        <v>23</v>
      </c>
      <c r="D63328" s="14" t="s">
        <v>197</v>
      </c>
      <c r="E63328" s="15">
        <v>45559</v>
      </c>
      <c r="F63328" s="14" t="s">
        <v>15</v>
      </c>
      <c r="G63328" s="16">
        <v>2.7802467406922537</v>
      </c>
    </row>
    <row r="63329" spans="1:7" x14ac:dyDescent="0.3">
      <c r="A63329" s="13" t="s">
        <v>340</v>
      </c>
      <c r="B63329" s="14" t="s">
        <v>1</v>
      </c>
      <c r="C63329" s="14" t="s">
        <v>23</v>
      </c>
      <c r="D63329" s="14" t="s">
        <v>197</v>
      </c>
      <c r="E63329" s="15">
        <v>45560</v>
      </c>
      <c r="F63329" s="14" t="s">
        <v>15</v>
      </c>
      <c r="G63329" s="16">
        <v>2.7962254372765778</v>
      </c>
    </row>
    <row r="63330" spans="1:7" x14ac:dyDescent="0.3">
      <c r="A63330" s="13" t="s">
        <v>340</v>
      </c>
      <c r="B63330" s="14" t="s">
        <v>1</v>
      </c>
      <c r="C63330" s="14" t="s">
        <v>23</v>
      </c>
      <c r="D63330" s="14" t="s">
        <v>197</v>
      </c>
      <c r="E63330" s="15">
        <v>45561</v>
      </c>
      <c r="F63330" s="14" t="s">
        <v>15</v>
      </c>
      <c r="G63330" s="16">
        <v>2.8121546604434231</v>
      </c>
    </row>
    <row r="63331" spans="1:7" x14ac:dyDescent="0.3">
      <c r="A63331" s="13" t="s">
        <v>340</v>
      </c>
      <c r="B63331" s="14" t="s">
        <v>1</v>
      </c>
      <c r="C63331" s="14" t="s">
        <v>23</v>
      </c>
      <c r="D63331" s="14" t="s">
        <v>197</v>
      </c>
      <c r="E63331" s="15">
        <v>45562</v>
      </c>
      <c r="F63331" s="14" t="s">
        <v>15</v>
      </c>
      <c r="G63331" s="16">
        <v>2.8310938489686523</v>
      </c>
    </row>
    <row r="63332" spans="1:7" x14ac:dyDescent="0.3">
      <c r="A63332" s="13" t="s">
        <v>340</v>
      </c>
      <c r="B63332" s="14" t="s">
        <v>1</v>
      </c>
      <c r="C63332" s="14" t="s">
        <v>23</v>
      </c>
      <c r="D63332" s="14" t="s">
        <v>197</v>
      </c>
      <c r="E63332" s="15">
        <v>45563</v>
      </c>
      <c r="F63332" s="14" t="s">
        <v>15</v>
      </c>
      <c r="G63332" s="16">
        <v>2.8310938489686523</v>
      </c>
    </row>
    <row r="63333" spans="1:7" x14ac:dyDescent="0.3">
      <c r="A63333" s="13" t="s">
        <v>340</v>
      </c>
      <c r="B63333" s="14" t="s">
        <v>1</v>
      </c>
      <c r="C63333" s="14" t="s">
        <v>23</v>
      </c>
      <c r="D63333" s="14" t="s">
        <v>197</v>
      </c>
      <c r="E63333" s="15">
        <v>45564</v>
      </c>
      <c r="F63333" s="14" t="s">
        <v>15</v>
      </c>
      <c r="G63333" s="16">
        <v>2.8310938489686523</v>
      </c>
    </row>
    <row r="63334" spans="1:7" x14ac:dyDescent="0.3">
      <c r="A63334" s="13" t="s">
        <v>340</v>
      </c>
      <c r="B63334" s="14" t="s">
        <v>1</v>
      </c>
      <c r="C63334" s="14" t="s">
        <v>23</v>
      </c>
      <c r="D63334" s="14" t="s">
        <v>197</v>
      </c>
      <c r="E63334" s="15">
        <v>45565</v>
      </c>
      <c r="F63334" s="14" t="s">
        <v>15</v>
      </c>
      <c r="G63334" s="16">
        <v>2.8469654040623245</v>
      </c>
    </row>
    <row r="63335" spans="1:7" x14ac:dyDescent="0.3">
      <c r="A63335" s="13" t="s">
        <v>340</v>
      </c>
      <c r="B63335" s="14" t="s">
        <v>1</v>
      </c>
      <c r="C63335" s="14" t="s">
        <v>23</v>
      </c>
      <c r="D63335" s="14" t="s">
        <v>197</v>
      </c>
      <c r="E63335" s="15">
        <v>45566</v>
      </c>
      <c r="F63335" s="14" t="s">
        <v>15</v>
      </c>
      <c r="G63335" s="16">
        <v>2.8944934803854494</v>
      </c>
    </row>
    <row r="63336" spans="1:7" x14ac:dyDescent="0.3">
      <c r="A63336" s="13" t="s">
        <v>340</v>
      </c>
      <c r="B63336" s="14" t="s">
        <v>1</v>
      </c>
      <c r="C63336" s="14" t="s">
        <v>23</v>
      </c>
      <c r="D63336" s="14" t="s">
        <v>197</v>
      </c>
      <c r="E63336" s="15">
        <v>45567</v>
      </c>
      <c r="F63336" s="14" t="s">
        <v>15</v>
      </c>
      <c r="G63336" s="16">
        <v>2.9100905019201742</v>
      </c>
    </row>
    <row r="63337" spans="1:7" x14ac:dyDescent="0.3">
      <c r="A63337" s="13" t="s">
        <v>340</v>
      </c>
      <c r="B63337" s="14" t="s">
        <v>1</v>
      </c>
      <c r="C63337" s="14" t="s">
        <v>23</v>
      </c>
      <c r="D63337" s="14" t="s">
        <v>197</v>
      </c>
      <c r="E63337" s="15">
        <v>45568</v>
      </c>
      <c r="F63337" s="14" t="s">
        <v>15</v>
      </c>
      <c r="G63337" s="16">
        <v>2.9155914764787978</v>
      </c>
    </row>
    <row r="63338" spans="1:7" x14ac:dyDescent="0.3">
      <c r="A63338" s="13" t="s">
        <v>340</v>
      </c>
      <c r="B63338" s="14" t="s">
        <v>1</v>
      </c>
      <c r="C63338" s="14" t="s">
        <v>23</v>
      </c>
      <c r="D63338" s="14" t="s">
        <v>197</v>
      </c>
      <c r="E63338" s="15">
        <v>45569</v>
      </c>
      <c r="F63338" s="14" t="s">
        <v>15</v>
      </c>
      <c r="G63338" s="16">
        <v>2.9317784181219446</v>
      </c>
    </row>
    <row r="63339" spans="1:7" x14ac:dyDescent="0.3">
      <c r="A63339" s="13" t="s">
        <v>340</v>
      </c>
      <c r="B63339" s="14" t="s">
        <v>1</v>
      </c>
      <c r="C63339" s="14" t="s">
        <v>23</v>
      </c>
      <c r="D63339" s="14" t="s">
        <v>197</v>
      </c>
      <c r="E63339" s="15">
        <v>45570</v>
      </c>
      <c r="F63339" s="14" t="s">
        <v>15</v>
      </c>
      <c r="G63339" s="16">
        <v>2.9317784181219446</v>
      </c>
    </row>
    <row r="63340" spans="1:7" x14ac:dyDescent="0.3">
      <c r="A63340" s="13" t="s">
        <v>340</v>
      </c>
      <c r="B63340" s="14" t="s">
        <v>1</v>
      </c>
      <c r="C63340" s="14" t="s">
        <v>23</v>
      </c>
      <c r="D63340" s="14" t="s">
        <v>197</v>
      </c>
      <c r="E63340" s="15">
        <v>45571</v>
      </c>
      <c r="F63340" s="14" t="s">
        <v>15</v>
      </c>
      <c r="G63340" s="16">
        <v>2.9317784181219446</v>
      </c>
    </row>
    <row r="63341" spans="1:7" x14ac:dyDescent="0.3">
      <c r="A63341" s="13" t="s">
        <v>340</v>
      </c>
      <c r="B63341" s="14" t="s">
        <v>1</v>
      </c>
      <c r="C63341" s="14" t="s">
        <v>23</v>
      </c>
      <c r="D63341" s="14" t="s">
        <v>197</v>
      </c>
      <c r="E63341" s="15">
        <v>45572</v>
      </c>
      <c r="F63341" s="14" t="s">
        <v>15</v>
      </c>
      <c r="G63341" s="16">
        <v>2.9735478926698549</v>
      </c>
    </row>
    <row r="63342" spans="1:7" x14ac:dyDescent="0.3">
      <c r="A63342" s="13" t="s">
        <v>340</v>
      </c>
      <c r="B63342" s="14" t="s">
        <v>1</v>
      </c>
      <c r="C63342" s="14" t="s">
        <v>23</v>
      </c>
      <c r="D63342" s="14" t="s">
        <v>197</v>
      </c>
      <c r="E63342" s="15">
        <v>45573</v>
      </c>
      <c r="F63342" s="14" t="s">
        <v>15</v>
      </c>
      <c r="G63342" s="16">
        <v>3.0249062597924921</v>
      </c>
    </row>
    <row r="63343" spans="1:7" x14ac:dyDescent="0.3">
      <c r="A63343" s="13" t="s">
        <v>340</v>
      </c>
      <c r="B63343" s="14" t="s">
        <v>1</v>
      </c>
      <c r="C63343" s="14" t="s">
        <v>23</v>
      </c>
      <c r="D63343" s="14" t="s">
        <v>197</v>
      </c>
      <c r="E63343" s="15">
        <v>45574</v>
      </c>
      <c r="F63343" s="14" t="s">
        <v>15</v>
      </c>
      <c r="G63343" s="16">
        <v>3.04126550064692</v>
      </c>
    </row>
    <row r="63344" spans="1:7" x14ac:dyDescent="0.3">
      <c r="A63344" s="13" t="s">
        <v>340</v>
      </c>
      <c r="B63344" s="14" t="s">
        <v>1</v>
      </c>
      <c r="C63344" s="14" t="s">
        <v>23</v>
      </c>
      <c r="D63344" s="14" t="s">
        <v>197</v>
      </c>
      <c r="E63344" s="15">
        <v>45575</v>
      </c>
      <c r="F63344" s="14" t="s">
        <v>15</v>
      </c>
      <c r="G63344" s="16">
        <v>3.057615222440988</v>
      </c>
    </row>
    <row r="63345" spans="1:7" x14ac:dyDescent="0.3">
      <c r="A63345" s="13" t="s">
        <v>340</v>
      </c>
      <c r="B63345" s="14" t="s">
        <v>1</v>
      </c>
      <c r="C63345" s="14" t="s">
        <v>23</v>
      </c>
      <c r="D63345" s="14" t="s">
        <v>197</v>
      </c>
      <c r="E63345" s="15">
        <v>45576</v>
      </c>
      <c r="F63345" s="14" t="s">
        <v>15</v>
      </c>
      <c r="G63345" s="16">
        <v>3.0738061508715808</v>
      </c>
    </row>
    <row r="63346" spans="1:7" x14ac:dyDescent="0.3">
      <c r="A63346" s="13" t="s">
        <v>340</v>
      </c>
      <c r="B63346" s="14" t="s">
        <v>1</v>
      </c>
      <c r="C63346" s="14" t="s">
        <v>23</v>
      </c>
      <c r="D63346" s="14" t="s">
        <v>197</v>
      </c>
      <c r="E63346" s="15">
        <v>45577</v>
      </c>
      <c r="F63346" s="14" t="s">
        <v>15</v>
      </c>
      <c r="G63346" s="16">
        <v>3.0738061508715808</v>
      </c>
    </row>
    <row r="63347" spans="1:7" x14ac:dyDescent="0.3">
      <c r="A63347" s="13" t="s">
        <v>340</v>
      </c>
      <c r="B63347" s="14" t="s">
        <v>1</v>
      </c>
      <c r="C63347" s="14" t="s">
        <v>23</v>
      </c>
      <c r="D63347" s="14" t="s">
        <v>197</v>
      </c>
      <c r="E63347" s="15">
        <v>45578</v>
      </c>
      <c r="F63347" s="14" t="s">
        <v>15</v>
      </c>
      <c r="G63347" s="16">
        <v>3.0738061508715808</v>
      </c>
    </row>
    <row r="63348" spans="1:7" x14ac:dyDescent="0.3">
      <c r="A63348" s="13" t="s">
        <v>340</v>
      </c>
      <c r="B63348" s="14" t="s">
        <v>1</v>
      </c>
      <c r="C63348" s="14" t="s">
        <v>23</v>
      </c>
      <c r="D63348" s="14" t="s">
        <v>197</v>
      </c>
      <c r="E63348" s="15">
        <v>45579</v>
      </c>
      <c r="F63348" s="14" t="s">
        <v>15</v>
      </c>
      <c r="G63348" s="16">
        <v>3.0738061508715808</v>
      </c>
    </row>
    <row r="63349" spans="1:7" x14ac:dyDescent="0.3">
      <c r="A63349" s="13" t="s">
        <v>340</v>
      </c>
      <c r="B63349" s="14" t="s">
        <v>1</v>
      </c>
      <c r="C63349" s="14" t="s">
        <v>23</v>
      </c>
      <c r="D63349" s="14" t="s">
        <v>197</v>
      </c>
      <c r="E63349" s="15">
        <v>45580</v>
      </c>
      <c r="F63349" s="14" t="s">
        <v>15</v>
      </c>
      <c r="G63349" s="16">
        <v>3.0900869330381115</v>
      </c>
    </row>
    <row r="63350" spans="1:7" x14ac:dyDescent="0.3">
      <c r="A63350" s="13" t="s">
        <v>340</v>
      </c>
      <c r="B63350" s="14" t="s">
        <v>1</v>
      </c>
      <c r="C63350" s="14" t="s">
        <v>23</v>
      </c>
      <c r="D63350" s="14" t="s">
        <v>197</v>
      </c>
      <c r="E63350" s="15">
        <v>45581</v>
      </c>
      <c r="F63350" s="14" t="s">
        <v>15</v>
      </c>
      <c r="G63350" s="16">
        <v>3.1552659373884739</v>
      </c>
    </row>
    <row r="63351" spans="1:7" x14ac:dyDescent="0.3">
      <c r="A63351" s="13" t="s">
        <v>340</v>
      </c>
      <c r="B63351" s="14" t="s">
        <v>1</v>
      </c>
      <c r="C63351" s="14" t="s">
        <v>23</v>
      </c>
      <c r="D63351" s="14" t="s">
        <v>197</v>
      </c>
      <c r="E63351" s="15">
        <v>45582</v>
      </c>
      <c r="F63351" s="14" t="s">
        <v>15</v>
      </c>
      <c r="G63351" s="16">
        <v>3.1712580619156157</v>
      </c>
    </row>
    <row r="63352" spans="1:7" x14ac:dyDescent="0.3">
      <c r="A63352" s="13" t="s">
        <v>340</v>
      </c>
      <c r="B63352" s="14" t="s">
        <v>1</v>
      </c>
      <c r="C63352" s="14" t="s">
        <v>23</v>
      </c>
      <c r="D63352" s="14" t="s">
        <v>197</v>
      </c>
      <c r="E63352" s="15">
        <v>45583</v>
      </c>
      <c r="F63352" s="14" t="s">
        <v>15</v>
      </c>
      <c r="G63352" s="16">
        <v>3.1873217813099086</v>
      </c>
    </row>
    <row r="63353" spans="1:7" x14ac:dyDescent="0.3">
      <c r="A63353" s="13" t="s">
        <v>340</v>
      </c>
      <c r="B63353" s="14" t="s">
        <v>1</v>
      </c>
      <c r="C63353" s="14" t="s">
        <v>23</v>
      </c>
      <c r="D63353" s="14" t="s">
        <v>197</v>
      </c>
      <c r="E63353" s="15">
        <v>45584</v>
      </c>
      <c r="F63353" s="14" t="s">
        <v>15</v>
      </c>
      <c r="G63353" s="16">
        <v>3.1873217813099086</v>
      </c>
    </row>
    <row r="63354" spans="1:7" x14ac:dyDescent="0.3">
      <c r="A63354" s="13" t="s">
        <v>340</v>
      </c>
      <c r="B63354" s="14" t="s">
        <v>1</v>
      </c>
      <c r="C63354" s="14" t="s">
        <v>23</v>
      </c>
      <c r="D63354" s="14" t="s">
        <v>197</v>
      </c>
      <c r="E63354" s="15">
        <v>45585</v>
      </c>
      <c r="F63354" s="14" t="s">
        <v>15</v>
      </c>
      <c r="G63354" s="16">
        <v>3.1873217813099086</v>
      </c>
    </row>
    <row r="63355" spans="1:7" x14ac:dyDescent="0.3">
      <c r="A63355" s="13" t="s">
        <v>340</v>
      </c>
      <c r="B63355" s="14" t="s">
        <v>1</v>
      </c>
      <c r="C63355" s="14" t="s">
        <v>23</v>
      </c>
      <c r="D63355" s="14" t="s">
        <v>197</v>
      </c>
      <c r="E63355" s="15">
        <v>45586</v>
      </c>
      <c r="F63355" s="14" t="s">
        <v>15</v>
      </c>
      <c r="G63355" s="16">
        <v>3.2023121807421431</v>
      </c>
    </row>
    <row r="63356" spans="1:7" x14ac:dyDescent="0.3">
      <c r="A63356" s="13" t="s">
        <v>340</v>
      </c>
      <c r="B63356" s="14" t="s">
        <v>1</v>
      </c>
      <c r="C63356" s="14" t="s">
        <v>23</v>
      </c>
      <c r="D63356" s="14" t="s">
        <v>197</v>
      </c>
      <c r="E63356" s="15">
        <v>45587</v>
      </c>
      <c r="F63356" s="14" t="s">
        <v>15</v>
      </c>
      <c r="G63356" s="16">
        <v>3.2505534304044352</v>
      </c>
    </row>
    <row r="63357" spans="1:7" x14ac:dyDescent="0.3">
      <c r="A63357" s="13" t="s">
        <v>340</v>
      </c>
      <c r="B63357" s="14" t="s">
        <v>1</v>
      </c>
      <c r="C63357" s="14" t="s">
        <v>23</v>
      </c>
      <c r="D63357" s="14" t="s">
        <v>197</v>
      </c>
      <c r="E63357" s="15">
        <v>45588</v>
      </c>
      <c r="F63357" s="14" t="s">
        <v>15</v>
      </c>
      <c r="G63357" s="16">
        <v>3.2666731471981683</v>
      </c>
    </row>
    <row r="63358" spans="1:7" x14ac:dyDescent="0.3">
      <c r="A63358" s="13" t="s">
        <v>340</v>
      </c>
      <c r="B63358" s="14" t="s">
        <v>1</v>
      </c>
      <c r="C63358" s="14" t="s">
        <v>23</v>
      </c>
      <c r="D63358" s="14" t="s">
        <v>197</v>
      </c>
      <c r="E63358" s="15">
        <v>45589</v>
      </c>
      <c r="F63358" s="14" t="s">
        <v>15</v>
      </c>
      <c r="G63358" s="16">
        <v>3.2824321813222372</v>
      </c>
    </row>
    <row r="63359" spans="1:7" x14ac:dyDescent="0.3">
      <c r="A63359" s="13" t="s">
        <v>340</v>
      </c>
      <c r="B63359" s="14" t="s">
        <v>1</v>
      </c>
      <c r="C63359" s="14" t="s">
        <v>23</v>
      </c>
      <c r="D63359" s="14" t="s">
        <v>197</v>
      </c>
      <c r="E63359" s="15">
        <v>45590</v>
      </c>
      <c r="F63359" s="14" t="s">
        <v>15</v>
      </c>
      <c r="G63359" s="16">
        <v>3.2983042673861998</v>
      </c>
    </row>
    <row r="63360" spans="1:7" x14ac:dyDescent="0.3">
      <c r="A63360" s="13" t="s">
        <v>340</v>
      </c>
      <c r="B63360" s="14" t="s">
        <v>1</v>
      </c>
      <c r="C63360" s="14" t="s">
        <v>23</v>
      </c>
      <c r="D63360" s="14" t="s">
        <v>197</v>
      </c>
      <c r="E63360" s="15">
        <v>45591</v>
      </c>
      <c r="F63360" s="14" t="s">
        <v>15</v>
      </c>
      <c r="G63360" s="16">
        <v>3.2983042673861998</v>
      </c>
    </row>
    <row r="63361" spans="1:7" x14ac:dyDescent="0.3">
      <c r="A63361" s="13" t="s">
        <v>340</v>
      </c>
      <c r="B63361" s="14" t="s">
        <v>1</v>
      </c>
      <c r="C63361" s="14" t="s">
        <v>23</v>
      </c>
      <c r="D63361" s="14" t="s">
        <v>197</v>
      </c>
      <c r="E63361" s="15">
        <v>45592</v>
      </c>
      <c r="F63361" s="14" t="s">
        <v>15</v>
      </c>
      <c r="G63361" s="16">
        <v>3.2983042673861998</v>
      </c>
    </row>
    <row r="63362" spans="1:7" x14ac:dyDescent="0.3">
      <c r="A63362" s="13" t="s">
        <v>340</v>
      </c>
      <c r="B63362" s="14" t="s">
        <v>1</v>
      </c>
      <c r="C63362" s="14" t="s">
        <v>23</v>
      </c>
      <c r="D63362" s="14" t="s">
        <v>197</v>
      </c>
      <c r="E63362" s="15">
        <v>45593</v>
      </c>
      <c r="F63362" s="14" t="s">
        <v>15</v>
      </c>
      <c r="G63362" s="16">
        <v>3.2983042673861998</v>
      </c>
    </row>
    <row r="63363" spans="1:7" x14ac:dyDescent="0.3">
      <c r="A63363" s="13" t="s">
        <v>340</v>
      </c>
      <c r="B63363" s="14" t="s">
        <v>1</v>
      </c>
      <c r="C63363" s="14" t="s">
        <v>23</v>
      </c>
      <c r="D63363" s="14" t="s">
        <v>197</v>
      </c>
      <c r="E63363" s="15">
        <v>45594</v>
      </c>
      <c r="F63363" s="14" t="s">
        <v>15</v>
      </c>
      <c r="G63363" s="16">
        <v>3.317386953066737</v>
      </c>
    </row>
    <row r="63364" spans="1:7" x14ac:dyDescent="0.3">
      <c r="A63364" s="13" t="s">
        <v>340</v>
      </c>
      <c r="B63364" s="14" t="s">
        <v>1</v>
      </c>
      <c r="C63364" s="14" t="s">
        <v>23</v>
      </c>
      <c r="D63364" s="14" t="s">
        <v>197</v>
      </c>
      <c r="E63364" s="15">
        <v>45595</v>
      </c>
      <c r="F63364" s="14" t="s">
        <v>15</v>
      </c>
      <c r="G63364" s="16">
        <v>3.3795749365455037</v>
      </c>
    </row>
    <row r="63365" spans="1:7" x14ac:dyDescent="0.3">
      <c r="A63365" s="13" t="s">
        <v>340</v>
      </c>
      <c r="B63365" s="14" t="s">
        <v>1</v>
      </c>
      <c r="C63365" s="14" t="s">
        <v>23</v>
      </c>
      <c r="D63365" s="14" t="s">
        <v>197</v>
      </c>
      <c r="E63365" s="15">
        <v>45596</v>
      </c>
      <c r="F63365" s="14" t="s">
        <v>15</v>
      </c>
      <c r="G63365" s="16">
        <v>3.3816315365738014</v>
      </c>
    </row>
    <row r="63366" spans="1:7" x14ac:dyDescent="0.3">
      <c r="A63366" s="13" t="s">
        <v>340</v>
      </c>
      <c r="B63366" s="14" t="s">
        <v>1</v>
      </c>
      <c r="C63366" s="14" t="s">
        <v>23</v>
      </c>
      <c r="D63366" s="14" t="s">
        <v>197</v>
      </c>
      <c r="E63366" s="15">
        <v>45597</v>
      </c>
      <c r="F63366" s="14" t="s">
        <v>15</v>
      </c>
      <c r="G63366" s="16">
        <v>3.3966540775891345</v>
      </c>
    </row>
    <row r="63367" spans="1:7" x14ac:dyDescent="0.3">
      <c r="A63367" s="13" t="s">
        <v>340</v>
      </c>
      <c r="B63367" s="14" t="s">
        <v>1</v>
      </c>
      <c r="C63367" s="14" t="s">
        <v>23</v>
      </c>
      <c r="D63367" s="14" t="s">
        <v>197</v>
      </c>
      <c r="E63367" s="15">
        <v>45598</v>
      </c>
      <c r="F63367" s="14" t="s">
        <v>15</v>
      </c>
      <c r="G63367" s="16">
        <v>3.3966540775891345</v>
      </c>
    </row>
    <row r="63368" spans="1:7" x14ac:dyDescent="0.3">
      <c r="A63368" s="13" t="s">
        <v>340</v>
      </c>
      <c r="B63368" s="14" t="s">
        <v>1</v>
      </c>
      <c r="C63368" s="14" t="s">
        <v>23</v>
      </c>
      <c r="D63368" s="14" t="s">
        <v>197</v>
      </c>
      <c r="E63368" s="15">
        <v>45599</v>
      </c>
      <c r="F63368" s="14" t="s">
        <v>15</v>
      </c>
      <c r="G63368" s="16">
        <v>3.3966540775891345</v>
      </c>
    </row>
    <row r="63369" spans="1:7" x14ac:dyDescent="0.3">
      <c r="A63369" s="13" t="s">
        <v>340</v>
      </c>
      <c r="B63369" s="14" t="s">
        <v>1</v>
      </c>
      <c r="C63369" s="14" t="s">
        <v>23</v>
      </c>
      <c r="D63369" s="14" t="s">
        <v>197</v>
      </c>
      <c r="E63369" s="15">
        <v>45600</v>
      </c>
      <c r="F63369" s="14" t="s">
        <v>15</v>
      </c>
      <c r="G63369" s="16">
        <v>3.4025673688668925</v>
      </c>
    </row>
    <row r="63370" spans="1:7" x14ac:dyDescent="0.3">
      <c r="A63370" s="13" t="s">
        <v>340</v>
      </c>
      <c r="B63370" s="14" t="s">
        <v>1</v>
      </c>
      <c r="C63370" s="14" t="s">
        <v>23</v>
      </c>
      <c r="D63370" s="14" t="s">
        <v>197</v>
      </c>
      <c r="E63370" s="15">
        <v>45601</v>
      </c>
      <c r="F63370" s="14" t="s">
        <v>15</v>
      </c>
      <c r="G63370" s="16">
        <v>3.4509279659709837</v>
      </c>
    </row>
    <row r="63371" spans="1:7" x14ac:dyDescent="0.3">
      <c r="A63371" s="13" t="s">
        <v>340</v>
      </c>
      <c r="B63371" s="14" t="s">
        <v>1</v>
      </c>
      <c r="C63371" s="14" t="s">
        <v>23</v>
      </c>
      <c r="D63371" s="14" t="s">
        <v>197</v>
      </c>
      <c r="E63371" s="15">
        <v>45602</v>
      </c>
      <c r="F63371" s="14" t="s">
        <v>15</v>
      </c>
      <c r="G63371" s="16">
        <v>3.466868156736906</v>
      </c>
    </row>
    <row r="63372" spans="1:7" x14ac:dyDescent="0.3">
      <c r="A63372" s="13" t="s">
        <v>340</v>
      </c>
      <c r="B63372" s="14" t="s">
        <v>1</v>
      </c>
      <c r="C63372" s="14" t="s">
        <v>23</v>
      </c>
      <c r="D63372" s="14" t="s">
        <v>197</v>
      </c>
      <c r="E63372" s="15">
        <v>45603</v>
      </c>
      <c r="F63372" s="14" t="s">
        <v>15</v>
      </c>
      <c r="G63372" s="16">
        <v>3.4845398546026689</v>
      </c>
    </row>
    <row r="63373" spans="1:7" x14ac:dyDescent="0.3">
      <c r="A63373" s="13" t="s">
        <v>340</v>
      </c>
      <c r="B63373" s="14" t="s">
        <v>1</v>
      </c>
      <c r="C63373" s="14" t="s">
        <v>23</v>
      </c>
      <c r="D63373" s="14" t="s">
        <v>197</v>
      </c>
      <c r="E63373" s="15">
        <v>45604</v>
      </c>
      <c r="F63373" s="14" t="s">
        <v>15</v>
      </c>
      <c r="G63373" s="16">
        <v>3.5011179769067251</v>
      </c>
    </row>
    <row r="63374" spans="1:7" x14ac:dyDescent="0.3">
      <c r="A63374" s="13" t="s">
        <v>340</v>
      </c>
      <c r="B63374" s="14" t="s">
        <v>1</v>
      </c>
      <c r="C63374" s="14" t="s">
        <v>23</v>
      </c>
      <c r="D63374" s="14" t="s">
        <v>197</v>
      </c>
      <c r="E63374" s="15">
        <v>45605</v>
      </c>
      <c r="F63374" s="14" t="s">
        <v>15</v>
      </c>
      <c r="G63374" s="16">
        <v>3.5011179769067251</v>
      </c>
    </row>
    <row r="63375" spans="1:7" x14ac:dyDescent="0.3">
      <c r="A63375" s="13" t="s">
        <v>340</v>
      </c>
      <c r="B63375" s="14" t="s">
        <v>1</v>
      </c>
      <c r="C63375" s="14" t="s">
        <v>23</v>
      </c>
      <c r="D63375" s="14" t="s">
        <v>197</v>
      </c>
      <c r="E63375" s="15">
        <v>45606</v>
      </c>
      <c r="F63375" s="14" t="s">
        <v>15</v>
      </c>
      <c r="G63375" s="16">
        <v>3.5011179769067251</v>
      </c>
    </row>
    <row r="63376" spans="1:7" x14ac:dyDescent="0.3">
      <c r="A63376" s="13" t="s">
        <v>340</v>
      </c>
      <c r="B63376" s="14" t="s">
        <v>1</v>
      </c>
      <c r="C63376" s="14" t="s">
        <v>23</v>
      </c>
      <c r="D63376" s="14" t="s">
        <v>197</v>
      </c>
      <c r="E63376" s="15">
        <v>45607</v>
      </c>
      <c r="F63376" s="14" t="s">
        <v>15</v>
      </c>
      <c r="G63376" s="16">
        <v>3.5011179769067251</v>
      </c>
    </row>
    <row r="63377" spans="1:7" x14ac:dyDescent="0.3">
      <c r="A63377" s="13" t="s">
        <v>340</v>
      </c>
      <c r="B63377" s="14" t="s">
        <v>1</v>
      </c>
      <c r="C63377" s="14" t="s">
        <v>23</v>
      </c>
      <c r="D63377" s="14" t="s">
        <v>197</v>
      </c>
      <c r="E63377" s="15">
        <v>45608</v>
      </c>
      <c r="F63377" s="14" t="s">
        <v>15</v>
      </c>
      <c r="G63377" s="16">
        <v>3.5164421861241117</v>
      </c>
    </row>
    <row r="63378" spans="1:7" x14ac:dyDescent="0.3">
      <c r="A63378" s="13" t="s">
        <v>340</v>
      </c>
      <c r="B63378" s="14" t="s">
        <v>1</v>
      </c>
      <c r="C63378" s="14" t="s">
        <v>23</v>
      </c>
      <c r="D63378" s="14" t="s">
        <v>197</v>
      </c>
      <c r="E63378" s="15">
        <v>45609</v>
      </c>
      <c r="F63378" s="14" t="s">
        <v>15</v>
      </c>
      <c r="G63378" s="16">
        <v>3.5941433547171897</v>
      </c>
    </row>
    <row r="63379" spans="1:7" x14ac:dyDescent="0.3">
      <c r="A63379" s="13" t="s">
        <v>340</v>
      </c>
      <c r="B63379" s="14" t="s">
        <v>1</v>
      </c>
      <c r="C63379" s="14" t="s">
        <v>23</v>
      </c>
      <c r="D63379" s="14" t="s">
        <v>197</v>
      </c>
      <c r="E63379" s="15">
        <v>45610</v>
      </c>
      <c r="F63379" s="14" t="s">
        <v>15</v>
      </c>
      <c r="G63379" s="16">
        <v>3.6096349153446226</v>
      </c>
    </row>
    <row r="63380" spans="1:7" x14ac:dyDescent="0.3">
      <c r="A63380" s="13" t="s">
        <v>340</v>
      </c>
      <c r="B63380" s="14" t="s">
        <v>1</v>
      </c>
      <c r="C63380" s="14" t="s">
        <v>23</v>
      </c>
      <c r="D63380" s="14" t="s">
        <v>197</v>
      </c>
      <c r="E63380" s="15">
        <v>45611</v>
      </c>
      <c r="F63380" s="14" t="s">
        <v>15</v>
      </c>
      <c r="G63380" s="16">
        <v>3.6251522360899888</v>
      </c>
    </row>
    <row r="63381" spans="1:7" x14ac:dyDescent="0.3">
      <c r="A63381" s="13" t="s">
        <v>340</v>
      </c>
      <c r="B63381" s="14" t="s">
        <v>1</v>
      </c>
      <c r="C63381" s="14" t="s">
        <v>23</v>
      </c>
      <c r="D63381" s="14" t="s">
        <v>197</v>
      </c>
      <c r="E63381" s="15">
        <v>45612</v>
      </c>
      <c r="F63381" s="14" t="s">
        <v>15</v>
      </c>
      <c r="G63381" s="16">
        <v>3.6251522360899888</v>
      </c>
    </row>
    <row r="63382" spans="1:7" x14ac:dyDescent="0.3">
      <c r="A63382" s="13" t="s">
        <v>340</v>
      </c>
      <c r="B63382" s="14" t="s">
        <v>1</v>
      </c>
      <c r="C63382" s="14" t="s">
        <v>23</v>
      </c>
      <c r="D63382" s="14" t="s">
        <v>197</v>
      </c>
      <c r="E63382" s="15">
        <v>45613</v>
      </c>
      <c r="F63382" s="14" t="s">
        <v>15</v>
      </c>
      <c r="G63382" s="16">
        <v>3.6251522360899888</v>
      </c>
    </row>
    <row r="63383" spans="1:7" x14ac:dyDescent="0.3">
      <c r="A63383" s="13" t="s">
        <v>340</v>
      </c>
      <c r="B63383" s="14" t="s">
        <v>1</v>
      </c>
      <c r="C63383" s="14" t="s">
        <v>23</v>
      </c>
      <c r="D63383" s="14" t="s">
        <v>197</v>
      </c>
      <c r="E63383" s="15">
        <v>45614</v>
      </c>
      <c r="F63383" s="14" t="s">
        <v>15</v>
      </c>
      <c r="G63383" s="16">
        <v>3.6406804598767799</v>
      </c>
    </row>
    <row r="63384" spans="1:7" x14ac:dyDescent="0.3">
      <c r="A63384" s="13" t="s">
        <v>340</v>
      </c>
      <c r="B63384" s="14" t="s">
        <v>1</v>
      </c>
      <c r="C63384" s="14" t="s">
        <v>23</v>
      </c>
      <c r="D63384" s="14" t="s">
        <v>197</v>
      </c>
      <c r="E63384" s="15">
        <v>45615</v>
      </c>
      <c r="F63384" s="14" t="s">
        <v>15</v>
      </c>
      <c r="G63384" s="16">
        <v>3.6866572113736509</v>
      </c>
    </row>
    <row r="63385" spans="1:7" x14ac:dyDescent="0.3">
      <c r="A63385" s="13" t="s">
        <v>340</v>
      </c>
      <c r="B63385" s="14" t="s">
        <v>1</v>
      </c>
      <c r="C63385" s="14" t="s">
        <v>23</v>
      </c>
      <c r="D63385" s="14" t="s">
        <v>197</v>
      </c>
      <c r="E63385" s="15">
        <v>45616</v>
      </c>
      <c r="F63385" s="14" t="s">
        <v>15</v>
      </c>
      <c r="G63385" s="16">
        <v>3.702419093029484</v>
      </c>
    </row>
    <row r="63386" spans="1:7" x14ac:dyDescent="0.3">
      <c r="A63386" s="13" t="s">
        <v>340</v>
      </c>
      <c r="B63386" s="14" t="s">
        <v>1</v>
      </c>
      <c r="C63386" s="14" t="s">
        <v>23</v>
      </c>
      <c r="D63386" s="14" t="s">
        <v>197</v>
      </c>
      <c r="E63386" s="15">
        <v>45617</v>
      </c>
      <c r="F63386" s="14" t="s">
        <v>15</v>
      </c>
      <c r="G63386" s="16">
        <v>3.7184970635897705</v>
      </c>
    </row>
    <row r="63387" spans="1:7" x14ac:dyDescent="0.3">
      <c r="A63387" s="13" t="s">
        <v>340</v>
      </c>
      <c r="B63387" s="14" t="s">
        <v>1</v>
      </c>
      <c r="C63387" s="14" t="s">
        <v>23</v>
      </c>
      <c r="D63387" s="14" t="s">
        <v>197</v>
      </c>
      <c r="E63387" s="15">
        <v>45618</v>
      </c>
      <c r="F63387" s="14" t="s">
        <v>15</v>
      </c>
      <c r="G63387" s="16">
        <v>3.734202557875185</v>
      </c>
    </row>
    <row r="63388" spans="1:7" x14ac:dyDescent="0.3">
      <c r="A63388" s="13" t="s">
        <v>340</v>
      </c>
      <c r="B63388" s="14" t="s">
        <v>1</v>
      </c>
      <c r="C63388" s="14" t="s">
        <v>23</v>
      </c>
      <c r="D63388" s="14" t="s">
        <v>197</v>
      </c>
      <c r="E63388" s="15">
        <v>45619</v>
      </c>
      <c r="F63388" s="14" t="s">
        <v>15</v>
      </c>
      <c r="G63388" s="16">
        <v>3.734202557875185</v>
      </c>
    </row>
    <row r="63389" spans="1:7" x14ac:dyDescent="0.3">
      <c r="A63389" s="13" t="s">
        <v>340</v>
      </c>
      <c r="B63389" s="14" t="s">
        <v>1</v>
      </c>
      <c r="C63389" s="14" t="s">
        <v>23</v>
      </c>
      <c r="D63389" s="14" t="s">
        <v>197</v>
      </c>
      <c r="E63389" s="15">
        <v>45620</v>
      </c>
      <c r="F63389" s="14" t="s">
        <v>15</v>
      </c>
      <c r="G63389" s="16">
        <v>3.734202557875185</v>
      </c>
    </row>
    <row r="63390" spans="1:7" x14ac:dyDescent="0.3">
      <c r="A63390" s="13" t="s">
        <v>340</v>
      </c>
      <c r="B63390" s="14" t="s">
        <v>1</v>
      </c>
      <c r="C63390" s="14" t="s">
        <v>23</v>
      </c>
      <c r="D63390" s="14" t="s">
        <v>197</v>
      </c>
      <c r="E63390" s="15">
        <v>45621</v>
      </c>
      <c r="F63390" s="14" t="s">
        <v>15</v>
      </c>
      <c r="G63390" s="16">
        <v>3.7498225791207433</v>
      </c>
    </row>
    <row r="63391" spans="1:7" x14ac:dyDescent="0.3">
      <c r="A63391" s="13" t="s">
        <v>340</v>
      </c>
      <c r="B63391" s="14" t="s">
        <v>1</v>
      </c>
      <c r="C63391" s="14" t="s">
        <v>23</v>
      </c>
      <c r="D63391" s="14" t="s">
        <v>197</v>
      </c>
      <c r="E63391" s="15">
        <v>45622</v>
      </c>
      <c r="F63391" s="14" t="s">
        <v>15</v>
      </c>
      <c r="G63391" s="16">
        <v>3.7965876051360463</v>
      </c>
    </row>
    <row r="63392" spans="1:7" x14ac:dyDescent="0.3">
      <c r="A63392" s="13" t="s">
        <v>340</v>
      </c>
      <c r="B63392" s="14" t="s">
        <v>1</v>
      </c>
      <c r="C63392" s="14" t="s">
        <v>23</v>
      </c>
      <c r="D63392" s="14" t="s">
        <v>197</v>
      </c>
      <c r="E63392" s="15">
        <v>45623</v>
      </c>
      <c r="F63392" s="14" t="s">
        <v>15</v>
      </c>
      <c r="G63392" s="16">
        <v>3.8122505152297226</v>
      </c>
    </row>
    <row r="63393" spans="1:7" x14ac:dyDescent="0.3">
      <c r="A63393" s="13" t="s">
        <v>340</v>
      </c>
      <c r="B63393" s="14" t="s">
        <v>1</v>
      </c>
      <c r="C63393" s="14" t="s">
        <v>23</v>
      </c>
      <c r="D63393" s="14" t="s">
        <v>197</v>
      </c>
      <c r="E63393" s="15">
        <v>45624</v>
      </c>
      <c r="F63393" s="14" t="s">
        <v>15</v>
      </c>
      <c r="G63393" s="16">
        <v>3.8122505152297226</v>
      </c>
    </row>
    <row r="63394" spans="1:7" x14ac:dyDescent="0.3">
      <c r="A63394" s="13" t="s">
        <v>340</v>
      </c>
      <c r="B63394" s="14" t="s">
        <v>1</v>
      </c>
      <c r="C63394" s="14" t="s">
        <v>23</v>
      </c>
      <c r="D63394" s="14" t="s">
        <v>197</v>
      </c>
      <c r="E63394" s="15">
        <v>45625</v>
      </c>
      <c r="F63394" s="14" t="s">
        <v>15</v>
      </c>
      <c r="G63394" s="16">
        <v>3.8325895283937514</v>
      </c>
    </row>
    <row r="63395" spans="1:7" x14ac:dyDescent="0.3">
      <c r="A63395" s="13" t="s">
        <v>340</v>
      </c>
      <c r="B63395" s="14" t="s">
        <v>1</v>
      </c>
      <c r="C63395" s="14" t="s">
        <v>23</v>
      </c>
      <c r="D63395" s="14" t="s">
        <v>197</v>
      </c>
      <c r="E63395" s="15">
        <v>45626</v>
      </c>
      <c r="F63395" s="14" t="s">
        <v>15</v>
      </c>
      <c r="G63395" s="16">
        <v>3.8325895283937514</v>
      </c>
    </row>
    <row r="63396" spans="1:7" x14ac:dyDescent="0.3">
      <c r="A63396" s="13" t="s">
        <v>340</v>
      </c>
      <c r="B63396" s="14" t="s">
        <v>1</v>
      </c>
      <c r="C63396" s="14" t="s">
        <v>23</v>
      </c>
      <c r="D63396" s="14" t="s">
        <v>197</v>
      </c>
      <c r="E63396" s="15">
        <v>45627</v>
      </c>
      <c r="F63396" s="14" t="s">
        <v>15</v>
      </c>
      <c r="G63396" s="16">
        <v>3.8325895283937514</v>
      </c>
    </row>
    <row r="63397" spans="1:7" x14ac:dyDescent="0.3">
      <c r="A63397" s="13" t="s">
        <v>340</v>
      </c>
      <c r="B63397" s="14" t="s">
        <v>1</v>
      </c>
      <c r="C63397" s="14" t="s">
        <v>23</v>
      </c>
      <c r="D63397" s="14" t="s">
        <v>197</v>
      </c>
      <c r="E63397" s="15">
        <v>45628</v>
      </c>
      <c r="F63397" s="14" t="s">
        <v>15</v>
      </c>
      <c r="G63397" s="16">
        <v>3.8637033237380649</v>
      </c>
    </row>
    <row r="63398" spans="1:7" x14ac:dyDescent="0.3">
      <c r="A63398" s="13" t="s">
        <v>340</v>
      </c>
      <c r="B63398" s="14" t="s">
        <v>1</v>
      </c>
      <c r="C63398" s="14" t="s">
        <v>23</v>
      </c>
      <c r="D63398" s="14" t="s">
        <v>197</v>
      </c>
      <c r="E63398" s="15">
        <v>45629</v>
      </c>
      <c r="F63398" s="14" t="s">
        <v>15</v>
      </c>
      <c r="G63398" s="16">
        <v>3.8968799189717069</v>
      </c>
    </row>
    <row r="63399" spans="1:7" x14ac:dyDescent="0.3">
      <c r="A63399" s="13" t="s">
        <v>340</v>
      </c>
      <c r="B63399" s="14" t="s">
        <v>1</v>
      </c>
      <c r="C63399" s="14" t="s">
        <v>23</v>
      </c>
      <c r="D63399" s="14" t="s">
        <v>197</v>
      </c>
      <c r="E63399" s="15">
        <v>45630</v>
      </c>
      <c r="F63399" s="14" t="s">
        <v>15</v>
      </c>
      <c r="G63399" s="16">
        <v>3.9104327339271321</v>
      </c>
    </row>
    <row r="63400" spans="1:7" x14ac:dyDescent="0.3">
      <c r="A63400" s="13" t="s">
        <v>340</v>
      </c>
      <c r="B63400" s="14" t="s">
        <v>1</v>
      </c>
      <c r="C63400" s="14" t="s">
        <v>23</v>
      </c>
      <c r="D63400" s="14" t="s">
        <v>197</v>
      </c>
      <c r="E63400" s="15">
        <v>45631</v>
      </c>
      <c r="F63400" s="14" t="s">
        <v>15</v>
      </c>
      <c r="G63400" s="16">
        <v>3.9261494341586154</v>
      </c>
    </row>
    <row r="63401" spans="1:7" x14ac:dyDescent="0.3">
      <c r="A63401" s="13" t="s">
        <v>340</v>
      </c>
      <c r="B63401" s="14" t="s">
        <v>1</v>
      </c>
      <c r="C63401" s="14" t="s">
        <v>23</v>
      </c>
      <c r="D63401" s="14" t="s">
        <v>197</v>
      </c>
      <c r="E63401" s="15">
        <v>45632</v>
      </c>
      <c r="F63401" s="14" t="s">
        <v>15</v>
      </c>
      <c r="G63401" s="16">
        <v>3.9417945880201044</v>
      </c>
    </row>
    <row r="63402" spans="1:7" x14ac:dyDescent="0.3">
      <c r="A63402" s="13" t="s">
        <v>340</v>
      </c>
      <c r="B63402" s="14" t="s">
        <v>1</v>
      </c>
      <c r="C63402" s="14" t="s">
        <v>23</v>
      </c>
      <c r="D63402" s="14" t="s">
        <v>197</v>
      </c>
      <c r="E63402" s="15">
        <v>45633</v>
      </c>
      <c r="F63402" s="14" t="s">
        <v>15</v>
      </c>
      <c r="G63402" s="16">
        <v>3.9417945880201044</v>
      </c>
    </row>
    <row r="63403" spans="1:7" x14ac:dyDescent="0.3">
      <c r="A63403" s="13" t="s">
        <v>340</v>
      </c>
      <c r="B63403" s="14" t="s">
        <v>1</v>
      </c>
      <c r="C63403" s="14" t="s">
        <v>23</v>
      </c>
      <c r="D63403" s="14" t="s">
        <v>197</v>
      </c>
      <c r="E63403" s="15">
        <v>45634</v>
      </c>
      <c r="F63403" s="14" t="s">
        <v>15</v>
      </c>
      <c r="G63403" s="16">
        <v>3.9417945880201044</v>
      </c>
    </row>
    <row r="63404" spans="1:7" x14ac:dyDescent="0.3">
      <c r="A63404" s="13" t="s">
        <v>340</v>
      </c>
      <c r="B63404" s="14" t="s">
        <v>1</v>
      </c>
      <c r="C63404" s="14" t="s">
        <v>23</v>
      </c>
      <c r="D63404" s="14" t="s">
        <v>197</v>
      </c>
      <c r="E63404" s="15">
        <v>45635</v>
      </c>
      <c r="F63404" s="14" t="s">
        <v>15</v>
      </c>
      <c r="G63404" s="16">
        <v>3.965390724032583</v>
      </c>
    </row>
    <row r="63405" spans="1:7" x14ac:dyDescent="0.3">
      <c r="A63405" s="13" t="s">
        <v>340</v>
      </c>
      <c r="B63405" s="14" t="s">
        <v>1</v>
      </c>
      <c r="C63405" s="14" t="s">
        <v>23</v>
      </c>
      <c r="D63405" s="14" t="s">
        <v>197</v>
      </c>
      <c r="E63405" s="15">
        <v>45636</v>
      </c>
      <c r="F63405" s="14" t="s">
        <v>15</v>
      </c>
      <c r="G63405" s="16">
        <v>4.0118991318351913</v>
      </c>
    </row>
    <row r="63406" spans="1:7" x14ac:dyDescent="0.3">
      <c r="A63406" s="13" t="s">
        <v>340</v>
      </c>
      <c r="B63406" s="14" t="s">
        <v>1</v>
      </c>
      <c r="C63406" s="14" t="s">
        <v>23</v>
      </c>
      <c r="D63406" s="14" t="s">
        <v>197</v>
      </c>
      <c r="E63406" s="15">
        <v>45637</v>
      </c>
      <c r="F63406" s="14" t="s">
        <v>15</v>
      </c>
      <c r="G63406" s="16">
        <v>4.0274872586823776</v>
      </c>
    </row>
    <row r="63407" spans="1:7" x14ac:dyDescent="0.3">
      <c r="A63407" s="13" t="s">
        <v>340</v>
      </c>
      <c r="B63407" s="14" t="s">
        <v>1</v>
      </c>
      <c r="C63407" s="14" t="s">
        <v>23</v>
      </c>
      <c r="D63407" s="14" t="s">
        <v>197</v>
      </c>
      <c r="E63407" s="15">
        <v>45638</v>
      </c>
      <c r="F63407" s="14" t="s">
        <v>15</v>
      </c>
      <c r="G63407" s="16">
        <v>4.0431218460123199</v>
      </c>
    </row>
    <row r="63408" spans="1:7" x14ac:dyDescent="0.3">
      <c r="A63408" s="13" t="s">
        <v>340</v>
      </c>
      <c r="B63408" s="14" t="s">
        <v>1</v>
      </c>
      <c r="C63408" s="14" t="s">
        <v>23</v>
      </c>
      <c r="D63408" s="14" t="s">
        <v>197</v>
      </c>
      <c r="E63408" s="15">
        <v>45639</v>
      </c>
      <c r="F63408" s="14" t="s">
        <v>15</v>
      </c>
      <c r="G63408" s="16">
        <v>4.0587438588764035</v>
      </c>
    </row>
    <row r="63409" spans="1:7" x14ac:dyDescent="0.3">
      <c r="A63409" s="13" t="s">
        <v>340</v>
      </c>
      <c r="B63409" s="14" t="s">
        <v>1</v>
      </c>
      <c r="C63409" s="14" t="s">
        <v>23</v>
      </c>
      <c r="D63409" s="14" t="s">
        <v>197</v>
      </c>
      <c r="E63409" s="15">
        <v>45640</v>
      </c>
      <c r="F63409" s="14" t="s">
        <v>15</v>
      </c>
      <c r="G63409" s="16">
        <v>4.0587438588764035</v>
      </c>
    </row>
    <row r="63410" spans="1:7" x14ac:dyDescent="0.3">
      <c r="A63410" s="13" t="s">
        <v>340</v>
      </c>
      <c r="B63410" s="14" t="s">
        <v>1</v>
      </c>
      <c r="C63410" s="14" t="s">
        <v>23</v>
      </c>
      <c r="D63410" s="14" t="s">
        <v>197</v>
      </c>
      <c r="E63410" s="15">
        <v>45641</v>
      </c>
      <c r="F63410" s="14" t="s">
        <v>15</v>
      </c>
      <c r="G63410" s="16">
        <v>4.0587438588764035</v>
      </c>
    </row>
    <row r="63411" spans="1:7" x14ac:dyDescent="0.3">
      <c r="A63411" s="13" t="s">
        <v>340</v>
      </c>
      <c r="B63411" s="14" t="s">
        <v>1</v>
      </c>
      <c r="C63411" s="14" t="s">
        <v>23</v>
      </c>
      <c r="D63411" s="14" t="s">
        <v>197</v>
      </c>
      <c r="E63411" s="15">
        <v>45642</v>
      </c>
      <c r="F63411" s="14" t="s">
        <v>15</v>
      </c>
      <c r="G63411" s="16">
        <v>4.074481715794974</v>
      </c>
    </row>
    <row r="63412" spans="1:7" x14ac:dyDescent="0.3">
      <c r="A63412" s="13" t="s">
        <v>340</v>
      </c>
      <c r="B63412" s="14" t="s">
        <v>1</v>
      </c>
      <c r="C63412" s="14" t="s">
        <v>23</v>
      </c>
      <c r="D63412" s="14" t="s">
        <v>197</v>
      </c>
      <c r="E63412" s="15">
        <v>45643</v>
      </c>
      <c r="F63412" s="14" t="s">
        <v>15</v>
      </c>
      <c r="G63412" s="16">
        <v>4.1211176884036966</v>
      </c>
    </row>
    <row r="63413" spans="1:7" x14ac:dyDescent="0.3">
      <c r="A63413" s="13" t="s">
        <v>340</v>
      </c>
      <c r="B63413" s="14" t="s">
        <v>1</v>
      </c>
      <c r="C63413" s="14" t="s">
        <v>23</v>
      </c>
      <c r="D63413" s="14" t="s">
        <v>197</v>
      </c>
      <c r="E63413" s="15">
        <v>45644</v>
      </c>
      <c r="F63413" s="14" t="s">
        <v>15</v>
      </c>
      <c r="G63413" s="16">
        <v>4.1371454851311835</v>
      </c>
    </row>
    <row r="63414" spans="1:7" x14ac:dyDescent="0.3">
      <c r="A63414" s="13" t="s">
        <v>340</v>
      </c>
      <c r="B63414" s="14" t="s">
        <v>1</v>
      </c>
      <c r="C63414" s="14" t="s">
        <v>23</v>
      </c>
      <c r="D63414" s="14" t="s">
        <v>197</v>
      </c>
      <c r="E63414" s="15">
        <v>45645</v>
      </c>
      <c r="F63414" s="14" t="s">
        <v>15</v>
      </c>
      <c r="G63414" s="16">
        <v>4.1520673749552079</v>
      </c>
    </row>
    <row r="63415" spans="1:7" x14ac:dyDescent="0.3">
      <c r="A63415" s="13" t="s">
        <v>340</v>
      </c>
      <c r="B63415" s="14" t="s">
        <v>1</v>
      </c>
      <c r="C63415" s="14" t="s">
        <v>23</v>
      </c>
      <c r="D63415" s="14" t="s">
        <v>197</v>
      </c>
      <c r="E63415" s="15">
        <v>45646</v>
      </c>
      <c r="F63415" s="14" t="s">
        <v>15</v>
      </c>
      <c r="G63415" s="16">
        <v>4.1669275723982455</v>
      </c>
    </row>
    <row r="63416" spans="1:7" x14ac:dyDescent="0.3">
      <c r="A63416" s="13" t="s">
        <v>340</v>
      </c>
      <c r="B63416" s="14" t="s">
        <v>1</v>
      </c>
      <c r="C63416" s="14" t="s">
        <v>23</v>
      </c>
      <c r="D63416" s="14" t="s">
        <v>197</v>
      </c>
      <c r="E63416" s="15">
        <v>45647</v>
      </c>
      <c r="F63416" s="14" t="s">
        <v>15</v>
      </c>
      <c r="G63416" s="16">
        <v>4.1669275723982455</v>
      </c>
    </row>
    <row r="63417" spans="1:7" x14ac:dyDescent="0.3">
      <c r="A63417" s="13" t="s">
        <v>340</v>
      </c>
      <c r="B63417" s="14" t="s">
        <v>1</v>
      </c>
      <c r="C63417" s="14" t="s">
        <v>23</v>
      </c>
      <c r="D63417" s="14" t="s">
        <v>197</v>
      </c>
      <c r="E63417" s="15">
        <v>45648</v>
      </c>
      <c r="F63417" s="14" t="s">
        <v>15</v>
      </c>
      <c r="G63417" s="16">
        <v>4.1669275723982455</v>
      </c>
    </row>
    <row r="63418" spans="1:7" x14ac:dyDescent="0.3">
      <c r="A63418" s="13" t="s">
        <v>340</v>
      </c>
      <c r="B63418" s="14" t="s">
        <v>1</v>
      </c>
      <c r="C63418" s="14" t="s">
        <v>23</v>
      </c>
      <c r="D63418" s="14" t="s">
        <v>197</v>
      </c>
      <c r="E63418" s="15">
        <v>45649</v>
      </c>
      <c r="F63418" s="14" t="s">
        <v>15</v>
      </c>
      <c r="G63418" s="16">
        <v>4.1399652994829319</v>
      </c>
    </row>
    <row r="63419" spans="1:7" x14ac:dyDescent="0.3">
      <c r="A63419" s="13" t="s">
        <v>340</v>
      </c>
      <c r="B63419" s="14" t="s">
        <v>1</v>
      </c>
      <c r="C63419" s="14" t="s">
        <v>23</v>
      </c>
      <c r="D63419" s="14" t="s">
        <v>197</v>
      </c>
      <c r="E63419" s="15">
        <v>45650</v>
      </c>
      <c r="F63419" s="14" t="s">
        <v>15</v>
      </c>
      <c r="G63419" s="16">
        <v>4.1815864414098645</v>
      </c>
    </row>
    <row r="63420" spans="1:7" x14ac:dyDescent="0.3">
      <c r="A63420" s="13" t="s">
        <v>340</v>
      </c>
      <c r="B63420" s="14" t="s">
        <v>1</v>
      </c>
      <c r="C63420" s="14" t="s">
        <v>23</v>
      </c>
      <c r="D63420" s="14" t="s">
        <v>197</v>
      </c>
      <c r="E63420" s="15">
        <v>45651</v>
      </c>
      <c r="F63420" s="14" t="s">
        <v>15</v>
      </c>
      <c r="G63420" s="16">
        <v>4.1815864414098645</v>
      </c>
    </row>
    <row r="63421" spans="1:7" x14ac:dyDescent="0.3">
      <c r="A63421" s="13" t="s">
        <v>340</v>
      </c>
      <c r="B63421" s="14" t="s">
        <v>1</v>
      </c>
      <c r="C63421" s="14" t="s">
        <v>23</v>
      </c>
      <c r="D63421" s="14" t="s">
        <v>197</v>
      </c>
      <c r="E63421" s="15">
        <v>45652</v>
      </c>
      <c r="F63421" s="14" t="s">
        <v>15</v>
      </c>
      <c r="G63421" s="16">
        <v>4.1815864414098645</v>
      </c>
    </row>
    <row r="63422" spans="1:7" x14ac:dyDescent="0.3">
      <c r="A63422" s="13" t="s">
        <v>340</v>
      </c>
      <c r="B63422" s="14" t="s">
        <v>1</v>
      </c>
      <c r="C63422" s="14" t="s">
        <v>23</v>
      </c>
      <c r="D63422" s="14" t="s">
        <v>197</v>
      </c>
      <c r="E63422" s="15">
        <v>45653</v>
      </c>
      <c r="F63422" s="14" t="s">
        <v>15</v>
      </c>
      <c r="G63422" s="16">
        <v>4.1815864414098645</v>
      </c>
    </row>
    <row r="63423" spans="1:7" x14ac:dyDescent="0.3">
      <c r="A63423" s="13" t="s">
        <v>340</v>
      </c>
      <c r="B63423" s="14" t="s">
        <v>1</v>
      </c>
      <c r="C63423" s="14" t="s">
        <v>23</v>
      </c>
      <c r="D63423" s="14" t="s">
        <v>197</v>
      </c>
      <c r="E63423" s="15">
        <v>45654</v>
      </c>
      <c r="F63423" s="14" t="s">
        <v>15</v>
      </c>
      <c r="G63423" s="16">
        <v>4.1815864414098645</v>
      </c>
    </row>
    <row r="63424" spans="1:7" x14ac:dyDescent="0.3">
      <c r="A63424" s="13" t="s">
        <v>340</v>
      </c>
      <c r="B63424" s="14" t="s">
        <v>1</v>
      </c>
      <c r="C63424" s="14" t="s">
        <v>23</v>
      </c>
      <c r="D63424" s="14" t="s">
        <v>197</v>
      </c>
      <c r="E63424" s="15">
        <v>45655</v>
      </c>
      <c r="F63424" s="14" t="s">
        <v>15</v>
      </c>
      <c r="G63424" s="16">
        <v>4.1815864414098645</v>
      </c>
    </row>
    <row r="63425" spans="1:7" x14ac:dyDescent="0.3">
      <c r="A63425" s="13" t="s">
        <v>340</v>
      </c>
      <c r="B63425" s="14" t="s">
        <v>1</v>
      </c>
      <c r="C63425" s="14" t="s">
        <v>23</v>
      </c>
      <c r="D63425" s="14" t="s">
        <v>197</v>
      </c>
      <c r="E63425" s="15">
        <v>45656</v>
      </c>
      <c r="F63425" s="14" t="s">
        <v>15</v>
      </c>
      <c r="G63425" s="16">
        <v>4.1975209861934042</v>
      </c>
    </row>
    <row r="63426" spans="1:7" x14ac:dyDescent="0.3">
      <c r="A63426" s="13" t="s">
        <v>340</v>
      </c>
      <c r="B63426" s="14" t="s">
        <v>1</v>
      </c>
      <c r="C63426" s="14" t="s">
        <v>23</v>
      </c>
      <c r="D63426" s="14" t="s">
        <v>197</v>
      </c>
      <c r="E63426" s="15">
        <v>45657</v>
      </c>
      <c r="F63426" s="14" t="s">
        <v>15</v>
      </c>
      <c r="G63426" s="16">
        <v>4.2971047032440408</v>
      </c>
    </row>
    <row r="63427" spans="1:7" x14ac:dyDescent="0.3">
      <c r="A63427" s="13" t="s">
        <v>340</v>
      </c>
      <c r="B63427" s="14" t="s">
        <v>1</v>
      </c>
      <c r="C63427" s="14" t="s">
        <v>23</v>
      </c>
      <c r="D63427" s="14" t="s">
        <v>197</v>
      </c>
      <c r="E63427" s="15">
        <v>45658</v>
      </c>
      <c r="F63427" s="14" t="s">
        <v>15</v>
      </c>
      <c r="G63427" s="16">
        <v>4.2971047032440408</v>
      </c>
    </row>
    <row r="63428" spans="1:7" x14ac:dyDescent="0.3">
      <c r="A63428" s="13" t="s">
        <v>340</v>
      </c>
      <c r="B63428" s="14" t="s">
        <v>1</v>
      </c>
      <c r="C63428" s="14" t="s">
        <v>23</v>
      </c>
      <c r="D63428" s="14" t="s">
        <v>197</v>
      </c>
      <c r="E63428" s="15">
        <v>45659</v>
      </c>
      <c r="F63428" s="14" t="s">
        <v>15</v>
      </c>
      <c r="G63428" s="16">
        <v>4.3114431917465401</v>
      </c>
    </row>
    <row r="63429" spans="1:7" x14ac:dyDescent="0.3">
      <c r="A63429" s="13" t="s">
        <v>340</v>
      </c>
      <c r="B63429" s="14" t="s">
        <v>1</v>
      </c>
      <c r="C63429" s="14" t="s">
        <v>23</v>
      </c>
      <c r="D63429" s="14" t="s">
        <v>197</v>
      </c>
      <c r="E63429" s="15">
        <v>45660</v>
      </c>
      <c r="F63429" s="14" t="s">
        <v>15</v>
      </c>
      <c r="G63429" s="16">
        <v>4.3326241327619632</v>
      </c>
    </row>
    <row r="63430" spans="1:7" x14ac:dyDescent="0.3">
      <c r="A63430" s="13" t="s">
        <v>340</v>
      </c>
      <c r="B63430" s="14" t="s">
        <v>1</v>
      </c>
      <c r="C63430" s="14" t="s">
        <v>23</v>
      </c>
      <c r="D63430" s="14" t="s">
        <v>197</v>
      </c>
      <c r="E63430" s="15">
        <v>45661</v>
      </c>
      <c r="F63430" s="14" t="s">
        <v>15</v>
      </c>
      <c r="G63430" s="16">
        <v>4.3326241327619632</v>
      </c>
    </row>
    <row r="63431" spans="1:7" x14ac:dyDescent="0.3">
      <c r="A63431" s="13" t="s">
        <v>340</v>
      </c>
      <c r="B63431" s="14" t="s">
        <v>1</v>
      </c>
      <c r="C63431" s="14" t="s">
        <v>23</v>
      </c>
      <c r="D63431" s="14" t="s">
        <v>197</v>
      </c>
      <c r="E63431" s="15">
        <v>45662</v>
      </c>
      <c r="F63431" s="14" t="s">
        <v>15</v>
      </c>
      <c r="G63431" s="16">
        <v>4.3326241327619632</v>
      </c>
    </row>
    <row r="63432" spans="1:7" x14ac:dyDescent="0.3">
      <c r="A63432" s="13" t="s">
        <v>340</v>
      </c>
      <c r="B63432" s="14" t="s">
        <v>1</v>
      </c>
      <c r="C63432" s="14" t="s">
        <v>23</v>
      </c>
      <c r="D63432" s="14" t="s">
        <v>197</v>
      </c>
      <c r="E63432" s="15">
        <v>45663</v>
      </c>
      <c r="F63432" s="14" t="s">
        <v>15</v>
      </c>
      <c r="G63432" s="16">
        <v>4.3484536951287751</v>
      </c>
    </row>
    <row r="63433" spans="1:7" x14ac:dyDescent="0.3">
      <c r="A63433" s="13" t="s">
        <v>340</v>
      </c>
      <c r="B63433" s="14" t="s">
        <v>1</v>
      </c>
      <c r="C63433" s="14" t="s">
        <v>23</v>
      </c>
      <c r="D63433" s="14" t="s">
        <v>197</v>
      </c>
      <c r="E63433" s="15">
        <v>45664</v>
      </c>
      <c r="F63433" s="14" t="s">
        <v>15</v>
      </c>
      <c r="G63433" s="16">
        <v>4.397412200286495</v>
      </c>
    </row>
    <row r="63434" spans="1:7" x14ac:dyDescent="0.3">
      <c r="A63434" s="13" t="s">
        <v>340</v>
      </c>
      <c r="B63434" s="14" t="s">
        <v>1</v>
      </c>
      <c r="C63434" s="14" t="s">
        <v>23</v>
      </c>
      <c r="D63434" s="14" t="s">
        <v>197</v>
      </c>
      <c r="E63434" s="15">
        <v>45665</v>
      </c>
      <c r="F63434" s="14" t="s">
        <v>15</v>
      </c>
      <c r="G63434" s="16">
        <v>4.4152594685078412</v>
      </c>
    </row>
    <row r="63435" spans="1:7" x14ac:dyDescent="0.3">
      <c r="A63435" s="13" t="s">
        <v>340</v>
      </c>
      <c r="B63435" s="14" t="s">
        <v>1</v>
      </c>
      <c r="C63435" s="14" t="s">
        <v>23</v>
      </c>
      <c r="D63435" s="14" t="s">
        <v>197</v>
      </c>
      <c r="E63435" s="15">
        <v>45666</v>
      </c>
      <c r="F63435" s="14" t="s">
        <v>15</v>
      </c>
      <c r="G63435" s="16">
        <v>4.4152594685078412</v>
      </c>
    </row>
    <row r="63436" spans="1:7" x14ac:dyDescent="0.3">
      <c r="A63436" s="13" t="s">
        <v>340</v>
      </c>
      <c r="B63436" s="14" t="s">
        <v>1</v>
      </c>
      <c r="C63436" s="14" t="s">
        <v>23</v>
      </c>
      <c r="D63436" s="14" t="s">
        <v>197</v>
      </c>
      <c r="E63436" s="15">
        <v>45667</v>
      </c>
      <c r="F63436" s="14" t="s">
        <v>15</v>
      </c>
      <c r="G63436" s="16">
        <v>4.4373078375374275</v>
      </c>
    </row>
    <row r="63437" spans="1:7" x14ac:dyDescent="0.3">
      <c r="A63437" s="13" t="s">
        <v>340</v>
      </c>
      <c r="B63437" s="14" t="s">
        <v>1</v>
      </c>
      <c r="C63437" s="14" t="s">
        <v>23</v>
      </c>
      <c r="D63437" s="14" t="s">
        <v>197</v>
      </c>
      <c r="E63437" s="15">
        <v>45668</v>
      </c>
      <c r="F63437" s="14" t="s">
        <v>15</v>
      </c>
      <c r="G63437" s="16">
        <v>4.4373078375374275</v>
      </c>
    </row>
    <row r="63438" spans="1:7" x14ac:dyDescent="0.3">
      <c r="A63438" s="13" t="s">
        <v>340</v>
      </c>
      <c r="B63438" s="14" t="s">
        <v>1</v>
      </c>
      <c r="C63438" s="14" t="s">
        <v>23</v>
      </c>
      <c r="D63438" s="14" t="s">
        <v>197</v>
      </c>
      <c r="E63438" s="15">
        <v>45669</v>
      </c>
      <c r="F63438" s="14" t="s">
        <v>15</v>
      </c>
      <c r="G63438" s="16">
        <v>4.4373078375374275</v>
      </c>
    </row>
    <row r="63439" spans="1:7" x14ac:dyDescent="0.3">
      <c r="A63439" s="13" t="s">
        <v>340</v>
      </c>
      <c r="B63439" s="14" t="s">
        <v>1</v>
      </c>
      <c r="C63439" s="14" t="s">
        <v>23</v>
      </c>
      <c r="D63439" s="14" t="s">
        <v>197</v>
      </c>
      <c r="E63439" s="15">
        <v>45670</v>
      </c>
      <c r="F63439" s="14" t="s">
        <v>15</v>
      </c>
      <c r="G63439" s="16">
        <v>4.4716792885302068</v>
      </c>
    </row>
    <row r="63440" spans="1:7" x14ac:dyDescent="0.3">
      <c r="A63440" s="13" t="s">
        <v>340</v>
      </c>
      <c r="B63440" s="14" t="s">
        <v>1</v>
      </c>
      <c r="C63440" s="14" t="s">
        <v>23</v>
      </c>
      <c r="D63440" s="14" t="s">
        <v>197</v>
      </c>
      <c r="E63440" s="15">
        <v>45671</v>
      </c>
      <c r="F63440" s="14" t="s">
        <v>15</v>
      </c>
      <c r="G63440" s="16">
        <v>4.5140442977860173</v>
      </c>
    </row>
    <row r="63441" spans="1:7" x14ac:dyDescent="0.3">
      <c r="A63441" s="13" t="s">
        <v>340</v>
      </c>
      <c r="B63441" s="14" t="s">
        <v>1</v>
      </c>
      <c r="C63441" s="14" t="s">
        <v>23</v>
      </c>
      <c r="D63441" s="14" t="s">
        <v>197</v>
      </c>
      <c r="E63441" s="15">
        <v>45672</v>
      </c>
      <c r="F63441" s="14" t="s">
        <v>15</v>
      </c>
      <c r="G63441" s="16">
        <v>4.530128438252123</v>
      </c>
    </row>
    <row r="63442" spans="1:7" x14ac:dyDescent="0.3">
      <c r="A63442" s="13" t="s">
        <v>340</v>
      </c>
      <c r="B63442" s="14" t="s">
        <v>1</v>
      </c>
      <c r="C63442" s="14" t="s">
        <v>23</v>
      </c>
      <c r="D63442" s="14" t="s">
        <v>197</v>
      </c>
      <c r="E63442" s="15">
        <v>45673</v>
      </c>
      <c r="F63442" s="14" t="s">
        <v>15</v>
      </c>
      <c r="G63442" s="16">
        <v>4.5462141697015337</v>
      </c>
    </row>
    <row r="63443" spans="1:7" x14ac:dyDescent="0.3">
      <c r="A63443" s="13" t="s">
        <v>340</v>
      </c>
      <c r="B63443" s="14" t="s">
        <v>1</v>
      </c>
      <c r="C63443" s="14" t="s">
        <v>23</v>
      </c>
      <c r="D63443" s="14" t="s">
        <v>197</v>
      </c>
      <c r="E63443" s="15">
        <v>45674</v>
      </c>
      <c r="F63443" s="14" t="s">
        <v>15</v>
      </c>
      <c r="G63443" s="16">
        <v>4.5527300707176943</v>
      </c>
    </row>
    <row r="63444" spans="1:7" x14ac:dyDescent="0.3">
      <c r="A63444" s="13" t="s">
        <v>340</v>
      </c>
      <c r="B63444" s="14" t="s">
        <v>1</v>
      </c>
      <c r="C63444" s="14" t="s">
        <v>23</v>
      </c>
      <c r="D63444" s="14" t="s">
        <v>197</v>
      </c>
      <c r="E63444" s="15">
        <v>45675</v>
      </c>
      <c r="F63444" s="14" t="s">
        <v>15</v>
      </c>
      <c r="G63444" s="16">
        <v>4.5527300707176943</v>
      </c>
    </row>
    <row r="63445" spans="1:7" x14ac:dyDescent="0.3">
      <c r="A63445" s="13" t="s">
        <v>340</v>
      </c>
      <c r="B63445" s="14" t="s">
        <v>1</v>
      </c>
      <c r="C63445" s="14" t="s">
        <v>23</v>
      </c>
      <c r="D63445" s="14" t="s">
        <v>197</v>
      </c>
      <c r="E63445" s="15">
        <v>45676</v>
      </c>
      <c r="F63445" s="14" t="s">
        <v>15</v>
      </c>
      <c r="G63445" s="16">
        <v>4.5527300707176943</v>
      </c>
    </row>
    <row r="63446" spans="1:7" x14ac:dyDescent="0.3">
      <c r="A63446" s="13" t="s">
        <v>340</v>
      </c>
      <c r="B63446" s="14" t="s">
        <v>1</v>
      </c>
      <c r="C63446" s="14" t="s">
        <v>23</v>
      </c>
      <c r="D63446" s="14" t="s">
        <v>197</v>
      </c>
      <c r="E63446" s="15">
        <v>45677</v>
      </c>
      <c r="F63446" s="14" t="s">
        <v>15</v>
      </c>
      <c r="G63446" s="16">
        <v>4.5527300707176943</v>
      </c>
    </row>
    <row r="63447" spans="1:7" x14ac:dyDescent="0.3">
      <c r="A63447" s="13" t="s">
        <v>340</v>
      </c>
      <c r="B63447" s="14" t="s">
        <v>1</v>
      </c>
      <c r="C63447" s="14" t="s">
        <v>23</v>
      </c>
      <c r="D63447" s="14" t="s">
        <v>197</v>
      </c>
      <c r="E63447" s="15">
        <v>45678</v>
      </c>
      <c r="F63447" s="14" t="s">
        <v>15</v>
      </c>
      <c r="G63447" s="16">
        <v>4.5698066978261984</v>
      </c>
    </row>
    <row r="63448" spans="1:7" x14ac:dyDescent="0.3">
      <c r="A63448" s="13" t="s">
        <v>340</v>
      </c>
      <c r="B63448" s="14" t="s">
        <v>1</v>
      </c>
      <c r="C63448" s="14" t="s">
        <v>23</v>
      </c>
      <c r="D63448" s="14" t="s">
        <v>197</v>
      </c>
      <c r="E63448" s="15">
        <v>45679</v>
      </c>
      <c r="F63448" s="14" t="s">
        <v>15</v>
      </c>
      <c r="G63448" s="16">
        <v>4.6294679532558796</v>
      </c>
    </row>
    <row r="63449" spans="1:7" x14ac:dyDescent="0.3">
      <c r="A63449" s="13" t="s">
        <v>340</v>
      </c>
      <c r="B63449" s="14" t="s">
        <v>1</v>
      </c>
      <c r="C63449" s="14" t="s">
        <v>23</v>
      </c>
      <c r="D63449" s="14" t="s">
        <v>197</v>
      </c>
      <c r="E63449" s="15">
        <v>45680</v>
      </c>
      <c r="F63449" s="14" t="s">
        <v>15</v>
      </c>
      <c r="G63449" s="16">
        <v>4.6443997663564263</v>
      </c>
    </row>
    <row r="63450" spans="1:7" x14ac:dyDescent="0.3">
      <c r="A63450" s="13" t="s">
        <v>340</v>
      </c>
      <c r="B63450" s="14" t="s">
        <v>1</v>
      </c>
      <c r="C63450" s="14" t="s">
        <v>23</v>
      </c>
      <c r="D63450" s="14" t="s">
        <v>197</v>
      </c>
      <c r="E63450" s="15">
        <v>45681</v>
      </c>
      <c r="F63450" s="14" t="s">
        <v>15</v>
      </c>
      <c r="G63450" s="16">
        <v>4.6593832487171429</v>
      </c>
    </row>
    <row r="63451" spans="1:7" x14ac:dyDescent="0.3">
      <c r="A63451" s="13" t="s">
        <v>340</v>
      </c>
      <c r="B63451" s="14" t="s">
        <v>1</v>
      </c>
      <c r="C63451" s="14" t="s">
        <v>23</v>
      </c>
      <c r="D63451" s="14" t="s">
        <v>197</v>
      </c>
      <c r="E63451" s="15">
        <v>45682</v>
      </c>
      <c r="F63451" s="14" t="s">
        <v>15</v>
      </c>
      <c r="G63451" s="16">
        <v>4.6593832487171429</v>
      </c>
    </row>
    <row r="63452" spans="1:7" x14ac:dyDescent="0.3">
      <c r="A63452" s="13" t="s">
        <v>340</v>
      </c>
      <c r="B63452" s="14" t="s">
        <v>1</v>
      </c>
      <c r="C63452" s="14" t="s">
        <v>23</v>
      </c>
      <c r="D63452" s="14" t="s">
        <v>197</v>
      </c>
      <c r="E63452" s="15">
        <v>45683</v>
      </c>
      <c r="F63452" s="14" t="s">
        <v>15</v>
      </c>
      <c r="G63452" s="16">
        <v>4.6593832487171429</v>
      </c>
    </row>
    <row r="63453" spans="1:7" x14ac:dyDescent="0.3">
      <c r="A63453" s="13" t="s">
        <v>340</v>
      </c>
      <c r="B63453" s="14" t="s">
        <v>1</v>
      </c>
      <c r="C63453" s="14" t="s">
        <v>23</v>
      </c>
      <c r="D63453" s="14" t="s">
        <v>197</v>
      </c>
      <c r="E63453" s="15">
        <v>45684</v>
      </c>
      <c r="F63453" s="14" t="s">
        <v>15</v>
      </c>
      <c r="G63453" s="16">
        <v>4.6761215761146939</v>
      </c>
    </row>
    <row r="63454" spans="1:7" x14ac:dyDescent="0.3">
      <c r="A63454" s="13" t="s">
        <v>340</v>
      </c>
      <c r="B63454" s="14" t="s">
        <v>1</v>
      </c>
      <c r="C63454" s="14" t="s">
        <v>23</v>
      </c>
      <c r="D63454" s="14" t="s">
        <v>197</v>
      </c>
      <c r="E63454" s="15">
        <v>45685</v>
      </c>
      <c r="F63454" s="14" t="s">
        <v>15</v>
      </c>
      <c r="G63454" s="16">
        <v>4.7213740238560407</v>
      </c>
    </row>
    <row r="63455" spans="1:7" x14ac:dyDescent="0.3">
      <c r="A63455" s="13" t="s">
        <v>340</v>
      </c>
      <c r="B63455" s="14" t="s">
        <v>1</v>
      </c>
      <c r="C63455" s="14" t="s">
        <v>23</v>
      </c>
      <c r="D63455" s="14" t="s">
        <v>197</v>
      </c>
      <c r="E63455" s="15">
        <v>45686</v>
      </c>
      <c r="F63455" s="14" t="s">
        <v>15</v>
      </c>
      <c r="G63455" s="16">
        <v>4.736475336285781</v>
      </c>
    </row>
    <row r="63456" spans="1:7" x14ac:dyDescent="0.3">
      <c r="A63456" s="13" t="s">
        <v>340</v>
      </c>
      <c r="B63456" s="14" t="s">
        <v>1</v>
      </c>
      <c r="C63456" s="14" t="s">
        <v>23</v>
      </c>
      <c r="D63456" s="14" t="s">
        <v>197</v>
      </c>
      <c r="E63456" s="15">
        <v>45687</v>
      </c>
      <c r="F63456" s="14" t="s">
        <v>15</v>
      </c>
      <c r="G63456" s="16">
        <v>4.7525375859741334</v>
      </c>
    </row>
    <row r="63457" spans="1:7" x14ac:dyDescent="0.3">
      <c r="A63457" s="13" t="s">
        <v>340</v>
      </c>
      <c r="B63457" s="14" t="s">
        <v>1</v>
      </c>
      <c r="C63457" s="14" t="s">
        <v>23</v>
      </c>
      <c r="D63457" s="14" t="s">
        <v>197</v>
      </c>
      <c r="E63457" s="15">
        <v>45688</v>
      </c>
      <c r="F63457" s="14" t="s">
        <v>15</v>
      </c>
      <c r="G63457" s="16">
        <v>4.7675110643175937</v>
      </c>
    </row>
    <row r="63458" spans="1:7" x14ac:dyDescent="0.3">
      <c r="A63458" s="13" t="s">
        <v>340</v>
      </c>
      <c r="B63458" s="14" t="s">
        <v>1</v>
      </c>
      <c r="C63458" s="14" t="s">
        <v>23</v>
      </c>
      <c r="D63458" s="14" t="s">
        <v>197</v>
      </c>
      <c r="E63458" s="15">
        <v>45689</v>
      </c>
      <c r="F63458" s="14" t="s">
        <v>15</v>
      </c>
      <c r="G63458" s="16">
        <v>4.7675110643175937</v>
      </c>
    </row>
    <row r="63459" spans="1:7" x14ac:dyDescent="0.3">
      <c r="A63459" s="13" t="s">
        <v>340</v>
      </c>
      <c r="B63459" s="14" t="s">
        <v>1</v>
      </c>
      <c r="C63459" s="14" t="s">
        <v>23</v>
      </c>
      <c r="D63459" s="14" t="s">
        <v>197</v>
      </c>
      <c r="E63459" s="15">
        <v>45690</v>
      </c>
      <c r="F63459" s="14" t="s">
        <v>15</v>
      </c>
      <c r="G63459" s="16">
        <v>4.7675110643175937</v>
      </c>
    </row>
    <row r="63460" spans="1:7" x14ac:dyDescent="0.3">
      <c r="A63460" s="13" t="s">
        <v>340</v>
      </c>
      <c r="B63460" s="14" t="s">
        <v>1</v>
      </c>
      <c r="C63460" s="14" t="s">
        <v>23</v>
      </c>
      <c r="D63460" s="14" t="s">
        <v>197</v>
      </c>
      <c r="E63460" s="15">
        <v>45691</v>
      </c>
      <c r="F63460" s="14" t="s">
        <v>15</v>
      </c>
      <c r="G63460" s="16">
        <v>4.7675110643175937</v>
      </c>
    </row>
    <row r="63461" spans="1:7" x14ac:dyDescent="0.3">
      <c r="A63461" s="13" t="s">
        <v>340</v>
      </c>
      <c r="B63461" s="14" t="s">
        <v>1</v>
      </c>
      <c r="C63461" s="14" t="s">
        <v>23</v>
      </c>
      <c r="D63461" s="14" t="s">
        <v>197</v>
      </c>
      <c r="E63461" s="15">
        <v>45692</v>
      </c>
      <c r="F63461" s="14" t="s">
        <v>15</v>
      </c>
      <c r="G63461" s="16">
        <v>4.7812605305786384</v>
      </c>
    </row>
    <row r="63462" spans="1:7" x14ac:dyDescent="0.3">
      <c r="A63462" s="13" t="s">
        <v>340</v>
      </c>
      <c r="B63462" s="14" t="s">
        <v>1</v>
      </c>
      <c r="C63462" s="14" t="s">
        <v>23</v>
      </c>
      <c r="D63462" s="14" t="s">
        <v>197</v>
      </c>
      <c r="E63462" s="15">
        <v>45693</v>
      </c>
      <c r="F63462" s="14" t="s">
        <v>15</v>
      </c>
      <c r="G63462" s="16">
        <v>4.8309923971404185</v>
      </c>
    </row>
    <row r="63463" spans="1:7" x14ac:dyDescent="0.3">
      <c r="A63463" s="13" t="s">
        <v>340</v>
      </c>
      <c r="B63463" s="14" t="s">
        <v>1</v>
      </c>
      <c r="C63463" s="14" t="s">
        <v>23</v>
      </c>
      <c r="D63463" s="14" t="s">
        <v>197</v>
      </c>
      <c r="E63463" s="15">
        <v>45694</v>
      </c>
      <c r="F63463" s="14" t="s">
        <v>15</v>
      </c>
      <c r="G63463" s="16">
        <v>4.8461804148015268</v>
      </c>
    </row>
    <row r="63464" spans="1:7" x14ac:dyDescent="0.3">
      <c r="A63464" s="13" t="s">
        <v>340</v>
      </c>
      <c r="B63464" s="14" t="s">
        <v>1</v>
      </c>
      <c r="C63464" s="14" t="s">
        <v>23</v>
      </c>
      <c r="D63464" s="14" t="s">
        <v>197</v>
      </c>
      <c r="E63464" s="15">
        <v>45695</v>
      </c>
      <c r="F63464" s="14" t="s">
        <v>15</v>
      </c>
      <c r="G63464" s="16">
        <v>4.8614516728546961</v>
      </c>
    </row>
    <row r="63465" spans="1:7" x14ac:dyDescent="0.3">
      <c r="A63465" s="13" t="s">
        <v>340</v>
      </c>
      <c r="B63465" s="14" t="s">
        <v>1</v>
      </c>
      <c r="C63465" s="14" t="s">
        <v>23</v>
      </c>
      <c r="D63465" s="14" t="s">
        <v>197</v>
      </c>
      <c r="E63465" s="15">
        <v>45696</v>
      </c>
      <c r="F63465" s="14" t="s">
        <v>15</v>
      </c>
      <c r="G63465" s="16">
        <v>4.8614516728546961</v>
      </c>
    </row>
    <row r="63466" spans="1:7" x14ac:dyDescent="0.3">
      <c r="A63466" s="13" t="s">
        <v>340</v>
      </c>
      <c r="B63466" s="14" t="s">
        <v>1</v>
      </c>
      <c r="C63466" s="14" t="s">
        <v>23</v>
      </c>
      <c r="D63466" s="14" t="s">
        <v>197</v>
      </c>
      <c r="E63466" s="15">
        <v>45697</v>
      </c>
      <c r="F63466" s="14" t="s">
        <v>15</v>
      </c>
      <c r="G63466" s="16">
        <v>4.8614516728546961</v>
      </c>
    </row>
    <row r="63467" spans="1:7" x14ac:dyDescent="0.3">
      <c r="A63467" s="13" t="s">
        <v>340</v>
      </c>
      <c r="B63467" s="14" t="s">
        <v>1</v>
      </c>
      <c r="C63467" s="14" t="s">
        <v>23</v>
      </c>
      <c r="D63467" s="14" t="s">
        <v>197</v>
      </c>
      <c r="E63467" s="15">
        <v>45698</v>
      </c>
      <c r="F63467" s="14" t="s">
        <v>15</v>
      </c>
      <c r="G63467" s="16">
        <v>4.8861921413880349</v>
      </c>
    </row>
    <row r="63468" spans="1:7" x14ac:dyDescent="0.3">
      <c r="A63468" s="13" t="s">
        <v>340</v>
      </c>
      <c r="B63468" s="14" t="s">
        <v>1</v>
      </c>
      <c r="C63468" s="14" t="s">
        <v>23</v>
      </c>
      <c r="D63468" s="14" t="s">
        <v>197</v>
      </c>
      <c r="E63468" s="15">
        <v>45699</v>
      </c>
      <c r="F63468" s="14" t="s">
        <v>15</v>
      </c>
      <c r="G63468" s="16">
        <v>4.9317536992402644</v>
      </c>
    </row>
    <row r="63469" spans="1:7" x14ac:dyDescent="0.3">
      <c r="A63469" s="13" t="s">
        <v>340</v>
      </c>
      <c r="B63469" s="14" t="s">
        <v>1</v>
      </c>
      <c r="C63469" s="14" t="s">
        <v>23</v>
      </c>
      <c r="D63469" s="14" t="s">
        <v>197</v>
      </c>
      <c r="E63469" s="15">
        <v>45700</v>
      </c>
      <c r="F63469" s="14" t="s">
        <v>15</v>
      </c>
      <c r="G63469" s="16">
        <v>4.9468589138351149</v>
      </c>
    </row>
    <row r="63470" spans="1:7" x14ac:dyDescent="0.3">
      <c r="A63470" s="13" t="s">
        <v>340</v>
      </c>
      <c r="B63470" s="14" t="s">
        <v>1</v>
      </c>
      <c r="C63470" s="14" t="s">
        <v>23</v>
      </c>
      <c r="D63470" s="14" t="s">
        <v>197</v>
      </c>
      <c r="E63470" s="15">
        <v>45701</v>
      </c>
      <c r="F63470" s="14" t="s">
        <v>15</v>
      </c>
      <c r="G63470" s="16">
        <v>4.9637101670503503</v>
      </c>
    </row>
    <row r="63471" spans="1:7" x14ac:dyDescent="0.3">
      <c r="A63471" s="13" t="s">
        <v>340</v>
      </c>
      <c r="B63471" s="14" t="s">
        <v>1</v>
      </c>
      <c r="C63471" s="14" t="s">
        <v>23</v>
      </c>
      <c r="D63471" s="14" t="s">
        <v>197</v>
      </c>
      <c r="E63471" s="15">
        <v>45702</v>
      </c>
      <c r="F63471" s="14" t="s">
        <v>15</v>
      </c>
      <c r="G63471" s="16">
        <v>4.978661258635686</v>
      </c>
    </row>
    <row r="63472" spans="1:7" x14ac:dyDescent="0.3">
      <c r="A63472" s="13" t="s">
        <v>340</v>
      </c>
      <c r="B63472" s="14" t="s">
        <v>1</v>
      </c>
      <c r="C63472" s="14" t="s">
        <v>23</v>
      </c>
      <c r="D63472" s="14" t="s">
        <v>197</v>
      </c>
      <c r="E63472" s="15">
        <v>45703</v>
      </c>
      <c r="F63472" s="14" t="s">
        <v>15</v>
      </c>
      <c r="G63472" s="16">
        <v>4.978661258635686</v>
      </c>
    </row>
    <row r="63473" spans="1:7" x14ac:dyDescent="0.3">
      <c r="A63473" s="13" t="s">
        <v>340</v>
      </c>
      <c r="B63473" s="14" t="s">
        <v>1</v>
      </c>
      <c r="C63473" s="14" t="s">
        <v>23</v>
      </c>
      <c r="D63473" s="14" t="s">
        <v>197</v>
      </c>
      <c r="E63473" s="15">
        <v>45704</v>
      </c>
      <c r="F63473" s="14" t="s">
        <v>15</v>
      </c>
      <c r="G63473" s="16">
        <v>4.978661258635686</v>
      </c>
    </row>
    <row r="63474" spans="1:7" x14ac:dyDescent="0.3">
      <c r="A63474" s="13" t="s">
        <v>340</v>
      </c>
      <c r="B63474" s="14" t="s">
        <v>1</v>
      </c>
      <c r="C63474" s="14" t="s">
        <v>23</v>
      </c>
      <c r="D63474" s="14" t="s">
        <v>197</v>
      </c>
      <c r="E63474" s="15">
        <v>45705</v>
      </c>
      <c r="F63474" s="14" t="s">
        <v>15</v>
      </c>
      <c r="G63474" s="16">
        <v>4.978661258635686</v>
      </c>
    </row>
    <row r="63475" spans="1:7" x14ac:dyDescent="0.3">
      <c r="A63475" s="13" t="s">
        <v>340</v>
      </c>
      <c r="B63475" s="14" t="s">
        <v>1</v>
      </c>
      <c r="C63475" s="14" t="s">
        <v>23</v>
      </c>
      <c r="D63475" s="14" t="s">
        <v>197</v>
      </c>
      <c r="E63475" s="15">
        <v>45706</v>
      </c>
      <c r="F63475" s="14" t="s">
        <v>15</v>
      </c>
      <c r="G63475" s="16">
        <v>4.9938147918070976</v>
      </c>
    </row>
    <row r="63476" spans="1:7" x14ac:dyDescent="0.3">
      <c r="A63476" s="13" t="s">
        <v>340</v>
      </c>
      <c r="B63476" s="14" t="s">
        <v>1</v>
      </c>
      <c r="C63476" s="14" t="s">
        <v>23</v>
      </c>
      <c r="D63476" s="14" t="s">
        <v>197</v>
      </c>
      <c r="E63476" s="15">
        <v>45707</v>
      </c>
      <c r="F63476" s="14" t="s">
        <v>15</v>
      </c>
      <c r="G63476" s="16">
        <v>5.0541007983415609</v>
      </c>
    </row>
    <row r="63477" spans="1:7" x14ac:dyDescent="0.3">
      <c r="A63477" s="13" t="s">
        <v>340</v>
      </c>
      <c r="B63477" s="14" t="s">
        <v>1</v>
      </c>
      <c r="C63477" s="14" t="s">
        <v>23</v>
      </c>
      <c r="D63477" s="14" t="s">
        <v>197</v>
      </c>
      <c r="E63477" s="15">
        <v>45708</v>
      </c>
      <c r="F63477" s="14" t="s">
        <v>15</v>
      </c>
      <c r="G63477" s="16">
        <v>5.0691468889332576</v>
      </c>
    </row>
    <row r="63478" spans="1:7" x14ac:dyDescent="0.3">
      <c r="A63478" s="13" t="s">
        <v>340</v>
      </c>
      <c r="B63478" s="14" t="s">
        <v>1</v>
      </c>
      <c r="C63478" s="14" t="s">
        <v>23</v>
      </c>
      <c r="D63478" s="14" t="s">
        <v>197</v>
      </c>
      <c r="E63478" s="15">
        <v>45709</v>
      </c>
      <c r="F63478" s="14" t="s">
        <v>15</v>
      </c>
      <c r="G63478" s="16">
        <v>5.0774227511150842</v>
      </c>
    </row>
    <row r="63479" spans="1:7" x14ac:dyDescent="0.3">
      <c r="A63479" s="13" t="s">
        <v>340</v>
      </c>
      <c r="B63479" s="14" t="s">
        <v>1</v>
      </c>
      <c r="C63479" s="14" t="s">
        <v>23</v>
      </c>
      <c r="D63479" s="14" t="s">
        <v>197</v>
      </c>
      <c r="E63479" s="15">
        <v>45710</v>
      </c>
      <c r="F63479" s="14" t="s">
        <v>15</v>
      </c>
      <c r="G63479" s="16">
        <v>5.0774227511150842</v>
      </c>
    </row>
    <row r="63480" spans="1:7" x14ac:dyDescent="0.3">
      <c r="A63480" s="13" t="s">
        <v>340</v>
      </c>
      <c r="B63480" s="14" t="s">
        <v>1</v>
      </c>
      <c r="C63480" s="14" t="s">
        <v>23</v>
      </c>
      <c r="D63480" s="14" t="s">
        <v>197</v>
      </c>
      <c r="E63480" s="15">
        <v>45711</v>
      </c>
      <c r="F63480" s="14" t="s">
        <v>15</v>
      </c>
      <c r="G63480" s="16">
        <v>5.0774227511150842</v>
      </c>
    </row>
    <row r="63481" spans="1:7" x14ac:dyDescent="0.3">
      <c r="A63481" s="13" t="s">
        <v>340</v>
      </c>
      <c r="B63481" s="14" t="s">
        <v>1</v>
      </c>
      <c r="C63481" s="14" t="s">
        <v>23</v>
      </c>
      <c r="D63481" s="14" t="s">
        <v>197</v>
      </c>
      <c r="E63481" s="15">
        <v>45712</v>
      </c>
      <c r="F63481" s="14" t="s">
        <v>15</v>
      </c>
      <c r="G63481" s="16">
        <v>5.0891045070854339</v>
      </c>
    </row>
    <row r="63482" spans="1:7" x14ac:dyDescent="0.3">
      <c r="A63482" s="13" t="s">
        <v>340</v>
      </c>
      <c r="B63482" s="14" t="s">
        <v>1</v>
      </c>
      <c r="C63482" s="14" t="s">
        <v>23</v>
      </c>
      <c r="D63482" s="14" t="s">
        <v>197</v>
      </c>
      <c r="E63482" s="15">
        <v>45713</v>
      </c>
      <c r="F63482" s="14" t="s">
        <v>15</v>
      </c>
      <c r="G63482" s="16">
        <v>5.1343742840259425</v>
      </c>
    </row>
    <row r="63483" spans="1:7" x14ac:dyDescent="0.3">
      <c r="A63483" s="13" t="s">
        <v>340</v>
      </c>
      <c r="B63483" s="14" t="s">
        <v>1</v>
      </c>
      <c r="C63483" s="14" t="s">
        <v>23</v>
      </c>
      <c r="D63483" s="14" t="s">
        <v>197</v>
      </c>
      <c r="E63483" s="15">
        <v>45714</v>
      </c>
      <c r="F63483" s="14" t="s">
        <v>15</v>
      </c>
      <c r="G63483" s="16">
        <v>5.1467019788748161</v>
      </c>
    </row>
    <row r="63484" spans="1:7" x14ac:dyDescent="0.3">
      <c r="A63484" s="13" t="s">
        <v>340</v>
      </c>
      <c r="B63484" s="14" t="s">
        <v>1</v>
      </c>
      <c r="C63484" s="14" t="s">
        <v>23</v>
      </c>
      <c r="D63484" s="14" t="s">
        <v>197</v>
      </c>
      <c r="E63484" s="15">
        <v>45715</v>
      </c>
      <c r="F63484" s="14" t="s">
        <v>15</v>
      </c>
      <c r="G63484" s="16">
        <v>5.162115532689949</v>
      </c>
    </row>
    <row r="63485" spans="1:7" x14ac:dyDescent="0.3">
      <c r="A63485" s="13" t="s">
        <v>340</v>
      </c>
      <c r="B63485" s="14" t="s">
        <v>1</v>
      </c>
      <c r="C63485" s="14" t="s">
        <v>23</v>
      </c>
      <c r="D63485" s="14" t="s">
        <v>197</v>
      </c>
      <c r="E63485" s="15">
        <v>45716</v>
      </c>
      <c r="F63485" s="14" t="s">
        <v>15</v>
      </c>
      <c r="G63485" s="16">
        <v>5.1772591891194049</v>
      </c>
    </row>
    <row r="63486" spans="1:7" x14ac:dyDescent="0.3">
      <c r="A63486" s="13" t="s">
        <v>340</v>
      </c>
      <c r="B63486" s="14" t="s">
        <v>1</v>
      </c>
      <c r="C63486" s="14" t="s">
        <v>23</v>
      </c>
      <c r="D63486" s="14" t="s">
        <v>197</v>
      </c>
      <c r="E63486" s="15">
        <v>45717</v>
      </c>
      <c r="F63486" s="14" t="s">
        <v>15</v>
      </c>
      <c r="G63486" s="16">
        <v>5.1772591891194049</v>
      </c>
    </row>
    <row r="63487" spans="1:7" x14ac:dyDescent="0.3">
      <c r="A63487" s="13" t="s">
        <v>340</v>
      </c>
      <c r="B63487" s="14" t="s">
        <v>1</v>
      </c>
      <c r="C63487" s="14" t="s">
        <v>23</v>
      </c>
      <c r="D63487" s="14" t="s">
        <v>197</v>
      </c>
      <c r="E63487" s="15">
        <v>45718</v>
      </c>
      <c r="F63487" s="14" t="s">
        <v>15</v>
      </c>
      <c r="G63487" s="16">
        <v>5.1772591891194049</v>
      </c>
    </row>
    <row r="63488" spans="1:7" x14ac:dyDescent="0.3">
      <c r="A63488" s="13" t="s">
        <v>340</v>
      </c>
      <c r="B63488" s="14" t="s">
        <v>1</v>
      </c>
      <c r="C63488" s="14" t="s">
        <v>23</v>
      </c>
      <c r="D63488" s="14" t="s">
        <v>197</v>
      </c>
      <c r="E63488" s="15">
        <v>45719</v>
      </c>
      <c r="F63488" s="14" t="s">
        <v>15</v>
      </c>
      <c r="G63488" s="16">
        <v>5.2156680469375321</v>
      </c>
    </row>
    <row r="63489" spans="1:7" x14ac:dyDescent="0.3">
      <c r="A63489" s="13" t="s">
        <v>340</v>
      </c>
      <c r="B63489" s="14" t="s">
        <v>1</v>
      </c>
      <c r="C63489" s="14" t="s">
        <v>23</v>
      </c>
      <c r="D63489" s="14" t="s">
        <v>197</v>
      </c>
      <c r="E63489" s="15">
        <v>45720</v>
      </c>
      <c r="F63489" s="14" t="s">
        <v>15</v>
      </c>
      <c r="G63489" s="16">
        <v>5.2610929539211329</v>
      </c>
    </row>
    <row r="63490" spans="1:7" x14ac:dyDescent="0.3">
      <c r="A63490" s="13" t="s">
        <v>340</v>
      </c>
      <c r="B63490" s="14" t="s">
        <v>1</v>
      </c>
      <c r="C63490" s="14" t="s">
        <v>23</v>
      </c>
      <c r="D63490" s="14" t="s">
        <v>197</v>
      </c>
      <c r="E63490" s="15">
        <v>45721</v>
      </c>
      <c r="F63490" s="14" t="s">
        <v>15</v>
      </c>
      <c r="G63490" s="16">
        <v>5.276566429398879</v>
      </c>
    </row>
    <row r="63491" spans="1:7" x14ac:dyDescent="0.3">
      <c r="A63491" s="13" t="s">
        <v>340</v>
      </c>
      <c r="B63491" s="14" t="s">
        <v>1</v>
      </c>
      <c r="C63491" s="14" t="s">
        <v>23</v>
      </c>
      <c r="D63491" s="14" t="s">
        <v>197</v>
      </c>
      <c r="E63491" s="15">
        <v>45722</v>
      </c>
      <c r="F63491" s="14" t="s">
        <v>15</v>
      </c>
      <c r="G63491" s="16">
        <v>5.292462629667928</v>
      </c>
    </row>
    <row r="63492" spans="1:7" x14ac:dyDescent="0.3">
      <c r="A63492" s="13" t="s">
        <v>340</v>
      </c>
      <c r="B63492" s="14" t="s">
        <v>1</v>
      </c>
      <c r="C63492" s="14" t="s">
        <v>23</v>
      </c>
      <c r="D63492" s="14" t="s">
        <v>197</v>
      </c>
      <c r="E63492" s="15">
        <v>45723</v>
      </c>
      <c r="F63492" s="14" t="s">
        <v>15</v>
      </c>
      <c r="G63492" s="16">
        <v>5.3076906346158337</v>
      </c>
    </row>
    <row r="63493" spans="1:7" x14ac:dyDescent="0.3">
      <c r="A63493" s="13" t="s">
        <v>340</v>
      </c>
      <c r="B63493" s="14" t="s">
        <v>1</v>
      </c>
      <c r="C63493" s="14" t="s">
        <v>23</v>
      </c>
      <c r="D63493" s="14" t="s">
        <v>197</v>
      </c>
      <c r="E63493" s="15">
        <v>45724</v>
      </c>
      <c r="F63493" s="14" t="s">
        <v>15</v>
      </c>
      <c r="G63493" s="16">
        <v>5.3076906346158337</v>
      </c>
    </row>
    <row r="63494" spans="1:7" x14ac:dyDescent="0.3">
      <c r="A63494" s="13" t="s">
        <v>340</v>
      </c>
      <c r="B63494" s="14" t="s">
        <v>1</v>
      </c>
      <c r="C63494" s="14" t="s">
        <v>23</v>
      </c>
      <c r="D63494" s="14" t="s">
        <v>197</v>
      </c>
      <c r="E63494" s="15">
        <v>45725</v>
      </c>
      <c r="F63494" s="14" t="s">
        <v>15</v>
      </c>
      <c r="G63494" s="16">
        <v>5.3076906346158337</v>
      </c>
    </row>
    <row r="63495" spans="1:7" x14ac:dyDescent="0.3">
      <c r="A63495" s="13" t="s">
        <v>340</v>
      </c>
      <c r="B63495" s="14" t="s">
        <v>1</v>
      </c>
      <c r="C63495" s="14" t="s">
        <v>23</v>
      </c>
      <c r="D63495" s="14" t="s">
        <v>197</v>
      </c>
      <c r="E63495" s="15">
        <v>45726</v>
      </c>
      <c r="F63495" s="14" t="s">
        <v>15</v>
      </c>
      <c r="G63495" s="16">
        <v>5.3321922016383869</v>
      </c>
    </row>
    <row r="63496" spans="1:7" x14ac:dyDescent="0.3">
      <c r="A63496" s="13" t="s">
        <v>340</v>
      </c>
      <c r="B63496" s="14" t="s">
        <v>1</v>
      </c>
      <c r="C63496" s="14" t="s">
        <v>23</v>
      </c>
      <c r="D63496" s="14" t="s">
        <v>197</v>
      </c>
      <c r="E63496" s="15">
        <v>45727</v>
      </c>
      <c r="F63496" s="14" t="s">
        <v>15</v>
      </c>
      <c r="G63496" s="16">
        <v>5.3775088909058164</v>
      </c>
    </row>
    <row r="63497" spans="1:7" x14ac:dyDescent="0.3">
      <c r="A63497" s="13" t="s">
        <v>340</v>
      </c>
      <c r="B63497" s="14" t="s">
        <v>1</v>
      </c>
      <c r="C63497" s="14" t="s">
        <v>23</v>
      </c>
      <c r="D63497" s="14" t="s">
        <v>197</v>
      </c>
      <c r="E63497" s="15">
        <v>45728</v>
      </c>
      <c r="F63497" s="14" t="s">
        <v>15</v>
      </c>
      <c r="G63497" s="16">
        <v>5.3941795831607982</v>
      </c>
    </row>
    <row r="63498" spans="1:7" x14ac:dyDescent="0.3">
      <c r="A63498" s="13" t="s">
        <v>340</v>
      </c>
      <c r="B63498" s="14" t="s">
        <v>1</v>
      </c>
      <c r="C63498" s="14" t="s">
        <v>23</v>
      </c>
      <c r="D63498" s="14" t="s">
        <v>197</v>
      </c>
      <c r="E63498" s="15">
        <v>45729</v>
      </c>
      <c r="F63498" s="14" t="s">
        <v>15</v>
      </c>
      <c r="G63498" s="16">
        <v>5.4072149461091419</v>
      </c>
    </row>
    <row r="63499" spans="1:7" x14ac:dyDescent="0.3">
      <c r="A63499" s="13" t="s">
        <v>340</v>
      </c>
      <c r="B63499" s="14" t="s">
        <v>1</v>
      </c>
      <c r="C63499" s="14" t="s">
        <v>23</v>
      </c>
      <c r="D63499" s="14" t="s">
        <v>197</v>
      </c>
      <c r="E63499" s="15">
        <v>45730</v>
      </c>
      <c r="F63499" s="14" t="s">
        <v>15</v>
      </c>
      <c r="G63499" s="16">
        <v>5.3109887971096965</v>
      </c>
    </row>
    <row r="63500" spans="1:7" x14ac:dyDescent="0.3">
      <c r="A63500" s="13" t="s">
        <v>340</v>
      </c>
      <c r="B63500" s="14" t="s">
        <v>1</v>
      </c>
      <c r="C63500" s="14" t="s">
        <v>23</v>
      </c>
      <c r="D63500" s="14" t="s">
        <v>197</v>
      </c>
      <c r="E63500" s="15">
        <v>45731</v>
      </c>
      <c r="F63500" s="14" t="s">
        <v>15</v>
      </c>
      <c r="G63500" s="16">
        <v>5.3109887971096965</v>
      </c>
    </row>
    <row r="63501" spans="1:7" x14ac:dyDescent="0.3">
      <c r="A63501" s="13" t="s">
        <v>340</v>
      </c>
      <c r="B63501" s="14" t="s">
        <v>1</v>
      </c>
      <c r="C63501" s="14" t="s">
        <v>23</v>
      </c>
      <c r="D63501" s="14" t="s">
        <v>197</v>
      </c>
      <c r="E63501" s="15">
        <v>45732</v>
      </c>
      <c r="F63501" s="14" t="s">
        <v>15</v>
      </c>
      <c r="G63501" s="16">
        <v>5.3109887971096965</v>
      </c>
    </row>
    <row r="63502" spans="1:7" x14ac:dyDescent="0.3">
      <c r="A63502" s="13" t="s">
        <v>340</v>
      </c>
      <c r="B63502" s="14" t="s">
        <v>1</v>
      </c>
      <c r="C63502" s="14" t="s">
        <v>23</v>
      </c>
      <c r="D63502" s="14" t="s">
        <v>197</v>
      </c>
      <c r="E63502" s="15">
        <v>45733</v>
      </c>
      <c r="F63502" s="14" t="s">
        <v>15</v>
      </c>
      <c r="G63502" s="16">
        <v>5.3109887971096965</v>
      </c>
    </row>
    <row r="63503" spans="1:7" x14ac:dyDescent="0.3">
      <c r="A63503" s="13" t="s">
        <v>340</v>
      </c>
      <c r="B63503" s="14" t="s">
        <v>1</v>
      </c>
      <c r="C63503" s="14" t="s">
        <v>23</v>
      </c>
      <c r="D63503" s="14" t="s">
        <v>197</v>
      </c>
      <c r="E63503" s="15">
        <v>45734</v>
      </c>
      <c r="F63503" s="14" t="s">
        <v>15</v>
      </c>
      <c r="G63503" s="16">
        <v>5.3241034830282175</v>
      </c>
    </row>
    <row r="63504" spans="1:7" x14ac:dyDescent="0.3">
      <c r="A63504" s="13" t="s">
        <v>340</v>
      </c>
      <c r="B63504" s="14" t="s">
        <v>1</v>
      </c>
      <c r="C63504" s="14" t="s">
        <v>23</v>
      </c>
      <c r="D63504" s="14" t="s">
        <v>197</v>
      </c>
      <c r="E63504" s="15">
        <v>45735</v>
      </c>
      <c r="F63504" s="14" t="s">
        <v>15</v>
      </c>
      <c r="G63504" s="16">
        <v>5.3770312953527535</v>
      </c>
    </row>
    <row r="63505" spans="1:7" x14ac:dyDescent="0.3">
      <c r="A63505" s="13" t="s">
        <v>340</v>
      </c>
      <c r="B63505" s="14" t="s">
        <v>1</v>
      </c>
      <c r="C63505" s="14" t="s">
        <v>23</v>
      </c>
      <c r="D63505" s="14" t="s">
        <v>197</v>
      </c>
      <c r="E63505" s="15">
        <v>45736</v>
      </c>
      <c r="F63505" s="14" t="s">
        <v>15</v>
      </c>
      <c r="G63505" s="16">
        <v>5.3923522262431476</v>
      </c>
    </row>
    <row r="63506" spans="1:7" x14ac:dyDescent="0.3">
      <c r="A63506" s="13" t="s">
        <v>340</v>
      </c>
      <c r="B63506" s="14" t="s">
        <v>1</v>
      </c>
      <c r="C63506" s="14" t="s">
        <v>23</v>
      </c>
      <c r="D63506" s="14" t="s">
        <v>197</v>
      </c>
      <c r="E63506" s="15">
        <v>45737</v>
      </c>
      <c r="F63506" s="14" t="s">
        <v>15</v>
      </c>
      <c r="G63506" s="16">
        <v>5.4065727481820796</v>
      </c>
    </row>
    <row r="63507" spans="1:7" x14ac:dyDescent="0.3">
      <c r="A63507" s="13" t="s">
        <v>340</v>
      </c>
      <c r="B63507" s="14" t="s">
        <v>1</v>
      </c>
      <c r="C63507" s="14" t="s">
        <v>23</v>
      </c>
      <c r="D63507" s="14" t="s">
        <v>197</v>
      </c>
      <c r="E63507" s="15">
        <v>45738</v>
      </c>
      <c r="F63507" s="14" t="s">
        <v>15</v>
      </c>
      <c r="G63507" s="16">
        <v>5.4065727481820796</v>
      </c>
    </row>
    <row r="63508" spans="1:7" x14ac:dyDescent="0.3">
      <c r="A63508" s="13" t="s">
        <v>340</v>
      </c>
      <c r="B63508" s="14" t="s">
        <v>1</v>
      </c>
      <c r="C63508" s="14" t="s">
        <v>23</v>
      </c>
      <c r="D63508" s="14" t="s">
        <v>197</v>
      </c>
      <c r="E63508" s="15">
        <v>45739</v>
      </c>
      <c r="F63508" s="14" t="s">
        <v>15</v>
      </c>
      <c r="G63508" s="16">
        <v>5.4065727481820796</v>
      </c>
    </row>
    <row r="63509" spans="1:7" x14ac:dyDescent="0.3">
      <c r="A63509" s="13" t="s">
        <v>340</v>
      </c>
      <c r="B63509" s="14" t="s">
        <v>1</v>
      </c>
      <c r="C63509" s="14" t="s">
        <v>23</v>
      </c>
      <c r="D63509" s="14" t="s">
        <v>197</v>
      </c>
      <c r="E63509" s="15">
        <v>45740</v>
      </c>
      <c r="F63509" s="14" t="s">
        <v>15</v>
      </c>
      <c r="G63509" s="16">
        <v>5.4219513192334556</v>
      </c>
    </row>
    <row r="63510" spans="1:7" x14ac:dyDescent="0.3">
      <c r="A63510" s="13" t="s">
        <v>340</v>
      </c>
      <c r="B63510" s="14" t="s">
        <v>1</v>
      </c>
      <c r="C63510" s="14" t="s">
        <v>23</v>
      </c>
      <c r="D63510" s="14" t="s">
        <v>197</v>
      </c>
      <c r="E63510" s="15">
        <v>45741</v>
      </c>
      <c r="F63510" s="14" t="s">
        <v>15</v>
      </c>
      <c r="G63510" s="16">
        <v>5.4682716990305433</v>
      </c>
    </row>
    <row r="63511" spans="1:7" x14ac:dyDescent="0.3">
      <c r="A63511" s="13" t="s">
        <v>340</v>
      </c>
      <c r="B63511" s="14" t="s">
        <v>1</v>
      </c>
      <c r="C63511" s="14" t="s">
        <v>23</v>
      </c>
      <c r="D63511" s="14" t="s">
        <v>197</v>
      </c>
      <c r="E63511" s="15">
        <v>45742</v>
      </c>
      <c r="F63511" s="14" t="s">
        <v>15</v>
      </c>
      <c r="G63511" s="16">
        <v>5.4836192073852192</v>
      </c>
    </row>
    <row r="63512" spans="1:7" x14ac:dyDescent="0.3">
      <c r="A63512" s="13" t="s">
        <v>340</v>
      </c>
      <c r="B63512" s="14" t="s">
        <v>1</v>
      </c>
      <c r="C63512" s="14" t="s">
        <v>23</v>
      </c>
      <c r="D63512" s="14" t="s">
        <v>197</v>
      </c>
      <c r="E63512" s="15">
        <v>45743</v>
      </c>
      <c r="F63512" s="14" t="s">
        <v>15</v>
      </c>
      <c r="G63512" s="16">
        <v>5.499197327323631</v>
      </c>
    </row>
    <row r="63513" spans="1:7" x14ac:dyDescent="0.3">
      <c r="A63513" s="13" t="s">
        <v>340</v>
      </c>
      <c r="B63513" s="14" t="s">
        <v>1</v>
      </c>
      <c r="C63513" s="14" t="s">
        <v>23</v>
      </c>
      <c r="D63513" s="14" t="s">
        <v>197</v>
      </c>
      <c r="E63513" s="15">
        <v>45744</v>
      </c>
      <c r="F63513" s="14" t="s">
        <v>15</v>
      </c>
      <c r="G63513" s="16">
        <v>5.5145162068921572</v>
      </c>
    </row>
    <row r="63514" spans="1:7" x14ac:dyDescent="0.3">
      <c r="A63514" s="13" t="s">
        <v>340</v>
      </c>
      <c r="B63514" s="14" t="s">
        <v>1</v>
      </c>
      <c r="C63514" s="14" t="s">
        <v>23</v>
      </c>
      <c r="D63514" s="14" t="s">
        <v>197</v>
      </c>
      <c r="E63514" s="15">
        <v>45745</v>
      </c>
      <c r="F63514" s="14" t="s">
        <v>15</v>
      </c>
      <c r="G63514" s="16">
        <v>5.5145162068921572</v>
      </c>
    </row>
    <row r="63515" spans="1:7" x14ac:dyDescent="0.3">
      <c r="A63515" s="13" t="s">
        <v>340</v>
      </c>
      <c r="B63515" s="14" t="s">
        <v>1</v>
      </c>
      <c r="C63515" s="14" t="s">
        <v>23</v>
      </c>
      <c r="D63515" s="14" t="s">
        <v>197</v>
      </c>
      <c r="E63515" s="15">
        <v>45746</v>
      </c>
      <c r="F63515" s="14" t="s">
        <v>15</v>
      </c>
      <c r="G63515" s="16">
        <v>5.5145162068921572</v>
      </c>
    </row>
    <row r="63516" spans="1:7" x14ac:dyDescent="0.3">
      <c r="A63516" s="13" t="s">
        <v>340</v>
      </c>
      <c r="B63516" s="14" t="s">
        <v>1</v>
      </c>
      <c r="C63516" s="14" t="s">
        <v>23</v>
      </c>
      <c r="D63516" s="14" t="s">
        <v>197</v>
      </c>
      <c r="E63516" s="15">
        <v>45747</v>
      </c>
      <c r="F63516" s="14" t="s">
        <v>15</v>
      </c>
      <c r="G63516" s="16">
        <v>5.5297085461226771</v>
      </c>
    </row>
    <row r="63517" spans="1:7" x14ac:dyDescent="0.3">
      <c r="A63517" s="13" t="s">
        <v>341</v>
      </c>
      <c r="B63517" s="14" t="s">
        <v>1</v>
      </c>
      <c r="C63517" s="14" t="s">
        <v>342</v>
      </c>
      <c r="D63517" s="14" t="s">
        <v>343</v>
      </c>
      <c r="E63517" s="15">
        <v>45383</v>
      </c>
      <c r="F63517" s="14" t="s">
        <v>53</v>
      </c>
      <c r="G63517" s="16">
        <v>0</v>
      </c>
    </row>
    <row r="63518" spans="1:7" x14ac:dyDescent="0.3">
      <c r="A63518" s="13" t="s">
        <v>341</v>
      </c>
      <c r="B63518" s="14" t="s">
        <v>1</v>
      </c>
      <c r="C63518" s="14" t="s">
        <v>342</v>
      </c>
      <c r="D63518" s="14" t="s">
        <v>343</v>
      </c>
      <c r="E63518" s="15">
        <v>45384</v>
      </c>
      <c r="F63518" s="14" t="s">
        <v>53</v>
      </c>
      <c r="G63518" s="16">
        <v>0</v>
      </c>
    </row>
    <row r="63519" spans="1:7" x14ac:dyDescent="0.3">
      <c r="A63519" s="13" t="s">
        <v>341</v>
      </c>
      <c r="B63519" s="14" t="s">
        <v>1</v>
      </c>
      <c r="C63519" s="14" t="s">
        <v>342</v>
      </c>
      <c r="D63519" s="14" t="s">
        <v>343</v>
      </c>
      <c r="E63519" s="15">
        <v>45385</v>
      </c>
      <c r="F63519" s="14" t="s">
        <v>53</v>
      </c>
      <c r="G63519" s="16">
        <v>5.5200703888584508E-2</v>
      </c>
    </row>
    <row r="63520" spans="1:7" x14ac:dyDescent="0.3">
      <c r="A63520" s="13" t="s">
        <v>341</v>
      </c>
      <c r="B63520" s="14" t="s">
        <v>1</v>
      </c>
      <c r="C63520" s="14" t="s">
        <v>342</v>
      </c>
      <c r="D63520" s="14" t="s">
        <v>343</v>
      </c>
      <c r="E63520" s="15">
        <v>45386</v>
      </c>
      <c r="F63520" s="14" t="s">
        <v>53</v>
      </c>
      <c r="G63520" s="16">
        <v>6.7895368160631422E-2</v>
      </c>
    </row>
    <row r="63521" spans="1:7" x14ac:dyDescent="0.3">
      <c r="A63521" s="13" t="s">
        <v>341</v>
      </c>
      <c r="B63521" s="14" t="s">
        <v>1</v>
      </c>
      <c r="C63521" s="14" t="s">
        <v>342</v>
      </c>
      <c r="D63521" s="14" t="s">
        <v>343</v>
      </c>
      <c r="E63521" s="15">
        <v>45387</v>
      </c>
      <c r="F63521" s="14" t="s">
        <v>53</v>
      </c>
      <c r="G63521" s="16">
        <v>7.8993507681032193E-2</v>
      </c>
    </row>
    <row r="63522" spans="1:7" x14ac:dyDescent="0.3">
      <c r="A63522" s="13" t="s">
        <v>341</v>
      </c>
      <c r="B63522" s="14" t="s">
        <v>1</v>
      </c>
      <c r="C63522" s="14" t="s">
        <v>342</v>
      </c>
      <c r="D63522" s="14" t="s">
        <v>343</v>
      </c>
      <c r="E63522" s="15">
        <v>45388</v>
      </c>
      <c r="F63522" s="14" t="s">
        <v>53</v>
      </c>
      <c r="G63522" s="16">
        <v>7.8993507681032193E-2</v>
      </c>
    </row>
    <row r="63523" spans="1:7" x14ac:dyDescent="0.3">
      <c r="A63523" s="13" t="s">
        <v>341</v>
      </c>
      <c r="B63523" s="14" t="s">
        <v>1</v>
      </c>
      <c r="C63523" s="14" t="s">
        <v>342</v>
      </c>
      <c r="D63523" s="14" t="s">
        <v>343</v>
      </c>
      <c r="E63523" s="15">
        <v>45389</v>
      </c>
      <c r="F63523" s="14" t="s">
        <v>53</v>
      </c>
      <c r="G63523" s="16">
        <v>7.8993507681032193E-2</v>
      </c>
    </row>
    <row r="63524" spans="1:7" x14ac:dyDescent="0.3">
      <c r="A63524" s="13" t="s">
        <v>341</v>
      </c>
      <c r="B63524" s="14" t="s">
        <v>1</v>
      </c>
      <c r="C63524" s="14" t="s">
        <v>342</v>
      </c>
      <c r="D63524" s="14" t="s">
        <v>343</v>
      </c>
      <c r="E63524" s="15">
        <v>45390</v>
      </c>
      <c r="F63524" s="14" t="s">
        <v>53</v>
      </c>
      <c r="G63524" s="16">
        <v>9.0592747993292061E-2</v>
      </c>
    </row>
    <row r="63525" spans="1:7" x14ac:dyDescent="0.3">
      <c r="A63525" s="13" t="s">
        <v>341</v>
      </c>
      <c r="B63525" s="14" t="s">
        <v>1</v>
      </c>
      <c r="C63525" s="14" t="s">
        <v>342</v>
      </c>
      <c r="D63525" s="14" t="s">
        <v>343</v>
      </c>
      <c r="E63525" s="15">
        <v>45391</v>
      </c>
      <c r="F63525" s="14" t="s">
        <v>53</v>
      </c>
      <c r="G63525" s="16">
        <v>0.12377943763345139</v>
      </c>
    </row>
    <row r="63526" spans="1:7" x14ac:dyDescent="0.3">
      <c r="A63526" s="13" t="s">
        <v>341</v>
      </c>
      <c r="B63526" s="14" t="s">
        <v>1</v>
      </c>
      <c r="C63526" s="14" t="s">
        <v>342</v>
      </c>
      <c r="D63526" s="14" t="s">
        <v>343</v>
      </c>
      <c r="E63526" s="15">
        <v>45392</v>
      </c>
      <c r="F63526" s="14" t="s">
        <v>53</v>
      </c>
      <c r="G63526" s="16">
        <v>0.13484269541055188</v>
      </c>
    </row>
    <row r="63527" spans="1:7" x14ac:dyDescent="0.3">
      <c r="A63527" s="13" t="s">
        <v>341</v>
      </c>
      <c r="B63527" s="14" t="s">
        <v>1</v>
      </c>
      <c r="C63527" s="14" t="s">
        <v>342</v>
      </c>
      <c r="D63527" s="14" t="s">
        <v>343</v>
      </c>
      <c r="E63527" s="15">
        <v>45393</v>
      </c>
      <c r="F63527" s="14" t="s">
        <v>53</v>
      </c>
      <c r="G63527" s="16">
        <v>0.1463376106128759</v>
      </c>
    </row>
    <row r="63528" spans="1:7" x14ac:dyDescent="0.3">
      <c r="A63528" s="13" t="s">
        <v>341</v>
      </c>
      <c r="B63528" s="14" t="s">
        <v>1</v>
      </c>
      <c r="C63528" s="14" t="s">
        <v>342</v>
      </c>
      <c r="D63528" s="14" t="s">
        <v>343</v>
      </c>
      <c r="E63528" s="15">
        <v>45394</v>
      </c>
      <c r="F63528" s="14" t="s">
        <v>53</v>
      </c>
      <c r="G63528" s="16">
        <v>0.15740675219070949</v>
      </c>
    </row>
    <row r="63529" spans="1:7" x14ac:dyDescent="0.3">
      <c r="A63529" s="13" t="s">
        <v>341</v>
      </c>
      <c r="B63529" s="14" t="s">
        <v>1</v>
      </c>
      <c r="C63529" s="14" t="s">
        <v>342</v>
      </c>
      <c r="D63529" s="14" t="s">
        <v>343</v>
      </c>
      <c r="E63529" s="15">
        <v>45395</v>
      </c>
      <c r="F63529" s="14" t="s">
        <v>53</v>
      </c>
      <c r="G63529" s="16">
        <v>0.15740675219070949</v>
      </c>
    </row>
    <row r="63530" spans="1:7" x14ac:dyDescent="0.3">
      <c r="A63530" s="13" t="s">
        <v>341</v>
      </c>
      <c r="B63530" s="14" t="s">
        <v>1</v>
      </c>
      <c r="C63530" s="14" t="s">
        <v>342</v>
      </c>
      <c r="D63530" s="14" t="s">
        <v>343</v>
      </c>
      <c r="E63530" s="15">
        <v>45396</v>
      </c>
      <c r="F63530" s="14" t="s">
        <v>53</v>
      </c>
      <c r="G63530" s="16">
        <v>0.15740675219070949</v>
      </c>
    </row>
    <row r="63531" spans="1:7" x14ac:dyDescent="0.3">
      <c r="A63531" s="13" t="s">
        <v>341</v>
      </c>
      <c r="B63531" s="14" t="s">
        <v>1</v>
      </c>
      <c r="C63531" s="14" t="s">
        <v>342</v>
      </c>
      <c r="D63531" s="14" t="s">
        <v>343</v>
      </c>
      <c r="E63531" s="15">
        <v>45397</v>
      </c>
      <c r="F63531" s="14" t="s">
        <v>53</v>
      </c>
      <c r="G63531" s="16">
        <v>0.16845839147461233</v>
      </c>
    </row>
    <row r="63532" spans="1:7" x14ac:dyDescent="0.3">
      <c r="A63532" s="13" t="s">
        <v>341</v>
      </c>
      <c r="B63532" s="14" t="s">
        <v>1</v>
      </c>
      <c r="C63532" s="14" t="s">
        <v>342</v>
      </c>
      <c r="D63532" s="14" t="s">
        <v>343</v>
      </c>
      <c r="E63532" s="15">
        <v>45398</v>
      </c>
      <c r="F63532" s="14" t="s">
        <v>53</v>
      </c>
      <c r="G63532" s="16">
        <v>0.20159534661008169</v>
      </c>
    </row>
    <row r="63533" spans="1:7" x14ac:dyDescent="0.3">
      <c r="A63533" s="13" t="s">
        <v>341</v>
      </c>
      <c r="B63533" s="14" t="s">
        <v>1</v>
      </c>
      <c r="C63533" s="14" t="s">
        <v>342</v>
      </c>
      <c r="D63533" s="14" t="s">
        <v>343</v>
      </c>
      <c r="E63533" s="15">
        <v>45399</v>
      </c>
      <c r="F63533" s="14" t="s">
        <v>53</v>
      </c>
      <c r="G63533" s="16">
        <v>0.21263062892576415</v>
      </c>
    </row>
    <row r="63534" spans="1:7" x14ac:dyDescent="0.3">
      <c r="A63534" s="13" t="s">
        <v>341</v>
      </c>
      <c r="B63534" s="14" t="s">
        <v>1</v>
      </c>
      <c r="C63534" s="14" t="s">
        <v>342</v>
      </c>
      <c r="D63534" s="14" t="s">
        <v>343</v>
      </c>
      <c r="E63534" s="15">
        <v>45400</v>
      </c>
      <c r="F63534" s="14" t="s">
        <v>53</v>
      </c>
      <c r="G63534" s="16">
        <v>0.22365189967378329</v>
      </c>
    </row>
    <row r="63535" spans="1:7" x14ac:dyDescent="0.3">
      <c r="A63535" s="13" t="s">
        <v>341</v>
      </c>
      <c r="B63535" s="14" t="s">
        <v>1</v>
      </c>
      <c r="C63535" s="14" t="s">
        <v>342</v>
      </c>
      <c r="D63535" s="14" t="s">
        <v>343</v>
      </c>
      <c r="E63535" s="15">
        <v>45401</v>
      </c>
      <c r="F63535" s="14" t="s">
        <v>53</v>
      </c>
      <c r="G63535" s="16">
        <v>0.2346751673985491</v>
      </c>
    </row>
    <row r="63536" spans="1:7" x14ac:dyDescent="0.3">
      <c r="A63536" s="13" t="s">
        <v>341</v>
      </c>
      <c r="B63536" s="14" t="s">
        <v>1</v>
      </c>
      <c r="C63536" s="14" t="s">
        <v>342</v>
      </c>
      <c r="D63536" s="14" t="s">
        <v>343</v>
      </c>
      <c r="E63536" s="15">
        <v>45402</v>
      </c>
      <c r="F63536" s="14" t="s">
        <v>53</v>
      </c>
      <c r="G63536" s="16">
        <v>0.2346751673985491</v>
      </c>
    </row>
    <row r="63537" spans="1:7" x14ac:dyDescent="0.3">
      <c r="A63537" s="13" t="s">
        <v>341</v>
      </c>
      <c r="B63537" s="14" t="s">
        <v>1</v>
      </c>
      <c r="C63537" s="14" t="s">
        <v>342</v>
      </c>
      <c r="D63537" s="14" t="s">
        <v>343</v>
      </c>
      <c r="E63537" s="15">
        <v>45403</v>
      </c>
      <c r="F63537" s="14" t="s">
        <v>53</v>
      </c>
      <c r="G63537" s="16">
        <v>0.2346751673985491</v>
      </c>
    </row>
    <row r="63538" spans="1:7" x14ac:dyDescent="0.3">
      <c r="A63538" s="13" t="s">
        <v>341</v>
      </c>
      <c r="B63538" s="14" t="s">
        <v>1</v>
      </c>
      <c r="C63538" s="14" t="s">
        <v>342</v>
      </c>
      <c r="D63538" s="14" t="s">
        <v>343</v>
      </c>
      <c r="E63538" s="15">
        <v>45404</v>
      </c>
      <c r="F63538" s="14" t="s">
        <v>53</v>
      </c>
      <c r="G63538" s="16">
        <v>0.24568498099781344</v>
      </c>
    </row>
    <row r="63539" spans="1:7" x14ac:dyDescent="0.3">
      <c r="A63539" s="13" t="s">
        <v>341</v>
      </c>
      <c r="B63539" s="14" t="s">
        <v>1</v>
      </c>
      <c r="C63539" s="14" t="s">
        <v>342</v>
      </c>
      <c r="D63539" s="14" t="s">
        <v>343</v>
      </c>
      <c r="E63539" s="15">
        <v>45405</v>
      </c>
      <c r="F63539" s="14" t="s">
        <v>53</v>
      </c>
      <c r="G63539" s="16">
        <v>0.27905783141880985</v>
      </c>
    </row>
    <row r="63540" spans="1:7" x14ac:dyDescent="0.3">
      <c r="A63540" s="13" t="s">
        <v>341</v>
      </c>
      <c r="B63540" s="14" t="s">
        <v>1</v>
      </c>
      <c r="C63540" s="14" t="s">
        <v>342</v>
      </c>
      <c r="D63540" s="14" t="s">
        <v>343</v>
      </c>
      <c r="E63540" s="15">
        <v>45406</v>
      </c>
      <c r="F63540" s="14" t="s">
        <v>53</v>
      </c>
      <c r="G63540" s="16">
        <v>0.29018846648935659</v>
      </c>
    </row>
    <row r="63541" spans="1:7" x14ac:dyDescent="0.3">
      <c r="A63541" s="13" t="s">
        <v>341</v>
      </c>
      <c r="B63541" s="14" t="s">
        <v>1</v>
      </c>
      <c r="C63541" s="14" t="s">
        <v>342</v>
      </c>
      <c r="D63541" s="14" t="s">
        <v>343</v>
      </c>
      <c r="E63541" s="15">
        <v>45407</v>
      </c>
      <c r="F63541" s="14" t="s">
        <v>53</v>
      </c>
      <c r="G63541" s="16">
        <v>0.3010880803030424</v>
      </c>
    </row>
    <row r="63542" spans="1:7" x14ac:dyDescent="0.3">
      <c r="A63542" s="13" t="s">
        <v>341</v>
      </c>
      <c r="B63542" s="14" t="s">
        <v>1</v>
      </c>
      <c r="C63542" s="14" t="s">
        <v>342</v>
      </c>
      <c r="D63542" s="14" t="s">
        <v>343</v>
      </c>
      <c r="E63542" s="15">
        <v>45408</v>
      </c>
      <c r="F63542" s="14" t="s">
        <v>53</v>
      </c>
      <c r="G63542" s="16">
        <v>0.31252115496848853</v>
      </c>
    </row>
    <row r="63543" spans="1:7" x14ac:dyDescent="0.3">
      <c r="A63543" s="13" t="s">
        <v>341</v>
      </c>
      <c r="B63543" s="14" t="s">
        <v>1</v>
      </c>
      <c r="C63543" s="14" t="s">
        <v>342</v>
      </c>
      <c r="D63543" s="14" t="s">
        <v>343</v>
      </c>
      <c r="E63543" s="15">
        <v>45409</v>
      </c>
      <c r="F63543" s="14" t="s">
        <v>53</v>
      </c>
      <c r="G63543" s="16">
        <v>0.31252115496848853</v>
      </c>
    </row>
    <row r="63544" spans="1:7" x14ac:dyDescent="0.3">
      <c r="A63544" s="13" t="s">
        <v>341</v>
      </c>
      <c r="B63544" s="14" t="s">
        <v>1</v>
      </c>
      <c r="C63544" s="14" t="s">
        <v>342</v>
      </c>
      <c r="D63544" s="14" t="s">
        <v>343</v>
      </c>
      <c r="E63544" s="15">
        <v>45410</v>
      </c>
      <c r="F63544" s="14" t="s">
        <v>53</v>
      </c>
      <c r="G63544" s="16">
        <v>0.31252115496848853</v>
      </c>
    </row>
    <row r="63545" spans="1:7" x14ac:dyDescent="0.3">
      <c r="A63545" s="13" t="s">
        <v>341</v>
      </c>
      <c r="B63545" s="14" t="s">
        <v>1</v>
      </c>
      <c r="C63545" s="14" t="s">
        <v>342</v>
      </c>
      <c r="D63545" s="14" t="s">
        <v>343</v>
      </c>
      <c r="E63545" s="15">
        <v>45411</v>
      </c>
      <c r="F63545" s="14" t="s">
        <v>53</v>
      </c>
      <c r="G63545" s="16">
        <v>0.32342281889058411</v>
      </c>
    </row>
    <row r="63546" spans="1:7" x14ac:dyDescent="0.3">
      <c r="A63546" s="13" t="s">
        <v>341</v>
      </c>
      <c r="B63546" s="14" t="s">
        <v>1</v>
      </c>
      <c r="C63546" s="14" t="s">
        <v>342</v>
      </c>
      <c r="D63546" s="14" t="s">
        <v>343</v>
      </c>
      <c r="E63546" s="15">
        <v>45412</v>
      </c>
      <c r="F63546" s="14" t="s">
        <v>53</v>
      </c>
      <c r="G63546" s="16">
        <v>0.35611545085971419</v>
      </c>
    </row>
    <row r="63547" spans="1:7" x14ac:dyDescent="0.3">
      <c r="A63547" s="13" t="s">
        <v>341</v>
      </c>
      <c r="B63547" s="14" t="s">
        <v>1</v>
      </c>
      <c r="C63547" s="14" t="s">
        <v>342</v>
      </c>
      <c r="D63547" s="14" t="s">
        <v>343</v>
      </c>
      <c r="E63547" s="15">
        <v>45413</v>
      </c>
      <c r="F63547" s="14" t="s">
        <v>53</v>
      </c>
      <c r="G63547" s="16">
        <v>0.35611545085971419</v>
      </c>
    </row>
    <row r="63548" spans="1:7" x14ac:dyDescent="0.3">
      <c r="A63548" s="13" t="s">
        <v>341</v>
      </c>
      <c r="B63548" s="14" t="s">
        <v>1</v>
      </c>
      <c r="C63548" s="14" t="s">
        <v>342</v>
      </c>
      <c r="D63548" s="14" t="s">
        <v>343</v>
      </c>
      <c r="E63548" s="15">
        <v>45414</v>
      </c>
      <c r="F63548" s="14" t="s">
        <v>53</v>
      </c>
      <c r="G63548" s="16">
        <v>0.36696815341407646</v>
      </c>
    </row>
    <row r="63549" spans="1:7" x14ac:dyDescent="0.3">
      <c r="A63549" s="13" t="s">
        <v>341</v>
      </c>
      <c r="B63549" s="14" t="s">
        <v>1</v>
      </c>
      <c r="C63549" s="14" t="s">
        <v>342</v>
      </c>
      <c r="D63549" s="14" t="s">
        <v>343</v>
      </c>
      <c r="E63549" s="15">
        <v>45415</v>
      </c>
      <c r="F63549" s="14" t="s">
        <v>53</v>
      </c>
      <c r="G63549" s="16">
        <v>0.3891070914641559</v>
      </c>
    </row>
    <row r="63550" spans="1:7" x14ac:dyDescent="0.3">
      <c r="A63550" s="13" t="s">
        <v>341</v>
      </c>
      <c r="B63550" s="14" t="s">
        <v>1</v>
      </c>
      <c r="C63550" s="14" t="s">
        <v>342</v>
      </c>
      <c r="D63550" s="14" t="s">
        <v>343</v>
      </c>
      <c r="E63550" s="15">
        <v>45416</v>
      </c>
      <c r="F63550" s="14" t="s">
        <v>53</v>
      </c>
      <c r="G63550" s="16">
        <v>0.3891070914641559</v>
      </c>
    </row>
    <row r="63551" spans="1:7" x14ac:dyDescent="0.3">
      <c r="A63551" s="13" t="s">
        <v>341</v>
      </c>
      <c r="B63551" s="14" t="s">
        <v>1</v>
      </c>
      <c r="C63551" s="14" t="s">
        <v>342</v>
      </c>
      <c r="D63551" s="14" t="s">
        <v>343</v>
      </c>
      <c r="E63551" s="15">
        <v>45417</v>
      </c>
      <c r="F63551" s="14" t="s">
        <v>53</v>
      </c>
      <c r="G63551" s="16">
        <v>0.3891070914641559</v>
      </c>
    </row>
    <row r="63552" spans="1:7" x14ac:dyDescent="0.3">
      <c r="A63552" s="13" t="s">
        <v>341</v>
      </c>
      <c r="B63552" s="14" t="s">
        <v>1</v>
      </c>
      <c r="C63552" s="14" t="s">
        <v>342</v>
      </c>
      <c r="D63552" s="14" t="s">
        <v>343</v>
      </c>
      <c r="E63552" s="15">
        <v>45418</v>
      </c>
      <c r="F63552" s="14" t="s">
        <v>53</v>
      </c>
      <c r="G63552" s="16">
        <v>0.3891070914641559</v>
      </c>
    </row>
    <row r="63553" spans="1:7" x14ac:dyDescent="0.3">
      <c r="A63553" s="13" t="s">
        <v>341</v>
      </c>
      <c r="B63553" s="14" t="s">
        <v>1</v>
      </c>
      <c r="C63553" s="14" t="s">
        <v>342</v>
      </c>
      <c r="D63553" s="14" t="s">
        <v>343</v>
      </c>
      <c r="E63553" s="15">
        <v>45419</v>
      </c>
      <c r="F63553" s="14" t="s">
        <v>53</v>
      </c>
      <c r="G63553" s="16">
        <v>0.40003970952969353</v>
      </c>
    </row>
    <row r="63554" spans="1:7" x14ac:dyDescent="0.3">
      <c r="A63554" s="13" t="s">
        <v>341</v>
      </c>
      <c r="B63554" s="14" t="s">
        <v>1</v>
      </c>
      <c r="C63554" s="14" t="s">
        <v>342</v>
      </c>
      <c r="D63554" s="14" t="s">
        <v>343</v>
      </c>
      <c r="E63554" s="15">
        <v>45420</v>
      </c>
      <c r="F63554" s="14" t="s">
        <v>53</v>
      </c>
      <c r="G63554" s="16">
        <v>0.44373349923321009</v>
      </c>
    </row>
    <row r="63555" spans="1:7" x14ac:dyDescent="0.3">
      <c r="A63555" s="13" t="s">
        <v>341</v>
      </c>
      <c r="B63555" s="14" t="s">
        <v>1</v>
      </c>
      <c r="C63555" s="14" t="s">
        <v>342</v>
      </c>
      <c r="D63555" s="14" t="s">
        <v>343</v>
      </c>
      <c r="E63555" s="15">
        <v>45421</v>
      </c>
      <c r="F63555" s="14" t="s">
        <v>53</v>
      </c>
      <c r="G63555" s="16">
        <v>0.44373349923321009</v>
      </c>
    </row>
    <row r="63556" spans="1:7" x14ac:dyDescent="0.3">
      <c r="A63556" s="13" t="s">
        <v>341</v>
      </c>
      <c r="B63556" s="14" t="s">
        <v>1</v>
      </c>
      <c r="C63556" s="14" t="s">
        <v>342</v>
      </c>
      <c r="D63556" s="14" t="s">
        <v>343</v>
      </c>
      <c r="E63556" s="15">
        <v>45422</v>
      </c>
      <c r="F63556" s="14" t="s">
        <v>53</v>
      </c>
      <c r="G63556" s="16">
        <v>0.45463412912580958</v>
      </c>
    </row>
    <row r="63557" spans="1:7" x14ac:dyDescent="0.3">
      <c r="A63557" s="13" t="s">
        <v>341</v>
      </c>
      <c r="B63557" s="14" t="s">
        <v>1</v>
      </c>
      <c r="C63557" s="14" t="s">
        <v>342</v>
      </c>
      <c r="D63557" s="14" t="s">
        <v>343</v>
      </c>
      <c r="E63557" s="15">
        <v>45423</v>
      </c>
      <c r="F63557" s="14" t="s">
        <v>53</v>
      </c>
      <c r="G63557" s="16">
        <v>0.45463412912580958</v>
      </c>
    </row>
    <row r="63558" spans="1:7" x14ac:dyDescent="0.3">
      <c r="A63558" s="13" t="s">
        <v>341</v>
      </c>
      <c r="B63558" s="14" t="s">
        <v>1</v>
      </c>
      <c r="C63558" s="14" t="s">
        <v>342</v>
      </c>
      <c r="D63558" s="14" t="s">
        <v>343</v>
      </c>
      <c r="E63558" s="15">
        <v>45424</v>
      </c>
      <c r="F63558" s="14" t="s">
        <v>53</v>
      </c>
      <c r="G63558" s="16">
        <v>0.45463412912580958</v>
      </c>
    </row>
    <row r="63559" spans="1:7" x14ac:dyDescent="0.3">
      <c r="A63559" s="13" t="s">
        <v>341</v>
      </c>
      <c r="B63559" s="14" t="s">
        <v>1</v>
      </c>
      <c r="C63559" s="14" t="s">
        <v>342</v>
      </c>
      <c r="D63559" s="14" t="s">
        <v>343</v>
      </c>
      <c r="E63559" s="15">
        <v>45425</v>
      </c>
      <c r="F63559" s="14" t="s">
        <v>53</v>
      </c>
      <c r="G63559" s="16">
        <v>0.47675241535805146</v>
      </c>
    </row>
    <row r="63560" spans="1:7" x14ac:dyDescent="0.3">
      <c r="A63560" s="13" t="s">
        <v>341</v>
      </c>
      <c r="B63560" s="14" t="s">
        <v>1</v>
      </c>
      <c r="C63560" s="14" t="s">
        <v>342</v>
      </c>
      <c r="D63560" s="14" t="s">
        <v>343</v>
      </c>
      <c r="E63560" s="15">
        <v>45426</v>
      </c>
      <c r="F63560" s="14" t="s">
        <v>53</v>
      </c>
      <c r="G63560" s="16">
        <v>0.50976988572099124</v>
      </c>
    </row>
    <row r="63561" spans="1:7" x14ac:dyDescent="0.3">
      <c r="A63561" s="13" t="s">
        <v>341</v>
      </c>
      <c r="B63561" s="14" t="s">
        <v>1</v>
      </c>
      <c r="C63561" s="14" t="s">
        <v>342</v>
      </c>
      <c r="D63561" s="14" t="s">
        <v>343</v>
      </c>
      <c r="E63561" s="15">
        <v>45427</v>
      </c>
      <c r="F63561" s="14" t="s">
        <v>53</v>
      </c>
      <c r="G63561" s="16">
        <v>0.5207513939493148</v>
      </c>
    </row>
    <row r="63562" spans="1:7" x14ac:dyDescent="0.3">
      <c r="A63562" s="13" t="s">
        <v>341</v>
      </c>
      <c r="B63562" s="14" t="s">
        <v>1</v>
      </c>
      <c r="C63562" s="14" t="s">
        <v>342</v>
      </c>
      <c r="D63562" s="14" t="s">
        <v>343</v>
      </c>
      <c r="E63562" s="15">
        <v>45428</v>
      </c>
      <c r="F63562" s="14" t="s">
        <v>53</v>
      </c>
      <c r="G63562" s="16">
        <v>0.53188573327988287</v>
      </c>
    </row>
    <row r="63563" spans="1:7" x14ac:dyDescent="0.3">
      <c r="A63563" s="13" t="s">
        <v>341</v>
      </c>
      <c r="B63563" s="14" t="s">
        <v>1</v>
      </c>
      <c r="C63563" s="14" t="s">
        <v>342</v>
      </c>
      <c r="D63563" s="14" t="s">
        <v>343</v>
      </c>
      <c r="E63563" s="15">
        <v>45429</v>
      </c>
      <c r="F63563" s="14" t="s">
        <v>53</v>
      </c>
      <c r="G63563" s="16">
        <v>0.54301263545629341</v>
      </c>
    </row>
    <row r="63564" spans="1:7" x14ac:dyDescent="0.3">
      <c r="A63564" s="13" t="s">
        <v>341</v>
      </c>
      <c r="B63564" s="14" t="s">
        <v>1</v>
      </c>
      <c r="C63564" s="14" t="s">
        <v>342</v>
      </c>
      <c r="D63564" s="14" t="s">
        <v>343</v>
      </c>
      <c r="E63564" s="15">
        <v>45430</v>
      </c>
      <c r="F63564" s="14" t="s">
        <v>53</v>
      </c>
      <c r="G63564" s="16">
        <v>0.54301263545629341</v>
      </c>
    </row>
    <row r="63565" spans="1:7" x14ac:dyDescent="0.3">
      <c r="A63565" s="13" t="s">
        <v>341</v>
      </c>
      <c r="B63565" s="14" t="s">
        <v>1</v>
      </c>
      <c r="C63565" s="14" t="s">
        <v>342</v>
      </c>
      <c r="D63565" s="14" t="s">
        <v>343</v>
      </c>
      <c r="E63565" s="15">
        <v>45431</v>
      </c>
      <c r="F63565" s="14" t="s">
        <v>53</v>
      </c>
      <c r="G63565" s="16">
        <v>0.54301263545629341</v>
      </c>
    </row>
    <row r="63566" spans="1:7" x14ac:dyDescent="0.3">
      <c r="A63566" s="13" t="s">
        <v>341</v>
      </c>
      <c r="B63566" s="14" t="s">
        <v>1</v>
      </c>
      <c r="C63566" s="14" t="s">
        <v>342</v>
      </c>
      <c r="D63566" s="14" t="s">
        <v>343</v>
      </c>
      <c r="E63566" s="15">
        <v>45432</v>
      </c>
      <c r="F63566" s="14" t="s">
        <v>53</v>
      </c>
      <c r="G63566" s="16">
        <v>0.54301263545629341</v>
      </c>
    </row>
    <row r="63567" spans="1:7" x14ac:dyDescent="0.3">
      <c r="A63567" s="13" t="s">
        <v>341</v>
      </c>
      <c r="B63567" s="14" t="s">
        <v>1</v>
      </c>
      <c r="C63567" s="14" t="s">
        <v>342</v>
      </c>
      <c r="D63567" s="14" t="s">
        <v>343</v>
      </c>
      <c r="E63567" s="15">
        <v>45433</v>
      </c>
      <c r="F63567" s="14" t="s">
        <v>53</v>
      </c>
      <c r="G63567" s="16">
        <v>0.5541372539129813</v>
      </c>
    </row>
    <row r="63568" spans="1:7" x14ac:dyDescent="0.3">
      <c r="A63568" s="13" t="s">
        <v>341</v>
      </c>
      <c r="B63568" s="14" t="s">
        <v>1</v>
      </c>
      <c r="C63568" s="14" t="s">
        <v>342</v>
      </c>
      <c r="D63568" s="14" t="s">
        <v>343</v>
      </c>
      <c r="E63568" s="15">
        <v>45434</v>
      </c>
      <c r="F63568" s="14" t="s">
        <v>53</v>
      </c>
      <c r="G63568" s="16">
        <v>0.59861324443258301</v>
      </c>
    </row>
    <row r="63569" spans="1:7" x14ac:dyDescent="0.3">
      <c r="A63569" s="13" t="s">
        <v>341</v>
      </c>
      <c r="B63569" s="14" t="s">
        <v>1</v>
      </c>
      <c r="C63569" s="14" t="s">
        <v>342</v>
      </c>
      <c r="D63569" s="14" t="s">
        <v>343</v>
      </c>
      <c r="E63569" s="15">
        <v>45435</v>
      </c>
      <c r="F63569" s="14" t="s">
        <v>53</v>
      </c>
      <c r="G63569" s="16">
        <v>0.60969545525723745</v>
      </c>
    </row>
    <row r="63570" spans="1:7" x14ac:dyDescent="0.3">
      <c r="A63570" s="13" t="s">
        <v>341</v>
      </c>
      <c r="B63570" s="14" t="s">
        <v>1</v>
      </c>
      <c r="C63570" s="14" t="s">
        <v>342</v>
      </c>
      <c r="D63570" s="14" t="s">
        <v>343</v>
      </c>
      <c r="E63570" s="15">
        <v>45436</v>
      </c>
      <c r="F63570" s="14" t="s">
        <v>53</v>
      </c>
      <c r="G63570" s="16">
        <v>0.62077754160175536</v>
      </c>
    </row>
    <row r="63571" spans="1:7" x14ac:dyDescent="0.3">
      <c r="A63571" s="13" t="s">
        <v>341</v>
      </c>
      <c r="B63571" s="14" t="s">
        <v>1</v>
      </c>
      <c r="C63571" s="14" t="s">
        <v>342</v>
      </c>
      <c r="D63571" s="14" t="s">
        <v>343</v>
      </c>
      <c r="E63571" s="15">
        <v>45437</v>
      </c>
      <c r="F63571" s="14" t="s">
        <v>53</v>
      </c>
      <c r="G63571" s="16">
        <v>0.62077754160175536</v>
      </c>
    </row>
    <row r="63572" spans="1:7" x14ac:dyDescent="0.3">
      <c r="A63572" s="13" t="s">
        <v>341</v>
      </c>
      <c r="B63572" s="14" t="s">
        <v>1</v>
      </c>
      <c r="C63572" s="14" t="s">
        <v>342</v>
      </c>
      <c r="D63572" s="14" t="s">
        <v>343</v>
      </c>
      <c r="E63572" s="15">
        <v>45438</v>
      </c>
      <c r="F63572" s="14" t="s">
        <v>53</v>
      </c>
      <c r="G63572" s="16">
        <v>0.62077754160175536</v>
      </c>
    </row>
    <row r="63573" spans="1:7" x14ac:dyDescent="0.3">
      <c r="A63573" s="13" t="s">
        <v>341</v>
      </c>
      <c r="B63573" s="14" t="s">
        <v>1</v>
      </c>
      <c r="C63573" s="14" t="s">
        <v>342</v>
      </c>
      <c r="D63573" s="14" t="s">
        <v>343</v>
      </c>
      <c r="E63573" s="15">
        <v>45439</v>
      </c>
      <c r="F63573" s="14" t="s">
        <v>53</v>
      </c>
      <c r="G63573" s="16">
        <v>0.62077754160175536</v>
      </c>
    </row>
    <row r="63574" spans="1:7" x14ac:dyDescent="0.3">
      <c r="A63574" s="13" t="s">
        <v>341</v>
      </c>
      <c r="B63574" s="14" t="s">
        <v>1</v>
      </c>
      <c r="C63574" s="14" t="s">
        <v>342</v>
      </c>
      <c r="D63574" s="14" t="s">
        <v>343</v>
      </c>
      <c r="E63574" s="15">
        <v>45440</v>
      </c>
      <c r="F63574" s="14" t="s">
        <v>53</v>
      </c>
      <c r="G63574" s="16">
        <v>0.63185924355792322</v>
      </c>
    </row>
    <row r="63575" spans="1:7" x14ac:dyDescent="0.3">
      <c r="A63575" s="13" t="s">
        <v>341</v>
      </c>
      <c r="B63575" s="14" t="s">
        <v>1</v>
      </c>
      <c r="C63575" s="14" t="s">
        <v>342</v>
      </c>
      <c r="D63575" s="14" t="s">
        <v>343</v>
      </c>
      <c r="E63575" s="15">
        <v>45441</v>
      </c>
      <c r="F63575" s="14" t="s">
        <v>53</v>
      </c>
      <c r="G63575" s="16">
        <v>0.67666699799370555</v>
      </c>
    </row>
    <row r="63576" spans="1:7" x14ac:dyDescent="0.3">
      <c r="A63576" s="13" t="s">
        <v>341</v>
      </c>
      <c r="B63576" s="14" t="s">
        <v>1</v>
      </c>
      <c r="C63576" s="14" t="s">
        <v>342</v>
      </c>
      <c r="D63576" s="14" t="s">
        <v>343</v>
      </c>
      <c r="E63576" s="15">
        <v>45442</v>
      </c>
      <c r="F63576" s="14" t="s">
        <v>53</v>
      </c>
      <c r="G63576" s="16">
        <v>0.68971422415455441</v>
      </c>
    </row>
    <row r="63577" spans="1:7" x14ac:dyDescent="0.3">
      <c r="A63577" s="13" t="s">
        <v>341</v>
      </c>
      <c r="B63577" s="14" t="s">
        <v>1</v>
      </c>
      <c r="C63577" s="14" t="s">
        <v>342</v>
      </c>
      <c r="D63577" s="14" t="s">
        <v>343</v>
      </c>
      <c r="E63577" s="15">
        <v>45443</v>
      </c>
      <c r="F63577" s="14" t="s">
        <v>53</v>
      </c>
      <c r="G63577" s="16">
        <v>0.70076451525789829</v>
      </c>
    </row>
    <row r="63578" spans="1:7" x14ac:dyDescent="0.3">
      <c r="A63578" s="13" t="s">
        <v>341</v>
      </c>
      <c r="B63578" s="14" t="s">
        <v>1</v>
      </c>
      <c r="C63578" s="14" t="s">
        <v>342</v>
      </c>
      <c r="D63578" s="14" t="s">
        <v>343</v>
      </c>
      <c r="E63578" s="15">
        <v>45444</v>
      </c>
      <c r="F63578" s="14" t="s">
        <v>53</v>
      </c>
      <c r="G63578" s="16">
        <v>0.70076451525789829</v>
      </c>
    </row>
    <row r="63579" spans="1:7" x14ac:dyDescent="0.3">
      <c r="A63579" s="13" t="s">
        <v>341</v>
      </c>
      <c r="B63579" s="14" t="s">
        <v>1</v>
      </c>
      <c r="C63579" s="14" t="s">
        <v>342</v>
      </c>
      <c r="D63579" s="14" t="s">
        <v>343</v>
      </c>
      <c r="E63579" s="15">
        <v>45445</v>
      </c>
      <c r="F63579" s="14" t="s">
        <v>53</v>
      </c>
      <c r="G63579" s="16">
        <v>0.70076451525789829</v>
      </c>
    </row>
    <row r="63580" spans="1:7" x14ac:dyDescent="0.3">
      <c r="A63580" s="13" t="s">
        <v>341</v>
      </c>
      <c r="B63580" s="14" t="s">
        <v>1</v>
      </c>
      <c r="C63580" s="14" t="s">
        <v>342</v>
      </c>
      <c r="D63580" s="14" t="s">
        <v>343</v>
      </c>
      <c r="E63580" s="15">
        <v>45446</v>
      </c>
      <c r="F63580" s="14" t="s">
        <v>53</v>
      </c>
      <c r="G63580" s="16">
        <v>0.70076451525789829</v>
      </c>
    </row>
    <row r="63581" spans="1:7" x14ac:dyDescent="0.3">
      <c r="A63581" s="13" t="s">
        <v>341</v>
      </c>
      <c r="B63581" s="14" t="s">
        <v>1</v>
      </c>
      <c r="C63581" s="14" t="s">
        <v>342</v>
      </c>
      <c r="D63581" s="14" t="s">
        <v>343</v>
      </c>
      <c r="E63581" s="15">
        <v>45447</v>
      </c>
      <c r="F63581" s="14" t="s">
        <v>53</v>
      </c>
      <c r="G63581" s="16">
        <v>0.71180831339061745</v>
      </c>
    </row>
    <row r="63582" spans="1:7" x14ac:dyDescent="0.3">
      <c r="A63582" s="13" t="s">
        <v>341</v>
      </c>
      <c r="B63582" s="14" t="s">
        <v>1</v>
      </c>
      <c r="C63582" s="14" t="s">
        <v>342</v>
      </c>
      <c r="D63582" s="14" t="s">
        <v>343</v>
      </c>
      <c r="E63582" s="15">
        <v>45448</v>
      </c>
      <c r="F63582" s="14" t="s">
        <v>53</v>
      </c>
      <c r="G63582" s="16">
        <v>0.75810944990974083</v>
      </c>
    </row>
    <row r="63583" spans="1:7" x14ac:dyDescent="0.3">
      <c r="A63583" s="13" t="s">
        <v>341</v>
      </c>
      <c r="B63583" s="14" t="s">
        <v>1</v>
      </c>
      <c r="C63583" s="14" t="s">
        <v>342</v>
      </c>
      <c r="D63583" s="14" t="s">
        <v>343</v>
      </c>
      <c r="E63583" s="15">
        <v>45449</v>
      </c>
      <c r="F63583" s="14" t="s">
        <v>53</v>
      </c>
      <c r="G63583" s="16">
        <v>0.76912415010821233</v>
      </c>
    </row>
    <row r="63584" spans="1:7" x14ac:dyDescent="0.3">
      <c r="A63584" s="13" t="s">
        <v>341</v>
      </c>
      <c r="B63584" s="14" t="s">
        <v>1</v>
      </c>
      <c r="C63584" s="14" t="s">
        <v>342</v>
      </c>
      <c r="D63584" s="14" t="s">
        <v>343</v>
      </c>
      <c r="E63584" s="15">
        <v>45450</v>
      </c>
      <c r="F63584" s="14" t="s">
        <v>53</v>
      </c>
      <c r="G63584" s="16">
        <v>0.78013424391551933</v>
      </c>
    </row>
    <row r="63585" spans="1:7" x14ac:dyDescent="0.3">
      <c r="A63585" s="13" t="s">
        <v>341</v>
      </c>
      <c r="B63585" s="14" t="s">
        <v>1</v>
      </c>
      <c r="C63585" s="14" t="s">
        <v>342</v>
      </c>
      <c r="D63585" s="14" t="s">
        <v>343</v>
      </c>
      <c r="E63585" s="15">
        <v>45451</v>
      </c>
      <c r="F63585" s="14" t="s">
        <v>53</v>
      </c>
      <c r="G63585" s="16">
        <v>0.78013424391551933</v>
      </c>
    </row>
    <row r="63586" spans="1:7" x14ac:dyDescent="0.3">
      <c r="A63586" s="13" t="s">
        <v>341</v>
      </c>
      <c r="B63586" s="14" t="s">
        <v>1</v>
      </c>
      <c r="C63586" s="14" t="s">
        <v>342</v>
      </c>
      <c r="D63586" s="14" t="s">
        <v>343</v>
      </c>
      <c r="E63586" s="15">
        <v>45452</v>
      </c>
      <c r="F63586" s="14" t="s">
        <v>53</v>
      </c>
      <c r="G63586" s="16">
        <v>0.78013424391551933</v>
      </c>
    </row>
    <row r="63587" spans="1:7" x14ac:dyDescent="0.3">
      <c r="A63587" s="13" t="s">
        <v>341</v>
      </c>
      <c r="B63587" s="14" t="s">
        <v>1</v>
      </c>
      <c r="C63587" s="14" t="s">
        <v>342</v>
      </c>
      <c r="D63587" s="14" t="s">
        <v>343</v>
      </c>
      <c r="E63587" s="15">
        <v>45453</v>
      </c>
      <c r="F63587" s="14" t="s">
        <v>53</v>
      </c>
      <c r="G63587" s="16">
        <v>0.79152711607996906</v>
      </c>
    </row>
    <row r="63588" spans="1:7" x14ac:dyDescent="0.3">
      <c r="A63588" s="13" t="s">
        <v>341</v>
      </c>
      <c r="B63588" s="14" t="s">
        <v>1</v>
      </c>
      <c r="C63588" s="14" t="s">
        <v>342</v>
      </c>
      <c r="D63588" s="14" t="s">
        <v>343</v>
      </c>
      <c r="E63588" s="15">
        <v>45454</v>
      </c>
      <c r="F63588" s="14" t="s">
        <v>53</v>
      </c>
      <c r="G63588" s="16">
        <v>0.82454478574389356</v>
      </c>
    </row>
    <row r="63589" spans="1:7" x14ac:dyDescent="0.3">
      <c r="A63589" s="13" t="s">
        <v>341</v>
      </c>
      <c r="B63589" s="14" t="s">
        <v>1</v>
      </c>
      <c r="C63589" s="14" t="s">
        <v>342</v>
      </c>
      <c r="D63589" s="14" t="s">
        <v>343</v>
      </c>
      <c r="E63589" s="15">
        <v>45455</v>
      </c>
      <c r="F63589" s="14" t="s">
        <v>53</v>
      </c>
      <c r="G63589" s="16">
        <v>0.83558209527630056</v>
      </c>
    </row>
    <row r="63590" spans="1:7" x14ac:dyDescent="0.3">
      <c r="A63590" s="13" t="s">
        <v>341</v>
      </c>
      <c r="B63590" s="14" t="s">
        <v>1</v>
      </c>
      <c r="C63590" s="14" t="s">
        <v>342</v>
      </c>
      <c r="D63590" s="14" t="s">
        <v>343</v>
      </c>
      <c r="E63590" s="15">
        <v>45456</v>
      </c>
      <c r="F63590" s="14" t="s">
        <v>53</v>
      </c>
      <c r="G63590" s="16">
        <v>0.84669439161991034</v>
      </c>
    </row>
    <row r="63591" spans="1:7" x14ac:dyDescent="0.3">
      <c r="A63591" s="13" t="s">
        <v>341</v>
      </c>
      <c r="B63591" s="14" t="s">
        <v>1</v>
      </c>
      <c r="C63591" s="14" t="s">
        <v>342</v>
      </c>
      <c r="D63591" s="14" t="s">
        <v>343</v>
      </c>
      <c r="E63591" s="15">
        <v>45457</v>
      </c>
      <c r="F63591" s="14" t="s">
        <v>53</v>
      </c>
      <c r="G63591" s="16">
        <v>0.85779309072134724</v>
      </c>
    </row>
    <row r="63592" spans="1:7" x14ac:dyDescent="0.3">
      <c r="A63592" s="13" t="s">
        <v>341</v>
      </c>
      <c r="B63592" s="14" t="s">
        <v>1</v>
      </c>
      <c r="C63592" s="14" t="s">
        <v>342</v>
      </c>
      <c r="D63592" s="14" t="s">
        <v>343</v>
      </c>
      <c r="E63592" s="15">
        <v>45458</v>
      </c>
      <c r="F63592" s="14" t="s">
        <v>53</v>
      </c>
      <c r="G63592" s="16">
        <v>0.85779309072134724</v>
      </c>
    </row>
    <row r="63593" spans="1:7" x14ac:dyDescent="0.3">
      <c r="A63593" s="13" t="s">
        <v>341</v>
      </c>
      <c r="B63593" s="14" t="s">
        <v>1</v>
      </c>
      <c r="C63593" s="14" t="s">
        <v>342</v>
      </c>
      <c r="D63593" s="14" t="s">
        <v>343</v>
      </c>
      <c r="E63593" s="15">
        <v>45459</v>
      </c>
      <c r="F63593" s="14" t="s">
        <v>53</v>
      </c>
      <c r="G63593" s="16">
        <v>0.85779309072134724</v>
      </c>
    </row>
    <row r="63594" spans="1:7" x14ac:dyDescent="0.3">
      <c r="A63594" s="13" t="s">
        <v>341</v>
      </c>
      <c r="B63594" s="14" t="s">
        <v>1</v>
      </c>
      <c r="C63594" s="14" t="s">
        <v>342</v>
      </c>
      <c r="D63594" s="14" t="s">
        <v>343</v>
      </c>
      <c r="E63594" s="15">
        <v>45460</v>
      </c>
      <c r="F63594" s="14" t="s">
        <v>53</v>
      </c>
      <c r="G63594" s="16">
        <v>0.86889085221961637</v>
      </c>
    </row>
    <row r="63595" spans="1:7" x14ac:dyDescent="0.3">
      <c r="A63595" s="13" t="s">
        <v>341</v>
      </c>
      <c r="B63595" s="14" t="s">
        <v>1</v>
      </c>
      <c r="C63595" s="14" t="s">
        <v>342</v>
      </c>
      <c r="D63595" s="14" t="s">
        <v>343</v>
      </c>
      <c r="E63595" s="15">
        <v>45461</v>
      </c>
      <c r="F63595" s="14" t="s">
        <v>53</v>
      </c>
      <c r="G63595" s="16">
        <v>0.90213791895715889</v>
      </c>
    </row>
    <row r="63596" spans="1:7" x14ac:dyDescent="0.3">
      <c r="A63596" s="13" t="s">
        <v>341</v>
      </c>
      <c r="B63596" s="14" t="s">
        <v>1</v>
      </c>
      <c r="C63596" s="14" t="s">
        <v>342</v>
      </c>
      <c r="D63596" s="14" t="s">
        <v>343</v>
      </c>
      <c r="E63596" s="15">
        <v>45462</v>
      </c>
      <c r="F63596" s="14" t="s">
        <v>53</v>
      </c>
      <c r="G63596" s="16">
        <v>0.91322610654602809</v>
      </c>
    </row>
    <row r="63597" spans="1:7" x14ac:dyDescent="0.3">
      <c r="A63597" s="13" t="s">
        <v>341</v>
      </c>
      <c r="B63597" s="14" t="s">
        <v>1</v>
      </c>
      <c r="C63597" s="14" t="s">
        <v>342</v>
      </c>
      <c r="D63597" s="14" t="s">
        <v>343</v>
      </c>
      <c r="E63597" s="15">
        <v>45463</v>
      </c>
      <c r="F63597" s="14" t="s">
        <v>53</v>
      </c>
      <c r="G63597" s="16">
        <v>0.92429801055169025</v>
      </c>
    </row>
    <row r="63598" spans="1:7" x14ac:dyDescent="0.3">
      <c r="A63598" s="13" t="s">
        <v>341</v>
      </c>
      <c r="B63598" s="14" t="s">
        <v>1</v>
      </c>
      <c r="C63598" s="14" t="s">
        <v>342</v>
      </c>
      <c r="D63598" s="14" t="s">
        <v>343</v>
      </c>
      <c r="E63598" s="15">
        <v>45464</v>
      </c>
      <c r="F63598" s="14" t="s">
        <v>53</v>
      </c>
      <c r="G63598" s="16">
        <v>0.93535510823083312</v>
      </c>
    </row>
    <row r="63599" spans="1:7" x14ac:dyDescent="0.3">
      <c r="A63599" s="13" t="s">
        <v>341</v>
      </c>
      <c r="B63599" s="14" t="s">
        <v>1</v>
      </c>
      <c r="C63599" s="14" t="s">
        <v>342</v>
      </c>
      <c r="D63599" s="14" t="s">
        <v>343</v>
      </c>
      <c r="E63599" s="15">
        <v>45465</v>
      </c>
      <c r="F63599" s="14" t="s">
        <v>53</v>
      </c>
      <c r="G63599" s="16">
        <v>0.93535510823083312</v>
      </c>
    </row>
    <row r="63600" spans="1:7" x14ac:dyDescent="0.3">
      <c r="A63600" s="13" t="s">
        <v>341</v>
      </c>
      <c r="B63600" s="14" t="s">
        <v>1</v>
      </c>
      <c r="C63600" s="14" t="s">
        <v>342</v>
      </c>
      <c r="D63600" s="14" t="s">
        <v>343</v>
      </c>
      <c r="E63600" s="15">
        <v>45466</v>
      </c>
      <c r="F63600" s="14" t="s">
        <v>53</v>
      </c>
      <c r="G63600" s="16">
        <v>0.93535510823083312</v>
      </c>
    </row>
    <row r="63601" spans="1:7" x14ac:dyDescent="0.3">
      <c r="A63601" s="13" t="s">
        <v>341</v>
      </c>
      <c r="B63601" s="14" t="s">
        <v>1</v>
      </c>
      <c r="C63601" s="14" t="s">
        <v>342</v>
      </c>
      <c r="D63601" s="14" t="s">
        <v>343</v>
      </c>
      <c r="E63601" s="15">
        <v>45467</v>
      </c>
      <c r="F63601" s="14" t="s">
        <v>53</v>
      </c>
      <c r="G63601" s="16">
        <v>0.94641276173909139</v>
      </c>
    </row>
    <row r="63602" spans="1:7" x14ac:dyDescent="0.3">
      <c r="A63602" s="13" t="s">
        <v>341</v>
      </c>
      <c r="B63602" s="14" t="s">
        <v>1</v>
      </c>
      <c r="C63602" s="14" t="s">
        <v>342</v>
      </c>
      <c r="D63602" s="14" t="s">
        <v>343</v>
      </c>
      <c r="E63602" s="15">
        <v>45468</v>
      </c>
      <c r="F63602" s="14" t="s">
        <v>53</v>
      </c>
      <c r="G63602" s="16">
        <v>0.97955773409629043</v>
      </c>
    </row>
    <row r="63603" spans="1:7" x14ac:dyDescent="0.3">
      <c r="A63603" s="13" t="s">
        <v>341</v>
      </c>
      <c r="B63603" s="14" t="s">
        <v>1</v>
      </c>
      <c r="C63603" s="14" t="s">
        <v>342</v>
      </c>
      <c r="D63603" s="14" t="s">
        <v>343</v>
      </c>
      <c r="E63603" s="15">
        <v>45469</v>
      </c>
      <c r="F63603" s="14" t="s">
        <v>53</v>
      </c>
      <c r="G63603" s="16">
        <v>0.99059327914418671</v>
      </c>
    </row>
    <row r="63604" spans="1:7" x14ac:dyDescent="0.3">
      <c r="A63604" s="13" t="s">
        <v>341</v>
      </c>
      <c r="B63604" s="14" t="s">
        <v>1</v>
      </c>
      <c r="C63604" s="14" t="s">
        <v>342</v>
      </c>
      <c r="D63604" s="14" t="s">
        <v>343</v>
      </c>
      <c r="E63604" s="15">
        <v>45470</v>
      </c>
      <c r="F63604" s="14" t="s">
        <v>53</v>
      </c>
      <c r="G63604" s="16">
        <v>1.0016291493654561</v>
      </c>
    </row>
    <row r="63605" spans="1:7" x14ac:dyDescent="0.3">
      <c r="A63605" s="13" t="s">
        <v>341</v>
      </c>
      <c r="B63605" s="14" t="s">
        <v>1</v>
      </c>
      <c r="C63605" s="14" t="s">
        <v>342</v>
      </c>
      <c r="D63605" s="14" t="s">
        <v>343</v>
      </c>
      <c r="E63605" s="15">
        <v>45471</v>
      </c>
      <c r="F63605" s="14" t="s">
        <v>53</v>
      </c>
      <c r="G63605" s="16">
        <v>1.0126791987796495</v>
      </c>
    </row>
    <row r="63606" spans="1:7" x14ac:dyDescent="0.3">
      <c r="A63606" s="13" t="s">
        <v>341</v>
      </c>
      <c r="B63606" s="14" t="s">
        <v>1</v>
      </c>
      <c r="C63606" s="14" t="s">
        <v>342</v>
      </c>
      <c r="D63606" s="14" t="s">
        <v>343</v>
      </c>
      <c r="E63606" s="15">
        <v>45472</v>
      </c>
      <c r="F63606" s="14" t="s">
        <v>53</v>
      </c>
      <c r="G63606" s="16">
        <v>1.0126791987796495</v>
      </c>
    </row>
    <row r="63607" spans="1:7" x14ac:dyDescent="0.3">
      <c r="A63607" s="13" t="s">
        <v>341</v>
      </c>
      <c r="B63607" s="14" t="s">
        <v>1</v>
      </c>
      <c r="C63607" s="14" t="s">
        <v>342</v>
      </c>
      <c r="D63607" s="14" t="s">
        <v>343</v>
      </c>
      <c r="E63607" s="15">
        <v>45473</v>
      </c>
      <c r="F63607" s="14" t="s">
        <v>53</v>
      </c>
      <c r="G63607" s="16">
        <v>1.0126791987796495</v>
      </c>
    </row>
    <row r="63608" spans="1:7" x14ac:dyDescent="0.3">
      <c r="A63608" s="13" t="s">
        <v>341</v>
      </c>
      <c r="B63608" s="14" t="s">
        <v>1</v>
      </c>
      <c r="C63608" s="14" t="s">
        <v>342</v>
      </c>
      <c r="D63608" s="14" t="s">
        <v>343</v>
      </c>
      <c r="E63608" s="15">
        <v>45474</v>
      </c>
      <c r="F63608" s="14" t="s">
        <v>53</v>
      </c>
      <c r="G63608" s="16">
        <v>0</v>
      </c>
    </row>
    <row r="63609" spans="1:7" x14ac:dyDescent="0.3">
      <c r="A63609" s="13" t="s">
        <v>341</v>
      </c>
      <c r="B63609" s="14" t="s">
        <v>1</v>
      </c>
      <c r="C63609" s="14" t="s">
        <v>342</v>
      </c>
      <c r="D63609" s="14" t="s">
        <v>343</v>
      </c>
      <c r="E63609" s="15">
        <v>45475</v>
      </c>
      <c r="F63609" s="14" t="s">
        <v>53</v>
      </c>
      <c r="G63609" s="16">
        <v>0</v>
      </c>
    </row>
    <row r="63610" spans="1:7" x14ac:dyDescent="0.3">
      <c r="A63610" s="13" t="s">
        <v>341</v>
      </c>
      <c r="B63610" s="14" t="s">
        <v>1</v>
      </c>
      <c r="C63610" s="14" t="s">
        <v>342</v>
      </c>
      <c r="D63610" s="14" t="s">
        <v>343</v>
      </c>
      <c r="E63610" s="15">
        <v>45476</v>
      </c>
      <c r="F63610" s="14" t="s">
        <v>53</v>
      </c>
      <c r="G63610" s="16">
        <v>0</v>
      </c>
    </row>
    <row r="63611" spans="1:7" x14ac:dyDescent="0.3">
      <c r="A63611" s="13" t="s">
        <v>341</v>
      </c>
      <c r="B63611" s="14" t="s">
        <v>1</v>
      </c>
      <c r="C63611" s="14" t="s">
        <v>342</v>
      </c>
      <c r="D63611" s="14" t="s">
        <v>343</v>
      </c>
      <c r="E63611" s="15">
        <v>45477</v>
      </c>
      <c r="F63611" s="14" t="s">
        <v>53</v>
      </c>
      <c r="G63611" s="16">
        <v>0</v>
      </c>
    </row>
    <row r="63612" spans="1:7" x14ac:dyDescent="0.3">
      <c r="A63612" s="13" t="s">
        <v>341</v>
      </c>
      <c r="B63612" s="14" t="s">
        <v>1</v>
      </c>
      <c r="C63612" s="14" t="s">
        <v>342</v>
      </c>
      <c r="D63612" s="14" t="s">
        <v>343</v>
      </c>
      <c r="E63612" s="15">
        <v>45478</v>
      </c>
      <c r="F63612" s="14" t="s">
        <v>53</v>
      </c>
      <c r="G63612" s="16">
        <v>0</v>
      </c>
    </row>
    <row r="63613" spans="1:7" x14ac:dyDescent="0.3">
      <c r="A63613" s="13" t="s">
        <v>341</v>
      </c>
      <c r="B63613" s="14" t="s">
        <v>1</v>
      </c>
      <c r="C63613" s="14" t="s">
        <v>342</v>
      </c>
      <c r="D63613" s="14" t="s">
        <v>343</v>
      </c>
      <c r="E63613" s="15">
        <v>45479</v>
      </c>
      <c r="F63613" s="14" t="s">
        <v>53</v>
      </c>
      <c r="G63613" s="16">
        <v>0</v>
      </c>
    </row>
    <row r="63614" spans="1:7" x14ac:dyDescent="0.3">
      <c r="A63614" s="13" t="s">
        <v>341</v>
      </c>
      <c r="B63614" s="14" t="s">
        <v>1</v>
      </c>
      <c r="C63614" s="14" t="s">
        <v>342</v>
      </c>
      <c r="D63614" s="14" t="s">
        <v>343</v>
      </c>
      <c r="E63614" s="15">
        <v>45480</v>
      </c>
      <c r="F63614" s="14" t="s">
        <v>53</v>
      </c>
      <c r="G63614" s="16">
        <v>0</v>
      </c>
    </row>
    <row r="63615" spans="1:7" x14ac:dyDescent="0.3">
      <c r="A63615" s="13" t="s">
        <v>341</v>
      </c>
      <c r="B63615" s="14" t="s">
        <v>1</v>
      </c>
      <c r="C63615" s="14" t="s">
        <v>342</v>
      </c>
      <c r="D63615" s="14" t="s">
        <v>343</v>
      </c>
      <c r="E63615" s="15">
        <v>45481</v>
      </c>
      <c r="F63615" s="14" t="s">
        <v>53</v>
      </c>
      <c r="G63615" s="16">
        <v>0</v>
      </c>
    </row>
    <row r="63616" spans="1:7" x14ac:dyDescent="0.3">
      <c r="A63616" s="13" t="s">
        <v>341</v>
      </c>
      <c r="B63616" s="14" t="s">
        <v>1</v>
      </c>
      <c r="C63616" s="14" t="s">
        <v>342</v>
      </c>
      <c r="D63616" s="14" t="s">
        <v>343</v>
      </c>
      <c r="E63616" s="15">
        <v>45482</v>
      </c>
      <c r="F63616" s="14" t="s">
        <v>53</v>
      </c>
      <c r="G63616" s="16">
        <v>0</v>
      </c>
    </row>
    <row r="63617" spans="1:7" x14ac:dyDescent="0.3">
      <c r="A63617" s="13" t="s">
        <v>341</v>
      </c>
      <c r="B63617" s="14" t="s">
        <v>1</v>
      </c>
      <c r="C63617" s="14" t="s">
        <v>342</v>
      </c>
      <c r="D63617" s="14" t="s">
        <v>343</v>
      </c>
      <c r="E63617" s="15">
        <v>45483</v>
      </c>
      <c r="F63617" s="14" t="s">
        <v>53</v>
      </c>
      <c r="G63617" s="16">
        <v>0</v>
      </c>
    </row>
    <row r="63618" spans="1:7" x14ac:dyDescent="0.3">
      <c r="A63618" s="13" t="s">
        <v>341</v>
      </c>
      <c r="B63618" s="14" t="s">
        <v>1</v>
      </c>
      <c r="C63618" s="14" t="s">
        <v>342</v>
      </c>
      <c r="D63618" s="14" t="s">
        <v>343</v>
      </c>
      <c r="E63618" s="15">
        <v>45484</v>
      </c>
      <c r="F63618" s="14" t="s">
        <v>53</v>
      </c>
      <c r="G63618" s="16">
        <v>0</v>
      </c>
    </row>
    <row r="63619" spans="1:7" x14ac:dyDescent="0.3">
      <c r="A63619" s="13" t="s">
        <v>341</v>
      </c>
      <c r="B63619" s="14" t="s">
        <v>1</v>
      </c>
      <c r="C63619" s="14" t="s">
        <v>342</v>
      </c>
      <c r="D63619" s="14" t="s">
        <v>343</v>
      </c>
      <c r="E63619" s="15">
        <v>45485</v>
      </c>
      <c r="F63619" s="14" t="s">
        <v>53</v>
      </c>
      <c r="G63619" s="16">
        <v>8.3885233462930291E-3</v>
      </c>
    </row>
    <row r="63620" spans="1:7" x14ac:dyDescent="0.3">
      <c r="A63620" s="13" t="s">
        <v>341</v>
      </c>
      <c r="B63620" s="14" t="s">
        <v>1</v>
      </c>
      <c r="C63620" s="14" t="s">
        <v>342</v>
      </c>
      <c r="D63620" s="14" t="s">
        <v>343</v>
      </c>
      <c r="E63620" s="15">
        <v>45486</v>
      </c>
      <c r="F63620" s="14" t="s">
        <v>53</v>
      </c>
      <c r="G63620" s="16">
        <v>8.3885233462930291E-3</v>
      </c>
    </row>
    <row r="63621" spans="1:7" x14ac:dyDescent="0.3">
      <c r="A63621" s="13" t="s">
        <v>341</v>
      </c>
      <c r="B63621" s="14" t="s">
        <v>1</v>
      </c>
      <c r="C63621" s="14" t="s">
        <v>342</v>
      </c>
      <c r="D63621" s="14" t="s">
        <v>343</v>
      </c>
      <c r="E63621" s="15">
        <v>45487</v>
      </c>
      <c r="F63621" s="14" t="s">
        <v>53</v>
      </c>
      <c r="G63621" s="16">
        <v>8.3885233462930291E-3</v>
      </c>
    </row>
    <row r="63622" spans="1:7" x14ac:dyDescent="0.3">
      <c r="A63622" s="13" t="s">
        <v>341</v>
      </c>
      <c r="B63622" s="14" t="s">
        <v>1</v>
      </c>
      <c r="C63622" s="14" t="s">
        <v>342</v>
      </c>
      <c r="D63622" s="14" t="s">
        <v>343</v>
      </c>
      <c r="E63622" s="15">
        <v>45488</v>
      </c>
      <c r="F63622" s="14" t="s">
        <v>53</v>
      </c>
      <c r="G63622" s="16">
        <v>1.9322301444846837E-2</v>
      </c>
    </row>
    <row r="63623" spans="1:7" x14ac:dyDescent="0.3">
      <c r="A63623" s="13" t="s">
        <v>341</v>
      </c>
      <c r="B63623" s="14" t="s">
        <v>1</v>
      </c>
      <c r="C63623" s="14" t="s">
        <v>342</v>
      </c>
      <c r="D63623" s="14" t="s">
        <v>343</v>
      </c>
      <c r="E63623" s="15">
        <v>45489</v>
      </c>
      <c r="F63623" s="14" t="s">
        <v>53</v>
      </c>
      <c r="G63623" s="16">
        <v>5.2072598390208648E-2</v>
      </c>
    </row>
    <row r="63624" spans="1:7" x14ac:dyDescent="0.3">
      <c r="A63624" s="13" t="s">
        <v>341</v>
      </c>
      <c r="B63624" s="14" t="s">
        <v>1</v>
      </c>
      <c r="C63624" s="14" t="s">
        <v>342</v>
      </c>
      <c r="D63624" s="14" t="s">
        <v>343</v>
      </c>
      <c r="E63624" s="15">
        <v>45490</v>
      </c>
      <c r="F63624" s="14" t="s">
        <v>53</v>
      </c>
      <c r="G63624" s="16">
        <v>6.2974329016058692E-2</v>
      </c>
    </row>
    <row r="63625" spans="1:7" x14ac:dyDescent="0.3">
      <c r="A63625" s="13" t="s">
        <v>341</v>
      </c>
      <c r="B63625" s="14" t="s">
        <v>1</v>
      </c>
      <c r="C63625" s="14" t="s">
        <v>342</v>
      </c>
      <c r="D63625" s="14" t="s">
        <v>343</v>
      </c>
      <c r="E63625" s="15">
        <v>45491</v>
      </c>
      <c r="F63625" s="14" t="s">
        <v>53</v>
      </c>
      <c r="G63625" s="16">
        <v>7.3870521355952234E-2</v>
      </c>
    </row>
    <row r="63626" spans="1:7" x14ac:dyDescent="0.3">
      <c r="A63626" s="13" t="s">
        <v>341</v>
      </c>
      <c r="B63626" s="14" t="s">
        <v>1</v>
      </c>
      <c r="C63626" s="14" t="s">
        <v>342</v>
      </c>
      <c r="D63626" s="14" t="s">
        <v>343</v>
      </c>
      <c r="E63626" s="15">
        <v>45492</v>
      </c>
      <c r="F63626" s="14" t="s">
        <v>53</v>
      </c>
      <c r="G63626" s="16">
        <v>8.4769415816313393E-2</v>
      </c>
    </row>
    <row r="63627" spans="1:7" x14ac:dyDescent="0.3">
      <c r="A63627" s="13" t="s">
        <v>341</v>
      </c>
      <c r="B63627" s="14" t="s">
        <v>1</v>
      </c>
      <c r="C63627" s="14" t="s">
        <v>342</v>
      </c>
      <c r="D63627" s="14" t="s">
        <v>343</v>
      </c>
      <c r="E63627" s="15">
        <v>45493</v>
      </c>
      <c r="F63627" s="14" t="s">
        <v>53</v>
      </c>
      <c r="G63627" s="16">
        <v>8.4769415816313393E-2</v>
      </c>
    </row>
    <row r="63628" spans="1:7" x14ac:dyDescent="0.3">
      <c r="A63628" s="13" t="s">
        <v>341</v>
      </c>
      <c r="B63628" s="14" t="s">
        <v>1</v>
      </c>
      <c r="C63628" s="14" t="s">
        <v>342</v>
      </c>
      <c r="D63628" s="14" t="s">
        <v>343</v>
      </c>
      <c r="E63628" s="15">
        <v>45494</v>
      </c>
      <c r="F63628" s="14" t="s">
        <v>53</v>
      </c>
      <c r="G63628" s="16">
        <v>8.4769415816313393E-2</v>
      </c>
    </row>
    <row r="63629" spans="1:7" x14ac:dyDescent="0.3">
      <c r="A63629" s="13" t="s">
        <v>341</v>
      </c>
      <c r="B63629" s="14" t="s">
        <v>1</v>
      </c>
      <c r="C63629" s="14" t="s">
        <v>342</v>
      </c>
      <c r="D63629" s="14" t="s">
        <v>343</v>
      </c>
      <c r="E63629" s="15">
        <v>45495</v>
      </c>
      <c r="F63629" s="14" t="s">
        <v>53</v>
      </c>
      <c r="G63629" s="16">
        <v>9.5656152435657782E-2</v>
      </c>
    </row>
    <row r="63630" spans="1:7" x14ac:dyDescent="0.3">
      <c r="A63630" s="13" t="s">
        <v>341</v>
      </c>
      <c r="B63630" s="14" t="s">
        <v>1</v>
      </c>
      <c r="C63630" s="14" t="s">
        <v>342</v>
      </c>
      <c r="D63630" s="14" t="s">
        <v>343</v>
      </c>
      <c r="E63630" s="15">
        <v>45496</v>
      </c>
      <c r="F63630" s="14" t="s">
        <v>53</v>
      </c>
      <c r="G63630" s="16">
        <v>0.1284163586380315</v>
      </c>
    </row>
    <row r="63631" spans="1:7" x14ac:dyDescent="0.3">
      <c r="A63631" s="13" t="s">
        <v>341</v>
      </c>
      <c r="B63631" s="14" t="s">
        <v>1</v>
      </c>
      <c r="C63631" s="14" t="s">
        <v>342</v>
      </c>
      <c r="D63631" s="14" t="s">
        <v>343</v>
      </c>
      <c r="E63631" s="15">
        <v>45497</v>
      </c>
      <c r="F63631" s="14" t="s">
        <v>53</v>
      </c>
      <c r="G63631" s="16">
        <v>0.13933250562561056</v>
      </c>
    </row>
    <row r="63632" spans="1:7" x14ac:dyDescent="0.3">
      <c r="A63632" s="13" t="s">
        <v>341</v>
      </c>
      <c r="B63632" s="14" t="s">
        <v>1</v>
      </c>
      <c r="C63632" s="14" t="s">
        <v>342</v>
      </c>
      <c r="D63632" s="14" t="s">
        <v>343</v>
      </c>
      <c r="E63632" s="15">
        <v>45498</v>
      </c>
      <c r="F63632" s="14" t="s">
        <v>53</v>
      </c>
      <c r="G63632" s="16">
        <v>0.15030779841637323</v>
      </c>
    </row>
    <row r="63633" spans="1:7" x14ac:dyDescent="0.3">
      <c r="A63633" s="13" t="s">
        <v>341</v>
      </c>
      <c r="B63633" s="14" t="s">
        <v>1</v>
      </c>
      <c r="C63633" s="14" t="s">
        <v>342</v>
      </c>
      <c r="D63633" s="14" t="s">
        <v>343</v>
      </c>
      <c r="E63633" s="15">
        <v>45499</v>
      </c>
      <c r="F63633" s="14" t="s">
        <v>53</v>
      </c>
      <c r="G63633" s="16">
        <v>0.16128074216034219</v>
      </c>
    </row>
    <row r="63634" spans="1:7" x14ac:dyDescent="0.3">
      <c r="A63634" s="13" t="s">
        <v>341</v>
      </c>
      <c r="B63634" s="14" t="s">
        <v>1</v>
      </c>
      <c r="C63634" s="14" t="s">
        <v>342</v>
      </c>
      <c r="D63634" s="14" t="s">
        <v>343</v>
      </c>
      <c r="E63634" s="15">
        <v>45500</v>
      </c>
      <c r="F63634" s="14" t="s">
        <v>53</v>
      </c>
      <c r="G63634" s="16">
        <v>0.16128074216034219</v>
      </c>
    </row>
    <row r="63635" spans="1:7" x14ac:dyDescent="0.3">
      <c r="A63635" s="13" t="s">
        <v>341</v>
      </c>
      <c r="B63635" s="14" t="s">
        <v>1</v>
      </c>
      <c r="C63635" s="14" t="s">
        <v>342</v>
      </c>
      <c r="D63635" s="14" t="s">
        <v>343</v>
      </c>
      <c r="E63635" s="15">
        <v>45501</v>
      </c>
      <c r="F63635" s="14" t="s">
        <v>53</v>
      </c>
      <c r="G63635" s="16">
        <v>0.16128074216034219</v>
      </c>
    </row>
    <row r="63636" spans="1:7" x14ac:dyDescent="0.3">
      <c r="A63636" s="13" t="s">
        <v>341</v>
      </c>
      <c r="B63636" s="14" t="s">
        <v>1</v>
      </c>
      <c r="C63636" s="14" t="s">
        <v>342</v>
      </c>
      <c r="D63636" s="14" t="s">
        <v>343</v>
      </c>
      <c r="E63636" s="15">
        <v>45502</v>
      </c>
      <c r="F63636" s="14" t="s">
        <v>53</v>
      </c>
      <c r="G63636" s="16">
        <v>0.17225614235074393</v>
      </c>
    </row>
    <row r="63637" spans="1:7" x14ac:dyDescent="0.3">
      <c r="A63637" s="13" t="s">
        <v>341</v>
      </c>
      <c r="B63637" s="14" t="s">
        <v>1</v>
      </c>
      <c r="C63637" s="14" t="s">
        <v>342</v>
      </c>
      <c r="D63637" s="14" t="s">
        <v>343</v>
      </c>
      <c r="E63637" s="15">
        <v>45503</v>
      </c>
      <c r="F63637" s="14" t="s">
        <v>53</v>
      </c>
      <c r="G63637" s="16">
        <v>0.20517522849724473</v>
      </c>
    </row>
    <row r="63638" spans="1:7" x14ac:dyDescent="0.3">
      <c r="A63638" s="13" t="s">
        <v>341</v>
      </c>
      <c r="B63638" s="14" t="s">
        <v>1</v>
      </c>
      <c r="C63638" s="14" t="s">
        <v>342</v>
      </c>
      <c r="D63638" s="14" t="s">
        <v>343</v>
      </c>
      <c r="E63638" s="15">
        <v>45504</v>
      </c>
      <c r="F63638" s="14" t="s">
        <v>53</v>
      </c>
      <c r="G63638" s="16">
        <v>0.21669845215225336</v>
      </c>
    </row>
    <row r="63639" spans="1:7" x14ac:dyDescent="0.3">
      <c r="A63639" s="13" t="s">
        <v>341</v>
      </c>
      <c r="B63639" s="14" t="s">
        <v>1</v>
      </c>
      <c r="C63639" s="14" t="s">
        <v>342</v>
      </c>
      <c r="D63639" s="14" t="s">
        <v>343</v>
      </c>
      <c r="E63639" s="15">
        <v>45505</v>
      </c>
      <c r="F63639" s="14" t="s">
        <v>53</v>
      </c>
      <c r="G63639" s="16">
        <v>0.21669845215225336</v>
      </c>
    </row>
    <row r="63640" spans="1:7" x14ac:dyDescent="0.3">
      <c r="A63640" s="13" t="s">
        <v>341</v>
      </c>
      <c r="B63640" s="14" t="s">
        <v>1</v>
      </c>
      <c r="C63640" s="14" t="s">
        <v>342</v>
      </c>
      <c r="D63640" s="14" t="s">
        <v>343</v>
      </c>
      <c r="E63640" s="15">
        <v>45506</v>
      </c>
      <c r="F63640" s="14" t="s">
        <v>53</v>
      </c>
      <c r="G63640" s="16">
        <v>0.22773936525021291</v>
      </c>
    </row>
    <row r="63641" spans="1:7" x14ac:dyDescent="0.3">
      <c r="A63641" s="13" t="s">
        <v>341</v>
      </c>
      <c r="B63641" s="14" t="s">
        <v>1</v>
      </c>
      <c r="C63641" s="14" t="s">
        <v>342</v>
      </c>
      <c r="D63641" s="14" t="s">
        <v>343</v>
      </c>
      <c r="E63641" s="15">
        <v>45507</v>
      </c>
      <c r="F63641" s="14" t="s">
        <v>53</v>
      </c>
      <c r="G63641" s="16">
        <v>0.22773936525021291</v>
      </c>
    </row>
    <row r="63642" spans="1:7" x14ac:dyDescent="0.3">
      <c r="A63642" s="13" t="s">
        <v>341</v>
      </c>
      <c r="B63642" s="14" t="s">
        <v>1</v>
      </c>
      <c r="C63642" s="14" t="s">
        <v>342</v>
      </c>
      <c r="D63642" s="14" t="s">
        <v>343</v>
      </c>
      <c r="E63642" s="15">
        <v>45508</v>
      </c>
      <c r="F63642" s="14" t="s">
        <v>53</v>
      </c>
      <c r="G63642" s="16">
        <v>0.22773936525021291</v>
      </c>
    </row>
    <row r="63643" spans="1:7" x14ac:dyDescent="0.3">
      <c r="A63643" s="13" t="s">
        <v>341</v>
      </c>
      <c r="B63643" s="14" t="s">
        <v>1</v>
      </c>
      <c r="C63643" s="14" t="s">
        <v>342</v>
      </c>
      <c r="D63643" s="14" t="s">
        <v>343</v>
      </c>
      <c r="E63643" s="15">
        <v>45509</v>
      </c>
      <c r="F63643" s="14" t="s">
        <v>53</v>
      </c>
      <c r="G63643" s="16">
        <v>0.22773936525021291</v>
      </c>
    </row>
    <row r="63644" spans="1:7" x14ac:dyDescent="0.3">
      <c r="A63644" s="13" t="s">
        <v>341</v>
      </c>
      <c r="B63644" s="14" t="s">
        <v>1</v>
      </c>
      <c r="C63644" s="14" t="s">
        <v>342</v>
      </c>
      <c r="D63644" s="14" t="s">
        <v>343</v>
      </c>
      <c r="E63644" s="15">
        <v>45510</v>
      </c>
      <c r="F63644" s="14" t="s">
        <v>53</v>
      </c>
      <c r="G63644" s="16">
        <v>0.25121996290563225</v>
      </c>
    </row>
    <row r="63645" spans="1:7" x14ac:dyDescent="0.3">
      <c r="A63645" s="13" t="s">
        <v>341</v>
      </c>
      <c r="B63645" s="14" t="s">
        <v>1</v>
      </c>
      <c r="C63645" s="14" t="s">
        <v>342</v>
      </c>
      <c r="D63645" s="14" t="s">
        <v>343</v>
      </c>
      <c r="E63645" s="15">
        <v>45511</v>
      </c>
      <c r="F63645" s="14" t="s">
        <v>53</v>
      </c>
      <c r="G63645" s="16">
        <v>0.2961136814383617</v>
      </c>
    </row>
    <row r="63646" spans="1:7" x14ac:dyDescent="0.3">
      <c r="A63646" s="13" t="s">
        <v>341</v>
      </c>
      <c r="B63646" s="14" t="s">
        <v>1</v>
      </c>
      <c r="C63646" s="14" t="s">
        <v>342</v>
      </c>
      <c r="D63646" s="14" t="s">
        <v>343</v>
      </c>
      <c r="E63646" s="15">
        <v>45512</v>
      </c>
      <c r="F63646" s="14" t="s">
        <v>53</v>
      </c>
      <c r="G63646" s="16">
        <v>0.307249458870619</v>
      </c>
    </row>
    <row r="63647" spans="1:7" x14ac:dyDescent="0.3">
      <c r="A63647" s="13" t="s">
        <v>341</v>
      </c>
      <c r="B63647" s="14" t="s">
        <v>1</v>
      </c>
      <c r="C63647" s="14" t="s">
        <v>342</v>
      </c>
      <c r="D63647" s="14" t="s">
        <v>343</v>
      </c>
      <c r="E63647" s="15">
        <v>45513</v>
      </c>
      <c r="F63647" s="14" t="s">
        <v>53</v>
      </c>
      <c r="G63647" s="16">
        <v>0.31838591868690597</v>
      </c>
    </row>
    <row r="63648" spans="1:7" x14ac:dyDescent="0.3">
      <c r="A63648" s="13" t="s">
        <v>341</v>
      </c>
      <c r="B63648" s="14" t="s">
        <v>1</v>
      </c>
      <c r="C63648" s="14" t="s">
        <v>342</v>
      </c>
      <c r="D63648" s="14" t="s">
        <v>343</v>
      </c>
      <c r="E63648" s="15">
        <v>45514</v>
      </c>
      <c r="F63648" s="14" t="s">
        <v>53</v>
      </c>
      <c r="G63648" s="16">
        <v>0.31838591868690597</v>
      </c>
    </row>
    <row r="63649" spans="1:7" x14ac:dyDescent="0.3">
      <c r="A63649" s="13" t="s">
        <v>341</v>
      </c>
      <c r="B63649" s="14" t="s">
        <v>1</v>
      </c>
      <c r="C63649" s="14" t="s">
        <v>342</v>
      </c>
      <c r="D63649" s="14" t="s">
        <v>343</v>
      </c>
      <c r="E63649" s="15">
        <v>45515</v>
      </c>
      <c r="F63649" s="14" t="s">
        <v>53</v>
      </c>
      <c r="G63649" s="16">
        <v>0.31838591868690597</v>
      </c>
    </row>
    <row r="63650" spans="1:7" x14ac:dyDescent="0.3">
      <c r="A63650" s="13" t="s">
        <v>341</v>
      </c>
      <c r="B63650" s="14" t="s">
        <v>1</v>
      </c>
      <c r="C63650" s="14" t="s">
        <v>342</v>
      </c>
      <c r="D63650" s="14" t="s">
        <v>343</v>
      </c>
      <c r="E63650" s="15">
        <v>45516</v>
      </c>
      <c r="F63650" s="14" t="s">
        <v>53</v>
      </c>
      <c r="G63650" s="16">
        <v>0.32952434947889347</v>
      </c>
    </row>
    <row r="63651" spans="1:7" x14ac:dyDescent="0.3">
      <c r="A63651" s="13" t="s">
        <v>341</v>
      </c>
      <c r="B63651" s="14" t="s">
        <v>1</v>
      </c>
      <c r="C63651" s="14" t="s">
        <v>342</v>
      </c>
      <c r="D63651" s="14" t="s">
        <v>343</v>
      </c>
      <c r="E63651" s="15">
        <v>45517</v>
      </c>
      <c r="F63651" s="14" t="s">
        <v>53</v>
      </c>
      <c r="G63651" s="16">
        <v>0.36290539477853989</v>
      </c>
    </row>
    <row r="63652" spans="1:7" x14ac:dyDescent="0.3">
      <c r="A63652" s="13" t="s">
        <v>341</v>
      </c>
      <c r="B63652" s="14" t="s">
        <v>1</v>
      </c>
      <c r="C63652" s="14" t="s">
        <v>342</v>
      </c>
      <c r="D63652" s="14" t="s">
        <v>343</v>
      </c>
      <c r="E63652" s="15">
        <v>45518</v>
      </c>
      <c r="F63652" s="14" t="s">
        <v>53</v>
      </c>
      <c r="G63652" s="16">
        <v>0.37403399900085083</v>
      </c>
    </row>
    <row r="63653" spans="1:7" x14ac:dyDescent="0.3">
      <c r="A63653" s="13" t="s">
        <v>341</v>
      </c>
      <c r="B63653" s="14" t="s">
        <v>1</v>
      </c>
      <c r="C63653" s="14" t="s">
        <v>342</v>
      </c>
      <c r="D63653" s="14" t="s">
        <v>343</v>
      </c>
      <c r="E63653" s="15">
        <v>45519</v>
      </c>
      <c r="F63653" s="14" t="s">
        <v>53</v>
      </c>
      <c r="G63653" s="16">
        <v>0.3851606513600272</v>
      </c>
    </row>
    <row r="63654" spans="1:7" x14ac:dyDescent="0.3">
      <c r="A63654" s="13" t="s">
        <v>341</v>
      </c>
      <c r="B63654" s="14" t="s">
        <v>1</v>
      </c>
      <c r="C63654" s="14" t="s">
        <v>342</v>
      </c>
      <c r="D63654" s="14" t="s">
        <v>343</v>
      </c>
      <c r="E63654" s="15">
        <v>45520</v>
      </c>
      <c r="F63654" s="14" t="s">
        <v>53</v>
      </c>
      <c r="G63654" s="16">
        <v>0.39628495502104</v>
      </c>
    </row>
    <row r="63655" spans="1:7" x14ac:dyDescent="0.3">
      <c r="A63655" s="13" t="s">
        <v>341</v>
      </c>
      <c r="B63655" s="14" t="s">
        <v>1</v>
      </c>
      <c r="C63655" s="14" t="s">
        <v>342</v>
      </c>
      <c r="D63655" s="14" t="s">
        <v>343</v>
      </c>
      <c r="E63655" s="15">
        <v>45521</v>
      </c>
      <c r="F63655" s="14" t="s">
        <v>53</v>
      </c>
      <c r="G63655" s="16">
        <v>0.39628495502104</v>
      </c>
    </row>
    <row r="63656" spans="1:7" x14ac:dyDescent="0.3">
      <c r="A63656" s="13" t="s">
        <v>341</v>
      </c>
      <c r="B63656" s="14" t="s">
        <v>1</v>
      </c>
      <c r="C63656" s="14" t="s">
        <v>342</v>
      </c>
      <c r="D63656" s="14" t="s">
        <v>343</v>
      </c>
      <c r="E63656" s="15">
        <v>45522</v>
      </c>
      <c r="F63656" s="14" t="s">
        <v>53</v>
      </c>
      <c r="G63656" s="16">
        <v>0.39628495502104</v>
      </c>
    </row>
    <row r="63657" spans="1:7" x14ac:dyDescent="0.3">
      <c r="A63657" s="13" t="s">
        <v>341</v>
      </c>
      <c r="B63657" s="14" t="s">
        <v>1</v>
      </c>
      <c r="C63657" s="14" t="s">
        <v>342</v>
      </c>
      <c r="D63657" s="14" t="s">
        <v>343</v>
      </c>
      <c r="E63657" s="15">
        <v>45523</v>
      </c>
      <c r="F63657" s="14" t="s">
        <v>53</v>
      </c>
      <c r="G63657" s="16">
        <v>0.40740311470370061</v>
      </c>
    </row>
    <row r="63658" spans="1:7" x14ac:dyDescent="0.3">
      <c r="A63658" s="13" t="s">
        <v>341</v>
      </c>
      <c r="B63658" s="14" t="s">
        <v>1</v>
      </c>
      <c r="C63658" s="14" t="s">
        <v>342</v>
      </c>
      <c r="D63658" s="14" t="s">
        <v>343</v>
      </c>
      <c r="E63658" s="15">
        <v>45524</v>
      </c>
      <c r="F63658" s="14" t="s">
        <v>53</v>
      </c>
      <c r="G63658" s="16">
        <v>0.44072398038168792</v>
      </c>
    </row>
    <row r="63659" spans="1:7" x14ac:dyDescent="0.3">
      <c r="A63659" s="13" t="s">
        <v>341</v>
      </c>
      <c r="B63659" s="14" t="s">
        <v>1</v>
      </c>
      <c r="C63659" s="14" t="s">
        <v>342</v>
      </c>
      <c r="D63659" s="14" t="s">
        <v>343</v>
      </c>
      <c r="E63659" s="15">
        <v>45525</v>
      </c>
      <c r="F63659" s="14" t="s">
        <v>53</v>
      </c>
      <c r="G63659" s="16">
        <v>0.45182983478498295</v>
      </c>
    </row>
    <row r="63660" spans="1:7" x14ac:dyDescent="0.3">
      <c r="A63660" s="13" t="s">
        <v>341</v>
      </c>
      <c r="B63660" s="14" t="s">
        <v>1</v>
      </c>
      <c r="C63660" s="14" t="s">
        <v>342</v>
      </c>
      <c r="D63660" s="14" t="s">
        <v>343</v>
      </c>
      <c r="E63660" s="15">
        <v>45526</v>
      </c>
      <c r="F63660" s="14" t="s">
        <v>53</v>
      </c>
      <c r="G63660" s="16">
        <v>0.46293240096573035</v>
      </c>
    </row>
    <row r="63661" spans="1:7" x14ac:dyDescent="0.3">
      <c r="A63661" s="13" t="s">
        <v>341</v>
      </c>
      <c r="B63661" s="14" t="s">
        <v>1</v>
      </c>
      <c r="C63661" s="14" t="s">
        <v>342</v>
      </c>
      <c r="D63661" s="14" t="s">
        <v>343</v>
      </c>
      <c r="E63661" s="15">
        <v>45527</v>
      </c>
      <c r="F63661" s="14" t="s">
        <v>53</v>
      </c>
      <c r="G63661" s="16">
        <v>0.47404121501180618</v>
      </c>
    </row>
    <row r="63662" spans="1:7" x14ac:dyDescent="0.3">
      <c r="A63662" s="13" t="s">
        <v>341</v>
      </c>
      <c r="B63662" s="14" t="s">
        <v>1</v>
      </c>
      <c r="C63662" s="14" t="s">
        <v>342</v>
      </c>
      <c r="D63662" s="14" t="s">
        <v>343</v>
      </c>
      <c r="E63662" s="15">
        <v>45528</v>
      </c>
      <c r="F63662" s="14" t="s">
        <v>53</v>
      </c>
      <c r="G63662" s="16">
        <v>0.47404121501180618</v>
      </c>
    </row>
    <row r="63663" spans="1:7" x14ac:dyDescent="0.3">
      <c r="A63663" s="13" t="s">
        <v>341</v>
      </c>
      <c r="B63663" s="14" t="s">
        <v>1</v>
      </c>
      <c r="C63663" s="14" t="s">
        <v>342</v>
      </c>
      <c r="D63663" s="14" t="s">
        <v>343</v>
      </c>
      <c r="E63663" s="15">
        <v>45529</v>
      </c>
      <c r="F63663" s="14" t="s">
        <v>53</v>
      </c>
      <c r="G63663" s="16">
        <v>0.47404121501180618</v>
      </c>
    </row>
    <row r="63664" spans="1:7" x14ac:dyDescent="0.3">
      <c r="A63664" s="13" t="s">
        <v>341</v>
      </c>
      <c r="B63664" s="14" t="s">
        <v>1</v>
      </c>
      <c r="C63664" s="14" t="s">
        <v>342</v>
      </c>
      <c r="D63664" s="14" t="s">
        <v>343</v>
      </c>
      <c r="E63664" s="15">
        <v>45530</v>
      </c>
      <c r="F63664" s="14" t="s">
        <v>53</v>
      </c>
      <c r="G63664" s="16">
        <v>0.47404121501180618</v>
      </c>
    </row>
    <row r="63665" spans="1:7" x14ac:dyDescent="0.3">
      <c r="A63665" s="13" t="s">
        <v>341</v>
      </c>
      <c r="B63665" s="14" t="s">
        <v>1</v>
      </c>
      <c r="C63665" s="14" t="s">
        <v>342</v>
      </c>
      <c r="D63665" s="14" t="s">
        <v>343</v>
      </c>
      <c r="E63665" s="15">
        <v>45531</v>
      </c>
      <c r="F63665" s="14" t="s">
        <v>53</v>
      </c>
      <c r="G63665" s="16">
        <v>0.48514715952978088</v>
      </c>
    </row>
    <row r="63666" spans="1:7" x14ac:dyDescent="0.3">
      <c r="A63666" s="13" t="s">
        <v>341</v>
      </c>
      <c r="B63666" s="14" t="s">
        <v>1</v>
      </c>
      <c r="C63666" s="14" t="s">
        <v>342</v>
      </c>
      <c r="D63666" s="14" t="s">
        <v>343</v>
      </c>
      <c r="E63666" s="15">
        <v>45532</v>
      </c>
      <c r="F63666" s="14" t="s">
        <v>53</v>
      </c>
      <c r="G63666" s="16">
        <v>0.53026630151700149</v>
      </c>
    </row>
    <row r="63667" spans="1:7" x14ac:dyDescent="0.3">
      <c r="A63667" s="13" t="s">
        <v>341</v>
      </c>
      <c r="B63667" s="14" t="s">
        <v>1</v>
      </c>
      <c r="C63667" s="14" t="s">
        <v>342</v>
      </c>
      <c r="D63667" s="14" t="s">
        <v>343</v>
      </c>
      <c r="E63667" s="15">
        <v>45533</v>
      </c>
      <c r="F63667" s="14" t="s">
        <v>53</v>
      </c>
      <c r="G63667" s="16">
        <v>0.54134670569585586</v>
      </c>
    </row>
    <row r="63668" spans="1:7" x14ac:dyDescent="0.3">
      <c r="A63668" s="13" t="s">
        <v>341</v>
      </c>
      <c r="B63668" s="14" t="s">
        <v>1</v>
      </c>
      <c r="C63668" s="14" t="s">
        <v>342</v>
      </c>
      <c r="D63668" s="14" t="s">
        <v>343</v>
      </c>
      <c r="E63668" s="15">
        <v>45534</v>
      </c>
      <c r="F63668" s="14" t="s">
        <v>53</v>
      </c>
      <c r="G63668" s="16">
        <v>0.55242940620622027</v>
      </c>
    </row>
    <row r="63669" spans="1:7" x14ac:dyDescent="0.3">
      <c r="A63669" s="13" t="s">
        <v>341</v>
      </c>
      <c r="B63669" s="14" t="s">
        <v>1</v>
      </c>
      <c r="C63669" s="14" t="s">
        <v>342</v>
      </c>
      <c r="D63669" s="14" t="s">
        <v>343</v>
      </c>
      <c r="E63669" s="15">
        <v>45535</v>
      </c>
      <c r="F63669" s="14" t="s">
        <v>53</v>
      </c>
      <c r="G63669" s="16">
        <v>0.55242940620622027</v>
      </c>
    </row>
    <row r="63670" spans="1:7" x14ac:dyDescent="0.3">
      <c r="A63670" s="13" t="s">
        <v>341</v>
      </c>
      <c r="B63670" s="14" t="s">
        <v>1</v>
      </c>
      <c r="C63670" s="14" t="s">
        <v>342</v>
      </c>
      <c r="D63670" s="14" t="s">
        <v>343</v>
      </c>
      <c r="E63670" s="15">
        <v>45536</v>
      </c>
      <c r="F63670" s="14" t="s">
        <v>53</v>
      </c>
      <c r="G63670" s="16">
        <v>0.55242940620622027</v>
      </c>
    </row>
    <row r="63671" spans="1:7" x14ac:dyDescent="0.3">
      <c r="A63671" s="13" t="s">
        <v>341</v>
      </c>
      <c r="B63671" s="14" t="s">
        <v>1</v>
      </c>
      <c r="C63671" s="14" t="s">
        <v>342</v>
      </c>
      <c r="D63671" s="14" t="s">
        <v>343</v>
      </c>
      <c r="E63671" s="15">
        <v>45537</v>
      </c>
      <c r="F63671" s="14" t="s">
        <v>53</v>
      </c>
      <c r="G63671" s="16">
        <v>0.56352437153235557</v>
      </c>
    </row>
    <row r="63672" spans="1:7" x14ac:dyDescent="0.3">
      <c r="A63672" s="13" t="s">
        <v>341</v>
      </c>
      <c r="B63672" s="14" t="s">
        <v>1</v>
      </c>
      <c r="C63672" s="14" t="s">
        <v>342</v>
      </c>
      <c r="D63672" s="14" t="s">
        <v>343</v>
      </c>
      <c r="E63672" s="15">
        <v>45538</v>
      </c>
      <c r="F63672" s="14" t="s">
        <v>53</v>
      </c>
      <c r="G63672" s="16">
        <v>0.59656876740696752</v>
      </c>
    </row>
    <row r="63673" spans="1:7" x14ac:dyDescent="0.3">
      <c r="A63673" s="13" t="s">
        <v>341</v>
      </c>
      <c r="B63673" s="14" t="s">
        <v>1</v>
      </c>
      <c r="C63673" s="14" t="s">
        <v>342</v>
      </c>
      <c r="D63673" s="14" t="s">
        <v>343</v>
      </c>
      <c r="E63673" s="15">
        <v>45539</v>
      </c>
      <c r="F63673" s="14" t="s">
        <v>53</v>
      </c>
      <c r="G63673" s="16">
        <v>0.61017892985527089</v>
      </c>
    </row>
    <row r="63674" spans="1:7" x14ac:dyDescent="0.3">
      <c r="A63674" s="13" t="s">
        <v>341</v>
      </c>
      <c r="B63674" s="14" t="s">
        <v>1</v>
      </c>
      <c r="C63674" s="14" t="s">
        <v>342</v>
      </c>
      <c r="D63674" s="14" t="s">
        <v>343</v>
      </c>
      <c r="E63674" s="15">
        <v>45540</v>
      </c>
      <c r="F63674" s="14" t="s">
        <v>53</v>
      </c>
      <c r="G63674" s="16">
        <v>0.6216954086563129</v>
      </c>
    </row>
    <row r="63675" spans="1:7" x14ac:dyDescent="0.3">
      <c r="A63675" s="13" t="s">
        <v>341</v>
      </c>
      <c r="B63675" s="14" t="s">
        <v>1</v>
      </c>
      <c r="C63675" s="14" t="s">
        <v>342</v>
      </c>
      <c r="D63675" s="14" t="s">
        <v>343</v>
      </c>
      <c r="E63675" s="15">
        <v>45541</v>
      </c>
      <c r="F63675" s="14" t="s">
        <v>53</v>
      </c>
      <c r="G63675" s="16">
        <v>0.63277485848547366</v>
      </c>
    </row>
    <row r="63676" spans="1:7" x14ac:dyDescent="0.3">
      <c r="A63676" s="13" t="s">
        <v>341</v>
      </c>
      <c r="B63676" s="14" t="s">
        <v>1</v>
      </c>
      <c r="C63676" s="14" t="s">
        <v>342</v>
      </c>
      <c r="D63676" s="14" t="s">
        <v>343</v>
      </c>
      <c r="E63676" s="15">
        <v>45542</v>
      </c>
      <c r="F63676" s="14" t="s">
        <v>53</v>
      </c>
      <c r="G63676" s="16">
        <v>0.63277485848547366</v>
      </c>
    </row>
    <row r="63677" spans="1:7" x14ac:dyDescent="0.3">
      <c r="A63677" s="13" t="s">
        <v>341</v>
      </c>
      <c r="B63677" s="14" t="s">
        <v>1</v>
      </c>
      <c r="C63677" s="14" t="s">
        <v>342</v>
      </c>
      <c r="D63677" s="14" t="s">
        <v>343</v>
      </c>
      <c r="E63677" s="15">
        <v>45543</v>
      </c>
      <c r="F63677" s="14" t="s">
        <v>53</v>
      </c>
      <c r="G63677" s="16">
        <v>0.63277485848547366</v>
      </c>
    </row>
    <row r="63678" spans="1:7" x14ac:dyDescent="0.3">
      <c r="A63678" s="13" t="s">
        <v>341</v>
      </c>
      <c r="B63678" s="14" t="s">
        <v>1</v>
      </c>
      <c r="C63678" s="14" t="s">
        <v>342</v>
      </c>
      <c r="D63678" s="14" t="s">
        <v>343</v>
      </c>
      <c r="E63678" s="15">
        <v>45544</v>
      </c>
      <c r="F63678" s="14" t="s">
        <v>53</v>
      </c>
      <c r="G63678" s="16">
        <v>0.64386083158250829</v>
      </c>
    </row>
    <row r="63679" spans="1:7" x14ac:dyDescent="0.3">
      <c r="A63679" s="13" t="s">
        <v>341</v>
      </c>
      <c r="B63679" s="14" t="s">
        <v>1</v>
      </c>
      <c r="C63679" s="14" t="s">
        <v>342</v>
      </c>
      <c r="D63679" s="14" t="s">
        <v>343</v>
      </c>
      <c r="E63679" s="15">
        <v>45545</v>
      </c>
      <c r="F63679" s="14" t="s">
        <v>53</v>
      </c>
      <c r="G63679" s="16">
        <v>0.67715432182382984</v>
      </c>
    </row>
    <row r="63680" spans="1:7" x14ac:dyDescent="0.3">
      <c r="A63680" s="13" t="s">
        <v>341</v>
      </c>
      <c r="B63680" s="14" t="s">
        <v>1</v>
      </c>
      <c r="C63680" s="14" t="s">
        <v>342</v>
      </c>
      <c r="D63680" s="14" t="s">
        <v>343</v>
      </c>
      <c r="E63680" s="15">
        <v>45546</v>
      </c>
      <c r="F63680" s="14" t="s">
        <v>53</v>
      </c>
      <c r="G63680" s="16">
        <v>0.68824643850971567</v>
      </c>
    </row>
    <row r="63681" spans="1:7" x14ac:dyDescent="0.3">
      <c r="A63681" s="13" t="s">
        <v>341</v>
      </c>
      <c r="B63681" s="14" t="s">
        <v>1</v>
      </c>
      <c r="C63681" s="14" t="s">
        <v>342</v>
      </c>
      <c r="D63681" s="14" t="s">
        <v>343</v>
      </c>
      <c r="E63681" s="15">
        <v>45547</v>
      </c>
      <c r="F63681" s="14" t="s">
        <v>53</v>
      </c>
      <c r="G63681" s="16">
        <v>0.69933864462332573</v>
      </c>
    </row>
    <row r="63682" spans="1:7" x14ac:dyDescent="0.3">
      <c r="A63682" s="13" t="s">
        <v>341</v>
      </c>
      <c r="B63682" s="14" t="s">
        <v>1</v>
      </c>
      <c r="C63682" s="14" t="s">
        <v>342</v>
      </c>
      <c r="D63682" s="14" t="s">
        <v>343</v>
      </c>
      <c r="E63682" s="15">
        <v>45548</v>
      </c>
      <c r="F63682" s="14" t="s">
        <v>53</v>
      </c>
      <c r="G63682" s="16">
        <v>0.71094204863010757</v>
      </c>
    </row>
    <row r="63683" spans="1:7" x14ac:dyDescent="0.3">
      <c r="A63683" s="13" t="s">
        <v>341</v>
      </c>
      <c r="B63683" s="14" t="s">
        <v>1</v>
      </c>
      <c r="C63683" s="14" t="s">
        <v>342</v>
      </c>
      <c r="D63683" s="14" t="s">
        <v>343</v>
      </c>
      <c r="E63683" s="15">
        <v>45549</v>
      </c>
      <c r="F63683" s="14" t="s">
        <v>53</v>
      </c>
      <c r="G63683" s="16">
        <v>0.71094204863010757</v>
      </c>
    </row>
    <row r="63684" spans="1:7" x14ac:dyDescent="0.3">
      <c r="A63684" s="13" t="s">
        <v>341</v>
      </c>
      <c r="B63684" s="14" t="s">
        <v>1</v>
      </c>
      <c r="C63684" s="14" t="s">
        <v>342</v>
      </c>
      <c r="D63684" s="14" t="s">
        <v>343</v>
      </c>
      <c r="E63684" s="15">
        <v>45550</v>
      </c>
      <c r="F63684" s="14" t="s">
        <v>53</v>
      </c>
      <c r="G63684" s="16">
        <v>0.71094204863010757</v>
      </c>
    </row>
    <row r="63685" spans="1:7" x14ac:dyDescent="0.3">
      <c r="A63685" s="13" t="s">
        <v>341</v>
      </c>
      <c r="B63685" s="14" t="s">
        <v>1</v>
      </c>
      <c r="C63685" s="14" t="s">
        <v>342</v>
      </c>
      <c r="D63685" s="14" t="s">
        <v>343</v>
      </c>
      <c r="E63685" s="15">
        <v>45551</v>
      </c>
      <c r="F63685" s="14" t="s">
        <v>53</v>
      </c>
      <c r="G63685" s="16">
        <v>0.72204370756199476</v>
      </c>
    </row>
    <row r="63686" spans="1:7" x14ac:dyDescent="0.3">
      <c r="A63686" s="13" t="s">
        <v>341</v>
      </c>
      <c r="B63686" s="14" t="s">
        <v>1</v>
      </c>
      <c r="C63686" s="14" t="s">
        <v>342</v>
      </c>
      <c r="D63686" s="14" t="s">
        <v>343</v>
      </c>
      <c r="E63686" s="15">
        <v>45552</v>
      </c>
      <c r="F63686" s="14" t="s">
        <v>53</v>
      </c>
      <c r="G63686" s="16">
        <v>0.75555467981596525</v>
      </c>
    </row>
    <row r="63687" spans="1:7" x14ac:dyDescent="0.3">
      <c r="A63687" s="13" t="s">
        <v>341</v>
      </c>
      <c r="B63687" s="14" t="s">
        <v>1</v>
      </c>
      <c r="C63687" s="14" t="s">
        <v>342</v>
      </c>
      <c r="D63687" s="14" t="s">
        <v>343</v>
      </c>
      <c r="E63687" s="15">
        <v>45553</v>
      </c>
      <c r="F63687" s="14" t="s">
        <v>53</v>
      </c>
      <c r="G63687" s="16">
        <v>0.7667322792339526</v>
      </c>
    </row>
    <row r="63688" spans="1:7" x14ac:dyDescent="0.3">
      <c r="A63688" s="13" t="s">
        <v>341</v>
      </c>
      <c r="B63688" s="14" t="s">
        <v>1</v>
      </c>
      <c r="C63688" s="14" t="s">
        <v>342</v>
      </c>
      <c r="D63688" s="14" t="s">
        <v>343</v>
      </c>
      <c r="E63688" s="15">
        <v>45554</v>
      </c>
      <c r="F63688" s="14" t="s">
        <v>53</v>
      </c>
      <c r="G63688" s="16">
        <v>0.77799122081794958</v>
      </c>
    </row>
    <row r="63689" spans="1:7" x14ac:dyDescent="0.3">
      <c r="A63689" s="13" t="s">
        <v>341</v>
      </c>
      <c r="B63689" s="14" t="s">
        <v>1</v>
      </c>
      <c r="C63689" s="14" t="s">
        <v>342</v>
      </c>
      <c r="D63689" s="14" t="s">
        <v>343</v>
      </c>
      <c r="E63689" s="15">
        <v>45555</v>
      </c>
      <c r="F63689" s="14" t="s">
        <v>53</v>
      </c>
      <c r="G63689" s="16">
        <v>0.78924828746651166</v>
      </c>
    </row>
    <row r="63690" spans="1:7" x14ac:dyDescent="0.3">
      <c r="A63690" s="13" t="s">
        <v>341</v>
      </c>
      <c r="B63690" s="14" t="s">
        <v>1</v>
      </c>
      <c r="C63690" s="14" t="s">
        <v>342</v>
      </c>
      <c r="D63690" s="14" t="s">
        <v>343</v>
      </c>
      <c r="E63690" s="15">
        <v>45556</v>
      </c>
      <c r="F63690" s="14" t="s">
        <v>53</v>
      </c>
      <c r="G63690" s="16">
        <v>0.78924828746651166</v>
      </c>
    </row>
    <row r="63691" spans="1:7" x14ac:dyDescent="0.3">
      <c r="A63691" s="13" t="s">
        <v>341</v>
      </c>
      <c r="B63691" s="14" t="s">
        <v>1</v>
      </c>
      <c r="C63691" s="14" t="s">
        <v>342</v>
      </c>
      <c r="D63691" s="14" t="s">
        <v>343</v>
      </c>
      <c r="E63691" s="15">
        <v>45557</v>
      </c>
      <c r="F63691" s="14" t="s">
        <v>53</v>
      </c>
      <c r="G63691" s="16">
        <v>0.78924828746651166</v>
      </c>
    </row>
    <row r="63692" spans="1:7" x14ac:dyDescent="0.3">
      <c r="A63692" s="13" t="s">
        <v>341</v>
      </c>
      <c r="B63692" s="14" t="s">
        <v>1</v>
      </c>
      <c r="C63692" s="14" t="s">
        <v>342</v>
      </c>
      <c r="D63692" s="14" t="s">
        <v>343</v>
      </c>
      <c r="E63692" s="15">
        <v>45558</v>
      </c>
      <c r="F63692" s="14" t="s">
        <v>53</v>
      </c>
      <c r="G63692" s="16">
        <v>0.80062507558518292</v>
      </c>
    </row>
    <row r="63693" spans="1:7" x14ac:dyDescent="0.3">
      <c r="A63693" s="13" t="s">
        <v>341</v>
      </c>
      <c r="B63693" s="14" t="s">
        <v>1</v>
      </c>
      <c r="C63693" s="14" t="s">
        <v>342</v>
      </c>
      <c r="D63693" s="14" t="s">
        <v>343</v>
      </c>
      <c r="E63693" s="15">
        <v>45559</v>
      </c>
      <c r="F63693" s="14" t="s">
        <v>53</v>
      </c>
      <c r="G63693" s="16">
        <v>0.83452900342402825</v>
      </c>
    </row>
    <row r="63694" spans="1:7" x14ac:dyDescent="0.3">
      <c r="A63694" s="13" t="s">
        <v>341</v>
      </c>
      <c r="B63694" s="14" t="s">
        <v>1</v>
      </c>
      <c r="C63694" s="14" t="s">
        <v>342</v>
      </c>
      <c r="D63694" s="14" t="s">
        <v>343</v>
      </c>
      <c r="E63694" s="15">
        <v>45560</v>
      </c>
      <c r="F63694" s="14" t="s">
        <v>53</v>
      </c>
      <c r="G63694" s="16">
        <v>0.84571954400354854</v>
      </c>
    </row>
    <row r="63695" spans="1:7" x14ac:dyDescent="0.3">
      <c r="A63695" s="13" t="s">
        <v>341</v>
      </c>
      <c r="B63695" s="14" t="s">
        <v>1</v>
      </c>
      <c r="C63695" s="14" t="s">
        <v>342</v>
      </c>
      <c r="D63695" s="14" t="s">
        <v>343</v>
      </c>
      <c r="E63695" s="15">
        <v>45561</v>
      </c>
      <c r="F63695" s="14" t="s">
        <v>53</v>
      </c>
      <c r="G63695" s="16">
        <v>0.85699797242352038</v>
      </c>
    </row>
    <row r="63696" spans="1:7" x14ac:dyDescent="0.3">
      <c r="A63696" s="13" t="s">
        <v>341</v>
      </c>
      <c r="B63696" s="14" t="s">
        <v>1</v>
      </c>
      <c r="C63696" s="14" t="s">
        <v>342</v>
      </c>
      <c r="D63696" s="14" t="s">
        <v>343</v>
      </c>
      <c r="E63696" s="15">
        <v>45562</v>
      </c>
      <c r="F63696" s="14" t="s">
        <v>53</v>
      </c>
      <c r="G63696" s="16">
        <v>0.87378600552232544</v>
      </c>
    </row>
    <row r="63697" spans="1:7" x14ac:dyDescent="0.3">
      <c r="A63697" s="13" t="s">
        <v>341</v>
      </c>
      <c r="B63697" s="14" t="s">
        <v>1</v>
      </c>
      <c r="C63697" s="14" t="s">
        <v>342</v>
      </c>
      <c r="D63697" s="14" t="s">
        <v>343</v>
      </c>
      <c r="E63697" s="15">
        <v>45563</v>
      </c>
      <c r="F63697" s="14" t="s">
        <v>53</v>
      </c>
      <c r="G63697" s="16">
        <v>0.87378600552232544</v>
      </c>
    </row>
    <row r="63698" spans="1:7" x14ac:dyDescent="0.3">
      <c r="A63698" s="13" t="s">
        <v>341</v>
      </c>
      <c r="B63698" s="14" t="s">
        <v>1</v>
      </c>
      <c r="C63698" s="14" t="s">
        <v>342</v>
      </c>
      <c r="D63698" s="14" t="s">
        <v>343</v>
      </c>
      <c r="E63698" s="15">
        <v>45564</v>
      </c>
      <c r="F63698" s="14" t="s">
        <v>53</v>
      </c>
      <c r="G63698" s="16">
        <v>0.87378600552232544</v>
      </c>
    </row>
    <row r="63699" spans="1:7" x14ac:dyDescent="0.3">
      <c r="A63699" s="13" t="s">
        <v>341</v>
      </c>
      <c r="B63699" s="14" t="s">
        <v>1</v>
      </c>
      <c r="C63699" s="14" t="s">
        <v>342</v>
      </c>
      <c r="D63699" s="14" t="s">
        <v>343</v>
      </c>
      <c r="E63699" s="15">
        <v>45565</v>
      </c>
      <c r="F63699" s="14" t="s">
        <v>53</v>
      </c>
      <c r="G63699" s="16">
        <v>0.88507582180689259</v>
      </c>
    </row>
    <row r="63700" spans="1:7" x14ac:dyDescent="0.3">
      <c r="A63700" s="13" t="s">
        <v>341</v>
      </c>
      <c r="B63700" s="14" t="s">
        <v>1</v>
      </c>
      <c r="C63700" s="14" t="s">
        <v>342</v>
      </c>
      <c r="D63700" s="14" t="s">
        <v>343</v>
      </c>
      <c r="E63700" s="15">
        <v>45566</v>
      </c>
      <c r="F63700" s="14" t="s">
        <v>53</v>
      </c>
      <c r="G63700" s="16">
        <v>0</v>
      </c>
    </row>
    <row r="63701" spans="1:7" x14ac:dyDescent="0.3">
      <c r="A63701" s="13" t="s">
        <v>341</v>
      </c>
      <c r="B63701" s="14" t="s">
        <v>1</v>
      </c>
      <c r="C63701" s="14" t="s">
        <v>342</v>
      </c>
      <c r="D63701" s="14" t="s">
        <v>343</v>
      </c>
      <c r="E63701" s="15">
        <v>45567</v>
      </c>
      <c r="F63701" s="14" t="s">
        <v>53</v>
      </c>
      <c r="G63701" s="16">
        <v>0</v>
      </c>
    </row>
    <row r="63702" spans="1:7" x14ac:dyDescent="0.3">
      <c r="A63702" s="13" t="s">
        <v>341</v>
      </c>
      <c r="B63702" s="14" t="s">
        <v>1</v>
      </c>
      <c r="C63702" s="14" t="s">
        <v>342</v>
      </c>
      <c r="D63702" s="14" t="s">
        <v>343</v>
      </c>
      <c r="E63702" s="15">
        <v>45568</v>
      </c>
      <c r="F63702" s="14" t="s">
        <v>53</v>
      </c>
      <c r="G63702" s="16">
        <v>0</v>
      </c>
    </row>
    <row r="63703" spans="1:7" x14ac:dyDescent="0.3">
      <c r="A63703" s="13" t="s">
        <v>341</v>
      </c>
      <c r="B63703" s="14" t="s">
        <v>1</v>
      </c>
      <c r="C63703" s="14" t="s">
        <v>342</v>
      </c>
      <c r="D63703" s="14" t="s">
        <v>343</v>
      </c>
      <c r="E63703" s="15">
        <v>45569</v>
      </c>
      <c r="F63703" s="14" t="s">
        <v>53</v>
      </c>
      <c r="G63703" s="16">
        <v>0</v>
      </c>
    </row>
    <row r="63704" spans="1:7" x14ac:dyDescent="0.3">
      <c r="A63704" s="13" t="s">
        <v>341</v>
      </c>
      <c r="B63704" s="14" t="s">
        <v>1</v>
      </c>
      <c r="C63704" s="14" t="s">
        <v>342</v>
      </c>
      <c r="D63704" s="14" t="s">
        <v>343</v>
      </c>
      <c r="E63704" s="15">
        <v>45570</v>
      </c>
      <c r="F63704" s="14" t="s">
        <v>53</v>
      </c>
      <c r="G63704" s="16">
        <v>0</v>
      </c>
    </row>
    <row r="63705" spans="1:7" x14ac:dyDescent="0.3">
      <c r="A63705" s="13" t="s">
        <v>341</v>
      </c>
      <c r="B63705" s="14" t="s">
        <v>1</v>
      </c>
      <c r="C63705" s="14" t="s">
        <v>342</v>
      </c>
      <c r="D63705" s="14" t="s">
        <v>343</v>
      </c>
      <c r="E63705" s="15">
        <v>45571</v>
      </c>
      <c r="F63705" s="14" t="s">
        <v>53</v>
      </c>
      <c r="G63705" s="16">
        <v>0</v>
      </c>
    </row>
    <row r="63706" spans="1:7" x14ac:dyDescent="0.3">
      <c r="A63706" s="13" t="s">
        <v>341</v>
      </c>
      <c r="B63706" s="14" t="s">
        <v>1</v>
      </c>
      <c r="C63706" s="14" t="s">
        <v>342</v>
      </c>
      <c r="D63706" s="14" t="s">
        <v>343</v>
      </c>
      <c r="E63706" s="15">
        <v>45572</v>
      </c>
      <c r="F63706" s="14" t="s">
        <v>53</v>
      </c>
      <c r="G63706" s="16">
        <v>0</v>
      </c>
    </row>
    <row r="63707" spans="1:7" x14ac:dyDescent="0.3">
      <c r="A63707" s="13" t="s">
        <v>341</v>
      </c>
      <c r="B63707" s="14" t="s">
        <v>1</v>
      </c>
      <c r="C63707" s="14" t="s">
        <v>342</v>
      </c>
      <c r="D63707" s="14" t="s">
        <v>343</v>
      </c>
      <c r="E63707" s="15">
        <v>45573</v>
      </c>
      <c r="F63707" s="14" t="s">
        <v>53</v>
      </c>
      <c r="G63707" s="16">
        <v>0</v>
      </c>
    </row>
    <row r="63708" spans="1:7" x14ac:dyDescent="0.3">
      <c r="A63708" s="13" t="s">
        <v>341</v>
      </c>
      <c r="B63708" s="14" t="s">
        <v>1</v>
      </c>
      <c r="C63708" s="14" t="s">
        <v>342</v>
      </c>
      <c r="D63708" s="14" t="s">
        <v>343</v>
      </c>
      <c r="E63708" s="15">
        <v>45574</v>
      </c>
      <c r="F63708" s="14" t="s">
        <v>53</v>
      </c>
      <c r="G63708" s="16">
        <v>0</v>
      </c>
    </row>
    <row r="63709" spans="1:7" x14ac:dyDescent="0.3">
      <c r="A63709" s="13" t="s">
        <v>341</v>
      </c>
      <c r="B63709" s="14" t="s">
        <v>1</v>
      </c>
      <c r="C63709" s="14" t="s">
        <v>342</v>
      </c>
      <c r="D63709" s="14" t="s">
        <v>343</v>
      </c>
      <c r="E63709" s="15">
        <v>45575</v>
      </c>
      <c r="F63709" s="14" t="s">
        <v>53</v>
      </c>
      <c r="G63709" s="16">
        <v>0</v>
      </c>
    </row>
    <row r="63710" spans="1:7" x14ac:dyDescent="0.3">
      <c r="A63710" s="13" t="s">
        <v>341</v>
      </c>
      <c r="B63710" s="14" t="s">
        <v>1</v>
      </c>
      <c r="C63710" s="14" t="s">
        <v>342</v>
      </c>
      <c r="D63710" s="14" t="s">
        <v>343</v>
      </c>
      <c r="E63710" s="15">
        <v>45576</v>
      </c>
      <c r="F63710" s="14" t="s">
        <v>53</v>
      </c>
      <c r="G63710" s="16">
        <v>0</v>
      </c>
    </row>
    <row r="63711" spans="1:7" x14ac:dyDescent="0.3">
      <c r="A63711" s="13" t="s">
        <v>341</v>
      </c>
      <c r="B63711" s="14" t="s">
        <v>1</v>
      </c>
      <c r="C63711" s="14" t="s">
        <v>342</v>
      </c>
      <c r="D63711" s="14" t="s">
        <v>343</v>
      </c>
      <c r="E63711" s="15">
        <v>45577</v>
      </c>
      <c r="F63711" s="14" t="s">
        <v>53</v>
      </c>
      <c r="G63711" s="16">
        <v>0</v>
      </c>
    </row>
    <row r="63712" spans="1:7" x14ac:dyDescent="0.3">
      <c r="A63712" s="13" t="s">
        <v>341</v>
      </c>
      <c r="B63712" s="14" t="s">
        <v>1</v>
      </c>
      <c r="C63712" s="14" t="s">
        <v>342</v>
      </c>
      <c r="D63712" s="14" t="s">
        <v>343</v>
      </c>
      <c r="E63712" s="15">
        <v>45578</v>
      </c>
      <c r="F63712" s="14" t="s">
        <v>53</v>
      </c>
      <c r="G63712" s="16">
        <v>0</v>
      </c>
    </row>
    <row r="63713" spans="1:7" x14ac:dyDescent="0.3">
      <c r="A63713" s="13" t="s">
        <v>341</v>
      </c>
      <c r="B63713" s="14" t="s">
        <v>1</v>
      </c>
      <c r="C63713" s="14" t="s">
        <v>342</v>
      </c>
      <c r="D63713" s="14" t="s">
        <v>343</v>
      </c>
      <c r="E63713" s="15">
        <v>45579</v>
      </c>
      <c r="F63713" s="14" t="s">
        <v>53</v>
      </c>
      <c r="G63713" s="16">
        <v>0</v>
      </c>
    </row>
    <row r="63714" spans="1:7" x14ac:dyDescent="0.3">
      <c r="A63714" s="13" t="s">
        <v>341</v>
      </c>
      <c r="B63714" s="14" t="s">
        <v>1</v>
      </c>
      <c r="C63714" s="14" t="s">
        <v>342</v>
      </c>
      <c r="D63714" s="14" t="s">
        <v>343</v>
      </c>
      <c r="E63714" s="15">
        <v>45580</v>
      </c>
      <c r="F63714" s="14" t="s">
        <v>53</v>
      </c>
      <c r="G63714" s="16">
        <v>0</v>
      </c>
    </row>
    <row r="63715" spans="1:7" x14ac:dyDescent="0.3">
      <c r="A63715" s="13" t="s">
        <v>341</v>
      </c>
      <c r="B63715" s="14" t="s">
        <v>1</v>
      </c>
      <c r="C63715" s="14" t="s">
        <v>342</v>
      </c>
      <c r="D63715" s="14" t="s">
        <v>343</v>
      </c>
      <c r="E63715" s="15">
        <v>45581</v>
      </c>
      <c r="F63715" s="14" t="s">
        <v>53</v>
      </c>
      <c r="G63715" s="16">
        <v>0</v>
      </c>
    </row>
    <row r="63716" spans="1:7" x14ac:dyDescent="0.3">
      <c r="A63716" s="13" t="s">
        <v>341</v>
      </c>
      <c r="B63716" s="14" t="s">
        <v>1</v>
      </c>
      <c r="C63716" s="14" t="s">
        <v>342</v>
      </c>
      <c r="D63716" s="14" t="s">
        <v>343</v>
      </c>
      <c r="E63716" s="15">
        <v>45582</v>
      </c>
      <c r="F63716" s="14" t="s">
        <v>53</v>
      </c>
      <c r="G63716" s="16">
        <v>0</v>
      </c>
    </row>
    <row r="63717" spans="1:7" x14ac:dyDescent="0.3">
      <c r="A63717" s="13" t="s">
        <v>341</v>
      </c>
      <c r="B63717" s="14" t="s">
        <v>1</v>
      </c>
      <c r="C63717" s="14" t="s">
        <v>342</v>
      </c>
      <c r="D63717" s="14" t="s">
        <v>343</v>
      </c>
      <c r="E63717" s="15">
        <v>45583</v>
      </c>
      <c r="F63717" s="14" t="s">
        <v>53</v>
      </c>
      <c r="G63717" s="16">
        <v>0</v>
      </c>
    </row>
    <row r="63718" spans="1:7" x14ac:dyDescent="0.3">
      <c r="A63718" s="13" t="s">
        <v>341</v>
      </c>
      <c r="B63718" s="14" t="s">
        <v>1</v>
      </c>
      <c r="C63718" s="14" t="s">
        <v>342</v>
      </c>
      <c r="D63718" s="14" t="s">
        <v>343</v>
      </c>
      <c r="E63718" s="15">
        <v>45584</v>
      </c>
      <c r="F63718" s="14" t="s">
        <v>53</v>
      </c>
      <c r="G63718" s="16">
        <v>0</v>
      </c>
    </row>
    <row r="63719" spans="1:7" x14ac:dyDescent="0.3">
      <c r="A63719" s="13" t="s">
        <v>341</v>
      </c>
      <c r="B63719" s="14" t="s">
        <v>1</v>
      </c>
      <c r="C63719" s="14" t="s">
        <v>342</v>
      </c>
      <c r="D63719" s="14" t="s">
        <v>343</v>
      </c>
      <c r="E63719" s="15">
        <v>45585</v>
      </c>
      <c r="F63719" s="14" t="s">
        <v>53</v>
      </c>
      <c r="G63719" s="16">
        <v>0</v>
      </c>
    </row>
    <row r="63720" spans="1:7" x14ac:dyDescent="0.3">
      <c r="A63720" s="13" t="s">
        <v>341</v>
      </c>
      <c r="B63720" s="14" t="s">
        <v>1</v>
      </c>
      <c r="C63720" s="14" t="s">
        <v>342</v>
      </c>
      <c r="D63720" s="14" t="s">
        <v>343</v>
      </c>
      <c r="E63720" s="15">
        <v>45586</v>
      </c>
      <c r="F63720" s="14" t="s">
        <v>53</v>
      </c>
      <c r="G63720" s="16">
        <v>0</v>
      </c>
    </row>
    <row r="63721" spans="1:7" x14ac:dyDescent="0.3">
      <c r="A63721" s="13" t="s">
        <v>341</v>
      </c>
      <c r="B63721" s="14" t="s">
        <v>1</v>
      </c>
      <c r="C63721" s="14" t="s">
        <v>342</v>
      </c>
      <c r="D63721" s="14" t="s">
        <v>343</v>
      </c>
      <c r="E63721" s="15">
        <v>45587</v>
      </c>
      <c r="F63721" s="14" t="s">
        <v>53</v>
      </c>
      <c r="G63721" s="16">
        <v>0</v>
      </c>
    </row>
    <row r="63722" spans="1:7" x14ac:dyDescent="0.3">
      <c r="A63722" s="13" t="s">
        <v>341</v>
      </c>
      <c r="B63722" s="14" t="s">
        <v>1</v>
      </c>
      <c r="C63722" s="14" t="s">
        <v>342</v>
      </c>
      <c r="D63722" s="14" t="s">
        <v>343</v>
      </c>
      <c r="E63722" s="15">
        <v>45588</v>
      </c>
      <c r="F63722" s="14" t="s">
        <v>53</v>
      </c>
      <c r="G63722" s="16">
        <v>0</v>
      </c>
    </row>
    <row r="63723" spans="1:7" x14ac:dyDescent="0.3">
      <c r="A63723" s="13" t="s">
        <v>341</v>
      </c>
      <c r="B63723" s="14" t="s">
        <v>1</v>
      </c>
      <c r="C63723" s="14" t="s">
        <v>342</v>
      </c>
      <c r="D63723" s="14" t="s">
        <v>343</v>
      </c>
      <c r="E63723" s="15">
        <v>45589</v>
      </c>
      <c r="F63723" s="14" t="s">
        <v>53</v>
      </c>
      <c r="G63723" s="16">
        <v>0</v>
      </c>
    </row>
    <row r="63724" spans="1:7" x14ac:dyDescent="0.3">
      <c r="A63724" s="13" t="s">
        <v>341</v>
      </c>
      <c r="B63724" s="14" t="s">
        <v>1</v>
      </c>
      <c r="C63724" s="14" t="s">
        <v>342</v>
      </c>
      <c r="D63724" s="14" t="s">
        <v>343</v>
      </c>
      <c r="E63724" s="15">
        <v>45590</v>
      </c>
      <c r="F63724" s="14" t="s">
        <v>53</v>
      </c>
      <c r="G63724" s="16">
        <v>4.8712709774774822E-3</v>
      </c>
    </row>
    <row r="63725" spans="1:7" x14ac:dyDescent="0.3">
      <c r="A63725" s="13" t="s">
        <v>341</v>
      </c>
      <c r="B63725" s="14" t="s">
        <v>1</v>
      </c>
      <c r="C63725" s="14" t="s">
        <v>342</v>
      </c>
      <c r="D63725" s="14" t="s">
        <v>343</v>
      </c>
      <c r="E63725" s="15">
        <v>45591</v>
      </c>
      <c r="F63725" s="14" t="s">
        <v>53</v>
      </c>
      <c r="G63725" s="16">
        <v>4.8712709774774822E-3</v>
      </c>
    </row>
    <row r="63726" spans="1:7" x14ac:dyDescent="0.3">
      <c r="A63726" s="13" t="s">
        <v>341</v>
      </c>
      <c r="B63726" s="14" t="s">
        <v>1</v>
      </c>
      <c r="C63726" s="14" t="s">
        <v>342</v>
      </c>
      <c r="D63726" s="14" t="s">
        <v>343</v>
      </c>
      <c r="E63726" s="15">
        <v>45592</v>
      </c>
      <c r="F63726" s="14" t="s">
        <v>53</v>
      </c>
      <c r="G63726" s="16">
        <v>4.8712709774774822E-3</v>
      </c>
    </row>
    <row r="63727" spans="1:7" x14ac:dyDescent="0.3">
      <c r="A63727" s="13" t="s">
        <v>341</v>
      </c>
      <c r="B63727" s="14" t="s">
        <v>1</v>
      </c>
      <c r="C63727" s="14" t="s">
        <v>342</v>
      </c>
      <c r="D63727" s="14" t="s">
        <v>343</v>
      </c>
      <c r="E63727" s="15">
        <v>45593</v>
      </c>
      <c r="F63727" s="14" t="s">
        <v>53</v>
      </c>
      <c r="G63727" s="16">
        <v>4.8712709774774822E-3</v>
      </c>
    </row>
    <row r="63728" spans="1:7" x14ac:dyDescent="0.3">
      <c r="A63728" s="13" t="s">
        <v>341</v>
      </c>
      <c r="B63728" s="14" t="s">
        <v>1</v>
      </c>
      <c r="C63728" s="14" t="s">
        <v>342</v>
      </c>
      <c r="D63728" s="14" t="s">
        <v>343</v>
      </c>
      <c r="E63728" s="15">
        <v>45594</v>
      </c>
      <c r="F63728" s="14" t="s">
        <v>53</v>
      </c>
      <c r="G63728" s="16">
        <v>1.6758268092141367E-2</v>
      </c>
    </row>
    <row r="63729" spans="1:7" x14ac:dyDescent="0.3">
      <c r="A63729" s="13" t="s">
        <v>341</v>
      </c>
      <c r="B63729" s="14" t="s">
        <v>1</v>
      </c>
      <c r="C63729" s="14" t="s">
        <v>342</v>
      </c>
      <c r="D63729" s="14" t="s">
        <v>343</v>
      </c>
      <c r="E63729" s="15">
        <v>45595</v>
      </c>
      <c r="F63729" s="14" t="s">
        <v>53</v>
      </c>
      <c r="G63729" s="16">
        <v>5.733761688988244E-2</v>
      </c>
    </row>
    <row r="63730" spans="1:7" x14ac:dyDescent="0.3">
      <c r="A63730" s="13" t="s">
        <v>341</v>
      </c>
      <c r="B63730" s="14" t="s">
        <v>1</v>
      </c>
      <c r="C63730" s="14" t="s">
        <v>342</v>
      </c>
      <c r="D63730" s="14" t="s">
        <v>343</v>
      </c>
      <c r="E63730" s="15">
        <v>45596</v>
      </c>
      <c r="F63730" s="14" t="s">
        <v>53</v>
      </c>
      <c r="G63730" s="16">
        <v>6.8612007023530569E-2</v>
      </c>
    </row>
    <row r="63731" spans="1:7" x14ac:dyDescent="0.3">
      <c r="A63731" s="13" t="s">
        <v>341</v>
      </c>
      <c r="B63731" s="14" t="s">
        <v>1</v>
      </c>
      <c r="C63731" s="14" t="s">
        <v>342</v>
      </c>
      <c r="D63731" s="14" t="s">
        <v>343</v>
      </c>
      <c r="E63731" s="15">
        <v>45597</v>
      </c>
      <c r="F63731" s="14" t="s">
        <v>53</v>
      </c>
      <c r="G63731" s="16">
        <v>7.9900843388739679E-2</v>
      </c>
    </row>
    <row r="63732" spans="1:7" x14ac:dyDescent="0.3">
      <c r="A63732" s="13" t="s">
        <v>341</v>
      </c>
      <c r="B63732" s="14" t="s">
        <v>1</v>
      </c>
      <c r="C63732" s="14" t="s">
        <v>342</v>
      </c>
      <c r="D63732" s="14" t="s">
        <v>343</v>
      </c>
      <c r="E63732" s="15">
        <v>45598</v>
      </c>
      <c r="F63732" s="14" t="s">
        <v>53</v>
      </c>
      <c r="G63732" s="16">
        <v>7.9900843388739679E-2</v>
      </c>
    </row>
    <row r="63733" spans="1:7" x14ac:dyDescent="0.3">
      <c r="A63733" s="13" t="s">
        <v>341</v>
      </c>
      <c r="B63733" s="14" t="s">
        <v>1</v>
      </c>
      <c r="C63733" s="14" t="s">
        <v>342</v>
      </c>
      <c r="D63733" s="14" t="s">
        <v>343</v>
      </c>
      <c r="E63733" s="15">
        <v>45599</v>
      </c>
      <c r="F63733" s="14" t="s">
        <v>53</v>
      </c>
      <c r="G63733" s="16">
        <v>7.9900843388739679E-2</v>
      </c>
    </row>
    <row r="63734" spans="1:7" x14ac:dyDescent="0.3">
      <c r="A63734" s="13" t="s">
        <v>341</v>
      </c>
      <c r="B63734" s="14" t="s">
        <v>1</v>
      </c>
      <c r="C63734" s="14" t="s">
        <v>342</v>
      </c>
      <c r="D63734" s="14" t="s">
        <v>343</v>
      </c>
      <c r="E63734" s="15">
        <v>45600</v>
      </c>
      <c r="F63734" s="14" t="s">
        <v>53</v>
      </c>
      <c r="G63734" s="16">
        <v>9.1035858725297333E-2</v>
      </c>
    </row>
    <row r="63735" spans="1:7" x14ac:dyDescent="0.3">
      <c r="A63735" s="13" t="s">
        <v>341</v>
      </c>
      <c r="B63735" s="14" t="s">
        <v>1</v>
      </c>
      <c r="C63735" s="14" t="s">
        <v>342</v>
      </c>
      <c r="D63735" s="14" t="s">
        <v>343</v>
      </c>
      <c r="E63735" s="15">
        <v>45601</v>
      </c>
      <c r="F63735" s="14" t="s">
        <v>53</v>
      </c>
      <c r="G63735" s="16">
        <v>0.12477730866605451</v>
      </c>
    </row>
    <row r="63736" spans="1:7" x14ac:dyDescent="0.3">
      <c r="A63736" s="13" t="s">
        <v>341</v>
      </c>
      <c r="B63736" s="14" t="s">
        <v>1</v>
      </c>
      <c r="C63736" s="14" t="s">
        <v>342</v>
      </c>
      <c r="D63736" s="14" t="s">
        <v>343</v>
      </c>
      <c r="E63736" s="15">
        <v>45602</v>
      </c>
      <c r="F63736" s="14" t="s">
        <v>53</v>
      </c>
      <c r="G63736" s="16">
        <v>0.1364278459370139</v>
      </c>
    </row>
    <row r="63737" spans="1:7" x14ac:dyDescent="0.3">
      <c r="A63737" s="13" t="s">
        <v>341</v>
      </c>
      <c r="B63737" s="14" t="s">
        <v>1</v>
      </c>
      <c r="C63737" s="14" t="s">
        <v>342</v>
      </c>
      <c r="D63737" s="14" t="s">
        <v>343</v>
      </c>
      <c r="E63737" s="15">
        <v>45603</v>
      </c>
      <c r="F63737" s="14" t="s">
        <v>53</v>
      </c>
      <c r="G63737" s="16">
        <v>0.1476522676443284</v>
      </c>
    </row>
    <row r="63738" spans="1:7" x14ac:dyDescent="0.3">
      <c r="A63738" s="13" t="s">
        <v>341</v>
      </c>
      <c r="B63738" s="14" t="s">
        <v>1</v>
      </c>
      <c r="C63738" s="14" t="s">
        <v>342</v>
      </c>
      <c r="D63738" s="14" t="s">
        <v>343</v>
      </c>
      <c r="E63738" s="15">
        <v>45604</v>
      </c>
      <c r="F63738" s="14" t="s">
        <v>53</v>
      </c>
      <c r="G63738" s="16">
        <v>0.1676086611898171</v>
      </c>
    </row>
    <row r="63739" spans="1:7" x14ac:dyDescent="0.3">
      <c r="A63739" s="13" t="s">
        <v>341</v>
      </c>
      <c r="B63739" s="14" t="s">
        <v>1</v>
      </c>
      <c r="C63739" s="14" t="s">
        <v>342</v>
      </c>
      <c r="D63739" s="14" t="s">
        <v>343</v>
      </c>
      <c r="E63739" s="15">
        <v>45605</v>
      </c>
      <c r="F63739" s="14" t="s">
        <v>53</v>
      </c>
      <c r="G63739" s="16">
        <v>0.1676086611898171</v>
      </c>
    </row>
    <row r="63740" spans="1:7" x14ac:dyDescent="0.3">
      <c r="A63740" s="13" t="s">
        <v>341</v>
      </c>
      <c r="B63740" s="14" t="s">
        <v>1</v>
      </c>
      <c r="C63740" s="14" t="s">
        <v>342</v>
      </c>
      <c r="D63740" s="14" t="s">
        <v>343</v>
      </c>
      <c r="E63740" s="15">
        <v>45606</v>
      </c>
      <c r="F63740" s="14" t="s">
        <v>53</v>
      </c>
      <c r="G63740" s="16">
        <v>0.1676086611898171</v>
      </c>
    </row>
    <row r="63741" spans="1:7" x14ac:dyDescent="0.3">
      <c r="A63741" s="13" t="s">
        <v>341</v>
      </c>
      <c r="B63741" s="14" t="s">
        <v>1</v>
      </c>
      <c r="C63741" s="14" t="s">
        <v>342</v>
      </c>
      <c r="D63741" s="14" t="s">
        <v>343</v>
      </c>
      <c r="E63741" s="15">
        <v>45607</v>
      </c>
      <c r="F63741" s="14" t="s">
        <v>53</v>
      </c>
      <c r="G63741" s="16">
        <v>0.17877273756461651</v>
      </c>
    </row>
    <row r="63742" spans="1:7" x14ac:dyDescent="0.3">
      <c r="A63742" s="13" t="s">
        <v>341</v>
      </c>
      <c r="B63742" s="14" t="s">
        <v>1</v>
      </c>
      <c r="C63742" s="14" t="s">
        <v>342</v>
      </c>
      <c r="D63742" s="14" t="s">
        <v>343</v>
      </c>
      <c r="E63742" s="15">
        <v>45608</v>
      </c>
      <c r="F63742" s="14" t="s">
        <v>53</v>
      </c>
      <c r="G63742" s="16">
        <v>0.21220109025658709</v>
      </c>
    </row>
    <row r="63743" spans="1:7" x14ac:dyDescent="0.3">
      <c r="A63743" s="13" t="s">
        <v>341</v>
      </c>
      <c r="B63743" s="14" t="s">
        <v>1</v>
      </c>
      <c r="C63743" s="14" t="s">
        <v>342</v>
      </c>
      <c r="D63743" s="14" t="s">
        <v>343</v>
      </c>
      <c r="E63743" s="15">
        <v>45609</v>
      </c>
      <c r="F63743" s="14" t="s">
        <v>53</v>
      </c>
      <c r="G63743" s="16">
        <v>0.22334709878838377</v>
      </c>
    </row>
    <row r="63744" spans="1:7" x14ac:dyDescent="0.3">
      <c r="A63744" s="13" t="s">
        <v>341</v>
      </c>
      <c r="B63744" s="14" t="s">
        <v>1</v>
      </c>
      <c r="C63744" s="14" t="s">
        <v>342</v>
      </c>
      <c r="D63744" s="14" t="s">
        <v>343</v>
      </c>
      <c r="E63744" s="15">
        <v>45610</v>
      </c>
      <c r="F63744" s="14" t="s">
        <v>53</v>
      </c>
      <c r="G63744" s="16">
        <v>0.23448490285937876</v>
      </c>
    </row>
    <row r="63745" spans="1:7" x14ac:dyDescent="0.3">
      <c r="A63745" s="13" t="s">
        <v>341</v>
      </c>
      <c r="B63745" s="14" t="s">
        <v>1</v>
      </c>
      <c r="C63745" s="14" t="s">
        <v>342</v>
      </c>
      <c r="D63745" s="14" t="s">
        <v>343</v>
      </c>
      <c r="E63745" s="15">
        <v>45611</v>
      </c>
      <c r="F63745" s="14" t="s">
        <v>53</v>
      </c>
      <c r="G63745" s="16">
        <v>0.24562500089235256</v>
      </c>
    </row>
    <row r="63746" spans="1:7" x14ac:dyDescent="0.3">
      <c r="A63746" s="13" t="s">
        <v>341</v>
      </c>
      <c r="B63746" s="14" t="s">
        <v>1</v>
      </c>
      <c r="C63746" s="14" t="s">
        <v>342</v>
      </c>
      <c r="D63746" s="14" t="s">
        <v>343</v>
      </c>
      <c r="E63746" s="15">
        <v>45612</v>
      </c>
      <c r="F63746" s="14" t="s">
        <v>53</v>
      </c>
      <c r="G63746" s="16">
        <v>0.24562500089235256</v>
      </c>
    </row>
    <row r="63747" spans="1:7" x14ac:dyDescent="0.3">
      <c r="A63747" s="13" t="s">
        <v>341</v>
      </c>
      <c r="B63747" s="14" t="s">
        <v>1</v>
      </c>
      <c r="C63747" s="14" t="s">
        <v>342</v>
      </c>
      <c r="D63747" s="14" t="s">
        <v>343</v>
      </c>
      <c r="E63747" s="15">
        <v>45613</v>
      </c>
      <c r="F63747" s="14" t="s">
        <v>53</v>
      </c>
      <c r="G63747" s="16">
        <v>0.24562500089235256</v>
      </c>
    </row>
    <row r="63748" spans="1:7" x14ac:dyDescent="0.3">
      <c r="A63748" s="13" t="s">
        <v>341</v>
      </c>
      <c r="B63748" s="14" t="s">
        <v>1</v>
      </c>
      <c r="C63748" s="14" t="s">
        <v>342</v>
      </c>
      <c r="D63748" s="14" t="s">
        <v>343</v>
      </c>
      <c r="E63748" s="15">
        <v>45614</v>
      </c>
      <c r="F63748" s="14" t="s">
        <v>53</v>
      </c>
      <c r="G63748" s="16">
        <v>0.25659706075474642</v>
      </c>
    </row>
    <row r="63749" spans="1:7" x14ac:dyDescent="0.3">
      <c r="A63749" s="13" t="s">
        <v>341</v>
      </c>
      <c r="B63749" s="14" t="s">
        <v>1</v>
      </c>
      <c r="C63749" s="14" t="s">
        <v>342</v>
      </c>
      <c r="D63749" s="14" t="s">
        <v>343</v>
      </c>
      <c r="E63749" s="15">
        <v>45615</v>
      </c>
      <c r="F63749" s="14" t="s">
        <v>53</v>
      </c>
      <c r="G63749" s="16">
        <v>0.28994753203873308</v>
      </c>
    </row>
    <row r="63750" spans="1:7" x14ac:dyDescent="0.3">
      <c r="A63750" s="13" t="s">
        <v>341</v>
      </c>
      <c r="B63750" s="14" t="s">
        <v>1</v>
      </c>
      <c r="C63750" s="14" t="s">
        <v>342</v>
      </c>
      <c r="D63750" s="14" t="s">
        <v>343</v>
      </c>
      <c r="E63750" s="15">
        <v>45616</v>
      </c>
      <c r="F63750" s="14" t="s">
        <v>53</v>
      </c>
      <c r="G63750" s="16">
        <v>0.30111316918869352</v>
      </c>
    </row>
    <row r="63751" spans="1:7" x14ac:dyDescent="0.3">
      <c r="A63751" s="13" t="s">
        <v>341</v>
      </c>
      <c r="B63751" s="14" t="s">
        <v>1</v>
      </c>
      <c r="C63751" s="14" t="s">
        <v>342</v>
      </c>
      <c r="D63751" s="14" t="s">
        <v>343</v>
      </c>
      <c r="E63751" s="15">
        <v>45617</v>
      </c>
      <c r="F63751" s="14" t="s">
        <v>53</v>
      </c>
      <c r="G63751" s="16">
        <v>0.31234461885392933</v>
      </c>
    </row>
    <row r="63752" spans="1:7" x14ac:dyDescent="0.3">
      <c r="A63752" s="13" t="s">
        <v>341</v>
      </c>
      <c r="B63752" s="14" t="s">
        <v>1</v>
      </c>
      <c r="C63752" s="14" t="s">
        <v>342</v>
      </c>
      <c r="D63752" s="14" t="s">
        <v>343</v>
      </c>
      <c r="E63752" s="15">
        <v>45618</v>
      </c>
      <c r="F63752" s="14" t="s">
        <v>53</v>
      </c>
      <c r="G63752" s="16">
        <v>0.32356478975948422</v>
      </c>
    </row>
    <row r="63753" spans="1:7" x14ac:dyDescent="0.3">
      <c r="A63753" s="13" t="s">
        <v>341</v>
      </c>
      <c r="B63753" s="14" t="s">
        <v>1</v>
      </c>
      <c r="C63753" s="14" t="s">
        <v>342</v>
      </c>
      <c r="D63753" s="14" t="s">
        <v>343</v>
      </c>
      <c r="E63753" s="15">
        <v>45619</v>
      </c>
      <c r="F63753" s="14" t="s">
        <v>53</v>
      </c>
      <c r="G63753" s="16">
        <v>0.32356478975948422</v>
      </c>
    </row>
    <row r="63754" spans="1:7" x14ac:dyDescent="0.3">
      <c r="A63754" s="13" t="s">
        <v>341</v>
      </c>
      <c r="B63754" s="14" t="s">
        <v>1</v>
      </c>
      <c r="C63754" s="14" t="s">
        <v>342</v>
      </c>
      <c r="D63754" s="14" t="s">
        <v>343</v>
      </c>
      <c r="E63754" s="15">
        <v>45620</v>
      </c>
      <c r="F63754" s="14" t="s">
        <v>53</v>
      </c>
      <c r="G63754" s="16">
        <v>0.32356478975948422</v>
      </c>
    </row>
    <row r="63755" spans="1:7" x14ac:dyDescent="0.3">
      <c r="A63755" s="13" t="s">
        <v>341</v>
      </c>
      <c r="B63755" s="14" t="s">
        <v>1</v>
      </c>
      <c r="C63755" s="14" t="s">
        <v>342</v>
      </c>
      <c r="D63755" s="14" t="s">
        <v>343</v>
      </c>
      <c r="E63755" s="15">
        <v>45621</v>
      </c>
      <c r="F63755" s="14" t="s">
        <v>53</v>
      </c>
      <c r="G63755" s="16">
        <v>0.33474563328280704</v>
      </c>
    </row>
    <row r="63756" spans="1:7" x14ac:dyDescent="0.3">
      <c r="A63756" s="13" t="s">
        <v>341</v>
      </c>
      <c r="B63756" s="14" t="s">
        <v>1</v>
      </c>
      <c r="C63756" s="14" t="s">
        <v>342</v>
      </c>
      <c r="D63756" s="14" t="s">
        <v>343</v>
      </c>
      <c r="E63756" s="15">
        <v>45622</v>
      </c>
      <c r="F63756" s="14" t="s">
        <v>53</v>
      </c>
      <c r="G63756" s="16">
        <v>0.36825928795199897</v>
      </c>
    </row>
    <row r="63757" spans="1:7" x14ac:dyDescent="0.3">
      <c r="A63757" s="13" t="s">
        <v>341</v>
      </c>
      <c r="B63757" s="14" t="s">
        <v>1</v>
      </c>
      <c r="C63757" s="14" t="s">
        <v>342</v>
      </c>
      <c r="D63757" s="14" t="s">
        <v>343</v>
      </c>
      <c r="E63757" s="15">
        <v>45623</v>
      </c>
      <c r="F63757" s="14" t="s">
        <v>53</v>
      </c>
      <c r="G63757" s="16">
        <v>0.37937110431979992</v>
      </c>
    </row>
    <row r="63758" spans="1:7" x14ac:dyDescent="0.3">
      <c r="A63758" s="13" t="s">
        <v>341</v>
      </c>
      <c r="B63758" s="14" t="s">
        <v>1</v>
      </c>
      <c r="C63758" s="14" t="s">
        <v>342</v>
      </c>
      <c r="D63758" s="14" t="s">
        <v>343</v>
      </c>
      <c r="E63758" s="15">
        <v>45624</v>
      </c>
      <c r="F63758" s="14" t="s">
        <v>53</v>
      </c>
      <c r="G63758" s="16">
        <v>0.39120246529309516</v>
      </c>
    </row>
    <row r="63759" spans="1:7" x14ac:dyDescent="0.3">
      <c r="A63759" s="13" t="s">
        <v>341</v>
      </c>
      <c r="B63759" s="14" t="s">
        <v>1</v>
      </c>
      <c r="C63759" s="14" t="s">
        <v>342</v>
      </c>
      <c r="D63759" s="14" t="s">
        <v>343</v>
      </c>
      <c r="E63759" s="15">
        <v>45625</v>
      </c>
      <c r="F63759" s="14" t="s">
        <v>53</v>
      </c>
      <c r="G63759" s="16">
        <v>0.40229432251602876</v>
      </c>
    </row>
    <row r="63760" spans="1:7" x14ac:dyDescent="0.3">
      <c r="A63760" s="13" t="s">
        <v>341</v>
      </c>
      <c r="B63760" s="14" t="s">
        <v>1</v>
      </c>
      <c r="C63760" s="14" t="s">
        <v>342</v>
      </c>
      <c r="D63760" s="14" t="s">
        <v>343</v>
      </c>
      <c r="E63760" s="15">
        <v>45626</v>
      </c>
      <c r="F63760" s="14" t="s">
        <v>53</v>
      </c>
      <c r="G63760" s="16">
        <v>0.40229432251602876</v>
      </c>
    </row>
    <row r="63761" spans="1:7" x14ac:dyDescent="0.3">
      <c r="A63761" s="13" t="s">
        <v>341</v>
      </c>
      <c r="B63761" s="14" t="s">
        <v>1</v>
      </c>
      <c r="C63761" s="14" t="s">
        <v>342</v>
      </c>
      <c r="D63761" s="14" t="s">
        <v>343</v>
      </c>
      <c r="E63761" s="15">
        <v>45627</v>
      </c>
      <c r="F63761" s="14" t="s">
        <v>53</v>
      </c>
      <c r="G63761" s="16">
        <v>0.40229432251602876</v>
      </c>
    </row>
    <row r="63762" spans="1:7" x14ac:dyDescent="0.3">
      <c r="A63762" s="13" t="s">
        <v>341</v>
      </c>
      <c r="B63762" s="14" t="s">
        <v>1</v>
      </c>
      <c r="C63762" s="14" t="s">
        <v>342</v>
      </c>
      <c r="D63762" s="14" t="s">
        <v>343</v>
      </c>
      <c r="E63762" s="15">
        <v>45628</v>
      </c>
      <c r="F63762" s="14" t="s">
        <v>53</v>
      </c>
      <c r="G63762" s="16">
        <v>0.41336670802285969</v>
      </c>
    </row>
    <row r="63763" spans="1:7" x14ac:dyDescent="0.3">
      <c r="A63763" s="13" t="s">
        <v>341</v>
      </c>
      <c r="B63763" s="14" t="s">
        <v>1</v>
      </c>
      <c r="C63763" s="14" t="s">
        <v>342</v>
      </c>
      <c r="D63763" s="14" t="s">
        <v>343</v>
      </c>
      <c r="E63763" s="15">
        <v>45629</v>
      </c>
      <c r="F63763" s="14" t="s">
        <v>53</v>
      </c>
      <c r="G63763" s="16">
        <v>0.44702502928574273</v>
      </c>
    </row>
    <row r="63764" spans="1:7" x14ac:dyDescent="0.3">
      <c r="A63764" s="13" t="s">
        <v>341</v>
      </c>
      <c r="B63764" s="14" t="s">
        <v>1</v>
      </c>
      <c r="C63764" s="14" t="s">
        <v>342</v>
      </c>
      <c r="D63764" s="14" t="s">
        <v>343</v>
      </c>
      <c r="E63764" s="15">
        <v>45630</v>
      </c>
      <c r="F63764" s="14" t="s">
        <v>53</v>
      </c>
      <c r="G63764" s="16">
        <v>0.45838289402517135</v>
      </c>
    </row>
    <row r="63765" spans="1:7" x14ac:dyDescent="0.3">
      <c r="A63765" s="13" t="s">
        <v>341</v>
      </c>
      <c r="B63765" s="14" t="s">
        <v>1</v>
      </c>
      <c r="C63765" s="14" t="s">
        <v>342</v>
      </c>
      <c r="D63765" s="14" t="s">
        <v>343</v>
      </c>
      <c r="E63765" s="15">
        <v>45631</v>
      </c>
      <c r="F63765" s="14" t="s">
        <v>53</v>
      </c>
      <c r="G63765" s="16">
        <v>0.47181449909550144</v>
      </c>
    </row>
    <row r="63766" spans="1:7" x14ac:dyDescent="0.3">
      <c r="A63766" s="13" t="s">
        <v>341</v>
      </c>
      <c r="B63766" s="14" t="s">
        <v>1</v>
      </c>
      <c r="C63766" s="14" t="s">
        <v>342</v>
      </c>
      <c r="D63766" s="14" t="s">
        <v>343</v>
      </c>
      <c r="E63766" s="15">
        <v>45632</v>
      </c>
      <c r="F63766" s="14" t="s">
        <v>53</v>
      </c>
      <c r="G63766" s="16">
        <v>0.48286124585883994</v>
      </c>
    </row>
    <row r="63767" spans="1:7" x14ac:dyDescent="0.3">
      <c r="A63767" s="13" t="s">
        <v>341</v>
      </c>
      <c r="B63767" s="14" t="s">
        <v>1</v>
      </c>
      <c r="C63767" s="14" t="s">
        <v>342</v>
      </c>
      <c r="D63767" s="14" t="s">
        <v>343</v>
      </c>
      <c r="E63767" s="15">
        <v>45633</v>
      </c>
      <c r="F63767" s="14" t="s">
        <v>53</v>
      </c>
      <c r="G63767" s="16">
        <v>0.48286124585883994</v>
      </c>
    </row>
    <row r="63768" spans="1:7" x14ac:dyDescent="0.3">
      <c r="A63768" s="13" t="s">
        <v>341</v>
      </c>
      <c r="B63768" s="14" t="s">
        <v>1</v>
      </c>
      <c r="C63768" s="14" t="s">
        <v>342</v>
      </c>
      <c r="D63768" s="14" t="s">
        <v>343</v>
      </c>
      <c r="E63768" s="15">
        <v>45634</v>
      </c>
      <c r="F63768" s="14" t="s">
        <v>53</v>
      </c>
      <c r="G63768" s="16">
        <v>0.48286124585883994</v>
      </c>
    </row>
    <row r="63769" spans="1:7" x14ac:dyDescent="0.3">
      <c r="A63769" s="13" t="s">
        <v>341</v>
      </c>
      <c r="B63769" s="14" t="s">
        <v>1</v>
      </c>
      <c r="C63769" s="14" t="s">
        <v>342</v>
      </c>
      <c r="D63769" s="14" t="s">
        <v>343</v>
      </c>
      <c r="E63769" s="15">
        <v>45635</v>
      </c>
      <c r="F63769" s="14" t="s">
        <v>53</v>
      </c>
      <c r="G63769" s="16">
        <v>0.49383555451650474</v>
      </c>
    </row>
    <row r="63770" spans="1:7" x14ac:dyDescent="0.3">
      <c r="A63770" s="13" t="s">
        <v>341</v>
      </c>
      <c r="B63770" s="14" t="s">
        <v>1</v>
      </c>
      <c r="C63770" s="14" t="s">
        <v>342</v>
      </c>
      <c r="D63770" s="14" t="s">
        <v>343</v>
      </c>
      <c r="E63770" s="15">
        <v>45636</v>
      </c>
      <c r="F63770" s="14" t="s">
        <v>53</v>
      </c>
      <c r="G63770" s="16">
        <v>0.52681690380788837</v>
      </c>
    </row>
    <row r="63771" spans="1:7" x14ac:dyDescent="0.3">
      <c r="A63771" s="13" t="s">
        <v>341</v>
      </c>
      <c r="B63771" s="14" t="s">
        <v>1</v>
      </c>
      <c r="C63771" s="14" t="s">
        <v>342</v>
      </c>
      <c r="D63771" s="14" t="s">
        <v>343</v>
      </c>
      <c r="E63771" s="15">
        <v>45637</v>
      </c>
      <c r="F63771" s="14" t="s">
        <v>53</v>
      </c>
      <c r="G63771" s="16">
        <v>0.53773972404251025</v>
      </c>
    </row>
    <row r="63772" spans="1:7" x14ac:dyDescent="0.3">
      <c r="A63772" s="13" t="s">
        <v>341</v>
      </c>
      <c r="B63772" s="14" t="s">
        <v>1</v>
      </c>
      <c r="C63772" s="14" t="s">
        <v>342</v>
      </c>
      <c r="D63772" s="14" t="s">
        <v>343</v>
      </c>
      <c r="E63772" s="15">
        <v>45638</v>
      </c>
      <c r="F63772" s="14" t="s">
        <v>53</v>
      </c>
      <c r="G63772" s="16">
        <v>0.54881514580785795</v>
      </c>
    </row>
    <row r="63773" spans="1:7" x14ac:dyDescent="0.3">
      <c r="A63773" s="13" t="s">
        <v>341</v>
      </c>
      <c r="B63773" s="14" t="s">
        <v>1</v>
      </c>
      <c r="C63773" s="14" t="s">
        <v>342</v>
      </c>
      <c r="D63773" s="14" t="s">
        <v>343</v>
      </c>
      <c r="E63773" s="15">
        <v>45639</v>
      </c>
      <c r="F63773" s="14" t="s">
        <v>53</v>
      </c>
      <c r="G63773" s="16">
        <v>0.55987217575850901</v>
      </c>
    </row>
    <row r="63774" spans="1:7" x14ac:dyDescent="0.3">
      <c r="A63774" s="13" t="s">
        <v>341</v>
      </c>
      <c r="B63774" s="14" t="s">
        <v>1</v>
      </c>
      <c r="C63774" s="14" t="s">
        <v>342</v>
      </c>
      <c r="D63774" s="14" t="s">
        <v>343</v>
      </c>
      <c r="E63774" s="15">
        <v>45640</v>
      </c>
      <c r="F63774" s="14" t="s">
        <v>53</v>
      </c>
      <c r="G63774" s="16">
        <v>0.55987217575850901</v>
      </c>
    </row>
    <row r="63775" spans="1:7" x14ac:dyDescent="0.3">
      <c r="A63775" s="13" t="s">
        <v>341</v>
      </c>
      <c r="B63775" s="14" t="s">
        <v>1</v>
      </c>
      <c r="C63775" s="14" t="s">
        <v>342</v>
      </c>
      <c r="D63775" s="14" t="s">
        <v>343</v>
      </c>
      <c r="E63775" s="15">
        <v>45641</v>
      </c>
      <c r="F63775" s="14" t="s">
        <v>53</v>
      </c>
      <c r="G63775" s="16">
        <v>0.55987217575850901</v>
      </c>
    </row>
    <row r="63776" spans="1:7" x14ac:dyDescent="0.3">
      <c r="A63776" s="13" t="s">
        <v>341</v>
      </c>
      <c r="B63776" s="14" t="s">
        <v>1</v>
      </c>
      <c r="C63776" s="14" t="s">
        <v>342</v>
      </c>
      <c r="D63776" s="14" t="s">
        <v>343</v>
      </c>
      <c r="E63776" s="15">
        <v>45642</v>
      </c>
      <c r="F63776" s="14" t="s">
        <v>53</v>
      </c>
      <c r="G63776" s="16">
        <v>0.57092719403108783</v>
      </c>
    </row>
    <row r="63777" spans="1:7" x14ac:dyDescent="0.3">
      <c r="A63777" s="13" t="s">
        <v>341</v>
      </c>
      <c r="B63777" s="14" t="s">
        <v>1</v>
      </c>
      <c r="C63777" s="14" t="s">
        <v>342</v>
      </c>
      <c r="D63777" s="14" t="s">
        <v>343</v>
      </c>
      <c r="E63777" s="15">
        <v>45643</v>
      </c>
      <c r="F63777" s="14" t="s">
        <v>53</v>
      </c>
      <c r="G63777" s="16">
        <v>0.60409137845800009</v>
      </c>
    </row>
    <row r="63778" spans="1:7" x14ac:dyDescent="0.3">
      <c r="A63778" s="13" t="s">
        <v>341</v>
      </c>
      <c r="B63778" s="14" t="s">
        <v>1</v>
      </c>
      <c r="C63778" s="14" t="s">
        <v>342</v>
      </c>
      <c r="D63778" s="14" t="s">
        <v>343</v>
      </c>
      <c r="E63778" s="15">
        <v>45644</v>
      </c>
      <c r="F63778" s="14" t="s">
        <v>53</v>
      </c>
      <c r="G63778" s="16">
        <v>0.61502576512894858</v>
      </c>
    </row>
    <row r="63779" spans="1:7" x14ac:dyDescent="0.3">
      <c r="A63779" s="13" t="s">
        <v>341</v>
      </c>
      <c r="B63779" s="14" t="s">
        <v>1</v>
      </c>
      <c r="C63779" s="14" t="s">
        <v>342</v>
      </c>
      <c r="D63779" s="14" t="s">
        <v>343</v>
      </c>
      <c r="E63779" s="15">
        <v>45645</v>
      </c>
      <c r="F63779" s="14" t="s">
        <v>53</v>
      </c>
      <c r="G63779" s="16">
        <v>0.62602195913075065</v>
      </c>
    </row>
    <row r="63780" spans="1:7" x14ac:dyDescent="0.3">
      <c r="A63780" s="13" t="s">
        <v>341</v>
      </c>
      <c r="B63780" s="14" t="s">
        <v>1</v>
      </c>
      <c r="C63780" s="14" t="s">
        <v>342</v>
      </c>
      <c r="D63780" s="14" t="s">
        <v>343</v>
      </c>
      <c r="E63780" s="15">
        <v>45646</v>
      </c>
      <c r="F63780" s="14" t="s">
        <v>53</v>
      </c>
      <c r="G63780" s="16">
        <v>0.63713489265992862</v>
      </c>
    </row>
    <row r="63781" spans="1:7" x14ac:dyDescent="0.3">
      <c r="A63781" s="13" t="s">
        <v>341</v>
      </c>
      <c r="B63781" s="14" t="s">
        <v>1</v>
      </c>
      <c r="C63781" s="14" t="s">
        <v>342</v>
      </c>
      <c r="D63781" s="14" t="s">
        <v>343</v>
      </c>
      <c r="E63781" s="15">
        <v>45647</v>
      </c>
      <c r="F63781" s="14" t="s">
        <v>53</v>
      </c>
      <c r="G63781" s="16">
        <v>0.63713489265992862</v>
      </c>
    </row>
    <row r="63782" spans="1:7" x14ac:dyDescent="0.3">
      <c r="A63782" s="13" t="s">
        <v>341</v>
      </c>
      <c r="B63782" s="14" t="s">
        <v>1</v>
      </c>
      <c r="C63782" s="14" t="s">
        <v>342</v>
      </c>
      <c r="D63782" s="14" t="s">
        <v>343</v>
      </c>
      <c r="E63782" s="15">
        <v>45648</v>
      </c>
      <c r="F63782" s="14" t="s">
        <v>53</v>
      </c>
      <c r="G63782" s="16">
        <v>0.63713489265992862</v>
      </c>
    </row>
    <row r="63783" spans="1:7" x14ac:dyDescent="0.3">
      <c r="A63783" s="13" t="s">
        <v>341</v>
      </c>
      <c r="B63783" s="14" t="s">
        <v>1</v>
      </c>
      <c r="C63783" s="14" t="s">
        <v>342</v>
      </c>
      <c r="D63783" s="14" t="s">
        <v>343</v>
      </c>
      <c r="E63783" s="15">
        <v>45649</v>
      </c>
      <c r="F63783" s="14" t="s">
        <v>53</v>
      </c>
      <c r="G63783" s="16">
        <v>0.64837289202398973</v>
      </c>
    </row>
    <row r="63784" spans="1:7" x14ac:dyDescent="0.3">
      <c r="A63784" s="13" t="s">
        <v>341</v>
      </c>
      <c r="B63784" s="14" t="s">
        <v>1</v>
      </c>
      <c r="C63784" s="14" t="s">
        <v>342</v>
      </c>
      <c r="D63784" s="14" t="s">
        <v>343</v>
      </c>
      <c r="E63784" s="15">
        <v>45650</v>
      </c>
      <c r="F63784" s="14" t="s">
        <v>53</v>
      </c>
      <c r="G63784" s="16">
        <v>0.68234089918241703</v>
      </c>
    </row>
    <row r="63785" spans="1:7" x14ac:dyDescent="0.3">
      <c r="A63785" s="13" t="s">
        <v>341</v>
      </c>
      <c r="B63785" s="14" t="s">
        <v>1</v>
      </c>
      <c r="C63785" s="14" t="s">
        <v>342</v>
      </c>
      <c r="D63785" s="14" t="s">
        <v>343</v>
      </c>
      <c r="E63785" s="15">
        <v>45651</v>
      </c>
      <c r="F63785" s="14" t="s">
        <v>53</v>
      </c>
      <c r="G63785" s="16">
        <v>0.68234089918241703</v>
      </c>
    </row>
    <row r="63786" spans="1:7" x14ac:dyDescent="0.3">
      <c r="A63786" s="13" t="s">
        <v>341</v>
      </c>
      <c r="B63786" s="14" t="s">
        <v>1</v>
      </c>
      <c r="C63786" s="14" t="s">
        <v>342</v>
      </c>
      <c r="D63786" s="14" t="s">
        <v>343</v>
      </c>
      <c r="E63786" s="15">
        <v>45652</v>
      </c>
      <c r="F63786" s="14" t="s">
        <v>53</v>
      </c>
      <c r="G63786" s="16">
        <v>0.68234089918241703</v>
      </c>
    </row>
    <row r="63787" spans="1:7" x14ac:dyDescent="0.3">
      <c r="A63787" s="13" t="s">
        <v>341</v>
      </c>
      <c r="B63787" s="14" t="s">
        <v>1</v>
      </c>
      <c r="C63787" s="14" t="s">
        <v>342</v>
      </c>
      <c r="D63787" s="14" t="s">
        <v>343</v>
      </c>
      <c r="E63787" s="15">
        <v>45653</v>
      </c>
      <c r="F63787" s="14" t="s">
        <v>53</v>
      </c>
      <c r="G63787" s="16">
        <v>0.68234089918241703</v>
      </c>
    </row>
    <row r="63788" spans="1:7" x14ac:dyDescent="0.3">
      <c r="A63788" s="13" t="s">
        <v>341</v>
      </c>
      <c r="B63788" s="14" t="s">
        <v>1</v>
      </c>
      <c r="C63788" s="14" t="s">
        <v>342</v>
      </c>
      <c r="D63788" s="14" t="s">
        <v>343</v>
      </c>
      <c r="E63788" s="15">
        <v>45654</v>
      </c>
      <c r="F63788" s="14" t="s">
        <v>53</v>
      </c>
      <c r="G63788" s="16">
        <v>0.68234089918241703</v>
      </c>
    </row>
    <row r="63789" spans="1:7" x14ac:dyDescent="0.3">
      <c r="A63789" s="13" t="s">
        <v>341</v>
      </c>
      <c r="B63789" s="14" t="s">
        <v>1</v>
      </c>
      <c r="C63789" s="14" t="s">
        <v>342</v>
      </c>
      <c r="D63789" s="14" t="s">
        <v>343</v>
      </c>
      <c r="E63789" s="15">
        <v>45655</v>
      </c>
      <c r="F63789" s="14" t="s">
        <v>53</v>
      </c>
      <c r="G63789" s="16">
        <v>0.68234089918241703</v>
      </c>
    </row>
    <row r="63790" spans="1:7" x14ac:dyDescent="0.3">
      <c r="A63790" s="13" t="s">
        <v>341</v>
      </c>
      <c r="B63790" s="14" t="s">
        <v>1</v>
      </c>
      <c r="C63790" s="14" t="s">
        <v>342</v>
      </c>
      <c r="D63790" s="14" t="s">
        <v>343</v>
      </c>
      <c r="E63790" s="15">
        <v>45656</v>
      </c>
      <c r="F63790" s="14" t="s">
        <v>53</v>
      </c>
      <c r="G63790" s="16">
        <v>0.69364265550795789</v>
      </c>
    </row>
    <row r="63791" spans="1:7" x14ac:dyDescent="0.3">
      <c r="A63791" s="13" t="s">
        <v>341</v>
      </c>
      <c r="B63791" s="14" t="s">
        <v>1</v>
      </c>
      <c r="C63791" s="14" t="s">
        <v>342</v>
      </c>
      <c r="D63791" s="14" t="s">
        <v>343</v>
      </c>
      <c r="E63791" s="15">
        <v>45657</v>
      </c>
      <c r="F63791" s="14" t="s">
        <v>53</v>
      </c>
      <c r="G63791" s="16">
        <v>0.7620366456296328</v>
      </c>
    </row>
    <row r="63792" spans="1:7" x14ac:dyDescent="0.3">
      <c r="A63792" s="13" t="s">
        <v>341</v>
      </c>
      <c r="B63792" s="14" t="s">
        <v>1</v>
      </c>
      <c r="C63792" s="14" t="s">
        <v>342</v>
      </c>
      <c r="D63792" s="14" t="s">
        <v>343</v>
      </c>
      <c r="E63792" s="15">
        <v>45658</v>
      </c>
      <c r="F63792" s="14" t="s">
        <v>53</v>
      </c>
      <c r="G63792" s="16">
        <v>0.7620366456296328</v>
      </c>
    </row>
    <row r="63793" spans="1:7" x14ac:dyDescent="0.3">
      <c r="A63793" s="13" t="s">
        <v>341</v>
      </c>
      <c r="B63793" s="14" t="s">
        <v>1</v>
      </c>
      <c r="C63793" s="14" t="s">
        <v>342</v>
      </c>
      <c r="D63793" s="14" t="s">
        <v>343</v>
      </c>
      <c r="E63793" s="15">
        <v>45659</v>
      </c>
      <c r="F63793" s="14" t="s">
        <v>53</v>
      </c>
      <c r="G63793" s="16">
        <v>0.7620366456296328</v>
      </c>
    </row>
    <row r="63794" spans="1:7" x14ac:dyDescent="0.3">
      <c r="A63794" s="13" t="s">
        <v>341</v>
      </c>
      <c r="B63794" s="14" t="s">
        <v>1</v>
      </c>
      <c r="C63794" s="14" t="s">
        <v>342</v>
      </c>
      <c r="D63794" s="14" t="s">
        <v>343</v>
      </c>
      <c r="E63794" s="15">
        <v>45660</v>
      </c>
      <c r="F63794" s="14" t="s">
        <v>53</v>
      </c>
      <c r="G63794" s="16">
        <v>0</v>
      </c>
    </row>
    <row r="63795" spans="1:7" x14ac:dyDescent="0.3">
      <c r="A63795" s="13" t="s">
        <v>341</v>
      </c>
      <c r="B63795" s="14" t="s">
        <v>1</v>
      </c>
      <c r="C63795" s="14" t="s">
        <v>342</v>
      </c>
      <c r="D63795" s="14" t="s">
        <v>343</v>
      </c>
      <c r="E63795" s="15">
        <v>45661</v>
      </c>
      <c r="F63795" s="14" t="s">
        <v>53</v>
      </c>
      <c r="G63795" s="16">
        <v>0</v>
      </c>
    </row>
    <row r="63796" spans="1:7" x14ac:dyDescent="0.3">
      <c r="A63796" s="13" t="s">
        <v>341</v>
      </c>
      <c r="B63796" s="14" t="s">
        <v>1</v>
      </c>
      <c r="C63796" s="14" t="s">
        <v>342</v>
      </c>
      <c r="D63796" s="14" t="s">
        <v>343</v>
      </c>
      <c r="E63796" s="15">
        <v>45662</v>
      </c>
      <c r="F63796" s="14" t="s">
        <v>53</v>
      </c>
      <c r="G63796" s="16">
        <v>0</v>
      </c>
    </row>
    <row r="63797" spans="1:7" x14ac:dyDescent="0.3">
      <c r="A63797" s="13" t="s">
        <v>341</v>
      </c>
      <c r="B63797" s="14" t="s">
        <v>1</v>
      </c>
      <c r="C63797" s="14" t="s">
        <v>342</v>
      </c>
      <c r="D63797" s="14" t="s">
        <v>343</v>
      </c>
      <c r="E63797" s="15">
        <v>45663</v>
      </c>
      <c r="F63797" s="14" t="s">
        <v>53</v>
      </c>
      <c r="G63797" s="16">
        <v>0</v>
      </c>
    </row>
    <row r="63798" spans="1:7" x14ac:dyDescent="0.3">
      <c r="A63798" s="13" t="s">
        <v>341</v>
      </c>
      <c r="B63798" s="14" t="s">
        <v>1</v>
      </c>
      <c r="C63798" s="14" t="s">
        <v>342</v>
      </c>
      <c r="D63798" s="14" t="s">
        <v>343</v>
      </c>
      <c r="E63798" s="15">
        <v>45664</v>
      </c>
      <c r="F63798" s="14" t="s">
        <v>53</v>
      </c>
      <c r="G63798" s="16">
        <v>0</v>
      </c>
    </row>
    <row r="63799" spans="1:7" x14ac:dyDescent="0.3">
      <c r="A63799" s="13" t="s">
        <v>341</v>
      </c>
      <c r="B63799" s="14" t="s">
        <v>1</v>
      </c>
      <c r="C63799" s="14" t="s">
        <v>342</v>
      </c>
      <c r="D63799" s="14" t="s">
        <v>343</v>
      </c>
      <c r="E63799" s="15">
        <v>45665</v>
      </c>
      <c r="F63799" s="14" t="s">
        <v>53</v>
      </c>
      <c r="G63799" s="16">
        <v>0</v>
      </c>
    </row>
    <row r="63800" spans="1:7" x14ac:dyDescent="0.3">
      <c r="A63800" s="13" t="s">
        <v>341</v>
      </c>
      <c r="B63800" s="14" t="s">
        <v>1</v>
      </c>
      <c r="C63800" s="14" t="s">
        <v>342</v>
      </c>
      <c r="D63800" s="14" t="s">
        <v>343</v>
      </c>
      <c r="E63800" s="15">
        <v>45666</v>
      </c>
      <c r="F63800" s="14" t="s">
        <v>53</v>
      </c>
      <c r="G63800" s="16">
        <v>0</v>
      </c>
    </row>
    <row r="63801" spans="1:7" x14ac:dyDescent="0.3">
      <c r="A63801" s="13" t="s">
        <v>341</v>
      </c>
      <c r="B63801" s="14" t="s">
        <v>1</v>
      </c>
      <c r="C63801" s="14" t="s">
        <v>342</v>
      </c>
      <c r="D63801" s="14" t="s">
        <v>343</v>
      </c>
      <c r="E63801" s="15">
        <v>45667</v>
      </c>
      <c r="F63801" s="14" t="s">
        <v>53</v>
      </c>
      <c r="G63801" s="16">
        <v>0</v>
      </c>
    </row>
    <row r="63802" spans="1:7" x14ac:dyDescent="0.3">
      <c r="A63802" s="13" t="s">
        <v>341</v>
      </c>
      <c r="B63802" s="14" t="s">
        <v>1</v>
      </c>
      <c r="C63802" s="14" t="s">
        <v>342</v>
      </c>
      <c r="D63802" s="14" t="s">
        <v>343</v>
      </c>
      <c r="E63802" s="15">
        <v>45668</v>
      </c>
      <c r="F63802" s="14" t="s">
        <v>53</v>
      </c>
      <c r="G63802" s="16">
        <v>0</v>
      </c>
    </row>
    <row r="63803" spans="1:7" x14ac:dyDescent="0.3">
      <c r="A63803" s="13" t="s">
        <v>341</v>
      </c>
      <c r="B63803" s="14" t="s">
        <v>1</v>
      </c>
      <c r="C63803" s="14" t="s">
        <v>342</v>
      </c>
      <c r="D63803" s="14" t="s">
        <v>343</v>
      </c>
      <c r="E63803" s="15">
        <v>45669</v>
      </c>
      <c r="F63803" s="14" t="s">
        <v>53</v>
      </c>
      <c r="G63803" s="16">
        <v>0</v>
      </c>
    </row>
    <row r="63804" spans="1:7" x14ac:dyDescent="0.3">
      <c r="A63804" s="13" t="s">
        <v>341</v>
      </c>
      <c r="B63804" s="14" t="s">
        <v>1</v>
      </c>
      <c r="C63804" s="14" t="s">
        <v>342</v>
      </c>
      <c r="D63804" s="14" t="s">
        <v>343</v>
      </c>
      <c r="E63804" s="15">
        <v>45670</v>
      </c>
      <c r="F63804" s="14" t="s">
        <v>53</v>
      </c>
      <c r="G63804" s="16">
        <v>0</v>
      </c>
    </row>
    <row r="63805" spans="1:7" x14ac:dyDescent="0.3">
      <c r="A63805" s="13" t="s">
        <v>341</v>
      </c>
      <c r="B63805" s="14" t="s">
        <v>1</v>
      </c>
      <c r="C63805" s="14" t="s">
        <v>342</v>
      </c>
      <c r="D63805" s="14" t="s">
        <v>343</v>
      </c>
      <c r="E63805" s="15">
        <v>45671</v>
      </c>
      <c r="F63805" s="14" t="s">
        <v>53</v>
      </c>
      <c r="G63805" s="16">
        <v>0</v>
      </c>
    </row>
    <row r="63806" spans="1:7" x14ac:dyDescent="0.3">
      <c r="A63806" s="13" t="s">
        <v>341</v>
      </c>
      <c r="B63806" s="14" t="s">
        <v>1</v>
      </c>
      <c r="C63806" s="14" t="s">
        <v>342</v>
      </c>
      <c r="D63806" s="14" t="s">
        <v>343</v>
      </c>
      <c r="E63806" s="15">
        <v>45672</v>
      </c>
      <c r="F63806" s="14" t="s">
        <v>53</v>
      </c>
      <c r="G63806" s="16">
        <v>0</v>
      </c>
    </row>
    <row r="63807" spans="1:7" x14ac:dyDescent="0.3">
      <c r="A63807" s="13" t="s">
        <v>341</v>
      </c>
      <c r="B63807" s="14" t="s">
        <v>1</v>
      </c>
      <c r="C63807" s="14" t="s">
        <v>342</v>
      </c>
      <c r="D63807" s="14" t="s">
        <v>343</v>
      </c>
      <c r="E63807" s="15">
        <v>45673</v>
      </c>
      <c r="F63807" s="14" t="s">
        <v>53</v>
      </c>
      <c r="G63807" s="16">
        <v>0</v>
      </c>
    </row>
    <row r="63808" spans="1:7" x14ac:dyDescent="0.3">
      <c r="A63808" s="13" t="s">
        <v>341</v>
      </c>
      <c r="B63808" s="14" t="s">
        <v>1</v>
      </c>
      <c r="C63808" s="14" t="s">
        <v>342</v>
      </c>
      <c r="D63808" s="14" t="s">
        <v>343</v>
      </c>
      <c r="E63808" s="15">
        <v>45674</v>
      </c>
      <c r="F63808" s="14" t="s">
        <v>53</v>
      </c>
      <c r="G63808" s="16">
        <v>0</v>
      </c>
    </row>
    <row r="63809" spans="1:7" x14ac:dyDescent="0.3">
      <c r="A63809" s="13" t="s">
        <v>341</v>
      </c>
      <c r="B63809" s="14" t="s">
        <v>1</v>
      </c>
      <c r="C63809" s="14" t="s">
        <v>342</v>
      </c>
      <c r="D63809" s="14" t="s">
        <v>343</v>
      </c>
      <c r="E63809" s="15">
        <v>45675</v>
      </c>
      <c r="F63809" s="14" t="s">
        <v>53</v>
      </c>
      <c r="G63809" s="16">
        <v>0</v>
      </c>
    </row>
    <row r="63810" spans="1:7" x14ac:dyDescent="0.3">
      <c r="A63810" s="13" t="s">
        <v>341</v>
      </c>
      <c r="B63810" s="14" t="s">
        <v>1</v>
      </c>
      <c r="C63810" s="14" t="s">
        <v>342</v>
      </c>
      <c r="D63810" s="14" t="s">
        <v>343</v>
      </c>
      <c r="E63810" s="15">
        <v>45676</v>
      </c>
      <c r="F63810" s="14" t="s">
        <v>53</v>
      </c>
      <c r="G63810" s="16">
        <v>0</v>
      </c>
    </row>
    <row r="63811" spans="1:7" x14ac:dyDescent="0.3">
      <c r="A63811" s="13" t="s">
        <v>341</v>
      </c>
      <c r="B63811" s="14" t="s">
        <v>1</v>
      </c>
      <c r="C63811" s="14" t="s">
        <v>342</v>
      </c>
      <c r="D63811" s="14" t="s">
        <v>343</v>
      </c>
      <c r="E63811" s="15">
        <v>45677</v>
      </c>
      <c r="F63811" s="14" t="s">
        <v>53</v>
      </c>
      <c r="G63811" s="16">
        <v>0</v>
      </c>
    </row>
    <row r="63812" spans="1:7" x14ac:dyDescent="0.3">
      <c r="A63812" s="13" t="s">
        <v>341</v>
      </c>
      <c r="B63812" s="14" t="s">
        <v>1</v>
      </c>
      <c r="C63812" s="14" t="s">
        <v>342</v>
      </c>
      <c r="D63812" s="14" t="s">
        <v>343</v>
      </c>
      <c r="E63812" s="15">
        <v>45678</v>
      </c>
      <c r="F63812" s="14" t="s">
        <v>53</v>
      </c>
      <c r="G63812" s="16">
        <v>0</v>
      </c>
    </row>
    <row r="63813" spans="1:7" x14ac:dyDescent="0.3">
      <c r="A63813" s="13" t="s">
        <v>341</v>
      </c>
      <c r="B63813" s="14" t="s">
        <v>1</v>
      </c>
      <c r="C63813" s="14" t="s">
        <v>342</v>
      </c>
      <c r="D63813" s="14" t="s">
        <v>343</v>
      </c>
      <c r="E63813" s="15">
        <v>45679</v>
      </c>
      <c r="F63813" s="14" t="s">
        <v>53</v>
      </c>
      <c r="G63813" s="16">
        <v>0</v>
      </c>
    </row>
    <row r="63814" spans="1:7" x14ac:dyDescent="0.3">
      <c r="A63814" s="13" t="s">
        <v>341</v>
      </c>
      <c r="B63814" s="14" t="s">
        <v>1</v>
      </c>
      <c r="C63814" s="14" t="s">
        <v>342</v>
      </c>
      <c r="D63814" s="14" t="s">
        <v>343</v>
      </c>
      <c r="E63814" s="15">
        <v>45680</v>
      </c>
      <c r="F63814" s="14" t="s">
        <v>53</v>
      </c>
      <c r="G63814" s="16">
        <v>0</v>
      </c>
    </row>
    <row r="63815" spans="1:7" x14ac:dyDescent="0.3">
      <c r="A63815" s="13" t="s">
        <v>341</v>
      </c>
      <c r="B63815" s="14" t="s">
        <v>1</v>
      </c>
      <c r="C63815" s="14" t="s">
        <v>342</v>
      </c>
      <c r="D63815" s="14" t="s">
        <v>343</v>
      </c>
      <c r="E63815" s="15">
        <v>45681</v>
      </c>
      <c r="F63815" s="14" t="s">
        <v>53</v>
      </c>
      <c r="G63815" s="16">
        <v>0</v>
      </c>
    </row>
    <row r="63816" spans="1:7" x14ac:dyDescent="0.3">
      <c r="A63816" s="13" t="s">
        <v>341</v>
      </c>
      <c r="B63816" s="14" t="s">
        <v>1</v>
      </c>
      <c r="C63816" s="14" t="s">
        <v>342</v>
      </c>
      <c r="D63816" s="14" t="s">
        <v>343</v>
      </c>
      <c r="E63816" s="15">
        <v>45682</v>
      </c>
      <c r="F63816" s="14" t="s">
        <v>53</v>
      </c>
      <c r="G63816" s="16">
        <v>0</v>
      </c>
    </row>
    <row r="63817" spans="1:7" x14ac:dyDescent="0.3">
      <c r="A63817" s="13" t="s">
        <v>341</v>
      </c>
      <c r="B63817" s="14" t="s">
        <v>1</v>
      </c>
      <c r="C63817" s="14" t="s">
        <v>342</v>
      </c>
      <c r="D63817" s="14" t="s">
        <v>343</v>
      </c>
      <c r="E63817" s="15">
        <v>45683</v>
      </c>
      <c r="F63817" s="14" t="s">
        <v>53</v>
      </c>
      <c r="G63817" s="16">
        <v>0</v>
      </c>
    </row>
    <row r="63818" spans="1:7" x14ac:dyDescent="0.3">
      <c r="A63818" s="13" t="s">
        <v>341</v>
      </c>
      <c r="B63818" s="14" t="s">
        <v>1</v>
      </c>
      <c r="C63818" s="14" t="s">
        <v>342</v>
      </c>
      <c r="D63818" s="14" t="s">
        <v>343</v>
      </c>
      <c r="E63818" s="15">
        <v>45684</v>
      </c>
      <c r="F63818" s="14" t="s">
        <v>53</v>
      </c>
      <c r="G63818" s="16">
        <v>0</v>
      </c>
    </row>
    <row r="63819" spans="1:7" x14ac:dyDescent="0.3">
      <c r="A63819" s="13" t="s">
        <v>341</v>
      </c>
      <c r="B63819" s="14" t="s">
        <v>1</v>
      </c>
      <c r="C63819" s="14" t="s">
        <v>342</v>
      </c>
      <c r="D63819" s="14" t="s">
        <v>343</v>
      </c>
      <c r="E63819" s="15">
        <v>45685</v>
      </c>
      <c r="F63819" s="14" t="s">
        <v>53</v>
      </c>
      <c r="G63819" s="16">
        <v>0</v>
      </c>
    </row>
    <row r="63820" spans="1:7" x14ac:dyDescent="0.3">
      <c r="A63820" s="13" t="s">
        <v>341</v>
      </c>
      <c r="B63820" s="14" t="s">
        <v>1</v>
      </c>
      <c r="C63820" s="14" t="s">
        <v>342</v>
      </c>
      <c r="D63820" s="14" t="s">
        <v>343</v>
      </c>
      <c r="E63820" s="15">
        <v>45686</v>
      </c>
      <c r="F63820" s="14" t="s">
        <v>53</v>
      </c>
      <c r="G63820" s="16">
        <v>0</v>
      </c>
    </row>
    <row r="63821" spans="1:7" x14ac:dyDescent="0.3">
      <c r="A63821" s="13" t="s">
        <v>341</v>
      </c>
      <c r="B63821" s="14" t="s">
        <v>1</v>
      </c>
      <c r="C63821" s="14" t="s">
        <v>342</v>
      </c>
      <c r="D63821" s="14" t="s">
        <v>343</v>
      </c>
      <c r="E63821" s="15">
        <v>45687</v>
      </c>
      <c r="F63821" s="14" t="s">
        <v>53</v>
      </c>
      <c r="G63821" s="16">
        <v>0</v>
      </c>
    </row>
    <row r="63822" spans="1:7" x14ac:dyDescent="0.3">
      <c r="A63822" s="13" t="s">
        <v>341</v>
      </c>
      <c r="B63822" s="14" t="s">
        <v>1</v>
      </c>
      <c r="C63822" s="14" t="s">
        <v>342</v>
      </c>
      <c r="D63822" s="14" t="s">
        <v>343</v>
      </c>
      <c r="E63822" s="15">
        <v>45688</v>
      </c>
      <c r="F63822" s="14" t="s">
        <v>53</v>
      </c>
      <c r="G63822" s="16">
        <v>0</v>
      </c>
    </row>
    <row r="63823" spans="1:7" x14ac:dyDescent="0.3">
      <c r="A63823" s="13" t="s">
        <v>341</v>
      </c>
      <c r="B63823" s="14" t="s">
        <v>1</v>
      </c>
      <c r="C63823" s="14" t="s">
        <v>342</v>
      </c>
      <c r="D63823" s="14" t="s">
        <v>343</v>
      </c>
      <c r="E63823" s="15">
        <v>45689</v>
      </c>
      <c r="F63823" s="14" t="s">
        <v>53</v>
      </c>
      <c r="G63823" s="16">
        <v>0</v>
      </c>
    </row>
    <row r="63824" spans="1:7" x14ac:dyDescent="0.3">
      <c r="A63824" s="13" t="s">
        <v>341</v>
      </c>
      <c r="B63824" s="14" t="s">
        <v>1</v>
      </c>
      <c r="C63824" s="14" t="s">
        <v>342</v>
      </c>
      <c r="D63824" s="14" t="s">
        <v>343</v>
      </c>
      <c r="E63824" s="15">
        <v>45690</v>
      </c>
      <c r="F63824" s="14" t="s">
        <v>53</v>
      </c>
      <c r="G63824" s="16">
        <v>0</v>
      </c>
    </row>
    <row r="63825" spans="1:7" x14ac:dyDescent="0.3">
      <c r="A63825" s="13" t="s">
        <v>341</v>
      </c>
      <c r="B63825" s="14" t="s">
        <v>1</v>
      </c>
      <c r="C63825" s="14" t="s">
        <v>342</v>
      </c>
      <c r="D63825" s="14" t="s">
        <v>343</v>
      </c>
      <c r="E63825" s="15">
        <v>45691</v>
      </c>
      <c r="F63825" s="14" t="s">
        <v>53</v>
      </c>
      <c r="G63825" s="16">
        <v>0</v>
      </c>
    </row>
    <row r="63826" spans="1:7" x14ac:dyDescent="0.3">
      <c r="A63826" s="13" t="s">
        <v>341</v>
      </c>
      <c r="B63826" s="14" t="s">
        <v>1</v>
      </c>
      <c r="C63826" s="14" t="s">
        <v>342</v>
      </c>
      <c r="D63826" s="14" t="s">
        <v>343</v>
      </c>
      <c r="E63826" s="15">
        <v>45692</v>
      </c>
      <c r="F63826" s="14" t="s">
        <v>53</v>
      </c>
      <c r="G63826" s="16">
        <v>0</v>
      </c>
    </row>
    <row r="63827" spans="1:7" x14ac:dyDescent="0.3">
      <c r="A63827" s="13" t="s">
        <v>341</v>
      </c>
      <c r="B63827" s="14" t="s">
        <v>1</v>
      </c>
      <c r="C63827" s="14" t="s">
        <v>342</v>
      </c>
      <c r="D63827" s="14" t="s">
        <v>343</v>
      </c>
      <c r="E63827" s="15">
        <v>45693</v>
      </c>
      <c r="F63827" s="14" t="s">
        <v>53</v>
      </c>
      <c r="G63827" s="16">
        <v>0</v>
      </c>
    </row>
    <row r="63828" spans="1:7" x14ac:dyDescent="0.3">
      <c r="A63828" s="13" t="s">
        <v>341</v>
      </c>
      <c r="B63828" s="14" t="s">
        <v>1</v>
      </c>
      <c r="C63828" s="14" t="s">
        <v>342</v>
      </c>
      <c r="D63828" s="14" t="s">
        <v>343</v>
      </c>
      <c r="E63828" s="15">
        <v>45694</v>
      </c>
      <c r="F63828" s="14" t="s">
        <v>53</v>
      </c>
      <c r="G63828" s="16">
        <v>1.0059741996108662E-3</v>
      </c>
    </row>
    <row r="63829" spans="1:7" x14ac:dyDescent="0.3">
      <c r="A63829" s="13" t="s">
        <v>341</v>
      </c>
      <c r="B63829" s="14" t="s">
        <v>1</v>
      </c>
      <c r="C63829" s="14" t="s">
        <v>342</v>
      </c>
      <c r="D63829" s="14" t="s">
        <v>343</v>
      </c>
      <c r="E63829" s="15">
        <v>45695</v>
      </c>
      <c r="F63829" s="14" t="s">
        <v>53</v>
      </c>
      <c r="G63829" s="16">
        <v>1.2202158346251111E-2</v>
      </c>
    </row>
    <row r="63830" spans="1:7" x14ac:dyDescent="0.3">
      <c r="A63830" s="13" t="s">
        <v>341</v>
      </c>
      <c r="B63830" s="14" t="s">
        <v>1</v>
      </c>
      <c r="C63830" s="14" t="s">
        <v>342</v>
      </c>
      <c r="D63830" s="14" t="s">
        <v>343</v>
      </c>
      <c r="E63830" s="15">
        <v>45696</v>
      </c>
      <c r="F63830" s="14" t="s">
        <v>53</v>
      </c>
      <c r="G63830" s="16">
        <v>1.2202158346251111E-2</v>
      </c>
    </row>
    <row r="63831" spans="1:7" x14ac:dyDescent="0.3">
      <c r="A63831" s="13" t="s">
        <v>341</v>
      </c>
      <c r="B63831" s="14" t="s">
        <v>1</v>
      </c>
      <c r="C63831" s="14" t="s">
        <v>342</v>
      </c>
      <c r="D63831" s="14" t="s">
        <v>343</v>
      </c>
      <c r="E63831" s="15">
        <v>45697</v>
      </c>
      <c r="F63831" s="14" t="s">
        <v>53</v>
      </c>
      <c r="G63831" s="16">
        <v>1.2202158346251111E-2</v>
      </c>
    </row>
    <row r="63832" spans="1:7" x14ac:dyDescent="0.3">
      <c r="A63832" s="13" t="s">
        <v>341</v>
      </c>
      <c r="B63832" s="14" t="s">
        <v>1</v>
      </c>
      <c r="C63832" s="14" t="s">
        <v>342</v>
      </c>
      <c r="D63832" s="14" t="s">
        <v>343</v>
      </c>
      <c r="E63832" s="15">
        <v>45698</v>
      </c>
      <c r="F63832" s="14" t="s">
        <v>53</v>
      </c>
      <c r="G63832" s="16">
        <v>2.3445585178882709E-2</v>
      </c>
    </row>
    <row r="63833" spans="1:7" x14ac:dyDescent="0.3">
      <c r="A63833" s="13" t="s">
        <v>341</v>
      </c>
      <c r="B63833" s="14" t="s">
        <v>1</v>
      </c>
      <c r="C63833" s="14" t="s">
        <v>342</v>
      </c>
      <c r="D63833" s="14" t="s">
        <v>343</v>
      </c>
      <c r="E63833" s="15">
        <v>45699</v>
      </c>
      <c r="F63833" s="14" t="s">
        <v>53</v>
      </c>
      <c r="G63833" s="16">
        <v>5.7084164148935988E-2</v>
      </c>
    </row>
    <row r="63834" spans="1:7" x14ac:dyDescent="0.3">
      <c r="A63834" s="13" t="s">
        <v>341</v>
      </c>
      <c r="B63834" s="14" t="s">
        <v>1</v>
      </c>
      <c r="C63834" s="14" t="s">
        <v>342</v>
      </c>
      <c r="D63834" s="14" t="s">
        <v>343</v>
      </c>
      <c r="E63834" s="15">
        <v>45700</v>
      </c>
      <c r="F63834" s="14" t="s">
        <v>53</v>
      </c>
      <c r="G63834" s="16">
        <v>6.8203554321467297E-2</v>
      </c>
    </row>
    <row r="63835" spans="1:7" x14ac:dyDescent="0.3">
      <c r="A63835" s="13" t="s">
        <v>341</v>
      </c>
      <c r="B63835" s="14" t="s">
        <v>1</v>
      </c>
      <c r="C63835" s="14" t="s">
        <v>342</v>
      </c>
      <c r="D63835" s="14" t="s">
        <v>343</v>
      </c>
      <c r="E63835" s="15">
        <v>45701</v>
      </c>
      <c r="F63835" s="14" t="s">
        <v>53</v>
      </c>
      <c r="G63835" s="16">
        <v>7.9048467627147331E-2</v>
      </c>
    </row>
    <row r="63836" spans="1:7" x14ac:dyDescent="0.3">
      <c r="A63836" s="13" t="s">
        <v>341</v>
      </c>
      <c r="B63836" s="14" t="s">
        <v>1</v>
      </c>
      <c r="C63836" s="14" t="s">
        <v>342</v>
      </c>
      <c r="D63836" s="14" t="s">
        <v>343</v>
      </c>
      <c r="E63836" s="15">
        <v>45702</v>
      </c>
      <c r="F63836" s="14" t="s">
        <v>53</v>
      </c>
      <c r="G63836" s="16">
        <v>8.9930233558248182E-2</v>
      </c>
    </row>
    <row r="63837" spans="1:7" x14ac:dyDescent="0.3">
      <c r="A63837" s="13" t="s">
        <v>341</v>
      </c>
      <c r="B63837" s="14" t="s">
        <v>1</v>
      </c>
      <c r="C63837" s="14" t="s">
        <v>342</v>
      </c>
      <c r="D63837" s="14" t="s">
        <v>343</v>
      </c>
      <c r="E63837" s="15">
        <v>45703</v>
      </c>
      <c r="F63837" s="14" t="s">
        <v>53</v>
      </c>
      <c r="G63837" s="16">
        <v>8.9930233558248182E-2</v>
      </c>
    </row>
    <row r="63838" spans="1:7" x14ac:dyDescent="0.3">
      <c r="A63838" s="13" t="s">
        <v>341</v>
      </c>
      <c r="B63838" s="14" t="s">
        <v>1</v>
      </c>
      <c r="C63838" s="14" t="s">
        <v>342</v>
      </c>
      <c r="D63838" s="14" t="s">
        <v>343</v>
      </c>
      <c r="E63838" s="15">
        <v>45704</v>
      </c>
      <c r="F63838" s="14" t="s">
        <v>53</v>
      </c>
      <c r="G63838" s="16">
        <v>8.9930233558248182E-2</v>
      </c>
    </row>
    <row r="63839" spans="1:7" x14ac:dyDescent="0.3">
      <c r="A63839" s="13" t="s">
        <v>341</v>
      </c>
      <c r="B63839" s="14" t="s">
        <v>1</v>
      </c>
      <c r="C63839" s="14" t="s">
        <v>342</v>
      </c>
      <c r="D63839" s="14" t="s">
        <v>343</v>
      </c>
      <c r="E63839" s="15">
        <v>45705</v>
      </c>
      <c r="F63839" s="14" t="s">
        <v>53</v>
      </c>
      <c r="G63839" s="16">
        <v>0.10080474962767479</v>
      </c>
    </row>
    <row r="63840" spans="1:7" x14ac:dyDescent="0.3">
      <c r="A63840" s="13" t="s">
        <v>341</v>
      </c>
      <c r="B63840" s="14" t="s">
        <v>1</v>
      </c>
      <c r="C63840" s="14" t="s">
        <v>342</v>
      </c>
      <c r="D63840" s="14" t="s">
        <v>343</v>
      </c>
      <c r="E63840" s="15">
        <v>45706</v>
      </c>
      <c r="F63840" s="14" t="s">
        <v>53</v>
      </c>
      <c r="G63840" s="16">
        <v>0.134563900472874</v>
      </c>
    </row>
    <row r="63841" spans="1:7" x14ac:dyDescent="0.3">
      <c r="A63841" s="13" t="s">
        <v>341</v>
      </c>
      <c r="B63841" s="14" t="s">
        <v>1</v>
      </c>
      <c r="C63841" s="14" t="s">
        <v>342</v>
      </c>
      <c r="D63841" s="14" t="s">
        <v>343</v>
      </c>
      <c r="E63841" s="15">
        <v>45707</v>
      </c>
      <c r="F63841" s="14" t="s">
        <v>53</v>
      </c>
      <c r="G63841" s="16">
        <v>0.14581029159617317</v>
      </c>
    </row>
    <row r="63842" spans="1:7" x14ac:dyDescent="0.3">
      <c r="A63842" s="13" t="s">
        <v>341</v>
      </c>
      <c r="B63842" s="14" t="s">
        <v>1</v>
      </c>
      <c r="C63842" s="14" t="s">
        <v>342</v>
      </c>
      <c r="D63842" s="14" t="s">
        <v>343</v>
      </c>
      <c r="E63842" s="15">
        <v>45708</v>
      </c>
      <c r="F63842" s="14" t="s">
        <v>53</v>
      </c>
      <c r="G63842" s="16">
        <v>0.15709049449747062</v>
      </c>
    </row>
    <row r="63843" spans="1:7" x14ac:dyDescent="0.3">
      <c r="A63843" s="13" t="s">
        <v>341</v>
      </c>
      <c r="B63843" s="14" t="s">
        <v>1</v>
      </c>
      <c r="C63843" s="14" t="s">
        <v>342</v>
      </c>
      <c r="D63843" s="14" t="s">
        <v>343</v>
      </c>
      <c r="E63843" s="15">
        <v>45709</v>
      </c>
      <c r="F63843" s="14" t="s">
        <v>53</v>
      </c>
      <c r="G63843" s="16">
        <v>0.16837153621145851</v>
      </c>
    </row>
    <row r="63844" spans="1:7" x14ac:dyDescent="0.3">
      <c r="A63844" s="13" t="s">
        <v>341</v>
      </c>
      <c r="B63844" s="14" t="s">
        <v>1</v>
      </c>
      <c r="C63844" s="14" t="s">
        <v>342</v>
      </c>
      <c r="D63844" s="14" t="s">
        <v>343</v>
      </c>
      <c r="E63844" s="15">
        <v>45710</v>
      </c>
      <c r="F63844" s="14" t="s">
        <v>53</v>
      </c>
      <c r="G63844" s="16">
        <v>0.16837153621145851</v>
      </c>
    </row>
    <row r="63845" spans="1:7" x14ac:dyDescent="0.3">
      <c r="A63845" s="13" t="s">
        <v>341</v>
      </c>
      <c r="B63845" s="14" t="s">
        <v>1</v>
      </c>
      <c r="C63845" s="14" t="s">
        <v>342</v>
      </c>
      <c r="D63845" s="14" t="s">
        <v>343</v>
      </c>
      <c r="E63845" s="15">
        <v>45711</v>
      </c>
      <c r="F63845" s="14" t="s">
        <v>53</v>
      </c>
      <c r="G63845" s="16">
        <v>0.16837153621145851</v>
      </c>
    </row>
    <row r="63846" spans="1:7" x14ac:dyDescent="0.3">
      <c r="A63846" s="13" t="s">
        <v>341</v>
      </c>
      <c r="B63846" s="14" t="s">
        <v>1</v>
      </c>
      <c r="C63846" s="14" t="s">
        <v>342</v>
      </c>
      <c r="D63846" s="14" t="s">
        <v>343</v>
      </c>
      <c r="E63846" s="15">
        <v>45712</v>
      </c>
      <c r="F63846" s="14" t="s">
        <v>53</v>
      </c>
      <c r="G63846" s="16">
        <v>0.17960326567280679</v>
      </c>
    </row>
    <row r="63847" spans="1:7" x14ac:dyDescent="0.3">
      <c r="A63847" s="13" t="s">
        <v>341</v>
      </c>
      <c r="B63847" s="14" t="s">
        <v>1</v>
      </c>
      <c r="C63847" s="14" t="s">
        <v>342</v>
      </c>
      <c r="D63847" s="14" t="s">
        <v>343</v>
      </c>
      <c r="E63847" s="15">
        <v>45713</v>
      </c>
      <c r="F63847" s="14" t="s">
        <v>53</v>
      </c>
      <c r="G63847" s="16">
        <v>0.21327287882641049</v>
      </c>
    </row>
    <row r="63848" spans="1:7" x14ac:dyDescent="0.3">
      <c r="A63848" s="13" t="s">
        <v>341</v>
      </c>
      <c r="B63848" s="14" t="s">
        <v>1</v>
      </c>
      <c r="C63848" s="14" t="s">
        <v>342</v>
      </c>
      <c r="D63848" s="14" t="s">
        <v>343</v>
      </c>
      <c r="E63848" s="15">
        <v>45714</v>
      </c>
      <c r="F63848" s="14" t="s">
        <v>53</v>
      </c>
      <c r="G63848" s="16">
        <v>0.22448925979321094</v>
      </c>
    </row>
    <row r="63849" spans="1:7" x14ac:dyDescent="0.3">
      <c r="A63849" s="13" t="s">
        <v>341</v>
      </c>
      <c r="B63849" s="14" t="s">
        <v>1</v>
      </c>
      <c r="C63849" s="14" t="s">
        <v>342</v>
      </c>
      <c r="D63849" s="14" t="s">
        <v>343</v>
      </c>
      <c r="E63849" s="15">
        <v>45715</v>
      </c>
      <c r="F63849" s="14" t="s">
        <v>53</v>
      </c>
      <c r="G63849" s="16">
        <v>0.23627720958339185</v>
      </c>
    </row>
    <row r="63850" spans="1:7" x14ac:dyDescent="0.3">
      <c r="A63850" s="13" t="s">
        <v>341</v>
      </c>
      <c r="B63850" s="14" t="s">
        <v>1</v>
      </c>
      <c r="C63850" s="14" t="s">
        <v>342</v>
      </c>
      <c r="D63850" s="14" t="s">
        <v>343</v>
      </c>
      <c r="E63850" s="15">
        <v>45716</v>
      </c>
      <c r="F63850" s="14" t="s">
        <v>53</v>
      </c>
      <c r="G63850" s="16">
        <v>0.2475155338243846</v>
      </c>
    </row>
    <row r="63851" spans="1:7" x14ac:dyDescent="0.3">
      <c r="A63851" s="13" t="s">
        <v>341</v>
      </c>
      <c r="B63851" s="14" t="s">
        <v>1</v>
      </c>
      <c r="C63851" s="14" t="s">
        <v>342</v>
      </c>
      <c r="D63851" s="14" t="s">
        <v>343</v>
      </c>
      <c r="E63851" s="15">
        <v>45717</v>
      </c>
      <c r="F63851" s="14" t="s">
        <v>53</v>
      </c>
      <c r="G63851" s="16">
        <v>0.2475155338243846</v>
      </c>
    </row>
    <row r="63852" spans="1:7" x14ac:dyDescent="0.3">
      <c r="A63852" s="13" t="s">
        <v>341</v>
      </c>
      <c r="B63852" s="14" t="s">
        <v>1</v>
      </c>
      <c r="C63852" s="14" t="s">
        <v>342</v>
      </c>
      <c r="D63852" s="14" t="s">
        <v>343</v>
      </c>
      <c r="E63852" s="15">
        <v>45718</v>
      </c>
      <c r="F63852" s="14" t="s">
        <v>53</v>
      </c>
      <c r="G63852" s="16">
        <v>0.2475155338243846</v>
      </c>
    </row>
    <row r="63853" spans="1:7" x14ac:dyDescent="0.3">
      <c r="A63853" s="13" t="s">
        <v>341</v>
      </c>
      <c r="B63853" s="14" t="s">
        <v>1</v>
      </c>
      <c r="C63853" s="14" t="s">
        <v>342</v>
      </c>
      <c r="D63853" s="14" t="s">
        <v>343</v>
      </c>
      <c r="E63853" s="15">
        <v>45719</v>
      </c>
      <c r="F63853" s="14" t="s">
        <v>53</v>
      </c>
      <c r="G63853" s="16">
        <v>0.26041027847983778</v>
      </c>
    </row>
    <row r="63854" spans="1:7" x14ac:dyDescent="0.3">
      <c r="A63854" s="13" t="s">
        <v>341</v>
      </c>
      <c r="B63854" s="14" t="s">
        <v>1</v>
      </c>
      <c r="C63854" s="14" t="s">
        <v>342</v>
      </c>
      <c r="D63854" s="14" t="s">
        <v>343</v>
      </c>
      <c r="E63854" s="15">
        <v>45720</v>
      </c>
      <c r="F63854" s="14" t="s">
        <v>53</v>
      </c>
      <c r="G63854" s="16">
        <v>0.29454908803164181</v>
      </c>
    </row>
    <row r="63855" spans="1:7" x14ac:dyDescent="0.3">
      <c r="A63855" s="13" t="s">
        <v>341</v>
      </c>
      <c r="B63855" s="14" t="s">
        <v>1</v>
      </c>
      <c r="C63855" s="14" t="s">
        <v>342</v>
      </c>
      <c r="D63855" s="14" t="s">
        <v>343</v>
      </c>
      <c r="E63855" s="15">
        <v>45721</v>
      </c>
      <c r="F63855" s="14" t="s">
        <v>53</v>
      </c>
      <c r="G63855" s="16">
        <v>0.3057178129019143</v>
      </c>
    </row>
    <row r="63856" spans="1:7" x14ac:dyDescent="0.3">
      <c r="A63856" s="13" t="s">
        <v>341</v>
      </c>
      <c r="B63856" s="14" t="s">
        <v>1</v>
      </c>
      <c r="C63856" s="14" t="s">
        <v>342</v>
      </c>
      <c r="D63856" s="14" t="s">
        <v>343</v>
      </c>
      <c r="E63856" s="15">
        <v>45722</v>
      </c>
      <c r="F63856" s="14" t="s">
        <v>53</v>
      </c>
      <c r="G63856" s="16">
        <v>0.31713139320338507</v>
      </c>
    </row>
    <row r="63857" spans="1:7" x14ac:dyDescent="0.3">
      <c r="A63857" s="13" t="s">
        <v>341</v>
      </c>
      <c r="B63857" s="14" t="s">
        <v>1</v>
      </c>
      <c r="C63857" s="14" t="s">
        <v>342</v>
      </c>
      <c r="D63857" s="14" t="s">
        <v>343</v>
      </c>
      <c r="E63857" s="15">
        <v>45723</v>
      </c>
      <c r="F63857" s="14" t="s">
        <v>53</v>
      </c>
      <c r="G63857" s="16">
        <v>0.32837844516354991</v>
      </c>
    </row>
    <row r="63858" spans="1:7" x14ac:dyDescent="0.3">
      <c r="A63858" s="13" t="s">
        <v>341</v>
      </c>
      <c r="B63858" s="14" t="s">
        <v>1</v>
      </c>
      <c r="C63858" s="14" t="s">
        <v>342</v>
      </c>
      <c r="D63858" s="14" t="s">
        <v>343</v>
      </c>
      <c r="E63858" s="15">
        <v>45724</v>
      </c>
      <c r="F63858" s="14" t="s">
        <v>53</v>
      </c>
      <c r="G63858" s="16">
        <v>0.32837844516354991</v>
      </c>
    </row>
    <row r="63859" spans="1:7" x14ac:dyDescent="0.3">
      <c r="A63859" s="13" t="s">
        <v>341</v>
      </c>
      <c r="B63859" s="14" t="s">
        <v>1</v>
      </c>
      <c r="C63859" s="14" t="s">
        <v>342</v>
      </c>
      <c r="D63859" s="14" t="s">
        <v>343</v>
      </c>
      <c r="E63859" s="15">
        <v>45725</v>
      </c>
      <c r="F63859" s="14" t="s">
        <v>53</v>
      </c>
      <c r="G63859" s="16">
        <v>0.32837844516354991</v>
      </c>
    </row>
    <row r="63860" spans="1:7" x14ac:dyDescent="0.3">
      <c r="A63860" s="13" t="s">
        <v>341</v>
      </c>
      <c r="B63860" s="14" t="s">
        <v>1</v>
      </c>
      <c r="C63860" s="14" t="s">
        <v>342</v>
      </c>
      <c r="D63860" s="14" t="s">
        <v>343</v>
      </c>
      <c r="E63860" s="15">
        <v>45726</v>
      </c>
      <c r="F63860" s="14" t="s">
        <v>53</v>
      </c>
      <c r="G63860" s="16">
        <v>0.33953573627751266</v>
      </c>
    </row>
    <row r="63861" spans="1:7" x14ac:dyDescent="0.3">
      <c r="A63861" s="13" t="s">
        <v>341</v>
      </c>
      <c r="B63861" s="14" t="s">
        <v>1</v>
      </c>
      <c r="C63861" s="14" t="s">
        <v>342</v>
      </c>
      <c r="D63861" s="14" t="s">
        <v>343</v>
      </c>
      <c r="E63861" s="15">
        <v>45727</v>
      </c>
      <c r="F63861" s="14" t="s">
        <v>53</v>
      </c>
      <c r="G63861" s="16">
        <v>0.37295614883766653</v>
      </c>
    </row>
    <row r="63862" spans="1:7" x14ac:dyDescent="0.3">
      <c r="A63862" s="13" t="s">
        <v>341</v>
      </c>
      <c r="B63862" s="14" t="s">
        <v>1</v>
      </c>
      <c r="C63862" s="14" t="s">
        <v>342</v>
      </c>
      <c r="D63862" s="14" t="s">
        <v>343</v>
      </c>
      <c r="E63862" s="15">
        <v>45728</v>
      </c>
      <c r="F63862" s="14" t="s">
        <v>53</v>
      </c>
      <c r="G63862" s="16">
        <v>0.38401923223883672</v>
      </c>
    </row>
    <row r="63863" spans="1:7" x14ac:dyDescent="0.3">
      <c r="A63863" s="13" t="s">
        <v>341</v>
      </c>
      <c r="B63863" s="14" t="s">
        <v>1</v>
      </c>
      <c r="C63863" s="14" t="s">
        <v>342</v>
      </c>
      <c r="D63863" s="14" t="s">
        <v>343</v>
      </c>
      <c r="E63863" s="15">
        <v>45729</v>
      </c>
      <c r="F63863" s="14" t="s">
        <v>53</v>
      </c>
      <c r="G63863" s="16">
        <v>0.39516046477314204</v>
      </c>
    </row>
    <row r="63864" spans="1:7" x14ac:dyDescent="0.3">
      <c r="A63864" s="13" t="s">
        <v>341</v>
      </c>
      <c r="B63864" s="14" t="s">
        <v>1</v>
      </c>
      <c r="C63864" s="14" t="s">
        <v>342</v>
      </c>
      <c r="D63864" s="14" t="s">
        <v>343</v>
      </c>
      <c r="E63864" s="15">
        <v>45730</v>
      </c>
      <c r="F63864" s="14" t="s">
        <v>53</v>
      </c>
      <c r="G63864" s="16">
        <v>0.40630079649447515</v>
      </c>
    </row>
    <row r="63865" spans="1:7" x14ac:dyDescent="0.3">
      <c r="A63865" s="13" t="s">
        <v>341</v>
      </c>
      <c r="B63865" s="14" t="s">
        <v>1</v>
      </c>
      <c r="C63865" s="14" t="s">
        <v>342</v>
      </c>
      <c r="D63865" s="14" t="s">
        <v>343</v>
      </c>
      <c r="E63865" s="15">
        <v>45731</v>
      </c>
      <c r="F63865" s="14" t="s">
        <v>53</v>
      </c>
      <c r="G63865" s="16">
        <v>0.40630079649447515</v>
      </c>
    </row>
    <row r="63866" spans="1:7" x14ac:dyDescent="0.3">
      <c r="A63866" s="13" t="s">
        <v>341</v>
      </c>
      <c r="B63866" s="14" t="s">
        <v>1</v>
      </c>
      <c r="C63866" s="14" t="s">
        <v>342</v>
      </c>
      <c r="D63866" s="14" t="s">
        <v>343</v>
      </c>
      <c r="E63866" s="15">
        <v>45732</v>
      </c>
      <c r="F63866" s="14" t="s">
        <v>53</v>
      </c>
      <c r="G63866" s="16">
        <v>0.40630079649447515</v>
      </c>
    </row>
    <row r="63867" spans="1:7" x14ac:dyDescent="0.3">
      <c r="A63867" s="13" t="s">
        <v>341</v>
      </c>
      <c r="B63867" s="14" t="s">
        <v>1</v>
      </c>
      <c r="C63867" s="14" t="s">
        <v>342</v>
      </c>
      <c r="D63867" s="14" t="s">
        <v>343</v>
      </c>
      <c r="E63867" s="15">
        <v>45733</v>
      </c>
      <c r="F63867" s="14" t="s">
        <v>53</v>
      </c>
      <c r="G63867" s="16">
        <v>0.40630079649447515</v>
      </c>
    </row>
    <row r="63868" spans="1:7" x14ac:dyDescent="0.3">
      <c r="A63868" s="13" t="s">
        <v>341</v>
      </c>
      <c r="B63868" s="14" t="s">
        <v>1</v>
      </c>
      <c r="C63868" s="14" t="s">
        <v>342</v>
      </c>
      <c r="D63868" s="14" t="s">
        <v>343</v>
      </c>
      <c r="E63868" s="15">
        <v>45734</v>
      </c>
      <c r="F63868" s="14" t="s">
        <v>53</v>
      </c>
      <c r="G63868" s="16">
        <v>0.41793699334298662</v>
      </c>
    </row>
    <row r="63869" spans="1:7" x14ac:dyDescent="0.3">
      <c r="A63869" s="13" t="s">
        <v>341</v>
      </c>
      <c r="B63869" s="14" t="s">
        <v>1</v>
      </c>
      <c r="C63869" s="14" t="s">
        <v>342</v>
      </c>
      <c r="D63869" s="14" t="s">
        <v>343</v>
      </c>
      <c r="E63869" s="15">
        <v>45735</v>
      </c>
      <c r="F63869" s="14" t="s">
        <v>53</v>
      </c>
      <c r="G63869" s="16">
        <v>0.46250258316162918</v>
      </c>
    </row>
    <row r="63870" spans="1:7" x14ac:dyDescent="0.3">
      <c r="A63870" s="13" t="s">
        <v>341</v>
      </c>
      <c r="B63870" s="14" t="s">
        <v>1</v>
      </c>
      <c r="C63870" s="14" t="s">
        <v>342</v>
      </c>
      <c r="D63870" s="14" t="s">
        <v>343</v>
      </c>
      <c r="E63870" s="15">
        <v>45736</v>
      </c>
      <c r="F63870" s="14" t="s">
        <v>53</v>
      </c>
      <c r="G63870" s="16">
        <v>0.4736529576799578</v>
      </c>
    </row>
    <row r="63871" spans="1:7" x14ac:dyDescent="0.3">
      <c r="A63871" s="13" t="s">
        <v>341</v>
      </c>
      <c r="B63871" s="14" t="s">
        <v>1</v>
      </c>
      <c r="C63871" s="14" t="s">
        <v>342</v>
      </c>
      <c r="D63871" s="14" t="s">
        <v>343</v>
      </c>
      <c r="E63871" s="15">
        <v>45737</v>
      </c>
      <c r="F63871" s="14" t="s">
        <v>53</v>
      </c>
      <c r="G63871" s="16">
        <v>0.48479287059446297</v>
      </c>
    </row>
    <row r="63872" spans="1:7" x14ac:dyDescent="0.3">
      <c r="A63872" s="13" t="s">
        <v>341</v>
      </c>
      <c r="B63872" s="14" t="s">
        <v>1</v>
      </c>
      <c r="C63872" s="14" t="s">
        <v>342</v>
      </c>
      <c r="D63872" s="14" t="s">
        <v>343</v>
      </c>
      <c r="E63872" s="15">
        <v>45738</v>
      </c>
      <c r="F63872" s="14" t="s">
        <v>53</v>
      </c>
      <c r="G63872" s="16">
        <v>0.48479287059446297</v>
      </c>
    </row>
    <row r="63873" spans="1:7" x14ac:dyDescent="0.3">
      <c r="A63873" s="13" t="s">
        <v>341</v>
      </c>
      <c r="B63873" s="14" t="s">
        <v>1</v>
      </c>
      <c r="C63873" s="14" t="s">
        <v>342</v>
      </c>
      <c r="D63873" s="14" t="s">
        <v>343</v>
      </c>
      <c r="E63873" s="15">
        <v>45739</v>
      </c>
      <c r="F63873" s="14" t="s">
        <v>53</v>
      </c>
      <c r="G63873" s="16">
        <v>0.48479287059446297</v>
      </c>
    </row>
    <row r="63874" spans="1:7" x14ac:dyDescent="0.3">
      <c r="A63874" s="13" t="s">
        <v>341</v>
      </c>
      <c r="B63874" s="14" t="s">
        <v>1</v>
      </c>
      <c r="C63874" s="14" t="s">
        <v>342</v>
      </c>
      <c r="D63874" s="14" t="s">
        <v>343</v>
      </c>
      <c r="E63874" s="15">
        <v>45740</v>
      </c>
      <c r="F63874" s="14" t="s">
        <v>53</v>
      </c>
      <c r="G63874" s="16">
        <v>0.49593318213723669</v>
      </c>
    </row>
    <row r="63875" spans="1:7" x14ac:dyDescent="0.3">
      <c r="A63875" s="13" t="s">
        <v>341</v>
      </c>
      <c r="B63875" s="14" t="s">
        <v>1</v>
      </c>
      <c r="C63875" s="14" t="s">
        <v>342</v>
      </c>
      <c r="D63875" s="14" t="s">
        <v>343</v>
      </c>
      <c r="E63875" s="15">
        <v>45741</v>
      </c>
      <c r="F63875" s="14" t="s">
        <v>53</v>
      </c>
      <c r="G63875" s="16">
        <v>0.52933734894182294</v>
      </c>
    </row>
    <row r="63876" spans="1:7" x14ac:dyDescent="0.3">
      <c r="A63876" s="13" t="s">
        <v>341</v>
      </c>
      <c r="B63876" s="14" t="s">
        <v>1</v>
      </c>
      <c r="C63876" s="14" t="s">
        <v>342</v>
      </c>
      <c r="D63876" s="14" t="s">
        <v>343</v>
      </c>
      <c r="E63876" s="15">
        <v>45742</v>
      </c>
      <c r="F63876" s="14" t="s">
        <v>53</v>
      </c>
      <c r="G63876" s="16">
        <v>0.54047618820858045</v>
      </c>
    </row>
    <row r="63877" spans="1:7" x14ac:dyDescent="0.3">
      <c r="A63877" s="13" t="s">
        <v>341</v>
      </c>
      <c r="B63877" s="14" t="s">
        <v>1</v>
      </c>
      <c r="C63877" s="14" t="s">
        <v>342</v>
      </c>
      <c r="D63877" s="14" t="s">
        <v>343</v>
      </c>
      <c r="E63877" s="15">
        <v>45743</v>
      </c>
      <c r="F63877" s="14" t="s">
        <v>53</v>
      </c>
      <c r="G63877" s="16">
        <v>0.55220880202287181</v>
      </c>
    </row>
    <row r="63878" spans="1:7" x14ac:dyDescent="0.3">
      <c r="A63878" s="13" t="s">
        <v>341</v>
      </c>
      <c r="B63878" s="14" t="s">
        <v>1</v>
      </c>
      <c r="C63878" s="14" t="s">
        <v>342</v>
      </c>
      <c r="D63878" s="14" t="s">
        <v>343</v>
      </c>
      <c r="E63878" s="15">
        <v>45744</v>
      </c>
      <c r="F63878" s="14" t="s">
        <v>53</v>
      </c>
      <c r="G63878" s="16">
        <v>0.56328460535554814</v>
      </c>
    </row>
    <row r="63879" spans="1:7" x14ac:dyDescent="0.3">
      <c r="A63879" s="13" t="s">
        <v>341</v>
      </c>
      <c r="B63879" s="14" t="s">
        <v>1</v>
      </c>
      <c r="C63879" s="14" t="s">
        <v>342</v>
      </c>
      <c r="D63879" s="14" t="s">
        <v>343</v>
      </c>
      <c r="E63879" s="15">
        <v>45745</v>
      </c>
      <c r="F63879" s="14" t="s">
        <v>53</v>
      </c>
      <c r="G63879" s="16">
        <v>0.56328460535554814</v>
      </c>
    </row>
    <row r="63880" spans="1:7" x14ac:dyDescent="0.3">
      <c r="A63880" s="13" t="s">
        <v>341</v>
      </c>
      <c r="B63880" s="14" t="s">
        <v>1</v>
      </c>
      <c r="C63880" s="14" t="s">
        <v>342</v>
      </c>
      <c r="D63880" s="14" t="s">
        <v>343</v>
      </c>
      <c r="E63880" s="15">
        <v>45746</v>
      </c>
      <c r="F63880" s="14" t="s">
        <v>53</v>
      </c>
      <c r="G63880" s="16">
        <v>0.56328460535554814</v>
      </c>
    </row>
    <row r="63881" spans="1:7" x14ac:dyDescent="0.3">
      <c r="A63881" s="13" t="s">
        <v>341</v>
      </c>
      <c r="B63881" s="14" t="s">
        <v>1</v>
      </c>
      <c r="C63881" s="14" t="s">
        <v>342</v>
      </c>
      <c r="D63881" s="14" t="s">
        <v>343</v>
      </c>
      <c r="E63881" s="15">
        <v>45747</v>
      </c>
      <c r="F63881" s="14" t="s">
        <v>53</v>
      </c>
      <c r="G63881" s="16">
        <v>0.57451518319445249</v>
      </c>
    </row>
    <row r="63882" spans="1:7" x14ac:dyDescent="0.3">
      <c r="A63882" s="13" t="s">
        <v>344</v>
      </c>
      <c r="B63882" s="14" t="s">
        <v>1</v>
      </c>
      <c r="C63882" s="14" t="s">
        <v>191</v>
      </c>
      <c r="D63882" s="14" t="s">
        <v>345</v>
      </c>
      <c r="E63882" s="15">
        <v>45383</v>
      </c>
      <c r="F63882" s="14" t="s">
        <v>72</v>
      </c>
      <c r="G63882" s="16">
        <v>0</v>
      </c>
    </row>
    <row r="63883" spans="1:7" x14ac:dyDescent="0.3">
      <c r="A63883" s="13" t="s">
        <v>344</v>
      </c>
      <c r="B63883" s="14" t="s">
        <v>1</v>
      </c>
      <c r="C63883" s="14" t="s">
        <v>191</v>
      </c>
      <c r="D63883" s="14" t="s">
        <v>345</v>
      </c>
      <c r="E63883" s="15">
        <v>45384</v>
      </c>
      <c r="F63883" s="14" t="s">
        <v>72</v>
      </c>
      <c r="G63883" s="16">
        <v>0</v>
      </c>
    </row>
    <row r="63884" spans="1:7" x14ac:dyDescent="0.3">
      <c r="A63884" s="13" t="s">
        <v>344</v>
      </c>
      <c r="B63884" s="14" t="s">
        <v>1</v>
      </c>
      <c r="C63884" s="14" t="s">
        <v>191</v>
      </c>
      <c r="D63884" s="14" t="s">
        <v>345</v>
      </c>
      <c r="E63884" s="15">
        <v>45385</v>
      </c>
      <c r="F63884" s="14" t="s">
        <v>72</v>
      </c>
      <c r="G63884" s="16">
        <v>0</v>
      </c>
    </row>
    <row r="63885" spans="1:7" x14ac:dyDescent="0.3">
      <c r="A63885" s="13" t="s">
        <v>344</v>
      </c>
      <c r="B63885" s="14" t="s">
        <v>1</v>
      </c>
      <c r="C63885" s="14" t="s">
        <v>191</v>
      </c>
      <c r="D63885" s="14" t="s">
        <v>345</v>
      </c>
      <c r="E63885" s="15">
        <v>45386</v>
      </c>
      <c r="F63885" s="14" t="s">
        <v>72</v>
      </c>
      <c r="G63885" s="16">
        <v>0</v>
      </c>
    </row>
    <row r="63886" spans="1:7" x14ac:dyDescent="0.3">
      <c r="A63886" s="13" t="s">
        <v>344</v>
      </c>
      <c r="B63886" s="14" t="s">
        <v>1</v>
      </c>
      <c r="C63886" s="14" t="s">
        <v>191</v>
      </c>
      <c r="D63886" s="14" t="s">
        <v>345</v>
      </c>
      <c r="E63886" s="15">
        <v>45387</v>
      </c>
      <c r="F63886" s="14" t="s">
        <v>72</v>
      </c>
      <c r="G63886" s="16">
        <v>0</v>
      </c>
    </row>
    <row r="63887" spans="1:7" x14ac:dyDescent="0.3">
      <c r="A63887" s="13" t="s">
        <v>344</v>
      </c>
      <c r="B63887" s="14" t="s">
        <v>1</v>
      </c>
      <c r="C63887" s="14" t="s">
        <v>191</v>
      </c>
      <c r="D63887" s="14" t="s">
        <v>345</v>
      </c>
      <c r="E63887" s="15">
        <v>45388</v>
      </c>
      <c r="F63887" s="14" t="s">
        <v>72</v>
      </c>
      <c r="G63887" s="16">
        <v>0</v>
      </c>
    </row>
    <row r="63888" spans="1:7" x14ac:dyDescent="0.3">
      <c r="A63888" s="13" t="s">
        <v>344</v>
      </c>
      <c r="B63888" s="14" t="s">
        <v>1</v>
      </c>
      <c r="C63888" s="14" t="s">
        <v>191</v>
      </c>
      <c r="D63888" s="14" t="s">
        <v>345</v>
      </c>
      <c r="E63888" s="15">
        <v>45389</v>
      </c>
      <c r="F63888" s="14" t="s">
        <v>72</v>
      </c>
      <c r="G63888" s="16">
        <v>0</v>
      </c>
    </row>
    <row r="63889" spans="1:7" x14ac:dyDescent="0.3">
      <c r="A63889" s="13" t="s">
        <v>344</v>
      </c>
      <c r="B63889" s="14" t="s">
        <v>1</v>
      </c>
      <c r="C63889" s="14" t="s">
        <v>191</v>
      </c>
      <c r="D63889" s="14" t="s">
        <v>345</v>
      </c>
      <c r="E63889" s="15">
        <v>45390</v>
      </c>
      <c r="F63889" s="14" t="s">
        <v>72</v>
      </c>
      <c r="G63889" s="16">
        <v>0</v>
      </c>
    </row>
    <row r="63890" spans="1:7" x14ac:dyDescent="0.3">
      <c r="A63890" s="13" t="s">
        <v>344</v>
      </c>
      <c r="B63890" s="14" t="s">
        <v>1</v>
      </c>
      <c r="C63890" s="14" t="s">
        <v>191</v>
      </c>
      <c r="D63890" s="14" t="s">
        <v>345</v>
      </c>
      <c r="E63890" s="15">
        <v>45391</v>
      </c>
      <c r="F63890" s="14" t="s">
        <v>72</v>
      </c>
      <c r="G63890" s="16">
        <v>0</v>
      </c>
    </row>
    <row r="63891" spans="1:7" x14ac:dyDescent="0.3">
      <c r="A63891" s="13" t="s">
        <v>344</v>
      </c>
      <c r="B63891" s="14" t="s">
        <v>1</v>
      </c>
      <c r="C63891" s="14" t="s">
        <v>191</v>
      </c>
      <c r="D63891" s="14" t="s">
        <v>345</v>
      </c>
      <c r="E63891" s="15">
        <v>45392</v>
      </c>
      <c r="F63891" s="14" t="s">
        <v>72</v>
      </c>
      <c r="G63891" s="16">
        <v>0</v>
      </c>
    </row>
    <row r="63892" spans="1:7" x14ac:dyDescent="0.3">
      <c r="A63892" s="13" t="s">
        <v>344</v>
      </c>
      <c r="B63892" s="14" t="s">
        <v>1</v>
      </c>
      <c r="C63892" s="14" t="s">
        <v>191</v>
      </c>
      <c r="D63892" s="14" t="s">
        <v>345</v>
      </c>
      <c r="E63892" s="15">
        <v>45393</v>
      </c>
      <c r="F63892" s="14" t="s">
        <v>72</v>
      </c>
      <c r="G63892" s="16">
        <v>0</v>
      </c>
    </row>
    <row r="63893" spans="1:7" x14ac:dyDescent="0.3">
      <c r="A63893" s="13" t="s">
        <v>344</v>
      </c>
      <c r="B63893" s="14" t="s">
        <v>1</v>
      </c>
      <c r="C63893" s="14" t="s">
        <v>191</v>
      </c>
      <c r="D63893" s="14" t="s">
        <v>345</v>
      </c>
      <c r="E63893" s="15">
        <v>45394</v>
      </c>
      <c r="F63893" s="14" t="s">
        <v>72</v>
      </c>
      <c r="G63893" s="16">
        <v>0</v>
      </c>
    </row>
    <row r="63894" spans="1:7" x14ac:dyDescent="0.3">
      <c r="A63894" s="13" t="s">
        <v>344</v>
      </c>
      <c r="B63894" s="14" t="s">
        <v>1</v>
      </c>
      <c r="C63894" s="14" t="s">
        <v>191</v>
      </c>
      <c r="D63894" s="14" t="s">
        <v>345</v>
      </c>
      <c r="E63894" s="15">
        <v>45395</v>
      </c>
      <c r="F63894" s="14" t="s">
        <v>72</v>
      </c>
      <c r="G63894" s="16">
        <v>0</v>
      </c>
    </row>
    <row r="63895" spans="1:7" x14ac:dyDescent="0.3">
      <c r="A63895" s="13" t="s">
        <v>344</v>
      </c>
      <c r="B63895" s="14" t="s">
        <v>1</v>
      </c>
      <c r="C63895" s="14" t="s">
        <v>191</v>
      </c>
      <c r="D63895" s="14" t="s">
        <v>345</v>
      </c>
      <c r="E63895" s="15">
        <v>45396</v>
      </c>
      <c r="F63895" s="14" t="s">
        <v>72</v>
      </c>
      <c r="G63895" s="16">
        <v>0</v>
      </c>
    </row>
    <row r="63896" spans="1:7" x14ac:dyDescent="0.3">
      <c r="A63896" s="13" t="s">
        <v>344</v>
      </c>
      <c r="B63896" s="14" t="s">
        <v>1</v>
      </c>
      <c r="C63896" s="14" t="s">
        <v>191</v>
      </c>
      <c r="D63896" s="14" t="s">
        <v>345</v>
      </c>
      <c r="E63896" s="15">
        <v>45397</v>
      </c>
      <c r="F63896" s="14" t="s">
        <v>72</v>
      </c>
      <c r="G63896" s="16">
        <v>0</v>
      </c>
    </row>
    <row r="63897" spans="1:7" x14ac:dyDescent="0.3">
      <c r="A63897" s="13" t="s">
        <v>344</v>
      </c>
      <c r="B63897" s="14" t="s">
        <v>1</v>
      </c>
      <c r="C63897" s="14" t="s">
        <v>191</v>
      </c>
      <c r="D63897" s="14" t="s">
        <v>345</v>
      </c>
      <c r="E63897" s="15">
        <v>45398</v>
      </c>
      <c r="F63897" s="14" t="s">
        <v>72</v>
      </c>
      <c r="G63897" s="16">
        <v>0</v>
      </c>
    </row>
    <row r="63898" spans="1:7" x14ac:dyDescent="0.3">
      <c r="A63898" s="13" t="s">
        <v>344</v>
      </c>
      <c r="B63898" s="14" t="s">
        <v>1</v>
      </c>
      <c r="C63898" s="14" t="s">
        <v>191</v>
      </c>
      <c r="D63898" s="14" t="s">
        <v>345</v>
      </c>
      <c r="E63898" s="15">
        <v>45399</v>
      </c>
      <c r="F63898" s="14" t="s">
        <v>72</v>
      </c>
      <c r="G63898" s="16">
        <v>0</v>
      </c>
    </row>
    <row r="63899" spans="1:7" x14ac:dyDescent="0.3">
      <c r="A63899" s="13" t="s">
        <v>344</v>
      </c>
      <c r="B63899" s="14" t="s">
        <v>1</v>
      </c>
      <c r="C63899" s="14" t="s">
        <v>191</v>
      </c>
      <c r="D63899" s="14" t="s">
        <v>345</v>
      </c>
      <c r="E63899" s="15">
        <v>45400</v>
      </c>
      <c r="F63899" s="14" t="s">
        <v>72</v>
      </c>
      <c r="G63899" s="16">
        <v>0</v>
      </c>
    </row>
    <row r="63900" spans="1:7" x14ac:dyDescent="0.3">
      <c r="A63900" s="13" t="s">
        <v>344</v>
      </c>
      <c r="B63900" s="14" t="s">
        <v>1</v>
      </c>
      <c r="C63900" s="14" t="s">
        <v>191</v>
      </c>
      <c r="D63900" s="14" t="s">
        <v>345</v>
      </c>
      <c r="E63900" s="15">
        <v>45401</v>
      </c>
      <c r="F63900" s="14" t="s">
        <v>72</v>
      </c>
      <c r="G63900" s="16">
        <v>0</v>
      </c>
    </row>
    <row r="63901" spans="1:7" x14ac:dyDescent="0.3">
      <c r="A63901" s="13" t="s">
        <v>344</v>
      </c>
      <c r="B63901" s="14" t="s">
        <v>1</v>
      </c>
      <c r="C63901" s="14" t="s">
        <v>191</v>
      </c>
      <c r="D63901" s="14" t="s">
        <v>345</v>
      </c>
      <c r="E63901" s="15">
        <v>45402</v>
      </c>
      <c r="F63901" s="14" t="s">
        <v>72</v>
      </c>
      <c r="G63901" s="16">
        <v>0</v>
      </c>
    </row>
    <row r="63902" spans="1:7" x14ac:dyDescent="0.3">
      <c r="A63902" s="13" t="s">
        <v>344</v>
      </c>
      <c r="B63902" s="14" t="s">
        <v>1</v>
      </c>
      <c r="C63902" s="14" t="s">
        <v>191</v>
      </c>
      <c r="D63902" s="14" t="s">
        <v>345</v>
      </c>
      <c r="E63902" s="15">
        <v>45403</v>
      </c>
      <c r="F63902" s="14" t="s">
        <v>72</v>
      </c>
      <c r="G63902" s="16">
        <v>0</v>
      </c>
    </row>
    <row r="63903" spans="1:7" x14ac:dyDescent="0.3">
      <c r="A63903" s="13" t="s">
        <v>344</v>
      </c>
      <c r="B63903" s="14" t="s">
        <v>1</v>
      </c>
      <c r="C63903" s="14" t="s">
        <v>191</v>
      </c>
      <c r="D63903" s="14" t="s">
        <v>345</v>
      </c>
      <c r="E63903" s="15">
        <v>45404</v>
      </c>
      <c r="F63903" s="14" t="s">
        <v>72</v>
      </c>
      <c r="G63903" s="16">
        <v>0</v>
      </c>
    </row>
    <row r="63904" spans="1:7" x14ac:dyDescent="0.3">
      <c r="A63904" s="13" t="s">
        <v>344</v>
      </c>
      <c r="B63904" s="14" t="s">
        <v>1</v>
      </c>
      <c r="C63904" s="14" t="s">
        <v>191</v>
      </c>
      <c r="D63904" s="14" t="s">
        <v>345</v>
      </c>
      <c r="E63904" s="15">
        <v>45405</v>
      </c>
      <c r="F63904" s="14" t="s">
        <v>72</v>
      </c>
      <c r="G63904" s="16">
        <v>0</v>
      </c>
    </row>
    <row r="63905" spans="1:7" x14ac:dyDescent="0.3">
      <c r="A63905" s="13" t="s">
        <v>344</v>
      </c>
      <c r="B63905" s="14" t="s">
        <v>1</v>
      </c>
      <c r="C63905" s="14" t="s">
        <v>191</v>
      </c>
      <c r="D63905" s="14" t="s">
        <v>345</v>
      </c>
      <c r="E63905" s="15">
        <v>45406</v>
      </c>
      <c r="F63905" s="14" t="s">
        <v>72</v>
      </c>
      <c r="G63905" s="16">
        <v>0</v>
      </c>
    </row>
    <row r="63906" spans="1:7" x14ac:dyDescent="0.3">
      <c r="A63906" s="13" t="s">
        <v>344</v>
      </c>
      <c r="B63906" s="14" t="s">
        <v>1</v>
      </c>
      <c r="C63906" s="14" t="s">
        <v>191</v>
      </c>
      <c r="D63906" s="14" t="s">
        <v>345</v>
      </c>
      <c r="E63906" s="15">
        <v>45407</v>
      </c>
      <c r="F63906" s="14" t="s">
        <v>72</v>
      </c>
      <c r="G63906" s="16">
        <v>0</v>
      </c>
    </row>
    <row r="63907" spans="1:7" x14ac:dyDescent="0.3">
      <c r="A63907" s="13" t="s">
        <v>344</v>
      </c>
      <c r="B63907" s="14" t="s">
        <v>1</v>
      </c>
      <c r="C63907" s="14" t="s">
        <v>191</v>
      </c>
      <c r="D63907" s="14" t="s">
        <v>345</v>
      </c>
      <c r="E63907" s="15">
        <v>45408</v>
      </c>
      <c r="F63907" s="14" t="s">
        <v>72</v>
      </c>
      <c r="G63907" s="16">
        <v>0</v>
      </c>
    </row>
    <row r="63908" spans="1:7" x14ac:dyDescent="0.3">
      <c r="A63908" s="13" t="s">
        <v>344</v>
      </c>
      <c r="B63908" s="14" t="s">
        <v>1</v>
      </c>
      <c r="C63908" s="14" t="s">
        <v>191</v>
      </c>
      <c r="D63908" s="14" t="s">
        <v>345</v>
      </c>
      <c r="E63908" s="15">
        <v>45409</v>
      </c>
      <c r="F63908" s="14" t="s">
        <v>72</v>
      </c>
      <c r="G63908" s="16">
        <v>0</v>
      </c>
    </row>
    <row r="63909" spans="1:7" x14ac:dyDescent="0.3">
      <c r="A63909" s="13" t="s">
        <v>344</v>
      </c>
      <c r="B63909" s="14" t="s">
        <v>1</v>
      </c>
      <c r="C63909" s="14" t="s">
        <v>191</v>
      </c>
      <c r="D63909" s="14" t="s">
        <v>345</v>
      </c>
      <c r="E63909" s="15">
        <v>45410</v>
      </c>
      <c r="F63909" s="14" t="s">
        <v>72</v>
      </c>
      <c r="G63909" s="16">
        <v>0</v>
      </c>
    </row>
    <row r="63910" spans="1:7" x14ac:dyDescent="0.3">
      <c r="A63910" s="13" t="s">
        <v>344</v>
      </c>
      <c r="B63910" s="14" t="s">
        <v>1</v>
      </c>
      <c r="C63910" s="14" t="s">
        <v>191</v>
      </c>
      <c r="D63910" s="14" t="s">
        <v>345</v>
      </c>
      <c r="E63910" s="15">
        <v>45411</v>
      </c>
      <c r="F63910" s="14" t="s">
        <v>72</v>
      </c>
      <c r="G63910" s="16">
        <v>0</v>
      </c>
    </row>
    <row r="63911" spans="1:7" x14ac:dyDescent="0.3">
      <c r="A63911" s="13" t="s">
        <v>344</v>
      </c>
      <c r="B63911" s="14" t="s">
        <v>1</v>
      </c>
      <c r="C63911" s="14" t="s">
        <v>191</v>
      </c>
      <c r="D63911" s="14" t="s">
        <v>345</v>
      </c>
      <c r="E63911" s="15">
        <v>45412</v>
      </c>
      <c r="F63911" s="14" t="s">
        <v>72</v>
      </c>
      <c r="G63911" s="16">
        <v>0</v>
      </c>
    </row>
    <row r="63912" spans="1:7" x14ac:dyDescent="0.3">
      <c r="A63912" s="13" t="s">
        <v>344</v>
      </c>
      <c r="B63912" s="14" t="s">
        <v>1</v>
      </c>
      <c r="C63912" s="14" t="s">
        <v>191</v>
      </c>
      <c r="D63912" s="14" t="s">
        <v>345</v>
      </c>
      <c r="E63912" s="15">
        <v>45413</v>
      </c>
      <c r="F63912" s="14" t="s">
        <v>72</v>
      </c>
      <c r="G63912" s="16">
        <v>0</v>
      </c>
    </row>
    <row r="63913" spans="1:7" x14ac:dyDescent="0.3">
      <c r="A63913" s="13" t="s">
        <v>344</v>
      </c>
      <c r="B63913" s="14" t="s">
        <v>1</v>
      </c>
      <c r="C63913" s="14" t="s">
        <v>191</v>
      </c>
      <c r="D63913" s="14" t="s">
        <v>345</v>
      </c>
      <c r="E63913" s="15">
        <v>45414</v>
      </c>
      <c r="F63913" s="14" t="s">
        <v>72</v>
      </c>
      <c r="G63913" s="16">
        <v>0</v>
      </c>
    </row>
    <row r="63914" spans="1:7" x14ac:dyDescent="0.3">
      <c r="A63914" s="13" t="s">
        <v>344</v>
      </c>
      <c r="B63914" s="14" t="s">
        <v>1</v>
      </c>
      <c r="C63914" s="14" t="s">
        <v>191</v>
      </c>
      <c r="D63914" s="14" t="s">
        <v>345</v>
      </c>
      <c r="E63914" s="15">
        <v>45415</v>
      </c>
      <c r="F63914" s="14" t="s">
        <v>72</v>
      </c>
      <c r="G63914" s="16">
        <v>0</v>
      </c>
    </row>
    <row r="63915" spans="1:7" x14ac:dyDescent="0.3">
      <c r="A63915" s="13" t="s">
        <v>344</v>
      </c>
      <c r="B63915" s="14" t="s">
        <v>1</v>
      </c>
      <c r="C63915" s="14" t="s">
        <v>191</v>
      </c>
      <c r="D63915" s="14" t="s">
        <v>345</v>
      </c>
      <c r="E63915" s="15">
        <v>45416</v>
      </c>
      <c r="F63915" s="14" t="s">
        <v>72</v>
      </c>
      <c r="G63915" s="16">
        <v>0</v>
      </c>
    </row>
    <row r="63916" spans="1:7" x14ac:dyDescent="0.3">
      <c r="A63916" s="13" t="s">
        <v>344</v>
      </c>
      <c r="B63916" s="14" t="s">
        <v>1</v>
      </c>
      <c r="C63916" s="14" t="s">
        <v>191</v>
      </c>
      <c r="D63916" s="14" t="s">
        <v>345</v>
      </c>
      <c r="E63916" s="15">
        <v>45417</v>
      </c>
      <c r="F63916" s="14" t="s">
        <v>72</v>
      </c>
      <c r="G63916" s="16">
        <v>0</v>
      </c>
    </row>
    <row r="63917" spans="1:7" x14ac:dyDescent="0.3">
      <c r="A63917" s="13" t="s">
        <v>344</v>
      </c>
      <c r="B63917" s="14" t="s">
        <v>1</v>
      </c>
      <c r="C63917" s="14" t="s">
        <v>191</v>
      </c>
      <c r="D63917" s="14" t="s">
        <v>345</v>
      </c>
      <c r="E63917" s="15">
        <v>45418</v>
      </c>
      <c r="F63917" s="14" t="s">
        <v>72</v>
      </c>
      <c r="G63917" s="16">
        <v>0</v>
      </c>
    </row>
    <row r="63918" spans="1:7" x14ac:dyDescent="0.3">
      <c r="A63918" s="13" t="s">
        <v>344</v>
      </c>
      <c r="B63918" s="14" t="s">
        <v>1</v>
      </c>
      <c r="C63918" s="14" t="s">
        <v>191</v>
      </c>
      <c r="D63918" s="14" t="s">
        <v>345</v>
      </c>
      <c r="E63918" s="15">
        <v>45419</v>
      </c>
      <c r="F63918" s="14" t="s">
        <v>72</v>
      </c>
      <c r="G63918" s="16">
        <v>0</v>
      </c>
    </row>
    <row r="63919" spans="1:7" x14ac:dyDescent="0.3">
      <c r="A63919" s="13" t="s">
        <v>344</v>
      </c>
      <c r="B63919" s="14" t="s">
        <v>1</v>
      </c>
      <c r="C63919" s="14" t="s">
        <v>191</v>
      </c>
      <c r="D63919" s="14" t="s">
        <v>345</v>
      </c>
      <c r="E63919" s="15">
        <v>45420</v>
      </c>
      <c r="F63919" s="14" t="s">
        <v>72</v>
      </c>
      <c r="G63919" s="16">
        <v>3.1463845060639506E-3</v>
      </c>
    </row>
    <row r="63920" spans="1:7" x14ac:dyDescent="0.3">
      <c r="A63920" s="13" t="s">
        <v>344</v>
      </c>
      <c r="B63920" s="14" t="s">
        <v>1</v>
      </c>
      <c r="C63920" s="14" t="s">
        <v>191</v>
      </c>
      <c r="D63920" s="14" t="s">
        <v>345</v>
      </c>
      <c r="E63920" s="15">
        <v>45421</v>
      </c>
      <c r="F63920" s="14" t="s">
        <v>72</v>
      </c>
      <c r="G63920" s="16">
        <v>2.20225346656989E-4</v>
      </c>
    </row>
    <row r="63921" spans="1:7" x14ac:dyDescent="0.3">
      <c r="A63921" s="13" t="s">
        <v>344</v>
      </c>
      <c r="B63921" s="14" t="s">
        <v>1</v>
      </c>
      <c r="C63921" s="14" t="s">
        <v>191</v>
      </c>
      <c r="D63921" s="14" t="s">
        <v>345</v>
      </c>
      <c r="E63921" s="15">
        <v>45422</v>
      </c>
      <c r="F63921" s="14" t="s">
        <v>72</v>
      </c>
      <c r="G63921" s="16">
        <v>0</v>
      </c>
    </row>
    <row r="63922" spans="1:7" x14ac:dyDescent="0.3">
      <c r="A63922" s="13" t="s">
        <v>344</v>
      </c>
      <c r="B63922" s="14" t="s">
        <v>1</v>
      </c>
      <c r="C63922" s="14" t="s">
        <v>191</v>
      </c>
      <c r="D63922" s="14" t="s">
        <v>345</v>
      </c>
      <c r="E63922" s="15">
        <v>45423</v>
      </c>
      <c r="F63922" s="14" t="s">
        <v>72</v>
      </c>
      <c r="G63922" s="16">
        <v>0</v>
      </c>
    </row>
    <row r="63923" spans="1:7" x14ac:dyDescent="0.3">
      <c r="A63923" s="13" t="s">
        <v>344</v>
      </c>
      <c r="B63923" s="14" t="s">
        <v>1</v>
      </c>
      <c r="C63923" s="14" t="s">
        <v>191</v>
      </c>
      <c r="D63923" s="14" t="s">
        <v>345</v>
      </c>
      <c r="E63923" s="15">
        <v>45424</v>
      </c>
      <c r="F63923" s="14" t="s">
        <v>72</v>
      </c>
      <c r="G63923" s="16">
        <v>0</v>
      </c>
    </row>
    <row r="63924" spans="1:7" x14ac:dyDescent="0.3">
      <c r="A63924" s="13" t="s">
        <v>344</v>
      </c>
      <c r="B63924" s="14" t="s">
        <v>1</v>
      </c>
      <c r="C63924" s="14" t="s">
        <v>191</v>
      </c>
      <c r="D63924" s="14" t="s">
        <v>345</v>
      </c>
      <c r="E63924" s="15">
        <v>45425</v>
      </c>
      <c r="F63924" s="14" t="s">
        <v>72</v>
      </c>
      <c r="G63924" s="16">
        <v>0</v>
      </c>
    </row>
    <row r="63925" spans="1:7" x14ac:dyDescent="0.3">
      <c r="A63925" s="13" t="s">
        <v>344</v>
      </c>
      <c r="B63925" s="14" t="s">
        <v>1</v>
      </c>
      <c r="C63925" s="14" t="s">
        <v>191</v>
      </c>
      <c r="D63925" s="14" t="s">
        <v>345</v>
      </c>
      <c r="E63925" s="15">
        <v>45426</v>
      </c>
      <c r="F63925" s="14" t="s">
        <v>72</v>
      </c>
      <c r="G63925" s="16">
        <v>0</v>
      </c>
    </row>
    <row r="63926" spans="1:7" x14ac:dyDescent="0.3">
      <c r="A63926" s="13" t="s">
        <v>344</v>
      </c>
      <c r="B63926" s="14" t="s">
        <v>1</v>
      </c>
      <c r="C63926" s="14" t="s">
        <v>191</v>
      </c>
      <c r="D63926" s="14" t="s">
        <v>345</v>
      </c>
      <c r="E63926" s="15">
        <v>45427</v>
      </c>
      <c r="F63926" s="14" t="s">
        <v>72</v>
      </c>
      <c r="G63926" s="16">
        <v>0</v>
      </c>
    </row>
    <row r="63927" spans="1:7" x14ac:dyDescent="0.3">
      <c r="A63927" s="13" t="s">
        <v>344</v>
      </c>
      <c r="B63927" s="14" t="s">
        <v>1</v>
      </c>
      <c r="C63927" s="14" t="s">
        <v>191</v>
      </c>
      <c r="D63927" s="14" t="s">
        <v>345</v>
      </c>
      <c r="E63927" s="15">
        <v>45428</v>
      </c>
      <c r="F63927" s="14" t="s">
        <v>72</v>
      </c>
      <c r="G63927" s="16">
        <v>0</v>
      </c>
    </row>
    <row r="63928" spans="1:7" x14ac:dyDescent="0.3">
      <c r="A63928" s="13" t="s">
        <v>344</v>
      </c>
      <c r="B63928" s="14" t="s">
        <v>1</v>
      </c>
      <c r="C63928" s="14" t="s">
        <v>191</v>
      </c>
      <c r="D63928" s="14" t="s">
        <v>345</v>
      </c>
      <c r="E63928" s="15">
        <v>45429</v>
      </c>
      <c r="F63928" s="14" t="s">
        <v>72</v>
      </c>
      <c r="G63928" s="16">
        <v>0</v>
      </c>
    </row>
    <row r="63929" spans="1:7" x14ac:dyDescent="0.3">
      <c r="A63929" s="13" t="s">
        <v>344</v>
      </c>
      <c r="B63929" s="14" t="s">
        <v>1</v>
      </c>
      <c r="C63929" s="14" t="s">
        <v>191</v>
      </c>
      <c r="D63929" s="14" t="s">
        <v>345</v>
      </c>
      <c r="E63929" s="15">
        <v>45430</v>
      </c>
      <c r="F63929" s="14" t="s">
        <v>72</v>
      </c>
      <c r="G63929" s="16">
        <v>0</v>
      </c>
    </row>
    <row r="63930" spans="1:7" x14ac:dyDescent="0.3">
      <c r="A63930" s="13" t="s">
        <v>344</v>
      </c>
      <c r="B63930" s="14" t="s">
        <v>1</v>
      </c>
      <c r="C63930" s="14" t="s">
        <v>191</v>
      </c>
      <c r="D63930" s="14" t="s">
        <v>345</v>
      </c>
      <c r="E63930" s="15">
        <v>45431</v>
      </c>
      <c r="F63930" s="14" t="s">
        <v>72</v>
      </c>
      <c r="G63930" s="16">
        <v>0</v>
      </c>
    </row>
    <row r="63931" spans="1:7" x14ac:dyDescent="0.3">
      <c r="A63931" s="13" t="s">
        <v>344</v>
      </c>
      <c r="B63931" s="14" t="s">
        <v>1</v>
      </c>
      <c r="C63931" s="14" t="s">
        <v>191</v>
      </c>
      <c r="D63931" s="14" t="s">
        <v>345</v>
      </c>
      <c r="E63931" s="15">
        <v>45432</v>
      </c>
      <c r="F63931" s="14" t="s">
        <v>72</v>
      </c>
      <c r="G63931" s="16">
        <v>0</v>
      </c>
    </row>
    <row r="63932" spans="1:7" x14ac:dyDescent="0.3">
      <c r="A63932" s="13" t="s">
        <v>344</v>
      </c>
      <c r="B63932" s="14" t="s">
        <v>1</v>
      </c>
      <c r="C63932" s="14" t="s">
        <v>191</v>
      </c>
      <c r="D63932" s="14" t="s">
        <v>345</v>
      </c>
      <c r="E63932" s="15">
        <v>45433</v>
      </c>
      <c r="F63932" s="14" t="s">
        <v>72</v>
      </c>
      <c r="G63932" s="16">
        <v>0</v>
      </c>
    </row>
    <row r="63933" spans="1:7" x14ac:dyDescent="0.3">
      <c r="A63933" s="13" t="s">
        <v>344</v>
      </c>
      <c r="B63933" s="14" t="s">
        <v>1</v>
      </c>
      <c r="C63933" s="14" t="s">
        <v>191</v>
      </c>
      <c r="D63933" s="14" t="s">
        <v>345</v>
      </c>
      <c r="E63933" s="15">
        <v>45434</v>
      </c>
      <c r="F63933" s="14" t="s">
        <v>72</v>
      </c>
      <c r="G63933" s="16">
        <v>0</v>
      </c>
    </row>
    <row r="63934" spans="1:7" x14ac:dyDescent="0.3">
      <c r="A63934" s="13" t="s">
        <v>344</v>
      </c>
      <c r="B63934" s="14" t="s">
        <v>1</v>
      </c>
      <c r="C63934" s="14" t="s">
        <v>191</v>
      </c>
      <c r="D63934" s="14" t="s">
        <v>345</v>
      </c>
      <c r="E63934" s="15">
        <v>45435</v>
      </c>
      <c r="F63934" s="14" t="s">
        <v>72</v>
      </c>
      <c r="G63934" s="16">
        <v>0</v>
      </c>
    </row>
    <row r="63935" spans="1:7" x14ac:dyDescent="0.3">
      <c r="A63935" s="13" t="s">
        <v>344</v>
      </c>
      <c r="B63935" s="14" t="s">
        <v>1</v>
      </c>
      <c r="C63935" s="14" t="s">
        <v>191</v>
      </c>
      <c r="D63935" s="14" t="s">
        <v>345</v>
      </c>
      <c r="E63935" s="15">
        <v>45436</v>
      </c>
      <c r="F63935" s="14" t="s">
        <v>72</v>
      </c>
      <c r="G63935" s="16">
        <v>0</v>
      </c>
    </row>
    <row r="63936" spans="1:7" x14ac:dyDescent="0.3">
      <c r="A63936" s="13" t="s">
        <v>344</v>
      </c>
      <c r="B63936" s="14" t="s">
        <v>1</v>
      </c>
      <c r="C63936" s="14" t="s">
        <v>191</v>
      </c>
      <c r="D63936" s="14" t="s">
        <v>345</v>
      </c>
      <c r="E63936" s="15">
        <v>45437</v>
      </c>
      <c r="F63936" s="14" t="s">
        <v>72</v>
      </c>
      <c r="G63936" s="16">
        <v>0</v>
      </c>
    </row>
    <row r="63937" spans="1:7" x14ac:dyDescent="0.3">
      <c r="A63937" s="13" t="s">
        <v>344</v>
      </c>
      <c r="B63937" s="14" t="s">
        <v>1</v>
      </c>
      <c r="C63937" s="14" t="s">
        <v>191</v>
      </c>
      <c r="D63937" s="14" t="s">
        <v>345</v>
      </c>
      <c r="E63937" s="15">
        <v>45438</v>
      </c>
      <c r="F63937" s="14" t="s">
        <v>72</v>
      </c>
      <c r="G63937" s="16">
        <v>0</v>
      </c>
    </row>
    <row r="63938" spans="1:7" x14ac:dyDescent="0.3">
      <c r="A63938" s="13" t="s">
        <v>344</v>
      </c>
      <c r="B63938" s="14" t="s">
        <v>1</v>
      </c>
      <c r="C63938" s="14" t="s">
        <v>191</v>
      </c>
      <c r="D63938" s="14" t="s">
        <v>345</v>
      </c>
      <c r="E63938" s="15">
        <v>45439</v>
      </c>
      <c r="F63938" s="14" t="s">
        <v>72</v>
      </c>
      <c r="G63938" s="16">
        <v>0</v>
      </c>
    </row>
    <row r="63939" spans="1:7" x14ac:dyDescent="0.3">
      <c r="A63939" s="13" t="s">
        <v>344</v>
      </c>
      <c r="B63939" s="14" t="s">
        <v>1</v>
      </c>
      <c r="C63939" s="14" t="s">
        <v>191</v>
      </c>
      <c r="D63939" s="14" t="s">
        <v>345</v>
      </c>
      <c r="E63939" s="15">
        <v>45440</v>
      </c>
      <c r="F63939" s="14" t="s">
        <v>72</v>
      </c>
      <c r="G63939" s="16">
        <v>0</v>
      </c>
    </row>
    <row r="63940" spans="1:7" x14ac:dyDescent="0.3">
      <c r="A63940" s="13" t="s">
        <v>344</v>
      </c>
      <c r="B63940" s="14" t="s">
        <v>1</v>
      </c>
      <c r="C63940" s="14" t="s">
        <v>191</v>
      </c>
      <c r="D63940" s="14" t="s">
        <v>345</v>
      </c>
      <c r="E63940" s="15">
        <v>45441</v>
      </c>
      <c r="F63940" s="14" t="s">
        <v>72</v>
      </c>
      <c r="G63940" s="16">
        <v>0</v>
      </c>
    </row>
    <row r="63941" spans="1:7" x14ac:dyDescent="0.3">
      <c r="A63941" s="13" t="s">
        <v>344</v>
      </c>
      <c r="B63941" s="14" t="s">
        <v>1</v>
      </c>
      <c r="C63941" s="14" t="s">
        <v>191</v>
      </c>
      <c r="D63941" s="14" t="s">
        <v>345</v>
      </c>
      <c r="E63941" s="15">
        <v>45442</v>
      </c>
      <c r="F63941" s="14" t="s">
        <v>72</v>
      </c>
      <c r="G63941" s="16">
        <v>0</v>
      </c>
    </row>
    <row r="63942" spans="1:7" x14ac:dyDescent="0.3">
      <c r="A63942" s="13" t="s">
        <v>344</v>
      </c>
      <c r="B63942" s="14" t="s">
        <v>1</v>
      </c>
      <c r="C63942" s="14" t="s">
        <v>191</v>
      </c>
      <c r="D63942" s="14" t="s">
        <v>345</v>
      </c>
      <c r="E63942" s="15">
        <v>45443</v>
      </c>
      <c r="F63942" s="14" t="s">
        <v>72</v>
      </c>
      <c r="G63942" s="16">
        <v>0</v>
      </c>
    </row>
    <row r="63943" spans="1:7" x14ac:dyDescent="0.3">
      <c r="A63943" s="13" t="s">
        <v>344</v>
      </c>
      <c r="B63943" s="14" t="s">
        <v>1</v>
      </c>
      <c r="C63943" s="14" t="s">
        <v>191</v>
      </c>
      <c r="D63943" s="14" t="s">
        <v>345</v>
      </c>
      <c r="E63943" s="15">
        <v>45444</v>
      </c>
      <c r="F63943" s="14" t="s">
        <v>72</v>
      </c>
      <c r="G63943" s="16">
        <v>0</v>
      </c>
    </row>
    <row r="63944" spans="1:7" x14ac:dyDescent="0.3">
      <c r="A63944" s="13" t="s">
        <v>344</v>
      </c>
      <c r="B63944" s="14" t="s">
        <v>1</v>
      </c>
      <c r="C63944" s="14" t="s">
        <v>191</v>
      </c>
      <c r="D63944" s="14" t="s">
        <v>345</v>
      </c>
      <c r="E63944" s="15">
        <v>45445</v>
      </c>
      <c r="F63944" s="14" t="s">
        <v>72</v>
      </c>
      <c r="G63944" s="16">
        <v>0</v>
      </c>
    </row>
    <row r="63945" spans="1:7" x14ac:dyDescent="0.3">
      <c r="A63945" s="13" t="s">
        <v>344</v>
      </c>
      <c r="B63945" s="14" t="s">
        <v>1</v>
      </c>
      <c r="C63945" s="14" t="s">
        <v>191</v>
      </c>
      <c r="D63945" s="14" t="s">
        <v>345</v>
      </c>
      <c r="E63945" s="15">
        <v>45446</v>
      </c>
      <c r="F63945" s="14" t="s">
        <v>72</v>
      </c>
      <c r="G63945" s="16">
        <v>0</v>
      </c>
    </row>
    <row r="63946" spans="1:7" x14ac:dyDescent="0.3">
      <c r="A63946" s="13" t="s">
        <v>344</v>
      </c>
      <c r="B63946" s="14" t="s">
        <v>1</v>
      </c>
      <c r="C63946" s="14" t="s">
        <v>191</v>
      </c>
      <c r="D63946" s="14" t="s">
        <v>345</v>
      </c>
      <c r="E63946" s="15">
        <v>45447</v>
      </c>
      <c r="F63946" s="14" t="s">
        <v>72</v>
      </c>
      <c r="G63946" s="16">
        <v>0</v>
      </c>
    </row>
    <row r="63947" spans="1:7" x14ac:dyDescent="0.3">
      <c r="A63947" s="13" t="s">
        <v>344</v>
      </c>
      <c r="B63947" s="14" t="s">
        <v>1</v>
      </c>
      <c r="C63947" s="14" t="s">
        <v>191</v>
      </c>
      <c r="D63947" s="14" t="s">
        <v>345</v>
      </c>
      <c r="E63947" s="15">
        <v>45448</v>
      </c>
      <c r="F63947" s="14" t="s">
        <v>72</v>
      </c>
      <c r="G63947" s="16">
        <v>0</v>
      </c>
    </row>
    <row r="63948" spans="1:7" x14ac:dyDescent="0.3">
      <c r="A63948" s="13" t="s">
        <v>344</v>
      </c>
      <c r="B63948" s="14" t="s">
        <v>1</v>
      </c>
      <c r="C63948" s="14" t="s">
        <v>191</v>
      </c>
      <c r="D63948" s="14" t="s">
        <v>345</v>
      </c>
      <c r="E63948" s="15">
        <v>45449</v>
      </c>
      <c r="F63948" s="14" t="s">
        <v>72</v>
      </c>
      <c r="G63948" s="16">
        <v>0</v>
      </c>
    </row>
    <row r="63949" spans="1:7" x14ac:dyDescent="0.3">
      <c r="A63949" s="13" t="s">
        <v>344</v>
      </c>
      <c r="B63949" s="14" t="s">
        <v>1</v>
      </c>
      <c r="C63949" s="14" t="s">
        <v>191</v>
      </c>
      <c r="D63949" s="14" t="s">
        <v>345</v>
      </c>
      <c r="E63949" s="15">
        <v>45450</v>
      </c>
      <c r="F63949" s="14" t="s">
        <v>72</v>
      </c>
      <c r="G63949" s="16">
        <v>0</v>
      </c>
    </row>
    <row r="63950" spans="1:7" x14ac:dyDescent="0.3">
      <c r="A63950" s="13" t="s">
        <v>344</v>
      </c>
      <c r="B63950" s="14" t="s">
        <v>1</v>
      </c>
      <c r="C63950" s="14" t="s">
        <v>191</v>
      </c>
      <c r="D63950" s="14" t="s">
        <v>345</v>
      </c>
      <c r="E63950" s="15">
        <v>45451</v>
      </c>
      <c r="F63950" s="14" t="s">
        <v>72</v>
      </c>
      <c r="G63950" s="16">
        <v>0</v>
      </c>
    </row>
    <row r="63951" spans="1:7" x14ac:dyDescent="0.3">
      <c r="A63951" s="13" t="s">
        <v>344</v>
      </c>
      <c r="B63951" s="14" t="s">
        <v>1</v>
      </c>
      <c r="C63951" s="14" t="s">
        <v>191</v>
      </c>
      <c r="D63951" s="14" t="s">
        <v>345</v>
      </c>
      <c r="E63951" s="15">
        <v>45452</v>
      </c>
      <c r="F63951" s="14" t="s">
        <v>72</v>
      </c>
      <c r="G63951" s="16">
        <v>0</v>
      </c>
    </row>
    <row r="63952" spans="1:7" x14ac:dyDescent="0.3">
      <c r="A63952" s="13" t="s">
        <v>344</v>
      </c>
      <c r="B63952" s="14" t="s">
        <v>1</v>
      </c>
      <c r="C63952" s="14" t="s">
        <v>191</v>
      </c>
      <c r="D63952" s="14" t="s">
        <v>345</v>
      </c>
      <c r="E63952" s="15">
        <v>45453</v>
      </c>
      <c r="F63952" s="14" t="s">
        <v>72</v>
      </c>
      <c r="G63952" s="16">
        <v>0</v>
      </c>
    </row>
    <row r="63953" spans="1:7" x14ac:dyDescent="0.3">
      <c r="A63953" s="13" t="s">
        <v>344</v>
      </c>
      <c r="B63953" s="14" t="s">
        <v>1</v>
      </c>
      <c r="C63953" s="14" t="s">
        <v>191</v>
      </c>
      <c r="D63953" s="14" t="s">
        <v>345</v>
      </c>
      <c r="E63953" s="15">
        <v>45454</v>
      </c>
      <c r="F63953" s="14" t="s">
        <v>72</v>
      </c>
      <c r="G63953" s="16">
        <v>0</v>
      </c>
    </row>
    <row r="63954" spans="1:7" x14ac:dyDescent="0.3">
      <c r="A63954" s="13" t="s">
        <v>344</v>
      </c>
      <c r="B63954" s="14" t="s">
        <v>1</v>
      </c>
      <c r="C63954" s="14" t="s">
        <v>191</v>
      </c>
      <c r="D63954" s="14" t="s">
        <v>345</v>
      </c>
      <c r="E63954" s="15">
        <v>45455</v>
      </c>
      <c r="F63954" s="14" t="s">
        <v>72</v>
      </c>
      <c r="G63954" s="16">
        <v>0</v>
      </c>
    </row>
    <row r="63955" spans="1:7" x14ac:dyDescent="0.3">
      <c r="A63955" s="13" t="s">
        <v>344</v>
      </c>
      <c r="B63955" s="14" t="s">
        <v>1</v>
      </c>
      <c r="C63955" s="14" t="s">
        <v>191</v>
      </c>
      <c r="D63955" s="14" t="s">
        <v>345</v>
      </c>
      <c r="E63955" s="15">
        <v>45456</v>
      </c>
      <c r="F63955" s="14" t="s">
        <v>72</v>
      </c>
      <c r="G63955" s="16">
        <v>0</v>
      </c>
    </row>
    <row r="63956" spans="1:7" x14ac:dyDescent="0.3">
      <c r="A63956" s="13" t="s">
        <v>344</v>
      </c>
      <c r="B63956" s="14" t="s">
        <v>1</v>
      </c>
      <c r="C63956" s="14" t="s">
        <v>191</v>
      </c>
      <c r="D63956" s="14" t="s">
        <v>345</v>
      </c>
      <c r="E63956" s="15">
        <v>45457</v>
      </c>
      <c r="F63956" s="14" t="s">
        <v>72</v>
      </c>
      <c r="G63956" s="16">
        <v>0</v>
      </c>
    </row>
    <row r="63957" spans="1:7" x14ac:dyDescent="0.3">
      <c r="A63957" s="13" t="s">
        <v>344</v>
      </c>
      <c r="B63957" s="14" t="s">
        <v>1</v>
      </c>
      <c r="C63957" s="14" t="s">
        <v>191</v>
      </c>
      <c r="D63957" s="14" t="s">
        <v>345</v>
      </c>
      <c r="E63957" s="15">
        <v>45458</v>
      </c>
      <c r="F63957" s="14" t="s">
        <v>72</v>
      </c>
      <c r="G63957" s="16">
        <v>0</v>
      </c>
    </row>
    <row r="63958" spans="1:7" x14ac:dyDescent="0.3">
      <c r="A63958" s="13" t="s">
        <v>344</v>
      </c>
      <c r="B63958" s="14" t="s">
        <v>1</v>
      </c>
      <c r="C63958" s="14" t="s">
        <v>191</v>
      </c>
      <c r="D63958" s="14" t="s">
        <v>345</v>
      </c>
      <c r="E63958" s="15">
        <v>45459</v>
      </c>
      <c r="F63958" s="14" t="s">
        <v>72</v>
      </c>
      <c r="G63958" s="16">
        <v>0</v>
      </c>
    </row>
    <row r="63959" spans="1:7" x14ac:dyDescent="0.3">
      <c r="A63959" s="13" t="s">
        <v>344</v>
      </c>
      <c r="B63959" s="14" t="s">
        <v>1</v>
      </c>
      <c r="C63959" s="14" t="s">
        <v>191</v>
      </c>
      <c r="D63959" s="14" t="s">
        <v>345</v>
      </c>
      <c r="E63959" s="15">
        <v>45460</v>
      </c>
      <c r="F63959" s="14" t="s">
        <v>72</v>
      </c>
      <c r="G63959" s="16">
        <v>0</v>
      </c>
    </row>
    <row r="63960" spans="1:7" x14ac:dyDescent="0.3">
      <c r="A63960" s="13" t="s">
        <v>344</v>
      </c>
      <c r="B63960" s="14" t="s">
        <v>1</v>
      </c>
      <c r="C63960" s="14" t="s">
        <v>191</v>
      </c>
      <c r="D63960" s="14" t="s">
        <v>345</v>
      </c>
      <c r="E63960" s="15">
        <v>45461</v>
      </c>
      <c r="F63960" s="14" t="s">
        <v>72</v>
      </c>
      <c r="G63960" s="16">
        <v>0</v>
      </c>
    </row>
    <row r="63961" spans="1:7" x14ac:dyDescent="0.3">
      <c r="A63961" s="13" t="s">
        <v>344</v>
      </c>
      <c r="B63961" s="14" t="s">
        <v>1</v>
      </c>
      <c r="C63961" s="14" t="s">
        <v>191</v>
      </c>
      <c r="D63961" s="14" t="s">
        <v>345</v>
      </c>
      <c r="E63961" s="15">
        <v>45462</v>
      </c>
      <c r="F63961" s="14" t="s">
        <v>72</v>
      </c>
      <c r="G63961" s="16">
        <v>0</v>
      </c>
    </row>
    <row r="63962" spans="1:7" x14ac:dyDescent="0.3">
      <c r="A63962" s="13" t="s">
        <v>344</v>
      </c>
      <c r="B63962" s="14" t="s">
        <v>1</v>
      </c>
      <c r="C63962" s="14" t="s">
        <v>191</v>
      </c>
      <c r="D63962" s="14" t="s">
        <v>345</v>
      </c>
      <c r="E63962" s="15">
        <v>45463</v>
      </c>
      <c r="F63962" s="14" t="s">
        <v>72</v>
      </c>
      <c r="G63962" s="16">
        <v>0</v>
      </c>
    </row>
    <row r="63963" spans="1:7" x14ac:dyDescent="0.3">
      <c r="A63963" s="13" t="s">
        <v>344</v>
      </c>
      <c r="B63963" s="14" t="s">
        <v>1</v>
      </c>
      <c r="C63963" s="14" t="s">
        <v>191</v>
      </c>
      <c r="D63963" s="14" t="s">
        <v>345</v>
      </c>
      <c r="E63963" s="15">
        <v>45464</v>
      </c>
      <c r="F63963" s="14" t="s">
        <v>72</v>
      </c>
      <c r="G63963" s="16">
        <v>0</v>
      </c>
    </row>
    <row r="63964" spans="1:7" x14ac:dyDescent="0.3">
      <c r="A63964" s="13" t="s">
        <v>344</v>
      </c>
      <c r="B63964" s="14" t="s">
        <v>1</v>
      </c>
      <c r="C63964" s="14" t="s">
        <v>191</v>
      </c>
      <c r="D63964" s="14" t="s">
        <v>345</v>
      </c>
      <c r="E63964" s="15">
        <v>45465</v>
      </c>
      <c r="F63964" s="14" t="s">
        <v>72</v>
      </c>
      <c r="G63964" s="16">
        <v>0</v>
      </c>
    </row>
    <row r="63965" spans="1:7" x14ac:dyDescent="0.3">
      <c r="A63965" s="13" t="s">
        <v>344</v>
      </c>
      <c r="B63965" s="14" t="s">
        <v>1</v>
      </c>
      <c r="C63965" s="14" t="s">
        <v>191</v>
      </c>
      <c r="D63965" s="14" t="s">
        <v>345</v>
      </c>
      <c r="E63965" s="15">
        <v>45466</v>
      </c>
      <c r="F63965" s="14" t="s">
        <v>72</v>
      </c>
      <c r="G63965" s="16">
        <v>0</v>
      </c>
    </row>
    <row r="63966" spans="1:7" x14ac:dyDescent="0.3">
      <c r="A63966" s="13" t="s">
        <v>344</v>
      </c>
      <c r="B63966" s="14" t="s">
        <v>1</v>
      </c>
      <c r="C63966" s="14" t="s">
        <v>191</v>
      </c>
      <c r="D63966" s="14" t="s">
        <v>345</v>
      </c>
      <c r="E63966" s="15">
        <v>45467</v>
      </c>
      <c r="F63966" s="14" t="s">
        <v>72</v>
      </c>
      <c r="G63966" s="16">
        <v>0</v>
      </c>
    </row>
    <row r="63967" spans="1:7" x14ac:dyDescent="0.3">
      <c r="A63967" s="13" t="s">
        <v>344</v>
      </c>
      <c r="B63967" s="14" t="s">
        <v>1</v>
      </c>
      <c r="C63967" s="14" t="s">
        <v>191</v>
      </c>
      <c r="D63967" s="14" t="s">
        <v>345</v>
      </c>
      <c r="E63967" s="15">
        <v>45468</v>
      </c>
      <c r="F63967" s="14" t="s">
        <v>72</v>
      </c>
      <c r="G63967" s="16">
        <v>0</v>
      </c>
    </row>
    <row r="63968" spans="1:7" x14ac:dyDescent="0.3">
      <c r="A63968" s="13" t="s">
        <v>344</v>
      </c>
      <c r="B63968" s="14" t="s">
        <v>1</v>
      </c>
      <c r="C63968" s="14" t="s">
        <v>191</v>
      </c>
      <c r="D63968" s="14" t="s">
        <v>345</v>
      </c>
      <c r="E63968" s="15">
        <v>45469</v>
      </c>
      <c r="F63968" s="14" t="s">
        <v>72</v>
      </c>
      <c r="G63968" s="16">
        <v>0</v>
      </c>
    </row>
    <row r="63969" spans="1:7" x14ac:dyDescent="0.3">
      <c r="A63969" s="13" t="s">
        <v>344</v>
      </c>
      <c r="B63969" s="14" t="s">
        <v>1</v>
      </c>
      <c r="C63969" s="14" t="s">
        <v>191</v>
      </c>
      <c r="D63969" s="14" t="s">
        <v>345</v>
      </c>
      <c r="E63969" s="15">
        <v>45470</v>
      </c>
      <c r="F63969" s="14" t="s">
        <v>72</v>
      </c>
      <c r="G63969" s="16">
        <v>0</v>
      </c>
    </row>
    <row r="63970" spans="1:7" x14ac:dyDescent="0.3">
      <c r="A63970" s="13" t="s">
        <v>344</v>
      </c>
      <c r="B63970" s="14" t="s">
        <v>1</v>
      </c>
      <c r="C63970" s="14" t="s">
        <v>191</v>
      </c>
      <c r="D63970" s="14" t="s">
        <v>345</v>
      </c>
      <c r="E63970" s="15">
        <v>45471</v>
      </c>
      <c r="F63970" s="14" t="s">
        <v>72</v>
      </c>
      <c r="G63970" s="16">
        <v>0.47348590489850079</v>
      </c>
    </row>
    <row r="63971" spans="1:7" x14ac:dyDescent="0.3">
      <c r="A63971" s="13" t="s">
        <v>344</v>
      </c>
      <c r="B63971" s="14" t="s">
        <v>1</v>
      </c>
      <c r="C63971" s="14" t="s">
        <v>191</v>
      </c>
      <c r="D63971" s="14" t="s">
        <v>345</v>
      </c>
      <c r="E63971" s="15">
        <v>45472</v>
      </c>
      <c r="F63971" s="14" t="s">
        <v>72</v>
      </c>
      <c r="G63971" s="16">
        <v>0.47348590489850079</v>
      </c>
    </row>
    <row r="63972" spans="1:7" x14ac:dyDescent="0.3">
      <c r="A63972" s="13" t="s">
        <v>344</v>
      </c>
      <c r="B63972" s="14" t="s">
        <v>1</v>
      </c>
      <c r="C63972" s="14" t="s">
        <v>191</v>
      </c>
      <c r="D63972" s="14" t="s">
        <v>345</v>
      </c>
      <c r="E63972" s="15">
        <v>45473</v>
      </c>
      <c r="F63972" s="14" t="s">
        <v>72</v>
      </c>
      <c r="G63972" s="16">
        <v>0.47348590489850079</v>
      </c>
    </row>
    <row r="63973" spans="1:7" x14ac:dyDescent="0.3">
      <c r="A63973" s="13" t="s">
        <v>344</v>
      </c>
      <c r="B63973" s="14" t="s">
        <v>1</v>
      </c>
      <c r="C63973" s="14" t="s">
        <v>191</v>
      </c>
      <c r="D63973" s="14" t="s">
        <v>345</v>
      </c>
      <c r="E63973" s="15">
        <v>45474</v>
      </c>
      <c r="F63973" s="14" t="s">
        <v>72</v>
      </c>
      <c r="G63973" s="16">
        <v>0</v>
      </c>
    </row>
    <row r="63974" spans="1:7" x14ac:dyDescent="0.3">
      <c r="A63974" s="13" t="s">
        <v>344</v>
      </c>
      <c r="B63974" s="14" t="s">
        <v>1</v>
      </c>
      <c r="C63974" s="14" t="s">
        <v>191</v>
      </c>
      <c r="D63974" s="14" t="s">
        <v>345</v>
      </c>
      <c r="E63974" s="15">
        <v>45475</v>
      </c>
      <c r="F63974" s="14" t="s">
        <v>72</v>
      </c>
      <c r="G63974" s="16">
        <v>0</v>
      </c>
    </row>
    <row r="63975" spans="1:7" x14ac:dyDescent="0.3">
      <c r="A63975" s="13" t="s">
        <v>344</v>
      </c>
      <c r="B63975" s="14" t="s">
        <v>1</v>
      </c>
      <c r="C63975" s="14" t="s">
        <v>191</v>
      </c>
      <c r="D63975" s="14" t="s">
        <v>345</v>
      </c>
      <c r="E63975" s="15">
        <v>45476</v>
      </c>
      <c r="F63975" s="14" t="s">
        <v>72</v>
      </c>
      <c r="G63975" s="16">
        <v>0</v>
      </c>
    </row>
    <row r="63976" spans="1:7" x14ac:dyDescent="0.3">
      <c r="A63976" s="13" t="s">
        <v>344</v>
      </c>
      <c r="B63976" s="14" t="s">
        <v>1</v>
      </c>
      <c r="C63976" s="14" t="s">
        <v>191</v>
      </c>
      <c r="D63976" s="14" t="s">
        <v>345</v>
      </c>
      <c r="E63976" s="15">
        <v>45477</v>
      </c>
      <c r="F63976" s="14" t="s">
        <v>72</v>
      </c>
      <c r="G63976" s="16">
        <v>0</v>
      </c>
    </row>
    <row r="63977" spans="1:7" x14ac:dyDescent="0.3">
      <c r="A63977" s="13" t="s">
        <v>344</v>
      </c>
      <c r="B63977" s="14" t="s">
        <v>1</v>
      </c>
      <c r="C63977" s="14" t="s">
        <v>191</v>
      </c>
      <c r="D63977" s="14" t="s">
        <v>345</v>
      </c>
      <c r="E63977" s="15">
        <v>45478</v>
      </c>
      <c r="F63977" s="14" t="s">
        <v>72</v>
      </c>
      <c r="G63977" s="16">
        <v>0</v>
      </c>
    </row>
    <row r="63978" spans="1:7" x14ac:dyDescent="0.3">
      <c r="A63978" s="13" t="s">
        <v>344</v>
      </c>
      <c r="B63978" s="14" t="s">
        <v>1</v>
      </c>
      <c r="C63978" s="14" t="s">
        <v>191</v>
      </c>
      <c r="D63978" s="14" t="s">
        <v>345</v>
      </c>
      <c r="E63978" s="15">
        <v>45479</v>
      </c>
      <c r="F63978" s="14" t="s">
        <v>72</v>
      </c>
      <c r="G63978" s="16">
        <v>0</v>
      </c>
    </row>
    <row r="63979" spans="1:7" x14ac:dyDescent="0.3">
      <c r="A63979" s="13" t="s">
        <v>344</v>
      </c>
      <c r="B63979" s="14" t="s">
        <v>1</v>
      </c>
      <c r="C63979" s="14" t="s">
        <v>191</v>
      </c>
      <c r="D63979" s="14" t="s">
        <v>345</v>
      </c>
      <c r="E63979" s="15">
        <v>45480</v>
      </c>
      <c r="F63979" s="14" t="s">
        <v>72</v>
      </c>
      <c r="G63979" s="16">
        <v>0</v>
      </c>
    </row>
    <row r="63980" spans="1:7" x14ac:dyDescent="0.3">
      <c r="A63980" s="13" t="s">
        <v>344</v>
      </c>
      <c r="B63980" s="14" t="s">
        <v>1</v>
      </c>
      <c r="C63980" s="14" t="s">
        <v>191</v>
      </c>
      <c r="D63980" s="14" t="s">
        <v>345</v>
      </c>
      <c r="E63980" s="15">
        <v>45481</v>
      </c>
      <c r="F63980" s="14" t="s">
        <v>72</v>
      </c>
      <c r="G63980" s="16">
        <v>0</v>
      </c>
    </row>
    <row r="63981" spans="1:7" x14ac:dyDescent="0.3">
      <c r="A63981" s="13" t="s">
        <v>344</v>
      </c>
      <c r="B63981" s="14" t="s">
        <v>1</v>
      </c>
      <c r="C63981" s="14" t="s">
        <v>191</v>
      </c>
      <c r="D63981" s="14" t="s">
        <v>345</v>
      </c>
      <c r="E63981" s="15">
        <v>45482</v>
      </c>
      <c r="F63981" s="14" t="s">
        <v>72</v>
      </c>
      <c r="G63981" s="16">
        <v>0</v>
      </c>
    </row>
    <row r="63982" spans="1:7" x14ac:dyDescent="0.3">
      <c r="A63982" s="13" t="s">
        <v>344</v>
      </c>
      <c r="B63982" s="14" t="s">
        <v>1</v>
      </c>
      <c r="C63982" s="14" t="s">
        <v>191</v>
      </c>
      <c r="D63982" s="14" t="s">
        <v>345</v>
      </c>
      <c r="E63982" s="15">
        <v>45483</v>
      </c>
      <c r="F63982" s="14" t="s">
        <v>72</v>
      </c>
      <c r="G63982" s="16">
        <v>0</v>
      </c>
    </row>
    <row r="63983" spans="1:7" x14ac:dyDescent="0.3">
      <c r="A63983" s="13" t="s">
        <v>344</v>
      </c>
      <c r="B63983" s="14" t="s">
        <v>1</v>
      </c>
      <c r="C63983" s="14" t="s">
        <v>191</v>
      </c>
      <c r="D63983" s="14" t="s">
        <v>345</v>
      </c>
      <c r="E63983" s="15">
        <v>45484</v>
      </c>
      <c r="F63983" s="14" t="s">
        <v>72</v>
      </c>
      <c r="G63983" s="16">
        <v>0</v>
      </c>
    </row>
    <row r="63984" spans="1:7" x14ac:dyDescent="0.3">
      <c r="A63984" s="13" t="s">
        <v>344</v>
      </c>
      <c r="B63984" s="14" t="s">
        <v>1</v>
      </c>
      <c r="C63984" s="14" t="s">
        <v>191</v>
      </c>
      <c r="D63984" s="14" t="s">
        <v>345</v>
      </c>
      <c r="E63984" s="15">
        <v>45485</v>
      </c>
      <c r="F63984" s="14" t="s">
        <v>72</v>
      </c>
      <c r="G63984" s="16">
        <v>0</v>
      </c>
    </row>
    <row r="63985" spans="1:7" x14ac:dyDescent="0.3">
      <c r="A63985" s="13" t="s">
        <v>344</v>
      </c>
      <c r="B63985" s="14" t="s">
        <v>1</v>
      </c>
      <c r="C63985" s="14" t="s">
        <v>191</v>
      </c>
      <c r="D63985" s="14" t="s">
        <v>345</v>
      </c>
      <c r="E63985" s="15">
        <v>45486</v>
      </c>
      <c r="F63985" s="14" t="s">
        <v>72</v>
      </c>
      <c r="G63985" s="16">
        <v>0</v>
      </c>
    </row>
    <row r="63986" spans="1:7" x14ac:dyDescent="0.3">
      <c r="A63986" s="13" t="s">
        <v>344</v>
      </c>
      <c r="B63986" s="14" t="s">
        <v>1</v>
      </c>
      <c r="C63986" s="14" t="s">
        <v>191</v>
      </c>
      <c r="D63986" s="14" t="s">
        <v>345</v>
      </c>
      <c r="E63986" s="15">
        <v>45487</v>
      </c>
      <c r="F63986" s="14" t="s">
        <v>72</v>
      </c>
      <c r="G63986" s="16">
        <v>0</v>
      </c>
    </row>
    <row r="63987" spans="1:7" x14ac:dyDescent="0.3">
      <c r="A63987" s="13" t="s">
        <v>344</v>
      </c>
      <c r="B63987" s="14" t="s">
        <v>1</v>
      </c>
      <c r="C63987" s="14" t="s">
        <v>191</v>
      </c>
      <c r="D63987" s="14" t="s">
        <v>345</v>
      </c>
      <c r="E63987" s="15">
        <v>45488</v>
      </c>
      <c r="F63987" s="14" t="s">
        <v>72</v>
      </c>
      <c r="G63987" s="16">
        <v>0</v>
      </c>
    </row>
    <row r="63988" spans="1:7" x14ac:dyDescent="0.3">
      <c r="A63988" s="13" t="s">
        <v>344</v>
      </c>
      <c r="B63988" s="14" t="s">
        <v>1</v>
      </c>
      <c r="C63988" s="14" t="s">
        <v>191</v>
      </c>
      <c r="D63988" s="14" t="s">
        <v>345</v>
      </c>
      <c r="E63988" s="15">
        <v>45489</v>
      </c>
      <c r="F63988" s="14" t="s">
        <v>72</v>
      </c>
      <c r="G63988" s="16">
        <v>0</v>
      </c>
    </row>
    <row r="63989" spans="1:7" x14ac:dyDescent="0.3">
      <c r="A63989" s="13" t="s">
        <v>344</v>
      </c>
      <c r="B63989" s="14" t="s">
        <v>1</v>
      </c>
      <c r="C63989" s="14" t="s">
        <v>191</v>
      </c>
      <c r="D63989" s="14" t="s">
        <v>345</v>
      </c>
      <c r="E63989" s="15">
        <v>45490</v>
      </c>
      <c r="F63989" s="14" t="s">
        <v>72</v>
      </c>
      <c r="G63989" s="16">
        <v>0</v>
      </c>
    </row>
    <row r="63990" spans="1:7" x14ac:dyDescent="0.3">
      <c r="A63990" s="13" t="s">
        <v>344</v>
      </c>
      <c r="B63990" s="14" t="s">
        <v>1</v>
      </c>
      <c r="C63990" s="14" t="s">
        <v>191</v>
      </c>
      <c r="D63990" s="14" t="s">
        <v>345</v>
      </c>
      <c r="E63990" s="15">
        <v>45491</v>
      </c>
      <c r="F63990" s="14" t="s">
        <v>72</v>
      </c>
      <c r="G63990" s="16">
        <v>0</v>
      </c>
    </row>
    <row r="63991" spans="1:7" x14ac:dyDescent="0.3">
      <c r="A63991" s="13" t="s">
        <v>344</v>
      </c>
      <c r="B63991" s="14" t="s">
        <v>1</v>
      </c>
      <c r="C63991" s="14" t="s">
        <v>191</v>
      </c>
      <c r="D63991" s="14" t="s">
        <v>345</v>
      </c>
      <c r="E63991" s="15">
        <v>45492</v>
      </c>
      <c r="F63991" s="14" t="s">
        <v>72</v>
      </c>
      <c r="G63991" s="16">
        <v>0</v>
      </c>
    </row>
    <row r="63992" spans="1:7" x14ac:dyDescent="0.3">
      <c r="A63992" s="13" t="s">
        <v>344</v>
      </c>
      <c r="B63992" s="14" t="s">
        <v>1</v>
      </c>
      <c r="C63992" s="14" t="s">
        <v>191</v>
      </c>
      <c r="D63992" s="14" t="s">
        <v>345</v>
      </c>
      <c r="E63992" s="15">
        <v>45493</v>
      </c>
      <c r="F63992" s="14" t="s">
        <v>72</v>
      </c>
      <c r="G63992" s="16">
        <v>0</v>
      </c>
    </row>
    <row r="63993" spans="1:7" x14ac:dyDescent="0.3">
      <c r="A63993" s="13" t="s">
        <v>344</v>
      </c>
      <c r="B63993" s="14" t="s">
        <v>1</v>
      </c>
      <c r="C63993" s="14" t="s">
        <v>191</v>
      </c>
      <c r="D63993" s="14" t="s">
        <v>345</v>
      </c>
      <c r="E63993" s="15">
        <v>45494</v>
      </c>
      <c r="F63993" s="14" t="s">
        <v>72</v>
      </c>
      <c r="G63993" s="16">
        <v>0</v>
      </c>
    </row>
    <row r="63994" spans="1:7" x14ac:dyDescent="0.3">
      <c r="A63994" s="13" t="s">
        <v>344</v>
      </c>
      <c r="B63994" s="14" t="s">
        <v>1</v>
      </c>
      <c r="C63994" s="14" t="s">
        <v>191</v>
      </c>
      <c r="D63994" s="14" t="s">
        <v>345</v>
      </c>
      <c r="E63994" s="15">
        <v>45495</v>
      </c>
      <c r="F63994" s="14" t="s">
        <v>72</v>
      </c>
      <c r="G63994" s="16">
        <v>0</v>
      </c>
    </row>
    <row r="63995" spans="1:7" x14ac:dyDescent="0.3">
      <c r="A63995" s="13" t="s">
        <v>344</v>
      </c>
      <c r="B63995" s="14" t="s">
        <v>1</v>
      </c>
      <c r="C63995" s="14" t="s">
        <v>191</v>
      </c>
      <c r="D63995" s="14" t="s">
        <v>345</v>
      </c>
      <c r="E63995" s="15">
        <v>45496</v>
      </c>
      <c r="F63995" s="14" t="s">
        <v>72</v>
      </c>
      <c r="G63995" s="16">
        <v>0</v>
      </c>
    </row>
    <row r="63996" spans="1:7" x14ac:dyDescent="0.3">
      <c r="A63996" s="13" t="s">
        <v>344</v>
      </c>
      <c r="B63996" s="14" t="s">
        <v>1</v>
      </c>
      <c r="C63996" s="14" t="s">
        <v>191</v>
      </c>
      <c r="D63996" s="14" t="s">
        <v>345</v>
      </c>
      <c r="E63996" s="15">
        <v>45497</v>
      </c>
      <c r="F63996" s="14" t="s">
        <v>72</v>
      </c>
      <c r="G63996" s="16">
        <v>0</v>
      </c>
    </row>
    <row r="63997" spans="1:7" x14ac:dyDescent="0.3">
      <c r="A63997" s="13" t="s">
        <v>344</v>
      </c>
      <c r="B63997" s="14" t="s">
        <v>1</v>
      </c>
      <c r="C63997" s="14" t="s">
        <v>191</v>
      </c>
      <c r="D63997" s="14" t="s">
        <v>345</v>
      </c>
      <c r="E63997" s="15">
        <v>45498</v>
      </c>
      <c r="F63997" s="14" t="s">
        <v>72</v>
      </c>
      <c r="G63997" s="16">
        <v>0</v>
      </c>
    </row>
    <row r="63998" spans="1:7" x14ac:dyDescent="0.3">
      <c r="A63998" s="13" t="s">
        <v>344</v>
      </c>
      <c r="B63998" s="14" t="s">
        <v>1</v>
      </c>
      <c r="C63998" s="14" t="s">
        <v>191</v>
      </c>
      <c r="D63998" s="14" t="s">
        <v>345</v>
      </c>
      <c r="E63998" s="15">
        <v>45499</v>
      </c>
      <c r="F63998" s="14" t="s">
        <v>72</v>
      </c>
      <c r="G63998" s="16">
        <v>0</v>
      </c>
    </row>
    <row r="63999" spans="1:7" x14ac:dyDescent="0.3">
      <c r="A63999" s="13" t="s">
        <v>344</v>
      </c>
      <c r="B63999" s="14" t="s">
        <v>1</v>
      </c>
      <c r="C63999" s="14" t="s">
        <v>191</v>
      </c>
      <c r="D63999" s="14" t="s">
        <v>345</v>
      </c>
      <c r="E63999" s="15">
        <v>45500</v>
      </c>
      <c r="F63999" s="14" t="s">
        <v>72</v>
      </c>
      <c r="G63999" s="16">
        <v>0</v>
      </c>
    </row>
    <row r="64000" spans="1:7" x14ac:dyDescent="0.3">
      <c r="A64000" s="13" t="s">
        <v>344</v>
      </c>
      <c r="B64000" s="14" t="s">
        <v>1</v>
      </c>
      <c r="C64000" s="14" t="s">
        <v>191</v>
      </c>
      <c r="D64000" s="14" t="s">
        <v>345</v>
      </c>
      <c r="E64000" s="15">
        <v>45501</v>
      </c>
      <c r="F64000" s="14" t="s">
        <v>72</v>
      </c>
      <c r="G64000" s="16">
        <v>0</v>
      </c>
    </row>
    <row r="64001" spans="1:7" x14ac:dyDescent="0.3">
      <c r="A64001" s="13" t="s">
        <v>344</v>
      </c>
      <c r="B64001" s="14" t="s">
        <v>1</v>
      </c>
      <c r="C64001" s="14" t="s">
        <v>191</v>
      </c>
      <c r="D64001" s="14" t="s">
        <v>345</v>
      </c>
      <c r="E64001" s="15">
        <v>45502</v>
      </c>
      <c r="F64001" s="14" t="s">
        <v>72</v>
      </c>
      <c r="G64001" s="16">
        <v>0</v>
      </c>
    </row>
    <row r="64002" spans="1:7" x14ac:dyDescent="0.3">
      <c r="A64002" s="13" t="s">
        <v>344</v>
      </c>
      <c r="B64002" s="14" t="s">
        <v>1</v>
      </c>
      <c r="C64002" s="14" t="s">
        <v>191</v>
      </c>
      <c r="D64002" s="14" t="s">
        <v>345</v>
      </c>
      <c r="E64002" s="15">
        <v>45503</v>
      </c>
      <c r="F64002" s="14" t="s">
        <v>72</v>
      </c>
      <c r="G64002" s="16">
        <v>0</v>
      </c>
    </row>
    <row r="64003" spans="1:7" x14ac:dyDescent="0.3">
      <c r="A64003" s="13" t="s">
        <v>344</v>
      </c>
      <c r="B64003" s="14" t="s">
        <v>1</v>
      </c>
      <c r="C64003" s="14" t="s">
        <v>191</v>
      </c>
      <c r="D64003" s="14" t="s">
        <v>345</v>
      </c>
      <c r="E64003" s="15">
        <v>45504</v>
      </c>
      <c r="F64003" s="14" t="s">
        <v>72</v>
      </c>
      <c r="G64003" s="16">
        <v>0</v>
      </c>
    </row>
    <row r="64004" spans="1:7" x14ac:dyDescent="0.3">
      <c r="A64004" s="13" t="s">
        <v>344</v>
      </c>
      <c r="B64004" s="14" t="s">
        <v>1</v>
      </c>
      <c r="C64004" s="14" t="s">
        <v>191</v>
      </c>
      <c r="D64004" s="14" t="s">
        <v>345</v>
      </c>
      <c r="E64004" s="15">
        <v>45505</v>
      </c>
      <c r="F64004" s="14" t="s">
        <v>72</v>
      </c>
      <c r="G64004" s="16">
        <v>0</v>
      </c>
    </row>
    <row r="64005" spans="1:7" x14ac:dyDescent="0.3">
      <c r="A64005" s="13" t="s">
        <v>344</v>
      </c>
      <c r="B64005" s="14" t="s">
        <v>1</v>
      </c>
      <c r="C64005" s="14" t="s">
        <v>191</v>
      </c>
      <c r="D64005" s="14" t="s">
        <v>345</v>
      </c>
      <c r="E64005" s="15">
        <v>45506</v>
      </c>
      <c r="F64005" s="14" t="s">
        <v>72</v>
      </c>
      <c r="G64005" s="16">
        <v>0</v>
      </c>
    </row>
    <row r="64006" spans="1:7" x14ac:dyDescent="0.3">
      <c r="A64006" s="13" t="s">
        <v>344</v>
      </c>
      <c r="B64006" s="14" t="s">
        <v>1</v>
      </c>
      <c r="C64006" s="14" t="s">
        <v>191</v>
      </c>
      <c r="D64006" s="14" t="s">
        <v>345</v>
      </c>
      <c r="E64006" s="15">
        <v>45507</v>
      </c>
      <c r="F64006" s="14" t="s">
        <v>72</v>
      </c>
      <c r="G64006" s="16">
        <v>0</v>
      </c>
    </row>
    <row r="64007" spans="1:7" x14ac:dyDescent="0.3">
      <c r="A64007" s="13" t="s">
        <v>344</v>
      </c>
      <c r="B64007" s="14" t="s">
        <v>1</v>
      </c>
      <c r="C64007" s="14" t="s">
        <v>191</v>
      </c>
      <c r="D64007" s="14" t="s">
        <v>345</v>
      </c>
      <c r="E64007" s="15">
        <v>45508</v>
      </c>
      <c r="F64007" s="14" t="s">
        <v>72</v>
      </c>
      <c r="G64007" s="16">
        <v>0</v>
      </c>
    </row>
    <row r="64008" spans="1:7" x14ac:dyDescent="0.3">
      <c r="A64008" s="13" t="s">
        <v>344</v>
      </c>
      <c r="B64008" s="14" t="s">
        <v>1</v>
      </c>
      <c r="C64008" s="14" t="s">
        <v>191</v>
      </c>
      <c r="D64008" s="14" t="s">
        <v>345</v>
      </c>
      <c r="E64008" s="15">
        <v>45509</v>
      </c>
      <c r="F64008" s="14" t="s">
        <v>72</v>
      </c>
      <c r="G64008" s="16">
        <v>0</v>
      </c>
    </row>
    <row r="64009" spans="1:7" x14ac:dyDescent="0.3">
      <c r="A64009" s="13" t="s">
        <v>344</v>
      </c>
      <c r="B64009" s="14" t="s">
        <v>1</v>
      </c>
      <c r="C64009" s="14" t="s">
        <v>191</v>
      </c>
      <c r="D64009" s="14" t="s">
        <v>345</v>
      </c>
      <c r="E64009" s="15">
        <v>45510</v>
      </c>
      <c r="F64009" s="14" t="s">
        <v>72</v>
      </c>
      <c r="G64009" s="16">
        <v>0</v>
      </c>
    </row>
    <row r="64010" spans="1:7" x14ac:dyDescent="0.3">
      <c r="A64010" s="13" t="s">
        <v>344</v>
      </c>
      <c r="B64010" s="14" t="s">
        <v>1</v>
      </c>
      <c r="C64010" s="14" t="s">
        <v>191</v>
      </c>
      <c r="D64010" s="14" t="s">
        <v>345</v>
      </c>
      <c r="E64010" s="15">
        <v>45511</v>
      </c>
      <c r="F64010" s="14" t="s">
        <v>72</v>
      </c>
      <c r="G64010" s="16">
        <v>8.1563404016642294E-3</v>
      </c>
    </row>
    <row r="64011" spans="1:7" x14ac:dyDescent="0.3">
      <c r="A64011" s="13" t="s">
        <v>344</v>
      </c>
      <c r="B64011" s="14" t="s">
        <v>1</v>
      </c>
      <c r="C64011" s="14" t="s">
        <v>191</v>
      </c>
      <c r="D64011" s="14" t="s">
        <v>345</v>
      </c>
      <c r="E64011" s="15">
        <v>45512</v>
      </c>
      <c r="F64011" s="14" t="s">
        <v>72</v>
      </c>
      <c r="G64011" s="16">
        <v>5.2129398181561433E-3</v>
      </c>
    </row>
    <row r="64012" spans="1:7" x14ac:dyDescent="0.3">
      <c r="A64012" s="13" t="s">
        <v>344</v>
      </c>
      <c r="B64012" s="14" t="s">
        <v>1</v>
      </c>
      <c r="C64012" s="14" t="s">
        <v>191</v>
      </c>
      <c r="D64012" s="14" t="s">
        <v>345</v>
      </c>
      <c r="E64012" s="15">
        <v>45513</v>
      </c>
      <c r="F64012" s="14" t="s">
        <v>72</v>
      </c>
      <c r="G64012" s="16">
        <v>5.2129398181561433E-3</v>
      </c>
    </row>
    <row r="64013" spans="1:7" x14ac:dyDescent="0.3">
      <c r="A64013" s="13" t="s">
        <v>344</v>
      </c>
      <c r="B64013" s="14" t="s">
        <v>1</v>
      </c>
      <c r="C64013" s="14" t="s">
        <v>191</v>
      </c>
      <c r="D64013" s="14" t="s">
        <v>345</v>
      </c>
      <c r="E64013" s="15">
        <v>45514</v>
      </c>
      <c r="F64013" s="14" t="s">
        <v>72</v>
      </c>
      <c r="G64013" s="16">
        <v>5.2129398181561433E-3</v>
      </c>
    </row>
    <row r="64014" spans="1:7" x14ac:dyDescent="0.3">
      <c r="A64014" s="13" t="s">
        <v>344</v>
      </c>
      <c r="B64014" s="14" t="s">
        <v>1</v>
      </c>
      <c r="C64014" s="14" t="s">
        <v>191</v>
      </c>
      <c r="D64014" s="14" t="s">
        <v>345</v>
      </c>
      <c r="E64014" s="15">
        <v>45515</v>
      </c>
      <c r="F64014" s="14" t="s">
        <v>72</v>
      </c>
      <c r="G64014" s="16">
        <v>5.2129398181561433E-3</v>
      </c>
    </row>
    <row r="64015" spans="1:7" x14ac:dyDescent="0.3">
      <c r="A64015" s="13" t="s">
        <v>344</v>
      </c>
      <c r="B64015" s="14" t="s">
        <v>1</v>
      </c>
      <c r="C64015" s="14" t="s">
        <v>191</v>
      </c>
      <c r="D64015" s="14" t="s">
        <v>345</v>
      </c>
      <c r="E64015" s="15">
        <v>45516</v>
      </c>
      <c r="F64015" s="14" t="s">
        <v>72</v>
      </c>
      <c r="G64015" s="16">
        <v>6.4829372705044706E-3</v>
      </c>
    </row>
    <row r="64016" spans="1:7" x14ac:dyDescent="0.3">
      <c r="A64016" s="13" t="s">
        <v>344</v>
      </c>
      <c r="B64016" s="14" t="s">
        <v>1</v>
      </c>
      <c r="C64016" s="14" t="s">
        <v>191</v>
      </c>
      <c r="D64016" s="14" t="s">
        <v>345</v>
      </c>
      <c r="E64016" s="15">
        <v>45517</v>
      </c>
      <c r="F64016" s="14" t="s">
        <v>72</v>
      </c>
      <c r="G64016" s="16">
        <v>0</v>
      </c>
    </row>
    <row r="64017" spans="1:7" x14ac:dyDescent="0.3">
      <c r="A64017" s="13" t="s">
        <v>344</v>
      </c>
      <c r="B64017" s="14" t="s">
        <v>1</v>
      </c>
      <c r="C64017" s="14" t="s">
        <v>191</v>
      </c>
      <c r="D64017" s="14" t="s">
        <v>345</v>
      </c>
      <c r="E64017" s="15">
        <v>45518</v>
      </c>
      <c r="F64017" s="14" t="s">
        <v>72</v>
      </c>
      <c r="G64017" s="16">
        <v>0</v>
      </c>
    </row>
    <row r="64018" spans="1:7" x14ac:dyDescent="0.3">
      <c r="A64018" s="13" t="s">
        <v>344</v>
      </c>
      <c r="B64018" s="14" t="s">
        <v>1</v>
      </c>
      <c r="C64018" s="14" t="s">
        <v>191</v>
      </c>
      <c r="D64018" s="14" t="s">
        <v>345</v>
      </c>
      <c r="E64018" s="15">
        <v>45519</v>
      </c>
      <c r="F64018" s="14" t="s">
        <v>72</v>
      </c>
      <c r="G64018" s="16">
        <v>0</v>
      </c>
    </row>
    <row r="64019" spans="1:7" x14ac:dyDescent="0.3">
      <c r="A64019" s="13" t="s">
        <v>344</v>
      </c>
      <c r="B64019" s="14" t="s">
        <v>1</v>
      </c>
      <c r="C64019" s="14" t="s">
        <v>191</v>
      </c>
      <c r="D64019" s="14" t="s">
        <v>345</v>
      </c>
      <c r="E64019" s="15">
        <v>45520</v>
      </c>
      <c r="F64019" s="14" t="s">
        <v>72</v>
      </c>
      <c r="G64019" s="16">
        <v>0.12024228733692972</v>
      </c>
    </row>
    <row r="64020" spans="1:7" x14ac:dyDescent="0.3">
      <c r="A64020" s="13" t="s">
        <v>344</v>
      </c>
      <c r="B64020" s="14" t="s">
        <v>1</v>
      </c>
      <c r="C64020" s="14" t="s">
        <v>191</v>
      </c>
      <c r="D64020" s="14" t="s">
        <v>345</v>
      </c>
      <c r="E64020" s="15">
        <v>45521</v>
      </c>
      <c r="F64020" s="14" t="s">
        <v>72</v>
      </c>
      <c r="G64020" s="16">
        <v>0.12024228733692972</v>
      </c>
    </row>
    <row r="64021" spans="1:7" x14ac:dyDescent="0.3">
      <c r="A64021" s="13" t="s">
        <v>344</v>
      </c>
      <c r="B64021" s="14" t="s">
        <v>1</v>
      </c>
      <c r="C64021" s="14" t="s">
        <v>191</v>
      </c>
      <c r="D64021" s="14" t="s">
        <v>345</v>
      </c>
      <c r="E64021" s="15">
        <v>45522</v>
      </c>
      <c r="F64021" s="14" t="s">
        <v>72</v>
      </c>
      <c r="G64021" s="16">
        <v>0.12024228733692972</v>
      </c>
    </row>
    <row r="64022" spans="1:7" x14ac:dyDescent="0.3">
      <c r="A64022" s="13" t="s">
        <v>344</v>
      </c>
      <c r="B64022" s="14" t="s">
        <v>1</v>
      </c>
      <c r="C64022" s="14" t="s">
        <v>191</v>
      </c>
      <c r="D64022" s="14" t="s">
        <v>345</v>
      </c>
      <c r="E64022" s="15">
        <v>45523</v>
      </c>
      <c r="F64022" s="14" t="s">
        <v>72</v>
      </c>
      <c r="G64022" s="16">
        <v>0.11618883871881265</v>
      </c>
    </row>
    <row r="64023" spans="1:7" x14ac:dyDescent="0.3">
      <c r="A64023" s="13" t="s">
        <v>344</v>
      </c>
      <c r="B64023" s="14" t="s">
        <v>1</v>
      </c>
      <c r="C64023" s="14" t="s">
        <v>191</v>
      </c>
      <c r="D64023" s="14" t="s">
        <v>345</v>
      </c>
      <c r="E64023" s="15">
        <v>45524</v>
      </c>
      <c r="F64023" s="14" t="s">
        <v>72</v>
      </c>
      <c r="G64023" s="16">
        <v>0.10703838224538631</v>
      </c>
    </row>
    <row r="64024" spans="1:7" x14ac:dyDescent="0.3">
      <c r="A64024" s="13" t="s">
        <v>344</v>
      </c>
      <c r="B64024" s="14" t="s">
        <v>1</v>
      </c>
      <c r="C64024" s="14" t="s">
        <v>191</v>
      </c>
      <c r="D64024" s="14" t="s">
        <v>345</v>
      </c>
      <c r="E64024" s="15">
        <v>45525</v>
      </c>
      <c r="F64024" s="14" t="s">
        <v>72</v>
      </c>
      <c r="G64024" s="16">
        <v>0.24202224227572045</v>
      </c>
    </row>
    <row r="64025" spans="1:7" x14ac:dyDescent="0.3">
      <c r="A64025" s="13" t="s">
        <v>344</v>
      </c>
      <c r="B64025" s="14" t="s">
        <v>1</v>
      </c>
      <c r="C64025" s="14" t="s">
        <v>191</v>
      </c>
      <c r="D64025" s="14" t="s">
        <v>345</v>
      </c>
      <c r="E64025" s="15">
        <v>45526</v>
      </c>
      <c r="F64025" s="14" t="s">
        <v>72</v>
      </c>
      <c r="G64025" s="16">
        <v>0.24035434865290442</v>
      </c>
    </row>
    <row r="64026" spans="1:7" x14ac:dyDescent="0.3">
      <c r="A64026" s="13" t="s">
        <v>344</v>
      </c>
      <c r="B64026" s="14" t="s">
        <v>1</v>
      </c>
      <c r="C64026" s="14" t="s">
        <v>191</v>
      </c>
      <c r="D64026" s="14" t="s">
        <v>345</v>
      </c>
      <c r="E64026" s="15">
        <v>45527</v>
      </c>
      <c r="F64026" s="14" t="s">
        <v>72</v>
      </c>
      <c r="G64026" s="16">
        <v>0.23417450139637347</v>
      </c>
    </row>
    <row r="64027" spans="1:7" x14ac:dyDescent="0.3">
      <c r="A64027" s="13" t="s">
        <v>344</v>
      </c>
      <c r="B64027" s="14" t="s">
        <v>1</v>
      </c>
      <c r="C64027" s="14" t="s">
        <v>191</v>
      </c>
      <c r="D64027" s="14" t="s">
        <v>345</v>
      </c>
      <c r="E64027" s="15">
        <v>45528</v>
      </c>
      <c r="F64027" s="14" t="s">
        <v>72</v>
      </c>
      <c r="G64027" s="16">
        <v>0.23417450139637347</v>
      </c>
    </row>
    <row r="64028" spans="1:7" x14ac:dyDescent="0.3">
      <c r="A64028" s="13" t="s">
        <v>344</v>
      </c>
      <c r="B64028" s="14" t="s">
        <v>1</v>
      </c>
      <c r="C64028" s="14" t="s">
        <v>191</v>
      </c>
      <c r="D64028" s="14" t="s">
        <v>345</v>
      </c>
      <c r="E64028" s="15">
        <v>45529</v>
      </c>
      <c r="F64028" s="14" t="s">
        <v>72</v>
      </c>
      <c r="G64028" s="16">
        <v>0.23417450139637347</v>
      </c>
    </row>
    <row r="64029" spans="1:7" x14ac:dyDescent="0.3">
      <c r="A64029" s="13" t="s">
        <v>344</v>
      </c>
      <c r="B64029" s="14" t="s">
        <v>1</v>
      </c>
      <c r="C64029" s="14" t="s">
        <v>191</v>
      </c>
      <c r="D64029" s="14" t="s">
        <v>345</v>
      </c>
      <c r="E64029" s="15">
        <v>45530</v>
      </c>
      <c r="F64029" s="14" t="s">
        <v>72</v>
      </c>
      <c r="G64029" s="16">
        <v>0.30632954635945359</v>
      </c>
    </row>
    <row r="64030" spans="1:7" x14ac:dyDescent="0.3">
      <c r="A64030" s="13" t="s">
        <v>344</v>
      </c>
      <c r="B64030" s="14" t="s">
        <v>1</v>
      </c>
      <c r="C64030" s="14" t="s">
        <v>191</v>
      </c>
      <c r="D64030" s="14" t="s">
        <v>345</v>
      </c>
      <c r="E64030" s="15">
        <v>45531</v>
      </c>
      <c r="F64030" s="14" t="s">
        <v>72</v>
      </c>
      <c r="G64030" s="16">
        <v>0.29619943077196703</v>
      </c>
    </row>
    <row r="64031" spans="1:7" x14ac:dyDescent="0.3">
      <c r="A64031" s="13" t="s">
        <v>344</v>
      </c>
      <c r="B64031" s="14" t="s">
        <v>1</v>
      </c>
      <c r="C64031" s="14" t="s">
        <v>191</v>
      </c>
      <c r="D64031" s="14" t="s">
        <v>345</v>
      </c>
      <c r="E64031" s="15">
        <v>45532</v>
      </c>
      <c r="F64031" s="14" t="s">
        <v>72</v>
      </c>
      <c r="G64031" s="16">
        <v>0.2949265237991025</v>
      </c>
    </row>
    <row r="64032" spans="1:7" x14ac:dyDescent="0.3">
      <c r="A64032" s="13" t="s">
        <v>344</v>
      </c>
      <c r="B64032" s="14" t="s">
        <v>1</v>
      </c>
      <c r="C64032" s="14" t="s">
        <v>191</v>
      </c>
      <c r="D64032" s="14" t="s">
        <v>345</v>
      </c>
      <c r="E64032" s="15">
        <v>45533</v>
      </c>
      <c r="F64032" s="14" t="s">
        <v>72</v>
      </c>
      <c r="G64032" s="16">
        <v>0.29121016126776161</v>
      </c>
    </row>
    <row r="64033" spans="1:7" x14ac:dyDescent="0.3">
      <c r="A64033" s="13" t="s">
        <v>344</v>
      </c>
      <c r="B64033" s="14" t="s">
        <v>1</v>
      </c>
      <c r="C64033" s="14" t="s">
        <v>191</v>
      </c>
      <c r="D64033" s="14" t="s">
        <v>345</v>
      </c>
      <c r="E64033" s="15">
        <v>45534</v>
      </c>
      <c r="F64033" s="14" t="s">
        <v>72</v>
      </c>
      <c r="G64033" s="16">
        <v>0.50567221087075565</v>
      </c>
    </row>
    <row r="64034" spans="1:7" x14ac:dyDescent="0.3">
      <c r="A64034" s="13" t="s">
        <v>344</v>
      </c>
      <c r="B64034" s="14" t="s">
        <v>1</v>
      </c>
      <c r="C64034" s="14" t="s">
        <v>191</v>
      </c>
      <c r="D64034" s="14" t="s">
        <v>345</v>
      </c>
      <c r="E64034" s="15">
        <v>45535</v>
      </c>
      <c r="F64034" s="14" t="s">
        <v>72</v>
      </c>
      <c r="G64034" s="16">
        <v>0.50567221087075565</v>
      </c>
    </row>
    <row r="64035" spans="1:7" x14ac:dyDescent="0.3">
      <c r="A64035" s="13" t="s">
        <v>344</v>
      </c>
      <c r="B64035" s="14" t="s">
        <v>1</v>
      </c>
      <c r="C64035" s="14" t="s">
        <v>191</v>
      </c>
      <c r="D64035" s="14" t="s">
        <v>345</v>
      </c>
      <c r="E64035" s="15">
        <v>45536</v>
      </c>
      <c r="F64035" s="14" t="s">
        <v>72</v>
      </c>
      <c r="G64035" s="16">
        <v>0.50567221087075565</v>
      </c>
    </row>
    <row r="64036" spans="1:7" x14ac:dyDescent="0.3">
      <c r="A64036" s="13" t="s">
        <v>344</v>
      </c>
      <c r="B64036" s="14" t="s">
        <v>1</v>
      </c>
      <c r="C64036" s="14" t="s">
        <v>191</v>
      </c>
      <c r="D64036" s="14" t="s">
        <v>345</v>
      </c>
      <c r="E64036" s="15">
        <v>45537</v>
      </c>
      <c r="F64036" s="14" t="s">
        <v>72</v>
      </c>
      <c r="G64036" s="16">
        <v>0.50436264521224594</v>
      </c>
    </row>
    <row r="64037" spans="1:7" x14ac:dyDescent="0.3">
      <c r="A64037" s="13" t="s">
        <v>344</v>
      </c>
      <c r="B64037" s="14" t="s">
        <v>1</v>
      </c>
      <c r="C64037" s="14" t="s">
        <v>191</v>
      </c>
      <c r="D64037" s="14" t="s">
        <v>345</v>
      </c>
      <c r="E64037" s="15">
        <v>45538</v>
      </c>
      <c r="F64037" s="14" t="s">
        <v>72</v>
      </c>
      <c r="G64037" s="16">
        <v>0.50060651544599533</v>
      </c>
    </row>
    <row r="64038" spans="1:7" x14ac:dyDescent="0.3">
      <c r="A64038" s="13" t="s">
        <v>344</v>
      </c>
      <c r="B64038" s="14" t="s">
        <v>1</v>
      </c>
      <c r="C64038" s="14" t="s">
        <v>191</v>
      </c>
      <c r="D64038" s="14" t="s">
        <v>345</v>
      </c>
      <c r="E64038" s="15">
        <v>45539</v>
      </c>
      <c r="F64038" s="14" t="s">
        <v>72</v>
      </c>
      <c r="G64038" s="16">
        <v>0.49553466702259402</v>
      </c>
    </row>
    <row r="64039" spans="1:7" x14ac:dyDescent="0.3">
      <c r="A64039" s="13" t="s">
        <v>344</v>
      </c>
      <c r="B64039" s="14" t="s">
        <v>1</v>
      </c>
      <c r="C64039" s="14" t="s">
        <v>191</v>
      </c>
      <c r="D64039" s="14" t="s">
        <v>345</v>
      </c>
      <c r="E64039" s="15">
        <v>45540</v>
      </c>
      <c r="F64039" s="14" t="s">
        <v>72</v>
      </c>
      <c r="G64039" s="16">
        <v>0.48001640329202944</v>
      </c>
    </row>
    <row r="64040" spans="1:7" x14ac:dyDescent="0.3">
      <c r="A64040" s="13" t="s">
        <v>344</v>
      </c>
      <c r="B64040" s="14" t="s">
        <v>1</v>
      </c>
      <c r="C64040" s="14" t="s">
        <v>191</v>
      </c>
      <c r="D64040" s="14" t="s">
        <v>345</v>
      </c>
      <c r="E64040" s="15">
        <v>45541</v>
      </c>
      <c r="F64040" s="14" t="s">
        <v>72</v>
      </c>
      <c r="G64040" s="16">
        <v>0.47605769518961011</v>
      </c>
    </row>
    <row r="64041" spans="1:7" x14ac:dyDescent="0.3">
      <c r="A64041" s="13" t="s">
        <v>344</v>
      </c>
      <c r="B64041" s="14" t="s">
        <v>1</v>
      </c>
      <c r="C64041" s="14" t="s">
        <v>191</v>
      </c>
      <c r="D64041" s="14" t="s">
        <v>345</v>
      </c>
      <c r="E64041" s="15">
        <v>45542</v>
      </c>
      <c r="F64041" s="14" t="s">
        <v>72</v>
      </c>
      <c r="G64041" s="16">
        <v>0.47605769518961011</v>
      </c>
    </row>
    <row r="64042" spans="1:7" x14ac:dyDescent="0.3">
      <c r="A64042" s="13" t="s">
        <v>344</v>
      </c>
      <c r="B64042" s="14" t="s">
        <v>1</v>
      </c>
      <c r="C64042" s="14" t="s">
        <v>191</v>
      </c>
      <c r="D64042" s="14" t="s">
        <v>345</v>
      </c>
      <c r="E64042" s="15">
        <v>45543</v>
      </c>
      <c r="F64042" s="14" t="s">
        <v>72</v>
      </c>
      <c r="G64042" s="16">
        <v>0.47605769518961011</v>
      </c>
    </row>
    <row r="64043" spans="1:7" x14ac:dyDescent="0.3">
      <c r="A64043" s="13" t="s">
        <v>344</v>
      </c>
      <c r="B64043" s="14" t="s">
        <v>1</v>
      </c>
      <c r="C64043" s="14" t="s">
        <v>191</v>
      </c>
      <c r="D64043" s="14" t="s">
        <v>345</v>
      </c>
      <c r="E64043" s="15">
        <v>45544</v>
      </c>
      <c r="F64043" s="14" t="s">
        <v>72</v>
      </c>
      <c r="G64043" s="16">
        <v>0.47915709725067246</v>
      </c>
    </row>
    <row r="64044" spans="1:7" x14ac:dyDescent="0.3">
      <c r="A64044" s="13" t="s">
        <v>344</v>
      </c>
      <c r="B64044" s="14" t="s">
        <v>1</v>
      </c>
      <c r="C64044" s="14" t="s">
        <v>191</v>
      </c>
      <c r="D64044" s="14" t="s">
        <v>345</v>
      </c>
      <c r="E64044" s="15">
        <v>45545</v>
      </c>
      <c r="F64044" s="14" t="s">
        <v>72</v>
      </c>
      <c r="G64044" s="16">
        <v>0.46991976360967841</v>
      </c>
    </row>
    <row r="64045" spans="1:7" x14ac:dyDescent="0.3">
      <c r="A64045" s="13" t="s">
        <v>344</v>
      </c>
      <c r="B64045" s="14" t="s">
        <v>1</v>
      </c>
      <c r="C64045" s="14" t="s">
        <v>191</v>
      </c>
      <c r="D64045" s="14" t="s">
        <v>345</v>
      </c>
      <c r="E64045" s="15">
        <v>45546</v>
      </c>
      <c r="F64045" s="14" t="s">
        <v>72</v>
      </c>
      <c r="G64045" s="16">
        <v>0.52058962823028365</v>
      </c>
    </row>
    <row r="64046" spans="1:7" x14ac:dyDescent="0.3">
      <c r="A64046" s="13" t="s">
        <v>344</v>
      </c>
      <c r="B64046" s="14" t="s">
        <v>1</v>
      </c>
      <c r="C64046" s="14" t="s">
        <v>191</v>
      </c>
      <c r="D64046" s="14" t="s">
        <v>345</v>
      </c>
      <c r="E64046" s="15">
        <v>45547</v>
      </c>
      <c r="F64046" s="14" t="s">
        <v>72</v>
      </c>
      <c r="G64046" s="16">
        <v>0.51366140451286202</v>
      </c>
    </row>
    <row r="64047" spans="1:7" x14ac:dyDescent="0.3">
      <c r="A64047" s="13" t="s">
        <v>344</v>
      </c>
      <c r="B64047" s="14" t="s">
        <v>1</v>
      </c>
      <c r="C64047" s="14" t="s">
        <v>191</v>
      </c>
      <c r="D64047" s="14" t="s">
        <v>345</v>
      </c>
      <c r="E64047" s="15">
        <v>45548</v>
      </c>
      <c r="F64047" s="14" t="s">
        <v>72</v>
      </c>
      <c r="G64047" s="16">
        <v>0.51188437314123014</v>
      </c>
    </row>
    <row r="64048" spans="1:7" x14ac:dyDescent="0.3">
      <c r="A64048" s="13" t="s">
        <v>344</v>
      </c>
      <c r="B64048" s="14" t="s">
        <v>1</v>
      </c>
      <c r="C64048" s="14" t="s">
        <v>191</v>
      </c>
      <c r="D64048" s="14" t="s">
        <v>345</v>
      </c>
      <c r="E64048" s="15">
        <v>45549</v>
      </c>
      <c r="F64048" s="14" t="s">
        <v>72</v>
      </c>
      <c r="G64048" s="16">
        <v>0.51188437314123014</v>
      </c>
    </row>
    <row r="64049" spans="1:7" x14ac:dyDescent="0.3">
      <c r="A64049" s="13" t="s">
        <v>344</v>
      </c>
      <c r="B64049" s="14" t="s">
        <v>1</v>
      </c>
      <c r="C64049" s="14" t="s">
        <v>191</v>
      </c>
      <c r="D64049" s="14" t="s">
        <v>345</v>
      </c>
      <c r="E64049" s="15">
        <v>45550</v>
      </c>
      <c r="F64049" s="14" t="s">
        <v>72</v>
      </c>
      <c r="G64049" s="16">
        <v>0.51188437314123014</v>
      </c>
    </row>
    <row r="64050" spans="1:7" x14ac:dyDescent="0.3">
      <c r="A64050" s="13" t="s">
        <v>344</v>
      </c>
      <c r="B64050" s="14" t="s">
        <v>1</v>
      </c>
      <c r="C64050" s="14" t="s">
        <v>191</v>
      </c>
      <c r="D64050" s="14" t="s">
        <v>345</v>
      </c>
      <c r="E64050" s="15">
        <v>45551</v>
      </c>
      <c r="F64050" s="14" t="s">
        <v>72</v>
      </c>
      <c r="G64050" s="16">
        <v>0.50501652649972606</v>
      </c>
    </row>
    <row r="64051" spans="1:7" x14ac:dyDescent="0.3">
      <c r="A64051" s="13" t="s">
        <v>344</v>
      </c>
      <c r="B64051" s="14" t="s">
        <v>1</v>
      </c>
      <c r="C64051" s="14" t="s">
        <v>191</v>
      </c>
      <c r="D64051" s="14" t="s">
        <v>345</v>
      </c>
      <c r="E64051" s="15">
        <v>45552</v>
      </c>
      <c r="F64051" s="14" t="s">
        <v>72</v>
      </c>
      <c r="G64051" s="16">
        <v>0.48786178149923776</v>
      </c>
    </row>
    <row r="64052" spans="1:7" x14ac:dyDescent="0.3">
      <c r="A64052" s="13" t="s">
        <v>344</v>
      </c>
      <c r="B64052" s="14" t="s">
        <v>1</v>
      </c>
      <c r="C64052" s="14" t="s">
        <v>191</v>
      </c>
      <c r="D64052" s="14" t="s">
        <v>345</v>
      </c>
      <c r="E64052" s="15">
        <v>45553</v>
      </c>
      <c r="F64052" s="14" t="s">
        <v>72</v>
      </c>
      <c r="G64052" s="16">
        <v>0.48227827098608694</v>
      </c>
    </row>
    <row r="64053" spans="1:7" x14ac:dyDescent="0.3">
      <c r="A64053" s="13" t="s">
        <v>344</v>
      </c>
      <c r="B64053" s="14" t="s">
        <v>1</v>
      </c>
      <c r="C64053" s="14" t="s">
        <v>191</v>
      </c>
      <c r="D64053" s="14" t="s">
        <v>345</v>
      </c>
      <c r="E64053" s="15">
        <v>45554</v>
      </c>
      <c r="F64053" s="14" t="s">
        <v>72</v>
      </c>
      <c r="G64053" s="16">
        <v>0.47377305676578862</v>
      </c>
    </row>
    <row r="64054" spans="1:7" x14ac:dyDescent="0.3">
      <c r="A64054" s="13" t="s">
        <v>344</v>
      </c>
      <c r="B64054" s="14" t="s">
        <v>1</v>
      </c>
      <c r="C64054" s="14" t="s">
        <v>191</v>
      </c>
      <c r="D64054" s="14" t="s">
        <v>345</v>
      </c>
      <c r="E64054" s="15">
        <v>45555</v>
      </c>
      <c r="F64054" s="14" t="s">
        <v>72</v>
      </c>
      <c r="G64054" s="16">
        <v>0.47226066317803567</v>
      </c>
    </row>
    <row r="64055" spans="1:7" x14ac:dyDescent="0.3">
      <c r="A64055" s="13" t="s">
        <v>344</v>
      </c>
      <c r="B64055" s="14" t="s">
        <v>1</v>
      </c>
      <c r="C64055" s="14" t="s">
        <v>191</v>
      </c>
      <c r="D64055" s="14" t="s">
        <v>345</v>
      </c>
      <c r="E64055" s="15">
        <v>45556</v>
      </c>
      <c r="F64055" s="14" t="s">
        <v>72</v>
      </c>
      <c r="G64055" s="16">
        <v>0.47226066317803567</v>
      </c>
    </row>
    <row r="64056" spans="1:7" x14ac:dyDescent="0.3">
      <c r="A64056" s="13" t="s">
        <v>344</v>
      </c>
      <c r="B64056" s="14" t="s">
        <v>1</v>
      </c>
      <c r="C64056" s="14" t="s">
        <v>191</v>
      </c>
      <c r="D64056" s="14" t="s">
        <v>345</v>
      </c>
      <c r="E64056" s="15">
        <v>45557</v>
      </c>
      <c r="F64056" s="14" t="s">
        <v>72</v>
      </c>
      <c r="G64056" s="16">
        <v>0.47226066317803567</v>
      </c>
    </row>
    <row r="64057" spans="1:7" x14ac:dyDescent="0.3">
      <c r="A64057" s="13" t="s">
        <v>344</v>
      </c>
      <c r="B64057" s="14" t="s">
        <v>1</v>
      </c>
      <c r="C64057" s="14" t="s">
        <v>191</v>
      </c>
      <c r="D64057" s="14" t="s">
        <v>345</v>
      </c>
      <c r="E64057" s="15">
        <v>45558</v>
      </c>
      <c r="F64057" s="14" t="s">
        <v>72</v>
      </c>
      <c r="G64057" s="16">
        <v>0.46544729570365073</v>
      </c>
    </row>
    <row r="64058" spans="1:7" x14ac:dyDescent="0.3">
      <c r="A64058" s="13" t="s">
        <v>344</v>
      </c>
      <c r="B64058" s="14" t="s">
        <v>1</v>
      </c>
      <c r="C64058" s="14" t="s">
        <v>191</v>
      </c>
      <c r="D64058" s="14" t="s">
        <v>345</v>
      </c>
      <c r="E64058" s="15">
        <v>45559</v>
      </c>
      <c r="F64058" s="14" t="s">
        <v>72</v>
      </c>
      <c r="G64058" s="16">
        <v>0.45207217898551577</v>
      </c>
    </row>
    <row r="64059" spans="1:7" x14ac:dyDescent="0.3">
      <c r="A64059" s="13" t="s">
        <v>344</v>
      </c>
      <c r="B64059" s="14" t="s">
        <v>1</v>
      </c>
      <c r="C64059" s="14" t="s">
        <v>191</v>
      </c>
      <c r="D64059" s="14" t="s">
        <v>345</v>
      </c>
      <c r="E64059" s="15">
        <v>45560</v>
      </c>
      <c r="F64059" s="14" t="s">
        <v>72</v>
      </c>
      <c r="G64059" s="16">
        <v>0.45325795620737458</v>
      </c>
    </row>
    <row r="64060" spans="1:7" x14ac:dyDescent="0.3">
      <c r="A64060" s="13" t="s">
        <v>344</v>
      </c>
      <c r="B64060" s="14" t="s">
        <v>1</v>
      </c>
      <c r="C64060" s="14" t="s">
        <v>191</v>
      </c>
      <c r="D64060" s="14" t="s">
        <v>345</v>
      </c>
      <c r="E64060" s="15">
        <v>45561</v>
      </c>
      <c r="F64060" s="14" t="s">
        <v>72</v>
      </c>
      <c r="G64060" s="16">
        <v>0.44524296563899729</v>
      </c>
    </row>
    <row r="64061" spans="1:7" x14ac:dyDescent="0.3">
      <c r="A64061" s="13" t="s">
        <v>344</v>
      </c>
      <c r="B64061" s="14" t="s">
        <v>1</v>
      </c>
      <c r="C64061" s="14" t="s">
        <v>191</v>
      </c>
      <c r="D64061" s="14" t="s">
        <v>345</v>
      </c>
      <c r="E64061" s="15">
        <v>45562</v>
      </c>
      <c r="F64061" s="14" t="s">
        <v>72</v>
      </c>
      <c r="G64061" s="16">
        <v>0.44551145504336492</v>
      </c>
    </row>
    <row r="64062" spans="1:7" x14ac:dyDescent="0.3">
      <c r="A64062" s="13" t="s">
        <v>344</v>
      </c>
      <c r="B64062" s="14" t="s">
        <v>1</v>
      </c>
      <c r="C64062" s="14" t="s">
        <v>191</v>
      </c>
      <c r="D64062" s="14" t="s">
        <v>345</v>
      </c>
      <c r="E64062" s="15">
        <v>45563</v>
      </c>
      <c r="F64062" s="14" t="s">
        <v>72</v>
      </c>
      <c r="G64062" s="16">
        <v>0.44551145504336492</v>
      </c>
    </row>
    <row r="64063" spans="1:7" x14ac:dyDescent="0.3">
      <c r="A64063" s="13" t="s">
        <v>344</v>
      </c>
      <c r="B64063" s="14" t="s">
        <v>1</v>
      </c>
      <c r="C64063" s="14" t="s">
        <v>191</v>
      </c>
      <c r="D64063" s="14" t="s">
        <v>345</v>
      </c>
      <c r="E64063" s="15">
        <v>45564</v>
      </c>
      <c r="F64063" s="14" t="s">
        <v>72</v>
      </c>
      <c r="G64063" s="16">
        <v>0.44551145504336492</v>
      </c>
    </row>
    <row r="64064" spans="1:7" x14ac:dyDescent="0.3">
      <c r="A64064" s="13" t="s">
        <v>344</v>
      </c>
      <c r="B64064" s="14" t="s">
        <v>1</v>
      </c>
      <c r="C64064" s="14" t="s">
        <v>191</v>
      </c>
      <c r="D64064" s="14" t="s">
        <v>345</v>
      </c>
      <c r="E64064" s="15">
        <v>45565</v>
      </c>
      <c r="F64064" s="14" t="s">
        <v>72</v>
      </c>
      <c r="G64064" s="16">
        <v>0.48666836086980231</v>
      </c>
    </row>
    <row r="64065" spans="1:7" x14ac:dyDescent="0.3">
      <c r="A64065" s="13" t="s">
        <v>344</v>
      </c>
      <c r="B64065" s="14" t="s">
        <v>1</v>
      </c>
      <c r="C64065" s="14" t="s">
        <v>191</v>
      </c>
      <c r="D64065" s="14" t="s">
        <v>345</v>
      </c>
      <c r="E64065" s="15">
        <v>45566</v>
      </c>
      <c r="F64065" s="14" t="s">
        <v>72</v>
      </c>
      <c r="G64065" s="16">
        <v>0</v>
      </c>
    </row>
    <row r="64066" spans="1:7" x14ac:dyDescent="0.3">
      <c r="A64066" s="13" t="s">
        <v>344</v>
      </c>
      <c r="B64066" s="14" t="s">
        <v>1</v>
      </c>
      <c r="C64066" s="14" t="s">
        <v>191</v>
      </c>
      <c r="D64066" s="14" t="s">
        <v>345</v>
      </c>
      <c r="E64066" s="15">
        <v>45567</v>
      </c>
      <c r="F64066" s="14" t="s">
        <v>72</v>
      </c>
      <c r="G64066" s="16">
        <v>0</v>
      </c>
    </row>
    <row r="64067" spans="1:7" x14ac:dyDescent="0.3">
      <c r="A64067" s="13" t="s">
        <v>344</v>
      </c>
      <c r="B64067" s="14" t="s">
        <v>1</v>
      </c>
      <c r="C64067" s="14" t="s">
        <v>191</v>
      </c>
      <c r="D64067" s="14" t="s">
        <v>345</v>
      </c>
      <c r="E64067" s="15">
        <v>45568</v>
      </c>
      <c r="F64067" s="14" t="s">
        <v>72</v>
      </c>
      <c r="G64067" s="16">
        <v>0</v>
      </c>
    </row>
    <row r="64068" spans="1:7" x14ac:dyDescent="0.3">
      <c r="A64068" s="13" t="s">
        <v>344</v>
      </c>
      <c r="B64068" s="14" t="s">
        <v>1</v>
      </c>
      <c r="C64068" s="14" t="s">
        <v>191</v>
      </c>
      <c r="D64068" s="14" t="s">
        <v>345</v>
      </c>
      <c r="E64068" s="15">
        <v>45569</v>
      </c>
      <c r="F64068" s="14" t="s">
        <v>72</v>
      </c>
      <c r="G64068" s="16">
        <v>0</v>
      </c>
    </row>
    <row r="64069" spans="1:7" x14ac:dyDescent="0.3">
      <c r="A64069" s="13" t="s">
        <v>344</v>
      </c>
      <c r="B64069" s="14" t="s">
        <v>1</v>
      </c>
      <c r="C64069" s="14" t="s">
        <v>191</v>
      </c>
      <c r="D64069" s="14" t="s">
        <v>345</v>
      </c>
      <c r="E64069" s="15">
        <v>45570</v>
      </c>
      <c r="F64069" s="14" t="s">
        <v>72</v>
      </c>
      <c r="G64069" s="16">
        <v>0</v>
      </c>
    </row>
    <row r="64070" spans="1:7" x14ac:dyDescent="0.3">
      <c r="A64070" s="13" t="s">
        <v>344</v>
      </c>
      <c r="B64070" s="14" t="s">
        <v>1</v>
      </c>
      <c r="C64070" s="14" t="s">
        <v>191</v>
      </c>
      <c r="D64070" s="14" t="s">
        <v>345</v>
      </c>
      <c r="E64070" s="15">
        <v>45571</v>
      </c>
      <c r="F64070" s="14" t="s">
        <v>72</v>
      </c>
      <c r="G64070" s="16">
        <v>0</v>
      </c>
    </row>
    <row r="64071" spans="1:7" x14ac:dyDescent="0.3">
      <c r="A64071" s="13" t="s">
        <v>344</v>
      </c>
      <c r="B64071" s="14" t="s">
        <v>1</v>
      </c>
      <c r="C64071" s="14" t="s">
        <v>191</v>
      </c>
      <c r="D64071" s="14" t="s">
        <v>345</v>
      </c>
      <c r="E64071" s="15">
        <v>45572</v>
      </c>
      <c r="F64071" s="14" t="s">
        <v>72</v>
      </c>
      <c r="G64071" s="16">
        <v>0</v>
      </c>
    </row>
    <row r="64072" spans="1:7" x14ac:dyDescent="0.3">
      <c r="A64072" s="13" t="s">
        <v>344</v>
      </c>
      <c r="B64072" s="14" t="s">
        <v>1</v>
      </c>
      <c r="C64072" s="14" t="s">
        <v>191</v>
      </c>
      <c r="D64072" s="14" t="s">
        <v>345</v>
      </c>
      <c r="E64072" s="15">
        <v>45573</v>
      </c>
      <c r="F64072" s="14" t="s">
        <v>72</v>
      </c>
      <c r="G64072" s="16">
        <v>0</v>
      </c>
    </row>
    <row r="64073" spans="1:7" x14ac:dyDescent="0.3">
      <c r="A64073" s="13" t="s">
        <v>344</v>
      </c>
      <c r="B64073" s="14" t="s">
        <v>1</v>
      </c>
      <c r="C64073" s="14" t="s">
        <v>191</v>
      </c>
      <c r="D64073" s="14" t="s">
        <v>345</v>
      </c>
      <c r="E64073" s="15">
        <v>45574</v>
      </c>
      <c r="F64073" s="14" t="s">
        <v>72</v>
      </c>
      <c r="G64073" s="16">
        <v>0</v>
      </c>
    </row>
    <row r="64074" spans="1:7" x14ac:dyDescent="0.3">
      <c r="A64074" s="13" t="s">
        <v>344</v>
      </c>
      <c r="B64074" s="14" t="s">
        <v>1</v>
      </c>
      <c r="C64074" s="14" t="s">
        <v>191</v>
      </c>
      <c r="D64074" s="14" t="s">
        <v>345</v>
      </c>
      <c r="E64074" s="15">
        <v>45575</v>
      </c>
      <c r="F64074" s="14" t="s">
        <v>72</v>
      </c>
      <c r="G64074" s="16">
        <v>0</v>
      </c>
    </row>
    <row r="64075" spans="1:7" x14ac:dyDescent="0.3">
      <c r="A64075" s="13" t="s">
        <v>344</v>
      </c>
      <c r="B64075" s="14" t="s">
        <v>1</v>
      </c>
      <c r="C64075" s="14" t="s">
        <v>191</v>
      </c>
      <c r="D64075" s="14" t="s">
        <v>345</v>
      </c>
      <c r="E64075" s="15">
        <v>45576</v>
      </c>
      <c r="F64075" s="14" t="s">
        <v>72</v>
      </c>
      <c r="G64075" s="16">
        <v>0</v>
      </c>
    </row>
    <row r="64076" spans="1:7" x14ac:dyDescent="0.3">
      <c r="A64076" s="13" t="s">
        <v>344</v>
      </c>
      <c r="B64076" s="14" t="s">
        <v>1</v>
      </c>
      <c r="C64076" s="14" t="s">
        <v>191</v>
      </c>
      <c r="D64076" s="14" t="s">
        <v>345</v>
      </c>
      <c r="E64076" s="15">
        <v>45577</v>
      </c>
      <c r="F64076" s="14" t="s">
        <v>72</v>
      </c>
      <c r="G64076" s="16">
        <v>0</v>
      </c>
    </row>
    <row r="64077" spans="1:7" x14ac:dyDescent="0.3">
      <c r="A64077" s="13" t="s">
        <v>344</v>
      </c>
      <c r="B64077" s="14" t="s">
        <v>1</v>
      </c>
      <c r="C64077" s="14" t="s">
        <v>191</v>
      </c>
      <c r="D64077" s="14" t="s">
        <v>345</v>
      </c>
      <c r="E64077" s="15">
        <v>45578</v>
      </c>
      <c r="F64077" s="14" t="s">
        <v>72</v>
      </c>
      <c r="G64077" s="16">
        <v>0</v>
      </c>
    </row>
    <row r="64078" spans="1:7" x14ac:dyDescent="0.3">
      <c r="A64078" s="13" t="s">
        <v>344</v>
      </c>
      <c r="B64078" s="14" t="s">
        <v>1</v>
      </c>
      <c r="C64078" s="14" t="s">
        <v>191</v>
      </c>
      <c r="D64078" s="14" t="s">
        <v>345</v>
      </c>
      <c r="E64078" s="15">
        <v>45579</v>
      </c>
      <c r="F64078" s="14" t="s">
        <v>72</v>
      </c>
      <c r="G64078" s="16">
        <v>0</v>
      </c>
    </row>
    <row r="64079" spans="1:7" x14ac:dyDescent="0.3">
      <c r="A64079" s="13" t="s">
        <v>344</v>
      </c>
      <c r="B64079" s="14" t="s">
        <v>1</v>
      </c>
      <c r="C64079" s="14" t="s">
        <v>191</v>
      </c>
      <c r="D64079" s="14" t="s">
        <v>345</v>
      </c>
      <c r="E64079" s="15">
        <v>45580</v>
      </c>
      <c r="F64079" s="14" t="s">
        <v>72</v>
      </c>
      <c r="G64079" s="16">
        <v>0</v>
      </c>
    </row>
    <row r="64080" spans="1:7" x14ac:dyDescent="0.3">
      <c r="A64080" s="13" t="s">
        <v>344</v>
      </c>
      <c r="B64080" s="14" t="s">
        <v>1</v>
      </c>
      <c r="C64080" s="14" t="s">
        <v>191</v>
      </c>
      <c r="D64080" s="14" t="s">
        <v>345</v>
      </c>
      <c r="E64080" s="15">
        <v>45581</v>
      </c>
      <c r="F64080" s="14" t="s">
        <v>72</v>
      </c>
      <c r="G64080" s="16">
        <v>0</v>
      </c>
    </row>
    <row r="64081" spans="1:7" x14ac:dyDescent="0.3">
      <c r="A64081" s="13" t="s">
        <v>344</v>
      </c>
      <c r="B64081" s="14" t="s">
        <v>1</v>
      </c>
      <c r="C64081" s="14" t="s">
        <v>191</v>
      </c>
      <c r="D64081" s="14" t="s">
        <v>345</v>
      </c>
      <c r="E64081" s="15">
        <v>45582</v>
      </c>
      <c r="F64081" s="14" t="s">
        <v>72</v>
      </c>
      <c r="G64081" s="16">
        <v>0</v>
      </c>
    </row>
    <row r="64082" spans="1:7" x14ac:dyDescent="0.3">
      <c r="A64082" s="13" t="s">
        <v>344</v>
      </c>
      <c r="B64082" s="14" t="s">
        <v>1</v>
      </c>
      <c r="C64082" s="14" t="s">
        <v>191</v>
      </c>
      <c r="D64082" s="14" t="s">
        <v>345</v>
      </c>
      <c r="E64082" s="15">
        <v>45583</v>
      </c>
      <c r="F64082" s="14" t="s">
        <v>72</v>
      </c>
      <c r="G64082" s="16">
        <v>0</v>
      </c>
    </row>
    <row r="64083" spans="1:7" x14ac:dyDescent="0.3">
      <c r="A64083" s="13" t="s">
        <v>344</v>
      </c>
      <c r="B64083" s="14" t="s">
        <v>1</v>
      </c>
      <c r="C64083" s="14" t="s">
        <v>191</v>
      </c>
      <c r="D64083" s="14" t="s">
        <v>345</v>
      </c>
      <c r="E64083" s="15">
        <v>45584</v>
      </c>
      <c r="F64083" s="14" t="s">
        <v>72</v>
      </c>
      <c r="G64083" s="16">
        <v>0</v>
      </c>
    </row>
    <row r="64084" spans="1:7" x14ac:dyDescent="0.3">
      <c r="A64084" s="13" t="s">
        <v>344</v>
      </c>
      <c r="B64084" s="14" t="s">
        <v>1</v>
      </c>
      <c r="C64084" s="14" t="s">
        <v>191</v>
      </c>
      <c r="D64084" s="14" t="s">
        <v>345</v>
      </c>
      <c r="E64084" s="15">
        <v>45585</v>
      </c>
      <c r="F64084" s="14" t="s">
        <v>72</v>
      </c>
      <c r="G64084" s="16">
        <v>0</v>
      </c>
    </row>
    <row r="64085" spans="1:7" x14ac:dyDescent="0.3">
      <c r="A64085" s="13" t="s">
        <v>344</v>
      </c>
      <c r="B64085" s="14" t="s">
        <v>1</v>
      </c>
      <c r="C64085" s="14" t="s">
        <v>191</v>
      </c>
      <c r="D64085" s="14" t="s">
        <v>345</v>
      </c>
      <c r="E64085" s="15">
        <v>45586</v>
      </c>
      <c r="F64085" s="14" t="s">
        <v>72</v>
      </c>
      <c r="G64085" s="16">
        <v>0</v>
      </c>
    </row>
    <row r="64086" spans="1:7" x14ac:dyDescent="0.3">
      <c r="A64086" s="13" t="s">
        <v>344</v>
      </c>
      <c r="B64086" s="14" t="s">
        <v>1</v>
      </c>
      <c r="C64086" s="14" t="s">
        <v>191</v>
      </c>
      <c r="D64086" s="14" t="s">
        <v>345</v>
      </c>
      <c r="E64086" s="15">
        <v>45587</v>
      </c>
      <c r="F64086" s="14" t="s">
        <v>72</v>
      </c>
      <c r="G64086" s="16">
        <v>0</v>
      </c>
    </row>
    <row r="64087" spans="1:7" x14ac:dyDescent="0.3">
      <c r="A64087" s="13" t="s">
        <v>344</v>
      </c>
      <c r="B64087" s="14" t="s">
        <v>1</v>
      </c>
      <c r="C64087" s="14" t="s">
        <v>191</v>
      </c>
      <c r="D64087" s="14" t="s">
        <v>345</v>
      </c>
      <c r="E64087" s="15">
        <v>45588</v>
      </c>
      <c r="F64087" s="14" t="s">
        <v>72</v>
      </c>
      <c r="G64087" s="16">
        <v>0</v>
      </c>
    </row>
    <row r="64088" spans="1:7" x14ac:dyDescent="0.3">
      <c r="A64088" s="13" t="s">
        <v>344</v>
      </c>
      <c r="B64088" s="14" t="s">
        <v>1</v>
      </c>
      <c r="C64088" s="14" t="s">
        <v>191</v>
      </c>
      <c r="D64088" s="14" t="s">
        <v>345</v>
      </c>
      <c r="E64088" s="15">
        <v>45589</v>
      </c>
      <c r="F64088" s="14" t="s">
        <v>72</v>
      </c>
      <c r="G64088" s="16">
        <v>0</v>
      </c>
    </row>
    <row r="64089" spans="1:7" x14ac:dyDescent="0.3">
      <c r="A64089" s="13" t="s">
        <v>344</v>
      </c>
      <c r="B64089" s="14" t="s">
        <v>1</v>
      </c>
      <c r="C64089" s="14" t="s">
        <v>191</v>
      </c>
      <c r="D64089" s="14" t="s">
        <v>345</v>
      </c>
      <c r="E64089" s="15">
        <v>45590</v>
      </c>
      <c r="F64089" s="14" t="s">
        <v>72</v>
      </c>
      <c r="G64089" s="16">
        <v>0</v>
      </c>
    </row>
    <row r="64090" spans="1:7" x14ac:dyDescent="0.3">
      <c r="A64090" s="13" t="s">
        <v>344</v>
      </c>
      <c r="B64090" s="14" t="s">
        <v>1</v>
      </c>
      <c r="C64090" s="14" t="s">
        <v>191</v>
      </c>
      <c r="D64090" s="14" t="s">
        <v>345</v>
      </c>
      <c r="E64090" s="15">
        <v>45591</v>
      </c>
      <c r="F64090" s="14" t="s">
        <v>72</v>
      </c>
      <c r="G64090" s="16">
        <v>0</v>
      </c>
    </row>
    <row r="64091" spans="1:7" x14ac:dyDescent="0.3">
      <c r="A64091" s="13" t="s">
        <v>344</v>
      </c>
      <c r="B64091" s="14" t="s">
        <v>1</v>
      </c>
      <c r="C64091" s="14" t="s">
        <v>191</v>
      </c>
      <c r="D64091" s="14" t="s">
        <v>345</v>
      </c>
      <c r="E64091" s="15">
        <v>45592</v>
      </c>
      <c r="F64091" s="14" t="s">
        <v>72</v>
      </c>
      <c r="G64091" s="16">
        <v>0</v>
      </c>
    </row>
    <row r="64092" spans="1:7" x14ac:dyDescent="0.3">
      <c r="A64092" s="13" t="s">
        <v>344</v>
      </c>
      <c r="B64092" s="14" t="s">
        <v>1</v>
      </c>
      <c r="C64092" s="14" t="s">
        <v>191</v>
      </c>
      <c r="D64092" s="14" t="s">
        <v>345</v>
      </c>
      <c r="E64092" s="15">
        <v>45593</v>
      </c>
      <c r="F64092" s="14" t="s">
        <v>72</v>
      </c>
      <c r="G64092" s="16">
        <v>0</v>
      </c>
    </row>
    <row r="64093" spans="1:7" x14ac:dyDescent="0.3">
      <c r="A64093" s="13" t="s">
        <v>344</v>
      </c>
      <c r="B64093" s="14" t="s">
        <v>1</v>
      </c>
      <c r="C64093" s="14" t="s">
        <v>191</v>
      </c>
      <c r="D64093" s="14" t="s">
        <v>345</v>
      </c>
      <c r="E64093" s="15">
        <v>45594</v>
      </c>
      <c r="F64093" s="14" t="s">
        <v>72</v>
      </c>
      <c r="G64093" s="16">
        <v>0</v>
      </c>
    </row>
    <row r="64094" spans="1:7" x14ac:dyDescent="0.3">
      <c r="A64094" s="13" t="s">
        <v>344</v>
      </c>
      <c r="B64094" s="14" t="s">
        <v>1</v>
      </c>
      <c r="C64094" s="14" t="s">
        <v>191</v>
      </c>
      <c r="D64094" s="14" t="s">
        <v>345</v>
      </c>
      <c r="E64094" s="15">
        <v>45595</v>
      </c>
      <c r="F64094" s="14" t="s">
        <v>72</v>
      </c>
      <c r="G64094" s="16">
        <v>0</v>
      </c>
    </row>
    <row r="64095" spans="1:7" x14ac:dyDescent="0.3">
      <c r="A64095" s="13" t="s">
        <v>344</v>
      </c>
      <c r="B64095" s="14" t="s">
        <v>1</v>
      </c>
      <c r="C64095" s="14" t="s">
        <v>191</v>
      </c>
      <c r="D64095" s="14" t="s">
        <v>345</v>
      </c>
      <c r="E64095" s="15">
        <v>45596</v>
      </c>
      <c r="F64095" s="14" t="s">
        <v>72</v>
      </c>
      <c r="G64095" s="16">
        <v>0</v>
      </c>
    </row>
    <row r="64096" spans="1:7" x14ac:dyDescent="0.3">
      <c r="A64096" s="13" t="s">
        <v>344</v>
      </c>
      <c r="B64096" s="14" t="s">
        <v>1</v>
      </c>
      <c r="C64096" s="14" t="s">
        <v>191</v>
      </c>
      <c r="D64096" s="14" t="s">
        <v>345</v>
      </c>
      <c r="E64096" s="15">
        <v>45597</v>
      </c>
      <c r="F64096" s="14" t="s">
        <v>72</v>
      </c>
      <c r="G64096" s="16">
        <v>0</v>
      </c>
    </row>
    <row r="64097" spans="1:7" x14ac:dyDescent="0.3">
      <c r="A64097" s="13" t="s">
        <v>344</v>
      </c>
      <c r="B64097" s="14" t="s">
        <v>1</v>
      </c>
      <c r="C64097" s="14" t="s">
        <v>191</v>
      </c>
      <c r="D64097" s="14" t="s">
        <v>345</v>
      </c>
      <c r="E64097" s="15">
        <v>45598</v>
      </c>
      <c r="F64097" s="14" t="s">
        <v>72</v>
      </c>
      <c r="G64097" s="16">
        <v>0</v>
      </c>
    </row>
    <row r="64098" spans="1:7" x14ac:dyDescent="0.3">
      <c r="A64098" s="13" t="s">
        <v>344</v>
      </c>
      <c r="B64098" s="14" t="s">
        <v>1</v>
      </c>
      <c r="C64098" s="14" t="s">
        <v>191</v>
      </c>
      <c r="D64098" s="14" t="s">
        <v>345</v>
      </c>
      <c r="E64098" s="15">
        <v>45599</v>
      </c>
      <c r="F64098" s="14" t="s">
        <v>72</v>
      </c>
      <c r="G64098" s="16">
        <v>0</v>
      </c>
    </row>
    <row r="64099" spans="1:7" x14ac:dyDescent="0.3">
      <c r="A64099" s="13" t="s">
        <v>344</v>
      </c>
      <c r="B64099" s="14" t="s">
        <v>1</v>
      </c>
      <c r="C64099" s="14" t="s">
        <v>191</v>
      </c>
      <c r="D64099" s="14" t="s">
        <v>345</v>
      </c>
      <c r="E64099" s="15">
        <v>45600</v>
      </c>
      <c r="F64099" s="14" t="s">
        <v>72</v>
      </c>
      <c r="G64099" s="16">
        <v>0</v>
      </c>
    </row>
    <row r="64100" spans="1:7" x14ac:dyDescent="0.3">
      <c r="A64100" s="13" t="s">
        <v>344</v>
      </c>
      <c r="B64100" s="14" t="s">
        <v>1</v>
      </c>
      <c r="C64100" s="14" t="s">
        <v>191</v>
      </c>
      <c r="D64100" s="14" t="s">
        <v>345</v>
      </c>
      <c r="E64100" s="15">
        <v>45601</v>
      </c>
      <c r="F64100" s="14" t="s">
        <v>72</v>
      </c>
      <c r="G64100" s="16">
        <v>0</v>
      </c>
    </row>
    <row r="64101" spans="1:7" x14ac:dyDescent="0.3">
      <c r="A64101" s="13" t="s">
        <v>344</v>
      </c>
      <c r="B64101" s="14" t="s">
        <v>1</v>
      </c>
      <c r="C64101" s="14" t="s">
        <v>191</v>
      </c>
      <c r="D64101" s="14" t="s">
        <v>345</v>
      </c>
      <c r="E64101" s="15">
        <v>45602</v>
      </c>
      <c r="F64101" s="14" t="s">
        <v>72</v>
      </c>
      <c r="G64101" s="16">
        <v>0</v>
      </c>
    </row>
    <row r="64102" spans="1:7" x14ac:dyDescent="0.3">
      <c r="A64102" s="13" t="s">
        <v>344</v>
      </c>
      <c r="B64102" s="14" t="s">
        <v>1</v>
      </c>
      <c r="C64102" s="14" t="s">
        <v>191</v>
      </c>
      <c r="D64102" s="14" t="s">
        <v>345</v>
      </c>
      <c r="E64102" s="15">
        <v>45603</v>
      </c>
      <c r="F64102" s="14" t="s">
        <v>72</v>
      </c>
      <c r="G64102" s="16">
        <v>0</v>
      </c>
    </row>
    <row r="64103" spans="1:7" x14ac:dyDescent="0.3">
      <c r="A64103" s="13" t="s">
        <v>344</v>
      </c>
      <c r="B64103" s="14" t="s">
        <v>1</v>
      </c>
      <c r="C64103" s="14" t="s">
        <v>191</v>
      </c>
      <c r="D64103" s="14" t="s">
        <v>345</v>
      </c>
      <c r="E64103" s="15">
        <v>45604</v>
      </c>
      <c r="F64103" s="14" t="s">
        <v>72</v>
      </c>
      <c r="G64103" s="16">
        <v>0</v>
      </c>
    </row>
    <row r="64104" spans="1:7" x14ac:dyDescent="0.3">
      <c r="A64104" s="13" t="s">
        <v>344</v>
      </c>
      <c r="B64104" s="14" t="s">
        <v>1</v>
      </c>
      <c r="C64104" s="14" t="s">
        <v>191</v>
      </c>
      <c r="D64104" s="14" t="s">
        <v>345</v>
      </c>
      <c r="E64104" s="15">
        <v>45605</v>
      </c>
      <c r="F64104" s="14" t="s">
        <v>72</v>
      </c>
      <c r="G64104" s="16">
        <v>0</v>
      </c>
    </row>
    <row r="64105" spans="1:7" x14ac:dyDescent="0.3">
      <c r="A64105" s="13" t="s">
        <v>344</v>
      </c>
      <c r="B64105" s="14" t="s">
        <v>1</v>
      </c>
      <c r="C64105" s="14" t="s">
        <v>191</v>
      </c>
      <c r="D64105" s="14" t="s">
        <v>345</v>
      </c>
      <c r="E64105" s="15">
        <v>45606</v>
      </c>
      <c r="F64105" s="14" t="s">
        <v>72</v>
      </c>
      <c r="G64105" s="16">
        <v>0</v>
      </c>
    </row>
    <row r="64106" spans="1:7" x14ac:dyDescent="0.3">
      <c r="A64106" s="13" t="s">
        <v>344</v>
      </c>
      <c r="B64106" s="14" t="s">
        <v>1</v>
      </c>
      <c r="C64106" s="14" t="s">
        <v>191</v>
      </c>
      <c r="D64106" s="14" t="s">
        <v>345</v>
      </c>
      <c r="E64106" s="15">
        <v>45607</v>
      </c>
      <c r="F64106" s="14" t="s">
        <v>72</v>
      </c>
      <c r="G64106" s="16">
        <v>0</v>
      </c>
    </row>
    <row r="64107" spans="1:7" x14ac:dyDescent="0.3">
      <c r="A64107" s="13" t="s">
        <v>344</v>
      </c>
      <c r="B64107" s="14" t="s">
        <v>1</v>
      </c>
      <c r="C64107" s="14" t="s">
        <v>191</v>
      </c>
      <c r="D64107" s="14" t="s">
        <v>345</v>
      </c>
      <c r="E64107" s="15">
        <v>45608</v>
      </c>
      <c r="F64107" s="14" t="s">
        <v>72</v>
      </c>
      <c r="G64107" s="16">
        <v>0</v>
      </c>
    </row>
    <row r="64108" spans="1:7" x14ac:dyDescent="0.3">
      <c r="A64108" s="13" t="s">
        <v>344</v>
      </c>
      <c r="B64108" s="14" t="s">
        <v>1</v>
      </c>
      <c r="C64108" s="14" t="s">
        <v>191</v>
      </c>
      <c r="D64108" s="14" t="s">
        <v>345</v>
      </c>
      <c r="E64108" s="15">
        <v>45609</v>
      </c>
      <c r="F64108" s="14" t="s">
        <v>72</v>
      </c>
      <c r="G64108" s="16">
        <v>0</v>
      </c>
    </row>
    <row r="64109" spans="1:7" x14ac:dyDescent="0.3">
      <c r="A64109" s="13" t="s">
        <v>344</v>
      </c>
      <c r="B64109" s="14" t="s">
        <v>1</v>
      </c>
      <c r="C64109" s="14" t="s">
        <v>191</v>
      </c>
      <c r="D64109" s="14" t="s">
        <v>345</v>
      </c>
      <c r="E64109" s="15">
        <v>45610</v>
      </c>
      <c r="F64109" s="14" t="s">
        <v>72</v>
      </c>
      <c r="G64109" s="16">
        <v>0</v>
      </c>
    </row>
    <row r="64110" spans="1:7" x14ac:dyDescent="0.3">
      <c r="A64110" s="13" t="s">
        <v>344</v>
      </c>
      <c r="B64110" s="14" t="s">
        <v>1</v>
      </c>
      <c r="C64110" s="14" t="s">
        <v>191</v>
      </c>
      <c r="D64110" s="14" t="s">
        <v>345</v>
      </c>
      <c r="E64110" s="15">
        <v>45611</v>
      </c>
      <c r="F64110" s="14" t="s">
        <v>72</v>
      </c>
      <c r="G64110" s="16">
        <v>0</v>
      </c>
    </row>
    <row r="64111" spans="1:7" x14ac:dyDescent="0.3">
      <c r="A64111" s="13" t="s">
        <v>344</v>
      </c>
      <c r="B64111" s="14" t="s">
        <v>1</v>
      </c>
      <c r="C64111" s="14" t="s">
        <v>191</v>
      </c>
      <c r="D64111" s="14" t="s">
        <v>345</v>
      </c>
      <c r="E64111" s="15">
        <v>45612</v>
      </c>
      <c r="F64111" s="14" t="s">
        <v>72</v>
      </c>
      <c r="G64111" s="16">
        <v>0</v>
      </c>
    </row>
    <row r="64112" spans="1:7" x14ac:dyDescent="0.3">
      <c r="A64112" s="13" t="s">
        <v>344</v>
      </c>
      <c r="B64112" s="14" t="s">
        <v>1</v>
      </c>
      <c r="C64112" s="14" t="s">
        <v>191</v>
      </c>
      <c r="D64112" s="14" t="s">
        <v>345</v>
      </c>
      <c r="E64112" s="15">
        <v>45613</v>
      </c>
      <c r="F64112" s="14" t="s">
        <v>72</v>
      </c>
      <c r="G64112" s="16">
        <v>0</v>
      </c>
    </row>
    <row r="64113" spans="1:7" x14ac:dyDescent="0.3">
      <c r="A64113" s="13" t="s">
        <v>344</v>
      </c>
      <c r="B64113" s="14" t="s">
        <v>1</v>
      </c>
      <c r="C64113" s="14" t="s">
        <v>191</v>
      </c>
      <c r="D64113" s="14" t="s">
        <v>345</v>
      </c>
      <c r="E64113" s="15">
        <v>45614</v>
      </c>
      <c r="F64113" s="14" t="s">
        <v>72</v>
      </c>
      <c r="G64113" s="16">
        <v>0</v>
      </c>
    </row>
    <row r="64114" spans="1:7" x14ac:dyDescent="0.3">
      <c r="A64114" s="13" t="s">
        <v>344</v>
      </c>
      <c r="B64114" s="14" t="s">
        <v>1</v>
      </c>
      <c r="C64114" s="14" t="s">
        <v>191</v>
      </c>
      <c r="D64114" s="14" t="s">
        <v>345</v>
      </c>
      <c r="E64114" s="15">
        <v>45615</v>
      </c>
      <c r="F64114" s="14" t="s">
        <v>72</v>
      </c>
      <c r="G64114" s="16">
        <v>0</v>
      </c>
    </row>
    <row r="64115" spans="1:7" x14ac:dyDescent="0.3">
      <c r="A64115" s="13" t="s">
        <v>344</v>
      </c>
      <c r="B64115" s="14" t="s">
        <v>1</v>
      </c>
      <c r="C64115" s="14" t="s">
        <v>191</v>
      </c>
      <c r="D64115" s="14" t="s">
        <v>345</v>
      </c>
      <c r="E64115" s="15">
        <v>45616</v>
      </c>
      <c r="F64115" s="14" t="s">
        <v>72</v>
      </c>
      <c r="G64115" s="16">
        <v>0</v>
      </c>
    </row>
    <row r="64116" spans="1:7" x14ac:dyDescent="0.3">
      <c r="A64116" s="13" t="s">
        <v>344</v>
      </c>
      <c r="B64116" s="14" t="s">
        <v>1</v>
      </c>
      <c r="C64116" s="14" t="s">
        <v>191</v>
      </c>
      <c r="D64116" s="14" t="s">
        <v>345</v>
      </c>
      <c r="E64116" s="15">
        <v>45617</v>
      </c>
      <c r="F64116" s="14" t="s">
        <v>72</v>
      </c>
      <c r="G64116" s="16">
        <v>0</v>
      </c>
    </row>
    <row r="64117" spans="1:7" x14ac:dyDescent="0.3">
      <c r="A64117" s="13" t="s">
        <v>344</v>
      </c>
      <c r="B64117" s="14" t="s">
        <v>1</v>
      </c>
      <c r="C64117" s="14" t="s">
        <v>191</v>
      </c>
      <c r="D64117" s="14" t="s">
        <v>345</v>
      </c>
      <c r="E64117" s="15">
        <v>45618</v>
      </c>
      <c r="F64117" s="14" t="s">
        <v>72</v>
      </c>
      <c r="G64117" s="16">
        <v>0</v>
      </c>
    </row>
    <row r="64118" spans="1:7" x14ac:dyDescent="0.3">
      <c r="A64118" s="13" t="s">
        <v>344</v>
      </c>
      <c r="B64118" s="14" t="s">
        <v>1</v>
      </c>
      <c r="C64118" s="14" t="s">
        <v>191</v>
      </c>
      <c r="D64118" s="14" t="s">
        <v>345</v>
      </c>
      <c r="E64118" s="15">
        <v>45619</v>
      </c>
      <c r="F64118" s="14" t="s">
        <v>72</v>
      </c>
      <c r="G64118" s="16">
        <v>0</v>
      </c>
    </row>
    <row r="64119" spans="1:7" x14ac:dyDescent="0.3">
      <c r="A64119" s="13" t="s">
        <v>344</v>
      </c>
      <c r="B64119" s="14" t="s">
        <v>1</v>
      </c>
      <c r="C64119" s="14" t="s">
        <v>191</v>
      </c>
      <c r="D64119" s="14" t="s">
        <v>345</v>
      </c>
      <c r="E64119" s="15">
        <v>45620</v>
      </c>
      <c r="F64119" s="14" t="s">
        <v>72</v>
      </c>
      <c r="G64119" s="16">
        <v>0</v>
      </c>
    </row>
    <row r="64120" spans="1:7" x14ac:dyDescent="0.3">
      <c r="A64120" s="13" t="s">
        <v>344</v>
      </c>
      <c r="B64120" s="14" t="s">
        <v>1</v>
      </c>
      <c r="C64120" s="14" t="s">
        <v>191</v>
      </c>
      <c r="D64120" s="14" t="s">
        <v>345</v>
      </c>
      <c r="E64120" s="15">
        <v>45621</v>
      </c>
      <c r="F64120" s="14" t="s">
        <v>72</v>
      </c>
      <c r="G64120" s="16">
        <v>0</v>
      </c>
    </row>
    <row r="64121" spans="1:7" x14ac:dyDescent="0.3">
      <c r="A64121" s="13" t="s">
        <v>344</v>
      </c>
      <c r="B64121" s="14" t="s">
        <v>1</v>
      </c>
      <c r="C64121" s="14" t="s">
        <v>191</v>
      </c>
      <c r="D64121" s="14" t="s">
        <v>345</v>
      </c>
      <c r="E64121" s="15">
        <v>45622</v>
      </c>
      <c r="F64121" s="14" t="s">
        <v>72</v>
      </c>
      <c r="G64121" s="16">
        <v>0</v>
      </c>
    </row>
    <row r="64122" spans="1:7" x14ac:dyDescent="0.3">
      <c r="A64122" s="13" t="s">
        <v>344</v>
      </c>
      <c r="B64122" s="14" t="s">
        <v>1</v>
      </c>
      <c r="C64122" s="14" t="s">
        <v>191</v>
      </c>
      <c r="D64122" s="14" t="s">
        <v>345</v>
      </c>
      <c r="E64122" s="15">
        <v>45623</v>
      </c>
      <c r="F64122" s="14" t="s">
        <v>72</v>
      </c>
      <c r="G64122" s="16">
        <v>0</v>
      </c>
    </row>
    <row r="64123" spans="1:7" x14ac:dyDescent="0.3">
      <c r="A64123" s="13" t="s">
        <v>344</v>
      </c>
      <c r="B64123" s="14" t="s">
        <v>1</v>
      </c>
      <c r="C64123" s="14" t="s">
        <v>191</v>
      </c>
      <c r="D64123" s="14" t="s">
        <v>345</v>
      </c>
      <c r="E64123" s="15">
        <v>45624</v>
      </c>
      <c r="F64123" s="14" t="s">
        <v>72</v>
      </c>
      <c r="G64123" s="16">
        <v>0</v>
      </c>
    </row>
    <row r="64124" spans="1:7" x14ac:dyDescent="0.3">
      <c r="A64124" s="13" t="s">
        <v>344</v>
      </c>
      <c r="B64124" s="14" t="s">
        <v>1</v>
      </c>
      <c r="C64124" s="14" t="s">
        <v>191</v>
      </c>
      <c r="D64124" s="14" t="s">
        <v>345</v>
      </c>
      <c r="E64124" s="15">
        <v>45625</v>
      </c>
      <c r="F64124" s="14" t="s">
        <v>72</v>
      </c>
      <c r="G64124" s="16">
        <v>0</v>
      </c>
    </row>
    <row r="64125" spans="1:7" x14ac:dyDescent="0.3">
      <c r="A64125" s="13" t="s">
        <v>344</v>
      </c>
      <c r="B64125" s="14" t="s">
        <v>1</v>
      </c>
      <c r="C64125" s="14" t="s">
        <v>191</v>
      </c>
      <c r="D64125" s="14" t="s">
        <v>345</v>
      </c>
      <c r="E64125" s="15">
        <v>45626</v>
      </c>
      <c r="F64125" s="14" t="s">
        <v>72</v>
      </c>
      <c r="G64125" s="16">
        <v>0</v>
      </c>
    </row>
    <row r="64126" spans="1:7" x14ac:dyDescent="0.3">
      <c r="A64126" s="13" t="s">
        <v>344</v>
      </c>
      <c r="B64126" s="14" t="s">
        <v>1</v>
      </c>
      <c r="C64126" s="14" t="s">
        <v>191</v>
      </c>
      <c r="D64126" s="14" t="s">
        <v>345</v>
      </c>
      <c r="E64126" s="15">
        <v>45627</v>
      </c>
      <c r="F64126" s="14" t="s">
        <v>72</v>
      </c>
      <c r="G64126" s="16">
        <v>0</v>
      </c>
    </row>
    <row r="64127" spans="1:7" x14ac:dyDescent="0.3">
      <c r="A64127" s="13" t="s">
        <v>344</v>
      </c>
      <c r="B64127" s="14" t="s">
        <v>1</v>
      </c>
      <c r="C64127" s="14" t="s">
        <v>191</v>
      </c>
      <c r="D64127" s="14" t="s">
        <v>345</v>
      </c>
      <c r="E64127" s="15">
        <v>45628</v>
      </c>
      <c r="F64127" s="14" t="s">
        <v>72</v>
      </c>
      <c r="G64127" s="16">
        <v>0</v>
      </c>
    </row>
    <row r="64128" spans="1:7" x14ac:dyDescent="0.3">
      <c r="A64128" s="13" t="s">
        <v>344</v>
      </c>
      <c r="B64128" s="14" t="s">
        <v>1</v>
      </c>
      <c r="C64128" s="14" t="s">
        <v>191</v>
      </c>
      <c r="D64128" s="14" t="s">
        <v>345</v>
      </c>
      <c r="E64128" s="15">
        <v>45629</v>
      </c>
      <c r="F64128" s="14" t="s">
        <v>72</v>
      </c>
      <c r="G64128" s="16">
        <v>0</v>
      </c>
    </row>
    <row r="64129" spans="1:7" x14ac:dyDescent="0.3">
      <c r="A64129" s="13" t="s">
        <v>344</v>
      </c>
      <c r="B64129" s="14" t="s">
        <v>1</v>
      </c>
      <c r="C64129" s="14" t="s">
        <v>191</v>
      </c>
      <c r="D64129" s="14" t="s">
        <v>345</v>
      </c>
      <c r="E64129" s="15">
        <v>45630</v>
      </c>
      <c r="F64129" s="14" t="s">
        <v>72</v>
      </c>
      <c r="G64129" s="16">
        <v>0</v>
      </c>
    </row>
    <row r="64130" spans="1:7" x14ac:dyDescent="0.3">
      <c r="A64130" s="13" t="s">
        <v>344</v>
      </c>
      <c r="B64130" s="14" t="s">
        <v>1</v>
      </c>
      <c r="C64130" s="14" t="s">
        <v>191</v>
      </c>
      <c r="D64130" s="14" t="s">
        <v>345</v>
      </c>
      <c r="E64130" s="15">
        <v>45631</v>
      </c>
      <c r="F64130" s="14" t="s">
        <v>72</v>
      </c>
      <c r="G64130" s="16">
        <v>0</v>
      </c>
    </row>
    <row r="64131" spans="1:7" x14ac:dyDescent="0.3">
      <c r="A64131" s="13" t="s">
        <v>344</v>
      </c>
      <c r="B64131" s="14" t="s">
        <v>1</v>
      </c>
      <c r="C64131" s="14" t="s">
        <v>191</v>
      </c>
      <c r="D64131" s="14" t="s">
        <v>345</v>
      </c>
      <c r="E64131" s="15">
        <v>45632</v>
      </c>
      <c r="F64131" s="14" t="s">
        <v>72</v>
      </c>
      <c r="G64131" s="16">
        <v>0</v>
      </c>
    </row>
    <row r="64132" spans="1:7" x14ac:dyDescent="0.3">
      <c r="A64132" s="13" t="s">
        <v>344</v>
      </c>
      <c r="B64132" s="14" t="s">
        <v>1</v>
      </c>
      <c r="C64132" s="14" t="s">
        <v>191</v>
      </c>
      <c r="D64132" s="14" t="s">
        <v>345</v>
      </c>
      <c r="E64132" s="15">
        <v>45633</v>
      </c>
      <c r="F64132" s="14" t="s">
        <v>72</v>
      </c>
      <c r="G64132" s="16">
        <v>0</v>
      </c>
    </row>
    <row r="64133" spans="1:7" x14ac:dyDescent="0.3">
      <c r="A64133" s="13" t="s">
        <v>344</v>
      </c>
      <c r="B64133" s="14" t="s">
        <v>1</v>
      </c>
      <c r="C64133" s="14" t="s">
        <v>191</v>
      </c>
      <c r="D64133" s="14" t="s">
        <v>345</v>
      </c>
      <c r="E64133" s="15">
        <v>45634</v>
      </c>
      <c r="F64133" s="14" t="s">
        <v>72</v>
      </c>
      <c r="G64133" s="16">
        <v>0</v>
      </c>
    </row>
    <row r="64134" spans="1:7" x14ac:dyDescent="0.3">
      <c r="A64134" s="13" t="s">
        <v>344</v>
      </c>
      <c r="B64134" s="14" t="s">
        <v>1</v>
      </c>
      <c r="C64134" s="14" t="s">
        <v>191</v>
      </c>
      <c r="D64134" s="14" t="s">
        <v>345</v>
      </c>
      <c r="E64134" s="15">
        <v>45635</v>
      </c>
      <c r="F64134" s="14" t="s">
        <v>72</v>
      </c>
      <c r="G64134" s="16">
        <v>0</v>
      </c>
    </row>
    <row r="64135" spans="1:7" x14ac:dyDescent="0.3">
      <c r="A64135" s="13" t="s">
        <v>344</v>
      </c>
      <c r="B64135" s="14" t="s">
        <v>1</v>
      </c>
      <c r="C64135" s="14" t="s">
        <v>191</v>
      </c>
      <c r="D64135" s="14" t="s">
        <v>345</v>
      </c>
      <c r="E64135" s="15">
        <v>45636</v>
      </c>
      <c r="F64135" s="14" t="s">
        <v>72</v>
      </c>
      <c r="G64135" s="16">
        <v>0</v>
      </c>
    </row>
    <row r="64136" spans="1:7" x14ac:dyDescent="0.3">
      <c r="A64136" s="13" t="s">
        <v>344</v>
      </c>
      <c r="B64136" s="14" t="s">
        <v>1</v>
      </c>
      <c r="C64136" s="14" t="s">
        <v>191</v>
      </c>
      <c r="D64136" s="14" t="s">
        <v>345</v>
      </c>
      <c r="E64136" s="15">
        <v>45637</v>
      </c>
      <c r="F64136" s="14" t="s">
        <v>72</v>
      </c>
      <c r="G64136" s="16">
        <v>0</v>
      </c>
    </row>
    <row r="64137" spans="1:7" x14ac:dyDescent="0.3">
      <c r="A64137" s="13" t="s">
        <v>344</v>
      </c>
      <c r="B64137" s="14" t="s">
        <v>1</v>
      </c>
      <c r="C64137" s="14" t="s">
        <v>191</v>
      </c>
      <c r="D64137" s="14" t="s">
        <v>345</v>
      </c>
      <c r="E64137" s="15">
        <v>45638</v>
      </c>
      <c r="F64137" s="14" t="s">
        <v>72</v>
      </c>
      <c r="G64137" s="16">
        <v>0</v>
      </c>
    </row>
    <row r="64138" spans="1:7" x14ac:dyDescent="0.3">
      <c r="A64138" s="13" t="s">
        <v>344</v>
      </c>
      <c r="B64138" s="14" t="s">
        <v>1</v>
      </c>
      <c r="C64138" s="14" t="s">
        <v>191</v>
      </c>
      <c r="D64138" s="14" t="s">
        <v>345</v>
      </c>
      <c r="E64138" s="15">
        <v>45639</v>
      </c>
      <c r="F64138" s="14" t="s">
        <v>72</v>
      </c>
      <c r="G64138" s="16">
        <v>0</v>
      </c>
    </row>
    <row r="64139" spans="1:7" x14ac:dyDescent="0.3">
      <c r="A64139" s="13" t="s">
        <v>344</v>
      </c>
      <c r="B64139" s="14" t="s">
        <v>1</v>
      </c>
      <c r="C64139" s="14" t="s">
        <v>191</v>
      </c>
      <c r="D64139" s="14" t="s">
        <v>345</v>
      </c>
      <c r="E64139" s="15">
        <v>45640</v>
      </c>
      <c r="F64139" s="14" t="s">
        <v>72</v>
      </c>
      <c r="G64139" s="16">
        <v>0</v>
      </c>
    </row>
    <row r="64140" spans="1:7" x14ac:dyDescent="0.3">
      <c r="A64140" s="13" t="s">
        <v>344</v>
      </c>
      <c r="B64140" s="14" t="s">
        <v>1</v>
      </c>
      <c r="C64140" s="14" t="s">
        <v>191</v>
      </c>
      <c r="D64140" s="14" t="s">
        <v>345</v>
      </c>
      <c r="E64140" s="15">
        <v>45641</v>
      </c>
      <c r="F64140" s="14" t="s">
        <v>72</v>
      </c>
      <c r="G64140" s="16">
        <v>0</v>
      </c>
    </row>
    <row r="64141" spans="1:7" x14ac:dyDescent="0.3">
      <c r="A64141" s="13" t="s">
        <v>344</v>
      </c>
      <c r="B64141" s="14" t="s">
        <v>1</v>
      </c>
      <c r="C64141" s="14" t="s">
        <v>191</v>
      </c>
      <c r="D64141" s="14" t="s">
        <v>345</v>
      </c>
      <c r="E64141" s="15">
        <v>45642</v>
      </c>
      <c r="F64141" s="14" t="s">
        <v>72</v>
      </c>
      <c r="G64141" s="16">
        <v>0</v>
      </c>
    </row>
    <row r="64142" spans="1:7" x14ac:dyDescent="0.3">
      <c r="A64142" s="13" t="s">
        <v>344</v>
      </c>
      <c r="B64142" s="14" t="s">
        <v>1</v>
      </c>
      <c r="C64142" s="14" t="s">
        <v>191</v>
      </c>
      <c r="D64142" s="14" t="s">
        <v>345</v>
      </c>
      <c r="E64142" s="15">
        <v>45643</v>
      </c>
      <c r="F64142" s="14" t="s">
        <v>72</v>
      </c>
      <c r="G64142" s="16">
        <v>0</v>
      </c>
    </row>
    <row r="64143" spans="1:7" x14ac:dyDescent="0.3">
      <c r="A64143" s="13" t="s">
        <v>344</v>
      </c>
      <c r="B64143" s="14" t="s">
        <v>1</v>
      </c>
      <c r="C64143" s="14" t="s">
        <v>191</v>
      </c>
      <c r="D64143" s="14" t="s">
        <v>345</v>
      </c>
      <c r="E64143" s="15">
        <v>45644</v>
      </c>
      <c r="F64143" s="14" t="s">
        <v>72</v>
      </c>
      <c r="G64143" s="16">
        <v>0</v>
      </c>
    </row>
    <row r="64144" spans="1:7" x14ac:dyDescent="0.3">
      <c r="A64144" s="13" t="s">
        <v>344</v>
      </c>
      <c r="B64144" s="14" t="s">
        <v>1</v>
      </c>
      <c r="C64144" s="14" t="s">
        <v>191</v>
      </c>
      <c r="D64144" s="14" t="s">
        <v>345</v>
      </c>
      <c r="E64144" s="15">
        <v>45645</v>
      </c>
      <c r="F64144" s="14" t="s">
        <v>72</v>
      </c>
      <c r="G64144" s="16">
        <v>0</v>
      </c>
    </row>
    <row r="64145" spans="1:7" x14ac:dyDescent="0.3">
      <c r="A64145" s="13" t="s">
        <v>344</v>
      </c>
      <c r="B64145" s="14" t="s">
        <v>1</v>
      </c>
      <c r="C64145" s="14" t="s">
        <v>191</v>
      </c>
      <c r="D64145" s="14" t="s">
        <v>345</v>
      </c>
      <c r="E64145" s="15">
        <v>45646</v>
      </c>
      <c r="F64145" s="14" t="s">
        <v>72</v>
      </c>
      <c r="G64145" s="16">
        <v>0</v>
      </c>
    </row>
    <row r="64146" spans="1:7" x14ac:dyDescent="0.3">
      <c r="A64146" s="13" t="s">
        <v>344</v>
      </c>
      <c r="B64146" s="14" t="s">
        <v>1</v>
      </c>
      <c r="C64146" s="14" t="s">
        <v>191</v>
      </c>
      <c r="D64146" s="14" t="s">
        <v>345</v>
      </c>
      <c r="E64146" s="15">
        <v>45647</v>
      </c>
      <c r="F64146" s="14" t="s">
        <v>72</v>
      </c>
      <c r="G64146" s="16">
        <v>0</v>
      </c>
    </row>
    <row r="64147" spans="1:7" x14ac:dyDescent="0.3">
      <c r="A64147" s="13" t="s">
        <v>344</v>
      </c>
      <c r="B64147" s="14" t="s">
        <v>1</v>
      </c>
      <c r="C64147" s="14" t="s">
        <v>191</v>
      </c>
      <c r="D64147" s="14" t="s">
        <v>345</v>
      </c>
      <c r="E64147" s="15">
        <v>45648</v>
      </c>
      <c r="F64147" s="14" t="s">
        <v>72</v>
      </c>
      <c r="G64147" s="16">
        <v>0</v>
      </c>
    </row>
    <row r="64148" spans="1:7" x14ac:dyDescent="0.3">
      <c r="A64148" s="13" t="s">
        <v>344</v>
      </c>
      <c r="B64148" s="14" t="s">
        <v>1</v>
      </c>
      <c r="C64148" s="14" t="s">
        <v>191</v>
      </c>
      <c r="D64148" s="14" t="s">
        <v>345</v>
      </c>
      <c r="E64148" s="15">
        <v>45649</v>
      </c>
      <c r="F64148" s="14" t="s">
        <v>72</v>
      </c>
      <c r="G64148" s="16">
        <v>0</v>
      </c>
    </row>
    <row r="64149" spans="1:7" x14ac:dyDescent="0.3">
      <c r="A64149" s="13" t="s">
        <v>344</v>
      </c>
      <c r="B64149" s="14" t="s">
        <v>1</v>
      </c>
      <c r="C64149" s="14" t="s">
        <v>191</v>
      </c>
      <c r="D64149" s="14" t="s">
        <v>345</v>
      </c>
      <c r="E64149" s="15">
        <v>45650</v>
      </c>
      <c r="F64149" s="14" t="s">
        <v>72</v>
      </c>
      <c r="G64149" s="16">
        <v>0</v>
      </c>
    </row>
    <row r="64150" spans="1:7" x14ac:dyDescent="0.3">
      <c r="A64150" s="13" t="s">
        <v>344</v>
      </c>
      <c r="B64150" s="14" t="s">
        <v>1</v>
      </c>
      <c r="C64150" s="14" t="s">
        <v>191</v>
      </c>
      <c r="D64150" s="14" t="s">
        <v>345</v>
      </c>
      <c r="E64150" s="15">
        <v>45651</v>
      </c>
      <c r="F64150" s="14" t="s">
        <v>72</v>
      </c>
      <c r="G64150" s="16">
        <v>0</v>
      </c>
    </row>
    <row r="64151" spans="1:7" x14ac:dyDescent="0.3">
      <c r="A64151" s="13" t="s">
        <v>344</v>
      </c>
      <c r="B64151" s="14" t="s">
        <v>1</v>
      </c>
      <c r="C64151" s="14" t="s">
        <v>191</v>
      </c>
      <c r="D64151" s="14" t="s">
        <v>345</v>
      </c>
      <c r="E64151" s="15">
        <v>45652</v>
      </c>
      <c r="F64151" s="14" t="s">
        <v>72</v>
      </c>
      <c r="G64151" s="16">
        <v>0</v>
      </c>
    </row>
    <row r="64152" spans="1:7" x14ac:dyDescent="0.3">
      <c r="A64152" s="13" t="s">
        <v>344</v>
      </c>
      <c r="B64152" s="14" t="s">
        <v>1</v>
      </c>
      <c r="C64152" s="14" t="s">
        <v>191</v>
      </c>
      <c r="D64152" s="14" t="s">
        <v>345</v>
      </c>
      <c r="E64152" s="15">
        <v>45653</v>
      </c>
      <c r="F64152" s="14" t="s">
        <v>72</v>
      </c>
      <c r="G64152" s="16">
        <v>0</v>
      </c>
    </row>
    <row r="64153" spans="1:7" x14ac:dyDescent="0.3">
      <c r="A64153" s="13" t="s">
        <v>344</v>
      </c>
      <c r="B64153" s="14" t="s">
        <v>1</v>
      </c>
      <c r="C64153" s="14" t="s">
        <v>191</v>
      </c>
      <c r="D64153" s="14" t="s">
        <v>345</v>
      </c>
      <c r="E64153" s="15">
        <v>45654</v>
      </c>
      <c r="F64153" s="14" t="s">
        <v>72</v>
      </c>
      <c r="G64153" s="16">
        <v>0</v>
      </c>
    </row>
    <row r="64154" spans="1:7" x14ac:dyDescent="0.3">
      <c r="A64154" s="13" t="s">
        <v>344</v>
      </c>
      <c r="B64154" s="14" t="s">
        <v>1</v>
      </c>
      <c r="C64154" s="14" t="s">
        <v>191</v>
      </c>
      <c r="D64154" s="14" t="s">
        <v>345</v>
      </c>
      <c r="E64154" s="15">
        <v>45655</v>
      </c>
      <c r="F64154" s="14" t="s">
        <v>72</v>
      </c>
      <c r="G64154" s="16">
        <v>0</v>
      </c>
    </row>
    <row r="64155" spans="1:7" x14ac:dyDescent="0.3">
      <c r="A64155" s="13" t="s">
        <v>344</v>
      </c>
      <c r="B64155" s="14" t="s">
        <v>1</v>
      </c>
      <c r="C64155" s="14" t="s">
        <v>191</v>
      </c>
      <c r="D64155" s="14" t="s">
        <v>345</v>
      </c>
      <c r="E64155" s="15">
        <v>45656</v>
      </c>
      <c r="F64155" s="14" t="s">
        <v>72</v>
      </c>
      <c r="G64155" s="16">
        <v>0</v>
      </c>
    </row>
    <row r="64156" spans="1:7" x14ac:dyDescent="0.3">
      <c r="A64156" s="13" t="s">
        <v>344</v>
      </c>
      <c r="B64156" s="14" t="s">
        <v>1</v>
      </c>
      <c r="C64156" s="14" t="s">
        <v>191</v>
      </c>
      <c r="D64156" s="14" t="s">
        <v>345</v>
      </c>
      <c r="E64156" s="15">
        <v>45657</v>
      </c>
      <c r="F64156" s="14" t="s">
        <v>72</v>
      </c>
      <c r="G64156" s="16">
        <v>0</v>
      </c>
    </row>
    <row r="64157" spans="1:7" x14ac:dyDescent="0.3">
      <c r="A64157" s="13" t="s">
        <v>344</v>
      </c>
      <c r="B64157" s="14" t="s">
        <v>1</v>
      </c>
      <c r="C64157" s="14" t="s">
        <v>191</v>
      </c>
      <c r="D64157" s="14" t="s">
        <v>345</v>
      </c>
      <c r="E64157" s="15">
        <v>45658</v>
      </c>
      <c r="F64157" s="14" t="s">
        <v>72</v>
      </c>
      <c r="G64157" s="16">
        <v>0</v>
      </c>
    </row>
    <row r="64158" spans="1:7" x14ac:dyDescent="0.3">
      <c r="A64158" s="13" t="s">
        <v>344</v>
      </c>
      <c r="B64158" s="14" t="s">
        <v>1</v>
      </c>
      <c r="C64158" s="14" t="s">
        <v>191</v>
      </c>
      <c r="D64158" s="14" t="s">
        <v>345</v>
      </c>
      <c r="E64158" s="15">
        <v>45659</v>
      </c>
      <c r="F64158" s="14" t="s">
        <v>72</v>
      </c>
      <c r="G64158" s="16">
        <v>0</v>
      </c>
    </row>
    <row r="64159" spans="1:7" x14ac:dyDescent="0.3">
      <c r="A64159" s="13" t="s">
        <v>344</v>
      </c>
      <c r="B64159" s="14" t="s">
        <v>1</v>
      </c>
      <c r="C64159" s="14" t="s">
        <v>191</v>
      </c>
      <c r="D64159" s="14" t="s">
        <v>345</v>
      </c>
      <c r="E64159" s="15">
        <v>45660</v>
      </c>
      <c r="F64159" s="14" t="s">
        <v>72</v>
      </c>
      <c r="G64159" s="16">
        <v>0</v>
      </c>
    </row>
    <row r="64160" spans="1:7" x14ac:dyDescent="0.3">
      <c r="A64160" s="13" t="s">
        <v>344</v>
      </c>
      <c r="B64160" s="14" t="s">
        <v>1</v>
      </c>
      <c r="C64160" s="14" t="s">
        <v>191</v>
      </c>
      <c r="D64160" s="14" t="s">
        <v>345</v>
      </c>
      <c r="E64160" s="15">
        <v>45661</v>
      </c>
      <c r="F64160" s="14" t="s">
        <v>72</v>
      </c>
      <c r="G64160" s="16">
        <v>0</v>
      </c>
    </row>
    <row r="64161" spans="1:7" x14ac:dyDescent="0.3">
      <c r="A64161" s="13" t="s">
        <v>344</v>
      </c>
      <c r="B64161" s="14" t="s">
        <v>1</v>
      </c>
      <c r="C64161" s="14" t="s">
        <v>191</v>
      </c>
      <c r="D64161" s="14" t="s">
        <v>345</v>
      </c>
      <c r="E64161" s="15">
        <v>45662</v>
      </c>
      <c r="F64161" s="14" t="s">
        <v>72</v>
      </c>
      <c r="G64161" s="16">
        <v>0</v>
      </c>
    </row>
    <row r="64162" spans="1:7" x14ac:dyDescent="0.3">
      <c r="A64162" s="13" t="s">
        <v>344</v>
      </c>
      <c r="B64162" s="14" t="s">
        <v>1</v>
      </c>
      <c r="C64162" s="14" t="s">
        <v>191</v>
      </c>
      <c r="D64162" s="14" t="s">
        <v>345</v>
      </c>
      <c r="E64162" s="15">
        <v>45663</v>
      </c>
      <c r="F64162" s="14" t="s">
        <v>72</v>
      </c>
      <c r="G64162" s="16">
        <v>0</v>
      </c>
    </row>
    <row r="64163" spans="1:7" x14ac:dyDescent="0.3">
      <c r="A64163" s="13" t="s">
        <v>344</v>
      </c>
      <c r="B64163" s="14" t="s">
        <v>1</v>
      </c>
      <c r="C64163" s="14" t="s">
        <v>191</v>
      </c>
      <c r="D64163" s="14" t="s">
        <v>345</v>
      </c>
      <c r="E64163" s="15">
        <v>45664</v>
      </c>
      <c r="F64163" s="14" t="s">
        <v>72</v>
      </c>
      <c r="G64163" s="16">
        <v>0</v>
      </c>
    </row>
    <row r="64164" spans="1:7" x14ac:dyDescent="0.3">
      <c r="A64164" s="13" t="s">
        <v>344</v>
      </c>
      <c r="B64164" s="14" t="s">
        <v>1</v>
      </c>
      <c r="C64164" s="14" t="s">
        <v>191</v>
      </c>
      <c r="D64164" s="14" t="s">
        <v>345</v>
      </c>
      <c r="E64164" s="15">
        <v>45665</v>
      </c>
      <c r="F64164" s="14" t="s">
        <v>72</v>
      </c>
      <c r="G64164" s="16">
        <v>0</v>
      </c>
    </row>
    <row r="64165" spans="1:7" x14ac:dyDescent="0.3">
      <c r="A64165" s="13" t="s">
        <v>344</v>
      </c>
      <c r="B64165" s="14" t="s">
        <v>1</v>
      </c>
      <c r="C64165" s="14" t="s">
        <v>191</v>
      </c>
      <c r="D64165" s="14" t="s">
        <v>345</v>
      </c>
      <c r="E64165" s="15">
        <v>45666</v>
      </c>
      <c r="F64165" s="14" t="s">
        <v>72</v>
      </c>
      <c r="G64165" s="16">
        <v>0</v>
      </c>
    </row>
    <row r="64166" spans="1:7" x14ac:dyDescent="0.3">
      <c r="A64166" s="13" t="s">
        <v>344</v>
      </c>
      <c r="B64166" s="14" t="s">
        <v>1</v>
      </c>
      <c r="C64166" s="14" t="s">
        <v>191</v>
      </c>
      <c r="D64166" s="14" t="s">
        <v>345</v>
      </c>
      <c r="E64166" s="15">
        <v>45667</v>
      </c>
      <c r="F64166" s="14" t="s">
        <v>72</v>
      </c>
      <c r="G64166" s="16">
        <v>0</v>
      </c>
    </row>
    <row r="64167" spans="1:7" x14ac:dyDescent="0.3">
      <c r="A64167" s="13" t="s">
        <v>344</v>
      </c>
      <c r="B64167" s="14" t="s">
        <v>1</v>
      </c>
      <c r="C64167" s="14" t="s">
        <v>191</v>
      </c>
      <c r="D64167" s="14" t="s">
        <v>345</v>
      </c>
      <c r="E64167" s="15">
        <v>45668</v>
      </c>
      <c r="F64167" s="14" t="s">
        <v>72</v>
      </c>
      <c r="G64167" s="16">
        <v>0</v>
      </c>
    </row>
    <row r="64168" spans="1:7" x14ac:dyDescent="0.3">
      <c r="A64168" s="13" t="s">
        <v>344</v>
      </c>
      <c r="B64168" s="14" t="s">
        <v>1</v>
      </c>
      <c r="C64168" s="14" t="s">
        <v>191</v>
      </c>
      <c r="D64168" s="14" t="s">
        <v>345</v>
      </c>
      <c r="E64168" s="15">
        <v>45669</v>
      </c>
      <c r="F64168" s="14" t="s">
        <v>72</v>
      </c>
      <c r="G64168" s="16">
        <v>0</v>
      </c>
    </row>
    <row r="64169" spans="1:7" x14ac:dyDescent="0.3">
      <c r="A64169" s="13" t="s">
        <v>344</v>
      </c>
      <c r="B64169" s="14" t="s">
        <v>1</v>
      </c>
      <c r="C64169" s="14" t="s">
        <v>191</v>
      </c>
      <c r="D64169" s="14" t="s">
        <v>345</v>
      </c>
      <c r="E64169" s="15">
        <v>45670</v>
      </c>
      <c r="F64169" s="14" t="s">
        <v>72</v>
      </c>
      <c r="G64169" s="16">
        <v>0</v>
      </c>
    </row>
    <row r="64170" spans="1:7" x14ac:dyDescent="0.3">
      <c r="A64170" s="13" t="s">
        <v>344</v>
      </c>
      <c r="B64170" s="14" t="s">
        <v>1</v>
      </c>
      <c r="C64170" s="14" t="s">
        <v>191</v>
      </c>
      <c r="D64170" s="14" t="s">
        <v>345</v>
      </c>
      <c r="E64170" s="15">
        <v>45671</v>
      </c>
      <c r="F64170" s="14" t="s">
        <v>72</v>
      </c>
      <c r="G64170" s="16">
        <v>0</v>
      </c>
    </row>
    <row r="64171" spans="1:7" x14ac:dyDescent="0.3">
      <c r="A64171" s="13" t="s">
        <v>344</v>
      </c>
      <c r="B64171" s="14" t="s">
        <v>1</v>
      </c>
      <c r="C64171" s="14" t="s">
        <v>191</v>
      </c>
      <c r="D64171" s="14" t="s">
        <v>345</v>
      </c>
      <c r="E64171" s="15">
        <v>45672</v>
      </c>
      <c r="F64171" s="14" t="s">
        <v>72</v>
      </c>
      <c r="G64171" s="16">
        <v>0</v>
      </c>
    </row>
    <row r="64172" spans="1:7" x14ac:dyDescent="0.3">
      <c r="A64172" s="13" t="s">
        <v>344</v>
      </c>
      <c r="B64172" s="14" t="s">
        <v>1</v>
      </c>
      <c r="C64172" s="14" t="s">
        <v>191</v>
      </c>
      <c r="D64172" s="14" t="s">
        <v>345</v>
      </c>
      <c r="E64172" s="15">
        <v>45673</v>
      </c>
      <c r="F64172" s="14" t="s">
        <v>72</v>
      </c>
      <c r="G64172" s="16">
        <v>0</v>
      </c>
    </row>
    <row r="64173" spans="1:7" x14ac:dyDescent="0.3">
      <c r="A64173" s="13" t="s">
        <v>344</v>
      </c>
      <c r="B64173" s="14" t="s">
        <v>1</v>
      </c>
      <c r="C64173" s="14" t="s">
        <v>191</v>
      </c>
      <c r="D64173" s="14" t="s">
        <v>345</v>
      </c>
      <c r="E64173" s="15">
        <v>45674</v>
      </c>
      <c r="F64173" s="14" t="s">
        <v>72</v>
      </c>
      <c r="G64173" s="16">
        <v>0</v>
      </c>
    </row>
    <row r="64174" spans="1:7" x14ac:dyDescent="0.3">
      <c r="A64174" s="13" t="s">
        <v>344</v>
      </c>
      <c r="B64174" s="14" t="s">
        <v>1</v>
      </c>
      <c r="C64174" s="14" t="s">
        <v>191</v>
      </c>
      <c r="D64174" s="14" t="s">
        <v>345</v>
      </c>
      <c r="E64174" s="15">
        <v>45675</v>
      </c>
      <c r="F64174" s="14" t="s">
        <v>72</v>
      </c>
      <c r="G64174" s="16">
        <v>0</v>
      </c>
    </row>
    <row r="64175" spans="1:7" x14ac:dyDescent="0.3">
      <c r="A64175" s="13" t="s">
        <v>344</v>
      </c>
      <c r="B64175" s="14" t="s">
        <v>1</v>
      </c>
      <c r="C64175" s="14" t="s">
        <v>191</v>
      </c>
      <c r="D64175" s="14" t="s">
        <v>345</v>
      </c>
      <c r="E64175" s="15">
        <v>45676</v>
      </c>
      <c r="F64175" s="14" t="s">
        <v>72</v>
      </c>
      <c r="G64175" s="16">
        <v>0</v>
      </c>
    </row>
    <row r="64176" spans="1:7" x14ac:dyDescent="0.3">
      <c r="A64176" s="13" t="s">
        <v>344</v>
      </c>
      <c r="B64176" s="14" t="s">
        <v>1</v>
      </c>
      <c r="C64176" s="14" t="s">
        <v>191</v>
      </c>
      <c r="D64176" s="14" t="s">
        <v>345</v>
      </c>
      <c r="E64176" s="15">
        <v>45677</v>
      </c>
      <c r="F64176" s="14" t="s">
        <v>72</v>
      </c>
      <c r="G64176" s="16">
        <v>0</v>
      </c>
    </row>
    <row r="64177" spans="1:7" x14ac:dyDescent="0.3">
      <c r="A64177" s="13" t="s">
        <v>344</v>
      </c>
      <c r="B64177" s="14" t="s">
        <v>1</v>
      </c>
      <c r="C64177" s="14" t="s">
        <v>191</v>
      </c>
      <c r="D64177" s="14" t="s">
        <v>345</v>
      </c>
      <c r="E64177" s="15">
        <v>45678</v>
      </c>
      <c r="F64177" s="14" t="s">
        <v>72</v>
      </c>
      <c r="G64177" s="16">
        <v>0</v>
      </c>
    </row>
    <row r="64178" spans="1:7" x14ac:dyDescent="0.3">
      <c r="A64178" s="13" t="s">
        <v>344</v>
      </c>
      <c r="B64178" s="14" t="s">
        <v>1</v>
      </c>
      <c r="C64178" s="14" t="s">
        <v>191</v>
      </c>
      <c r="D64178" s="14" t="s">
        <v>345</v>
      </c>
      <c r="E64178" s="15">
        <v>45679</v>
      </c>
      <c r="F64178" s="14" t="s">
        <v>72</v>
      </c>
      <c r="G64178" s="16">
        <v>0</v>
      </c>
    </row>
    <row r="64179" spans="1:7" x14ac:dyDescent="0.3">
      <c r="A64179" s="13" t="s">
        <v>344</v>
      </c>
      <c r="B64179" s="14" t="s">
        <v>1</v>
      </c>
      <c r="C64179" s="14" t="s">
        <v>191</v>
      </c>
      <c r="D64179" s="14" t="s">
        <v>345</v>
      </c>
      <c r="E64179" s="15">
        <v>45680</v>
      </c>
      <c r="F64179" s="14" t="s">
        <v>72</v>
      </c>
      <c r="G64179" s="16">
        <v>0</v>
      </c>
    </row>
    <row r="64180" spans="1:7" x14ac:dyDescent="0.3">
      <c r="A64180" s="13" t="s">
        <v>344</v>
      </c>
      <c r="B64180" s="14" t="s">
        <v>1</v>
      </c>
      <c r="C64180" s="14" t="s">
        <v>191</v>
      </c>
      <c r="D64180" s="14" t="s">
        <v>345</v>
      </c>
      <c r="E64180" s="15">
        <v>45681</v>
      </c>
      <c r="F64180" s="14" t="s">
        <v>72</v>
      </c>
      <c r="G64180" s="16">
        <v>0</v>
      </c>
    </row>
    <row r="64181" spans="1:7" x14ac:dyDescent="0.3">
      <c r="A64181" s="13" t="s">
        <v>344</v>
      </c>
      <c r="B64181" s="14" t="s">
        <v>1</v>
      </c>
      <c r="C64181" s="14" t="s">
        <v>191</v>
      </c>
      <c r="D64181" s="14" t="s">
        <v>345</v>
      </c>
      <c r="E64181" s="15">
        <v>45682</v>
      </c>
      <c r="F64181" s="14" t="s">
        <v>72</v>
      </c>
      <c r="G64181" s="16">
        <v>0</v>
      </c>
    </row>
    <row r="64182" spans="1:7" x14ac:dyDescent="0.3">
      <c r="A64182" s="13" t="s">
        <v>344</v>
      </c>
      <c r="B64182" s="14" t="s">
        <v>1</v>
      </c>
      <c r="C64182" s="14" t="s">
        <v>191</v>
      </c>
      <c r="D64182" s="14" t="s">
        <v>345</v>
      </c>
      <c r="E64182" s="15">
        <v>45683</v>
      </c>
      <c r="F64182" s="14" t="s">
        <v>72</v>
      </c>
      <c r="G64182" s="16">
        <v>0</v>
      </c>
    </row>
    <row r="64183" spans="1:7" x14ac:dyDescent="0.3">
      <c r="A64183" s="13" t="s">
        <v>344</v>
      </c>
      <c r="B64183" s="14" t="s">
        <v>1</v>
      </c>
      <c r="C64183" s="14" t="s">
        <v>191</v>
      </c>
      <c r="D64183" s="14" t="s">
        <v>345</v>
      </c>
      <c r="E64183" s="15">
        <v>45684</v>
      </c>
      <c r="F64183" s="14" t="s">
        <v>72</v>
      </c>
      <c r="G64183" s="16">
        <v>0</v>
      </c>
    </row>
    <row r="64184" spans="1:7" x14ac:dyDescent="0.3">
      <c r="A64184" s="13" t="s">
        <v>344</v>
      </c>
      <c r="B64184" s="14" t="s">
        <v>1</v>
      </c>
      <c r="C64184" s="14" t="s">
        <v>191</v>
      </c>
      <c r="D64184" s="14" t="s">
        <v>345</v>
      </c>
      <c r="E64184" s="15">
        <v>45685</v>
      </c>
      <c r="F64184" s="14" t="s">
        <v>72</v>
      </c>
      <c r="G64184" s="16">
        <v>0</v>
      </c>
    </row>
    <row r="64185" spans="1:7" x14ac:dyDescent="0.3">
      <c r="A64185" s="13" t="s">
        <v>344</v>
      </c>
      <c r="B64185" s="14" t="s">
        <v>1</v>
      </c>
      <c r="C64185" s="14" t="s">
        <v>191</v>
      </c>
      <c r="D64185" s="14" t="s">
        <v>345</v>
      </c>
      <c r="E64185" s="15">
        <v>45686</v>
      </c>
      <c r="F64185" s="14" t="s">
        <v>72</v>
      </c>
      <c r="G64185" s="16">
        <v>0</v>
      </c>
    </row>
    <row r="64186" spans="1:7" x14ac:dyDescent="0.3">
      <c r="A64186" s="13" t="s">
        <v>344</v>
      </c>
      <c r="B64186" s="14" t="s">
        <v>1</v>
      </c>
      <c r="C64186" s="14" t="s">
        <v>191</v>
      </c>
      <c r="D64186" s="14" t="s">
        <v>345</v>
      </c>
      <c r="E64186" s="15">
        <v>45687</v>
      </c>
      <c r="F64186" s="14" t="s">
        <v>72</v>
      </c>
      <c r="G64186" s="16">
        <v>0</v>
      </c>
    </row>
    <row r="64187" spans="1:7" x14ac:dyDescent="0.3">
      <c r="A64187" s="13" t="s">
        <v>344</v>
      </c>
      <c r="B64187" s="14" t="s">
        <v>1</v>
      </c>
      <c r="C64187" s="14" t="s">
        <v>191</v>
      </c>
      <c r="D64187" s="14" t="s">
        <v>345</v>
      </c>
      <c r="E64187" s="15">
        <v>45688</v>
      </c>
      <c r="F64187" s="14" t="s">
        <v>72</v>
      </c>
      <c r="G64187" s="16">
        <v>0</v>
      </c>
    </row>
    <row r="64188" spans="1:7" x14ac:dyDescent="0.3">
      <c r="A64188" s="13" t="s">
        <v>344</v>
      </c>
      <c r="B64188" s="14" t="s">
        <v>1</v>
      </c>
      <c r="C64188" s="14" t="s">
        <v>191</v>
      </c>
      <c r="D64188" s="14" t="s">
        <v>345</v>
      </c>
      <c r="E64188" s="15">
        <v>45689</v>
      </c>
      <c r="F64188" s="14" t="s">
        <v>72</v>
      </c>
      <c r="G64188" s="16">
        <v>0</v>
      </c>
    </row>
    <row r="64189" spans="1:7" x14ac:dyDescent="0.3">
      <c r="A64189" s="13" t="s">
        <v>344</v>
      </c>
      <c r="B64189" s="14" t="s">
        <v>1</v>
      </c>
      <c r="C64189" s="14" t="s">
        <v>191</v>
      </c>
      <c r="D64189" s="14" t="s">
        <v>345</v>
      </c>
      <c r="E64189" s="15">
        <v>45690</v>
      </c>
      <c r="F64189" s="14" t="s">
        <v>72</v>
      </c>
      <c r="G64189" s="16">
        <v>0</v>
      </c>
    </row>
    <row r="64190" spans="1:7" x14ac:dyDescent="0.3">
      <c r="A64190" s="13" t="s">
        <v>344</v>
      </c>
      <c r="B64190" s="14" t="s">
        <v>1</v>
      </c>
      <c r="C64190" s="14" t="s">
        <v>191</v>
      </c>
      <c r="D64190" s="14" t="s">
        <v>345</v>
      </c>
      <c r="E64190" s="15">
        <v>45691</v>
      </c>
      <c r="F64190" s="14" t="s">
        <v>72</v>
      </c>
      <c r="G64190" s="16">
        <v>0</v>
      </c>
    </row>
    <row r="64191" spans="1:7" x14ac:dyDescent="0.3">
      <c r="A64191" s="13" t="s">
        <v>344</v>
      </c>
      <c r="B64191" s="14" t="s">
        <v>1</v>
      </c>
      <c r="C64191" s="14" t="s">
        <v>191</v>
      </c>
      <c r="D64191" s="14" t="s">
        <v>345</v>
      </c>
      <c r="E64191" s="15">
        <v>45692</v>
      </c>
      <c r="F64191" s="14" t="s">
        <v>72</v>
      </c>
      <c r="G64191" s="16">
        <v>0</v>
      </c>
    </row>
    <row r="64192" spans="1:7" x14ac:dyDescent="0.3">
      <c r="A64192" s="13" t="s">
        <v>344</v>
      </c>
      <c r="B64192" s="14" t="s">
        <v>1</v>
      </c>
      <c r="C64192" s="14" t="s">
        <v>191</v>
      </c>
      <c r="D64192" s="14" t="s">
        <v>345</v>
      </c>
      <c r="E64192" s="15">
        <v>45693</v>
      </c>
      <c r="F64192" s="14" t="s">
        <v>72</v>
      </c>
      <c r="G64192" s="16">
        <v>0</v>
      </c>
    </row>
    <row r="64193" spans="1:7" x14ac:dyDescent="0.3">
      <c r="A64193" s="13" t="s">
        <v>344</v>
      </c>
      <c r="B64193" s="14" t="s">
        <v>1</v>
      </c>
      <c r="C64193" s="14" t="s">
        <v>191</v>
      </c>
      <c r="D64193" s="14" t="s">
        <v>345</v>
      </c>
      <c r="E64193" s="15">
        <v>45694</v>
      </c>
      <c r="F64193" s="14" t="s">
        <v>72</v>
      </c>
      <c r="G64193" s="16">
        <v>0</v>
      </c>
    </row>
    <row r="64194" spans="1:7" x14ac:dyDescent="0.3">
      <c r="A64194" s="13" t="s">
        <v>344</v>
      </c>
      <c r="B64194" s="14" t="s">
        <v>1</v>
      </c>
      <c r="C64194" s="14" t="s">
        <v>191</v>
      </c>
      <c r="D64194" s="14" t="s">
        <v>345</v>
      </c>
      <c r="E64194" s="15">
        <v>45695</v>
      </c>
      <c r="F64194" s="14" t="s">
        <v>72</v>
      </c>
      <c r="G64194" s="16">
        <v>0</v>
      </c>
    </row>
    <row r="64195" spans="1:7" x14ac:dyDescent="0.3">
      <c r="A64195" s="13" t="s">
        <v>344</v>
      </c>
      <c r="B64195" s="14" t="s">
        <v>1</v>
      </c>
      <c r="C64195" s="14" t="s">
        <v>191</v>
      </c>
      <c r="D64195" s="14" t="s">
        <v>345</v>
      </c>
      <c r="E64195" s="15">
        <v>45696</v>
      </c>
      <c r="F64195" s="14" t="s">
        <v>72</v>
      </c>
      <c r="G64195" s="16">
        <v>0</v>
      </c>
    </row>
    <row r="64196" spans="1:7" x14ac:dyDescent="0.3">
      <c r="A64196" s="13" t="s">
        <v>344</v>
      </c>
      <c r="B64196" s="14" t="s">
        <v>1</v>
      </c>
      <c r="C64196" s="14" t="s">
        <v>191</v>
      </c>
      <c r="D64196" s="14" t="s">
        <v>345</v>
      </c>
      <c r="E64196" s="15">
        <v>45697</v>
      </c>
      <c r="F64196" s="14" t="s">
        <v>72</v>
      </c>
      <c r="G64196" s="16">
        <v>0</v>
      </c>
    </row>
    <row r="64197" spans="1:7" x14ac:dyDescent="0.3">
      <c r="A64197" s="13" t="s">
        <v>344</v>
      </c>
      <c r="B64197" s="14" t="s">
        <v>1</v>
      </c>
      <c r="C64197" s="14" t="s">
        <v>191</v>
      </c>
      <c r="D64197" s="14" t="s">
        <v>345</v>
      </c>
      <c r="E64197" s="15">
        <v>45698</v>
      </c>
      <c r="F64197" s="14" t="s">
        <v>72</v>
      </c>
      <c r="G64197" s="16">
        <v>0</v>
      </c>
    </row>
    <row r="64198" spans="1:7" x14ac:dyDescent="0.3">
      <c r="A64198" s="13" t="s">
        <v>344</v>
      </c>
      <c r="B64198" s="14" t="s">
        <v>1</v>
      </c>
      <c r="C64198" s="14" t="s">
        <v>191</v>
      </c>
      <c r="D64198" s="14" t="s">
        <v>345</v>
      </c>
      <c r="E64198" s="15">
        <v>45699</v>
      </c>
      <c r="F64198" s="14" t="s">
        <v>72</v>
      </c>
      <c r="G64198" s="16">
        <v>0</v>
      </c>
    </row>
    <row r="64199" spans="1:7" x14ac:dyDescent="0.3">
      <c r="A64199" s="13" t="s">
        <v>344</v>
      </c>
      <c r="B64199" s="14" t="s">
        <v>1</v>
      </c>
      <c r="C64199" s="14" t="s">
        <v>191</v>
      </c>
      <c r="D64199" s="14" t="s">
        <v>345</v>
      </c>
      <c r="E64199" s="15">
        <v>45700</v>
      </c>
      <c r="F64199" s="14" t="s">
        <v>72</v>
      </c>
      <c r="G64199" s="16">
        <v>0</v>
      </c>
    </row>
    <row r="64200" spans="1:7" x14ac:dyDescent="0.3">
      <c r="A64200" s="13" t="s">
        <v>344</v>
      </c>
      <c r="B64200" s="14" t="s">
        <v>1</v>
      </c>
      <c r="C64200" s="14" t="s">
        <v>191</v>
      </c>
      <c r="D64200" s="14" t="s">
        <v>345</v>
      </c>
      <c r="E64200" s="15">
        <v>45701</v>
      </c>
      <c r="F64200" s="14" t="s">
        <v>72</v>
      </c>
      <c r="G64200" s="16">
        <v>0</v>
      </c>
    </row>
    <row r="64201" spans="1:7" x14ac:dyDescent="0.3">
      <c r="A64201" s="13" t="s">
        <v>344</v>
      </c>
      <c r="B64201" s="14" t="s">
        <v>1</v>
      </c>
      <c r="C64201" s="14" t="s">
        <v>191</v>
      </c>
      <c r="D64201" s="14" t="s">
        <v>345</v>
      </c>
      <c r="E64201" s="15">
        <v>45702</v>
      </c>
      <c r="F64201" s="14" t="s">
        <v>72</v>
      </c>
      <c r="G64201" s="16">
        <v>0</v>
      </c>
    </row>
    <row r="64202" spans="1:7" x14ac:dyDescent="0.3">
      <c r="A64202" s="13" t="s">
        <v>344</v>
      </c>
      <c r="B64202" s="14" t="s">
        <v>1</v>
      </c>
      <c r="C64202" s="14" t="s">
        <v>191</v>
      </c>
      <c r="D64202" s="14" t="s">
        <v>345</v>
      </c>
      <c r="E64202" s="15">
        <v>45703</v>
      </c>
      <c r="F64202" s="14" t="s">
        <v>72</v>
      </c>
      <c r="G64202" s="16">
        <v>0</v>
      </c>
    </row>
    <row r="64203" spans="1:7" x14ac:dyDescent="0.3">
      <c r="A64203" s="13" t="s">
        <v>344</v>
      </c>
      <c r="B64203" s="14" t="s">
        <v>1</v>
      </c>
      <c r="C64203" s="14" t="s">
        <v>191</v>
      </c>
      <c r="D64203" s="14" t="s">
        <v>345</v>
      </c>
      <c r="E64203" s="15">
        <v>45704</v>
      </c>
      <c r="F64203" s="14" t="s">
        <v>72</v>
      </c>
      <c r="G64203" s="16">
        <v>0</v>
      </c>
    </row>
    <row r="64204" spans="1:7" x14ac:dyDescent="0.3">
      <c r="A64204" s="13" t="s">
        <v>344</v>
      </c>
      <c r="B64204" s="14" t="s">
        <v>1</v>
      </c>
      <c r="C64204" s="14" t="s">
        <v>191</v>
      </c>
      <c r="D64204" s="14" t="s">
        <v>345</v>
      </c>
      <c r="E64204" s="15">
        <v>45705</v>
      </c>
      <c r="F64204" s="14" t="s">
        <v>72</v>
      </c>
      <c r="G64204" s="16">
        <v>0</v>
      </c>
    </row>
    <row r="64205" spans="1:7" x14ac:dyDescent="0.3">
      <c r="A64205" s="13" t="s">
        <v>344</v>
      </c>
      <c r="B64205" s="14" t="s">
        <v>1</v>
      </c>
      <c r="C64205" s="14" t="s">
        <v>191</v>
      </c>
      <c r="D64205" s="14" t="s">
        <v>345</v>
      </c>
      <c r="E64205" s="15">
        <v>45706</v>
      </c>
      <c r="F64205" s="14" t="s">
        <v>72</v>
      </c>
      <c r="G64205" s="16">
        <v>0</v>
      </c>
    </row>
    <row r="64206" spans="1:7" x14ac:dyDescent="0.3">
      <c r="A64206" s="13" t="s">
        <v>344</v>
      </c>
      <c r="B64206" s="14" t="s">
        <v>1</v>
      </c>
      <c r="C64206" s="14" t="s">
        <v>191</v>
      </c>
      <c r="D64206" s="14" t="s">
        <v>345</v>
      </c>
      <c r="E64206" s="15">
        <v>45707</v>
      </c>
      <c r="F64206" s="14" t="s">
        <v>72</v>
      </c>
      <c r="G64206" s="16">
        <v>0</v>
      </c>
    </row>
    <row r="64207" spans="1:7" x14ac:dyDescent="0.3">
      <c r="A64207" s="13" t="s">
        <v>344</v>
      </c>
      <c r="B64207" s="14" t="s">
        <v>1</v>
      </c>
      <c r="C64207" s="14" t="s">
        <v>191</v>
      </c>
      <c r="D64207" s="14" t="s">
        <v>345</v>
      </c>
      <c r="E64207" s="15">
        <v>45708</v>
      </c>
      <c r="F64207" s="14" t="s">
        <v>72</v>
      </c>
      <c r="G64207" s="16">
        <v>0</v>
      </c>
    </row>
    <row r="64208" spans="1:7" x14ac:dyDescent="0.3">
      <c r="A64208" s="13" t="s">
        <v>344</v>
      </c>
      <c r="B64208" s="14" t="s">
        <v>1</v>
      </c>
      <c r="C64208" s="14" t="s">
        <v>191</v>
      </c>
      <c r="D64208" s="14" t="s">
        <v>345</v>
      </c>
      <c r="E64208" s="15">
        <v>45709</v>
      </c>
      <c r="F64208" s="14" t="s">
        <v>72</v>
      </c>
      <c r="G64208" s="16">
        <v>0</v>
      </c>
    </row>
    <row r="64209" spans="1:7" x14ac:dyDescent="0.3">
      <c r="A64209" s="13" t="s">
        <v>344</v>
      </c>
      <c r="B64209" s="14" t="s">
        <v>1</v>
      </c>
      <c r="C64209" s="14" t="s">
        <v>191</v>
      </c>
      <c r="D64209" s="14" t="s">
        <v>345</v>
      </c>
      <c r="E64209" s="15">
        <v>45710</v>
      </c>
      <c r="F64209" s="14" t="s">
        <v>72</v>
      </c>
      <c r="G64209" s="16">
        <v>0</v>
      </c>
    </row>
    <row r="64210" spans="1:7" x14ac:dyDescent="0.3">
      <c r="A64210" s="13" t="s">
        <v>344</v>
      </c>
      <c r="B64210" s="14" t="s">
        <v>1</v>
      </c>
      <c r="C64210" s="14" t="s">
        <v>191</v>
      </c>
      <c r="D64210" s="14" t="s">
        <v>345</v>
      </c>
      <c r="E64210" s="15">
        <v>45711</v>
      </c>
      <c r="F64210" s="14" t="s">
        <v>72</v>
      </c>
      <c r="G64210" s="16">
        <v>0</v>
      </c>
    </row>
    <row r="64211" spans="1:7" x14ac:dyDescent="0.3">
      <c r="A64211" s="13" t="s">
        <v>344</v>
      </c>
      <c r="B64211" s="14" t="s">
        <v>1</v>
      </c>
      <c r="C64211" s="14" t="s">
        <v>191</v>
      </c>
      <c r="D64211" s="14" t="s">
        <v>345</v>
      </c>
      <c r="E64211" s="15">
        <v>45712</v>
      </c>
      <c r="F64211" s="14" t="s">
        <v>72</v>
      </c>
      <c r="G64211" s="16">
        <v>0</v>
      </c>
    </row>
    <row r="64212" spans="1:7" x14ac:dyDescent="0.3">
      <c r="A64212" s="13" t="s">
        <v>344</v>
      </c>
      <c r="B64212" s="14" t="s">
        <v>1</v>
      </c>
      <c r="C64212" s="14" t="s">
        <v>191</v>
      </c>
      <c r="D64212" s="14" t="s">
        <v>345</v>
      </c>
      <c r="E64212" s="15">
        <v>45713</v>
      </c>
      <c r="F64212" s="14" t="s">
        <v>72</v>
      </c>
      <c r="G64212" s="16">
        <v>0</v>
      </c>
    </row>
    <row r="64213" spans="1:7" x14ac:dyDescent="0.3">
      <c r="A64213" s="13" t="s">
        <v>344</v>
      </c>
      <c r="B64213" s="14" t="s">
        <v>1</v>
      </c>
      <c r="C64213" s="14" t="s">
        <v>191</v>
      </c>
      <c r="D64213" s="14" t="s">
        <v>345</v>
      </c>
      <c r="E64213" s="15">
        <v>45714</v>
      </c>
      <c r="F64213" s="14" t="s">
        <v>72</v>
      </c>
      <c r="G64213" s="16">
        <v>0</v>
      </c>
    </row>
    <row r="64214" spans="1:7" x14ac:dyDescent="0.3">
      <c r="A64214" s="13" t="s">
        <v>344</v>
      </c>
      <c r="B64214" s="14" t="s">
        <v>1</v>
      </c>
      <c r="C64214" s="14" t="s">
        <v>191</v>
      </c>
      <c r="D64214" s="14" t="s">
        <v>345</v>
      </c>
      <c r="E64214" s="15">
        <v>45715</v>
      </c>
      <c r="F64214" s="14" t="s">
        <v>72</v>
      </c>
      <c r="G64214" s="16">
        <v>0</v>
      </c>
    </row>
    <row r="64215" spans="1:7" x14ac:dyDescent="0.3">
      <c r="A64215" s="13" t="s">
        <v>344</v>
      </c>
      <c r="B64215" s="14" t="s">
        <v>1</v>
      </c>
      <c r="C64215" s="14" t="s">
        <v>191</v>
      </c>
      <c r="D64215" s="14" t="s">
        <v>345</v>
      </c>
      <c r="E64215" s="15">
        <v>45716</v>
      </c>
      <c r="F64215" s="14" t="s">
        <v>72</v>
      </c>
      <c r="G64215" s="16">
        <v>0</v>
      </c>
    </row>
    <row r="64216" spans="1:7" x14ac:dyDescent="0.3">
      <c r="A64216" s="13" t="s">
        <v>344</v>
      </c>
      <c r="B64216" s="14" t="s">
        <v>1</v>
      </c>
      <c r="C64216" s="14" t="s">
        <v>191</v>
      </c>
      <c r="D64216" s="14" t="s">
        <v>345</v>
      </c>
      <c r="E64216" s="15">
        <v>45717</v>
      </c>
      <c r="F64216" s="14" t="s">
        <v>72</v>
      </c>
      <c r="G64216" s="16">
        <v>0</v>
      </c>
    </row>
    <row r="64217" spans="1:7" x14ac:dyDescent="0.3">
      <c r="A64217" s="13" t="s">
        <v>344</v>
      </c>
      <c r="B64217" s="14" t="s">
        <v>1</v>
      </c>
      <c r="C64217" s="14" t="s">
        <v>191</v>
      </c>
      <c r="D64217" s="14" t="s">
        <v>345</v>
      </c>
      <c r="E64217" s="15">
        <v>45718</v>
      </c>
      <c r="F64217" s="14" t="s">
        <v>72</v>
      </c>
      <c r="G64217" s="16">
        <v>0</v>
      </c>
    </row>
    <row r="64218" spans="1:7" x14ac:dyDescent="0.3">
      <c r="A64218" s="13" t="s">
        <v>344</v>
      </c>
      <c r="B64218" s="14" t="s">
        <v>1</v>
      </c>
      <c r="C64218" s="14" t="s">
        <v>191</v>
      </c>
      <c r="D64218" s="14" t="s">
        <v>345</v>
      </c>
      <c r="E64218" s="15">
        <v>45719</v>
      </c>
      <c r="F64218" s="14" t="s">
        <v>72</v>
      </c>
      <c r="G64218" s="16">
        <v>0</v>
      </c>
    </row>
    <row r="64219" spans="1:7" x14ac:dyDescent="0.3">
      <c r="A64219" s="13" t="s">
        <v>344</v>
      </c>
      <c r="B64219" s="14" t="s">
        <v>1</v>
      </c>
      <c r="C64219" s="14" t="s">
        <v>191</v>
      </c>
      <c r="D64219" s="14" t="s">
        <v>345</v>
      </c>
      <c r="E64219" s="15">
        <v>45720</v>
      </c>
      <c r="F64219" s="14" t="s">
        <v>72</v>
      </c>
      <c r="G64219" s="16">
        <v>0</v>
      </c>
    </row>
    <row r="64220" spans="1:7" x14ac:dyDescent="0.3">
      <c r="A64220" s="13" t="s">
        <v>344</v>
      </c>
      <c r="B64220" s="14" t="s">
        <v>1</v>
      </c>
      <c r="C64220" s="14" t="s">
        <v>191</v>
      </c>
      <c r="D64220" s="14" t="s">
        <v>345</v>
      </c>
      <c r="E64220" s="15">
        <v>45721</v>
      </c>
      <c r="F64220" s="14" t="s">
        <v>72</v>
      </c>
      <c r="G64220" s="16">
        <v>0</v>
      </c>
    </row>
    <row r="64221" spans="1:7" x14ac:dyDescent="0.3">
      <c r="A64221" s="13" t="s">
        <v>344</v>
      </c>
      <c r="B64221" s="14" t="s">
        <v>1</v>
      </c>
      <c r="C64221" s="14" t="s">
        <v>191</v>
      </c>
      <c r="D64221" s="14" t="s">
        <v>345</v>
      </c>
      <c r="E64221" s="15">
        <v>45722</v>
      </c>
      <c r="F64221" s="14" t="s">
        <v>72</v>
      </c>
      <c r="G64221" s="16">
        <v>0</v>
      </c>
    </row>
    <row r="64222" spans="1:7" x14ac:dyDescent="0.3">
      <c r="A64222" s="13" t="s">
        <v>344</v>
      </c>
      <c r="B64222" s="14" t="s">
        <v>1</v>
      </c>
      <c r="C64222" s="14" t="s">
        <v>191</v>
      </c>
      <c r="D64222" s="14" t="s">
        <v>345</v>
      </c>
      <c r="E64222" s="15">
        <v>45723</v>
      </c>
      <c r="F64222" s="14" t="s">
        <v>72</v>
      </c>
      <c r="G64222" s="16">
        <v>0</v>
      </c>
    </row>
    <row r="64223" spans="1:7" x14ac:dyDescent="0.3">
      <c r="A64223" s="13" t="s">
        <v>344</v>
      </c>
      <c r="B64223" s="14" t="s">
        <v>1</v>
      </c>
      <c r="C64223" s="14" t="s">
        <v>191</v>
      </c>
      <c r="D64223" s="14" t="s">
        <v>345</v>
      </c>
      <c r="E64223" s="15">
        <v>45724</v>
      </c>
      <c r="F64223" s="14" t="s">
        <v>72</v>
      </c>
      <c r="G64223" s="16">
        <v>0</v>
      </c>
    </row>
    <row r="64224" spans="1:7" x14ac:dyDescent="0.3">
      <c r="A64224" s="13" t="s">
        <v>344</v>
      </c>
      <c r="B64224" s="14" t="s">
        <v>1</v>
      </c>
      <c r="C64224" s="14" t="s">
        <v>191</v>
      </c>
      <c r="D64224" s="14" t="s">
        <v>345</v>
      </c>
      <c r="E64224" s="15">
        <v>45725</v>
      </c>
      <c r="F64224" s="14" t="s">
        <v>72</v>
      </c>
      <c r="G64224" s="16">
        <v>0</v>
      </c>
    </row>
    <row r="64225" spans="1:7" x14ac:dyDescent="0.3">
      <c r="A64225" s="13" t="s">
        <v>344</v>
      </c>
      <c r="B64225" s="14" t="s">
        <v>1</v>
      </c>
      <c r="C64225" s="14" t="s">
        <v>191</v>
      </c>
      <c r="D64225" s="14" t="s">
        <v>345</v>
      </c>
      <c r="E64225" s="15">
        <v>45726</v>
      </c>
      <c r="F64225" s="14" t="s">
        <v>72</v>
      </c>
      <c r="G64225" s="16">
        <v>0</v>
      </c>
    </row>
    <row r="64226" spans="1:7" x14ac:dyDescent="0.3">
      <c r="A64226" s="13" t="s">
        <v>344</v>
      </c>
      <c r="B64226" s="14" t="s">
        <v>1</v>
      </c>
      <c r="C64226" s="14" t="s">
        <v>191</v>
      </c>
      <c r="D64226" s="14" t="s">
        <v>345</v>
      </c>
      <c r="E64226" s="15">
        <v>45727</v>
      </c>
      <c r="F64226" s="14" t="s">
        <v>72</v>
      </c>
      <c r="G64226" s="16">
        <v>0</v>
      </c>
    </row>
    <row r="64227" spans="1:7" x14ac:dyDescent="0.3">
      <c r="A64227" s="13" t="s">
        <v>344</v>
      </c>
      <c r="B64227" s="14" t="s">
        <v>1</v>
      </c>
      <c r="C64227" s="14" t="s">
        <v>191</v>
      </c>
      <c r="D64227" s="14" t="s">
        <v>345</v>
      </c>
      <c r="E64227" s="15">
        <v>45728</v>
      </c>
      <c r="F64227" s="14" t="s">
        <v>72</v>
      </c>
      <c r="G64227" s="16">
        <v>0</v>
      </c>
    </row>
    <row r="64228" spans="1:7" x14ac:dyDescent="0.3">
      <c r="A64228" s="13" t="s">
        <v>344</v>
      </c>
      <c r="B64228" s="14" t="s">
        <v>1</v>
      </c>
      <c r="C64228" s="14" t="s">
        <v>191</v>
      </c>
      <c r="D64228" s="14" t="s">
        <v>345</v>
      </c>
      <c r="E64228" s="15">
        <v>45729</v>
      </c>
      <c r="F64228" s="14" t="s">
        <v>72</v>
      </c>
      <c r="G64228" s="16">
        <v>0</v>
      </c>
    </row>
    <row r="64229" spans="1:7" x14ac:dyDescent="0.3">
      <c r="A64229" s="13" t="s">
        <v>344</v>
      </c>
      <c r="B64229" s="14" t="s">
        <v>1</v>
      </c>
      <c r="C64229" s="14" t="s">
        <v>191</v>
      </c>
      <c r="D64229" s="14" t="s">
        <v>345</v>
      </c>
      <c r="E64229" s="15">
        <v>45730</v>
      </c>
      <c r="F64229" s="14" t="s">
        <v>72</v>
      </c>
      <c r="G64229" s="16">
        <v>0</v>
      </c>
    </row>
    <row r="64230" spans="1:7" x14ac:dyDescent="0.3">
      <c r="A64230" s="13" t="s">
        <v>344</v>
      </c>
      <c r="B64230" s="14" t="s">
        <v>1</v>
      </c>
      <c r="C64230" s="14" t="s">
        <v>191</v>
      </c>
      <c r="D64230" s="14" t="s">
        <v>345</v>
      </c>
      <c r="E64230" s="15">
        <v>45731</v>
      </c>
      <c r="F64230" s="14" t="s">
        <v>72</v>
      </c>
      <c r="G64230" s="16">
        <v>0</v>
      </c>
    </row>
    <row r="64231" spans="1:7" x14ac:dyDescent="0.3">
      <c r="A64231" s="13" t="s">
        <v>344</v>
      </c>
      <c r="B64231" s="14" t="s">
        <v>1</v>
      </c>
      <c r="C64231" s="14" t="s">
        <v>191</v>
      </c>
      <c r="D64231" s="14" t="s">
        <v>345</v>
      </c>
      <c r="E64231" s="15">
        <v>45732</v>
      </c>
      <c r="F64231" s="14" t="s">
        <v>72</v>
      </c>
      <c r="G64231" s="16">
        <v>0</v>
      </c>
    </row>
    <row r="64232" spans="1:7" x14ac:dyDescent="0.3">
      <c r="A64232" s="13" t="s">
        <v>344</v>
      </c>
      <c r="B64232" s="14" t="s">
        <v>1</v>
      </c>
      <c r="C64232" s="14" t="s">
        <v>191</v>
      </c>
      <c r="D64232" s="14" t="s">
        <v>345</v>
      </c>
      <c r="E64232" s="15">
        <v>45733</v>
      </c>
      <c r="F64232" s="14" t="s">
        <v>72</v>
      </c>
      <c r="G64232" s="16">
        <v>0</v>
      </c>
    </row>
    <row r="64233" spans="1:7" x14ac:dyDescent="0.3">
      <c r="A64233" s="13" t="s">
        <v>344</v>
      </c>
      <c r="B64233" s="14" t="s">
        <v>1</v>
      </c>
      <c r="C64233" s="14" t="s">
        <v>191</v>
      </c>
      <c r="D64233" s="14" t="s">
        <v>345</v>
      </c>
      <c r="E64233" s="15">
        <v>45734</v>
      </c>
      <c r="F64233" s="14" t="s">
        <v>72</v>
      </c>
      <c r="G64233" s="16">
        <v>0</v>
      </c>
    </row>
    <row r="64234" spans="1:7" x14ac:dyDescent="0.3">
      <c r="A64234" s="13" t="s">
        <v>344</v>
      </c>
      <c r="B64234" s="14" t="s">
        <v>1</v>
      </c>
      <c r="C64234" s="14" t="s">
        <v>191</v>
      </c>
      <c r="D64234" s="14" t="s">
        <v>345</v>
      </c>
      <c r="E64234" s="15">
        <v>45735</v>
      </c>
      <c r="F64234" s="14" t="s">
        <v>72</v>
      </c>
      <c r="G64234" s="16">
        <v>0</v>
      </c>
    </row>
    <row r="64235" spans="1:7" x14ac:dyDescent="0.3">
      <c r="A64235" s="13" t="s">
        <v>344</v>
      </c>
      <c r="B64235" s="14" t="s">
        <v>1</v>
      </c>
      <c r="C64235" s="14" t="s">
        <v>191</v>
      </c>
      <c r="D64235" s="14" t="s">
        <v>345</v>
      </c>
      <c r="E64235" s="15">
        <v>45736</v>
      </c>
      <c r="F64235" s="14" t="s">
        <v>72</v>
      </c>
      <c r="G64235" s="16">
        <v>0</v>
      </c>
    </row>
    <row r="64236" spans="1:7" x14ac:dyDescent="0.3">
      <c r="A64236" s="13" t="s">
        <v>344</v>
      </c>
      <c r="B64236" s="14" t="s">
        <v>1</v>
      </c>
      <c r="C64236" s="14" t="s">
        <v>191</v>
      </c>
      <c r="D64236" s="14" t="s">
        <v>345</v>
      </c>
      <c r="E64236" s="15">
        <v>45737</v>
      </c>
      <c r="F64236" s="14" t="s">
        <v>72</v>
      </c>
      <c r="G64236" s="16">
        <v>0</v>
      </c>
    </row>
    <row r="64237" spans="1:7" x14ac:dyDescent="0.3">
      <c r="A64237" s="13" t="s">
        <v>344</v>
      </c>
      <c r="B64237" s="14" t="s">
        <v>1</v>
      </c>
      <c r="C64237" s="14" t="s">
        <v>191</v>
      </c>
      <c r="D64237" s="14" t="s">
        <v>345</v>
      </c>
      <c r="E64237" s="15">
        <v>45738</v>
      </c>
      <c r="F64237" s="14" t="s">
        <v>72</v>
      </c>
      <c r="G64237" s="16">
        <v>0</v>
      </c>
    </row>
    <row r="64238" spans="1:7" x14ac:dyDescent="0.3">
      <c r="A64238" s="13" t="s">
        <v>344</v>
      </c>
      <c r="B64238" s="14" t="s">
        <v>1</v>
      </c>
      <c r="C64238" s="14" t="s">
        <v>191</v>
      </c>
      <c r="D64238" s="14" t="s">
        <v>345</v>
      </c>
      <c r="E64238" s="15">
        <v>45739</v>
      </c>
      <c r="F64238" s="14" t="s">
        <v>72</v>
      </c>
      <c r="G64238" s="16">
        <v>0</v>
      </c>
    </row>
    <row r="64239" spans="1:7" x14ac:dyDescent="0.3">
      <c r="A64239" s="13" t="s">
        <v>344</v>
      </c>
      <c r="B64239" s="14" t="s">
        <v>1</v>
      </c>
      <c r="C64239" s="14" t="s">
        <v>191</v>
      </c>
      <c r="D64239" s="14" t="s">
        <v>345</v>
      </c>
      <c r="E64239" s="15">
        <v>45740</v>
      </c>
      <c r="F64239" s="14" t="s">
        <v>72</v>
      </c>
      <c r="G64239" s="16">
        <v>0</v>
      </c>
    </row>
    <row r="64240" spans="1:7" x14ac:dyDescent="0.3">
      <c r="A64240" s="13" t="s">
        <v>344</v>
      </c>
      <c r="B64240" s="14" t="s">
        <v>1</v>
      </c>
      <c r="C64240" s="14" t="s">
        <v>191</v>
      </c>
      <c r="D64240" s="14" t="s">
        <v>345</v>
      </c>
      <c r="E64240" s="15">
        <v>45741</v>
      </c>
      <c r="F64240" s="14" t="s">
        <v>72</v>
      </c>
      <c r="G64240" s="16">
        <v>0</v>
      </c>
    </row>
    <row r="64241" spans="1:7" x14ac:dyDescent="0.3">
      <c r="A64241" s="13" t="s">
        <v>344</v>
      </c>
      <c r="B64241" s="14" t="s">
        <v>1</v>
      </c>
      <c r="C64241" s="14" t="s">
        <v>191</v>
      </c>
      <c r="D64241" s="14" t="s">
        <v>345</v>
      </c>
      <c r="E64241" s="15">
        <v>45742</v>
      </c>
      <c r="F64241" s="14" t="s">
        <v>72</v>
      </c>
      <c r="G64241" s="16">
        <v>0</v>
      </c>
    </row>
    <row r="64242" spans="1:7" x14ac:dyDescent="0.3">
      <c r="A64242" s="13" t="s">
        <v>344</v>
      </c>
      <c r="B64242" s="14" t="s">
        <v>1</v>
      </c>
      <c r="C64242" s="14" t="s">
        <v>191</v>
      </c>
      <c r="D64242" s="14" t="s">
        <v>345</v>
      </c>
      <c r="E64242" s="15">
        <v>45743</v>
      </c>
      <c r="F64242" s="14" t="s">
        <v>72</v>
      </c>
      <c r="G64242" s="16">
        <v>0</v>
      </c>
    </row>
    <row r="64243" spans="1:7" x14ac:dyDescent="0.3">
      <c r="A64243" s="13" t="s">
        <v>344</v>
      </c>
      <c r="B64243" s="14" t="s">
        <v>1</v>
      </c>
      <c r="C64243" s="14" t="s">
        <v>191</v>
      </c>
      <c r="D64243" s="14" t="s">
        <v>345</v>
      </c>
      <c r="E64243" s="15">
        <v>45744</v>
      </c>
      <c r="F64243" s="14" t="s">
        <v>72</v>
      </c>
      <c r="G64243" s="16">
        <v>0</v>
      </c>
    </row>
    <row r="64244" spans="1:7" x14ac:dyDescent="0.3">
      <c r="A64244" s="13" t="s">
        <v>344</v>
      </c>
      <c r="B64244" s="14" t="s">
        <v>1</v>
      </c>
      <c r="C64244" s="14" t="s">
        <v>191</v>
      </c>
      <c r="D64244" s="14" t="s">
        <v>345</v>
      </c>
      <c r="E64244" s="15">
        <v>45745</v>
      </c>
      <c r="F64244" s="14" t="s">
        <v>72</v>
      </c>
      <c r="G64244" s="16">
        <v>0</v>
      </c>
    </row>
    <row r="64245" spans="1:7" x14ac:dyDescent="0.3">
      <c r="A64245" s="13" t="s">
        <v>344</v>
      </c>
      <c r="B64245" s="14" t="s">
        <v>1</v>
      </c>
      <c r="C64245" s="14" t="s">
        <v>191</v>
      </c>
      <c r="D64245" s="14" t="s">
        <v>345</v>
      </c>
      <c r="E64245" s="15">
        <v>45746</v>
      </c>
      <c r="F64245" s="14" t="s">
        <v>72</v>
      </c>
      <c r="G64245" s="16">
        <v>0</v>
      </c>
    </row>
    <row r="64246" spans="1:7" x14ac:dyDescent="0.3">
      <c r="A64246" s="13" t="s">
        <v>344</v>
      </c>
      <c r="B64246" s="14" t="s">
        <v>1</v>
      </c>
      <c r="C64246" s="14" t="s">
        <v>191</v>
      </c>
      <c r="D64246" s="14" t="s">
        <v>345</v>
      </c>
      <c r="E64246" s="15">
        <v>45747</v>
      </c>
      <c r="F64246" s="14" t="s">
        <v>72</v>
      </c>
      <c r="G64246" s="16">
        <v>0</v>
      </c>
    </row>
    <row r="64247" spans="1:7" x14ac:dyDescent="0.3">
      <c r="A64247" s="13" t="s">
        <v>346</v>
      </c>
      <c r="B64247" s="14" t="s">
        <v>1</v>
      </c>
      <c r="C64247" s="14" t="s">
        <v>51</v>
      </c>
      <c r="D64247" s="14" t="s">
        <v>159</v>
      </c>
      <c r="E64247" s="15">
        <v>45383</v>
      </c>
      <c r="F64247" s="14" t="s">
        <v>61</v>
      </c>
      <c r="G64247" s="16">
        <v>0</v>
      </c>
    </row>
    <row r="64248" spans="1:7" x14ac:dyDescent="0.3">
      <c r="A64248" s="13" t="s">
        <v>346</v>
      </c>
      <c r="B64248" s="14" t="s">
        <v>1</v>
      </c>
      <c r="C64248" s="14" t="s">
        <v>51</v>
      </c>
      <c r="D64248" s="14" t="s">
        <v>159</v>
      </c>
      <c r="E64248" s="15">
        <v>45384</v>
      </c>
      <c r="F64248" s="14" t="s">
        <v>61</v>
      </c>
      <c r="G64248" s="16">
        <v>0</v>
      </c>
    </row>
    <row r="64249" spans="1:7" x14ac:dyDescent="0.3">
      <c r="A64249" s="13" t="s">
        <v>346</v>
      </c>
      <c r="B64249" s="14" t="s">
        <v>1</v>
      </c>
      <c r="C64249" s="14" t="s">
        <v>51</v>
      </c>
      <c r="D64249" s="14" t="s">
        <v>159</v>
      </c>
      <c r="E64249" s="15">
        <v>45385</v>
      </c>
      <c r="F64249" s="14" t="s">
        <v>61</v>
      </c>
      <c r="G64249" s="16">
        <v>0</v>
      </c>
    </row>
    <row r="64250" spans="1:7" x14ac:dyDescent="0.3">
      <c r="A64250" s="13" t="s">
        <v>346</v>
      </c>
      <c r="B64250" s="14" t="s">
        <v>1</v>
      </c>
      <c r="C64250" s="14" t="s">
        <v>51</v>
      </c>
      <c r="D64250" s="14" t="s">
        <v>159</v>
      </c>
      <c r="E64250" s="15">
        <v>45386</v>
      </c>
      <c r="F64250" s="14" t="s">
        <v>61</v>
      </c>
      <c r="G64250" s="16">
        <v>0</v>
      </c>
    </row>
    <row r="64251" spans="1:7" x14ac:dyDescent="0.3">
      <c r="A64251" s="13" t="s">
        <v>346</v>
      </c>
      <c r="B64251" s="14" t="s">
        <v>1</v>
      </c>
      <c r="C64251" s="14" t="s">
        <v>51</v>
      </c>
      <c r="D64251" s="14" t="s">
        <v>159</v>
      </c>
      <c r="E64251" s="15">
        <v>45387</v>
      </c>
      <c r="F64251" s="14" t="s">
        <v>61</v>
      </c>
      <c r="G64251" s="16">
        <v>0</v>
      </c>
    </row>
    <row r="64252" spans="1:7" x14ac:dyDescent="0.3">
      <c r="A64252" s="13" t="s">
        <v>346</v>
      </c>
      <c r="B64252" s="14" t="s">
        <v>1</v>
      </c>
      <c r="C64252" s="14" t="s">
        <v>51</v>
      </c>
      <c r="D64252" s="14" t="s">
        <v>159</v>
      </c>
      <c r="E64252" s="15">
        <v>45388</v>
      </c>
      <c r="F64252" s="14" t="s">
        <v>61</v>
      </c>
      <c r="G64252" s="16">
        <v>0</v>
      </c>
    </row>
    <row r="64253" spans="1:7" x14ac:dyDescent="0.3">
      <c r="A64253" s="13" t="s">
        <v>346</v>
      </c>
      <c r="B64253" s="14" t="s">
        <v>1</v>
      </c>
      <c r="C64253" s="14" t="s">
        <v>51</v>
      </c>
      <c r="D64253" s="14" t="s">
        <v>159</v>
      </c>
      <c r="E64253" s="15">
        <v>45389</v>
      </c>
      <c r="F64253" s="14" t="s">
        <v>61</v>
      </c>
      <c r="G64253" s="16">
        <v>0</v>
      </c>
    </row>
    <row r="64254" spans="1:7" x14ac:dyDescent="0.3">
      <c r="A64254" s="13" t="s">
        <v>346</v>
      </c>
      <c r="B64254" s="14" t="s">
        <v>1</v>
      </c>
      <c r="C64254" s="14" t="s">
        <v>51</v>
      </c>
      <c r="D64254" s="14" t="s">
        <v>159</v>
      </c>
      <c r="E64254" s="15">
        <v>45390</v>
      </c>
      <c r="F64254" s="14" t="s">
        <v>61</v>
      </c>
      <c r="G64254" s="16">
        <v>0</v>
      </c>
    </row>
    <row r="64255" spans="1:7" x14ac:dyDescent="0.3">
      <c r="A64255" s="13" t="s">
        <v>346</v>
      </c>
      <c r="B64255" s="14" t="s">
        <v>1</v>
      </c>
      <c r="C64255" s="14" t="s">
        <v>51</v>
      </c>
      <c r="D64255" s="14" t="s">
        <v>159</v>
      </c>
      <c r="E64255" s="15">
        <v>45391</v>
      </c>
      <c r="F64255" s="14" t="s">
        <v>61</v>
      </c>
      <c r="G64255" s="16">
        <v>0</v>
      </c>
    </row>
    <row r="64256" spans="1:7" x14ac:dyDescent="0.3">
      <c r="A64256" s="13" t="s">
        <v>346</v>
      </c>
      <c r="B64256" s="14" t="s">
        <v>1</v>
      </c>
      <c r="C64256" s="14" t="s">
        <v>51</v>
      </c>
      <c r="D64256" s="14" t="s">
        <v>159</v>
      </c>
      <c r="E64256" s="15">
        <v>45392</v>
      </c>
      <c r="F64256" s="14" t="s">
        <v>61</v>
      </c>
      <c r="G64256" s="16">
        <v>0</v>
      </c>
    </row>
    <row r="64257" spans="1:7" x14ac:dyDescent="0.3">
      <c r="A64257" s="13" t="s">
        <v>346</v>
      </c>
      <c r="B64257" s="14" t="s">
        <v>1</v>
      </c>
      <c r="C64257" s="14" t="s">
        <v>51</v>
      </c>
      <c r="D64257" s="14" t="s">
        <v>159</v>
      </c>
      <c r="E64257" s="15">
        <v>45393</v>
      </c>
      <c r="F64257" s="14" t="s">
        <v>61</v>
      </c>
      <c r="G64257" s="16">
        <v>0</v>
      </c>
    </row>
    <row r="64258" spans="1:7" x14ac:dyDescent="0.3">
      <c r="A64258" s="13" t="s">
        <v>346</v>
      </c>
      <c r="B64258" s="14" t="s">
        <v>1</v>
      </c>
      <c r="C64258" s="14" t="s">
        <v>51</v>
      </c>
      <c r="D64258" s="14" t="s">
        <v>159</v>
      </c>
      <c r="E64258" s="15">
        <v>45394</v>
      </c>
      <c r="F64258" s="14" t="s">
        <v>61</v>
      </c>
      <c r="G64258" s="16">
        <v>0</v>
      </c>
    </row>
    <row r="64259" spans="1:7" x14ac:dyDescent="0.3">
      <c r="A64259" s="13" t="s">
        <v>346</v>
      </c>
      <c r="B64259" s="14" t="s">
        <v>1</v>
      </c>
      <c r="C64259" s="14" t="s">
        <v>51</v>
      </c>
      <c r="D64259" s="14" t="s">
        <v>159</v>
      </c>
      <c r="E64259" s="15">
        <v>45395</v>
      </c>
      <c r="F64259" s="14" t="s">
        <v>61</v>
      </c>
      <c r="G64259" s="16">
        <v>0</v>
      </c>
    </row>
    <row r="64260" spans="1:7" x14ac:dyDescent="0.3">
      <c r="A64260" s="13" t="s">
        <v>346</v>
      </c>
      <c r="B64260" s="14" t="s">
        <v>1</v>
      </c>
      <c r="C64260" s="14" t="s">
        <v>51</v>
      </c>
      <c r="D64260" s="14" t="s">
        <v>159</v>
      </c>
      <c r="E64260" s="15">
        <v>45396</v>
      </c>
      <c r="F64260" s="14" t="s">
        <v>61</v>
      </c>
      <c r="G64260" s="16">
        <v>0</v>
      </c>
    </row>
    <row r="64261" spans="1:7" x14ac:dyDescent="0.3">
      <c r="A64261" s="13" t="s">
        <v>346</v>
      </c>
      <c r="B64261" s="14" t="s">
        <v>1</v>
      </c>
      <c r="C64261" s="14" t="s">
        <v>51</v>
      </c>
      <c r="D64261" s="14" t="s">
        <v>159</v>
      </c>
      <c r="E64261" s="15">
        <v>45397</v>
      </c>
      <c r="F64261" s="14" t="s">
        <v>61</v>
      </c>
      <c r="G64261" s="16">
        <v>0</v>
      </c>
    </row>
    <row r="64262" spans="1:7" x14ac:dyDescent="0.3">
      <c r="A64262" s="13" t="s">
        <v>346</v>
      </c>
      <c r="B64262" s="14" t="s">
        <v>1</v>
      </c>
      <c r="C64262" s="14" t="s">
        <v>51</v>
      </c>
      <c r="D64262" s="14" t="s">
        <v>159</v>
      </c>
      <c r="E64262" s="15">
        <v>45398</v>
      </c>
      <c r="F64262" s="14" t="s">
        <v>61</v>
      </c>
      <c r="G64262" s="16">
        <v>0</v>
      </c>
    </row>
    <row r="64263" spans="1:7" x14ac:dyDescent="0.3">
      <c r="A64263" s="13" t="s">
        <v>346</v>
      </c>
      <c r="B64263" s="14" t="s">
        <v>1</v>
      </c>
      <c r="C64263" s="14" t="s">
        <v>51</v>
      </c>
      <c r="D64263" s="14" t="s">
        <v>159</v>
      </c>
      <c r="E64263" s="15">
        <v>45399</v>
      </c>
      <c r="F64263" s="14" t="s">
        <v>61</v>
      </c>
      <c r="G64263" s="16">
        <v>0</v>
      </c>
    </row>
    <row r="64264" spans="1:7" x14ac:dyDescent="0.3">
      <c r="A64264" s="13" t="s">
        <v>346</v>
      </c>
      <c r="B64264" s="14" t="s">
        <v>1</v>
      </c>
      <c r="C64264" s="14" t="s">
        <v>51</v>
      </c>
      <c r="D64264" s="14" t="s">
        <v>159</v>
      </c>
      <c r="E64264" s="15">
        <v>45400</v>
      </c>
      <c r="F64264" s="14" t="s">
        <v>61</v>
      </c>
      <c r="G64264" s="16">
        <v>0</v>
      </c>
    </row>
    <row r="64265" spans="1:7" x14ac:dyDescent="0.3">
      <c r="A64265" s="13" t="s">
        <v>346</v>
      </c>
      <c r="B64265" s="14" t="s">
        <v>1</v>
      </c>
      <c r="C64265" s="14" t="s">
        <v>51</v>
      </c>
      <c r="D64265" s="14" t="s">
        <v>159</v>
      </c>
      <c r="E64265" s="15">
        <v>45401</v>
      </c>
      <c r="F64265" s="14" t="s">
        <v>61</v>
      </c>
      <c r="G64265" s="16">
        <v>0</v>
      </c>
    </row>
    <row r="64266" spans="1:7" x14ac:dyDescent="0.3">
      <c r="A64266" s="13" t="s">
        <v>346</v>
      </c>
      <c r="B64266" s="14" t="s">
        <v>1</v>
      </c>
      <c r="C64266" s="14" t="s">
        <v>51</v>
      </c>
      <c r="D64266" s="14" t="s">
        <v>159</v>
      </c>
      <c r="E64266" s="15">
        <v>45402</v>
      </c>
      <c r="F64266" s="14" t="s">
        <v>61</v>
      </c>
      <c r="G64266" s="16">
        <v>0</v>
      </c>
    </row>
    <row r="64267" spans="1:7" x14ac:dyDescent="0.3">
      <c r="A64267" s="13" t="s">
        <v>346</v>
      </c>
      <c r="B64267" s="14" t="s">
        <v>1</v>
      </c>
      <c r="C64267" s="14" t="s">
        <v>51</v>
      </c>
      <c r="D64267" s="14" t="s">
        <v>159</v>
      </c>
      <c r="E64267" s="15">
        <v>45403</v>
      </c>
      <c r="F64267" s="14" t="s">
        <v>61</v>
      </c>
      <c r="G64267" s="16">
        <v>0</v>
      </c>
    </row>
    <row r="64268" spans="1:7" x14ac:dyDescent="0.3">
      <c r="A64268" s="13" t="s">
        <v>346</v>
      </c>
      <c r="B64268" s="14" t="s">
        <v>1</v>
      </c>
      <c r="C64268" s="14" t="s">
        <v>51</v>
      </c>
      <c r="D64268" s="14" t="s">
        <v>159</v>
      </c>
      <c r="E64268" s="15">
        <v>45404</v>
      </c>
      <c r="F64268" s="14" t="s">
        <v>61</v>
      </c>
      <c r="G64268" s="16">
        <v>0</v>
      </c>
    </row>
    <row r="64269" spans="1:7" x14ac:dyDescent="0.3">
      <c r="A64269" s="13" t="s">
        <v>346</v>
      </c>
      <c r="B64269" s="14" t="s">
        <v>1</v>
      </c>
      <c r="C64269" s="14" t="s">
        <v>51</v>
      </c>
      <c r="D64269" s="14" t="s">
        <v>159</v>
      </c>
      <c r="E64269" s="15">
        <v>45405</v>
      </c>
      <c r="F64269" s="14" t="s">
        <v>61</v>
      </c>
      <c r="G64269" s="16">
        <v>0</v>
      </c>
    </row>
    <row r="64270" spans="1:7" x14ac:dyDescent="0.3">
      <c r="A64270" s="13" t="s">
        <v>346</v>
      </c>
      <c r="B64270" s="14" t="s">
        <v>1</v>
      </c>
      <c r="C64270" s="14" t="s">
        <v>51</v>
      </c>
      <c r="D64270" s="14" t="s">
        <v>159</v>
      </c>
      <c r="E64270" s="15">
        <v>45406</v>
      </c>
      <c r="F64270" s="14" t="s">
        <v>61</v>
      </c>
      <c r="G64270" s="16">
        <v>0</v>
      </c>
    </row>
    <row r="64271" spans="1:7" x14ac:dyDescent="0.3">
      <c r="A64271" s="13" t="s">
        <v>346</v>
      </c>
      <c r="B64271" s="14" t="s">
        <v>1</v>
      </c>
      <c r="C64271" s="14" t="s">
        <v>51</v>
      </c>
      <c r="D64271" s="14" t="s">
        <v>159</v>
      </c>
      <c r="E64271" s="15">
        <v>45407</v>
      </c>
      <c r="F64271" s="14" t="s">
        <v>61</v>
      </c>
      <c r="G64271" s="16">
        <v>0</v>
      </c>
    </row>
    <row r="64272" spans="1:7" x14ac:dyDescent="0.3">
      <c r="A64272" s="13" t="s">
        <v>346</v>
      </c>
      <c r="B64272" s="14" t="s">
        <v>1</v>
      </c>
      <c r="C64272" s="14" t="s">
        <v>51</v>
      </c>
      <c r="D64272" s="14" t="s">
        <v>159</v>
      </c>
      <c r="E64272" s="15">
        <v>45408</v>
      </c>
      <c r="F64272" s="14" t="s">
        <v>61</v>
      </c>
      <c r="G64272" s="16">
        <v>0</v>
      </c>
    </row>
    <row r="64273" spans="1:7" x14ac:dyDescent="0.3">
      <c r="A64273" s="13" t="s">
        <v>346</v>
      </c>
      <c r="B64273" s="14" t="s">
        <v>1</v>
      </c>
      <c r="C64273" s="14" t="s">
        <v>51</v>
      </c>
      <c r="D64273" s="14" t="s">
        <v>159</v>
      </c>
      <c r="E64273" s="15">
        <v>45409</v>
      </c>
      <c r="F64273" s="14" t="s">
        <v>61</v>
      </c>
      <c r="G64273" s="16">
        <v>0</v>
      </c>
    </row>
    <row r="64274" spans="1:7" x14ac:dyDescent="0.3">
      <c r="A64274" s="13" t="s">
        <v>346</v>
      </c>
      <c r="B64274" s="14" t="s">
        <v>1</v>
      </c>
      <c r="C64274" s="14" t="s">
        <v>51</v>
      </c>
      <c r="D64274" s="14" t="s">
        <v>159</v>
      </c>
      <c r="E64274" s="15">
        <v>45410</v>
      </c>
      <c r="F64274" s="14" t="s">
        <v>61</v>
      </c>
      <c r="G64274" s="16">
        <v>0</v>
      </c>
    </row>
    <row r="64275" spans="1:7" x14ac:dyDescent="0.3">
      <c r="A64275" s="13" t="s">
        <v>346</v>
      </c>
      <c r="B64275" s="14" t="s">
        <v>1</v>
      </c>
      <c r="C64275" s="14" t="s">
        <v>51</v>
      </c>
      <c r="D64275" s="14" t="s">
        <v>159</v>
      </c>
      <c r="E64275" s="15">
        <v>45411</v>
      </c>
      <c r="F64275" s="14" t="s">
        <v>61</v>
      </c>
      <c r="G64275" s="16">
        <v>0</v>
      </c>
    </row>
    <row r="64276" spans="1:7" x14ac:dyDescent="0.3">
      <c r="A64276" s="13" t="s">
        <v>346</v>
      </c>
      <c r="B64276" s="14" t="s">
        <v>1</v>
      </c>
      <c r="C64276" s="14" t="s">
        <v>51</v>
      </c>
      <c r="D64276" s="14" t="s">
        <v>159</v>
      </c>
      <c r="E64276" s="15">
        <v>45412</v>
      </c>
      <c r="F64276" s="14" t="s">
        <v>61</v>
      </c>
      <c r="G64276" s="16">
        <v>0</v>
      </c>
    </row>
    <row r="64277" spans="1:7" x14ac:dyDescent="0.3">
      <c r="A64277" s="13" t="s">
        <v>346</v>
      </c>
      <c r="B64277" s="14" t="s">
        <v>1</v>
      </c>
      <c r="C64277" s="14" t="s">
        <v>51</v>
      </c>
      <c r="D64277" s="14" t="s">
        <v>159</v>
      </c>
      <c r="E64277" s="15">
        <v>45413</v>
      </c>
      <c r="F64277" s="14" t="s">
        <v>61</v>
      </c>
      <c r="G64277" s="16">
        <v>0</v>
      </c>
    </row>
    <row r="64278" spans="1:7" x14ac:dyDescent="0.3">
      <c r="A64278" s="13" t="s">
        <v>346</v>
      </c>
      <c r="B64278" s="14" t="s">
        <v>1</v>
      </c>
      <c r="C64278" s="14" t="s">
        <v>51</v>
      </c>
      <c r="D64278" s="14" t="s">
        <v>159</v>
      </c>
      <c r="E64278" s="15">
        <v>45414</v>
      </c>
      <c r="F64278" s="14" t="s">
        <v>61</v>
      </c>
      <c r="G64278" s="16">
        <v>0</v>
      </c>
    </row>
    <row r="64279" spans="1:7" x14ac:dyDescent="0.3">
      <c r="A64279" s="13" t="s">
        <v>346</v>
      </c>
      <c r="B64279" s="14" t="s">
        <v>1</v>
      </c>
      <c r="C64279" s="14" t="s">
        <v>51</v>
      </c>
      <c r="D64279" s="14" t="s">
        <v>159</v>
      </c>
      <c r="E64279" s="15">
        <v>45415</v>
      </c>
      <c r="F64279" s="14" t="s">
        <v>61</v>
      </c>
      <c r="G64279" s="16">
        <v>0</v>
      </c>
    </row>
    <row r="64280" spans="1:7" x14ac:dyDescent="0.3">
      <c r="A64280" s="13" t="s">
        <v>346</v>
      </c>
      <c r="B64280" s="14" t="s">
        <v>1</v>
      </c>
      <c r="C64280" s="14" t="s">
        <v>51</v>
      </c>
      <c r="D64280" s="14" t="s">
        <v>159</v>
      </c>
      <c r="E64280" s="15">
        <v>45416</v>
      </c>
      <c r="F64280" s="14" t="s">
        <v>61</v>
      </c>
      <c r="G64280" s="16">
        <v>0</v>
      </c>
    </row>
    <row r="64281" spans="1:7" x14ac:dyDescent="0.3">
      <c r="A64281" s="13" t="s">
        <v>346</v>
      </c>
      <c r="B64281" s="14" t="s">
        <v>1</v>
      </c>
      <c r="C64281" s="14" t="s">
        <v>51</v>
      </c>
      <c r="D64281" s="14" t="s">
        <v>159</v>
      </c>
      <c r="E64281" s="15">
        <v>45417</v>
      </c>
      <c r="F64281" s="14" t="s">
        <v>61</v>
      </c>
      <c r="G64281" s="16">
        <v>0</v>
      </c>
    </row>
    <row r="64282" spans="1:7" x14ac:dyDescent="0.3">
      <c r="A64282" s="13" t="s">
        <v>346</v>
      </c>
      <c r="B64282" s="14" t="s">
        <v>1</v>
      </c>
      <c r="C64282" s="14" t="s">
        <v>51</v>
      </c>
      <c r="D64282" s="14" t="s">
        <v>159</v>
      </c>
      <c r="E64282" s="15">
        <v>45418</v>
      </c>
      <c r="F64282" s="14" t="s">
        <v>61</v>
      </c>
      <c r="G64282" s="16">
        <v>0</v>
      </c>
    </row>
    <row r="64283" spans="1:7" x14ac:dyDescent="0.3">
      <c r="A64283" s="13" t="s">
        <v>346</v>
      </c>
      <c r="B64283" s="14" t="s">
        <v>1</v>
      </c>
      <c r="C64283" s="14" t="s">
        <v>51</v>
      </c>
      <c r="D64283" s="14" t="s">
        <v>159</v>
      </c>
      <c r="E64283" s="15">
        <v>45419</v>
      </c>
      <c r="F64283" s="14" t="s">
        <v>61</v>
      </c>
      <c r="G64283" s="16">
        <v>0</v>
      </c>
    </row>
    <row r="64284" spans="1:7" x14ac:dyDescent="0.3">
      <c r="A64284" s="13" t="s">
        <v>346</v>
      </c>
      <c r="B64284" s="14" t="s">
        <v>1</v>
      </c>
      <c r="C64284" s="14" t="s">
        <v>51</v>
      </c>
      <c r="D64284" s="14" t="s">
        <v>159</v>
      </c>
      <c r="E64284" s="15">
        <v>45420</v>
      </c>
      <c r="F64284" s="14" t="s">
        <v>61</v>
      </c>
      <c r="G64284" s="16">
        <v>0</v>
      </c>
    </row>
    <row r="64285" spans="1:7" x14ac:dyDescent="0.3">
      <c r="A64285" s="13" t="s">
        <v>346</v>
      </c>
      <c r="B64285" s="14" t="s">
        <v>1</v>
      </c>
      <c r="C64285" s="14" t="s">
        <v>51</v>
      </c>
      <c r="D64285" s="14" t="s">
        <v>159</v>
      </c>
      <c r="E64285" s="15">
        <v>45421</v>
      </c>
      <c r="F64285" s="14" t="s">
        <v>61</v>
      </c>
      <c r="G64285" s="16">
        <v>0</v>
      </c>
    </row>
    <row r="64286" spans="1:7" x14ac:dyDescent="0.3">
      <c r="A64286" s="13" t="s">
        <v>346</v>
      </c>
      <c r="B64286" s="14" t="s">
        <v>1</v>
      </c>
      <c r="C64286" s="14" t="s">
        <v>51</v>
      </c>
      <c r="D64286" s="14" t="s">
        <v>159</v>
      </c>
      <c r="E64286" s="15">
        <v>45422</v>
      </c>
      <c r="F64286" s="14" t="s">
        <v>61</v>
      </c>
      <c r="G64286" s="16">
        <v>0</v>
      </c>
    </row>
    <row r="64287" spans="1:7" x14ac:dyDescent="0.3">
      <c r="A64287" s="13" t="s">
        <v>346</v>
      </c>
      <c r="B64287" s="14" t="s">
        <v>1</v>
      </c>
      <c r="C64287" s="14" t="s">
        <v>51</v>
      </c>
      <c r="D64287" s="14" t="s">
        <v>159</v>
      </c>
      <c r="E64287" s="15">
        <v>45423</v>
      </c>
      <c r="F64287" s="14" t="s">
        <v>61</v>
      </c>
      <c r="G64287" s="16">
        <v>0</v>
      </c>
    </row>
    <row r="64288" spans="1:7" x14ac:dyDescent="0.3">
      <c r="A64288" s="13" t="s">
        <v>346</v>
      </c>
      <c r="B64288" s="14" t="s">
        <v>1</v>
      </c>
      <c r="C64288" s="14" t="s">
        <v>51</v>
      </c>
      <c r="D64288" s="14" t="s">
        <v>159</v>
      </c>
      <c r="E64288" s="15">
        <v>45424</v>
      </c>
      <c r="F64288" s="14" t="s">
        <v>61</v>
      </c>
      <c r="G64288" s="16">
        <v>0</v>
      </c>
    </row>
    <row r="64289" spans="1:7" x14ac:dyDescent="0.3">
      <c r="A64289" s="13" t="s">
        <v>346</v>
      </c>
      <c r="B64289" s="14" t="s">
        <v>1</v>
      </c>
      <c r="C64289" s="14" t="s">
        <v>51</v>
      </c>
      <c r="D64289" s="14" t="s">
        <v>159</v>
      </c>
      <c r="E64289" s="15">
        <v>45425</v>
      </c>
      <c r="F64289" s="14" t="s">
        <v>61</v>
      </c>
      <c r="G64289" s="16">
        <v>0</v>
      </c>
    </row>
    <row r="64290" spans="1:7" x14ac:dyDescent="0.3">
      <c r="A64290" s="13" t="s">
        <v>346</v>
      </c>
      <c r="B64290" s="14" t="s">
        <v>1</v>
      </c>
      <c r="C64290" s="14" t="s">
        <v>51</v>
      </c>
      <c r="D64290" s="14" t="s">
        <v>159</v>
      </c>
      <c r="E64290" s="15">
        <v>45426</v>
      </c>
      <c r="F64290" s="14" t="s">
        <v>61</v>
      </c>
      <c r="G64290" s="16">
        <v>0</v>
      </c>
    </row>
    <row r="64291" spans="1:7" x14ac:dyDescent="0.3">
      <c r="A64291" s="13" t="s">
        <v>346</v>
      </c>
      <c r="B64291" s="14" t="s">
        <v>1</v>
      </c>
      <c r="C64291" s="14" t="s">
        <v>51</v>
      </c>
      <c r="D64291" s="14" t="s">
        <v>159</v>
      </c>
      <c r="E64291" s="15">
        <v>45427</v>
      </c>
      <c r="F64291" s="14" t="s">
        <v>61</v>
      </c>
      <c r="G64291" s="16">
        <v>0</v>
      </c>
    </row>
    <row r="64292" spans="1:7" x14ac:dyDescent="0.3">
      <c r="A64292" s="13" t="s">
        <v>346</v>
      </c>
      <c r="B64292" s="14" t="s">
        <v>1</v>
      </c>
      <c r="C64292" s="14" t="s">
        <v>51</v>
      </c>
      <c r="D64292" s="14" t="s">
        <v>159</v>
      </c>
      <c r="E64292" s="15">
        <v>45428</v>
      </c>
      <c r="F64292" s="14" t="s">
        <v>61</v>
      </c>
      <c r="G64292" s="16">
        <v>0</v>
      </c>
    </row>
    <row r="64293" spans="1:7" x14ac:dyDescent="0.3">
      <c r="A64293" s="13" t="s">
        <v>346</v>
      </c>
      <c r="B64293" s="14" t="s">
        <v>1</v>
      </c>
      <c r="C64293" s="14" t="s">
        <v>51</v>
      </c>
      <c r="D64293" s="14" t="s">
        <v>159</v>
      </c>
      <c r="E64293" s="15">
        <v>45429</v>
      </c>
      <c r="F64293" s="14" t="s">
        <v>61</v>
      </c>
      <c r="G64293" s="16">
        <v>0</v>
      </c>
    </row>
    <row r="64294" spans="1:7" x14ac:dyDescent="0.3">
      <c r="A64294" s="13" t="s">
        <v>346</v>
      </c>
      <c r="B64294" s="14" t="s">
        <v>1</v>
      </c>
      <c r="C64294" s="14" t="s">
        <v>51</v>
      </c>
      <c r="D64294" s="14" t="s">
        <v>159</v>
      </c>
      <c r="E64294" s="15">
        <v>45430</v>
      </c>
      <c r="F64294" s="14" t="s">
        <v>61</v>
      </c>
      <c r="G64294" s="16">
        <v>0</v>
      </c>
    </row>
    <row r="64295" spans="1:7" x14ac:dyDescent="0.3">
      <c r="A64295" s="13" t="s">
        <v>346</v>
      </c>
      <c r="B64295" s="14" t="s">
        <v>1</v>
      </c>
      <c r="C64295" s="14" t="s">
        <v>51</v>
      </c>
      <c r="D64295" s="14" t="s">
        <v>159</v>
      </c>
      <c r="E64295" s="15">
        <v>45431</v>
      </c>
      <c r="F64295" s="14" t="s">
        <v>61</v>
      </c>
      <c r="G64295" s="16">
        <v>0</v>
      </c>
    </row>
    <row r="64296" spans="1:7" x14ac:dyDescent="0.3">
      <c r="A64296" s="13" t="s">
        <v>346</v>
      </c>
      <c r="B64296" s="14" t="s">
        <v>1</v>
      </c>
      <c r="C64296" s="14" t="s">
        <v>51</v>
      </c>
      <c r="D64296" s="14" t="s">
        <v>159</v>
      </c>
      <c r="E64296" s="15">
        <v>45432</v>
      </c>
      <c r="F64296" s="14" t="s">
        <v>61</v>
      </c>
      <c r="G64296" s="16">
        <v>0</v>
      </c>
    </row>
    <row r="64297" spans="1:7" x14ac:dyDescent="0.3">
      <c r="A64297" s="13" t="s">
        <v>346</v>
      </c>
      <c r="B64297" s="14" t="s">
        <v>1</v>
      </c>
      <c r="C64297" s="14" t="s">
        <v>51</v>
      </c>
      <c r="D64297" s="14" t="s">
        <v>159</v>
      </c>
      <c r="E64297" s="15">
        <v>45433</v>
      </c>
      <c r="F64297" s="14" t="s">
        <v>61</v>
      </c>
      <c r="G64297" s="16">
        <v>0</v>
      </c>
    </row>
    <row r="64298" spans="1:7" x14ac:dyDescent="0.3">
      <c r="A64298" s="13" t="s">
        <v>346</v>
      </c>
      <c r="B64298" s="14" t="s">
        <v>1</v>
      </c>
      <c r="C64298" s="14" t="s">
        <v>51</v>
      </c>
      <c r="D64298" s="14" t="s">
        <v>159</v>
      </c>
      <c r="E64298" s="15">
        <v>45434</v>
      </c>
      <c r="F64298" s="14" t="s">
        <v>61</v>
      </c>
      <c r="G64298" s="16">
        <v>0</v>
      </c>
    </row>
    <row r="64299" spans="1:7" x14ac:dyDescent="0.3">
      <c r="A64299" s="13" t="s">
        <v>346</v>
      </c>
      <c r="B64299" s="14" t="s">
        <v>1</v>
      </c>
      <c r="C64299" s="14" t="s">
        <v>51</v>
      </c>
      <c r="D64299" s="14" t="s">
        <v>159</v>
      </c>
      <c r="E64299" s="15">
        <v>45435</v>
      </c>
      <c r="F64299" s="14" t="s">
        <v>61</v>
      </c>
      <c r="G64299" s="16">
        <v>0</v>
      </c>
    </row>
    <row r="64300" spans="1:7" x14ac:dyDescent="0.3">
      <c r="A64300" s="13" t="s">
        <v>346</v>
      </c>
      <c r="B64300" s="14" t="s">
        <v>1</v>
      </c>
      <c r="C64300" s="14" t="s">
        <v>51</v>
      </c>
      <c r="D64300" s="14" t="s">
        <v>159</v>
      </c>
      <c r="E64300" s="15">
        <v>45436</v>
      </c>
      <c r="F64300" s="14" t="s">
        <v>61</v>
      </c>
      <c r="G64300" s="16">
        <v>0</v>
      </c>
    </row>
    <row r="64301" spans="1:7" x14ac:dyDescent="0.3">
      <c r="A64301" s="13" t="s">
        <v>346</v>
      </c>
      <c r="B64301" s="14" t="s">
        <v>1</v>
      </c>
      <c r="C64301" s="14" t="s">
        <v>51</v>
      </c>
      <c r="D64301" s="14" t="s">
        <v>159</v>
      </c>
      <c r="E64301" s="15">
        <v>45437</v>
      </c>
      <c r="F64301" s="14" t="s">
        <v>61</v>
      </c>
      <c r="G64301" s="16">
        <v>0</v>
      </c>
    </row>
    <row r="64302" spans="1:7" x14ac:dyDescent="0.3">
      <c r="A64302" s="13" t="s">
        <v>346</v>
      </c>
      <c r="B64302" s="14" t="s">
        <v>1</v>
      </c>
      <c r="C64302" s="14" t="s">
        <v>51</v>
      </c>
      <c r="D64302" s="14" t="s">
        <v>159</v>
      </c>
      <c r="E64302" s="15">
        <v>45438</v>
      </c>
      <c r="F64302" s="14" t="s">
        <v>61</v>
      </c>
      <c r="G64302" s="16">
        <v>0</v>
      </c>
    </row>
    <row r="64303" spans="1:7" x14ac:dyDescent="0.3">
      <c r="A64303" s="13" t="s">
        <v>346</v>
      </c>
      <c r="B64303" s="14" t="s">
        <v>1</v>
      </c>
      <c r="C64303" s="14" t="s">
        <v>51</v>
      </c>
      <c r="D64303" s="14" t="s">
        <v>159</v>
      </c>
      <c r="E64303" s="15">
        <v>45439</v>
      </c>
      <c r="F64303" s="14" t="s">
        <v>61</v>
      </c>
      <c r="G64303" s="16">
        <v>0</v>
      </c>
    </row>
    <row r="64304" spans="1:7" x14ac:dyDescent="0.3">
      <c r="A64304" s="13" t="s">
        <v>346</v>
      </c>
      <c r="B64304" s="14" t="s">
        <v>1</v>
      </c>
      <c r="C64304" s="14" t="s">
        <v>51</v>
      </c>
      <c r="D64304" s="14" t="s">
        <v>159</v>
      </c>
      <c r="E64304" s="15">
        <v>45440</v>
      </c>
      <c r="F64304" s="14" t="s">
        <v>61</v>
      </c>
      <c r="G64304" s="16">
        <v>0</v>
      </c>
    </row>
    <row r="64305" spans="1:7" x14ac:dyDescent="0.3">
      <c r="A64305" s="13" t="s">
        <v>346</v>
      </c>
      <c r="B64305" s="14" t="s">
        <v>1</v>
      </c>
      <c r="C64305" s="14" t="s">
        <v>51</v>
      </c>
      <c r="D64305" s="14" t="s">
        <v>159</v>
      </c>
      <c r="E64305" s="15">
        <v>45441</v>
      </c>
      <c r="F64305" s="14" t="s">
        <v>61</v>
      </c>
      <c r="G64305" s="16">
        <v>0</v>
      </c>
    </row>
    <row r="64306" spans="1:7" x14ac:dyDescent="0.3">
      <c r="A64306" s="13" t="s">
        <v>346</v>
      </c>
      <c r="B64306" s="14" t="s">
        <v>1</v>
      </c>
      <c r="C64306" s="14" t="s">
        <v>51</v>
      </c>
      <c r="D64306" s="14" t="s">
        <v>159</v>
      </c>
      <c r="E64306" s="15">
        <v>45442</v>
      </c>
      <c r="F64306" s="14" t="s">
        <v>61</v>
      </c>
      <c r="G64306" s="16">
        <v>0</v>
      </c>
    </row>
    <row r="64307" spans="1:7" x14ac:dyDescent="0.3">
      <c r="A64307" s="13" t="s">
        <v>346</v>
      </c>
      <c r="B64307" s="14" t="s">
        <v>1</v>
      </c>
      <c r="C64307" s="14" t="s">
        <v>51</v>
      </c>
      <c r="D64307" s="14" t="s">
        <v>159</v>
      </c>
      <c r="E64307" s="15">
        <v>45443</v>
      </c>
      <c r="F64307" s="14" t="s">
        <v>61</v>
      </c>
      <c r="G64307" s="16">
        <v>0</v>
      </c>
    </row>
    <row r="64308" spans="1:7" x14ac:dyDescent="0.3">
      <c r="A64308" s="13" t="s">
        <v>346</v>
      </c>
      <c r="B64308" s="14" t="s">
        <v>1</v>
      </c>
      <c r="C64308" s="14" t="s">
        <v>51</v>
      </c>
      <c r="D64308" s="14" t="s">
        <v>159</v>
      </c>
      <c r="E64308" s="15">
        <v>45444</v>
      </c>
      <c r="F64308" s="14" t="s">
        <v>61</v>
      </c>
      <c r="G64308" s="16">
        <v>0</v>
      </c>
    </row>
    <row r="64309" spans="1:7" x14ac:dyDescent="0.3">
      <c r="A64309" s="13" t="s">
        <v>346</v>
      </c>
      <c r="B64309" s="14" t="s">
        <v>1</v>
      </c>
      <c r="C64309" s="14" t="s">
        <v>51</v>
      </c>
      <c r="D64309" s="14" t="s">
        <v>159</v>
      </c>
      <c r="E64309" s="15">
        <v>45445</v>
      </c>
      <c r="F64309" s="14" t="s">
        <v>61</v>
      </c>
      <c r="G64309" s="16">
        <v>0</v>
      </c>
    </row>
    <row r="64310" spans="1:7" x14ac:dyDescent="0.3">
      <c r="A64310" s="13" t="s">
        <v>346</v>
      </c>
      <c r="B64310" s="14" t="s">
        <v>1</v>
      </c>
      <c r="C64310" s="14" t="s">
        <v>51</v>
      </c>
      <c r="D64310" s="14" t="s">
        <v>159</v>
      </c>
      <c r="E64310" s="15">
        <v>45446</v>
      </c>
      <c r="F64310" s="14" t="s">
        <v>61</v>
      </c>
      <c r="G64310" s="16">
        <v>0</v>
      </c>
    </row>
    <row r="64311" spans="1:7" x14ac:dyDescent="0.3">
      <c r="A64311" s="13" t="s">
        <v>346</v>
      </c>
      <c r="B64311" s="14" t="s">
        <v>1</v>
      </c>
      <c r="C64311" s="14" t="s">
        <v>51</v>
      </c>
      <c r="D64311" s="14" t="s">
        <v>159</v>
      </c>
      <c r="E64311" s="15">
        <v>45447</v>
      </c>
      <c r="F64311" s="14" t="s">
        <v>61</v>
      </c>
      <c r="G64311" s="16">
        <v>0</v>
      </c>
    </row>
    <row r="64312" spans="1:7" x14ac:dyDescent="0.3">
      <c r="A64312" s="13" t="s">
        <v>346</v>
      </c>
      <c r="B64312" s="14" t="s">
        <v>1</v>
      </c>
      <c r="C64312" s="14" t="s">
        <v>51</v>
      </c>
      <c r="D64312" s="14" t="s">
        <v>159</v>
      </c>
      <c r="E64312" s="15">
        <v>45448</v>
      </c>
      <c r="F64312" s="14" t="s">
        <v>61</v>
      </c>
      <c r="G64312" s="16">
        <v>0</v>
      </c>
    </row>
    <row r="64313" spans="1:7" x14ac:dyDescent="0.3">
      <c r="A64313" s="13" t="s">
        <v>346</v>
      </c>
      <c r="B64313" s="14" t="s">
        <v>1</v>
      </c>
      <c r="C64313" s="14" t="s">
        <v>51</v>
      </c>
      <c r="D64313" s="14" t="s">
        <v>159</v>
      </c>
      <c r="E64313" s="15">
        <v>45449</v>
      </c>
      <c r="F64313" s="14" t="s">
        <v>61</v>
      </c>
      <c r="G64313" s="16">
        <v>0</v>
      </c>
    </row>
    <row r="64314" spans="1:7" x14ac:dyDescent="0.3">
      <c r="A64314" s="13" t="s">
        <v>346</v>
      </c>
      <c r="B64314" s="14" t="s">
        <v>1</v>
      </c>
      <c r="C64314" s="14" t="s">
        <v>51</v>
      </c>
      <c r="D64314" s="14" t="s">
        <v>159</v>
      </c>
      <c r="E64314" s="15">
        <v>45450</v>
      </c>
      <c r="F64314" s="14" t="s">
        <v>61</v>
      </c>
      <c r="G64314" s="16">
        <v>0</v>
      </c>
    </row>
    <row r="64315" spans="1:7" x14ac:dyDescent="0.3">
      <c r="A64315" s="13" t="s">
        <v>346</v>
      </c>
      <c r="B64315" s="14" t="s">
        <v>1</v>
      </c>
      <c r="C64315" s="14" t="s">
        <v>51</v>
      </c>
      <c r="D64315" s="14" t="s">
        <v>159</v>
      </c>
      <c r="E64315" s="15">
        <v>45451</v>
      </c>
      <c r="F64315" s="14" t="s">
        <v>61</v>
      </c>
      <c r="G64315" s="16">
        <v>0</v>
      </c>
    </row>
    <row r="64316" spans="1:7" x14ac:dyDescent="0.3">
      <c r="A64316" s="13" t="s">
        <v>346</v>
      </c>
      <c r="B64316" s="14" t="s">
        <v>1</v>
      </c>
      <c r="C64316" s="14" t="s">
        <v>51</v>
      </c>
      <c r="D64316" s="14" t="s">
        <v>159</v>
      </c>
      <c r="E64316" s="15">
        <v>45452</v>
      </c>
      <c r="F64316" s="14" t="s">
        <v>61</v>
      </c>
      <c r="G64316" s="16">
        <v>0</v>
      </c>
    </row>
    <row r="64317" spans="1:7" x14ac:dyDescent="0.3">
      <c r="A64317" s="13" t="s">
        <v>346</v>
      </c>
      <c r="B64317" s="14" t="s">
        <v>1</v>
      </c>
      <c r="C64317" s="14" t="s">
        <v>51</v>
      </c>
      <c r="D64317" s="14" t="s">
        <v>159</v>
      </c>
      <c r="E64317" s="15">
        <v>45453</v>
      </c>
      <c r="F64317" s="14" t="s">
        <v>61</v>
      </c>
      <c r="G64317" s="16">
        <v>0</v>
      </c>
    </row>
    <row r="64318" spans="1:7" x14ac:dyDescent="0.3">
      <c r="A64318" s="13" t="s">
        <v>346</v>
      </c>
      <c r="B64318" s="14" t="s">
        <v>1</v>
      </c>
      <c r="C64318" s="14" t="s">
        <v>51</v>
      </c>
      <c r="D64318" s="14" t="s">
        <v>159</v>
      </c>
      <c r="E64318" s="15">
        <v>45454</v>
      </c>
      <c r="F64318" s="14" t="s">
        <v>61</v>
      </c>
      <c r="G64318" s="16">
        <v>0</v>
      </c>
    </row>
    <row r="64319" spans="1:7" x14ac:dyDescent="0.3">
      <c r="A64319" s="13" t="s">
        <v>346</v>
      </c>
      <c r="B64319" s="14" t="s">
        <v>1</v>
      </c>
      <c r="C64319" s="14" t="s">
        <v>51</v>
      </c>
      <c r="D64319" s="14" t="s">
        <v>159</v>
      </c>
      <c r="E64319" s="15">
        <v>45455</v>
      </c>
      <c r="F64319" s="14" t="s">
        <v>61</v>
      </c>
      <c r="G64319" s="16">
        <v>0</v>
      </c>
    </row>
    <row r="64320" spans="1:7" x14ac:dyDescent="0.3">
      <c r="A64320" s="13" t="s">
        <v>346</v>
      </c>
      <c r="B64320" s="14" t="s">
        <v>1</v>
      </c>
      <c r="C64320" s="14" t="s">
        <v>51</v>
      </c>
      <c r="D64320" s="14" t="s">
        <v>159</v>
      </c>
      <c r="E64320" s="15">
        <v>45456</v>
      </c>
      <c r="F64320" s="14" t="s">
        <v>61</v>
      </c>
      <c r="G64320" s="16">
        <v>0</v>
      </c>
    </row>
    <row r="64321" spans="1:7" x14ac:dyDescent="0.3">
      <c r="A64321" s="13" t="s">
        <v>346</v>
      </c>
      <c r="B64321" s="14" t="s">
        <v>1</v>
      </c>
      <c r="C64321" s="14" t="s">
        <v>51</v>
      </c>
      <c r="D64321" s="14" t="s">
        <v>159</v>
      </c>
      <c r="E64321" s="15">
        <v>45457</v>
      </c>
      <c r="F64321" s="14" t="s">
        <v>61</v>
      </c>
      <c r="G64321" s="16">
        <v>0</v>
      </c>
    </row>
    <row r="64322" spans="1:7" x14ac:dyDescent="0.3">
      <c r="A64322" s="13" t="s">
        <v>346</v>
      </c>
      <c r="B64322" s="14" t="s">
        <v>1</v>
      </c>
      <c r="C64322" s="14" t="s">
        <v>51</v>
      </c>
      <c r="D64322" s="14" t="s">
        <v>159</v>
      </c>
      <c r="E64322" s="15">
        <v>45458</v>
      </c>
      <c r="F64322" s="14" t="s">
        <v>61</v>
      </c>
      <c r="G64322" s="16">
        <v>0</v>
      </c>
    </row>
    <row r="64323" spans="1:7" x14ac:dyDescent="0.3">
      <c r="A64323" s="13" t="s">
        <v>346</v>
      </c>
      <c r="B64323" s="14" t="s">
        <v>1</v>
      </c>
      <c r="C64323" s="14" t="s">
        <v>51</v>
      </c>
      <c r="D64323" s="14" t="s">
        <v>159</v>
      </c>
      <c r="E64323" s="15">
        <v>45459</v>
      </c>
      <c r="F64323" s="14" t="s">
        <v>61</v>
      </c>
      <c r="G64323" s="16">
        <v>0</v>
      </c>
    </row>
    <row r="64324" spans="1:7" x14ac:dyDescent="0.3">
      <c r="A64324" s="13" t="s">
        <v>346</v>
      </c>
      <c r="B64324" s="14" t="s">
        <v>1</v>
      </c>
      <c r="C64324" s="14" t="s">
        <v>51</v>
      </c>
      <c r="D64324" s="14" t="s">
        <v>159</v>
      </c>
      <c r="E64324" s="15">
        <v>45460</v>
      </c>
      <c r="F64324" s="14" t="s">
        <v>61</v>
      </c>
      <c r="G64324" s="16">
        <v>0</v>
      </c>
    </row>
    <row r="64325" spans="1:7" x14ac:dyDescent="0.3">
      <c r="A64325" s="13" t="s">
        <v>346</v>
      </c>
      <c r="B64325" s="14" t="s">
        <v>1</v>
      </c>
      <c r="C64325" s="14" t="s">
        <v>51</v>
      </c>
      <c r="D64325" s="14" t="s">
        <v>159</v>
      </c>
      <c r="E64325" s="15">
        <v>45461</v>
      </c>
      <c r="F64325" s="14" t="s">
        <v>61</v>
      </c>
      <c r="G64325" s="16">
        <v>0</v>
      </c>
    </row>
    <row r="64326" spans="1:7" x14ac:dyDescent="0.3">
      <c r="A64326" s="13" t="s">
        <v>346</v>
      </c>
      <c r="B64326" s="14" t="s">
        <v>1</v>
      </c>
      <c r="C64326" s="14" t="s">
        <v>51</v>
      </c>
      <c r="D64326" s="14" t="s">
        <v>159</v>
      </c>
      <c r="E64326" s="15">
        <v>45462</v>
      </c>
      <c r="F64326" s="14" t="s">
        <v>61</v>
      </c>
      <c r="G64326" s="16">
        <v>0</v>
      </c>
    </row>
    <row r="64327" spans="1:7" x14ac:dyDescent="0.3">
      <c r="A64327" s="13" t="s">
        <v>346</v>
      </c>
      <c r="B64327" s="14" t="s">
        <v>1</v>
      </c>
      <c r="C64327" s="14" t="s">
        <v>51</v>
      </c>
      <c r="D64327" s="14" t="s">
        <v>159</v>
      </c>
      <c r="E64327" s="15">
        <v>45463</v>
      </c>
      <c r="F64327" s="14" t="s">
        <v>61</v>
      </c>
      <c r="G64327" s="16">
        <v>0</v>
      </c>
    </row>
    <row r="64328" spans="1:7" x14ac:dyDescent="0.3">
      <c r="A64328" s="13" t="s">
        <v>346</v>
      </c>
      <c r="B64328" s="14" t="s">
        <v>1</v>
      </c>
      <c r="C64328" s="14" t="s">
        <v>51</v>
      </c>
      <c r="D64328" s="14" t="s">
        <v>159</v>
      </c>
      <c r="E64328" s="15">
        <v>45464</v>
      </c>
      <c r="F64328" s="14" t="s">
        <v>61</v>
      </c>
      <c r="G64328" s="16">
        <v>0</v>
      </c>
    </row>
    <row r="64329" spans="1:7" x14ac:dyDescent="0.3">
      <c r="A64329" s="13" t="s">
        <v>346</v>
      </c>
      <c r="B64329" s="14" t="s">
        <v>1</v>
      </c>
      <c r="C64329" s="14" t="s">
        <v>51</v>
      </c>
      <c r="D64329" s="14" t="s">
        <v>159</v>
      </c>
      <c r="E64329" s="15">
        <v>45465</v>
      </c>
      <c r="F64329" s="14" t="s">
        <v>61</v>
      </c>
      <c r="G64329" s="16">
        <v>0</v>
      </c>
    </row>
    <row r="64330" spans="1:7" x14ac:dyDescent="0.3">
      <c r="A64330" s="13" t="s">
        <v>346</v>
      </c>
      <c r="B64330" s="14" t="s">
        <v>1</v>
      </c>
      <c r="C64330" s="14" t="s">
        <v>51</v>
      </c>
      <c r="D64330" s="14" t="s">
        <v>159</v>
      </c>
      <c r="E64330" s="15">
        <v>45466</v>
      </c>
      <c r="F64330" s="14" t="s">
        <v>61</v>
      </c>
      <c r="G64330" s="16">
        <v>0</v>
      </c>
    </row>
    <row r="64331" spans="1:7" x14ac:dyDescent="0.3">
      <c r="A64331" s="13" t="s">
        <v>346</v>
      </c>
      <c r="B64331" s="14" t="s">
        <v>1</v>
      </c>
      <c r="C64331" s="14" t="s">
        <v>51</v>
      </c>
      <c r="D64331" s="14" t="s">
        <v>159</v>
      </c>
      <c r="E64331" s="15">
        <v>45467</v>
      </c>
      <c r="F64331" s="14" t="s">
        <v>61</v>
      </c>
      <c r="G64331" s="16">
        <v>0</v>
      </c>
    </row>
    <row r="64332" spans="1:7" x14ac:dyDescent="0.3">
      <c r="A64332" s="13" t="s">
        <v>346</v>
      </c>
      <c r="B64332" s="14" t="s">
        <v>1</v>
      </c>
      <c r="C64332" s="14" t="s">
        <v>51</v>
      </c>
      <c r="D64332" s="14" t="s">
        <v>159</v>
      </c>
      <c r="E64332" s="15">
        <v>45468</v>
      </c>
      <c r="F64332" s="14" t="s">
        <v>61</v>
      </c>
      <c r="G64332" s="16">
        <v>0</v>
      </c>
    </row>
    <row r="64333" spans="1:7" x14ac:dyDescent="0.3">
      <c r="A64333" s="13" t="s">
        <v>346</v>
      </c>
      <c r="B64333" s="14" t="s">
        <v>1</v>
      </c>
      <c r="C64333" s="14" t="s">
        <v>51</v>
      </c>
      <c r="D64333" s="14" t="s">
        <v>159</v>
      </c>
      <c r="E64333" s="15">
        <v>45469</v>
      </c>
      <c r="F64333" s="14" t="s">
        <v>61</v>
      </c>
      <c r="G64333" s="16">
        <v>0</v>
      </c>
    </row>
    <row r="64334" spans="1:7" x14ac:dyDescent="0.3">
      <c r="A64334" s="13" t="s">
        <v>346</v>
      </c>
      <c r="B64334" s="14" t="s">
        <v>1</v>
      </c>
      <c r="C64334" s="14" t="s">
        <v>51</v>
      </c>
      <c r="D64334" s="14" t="s">
        <v>159</v>
      </c>
      <c r="E64334" s="15">
        <v>45470</v>
      </c>
      <c r="F64334" s="14" t="s">
        <v>61</v>
      </c>
      <c r="G64334" s="16">
        <v>0</v>
      </c>
    </row>
    <row r="64335" spans="1:7" x14ac:dyDescent="0.3">
      <c r="A64335" s="13" t="s">
        <v>346</v>
      </c>
      <c r="B64335" s="14" t="s">
        <v>1</v>
      </c>
      <c r="C64335" s="14" t="s">
        <v>51</v>
      </c>
      <c r="D64335" s="14" t="s">
        <v>159</v>
      </c>
      <c r="E64335" s="15">
        <v>45471</v>
      </c>
      <c r="F64335" s="14" t="s">
        <v>61</v>
      </c>
      <c r="G64335" s="16">
        <v>0</v>
      </c>
    </row>
    <row r="64336" spans="1:7" x14ac:dyDescent="0.3">
      <c r="A64336" s="13" t="s">
        <v>346</v>
      </c>
      <c r="B64336" s="14" t="s">
        <v>1</v>
      </c>
      <c r="C64336" s="14" t="s">
        <v>51</v>
      </c>
      <c r="D64336" s="14" t="s">
        <v>159</v>
      </c>
      <c r="E64336" s="15">
        <v>45472</v>
      </c>
      <c r="F64336" s="14" t="s">
        <v>61</v>
      </c>
      <c r="G64336" s="16">
        <v>0</v>
      </c>
    </row>
    <row r="64337" spans="1:7" x14ac:dyDescent="0.3">
      <c r="A64337" s="13" t="s">
        <v>346</v>
      </c>
      <c r="B64337" s="14" t="s">
        <v>1</v>
      </c>
      <c r="C64337" s="14" t="s">
        <v>51</v>
      </c>
      <c r="D64337" s="14" t="s">
        <v>159</v>
      </c>
      <c r="E64337" s="15">
        <v>45473</v>
      </c>
      <c r="F64337" s="14" t="s">
        <v>61</v>
      </c>
      <c r="G64337" s="16">
        <v>0</v>
      </c>
    </row>
    <row r="64338" spans="1:7" x14ac:dyDescent="0.3">
      <c r="A64338" s="13" t="s">
        <v>346</v>
      </c>
      <c r="B64338" s="14" t="s">
        <v>1</v>
      </c>
      <c r="C64338" s="14" t="s">
        <v>51</v>
      </c>
      <c r="D64338" s="14" t="s">
        <v>159</v>
      </c>
      <c r="E64338" s="15">
        <v>45474</v>
      </c>
      <c r="F64338" s="14" t="s">
        <v>61</v>
      </c>
      <c r="G64338" s="16">
        <v>0</v>
      </c>
    </row>
    <row r="64339" spans="1:7" x14ac:dyDescent="0.3">
      <c r="A64339" s="13" t="s">
        <v>346</v>
      </c>
      <c r="B64339" s="14" t="s">
        <v>1</v>
      </c>
      <c r="C64339" s="14" t="s">
        <v>51</v>
      </c>
      <c r="D64339" s="14" t="s">
        <v>159</v>
      </c>
      <c r="E64339" s="15">
        <v>45475</v>
      </c>
      <c r="F64339" s="14" t="s">
        <v>61</v>
      </c>
      <c r="G64339" s="16">
        <v>0</v>
      </c>
    </row>
    <row r="64340" spans="1:7" x14ac:dyDescent="0.3">
      <c r="A64340" s="13" t="s">
        <v>346</v>
      </c>
      <c r="B64340" s="14" t="s">
        <v>1</v>
      </c>
      <c r="C64340" s="14" t="s">
        <v>51</v>
      </c>
      <c r="D64340" s="14" t="s">
        <v>159</v>
      </c>
      <c r="E64340" s="15">
        <v>45476</v>
      </c>
      <c r="F64340" s="14" t="s">
        <v>61</v>
      </c>
      <c r="G64340" s="16">
        <v>0</v>
      </c>
    </row>
    <row r="64341" spans="1:7" x14ac:dyDescent="0.3">
      <c r="A64341" s="13" t="s">
        <v>346</v>
      </c>
      <c r="B64341" s="14" t="s">
        <v>1</v>
      </c>
      <c r="C64341" s="14" t="s">
        <v>51</v>
      </c>
      <c r="D64341" s="14" t="s">
        <v>159</v>
      </c>
      <c r="E64341" s="15">
        <v>45477</v>
      </c>
      <c r="F64341" s="14" t="s">
        <v>61</v>
      </c>
      <c r="G64341" s="16">
        <v>0</v>
      </c>
    </row>
    <row r="64342" spans="1:7" x14ac:dyDescent="0.3">
      <c r="A64342" s="13" t="s">
        <v>346</v>
      </c>
      <c r="B64342" s="14" t="s">
        <v>1</v>
      </c>
      <c r="C64342" s="14" t="s">
        <v>51</v>
      </c>
      <c r="D64342" s="14" t="s">
        <v>159</v>
      </c>
      <c r="E64342" s="15">
        <v>45478</v>
      </c>
      <c r="F64342" s="14" t="s">
        <v>61</v>
      </c>
      <c r="G64342" s="16">
        <v>0</v>
      </c>
    </row>
    <row r="64343" spans="1:7" x14ac:dyDescent="0.3">
      <c r="A64343" s="13" t="s">
        <v>346</v>
      </c>
      <c r="B64343" s="14" t="s">
        <v>1</v>
      </c>
      <c r="C64343" s="14" t="s">
        <v>51</v>
      </c>
      <c r="D64343" s="14" t="s">
        <v>159</v>
      </c>
      <c r="E64343" s="15">
        <v>45479</v>
      </c>
      <c r="F64343" s="14" t="s">
        <v>61</v>
      </c>
      <c r="G64343" s="16">
        <v>0</v>
      </c>
    </row>
    <row r="64344" spans="1:7" x14ac:dyDescent="0.3">
      <c r="A64344" s="13" t="s">
        <v>346</v>
      </c>
      <c r="B64344" s="14" t="s">
        <v>1</v>
      </c>
      <c r="C64344" s="14" t="s">
        <v>51</v>
      </c>
      <c r="D64344" s="14" t="s">
        <v>159</v>
      </c>
      <c r="E64344" s="15">
        <v>45480</v>
      </c>
      <c r="F64344" s="14" t="s">
        <v>61</v>
      </c>
      <c r="G64344" s="16">
        <v>0</v>
      </c>
    </row>
    <row r="64345" spans="1:7" x14ac:dyDescent="0.3">
      <c r="A64345" s="13" t="s">
        <v>346</v>
      </c>
      <c r="B64345" s="14" t="s">
        <v>1</v>
      </c>
      <c r="C64345" s="14" t="s">
        <v>51</v>
      </c>
      <c r="D64345" s="14" t="s">
        <v>159</v>
      </c>
      <c r="E64345" s="15">
        <v>45481</v>
      </c>
      <c r="F64345" s="14" t="s">
        <v>61</v>
      </c>
      <c r="G64345" s="16">
        <v>0</v>
      </c>
    </row>
    <row r="64346" spans="1:7" x14ac:dyDescent="0.3">
      <c r="A64346" s="13" t="s">
        <v>346</v>
      </c>
      <c r="B64346" s="14" t="s">
        <v>1</v>
      </c>
      <c r="C64346" s="14" t="s">
        <v>51</v>
      </c>
      <c r="D64346" s="14" t="s">
        <v>159</v>
      </c>
      <c r="E64346" s="15">
        <v>45482</v>
      </c>
      <c r="F64346" s="14" t="s">
        <v>61</v>
      </c>
      <c r="G64346" s="16">
        <v>0</v>
      </c>
    </row>
    <row r="64347" spans="1:7" x14ac:dyDescent="0.3">
      <c r="A64347" s="13" t="s">
        <v>346</v>
      </c>
      <c r="B64347" s="14" t="s">
        <v>1</v>
      </c>
      <c r="C64347" s="14" t="s">
        <v>51</v>
      </c>
      <c r="D64347" s="14" t="s">
        <v>159</v>
      </c>
      <c r="E64347" s="15">
        <v>45483</v>
      </c>
      <c r="F64347" s="14" t="s">
        <v>61</v>
      </c>
      <c r="G64347" s="16">
        <v>0</v>
      </c>
    </row>
    <row r="64348" spans="1:7" x14ac:dyDescent="0.3">
      <c r="A64348" s="13" t="s">
        <v>346</v>
      </c>
      <c r="B64348" s="14" t="s">
        <v>1</v>
      </c>
      <c r="C64348" s="14" t="s">
        <v>51</v>
      </c>
      <c r="D64348" s="14" t="s">
        <v>159</v>
      </c>
      <c r="E64348" s="15">
        <v>45484</v>
      </c>
      <c r="F64348" s="14" t="s">
        <v>61</v>
      </c>
      <c r="G64348" s="16">
        <v>0</v>
      </c>
    </row>
    <row r="64349" spans="1:7" x14ac:dyDescent="0.3">
      <c r="A64349" s="13" t="s">
        <v>346</v>
      </c>
      <c r="B64349" s="14" t="s">
        <v>1</v>
      </c>
      <c r="C64349" s="14" t="s">
        <v>51</v>
      </c>
      <c r="D64349" s="14" t="s">
        <v>159</v>
      </c>
      <c r="E64349" s="15">
        <v>45485</v>
      </c>
      <c r="F64349" s="14" t="s">
        <v>61</v>
      </c>
      <c r="G64349" s="16">
        <v>0</v>
      </c>
    </row>
    <row r="64350" spans="1:7" x14ac:dyDescent="0.3">
      <c r="A64350" s="13" t="s">
        <v>346</v>
      </c>
      <c r="B64350" s="14" t="s">
        <v>1</v>
      </c>
      <c r="C64350" s="14" t="s">
        <v>51</v>
      </c>
      <c r="D64350" s="14" t="s">
        <v>159</v>
      </c>
      <c r="E64350" s="15">
        <v>45486</v>
      </c>
      <c r="F64350" s="14" t="s">
        <v>61</v>
      </c>
      <c r="G64350" s="16">
        <v>0</v>
      </c>
    </row>
    <row r="64351" spans="1:7" x14ac:dyDescent="0.3">
      <c r="A64351" s="13" t="s">
        <v>346</v>
      </c>
      <c r="B64351" s="14" t="s">
        <v>1</v>
      </c>
      <c r="C64351" s="14" t="s">
        <v>51</v>
      </c>
      <c r="D64351" s="14" t="s">
        <v>159</v>
      </c>
      <c r="E64351" s="15">
        <v>45487</v>
      </c>
      <c r="F64351" s="14" t="s">
        <v>61</v>
      </c>
      <c r="G64351" s="16">
        <v>0</v>
      </c>
    </row>
    <row r="64352" spans="1:7" x14ac:dyDescent="0.3">
      <c r="A64352" s="13" t="s">
        <v>346</v>
      </c>
      <c r="B64352" s="14" t="s">
        <v>1</v>
      </c>
      <c r="C64352" s="14" t="s">
        <v>51</v>
      </c>
      <c r="D64352" s="14" t="s">
        <v>159</v>
      </c>
      <c r="E64352" s="15">
        <v>45488</v>
      </c>
      <c r="F64352" s="14" t="s">
        <v>61</v>
      </c>
      <c r="G64352" s="16">
        <v>0</v>
      </c>
    </row>
    <row r="64353" spans="1:7" x14ac:dyDescent="0.3">
      <c r="A64353" s="13" t="s">
        <v>346</v>
      </c>
      <c r="B64353" s="14" t="s">
        <v>1</v>
      </c>
      <c r="C64353" s="14" t="s">
        <v>51</v>
      </c>
      <c r="D64353" s="14" t="s">
        <v>159</v>
      </c>
      <c r="E64353" s="15">
        <v>45489</v>
      </c>
      <c r="F64353" s="14" t="s">
        <v>61</v>
      </c>
      <c r="G64353" s="16">
        <v>0</v>
      </c>
    </row>
    <row r="64354" spans="1:7" x14ac:dyDescent="0.3">
      <c r="A64354" s="13" t="s">
        <v>346</v>
      </c>
      <c r="B64354" s="14" t="s">
        <v>1</v>
      </c>
      <c r="C64354" s="14" t="s">
        <v>51</v>
      </c>
      <c r="D64354" s="14" t="s">
        <v>159</v>
      </c>
      <c r="E64354" s="15">
        <v>45490</v>
      </c>
      <c r="F64354" s="14" t="s">
        <v>61</v>
      </c>
      <c r="G64354" s="16">
        <v>0</v>
      </c>
    </row>
    <row r="64355" spans="1:7" x14ac:dyDescent="0.3">
      <c r="A64355" s="13" t="s">
        <v>346</v>
      </c>
      <c r="B64355" s="14" t="s">
        <v>1</v>
      </c>
      <c r="C64355" s="14" t="s">
        <v>51</v>
      </c>
      <c r="D64355" s="14" t="s">
        <v>159</v>
      </c>
      <c r="E64355" s="15">
        <v>45491</v>
      </c>
      <c r="F64355" s="14" t="s">
        <v>61</v>
      </c>
      <c r="G64355" s="16">
        <v>0</v>
      </c>
    </row>
    <row r="64356" spans="1:7" x14ac:dyDescent="0.3">
      <c r="A64356" s="13" t="s">
        <v>346</v>
      </c>
      <c r="B64356" s="14" t="s">
        <v>1</v>
      </c>
      <c r="C64356" s="14" t="s">
        <v>51</v>
      </c>
      <c r="D64356" s="14" t="s">
        <v>159</v>
      </c>
      <c r="E64356" s="15">
        <v>45492</v>
      </c>
      <c r="F64356" s="14" t="s">
        <v>61</v>
      </c>
      <c r="G64356" s="16">
        <v>0</v>
      </c>
    </row>
    <row r="64357" spans="1:7" x14ac:dyDescent="0.3">
      <c r="A64357" s="13" t="s">
        <v>346</v>
      </c>
      <c r="B64357" s="14" t="s">
        <v>1</v>
      </c>
      <c r="C64357" s="14" t="s">
        <v>51</v>
      </c>
      <c r="D64357" s="14" t="s">
        <v>159</v>
      </c>
      <c r="E64357" s="15">
        <v>45493</v>
      </c>
      <c r="F64357" s="14" t="s">
        <v>61</v>
      </c>
      <c r="G64357" s="16">
        <v>0</v>
      </c>
    </row>
    <row r="64358" spans="1:7" x14ac:dyDescent="0.3">
      <c r="A64358" s="13" t="s">
        <v>346</v>
      </c>
      <c r="B64358" s="14" t="s">
        <v>1</v>
      </c>
      <c r="C64358" s="14" t="s">
        <v>51</v>
      </c>
      <c r="D64358" s="14" t="s">
        <v>159</v>
      </c>
      <c r="E64358" s="15">
        <v>45494</v>
      </c>
      <c r="F64358" s="14" t="s">
        <v>61</v>
      </c>
      <c r="G64358" s="16">
        <v>0</v>
      </c>
    </row>
    <row r="64359" spans="1:7" x14ac:dyDescent="0.3">
      <c r="A64359" s="13" t="s">
        <v>346</v>
      </c>
      <c r="B64359" s="14" t="s">
        <v>1</v>
      </c>
      <c r="C64359" s="14" t="s">
        <v>51</v>
      </c>
      <c r="D64359" s="14" t="s">
        <v>159</v>
      </c>
      <c r="E64359" s="15">
        <v>45495</v>
      </c>
      <c r="F64359" s="14" t="s">
        <v>61</v>
      </c>
      <c r="G64359" s="16">
        <v>0</v>
      </c>
    </row>
    <row r="64360" spans="1:7" x14ac:dyDescent="0.3">
      <c r="A64360" s="13" t="s">
        <v>346</v>
      </c>
      <c r="B64360" s="14" t="s">
        <v>1</v>
      </c>
      <c r="C64360" s="14" t="s">
        <v>51</v>
      </c>
      <c r="D64360" s="14" t="s">
        <v>159</v>
      </c>
      <c r="E64360" s="15">
        <v>45496</v>
      </c>
      <c r="F64360" s="14" t="s">
        <v>61</v>
      </c>
      <c r="G64360" s="16">
        <v>0</v>
      </c>
    </row>
    <row r="64361" spans="1:7" x14ac:dyDescent="0.3">
      <c r="A64361" s="13" t="s">
        <v>346</v>
      </c>
      <c r="B64361" s="14" t="s">
        <v>1</v>
      </c>
      <c r="C64361" s="14" t="s">
        <v>51</v>
      </c>
      <c r="D64361" s="14" t="s">
        <v>159</v>
      </c>
      <c r="E64361" s="15">
        <v>45497</v>
      </c>
      <c r="F64361" s="14" t="s">
        <v>61</v>
      </c>
      <c r="G64361" s="16">
        <v>0</v>
      </c>
    </row>
    <row r="64362" spans="1:7" x14ac:dyDescent="0.3">
      <c r="A64362" s="13" t="s">
        <v>346</v>
      </c>
      <c r="B64362" s="14" t="s">
        <v>1</v>
      </c>
      <c r="C64362" s="14" t="s">
        <v>51</v>
      </c>
      <c r="D64362" s="14" t="s">
        <v>159</v>
      </c>
      <c r="E64362" s="15">
        <v>45498</v>
      </c>
      <c r="F64362" s="14" t="s">
        <v>61</v>
      </c>
      <c r="G64362" s="16">
        <v>0</v>
      </c>
    </row>
    <row r="64363" spans="1:7" x14ac:dyDescent="0.3">
      <c r="A64363" s="13" t="s">
        <v>346</v>
      </c>
      <c r="B64363" s="14" t="s">
        <v>1</v>
      </c>
      <c r="C64363" s="14" t="s">
        <v>51</v>
      </c>
      <c r="D64363" s="14" t="s">
        <v>159</v>
      </c>
      <c r="E64363" s="15">
        <v>45499</v>
      </c>
      <c r="F64363" s="14" t="s">
        <v>61</v>
      </c>
      <c r="G64363" s="16">
        <v>0</v>
      </c>
    </row>
    <row r="64364" spans="1:7" x14ac:dyDescent="0.3">
      <c r="A64364" s="13" t="s">
        <v>346</v>
      </c>
      <c r="B64364" s="14" t="s">
        <v>1</v>
      </c>
      <c r="C64364" s="14" t="s">
        <v>51</v>
      </c>
      <c r="D64364" s="14" t="s">
        <v>159</v>
      </c>
      <c r="E64364" s="15">
        <v>45500</v>
      </c>
      <c r="F64364" s="14" t="s">
        <v>61</v>
      </c>
      <c r="G64364" s="16">
        <v>0</v>
      </c>
    </row>
    <row r="64365" spans="1:7" x14ac:dyDescent="0.3">
      <c r="A64365" s="13" t="s">
        <v>346</v>
      </c>
      <c r="B64365" s="14" t="s">
        <v>1</v>
      </c>
      <c r="C64365" s="14" t="s">
        <v>51</v>
      </c>
      <c r="D64365" s="14" t="s">
        <v>159</v>
      </c>
      <c r="E64365" s="15">
        <v>45501</v>
      </c>
      <c r="F64365" s="14" t="s">
        <v>61</v>
      </c>
      <c r="G64365" s="16">
        <v>0</v>
      </c>
    </row>
    <row r="64366" spans="1:7" x14ac:dyDescent="0.3">
      <c r="A64366" s="13" t="s">
        <v>346</v>
      </c>
      <c r="B64366" s="14" t="s">
        <v>1</v>
      </c>
      <c r="C64366" s="14" t="s">
        <v>51</v>
      </c>
      <c r="D64366" s="14" t="s">
        <v>159</v>
      </c>
      <c r="E64366" s="15">
        <v>45502</v>
      </c>
      <c r="F64366" s="14" t="s">
        <v>61</v>
      </c>
      <c r="G64366" s="16">
        <v>0</v>
      </c>
    </row>
    <row r="64367" spans="1:7" x14ac:dyDescent="0.3">
      <c r="A64367" s="13" t="s">
        <v>346</v>
      </c>
      <c r="B64367" s="14" t="s">
        <v>1</v>
      </c>
      <c r="C64367" s="14" t="s">
        <v>51</v>
      </c>
      <c r="D64367" s="14" t="s">
        <v>159</v>
      </c>
      <c r="E64367" s="15">
        <v>45503</v>
      </c>
      <c r="F64367" s="14" t="s">
        <v>61</v>
      </c>
      <c r="G64367" s="16">
        <v>0</v>
      </c>
    </row>
    <row r="64368" spans="1:7" x14ac:dyDescent="0.3">
      <c r="A64368" s="13" t="s">
        <v>346</v>
      </c>
      <c r="B64368" s="14" t="s">
        <v>1</v>
      </c>
      <c r="C64368" s="14" t="s">
        <v>51</v>
      </c>
      <c r="D64368" s="14" t="s">
        <v>159</v>
      </c>
      <c r="E64368" s="15">
        <v>45504</v>
      </c>
      <c r="F64368" s="14" t="s">
        <v>61</v>
      </c>
      <c r="G64368" s="16">
        <v>0</v>
      </c>
    </row>
    <row r="64369" spans="1:7" x14ac:dyDescent="0.3">
      <c r="A64369" s="13" t="s">
        <v>346</v>
      </c>
      <c r="B64369" s="14" t="s">
        <v>1</v>
      </c>
      <c r="C64369" s="14" t="s">
        <v>51</v>
      </c>
      <c r="D64369" s="14" t="s">
        <v>159</v>
      </c>
      <c r="E64369" s="15">
        <v>45505</v>
      </c>
      <c r="F64369" s="14" t="s">
        <v>61</v>
      </c>
      <c r="G64369" s="16">
        <v>0</v>
      </c>
    </row>
    <row r="64370" spans="1:7" x14ac:dyDescent="0.3">
      <c r="A64370" s="13" t="s">
        <v>346</v>
      </c>
      <c r="B64370" s="14" t="s">
        <v>1</v>
      </c>
      <c r="C64370" s="14" t="s">
        <v>51</v>
      </c>
      <c r="D64370" s="14" t="s">
        <v>159</v>
      </c>
      <c r="E64370" s="15">
        <v>45506</v>
      </c>
      <c r="F64370" s="14" t="s">
        <v>61</v>
      </c>
      <c r="G64370" s="16">
        <v>0</v>
      </c>
    </row>
    <row r="64371" spans="1:7" x14ac:dyDescent="0.3">
      <c r="A64371" s="13" t="s">
        <v>346</v>
      </c>
      <c r="B64371" s="14" t="s">
        <v>1</v>
      </c>
      <c r="C64371" s="14" t="s">
        <v>51</v>
      </c>
      <c r="D64371" s="14" t="s">
        <v>159</v>
      </c>
      <c r="E64371" s="15">
        <v>45507</v>
      </c>
      <c r="F64371" s="14" t="s">
        <v>61</v>
      </c>
      <c r="G64371" s="16">
        <v>0</v>
      </c>
    </row>
    <row r="64372" spans="1:7" x14ac:dyDescent="0.3">
      <c r="A64372" s="13" t="s">
        <v>346</v>
      </c>
      <c r="B64372" s="14" t="s">
        <v>1</v>
      </c>
      <c r="C64372" s="14" t="s">
        <v>51</v>
      </c>
      <c r="D64372" s="14" t="s">
        <v>159</v>
      </c>
      <c r="E64372" s="15">
        <v>45508</v>
      </c>
      <c r="F64372" s="14" t="s">
        <v>61</v>
      </c>
      <c r="G64372" s="16">
        <v>0</v>
      </c>
    </row>
    <row r="64373" spans="1:7" x14ac:dyDescent="0.3">
      <c r="A64373" s="13" t="s">
        <v>346</v>
      </c>
      <c r="B64373" s="14" t="s">
        <v>1</v>
      </c>
      <c r="C64373" s="14" t="s">
        <v>51</v>
      </c>
      <c r="D64373" s="14" t="s">
        <v>159</v>
      </c>
      <c r="E64373" s="15">
        <v>45509</v>
      </c>
      <c r="F64373" s="14" t="s">
        <v>61</v>
      </c>
      <c r="G64373" s="16">
        <v>0</v>
      </c>
    </row>
    <row r="64374" spans="1:7" x14ac:dyDescent="0.3">
      <c r="A64374" s="13" t="s">
        <v>346</v>
      </c>
      <c r="B64374" s="14" t="s">
        <v>1</v>
      </c>
      <c r="C64374" s="14" t="s">
        <v>51</v>
      </c>
      <c r="D64374" s="14" t="s">
        <v>159</v>
      </c>
      <c r="E64374" s="15">
        <v>45510</v>
      </c>
      <c r="F64374" s="14" t="s">
        <v>61</v>
      </c>
      <c r="G64374" s="16">
        <v>0</v>
      </c>
    </row>
    <row r="64375" spans="1:7" x14ac:dyDescent="0.3">
      <c r="A64375" s="13" t="s">
        <v>346</v>
      </c>
      <c r="B64375" s="14" t="s">
        <v>1</v>
      </c>
      <c r="C64375" s="14" t="s">
        <v>51</v>
      </c>
      <c r="D64375" s="14" t="s">
        <v>159</v>
      </c>
      <c r="E64375" s="15">
        <v>45511</v>
      </c>
      <c r="F64375" s="14" t="s">
        <v>61</v>
      </c>
      <c r="G64375" s="16">
        <v>0</v>
      </c>
    </row>
    <row r="64376" spans="1:7" x14ac:dyDescent="0.3">
      <c r="A64376" s="13" t="s">
        <v>346</v>
      </c>
      <c r="B64376" s="14" t="s">
        <v>1</v>
      </c>
      <c r="C64376" s="14" t="s">
        <v>51</v>
      </c>
      <c r="D64376" s="14" t="s">
        <v>159</v>
      </c>
      <c r="E64376" s="15">
        <v>45512</v>
      </c>
      <c r="F64376" s="14" t="s">
        <v>61</v>
      </c>
      <c r="G64376" s="16">
        <v>0</v>
      </c>
    </row>
    <row r="64377" spans="1:7" x14ac:dyDescent="0.3">
      <c r="A64377" s="13" t="s">
        <v>346</v>
      </c>
      <c r="B64377" s="14" t="s">
        <v>1</v>
      </c>
      <c r="C64377" s="14" t="s">
        <v>51</v>
      </c>
      <c r="D64377" s="14" t="s">
        <v>159</v>
      </c>
      <c r="E64377" s="15">
        <v>45513</v>
      </c>
      <c r="F64377" s="14" t="s">
        <v>61</v>
      </c>
      <c r="G64377" s="16">
        <v>0</v>
      </c>
    </row>
    <row r="64378" spans="1:7" x14ac:dyDescent="0.3">
      <c r="A64378" s="13" t="s">
        <v>346</v>
      </c>
      <c r="B64378" s="14" t="s">
        <v>1</v>
      </c>
      <c r="C64378" s="14" t="s">
        <v>51</v>
      </c>
      <c r="D64378" s="14" t="s">
        <v>159</v>
      </c>
      <c r="E64378" s="15">
        <v>45514</v>
      </c>
      <c r="F64378" s="14" t="s">
        <v>61</v>
      </c>
      <c r="G64378" s="16">
        <v>0</v>
      </c>
    </row>
    <row r="64379" spans="1:7" x14ac:dyDescent="0.3">
      <c r="A64379" s="13" t="s">
        <v>346</v>
      </c>
      <c r="B64379" s="14" t="s">
        <v>1</v>
      </c>
      <c r="C64379" s="14" t="s">
        <v>51</v>
      </c>
      <c r="D64379" s="14" t="s">
        <v>159</v>
      </c>
      <c r="E64379" s="15">
        <v>45515</v>
      </c>
      <c r="F64379" s="14" t="s">
        <v>61</v>
      </c>
      <c r="G64379" s="16">
        <v>0</v>
      </c>
    </row>
    <row r="64380" spans="1:7" x14ac:dyDescent="0.3">
      <c r="A64380" s="13" t="s">
        <v>346</v>
      </c>
      <c r="B64380" s="14" t="s">
        <v>1</v>
      </c>
      <c r="C64380" s="14" t="s">
        <v>51</v>
      </c>
      <c r="D64380" s="14" t="s">
        <v>159</v>
      </c>
      <c r="E64380" s="15">
        <v>45516</v>
      </c>
      <c r="F64380" s="14" t="s">
        <v>61</v>
      </c>
      <c r="G64380" s="16">
        <v>0</v>
      </c>
    </row>
    <row r="64381" spans="1:7" x14ac:dyDescent="0.3">
      <c r="A64381" s="13" t="s">
        <v>346</v>
      </c>
      <c r="B64381" s="14" t="s">
        <v>1</v>
      </c>
      <c r="C64381" s="14" t="s">
        <v>51</v>
      </c>
      <c r="D64381" s="14" t="s">
        <v>159</v>
      </c>
      <c r="E64381" s="15">
        <v>45517</v>
      </c>
      <c r="F64381" s="14" t="s">
        <v>61</v>
      </c>
      <c r="G64381" s="16">
        <v>0</v>
      </c>
    </row>
    <row r="64382" spans="1:7" x14ac:dyDescent="0.3">
      <c r="A64382" s="13" t="s">
        <v>346</v>
      </c>
      <c r="B64382" s="14" t="s">
        <v>1</v>
      </c>
      <c r="C64382" s="14" t="s">
        <v>51</v>
      </c>
      <c r="D64382" s="14" t="s">
        <v>159</v>
      </c>
      <c r="E64382" s="15">
        <v>45518</v>
      </c>
      <c r="F64382" s="14" t="s">
        <v>61</v>
      </c>
      <c r="G64382" s="16">
        <v>0</v>
      </c>
    </row>
    <row r="64383" spans="1:7" x14ac:dyDescent="0.3">
      <c r="A64383" s="13" t="s">
        <v>346</v>
      </c>
      <c r="B64383" s="14" t="s">
        <v>1</v>
      </c>
      <c r="C64383" s="14" t="s">
        <v>51</v>
      </c>
      <c r="D64383" s="14" t="s">
        <v>159</v>
      </c>
      <c r="E64383" s="15">
        <v>45519</v>
      </c>
      <c r="F64383" s="14" t="s">
        <v>61</v>
      </c>
      <c r="G64383" s="16">
        <v>0</v>
      </c>
    </row>
    <row r="64384" spans="1:7" x14ac:dyDescent="0.3">
      <c r="A64384" s="13" t="s">
        <v>346</v>
      </c>
      <c r="B64384" s="14" t="s">
        <v>1</v>
      </c>
      <c r="C64384" s="14" t="s">
        <v>51</v>
      </c>
      <c r="D64384" s="14" t="s">
        <v>159</v>
      </c>
      <c r="E64384" s="15">
        <v>45520</v>
      </c>
      <c r="F64384" s="14" t="s">
        <v>61</v>
      </c>
      <c r="G64384" s="16">
        <v>0</v>
      </c>
    </row>
    <row r="64385" spans="1:7" x14ac:dyDescent="0.3">
      <c r="A64385" s="13" t="s">
        <v>346</v>
      </c>
      <c r="B64385" s="14" t="s">
        <v>1</v>
      </c>
      <c r="C64385" s="14" t="s">
        <v>51</v>
      </c>
      <c r="D64385" s="14" t="s">
        <v>159</v>
      </c>
      <c r="E64385" s="15">
        <v>45521</v>
      </c>
      <c r="F64385" s="14" t="s">
        <v>61</v>
      </c>
      <c r="G64385" s="16">
        <v>0</v>
      </c>
    </row>
    <row r="64386" spans="1:7" x14ac:dyDescent="0.3">
      <c r="A64386" s="13" t="s">
        <v>346</v>
      </c>
      <c r="B64386" s="14" t="s">
        <v>1</v>
      </c>
      <c r="C64386" s="14" t="s">
        <v>51</v>
      </c>
      <c r="D64386" s="14" t="s">
        <v>159</v>
      </c>
      <c r="E64386" s="15">
        <v>45522</v>
      </c>
      <c r="F64386" s="14" t="s">
        <v>61</v>
      </c>
      <c r="G64386" s="16">
        <v>0</v>
      </c>
    </row>
    <row r="64387" spans="1:7" x14ac:dyDescent="0.3">
      <c r="A64387" s="13" t="s">
        <v>346</v>
      </c>
      <c r="B64387" s="14" t="s">
        <v>1</v>
      </c>
      <c r="C64387" s="14" t="s">
        <v>51</v>
      </c>
      <c r="D64387" s="14" t="s">
        <v>159</v>
      </c>
      <c r="E64387" s="15">
        <v>45523</v>
      </c>
      <c r="F64387" s="14" t="s">
        <v>61</v>
      </c>
      <c r="G64387" s="16">
        <v>0</v>
      </c>
    </row>
    <row r="64388" spans="1:7" x14ac:dyDescent="0.3">
      <c r="A64388" s="13" t="s">
        <v>346</v>
      </c>
      <c r="B64388" s="14" t="s">
        <v>1</v>
      </c>
      <c r="C64388" s="14" t="s">
        <v>51</v>
      </c>
      <c r="D64388" s="14" t="s">
        <v>159</v>
      </c>
      <c r="E64388" s="15">
        <v>45524</v>
      </c>
      <c r="F64388" s="14" t="s">
        <v>61</v>
      </c>
      <c r="G64388" s="16">
        <v>0</v>
      </c>
    </row>
    <row r="64389" spans="1:7" x14ac:dyDescent="0.3">
      <c r="A64389" s="13" t="s">
        <v>346</v>
      </c>
      <c r="B64389" s="14" t="s">
        <v>1</v>
      </c>
      <c r="C64389" s="14" t="s">
        <v>51</v>
      </c>
      <c r="D64389" s="14" t="s">
        <v>159</v>
      </c>
      <c r="E64389" s="15">
        <v>45525</v>
      </c>
      <c r="F64389" s="14" t="s">
        <v>61</v>
      </c>
      <c r="G64389" s="16">
        <v>0</v>
      </c>
    </row>
    <row r="64390" spans="1:7" x14ac:dyDescent="0.3">
      <c r="A64390" s="13" t="s">
        <v>346</v>
      </c>
      <c r="B64390" s="14" t="s">
        <v>1</v>
      </c>
      <c r="C64390" s="14" t="s">
        <v>51</v>
      </c>
      <c r="D64390" s="14" t="s">
        <v>159</v>
      </c>
      <c r="E64390" s="15">
        <v>45526</v>
      </c>
      <c r="F64390" s="14" t="s">
        <v>61</v>
      </c>
      <c r="G64390" s="16">
        <v>0</v>
      </c>
    </row>
    <row r="64391" spans="1:7" x14ac:dyDescent="0.3">
      <c r="A64391" s="13" t="s">
        <v>346</v>
      </c>
      <c r="B64391" s="14" t="s">
        <v>1</v>
      </c>
      <c r="C64391" s="14" t="s">
        <v>51</v>
      </c>
      <c r="D64391" s="14" t="s">
        <v>159</v>
      </c>
      <c r="E64391" s="15">
        <v>45527</v>
      </c>
      <c r="F64391" s="14" t="s">
        <v>61</v>
      </c>
      <c r="G64391" s="16">
        <v>0</v>
      </c>
    </row>
    <row r="64392" spans="1:7" x14ac:dyDescent="0.3">
      <c r="A64392" s="13" t="s">
        <v>346</v>
      </c>
      <c r="B64392" s="14" t="s">
        <v>1</v>
      </c>
      <c r="C64392" s="14" t="s">
        <v>51</v>
      </c>
      <c r="D64392" s="14" t="s">
        <v>159</v>
      </c>
      <c r="E64392" s="15">
        <v>45528</v>
      </c>
      <c r="F64392" s="14" t="s">
        <v>61</v>
      </c>
      <c r="G64392" s="16">
        <v>0</v>
      </c>
    </row>
    <row r="64393" spans="1:7" x14ac:dyDescent="0.3">
      <c r="A64393" s="13" t="s">
        <v>346</v>
      </c>
      <c r="B64393" s="14" t="s">
        <v>1</v>
      </c>
      <c r="C64393" s="14" t="s">
        <v>51</v>
      </c>
      <c r="D64393" s="14" t="s">
        <v>159</v>
      </c>
      <c r="E64393" s="15">
        <v>45529</v>
      </c>
      <c r="F64393" s="14" t="s">
        <v>61</v>
      </c>
      <c r="G64393" s="16">
        <v>0</v>
      </c>
    </row>
    <row r="64394" spans="1:7" x14ac:dyDescent="0.3">
      <c r="A64394" s="13" t="s">
        <v>346</v>
      </c>
      <c r="B64394" s="14" t="s">
        <v>1</v>
      </c>
      <c r="C64394" s="14" t="s">
        <v>51</v>
      </c>
      <c r="D64394" s="14" t="s">
        <v>159</v>
      </c>
      <c r="E64394" s="15">
        <v>45530</v>
      </c>
      <c r="F64394" s="14" t="s">
        <v>61</v>
      </c>
      <c r="G64394" s="16">
        <v>0</v>
      </c>
    </row>
    <row r="64395" spans="1:7" x14ac:dyDescent="0.3">
      <c r="A64395" s="13" t="s">
        <v>346</v>
      </c>
      <c r="B64395" s="14" t="s">
        <v>1</v>
      </c>
      <c r="C64395" s="14" t="s">
        <v>51</v>
      </c>
      <c r="D64395" s="14" t="s">
        <v>159</v>
      </c>
      <c r="E64395" s="15">
        <v>45531</v>
      </c>
      <c r="F64395" s="14" t="s">
        <v>61</v>
      </c>
      <c r="G64395" s="16">
        <v>0</v>
      </c>
    </row>
    <row r="64396" spans="1:7" x14ac:dyDescent="0.3">
      <c r="A64396" s="13" t="s">
        <v>346</v>
      </c>
      <c r="B64396" s="14" t="s">
        <v>1</v>
      </c>
      <c r="C64396" s="14" t="s">
        <v>51</v>
      </c>
      <c r="D64396" s="14" t="s">
        <v>159</v>
      </c>
      <c r="E64396" s="15">
        <v>45532</v>
      </c>
      <c r="F64396" s="14" t="s">
        <v>61</v>
      </c>
      <c r="G64396" s="16">
        <v>0</v>
      </c>
    </row>
    <row r="64397" spans="1:7" x14ac:dyDescent="0.3">
      <c r="A64397" s="13" t="s">
        <v>346</v>
      </c>
      <c r="B64397" s="14" t="s">
        <v>1</v>
      </c>
      <c r="C64397" s="14" t="s">
        <v>51</v>
      </c>
      <c r="D64397" s="14" t="s">
        <v>159</v>
      </c>
      <c r="E64397" s="15">
        <v>45533</v>
      </c>
      <c r="F64397" s="14" t="s">
        <v>61</v>
      </c>
      <c r="G64397" s="16">
        <v>0</v>
      </c>
    </row>
    <row r="64398" spans="1:7" x14ac:dyDescent="0.3">
      <c r="A64398" s="13" t="s">
        <v>346</v>
      </c>
      <c r="B64398" s="14" t="s">
        <v>1</v>
      </c>
      <c r="C64398" s="14" t="s">
        <v>51</v>
      </c>
      <c r="D64398" s="14" t="s">
        <v>159</v>
      </c>
      <c r="E64398" s="15">
        <v>45534</v>
      </c>
      <c r="F64398" s="14" t="s">
        <v>61</v>
      </c>
      <c r="G64398" s="16">
        <v>0</v>
      </c>
    </row>
    <row r="64399" spans="1:7" x14ac:dyDescent="0.3">
      <c r="A64399" s="13" t="s">
        <v>346</v>
      </c>
      <c r="B64399" s="14" t="s">
        <v>1</v>
      </c>
      <c r="C64399" s="14" t="s">
        <v>51</v>
      </c>
      <c r="D64399" s="14" t="s">
        <v>159</v>
      </c>
      <c r="E64399" s="15">
        <v>45535</v>
      </c>
      <c r="F64399" s="14" t="s">
        <v>61</v>
      </c>
      <c r="G64399" s="16">
        <v>0</v>
      </c>
    </row>
    <row r="64400" spans="1:7" x14ac:dyDescent="0.3">
      <c r="A64400" s="13" t="s">
        <v>346</v>
      </c>
      <c r="B64400" s="14" t="s">
        <v>1</v>
      </c>
      <c r="C64400" s="14" t="s">
        <v>51</v>
      </c>
      <c r="D64400" s="14" t="s">
        <v>159</v>
      </c>
      <c r="E64400" s="15">
        <v>45536</v>
      </c>
      <c r="F64400" s="14" t="s">
        <v>61</v>
      </c>
      <c r="G64400" s="16">
        <v>0</v>
      </c>
    </row>
    <row r="64401" spans="1:7" x14ac:dyDescent="0.3">
      <c r="A64401" s="13" t="s">
        <v>346</v>
      </c>
      <c r="B64401" s="14" t="s">
        <v>1</v>
      </c>
      <c r="C64401" s="14" t="s">
        <v>51</v>
      </c>
      <c r="D64401" s="14" t="s">
        <v>159</v>
      </c>
      <c r="E64401" s="15">
        <v>45537</v>
      </c>
      <c r="F64401" s="14" t="s">
        <v>61</v>
      </c>
      <c r="G64401" s="16">
        <v>0</v>
      </c>
    </row>
    <row r="64402" spans="1:7" x14ac:dyDescent="0.3">
      <c r="A64402" s="13" t="s">
        <v>346</v>
      </c>
      <c r="B64402" s="14" t="s">
        <v>1</v>
      </c>
      <c r="C64402" s="14" t="s">
        <v>51</v>
      </c>
      <c r="D64402" s="14" t="s">
        <v>159</v>
      </c>
      <c r="E64402" s="15">
        <v>45538</v>
      </c>
      <c r="F64402" s="14" t="s">
        <v>61</v>
      </c>
      <c r="G64402" s="16">
        <v>0</v>
      </c>
    </row>
    <row r="64403" spans="1:7" x14ac:dyDescent="0.3">
      <c r="A64403" s="13" t="s">
        <v>346</v>
      </c>
      <c r="B64403" s="14" t="s">
        <v>1</v>
      </c>
      <c r="C64403" s="14" t="s">
        <v>51</v>
      </c>
      <c r="D64403" s="14" t="s">
        <v>159</v>
      </c>
      <c r="E64403" s="15">
        <v>45539</v>
      </c>
      <c r="F64403" s="14" t="s">
        <v>61</v>
      </c>
      <c r="G64403" s="16">
        <v>0</v>
      </c>
    </row>
    <row r="64404" spans="1:7" x14ac:dyDescent="0.3">
      <c r="A64404" s="13" t="s">
        <v>346</v>
      </c>
      <c r="B64404" s="14" t="s">
        <v>1</v>
      </c>
      <c r="C64404" s="14" t="s">
        <v>51</v>
      </c>
      <c r="D64404" s="14" t="s">
        <v>159</v>
      </c>
      <c r="E64404" s="15">
        <v>45540</v>
      </c>
      <c r="F64404" s="14" t="s">
        <v>61</v>
      </c>
      <c r="G64404" s="16">
        <v>0</v>
      </c>
    </row>
    <row r="64405" spans="1:7" x14ac:dyDescent="0.3">
      <c r="A64405" s="13" t="s">
        <v>346</v>
      </c>
      <c r="B64405" s="14" t="s">
        <v>1</v>
      </c>
      <c r="C64405" s="14" t="s">
        <v>51</v>
      </c>
      <c r="D64405" s="14" t="s">
        <v>159</v>
      </c>
      <c r="E64405" s="15">
        <v>45541</v>
      </c>
      <c r="F64405" s="14" t="s">
        <v>61</v>
      </c>
      <c r="G64405" s="16">
        <v>0</v>
      </c>
    </row>
    <row r="64406" spans="1:7" x14ac:dyDescent="0.3">
      <c r="A64406" s="13" t="s">
        <v>346</v>
      </c>
      <c r="B64406" s="14" t="s">
        <v>1</v>
      </c>
      <c r="C64406" s="14" t="s">
        <v>51</v>
      </c>
      <c r="D64406" s="14" t="s">
        <v>159</v>
      </c>
      <c r="E64406" s="15">
        <v>45542</v>
      </c>
      <c r="F64406" s="14" t="s">
        <v>61</v>
      </c>
      <c r="G64406" s="16">
        <v>0</v>
      </c>
    </row>
    <row r="64407" spans="1:7" x14ac:dyDescent="0.3">
      <c r="A64407" s="13" t="s">
        <v>346</v>
      </c>
      <c r="B64407" s="14" t="s">
        <v>1</v>
      </c>
      <c r="C64407" s="14" t="s">
        <v>51</v>
      </c>
      <c r="D64407" s="14" t="s">
        <v>159</v>
      </c>
      <c r="E64407" s="15">
        <v>45543</v>
      </c>
      <c r="F64407" s="14" t="s">
        <v>61</v>
      </c>
      <c r="G64407" s="16">
        <v>0</v>
      </c>
    </row>
    <row r="64408" spans="1:7" x14ac:dyDescent="0.3">
      <c r="A64408" s="13" t="s">
        <v>346</v>
      </c>
      <c r="B64408" s="14" t="s">
        <v>1</v>
      </c>
      <c r="C64408" s="14" t="s">
        <v>51</v>
      </c>
      <c r="D64408" s="14" t="s">
        <v>159</v>
      </c>
      <c r="E64408" s="15">
        <v>45544</v>
      </c>
      <c r="F64408" s="14" t="s">
        <v>61</v>
      </c>
      <c r="G64408" s="16">
        <v>0</v>
      </c>
    </row>
    <row r="64409" spans="1:7" x14ac:dyDescent="0.3">
      <c r="A64409" s="13" t="s">
        <v>346</v>
      </c>
      <c r="B64409" s="14" t="s">
        <v>1</v>
      </c>
      <c r="C64409" s="14" t="s">
        <v>51</v>
      </c>
      <c r="D64409" s="14" t="s">
        <v>159</v>
      </c>
      <c r="E64409" s="15">
        <v>45545</v>
      </c>
      <c r="F64409" s="14" t="s">
        <v>61</v>
      </c>
      <c r="G64409" s="16">
        <v>0</v>
      </c>
    </row>
    <row r="64410" spans="1:7" x14ac:dyDescent="0.3">
      <c r="A64410" s="13" t="s">
        <v>346</v>
      </c>
      <c r="B64410" s="14" t="s">
        <v>1</v>
      </c>
      <c r="C64410" s="14" t="s">
        <v>51</v>
      </c>
      <c r="D64410" s="14" t="s">
        <v>159</v>
      </c>
      <c r="E64410" s="15">
        <v>45546</v>
      </c>
      <c r="F64410" s="14" t="s">
        <v>61</v>
      </c>
      <c r="G64410" s="16">
        <v>0</v>
      </c>
    </row>
    <row r="64411" spans="1:7" x14ac:dyDescent="0.3">
      <c r="A64411" s="13" t="s">
        <v>346</v>
      </c>
      <c r="B64411" s="14" t="s">
        <v>1</v>
      </c>
      <c r="C64411" s="14" t="s">
        <v>51</v>
      </c>
      <c r="D64411" s="14" t="s">
        <v>159</v>
      </c>
      <c r="E64411" s="15">
        <v>45547</v>
      </c>
      <c r="F64411" s="14" t="s">
        <v>61</v>
      </c>
      <c r="G64411" s="16">
        <v>0</v>
      </c>
    </row>
    <row r="64412" spans="1:7" x14ac:dyDescent="0.3">
      <c r="A64412" s="13" t="s">
        <v>346</v>
      </c>
      <c r="B64412" s="14" t="s">
        <v>1</v>
      </c>
      <c r="C64412" s="14" t="s">
        <v>51</v>
      </c>
      <c r="D64412" s="14" t="s">
        <v>159</v>
      </c>
      <c r="E64412" s="15">
        <v>45548</v>
      </c>
      <c r="F64412" s="14" t="s">
        <v>61</v>
      </c>
      <c r="G64412" s="16">
        <v>0</v>
      </c>
    </row>
    <row r="64413" spans="1:7" x14ac:dyDescent="0.3">
      <c r="A64413" s="13" t="s">
        <v>346</v>
      </c>
      <c r="B64413" s="14" t="s">
        <v>1</v>
      </c>
      <c r="C64413" s="14" t="s">
        <v>51</v>
      </c>
      <c r="D64413" s="14" t="s">
        <v>159</v>
      </c>
      <c r="E64413" s="15">
        <v>45549</v>
      </c>
      <c r="F64413" s="14" t="s">
        <v>61</v>
      </c>
      <c r="G64413" s="16">
        <v>0</v>
      </c>
    </row>
    <row r="64414" spans="1:7" x14ac:dyDescent="0.3">
      <c r="A64414" s="13" t="s">
        <v>346</v>
      </c>
      <c r="B64414" s="14" t="s">
        <v>1</v>
      </c>
      <c r="C64414" s="14" t="s">
        <v>51</v>
      </c>
      <c r="D64414" s="14" t="s">
        <v>159</v>
      </c>
      <c r="E64414" s="15">
        <v>45550</v>
      </c>
      <c r="F64414" s="14" t="s">
        <v>61</v>
      </c>
      <c r="G64414" s="16">
        <v>0</v>
      </c>
    </row>
    <row r="64415" spans="1:7" x14ac:dyDescent="0.3">
      <c r="A64415" s="13" t="s">
        <v>346</v>
      </c>
      <c r="B64415" s="14" t="s">
        <v>1</v>
      </c>
      <c r="C64415" s="14" t="s">
        <v>51</v>
      </c>
      <c r="D64415" s="14" t="s">
        <v>159</v>
      </c>
      <c r="E64415" s="15">
        <v>45551</v>
      </c>
      <c r="F64415" s="14" t="s">
        <v>61</v>
      </c>
      <c r="G64415" s="16">
        <v>0</v>
      </c>
    </row>
    <row r="64416" spans="1:7" x14ac:dyDescent="0.3">
      <c r="A64416" s="13" t="s">
        <v>346</v>
      </c>
      <c r="B64416" s="14" t="s">
        <v>1</v>
      </c>
      <c r="C64416" s="14" t="s">
        <v>51</v>
      </c>
      <c r="D64416" s="14" t="s">
        <v>159</v>
      </c>
      <c r="E64416" s="15">
        <v>45552</v>
      </c>
      <c r="F64416" s="14" t="s">
        <v>61</v>
      </c>
      <c r="G64416" s="16">
        <v>0</v>
      </c>
    </row>
    <row r="64417" spans="1:7" x14ac:dyDescent="0.3">
      <c r="A64417" s="13" t="s">
        <v>346</v>
      </c>
      <c r="B64417" s="14" t="s">
        <v>1</v>
      </c>
      <c r="C64417" s="14" t="s">
        <v>51</v>
      </c>
      <c r="D64417" s="14" t="s">
        <v>159</v>
      </c>
      <c r="E64417" s="15">
        <v>45553</v>
      </c>
      <c r="F64417" s="14" t="s">
        <v>61</v>
      </c>
      <c r="G64417" s="16">
        <v>0</v>
      </c>
    </row>
    <row r="64418" spans="1:7" x14ac:dyDescent="0.3">
      <c r="A64418" s="13" t="s">
        <v>346</v>
      </c>
      <c r="B64418" s="14" t="s">
        <v>1</v>
      </c>
      <c r="C64418" s="14" t="s">
        <v>51</v>
      </c>
      <c r="D64418" s="14" t="s">
        <v>159</v>
      </c>
      <c r="E64418" s="15">
        <v>45554</v>
      </c>
      <c r="F64418" s="14" t="s">
        <v>61</v>
      </c>
      <c r="G64418" s="16">
        <v>0</v>
      </c>
    </row>
    <row r="64419" spans="1:7" x14ac:dyDescent="0.3">
      <c r="A64419" s="13" t="s">
        <v>346</v>
      </c>
      <c r="B64419" s="14" t="s">
        <v>1</v>
      </c>
      <c r="C64419" s="14" t="s">
        <v>51</v>
      </c>
      <c r="D64419" s="14" t="s">
        <v>159</v>
      </c>
      <c r="E64419" s="15">
        <v>45555</v>
      </c>
      <c r="F64419" s="14" t="s">
        <v>61</v>
      </c>
      <c r="G64419" s="16">
        <v>0</v>
      </c>
    </row>
    <row r="64420" spans="1:7" x14ac:dyDescent="0.3">
      <c r="A64420" s="13" t="s">
        <v>346</v>
      </c>
      <c r="B64420" s="14" t="s">
        <v>1</v>
      </c>
      <c r="C64420" s="14" t="s">
        <v>51</v>
      </c>
      <c r="D64420" s="14" t="s">
        <v>159</v>
      </c>
      <c r="E64420" s="15">
        <v>45556</v>
      </c>
      <c r="F64420" s="14" t="s">
        <v>61</v>
      </c>
      <c r="G64420" s="16">
        <v>0</v>
      </c>
    </row>
    <row r="64421" spans="1:7" x14ac:dyDescent="0.3">
      <c r="A64421" s="13" t="s">
        <v>346</v>
      </c>
      <c r="B64421" s="14" t="s">
        <v>1</v>
      </c>
      <c r="C64421" s="14" t="s">
        <v>51</v>
      </c>
      <c r="D64421" s="14" t="s">
        <v>159</v>
      </c>
      <c r="E64421" s="15">
        <v>45557</v>
      </c>
      <c r="F64421" s="14" t="s">
        <v>61</v>
      </c>
      <c r="G64421" s="16">
        <v>0</v>
      </c>
    </row>
    <row r="64422" spans="1:7" x14ac:dyDescent="0.3">
      <c r="A64422" s="13" t="s">
        <v>346</v>
      </c>
      <c r="B64422" s="14" t="s">
        <v>1</v>
      </c>
      <c r="C64422" s="14" t="s">
        <v>51</v>
      </c>
      <c r="D64422" s="14" t="s">
        <v>159</v>
      </c>
      <c r="E64422" s="15">
        <v>45558</v>
      </c>
      <c r="F64422" s="14" t="s">
        <v>61</v>
      </c>
      <c r="G64422" s="16">
        <v>0</v>
      </c>
    </row>
    <row r="64423" spans="1:7" x14ac:dyDescent="0.3">
      <c r="A64423" s="13" t="s">
        <v>346</v>
      </c>
      <c r="B64423" s="14" t="s">
        <v>1</v>
      </c>
      <c r="C64423" s="14" t="s">
        <v>51</v>
      </c>
      <c r="D64423" s="14" t="s">
        <v>159</v>
      </c>
      <c r="E64423" s="15">
        <v>45559</v>
      </c>
      <c r="F64423" s="14" t="s">
        <v>61</v>
      </c>
      <c r="G64423" s="16">
        <v>0</v>
      </c>
    </row>
    <row r="64424" spans="1:7" x14ac:dyDescent="0.3">
      <c r="A64424" s="13" t="s">
        <v>346</v>
      </c>
      <c r="B64424" s="14" t="s">
        <v>1</v>
      </c>
      <c r="C64424" s="14" t="s">
        <v>51</v>
      </c>
      <c r="D64424" s="14" t="s">
        <v>159</v>
      </c>
      <c r="E64424" s="15">
        <v>45560</v>
      </c>
      <c r="F64424" s="14" t="s">
        <v>61</v>
      </c>
      <c r="G64424" s="16">
        <v>0</v>
      </c>
    </row>
    <row r="64425" spans="1:7" x14ac:dyDescent="0.3">
      <c r="A64425" s="13" t="s">
        <v>346</v>
      </c>
      <c r="B64425" s="14" t="s">
        <v>1</v>
      </c>
      <c r="C64425" s="14" t="s">
        <v>51</v>
      </c>
      <c r="D64425" s="14" t="s">
        <v>159</v>
      </c>
      <c r="E64425" s="15">
        <v>45561</v>
      </c>
      <c r="F64425" s="14" t="s">
        <v>61</v>
      </c>
      <c r="G64425" s="16">
        <v>0</v>
      </c>
    </row>
    <row r="64426" spans="1:7" x14ac:dyDescent="0.3">
      <c r="A64426" s="13" t="s">
        <v>346</v>
      </c>
      <c r="B64426" s="14" t="s">
        <v>1</v>
      </c>
      <c r="C64426" s="14" t="s">
        <v>51</v>
      </c>
      <c r="D64426" s="14" t="s">
        <v>159</v>
      </c>
      <c r="E64426" s="15">
        <v>45562</v>
      </c>
      <c r="F64426" s="14" t="s">
        <v>61</v>
      </c>
      <c r="G64426" s="16">
        <v>0</v>
      </c>
    </row>
    <row r="64427" spans="1:7" x14ac:dyDescent="0.3">
      <c r="A64427" s="13" t="s">
        <v>346</v>
      </c>
      <c r="B64427" s="14" t="s">
        <v>1</v>
      </c>
      <c r="C64427" s="14" t="s">
        <v>51</v>
      </c>
      <c r="D64427" s="14" t="s">
        <v>159</v>
      </c>
      <c r="E64427" s="15">
        <v>45563</v>
      </c>
      <c r="F64427" s="14" t="s">
        <v>61</v>
      </c>
      <c r="G64427" s="16">
        <v>0</v>
      </c>
    </row>
    <row r="64428" spans="1:7" x14ac:dyDescent="0.3">
      <c r="A64428" s="13" t="s">
        <v>346</v>
      </c>
      <c r="B64428" s="14" t="s">
        <v>1</v>
      </c>
      <c r="C64428" s="14" t="s">
        <v>51</v>
      </c>
      <c r="D64428" s="14" t="s">
        <v>159</v>
      </c>
      <c r="E64428" s="15">
        <v>45564</v>
      </c>
      <c r="F64428" s="14" t="s">
        <v>61</v>
      </c>
      <c r="G64428" s="16">
        <v>0</v>
      </c>
    </row>
    <row r="64429" spans="1:7" x14ac:dyDescent="0.3">
      <c r="A64429" s="13" t="s">
        <v>346</v>
      </c>
      <c r="B64429" s="14" t="s">
        <v>1</v>
      </c>
      <c r="C64429" s="14" t="s">
        <v>51</v>
      </c>
      <c r="D64429" s="14" t="s">
        <v>159</v>
      </c>
      <c r="E64429" s="15">
        <v>45565</v>
      </c>
      <c r="F64429" s="14" t="s">
        <v>61</v>
      </c>
      <c r="G64429" s="16">
        <v>0</v>
      </c>
    </row>
    <row r="64430" spans="1:7" x14ac:dyDescent="0.3">
      <c r="A64430" s="13" t="s">
        <v>346</v>
      </c>
      <c r="B64430" s="14" t="s">
        <v>1</v>
      </c>
      <c r="C64430" s="14" t="s">
        <v>51</v>
      </c>
      <c r="D64430" s="14" t="s">
        <v>159</v>
      </c>
      <c r="E64430" s="15">
        <v>45566</v>
      </c>
      <c r="F64430" s="14" t="s">
        <v>61</v>
      </c>
      <c r="G64430" s="16">
        <v>0</v>
      </c>
    </row>
    <row r="64431" spans="1:7" x14ac:dyDescent="0.3">
      <c r="A64431" s="13" t="s">
        <v>346</v>
      </c>
      <c r="B64431" s="14" t="s">
        <v>1</v>
      </c>
      <c r="C64431" s="14" t="s">
        <v>51</v>
      </c>
      <c r="D64431" s="14" t="s">
        <v>159</v>
      </c>
      <c r="E64431" s="15">
        <v>45567</v>
      </c>
      <c r="F64431" s="14" t="s">
        <v>61</v>
      </c>
      <c r="G64431" s="16">
        <v>0</v>
      </c>
    </row>
    <row r="64432" spans="1:7" x14ac:dyDescent="0.3">
      <c r="A64432" s="13" t="s">
        <v>346</v>
      </c>
      <c r="B64432" s="14" t="s">
        <v>1</v>
      </c>
      <c r="C64432" s="14" t="s">
        <v>51</v>
      </c>
      <c r="D64432" s="14" t="s">
        <v>159</v>
      </c>
      <c r="E64432" s="15">
        <v>45568</v>
      </c>
      <c r="F64432" s="14" t="s">
        <v>61</v>
      </c>
      <c r="G64432" s="16">
        <v>0</v>
      </c>
    </row>
    <row r="64433" spans="1:7" x14ac:dyDescent="0.3">
      <c r="A64433" s="13" t="s">
        <v>346</v>
      </c>
      <c r="B64433" s="14" t="s">
        <v>1</v>
      </c>
      <c r="C64433" s="14" t="s">
        <v>51</v>
      </c>
      <c r="D64433" s="14" t="s">
        <v>159</v>
      </c>
      <c r="E64433" s="15">
        <v>45569</v>
      </c>
      <c r="F64433" s="14" t="s">
        <v>61</v>
      </c>
      <c r="G64433" s="16">
        <v>0</v>
      </c>
    </row>
    <row r="64434" spans="1:7" x14ac:dyDescent="0.3">
      <c r="A64434" s="13" t="s">
        <v>346</v>
      </c>
      <c r="B64434" s="14" t="s">
        <v>1</v>
      </c>
      <c r="C64434" s="14" t="s">
        <v>51</v>
      </c>
      <c r="D64434" s="14" t="s">
        <v>159</v>
      </c>
      <c r="E64434" s="15">
        <v>45570</v>
      </c>
      <c r="F64434" s="14" t="s">
        <v>61</v>
      </c>
      <c r="G64434" s="16">
        <v>0</v>
      </c>
    </row>
    <row r="64435" spans="1:7" x14ac:dyDescent="0.3">
      <c r="A64435" s="13" t="s">
        <v>346</v>
      </c>
      <c r="B64435" s="14" t="s">
        <v>1</v>
      </c>
      <c r="C64435" s="14" t="s">
        <v>51</v>
      </c>
      <c r="D64435" s="14" t="s">
        <v>159</v>
      </c>
      <c r="E64435" s="15">
        <v>45571</v>
      </c>
      <c r="F64435" s="14" t="s">
        <v>61</v>
      </c>
      <c r="G64435" s="16">
        <v>0</v>
      </c>
    </row>
    <row r="64436" spans="1:7" x14ac:dyDescent="0.3">
      <c r="A64436" s="13" t="s">
        <v>346</v>
      </c>
      <c r="B64436" s="14" t="s">
        <v>1</v>
      </c>
      <c r="C64436" s="14" t="s">
        <v>51</v>
      </c>
      <c r="D64436" s="14" t="s">
        <v>159</v>
      </c>
      <c r="E64436" s="15">
        <v>45572</v>
      </c>
      <c r="F64436" s="14" t="s">
        <v>61</v>
      </c>
      <c r="G64436" s="16">
        <v>0</v>
      </c>
    </row>
    <row r="64437" spans="1:7" x14ac:dyDescent="0.3">
      <c r="A64437" s="13" t="s">
        <v>346</v>
      </c>
      <c r="B64437" s="14" t="s">
        <v>1</v>
      </c>
      <c r="C64437" s="14" t="s">
        <v>51</v>
      </c>
      <c r="D64437" s="14" t="s">
        <v>159</v>
      </c>
      <c r="E64437" s="15">
        <v>45573</v>
      </c>
      <c r="F64437" s="14" t="s">
        <v>61</v>
      </c>
      <c r="G64437" s="16">
        <v>0</v>
      </c>
    </row>
    <row r="64438" spans="1:7" x14ac:dyDescent="0.3">
      <c r="A64438" s="13" t="s">
        <v>346</v>
      </c>
      <c r="B64438" s="14" t="s">
        <v>1</v>
      </c>
      <c r="C64438" s="14" t="s">
        <v>51</v>
      </c>
      <c r="D64438" s="14" t="s">
        <v>159</v>
      </c>
      <c r="E64438" s="15">
        <v>45574</v>
      </c>
      <c r="F64438" s="14" t="s">
        <v>61</v>
      </c>
      <c r="G64438" s="16">
        <v>0</v>
      </c>
    </row>
    <row r="64439" spans="1:7" x14ac:dyDescent="0.3">
      <c r="A64439" s="13" t="s">
        <v>346</v>
      </c>
      <c r="B64439" s="14" t="s">
        <v>1</v>
      </c>
      <c r="C64439" s="14" t="s">
        <v>51</v>
      </c>
      <c r="D64439" s="14" t="s">
        <v>159</v>
      </c>
      <c r="E64439" s="15">
        <v>45575</v>
      </c>
      <c r="F64439" s="14" t="s">
        <v>61</v>
      </c>
      <c r="G64439" s="16">
        <v>0</v>
      </c>
    </row>
    <row r="64440" spans="1:7" x14ac:dyDescent="0.3">
      <c r="A64440" s="13" t="s">
        <v>346</v>
      </c>
      <c r="B64440" s="14" t="s">
        <v>1</v>
      </c>
      <c r="C64440" s="14" t="s">
        <v>51</v>
      </c>
      <c r="D64440" s="14" t="s">
        <v>159</v>
      </c>
      <c r="E64440" s="15">
        <v>45576</v>
      </c>
      <c r="F64440" s="14" t="s">
        <v>61</v>
      </c>
      <c r="G64440" s="16">
        <v>0</v>
      </c>
    </row>
    <row r="64441" spans="1:7" x14ac:dyDescent="0.3">
      <c r="A64441" s="13" t="s">
        <v>346</v>
      </c>
      <c r="B64441" s="14" t="s">
        <v>1</v>
      </c>
      <c r="C64441" s="14" t="s">
        <v>51</v>
      </c>
      <c r="D64441" s="14" t="s">
        <v>159</v>
      </c>
      <c r="E64441" s="15">
        <v>45577</v>
      </c>
      <c r="F64441" s="14" t="s">
        <v>61</v>
      </c>
      <c r="G64441" s="16">
        <v>0</v>
      </c>
    </row>
    <row r="64442" spans="1:7" x14ac:dyDescent="0.3">
      <c r="A64442" s="13" t="s">
        <v>346</v>
      </c>
      <c r="B64442" s="14" t="s">
        <v>1</v>
      </c>
      <c r="C64442" s="14" t="s">
        <v>51</v>
      </c>
      <c r="D64442" s="14" t="s">
        <v>159</v>
      </c>
      <c r="E64442" s="15">
        <v>45578</v>
      </c>
      <c r="F64442" s="14" t="s">
        <v>61</v>
      </c>
      <c r="G64442" s="16">
        <v>0</v>
      </c>
    </row>
    <row r="64443" spans="1:7" x14ac:dyDescent="0.3">
      <c r="A64443" s="13" t="s">
        <v>346</v>
      </c>
      <c r="B64443" s="14" t="s">
        <v>1</v>
      </c>
      <c r="C64443" s="14" t="s">
        <v>51</v>
      </c>
      <c r="D64443" s="14" t="s">
        <v>159</v>
      </c>
      <c r="E64443" s="15">
        <v>45579</v>
      </c>
      <c r="F64443" s="14" t="s">
        <v>61</v>
      </c>
      <c r="G64443" s="16">
        <v>0</v>
      </c>
    </row>
    <row r="64444" spans="1:7" x14ac:dyDescent="0.3">
      <c r="A64444" s="13" t="s">
        <v>346</v>
      </c>
      <c r="B64444" s="14" t="s">
        <v>1</v>
      </c>
      <c r="C64444" s="14" t="s">
        <v>51</v>
      </c>
      <c r="D64444" s="14" t="s">
        <v>159</v>
      </c>
      <c r="E64444" s="15">
        <v>45580</v>
      </c>
      <c r="F64444" s="14" t="s">
        <v>61</v>
      </c>
      <c r="G64444" s="16">
        <v>0</v>
      </c>
    </row>
    <row r="64445" spans="1:7" x14ac:dyDescent="0.3">
      <c r="A64445" s="13" t="s">
        <v>346</v>
      </c>
      <c r="B64445" s="14" t="s">
        <v>1</v>
      </c>
      <c r="C64445" s="14" t="s">
        <v>51</v>
      </c>
      <c r="D64445" s="14" t="s">
        <v>159</v>
      </c>
      <c r="E64445" s="15">
        <v>45581</v>
      </c>
      <c r="F64445" s="14" t="s">
        <v>61</v>
      </c>
      <c r="G64445" s="16">
        <v>0</v>
      </c>
    </row>
    <row r="64446" spans="1:7" x14ac:dyDescent="0.3">
      <c r="A64446" s="13" t="s">
        <v>346</v>
      </c>
      <c r="B64446" s="14" t="s">
        <v>1</v>
      </c>
      <c r="C64446" s="14" t="s">
        <v>51</v>
      </c>
      <c r="D64446" s="14" t="s">
        <v>159</v>
      </c>
      <c r="E64446" s="15">
        <v>45582</v>
      </c>
      <c r="F64446" s="14" t="s">
        <v>61</v>
      </c>
      <c r="G64446" s="16">
        <v>0</v>
      </c>
    </row>
    <row r="64447" spans="1:7" x14ac:dyDescent="0.3">
      <c r="A64447" s="13" t="s">
        <v>346</v>
      </c>
      <c r="B64447" s="14" t="s">
        <v>1</v>
      </c>
      <c r="C64447" s="14" t="s">
        <v>51</v>
      </c>
      <c r="D64447" s="14" t="s">
        <v>159</v>
      </c>
      <c r="E64447" s="15">
        <v>45583</v>
      </c>
      <c r="F64447" s="14" t="s">
        <v>61</v>
      </c>
      <c r="G64447" s="16">
        <v>0</v>
      </c>
    </row>
    <row r="64448" spans="1:7" x14ac:dyDescent="0.3">
      <c r="A64448" s="13" t="s">
        <v>346</v>
      </c>
      <c r="B64448" s="14" t="s">
        <v>1</v>
      </c>
      <c r="C64448" s="14" t="s">
        <v>51</v>
      </c>
      <c r="D64448" s="14" t="s">
        <v>159</v>
      </c>
      <c r="E64448" s="15">
        <v>45584</v>
      </c>
      <c r="F64448" s="14" t="s">
        <v>61</v>
      </c>
      <c r="G64448" s="16">
        <v>0</v>
      </c>
    </row>
    <row r="64449" spans="1:7" x14ac:dyDescent="0.3">
      <c r="A64449" s="13" t="s">
        <v>346</v>
      </c>
      <c r="B64449" s="14" t="s">
        <v>1</v>
      </c>
      <c r="C64449" s="14" t="s">
        <v>51</v>
      </c>
      <c r="D64449" s="14" t="s">
        <v>159</v>
      </c>
      <c r="E64449" s="15">
        <v>45585</v>
      </c>
      <c r="F64449" s="14" t="s">
        <v>61</v>
      </c>
      <c r="G64449" s="16">
        <v>0</v>
      </c>
    </row>
    <row r="64450" spans="1:7" x14ac:dyDescent="0.3">
      <c r="A64450" s="13" t="s">
        <v>346</v>
      </c>
      <c r="B64450" s="14" t="s">
        <v>1</v>
      </c>
      <c r="C64450" s="14" t="s">
        <v>51</v>
      </c>
      <c r="D64450" s="14" t="s">
        <v>159</v>
      </c>
      <c r="E64450" s="15">
        <v>45586</v>
      </c>
      <c r="F64450" s="14" t="s">
        <v>61</v>
      </c>
      <c r="G64450" s="16">
        <v>0</v>
      </c>
    </row>
    <row r="64451" spans="1:7" x14ac:dyDescent="0.3">
      <c r="A64451" s="13" t="s">
        <v>346</v>
      </c>
      <c r="B64451" s="14" t="s">
        <v>1</v>
      </c>
      <c r="C64451" s="14" t="s">
        <v>51</v>
      </c>
      <c r="D64451" s="14" t="s">
        <v>159</v>
      </c>
      <c r="E64451" s="15">
        <v>45587</v>
      </c>
      <c r="F64451" s="14" t="s">
        <v>61</v>
      </c>
      <c r="G64451" s="16">
        <v>0</v>
      </c>
    </row>
    <row r="64452" spans="1:7" x14ac:dyDescent="0.3">
      <c r="A64452" s="13" t="s">
        <v>346</v>
      </c>
      <c r="B64452" s="14" t="s">
        <v>1</v>
      </c>
      <c r="C64452" s="14" t="s">
        <v>51</v>
      </c>
      <c r="D64452" s="14" t="s">
        <v>159</v>
      </c>
      <c r="E64452" s="15">
        <v>45588</v>
      </c>
      <c r="F64452" s="14" t="s">
        <v>61</v>
      </c>
      <c r="G64452" s="16">
        <v>0</v>
      </c>
    </row>
    <row r="64453" spans="1:7" x14ac:dyDescent="0.3">
      <c r="A64453" s="13" t="s">
        <v>346</v>
      </c>
      <c r="B64453" s="14" t="s">
        <v>1</v>
      </c>
      <c r="C64453" s="14" t="s">
        <v>51</v>
      </c>
      <c r="D64453" s="14" t="s">
        <v>159</v>
      </c>
      <c r="E64453" s="15">
        <v>45589</v>
      </c>
      <c r="F64453" s="14" t="s">
        <v>61</v>
      </c>
      <c r="G64453" s="16">
        <v>0</v>
      </c>
    </row>
    <row r="64454" spans="1:7" x14ac:dyDescent="0.3">
      <c r="A64454" s="13" t="s">
        <v>346</v>
      </c>
      <c r="B64454" s="14" t="s">
        <v>1</v>
      </c>
      <c r="C64454" s="14" t="s">
        <v>51</v>
      </c>
      <c r="D64454" s="14" t="s">
        <v>159</v>
      </c>
      <c r="E64454" s="15">
        <v>45590</v>
      </c>
      <c r="F64454" s="14" t="s">
        <v>61</v>
      </c>
      <c r="G64454" s="16">
        <v>0</v>
      </c>
    </row>
    <row r="64455" spans="1:7" x14ac:dyDescent="0.3">
      <c r="A64455" s="13" t="s">
        <v>346</v>
      </c>
      <c r="B64455" s="14" t="s">
        <v>1</v>
      </c>
      <c r="C64455" s="14" t="s">
        <v>51</v>
      </c>
      <c r="D64455" s="14" t="s">
        <v>159</v>
      </c>
      <c r="E64455" s="15">
        <v>45591</v>
      </c>
      <c r="F64455" s="14" t="s">
        <v>61</v>
      </c>
      <c r="G64455" s="16">
        <v>0</v>
      </c>
    </row>
    <row r="64456" spans="1:7" x14ac:dyDescent="0.3">
      <c r="A64456" s="13" t="s">
        <v>346</v>
      </c>
      <c r="B64456" s="14" t="s">
        <v>1</v>
      </c>
      <c r="C64456" s="14" t="s">
        <v>51</v>
      </c>
      <c r="D64456" s="14" t="s">
        <v>159</v>
      </c>
      <c r="E64456" s="15">
        <v>45592</v>
      </c>
      <c r="F64456" s="14" t="s">
        <v>61</v>
      </c>
      <c r="G64456" s="16">
        <v>0</v>
      </c>
    </row>
    <row r="64457" spans="1:7" x14ac:dyDescent="0.3">
      <c r="A64457" s="13" t="s">
        <v>346</v>
      </c>
      <c r="B64457" s="14" t="s">
        <v>1</v>
      </c>
      <c r="C64457" s="14" t="s">
        <v>51</v>
      </c>
      <c r="D64457" s="14" t="s">
        <v>159</v>
      </c>
      <c r="E64457" s="15">
        <v>45593</v>
      </c>
      <c r="F64457" s="14" t="s">
        <v>61</v>
      </c>
      <c r="G64457" s="16">
        <v>0</v>
      </c>
    </row>
    <row r="64458" spans="1:7" x14ac:dyDescent="0.3">
      <c r="A64458" s="13" t="s">
        <v>346</v>
      </c>
      <c r="B64458" s="14" t="s">
        <v>1</v>
      </c>
      <c r="C64458" s="14" t="s">
        <v>51</v>
      </c>
      <c r="D64458" s="14" t="s">
        <v>159</v>
      </c>
      <c r="E64458" s="15">
        <v>45594</v>
      </c>
      <c r="F64458" s="14" t="s">
        <v>61</v>
      </c>
      <c r="G64458" s="16">
        <v>0</v>
      </c>
    </row>
    <row r="64459" spans="1:7" x14ac:dyDescent="0.3">
      <c r="A64459" s="13" t="s">
        <v>346</v>
      </c>
      <c r="B64459" s="14" t="s">
        <v>1</v>
      </c>
      <c r="C64459" s="14" t="s">
        <v>51</v>
      </c>
      <c r="D64459" s="14" t="s">
        <v>159</v>
      </c>
      <c r="E64459" s="15">
        <v>45595</v>
      </c>
      <c r="F64459" s="14" t="s">
        <v>61</v>
      </c>
      <c r="G64459" s="16">
        <v>0</v>
      </c>
    </row>
    <row r="64460" spans="1:7" x14ac:dyDescent="0.3">
      <c r="A64460" s="13" t="s">
        <v>346</v>
      </c>
      <c r="B64460" s="14" t="s">
        <v>1</v>
      </c>
      <c r="C64460" s="14" t="s">
        <v>51</v>
      </c>
      <c r="D64460" s="14" t="s">
        <v>159</v>
      </c>
      <c r="E64460" s="15">
        <v>45596</v>
      </c>
      <c r="F64460" s="14" t="s">
        <v>61</v>
      </c>
      <c r="G64460" s="16">
        <v>0</v>
      </c>
    </row>
    <row r="64461" spans="1:7" x14ac:dyDescent="0.3">
      <c r="A64461" s="13" t="s">
        <v>346</v>
      </c>
      <c r="B64461" s="14" t="s">
        <v>1</v>
      </c>
      <c r="C64461" s="14" t="s">
        <v>51</v>
      </c>
      <c r="D64461" s="14" t="s">
        <v>159</v>
      </c>
      <c r="E64461" s="15">
        <v>45597</v>
      </c>
      <c r="F64461" s="14" t="s">
        <v>61</v>
      </c>
      <c r="G64461" s="16">
        <v>0</v>
      </c>
    </row>
    <row r="64462" spans="1:7" x14ac:dyDescent="0.3">
      <c r="A64462" s="13" t="s">
        <v>346</v>
      </c>
      <c r="B64462" s="14" t="s">
        <v>1</v>
      </c>
      <c r="C64462" s="14" t="s">
        <v>51</v>
      </c>
      <c r="D64462" s="14" t="s">
        <v>159</v>
      </c>
      <c r="E64462" s="15">
        <v>45598</v>
      </c>
      <c r="F64462" s="14" t="s">
        <v>61</v>
      </c>
      <c r="G64462" s="16">
        <v>0</v>
      </c>
    </row>
    <row r="64463" spans="1:7" x14ac:dyDescent="0.3">
      <c r="A64463" s="13" t="s">
        <v>346</v>
      </c>
      <c r="B64463" s="14" t="s">
        <v>1</v>
      </c>
      <c r="C64463" s="14" t="s">
        <v>51</v>
      </c>
      <c r="D64463" s="14" t="s">
        <v>159</v>
      </c>
      <c r="E64463" s="15">
        <v>45599</v>
      </c>
      <c r="F64463" s="14" t="s">
        <v>61</v>
      </c>
      <c r="G64463" s="16">
        <v>0</v>
      </c>
    </row>
    <row r="64464" spans="1:7" x14ac:dyDescent="0.3">
      <c r="A64464" s="13" t="s">
        <v>346</v>
      </c>
      <c r="B64464" s="14" t="s">
        <v>1</v>
      </c>
      <c r="C64464" s="14" t="s">
        <v>51</v>
      </c>
      <c r="D64464" s="14" t="s">
        <v>159</v>
      </c>
      <c r="E64464" s="15">
        <v>45600</v>
      </c>
      <c r="F64464" s="14" t="s">
        <v>61</v>
      </c>
      <c r="G64464" s="16">
        <v>0</v>
      </c>
    </row>
    <row r="64465" spans="1:7" x14ac:dyDescent="0.3">
      <c r="A64465" s="13" t="s">
        <v>346</v>
      </c>
      <c r="B64465" s="14" t="s">
        <v>1</v>
      </c>
      <c r="C64465" s="14" t="s">
        <v>51</v>
      </c>
      <c r="D64465" s="14" t="s">
        <v>159</v>
      </c>
      <c r="E64465" s="15">
        <v>45601</v>
      </c>
      <c r="F64465" s="14" t="s">
        <v>61</v>
      </c>
      <c r="G64465" s="16">
        <v>0</v>
      </c>
    </row>
    <row r="64466" spans="1:7" x14ac:dyDescent="0.3">
      <c r="A64466" s="13" t="s">
        <v>346</v>
      </c>
      <c r="B64466" s="14" t="s">
        <v>1</v>
      </c>
      <c r="C64466" s="14" t="s">
        <v>51</v>
      </c>
      <c r="D64466" s="14" t="s">
        <v>159</v>
      </c>
      <c r="E64466" s="15">
        <v>45602</v>
      </c>
      <c r="F64466" s="14" t="s">
        <v>61</v>
      </c>
      <c r="G64466" s="16">
        <v>0</v>
      </c>
    </row>
    <row r="64467" spans="1:7" x14ac:dyDescent="0.3">
      <c r="A64467" s="13" t="s">
        <v>346</v>
      </c>
      <c r="B64467" s="14" t="s">
        <v>1</v>
      </c>
      <c r="C64467" s="14" t="s">
        <v>51</v>
      </c>
      <c r="D64467" s="14" t="s">
        <v>159</v>
      </c>
      <c r="E64467" s="15">
        <v>45603</v>
      </c>
      <c r="F64467" s="14" t="s">
        <v>61</v>
      </c>
      <c r="G64467" s="16">
        <v>0</v>
      </c>
    </row>
    <row r="64468" spans="1:7" x14ac:dyDescent="0.3">
      <c r="A64468" s="13" t="s">
        <v>346</v>
      </c>
      <c r="B64468" s="14" t="s">
        <v>1</v>
      </c>
      <c r="C64468" s="14" t="s">
        <v>51</v>
      </c>
      <c r="D64468" s="14" t="s">
        <v>159</v>
      </c>
      <c r="E64468" s="15">
        <v>45604</v>
      </c>
      <c r="F64468" s="14" t="s">
        <v>61</v>
      </c>
      <c r="G64468" s="16">
        <v>0</v>
      </c>
    </row>
    <row r="64469" spans="1:7" x14ac:dyDescent="0.3">
      <c r="A64469" s="13" t="s">
        <v>346</v>
      </c>
      <c r="B64469" s="14" t="s">
        <v>1</v>
      </c>
      <c r="C64469" s="14" t="s">
        <v>51</v>
      </c>
      <c r="D64469" s="14" t="s">
        <v>159</v>
      </c>
      <c r="E64469" s="15">
        <v>45605</v>
      </c>
      <c r="F64469" s="14" t="s">
        <v>61</v>
      </c>
      <c r="G64469" s="16">
        <v>0</v>
      </c>
    </row>
    <row r="64470" spans="1:7" x14ac:dyDescent="0.3">
      <c r="A64470" s="13" t="s">
        <v>346</v>
      </c>
      <c r="B64470" s="14" t="s">
        <v>1</v>
      </c>
      <c r="C64470" s="14" t="s">
        <v>51</v>
      </c>
      <c r="D64470" s="14" t="s">
        <v>159</v>
      </c>
      <c r="E64470" s="15">
        <v>45606</v>
      </c>
      <c r="F64470" s="14" t="s">
        <v>61</v>
      </c>
      <c r="G64470" s="16">
        <v>0</v>
      </c>
    </row>
    <row r="64471" spans="1:7" x14ac:dyDescent="0.3">
      <c r="A64471" s="13" t="s">
        <v>346</v>
      </c>
      <c r="B64471" s="14" t="s">
        <v>1</v>
      </c>
      <c r="C64471" s="14" t="s">
        <v>51</v>
      </c>
      <c r="D64471" s="14" t="s">
        <v>159</v>
      </c>
      <c r="E64471" s="15">
        <v>45607</v>
      </c>
      <c r="F64471" s="14" t="s">
        <v>61</v>
      </c>
      <c r="G64471" s="16">
        <v>0</v>
      </c>
    </row>
    <row r="64472" spans="1:7" x14ac:dyDescent="0.3">
      <c r="A64472" s="13" t="s">
        <v>346</v>
      </c>
      <c r="B64472" s="14" t="s">
        <v>1</v>
      </c>
      <c r="C64472" s="14" t="s">
        <v>51</v>
      </c>
      <c r="D64472" s="14" t="s">
        <v>159</v>
      </c>
      <c r="E64472" s="15">
        <v>45608</v>
      </c>
      <c r="F64472" s="14" t="s">
        <v>61</v>
      </c>
      <c r="G64472" s="16">
        <v>0</v>
      </c>
    </row>
    <row r="64473" spans="1:7" x14ac:dyDescent="0.3">
      <c r="A64473" s="13" t="s">
        <v>346</v>
      </c>
      <c r="B64473" s="14" t="s">
        <v>1</v>
      </c>
      <c r="C64473" s="14" t="s">
        <v>51</v>
      </c>
      <c r="D64473" s="14" t="s">
        <v>159</v>
      </c>
      <c r="E64473" s="15">
        <v>45609</v>
      </c>
      <c r="F64473" s="14" t="s">
        <v>61</v>
      </c>
      <c r="G64473" s="16">
        <v>0</v>
      </c>
    </row>
    <row r="64474" spans="1:7" x14ac:dyDescent="0.3">
      <c r="A64474" s="13" t="s">
        <v>346</v>
      </c>
      <c r="B64474" s="14" t="s">
        <v>1</v>
      </c>
      <c r="C64474" s="14" t="s">
        <v>51</v>
      </c>
      <c r="D64474" s="14" t="s">
        <v>159</v>
      </c>
      <c r="E64474" s="15">
        <v>45610</v>
      </c>
      <c r="F64474" s="14" t="s">
        <v>61</v>
      </c>
      <c r="G64474" s="16">
        <v>0</v>
      </c>
    </row>
    <row r="64475" spans="1:7" x14ac:dyDescent="0.3">
      <c r="A64475" s="13" t="s">
        <v>346</v>
      </c>
      <c r="B64475" s="14" t="s">
        <v>1</v>
      </c>
      <c r="C64475" s="14" t="s">
        <v>51</v>
      </c>
      <c r="D64475" s="14" t="s">
        <v>159</v>
      </c>
      <c r="E64475" s="15">
        <v>45611</v>
      </c>
      <c r="F64475" s="14" t="s">
        <v>61</v>
      </c>
      <c r="G64475" s="16">
        <v>0</v>
      </c>
    </row>
    <row r="64476" spans="1:7" x14ac:dyDescent="0.3">
      <c r="A64476" s="13" t="s">
        <v>346</v>
      </c>
      <c r="B64476" s="14" t="s">
        <v>1</v>
      </c>
      <c r="C64476" s="14" t="s">
        <v>51</v>
      </c>
      <c r="D64476" s="14" t="s">
        <v>159</v>
      </c>
      <c r="E64476" s="15">
        <v>45612</v>
      </c>
      <c r="F64476" s="14" t="s">
        <v>61</v>
      </c>
      <c r="G64476" s="16">
        <v>0</v>
      </c>
    </row>
    <row r="64477" spans="1:7" x14ac:dyDescent="0.3">
      <c r="A64477" s="13" t="s">
        <v>346</v>
      </c>
      <c r="B64477" s="14" t="s">
        <v>1</v>
      </c>
      <c r="C64477" s="14" t="s">
        <v>51</v>
      </c>
      <c r="D64477" s="14" t="s">
        <v>159</v>
      </c>
      <c r="E64477" s="15">
        <v>45613</v>
      </c>
      <c r="F64477" s="14" t="s">
        <v>61</v>
      </c>
      <c r="G64477" s="16">
        <v>0</v>
      </c>
    </row>
    <row r="64478" spans="1:7" x14ac:dyDescent="0.3">
      <c r="A64478" s="13" t="s">
        <v>346</v>
      </c>
      <c r="B64478" s="14" t="s">
        <v>1</v>
      </c>
      <c r="C64478" s="14" t="s">
        <v>51</v>
      </c>
      <c r="D64478" s="14" t="s">
        <v>159</v>
      </c>
      <c r="E64478" s="15">
        <v>45614</v>
      </c>
      <c r="F64478" s="14" t="s">
        <v>61</v>
      </c>
      <c r="G64478" s="16">
        <v>0</v>
      </c>
    </row>
    <row r="64479" spans="1:7" x14ac:dyDescent="0.3">
      <c r="A64479" s="13" t="s">
        <v>346</v>
      </c>
      <c r="B64479" s="14" t="s">
        <v>1</v>
      </c>
      <c r="C64479" s="14" t="s">
        <v>51</v>
      </c>
      <c r="D64479" s="14" t="s">
        <v>159</v>
      </c>
      <c r="E64479" s="15">
        <v>45615</v>
      </c>
      <c r="F64479" s="14" t="s">
        <v>61</v>
      </c>
      <c r="G64479" s="16">
        <v>2.4393086333024751E-2</v>
      </c>
    </row>
    <row r="64480" spans="1:7" x14ac:dyDescent="0.3">
      <c r="A64480" s="13" t="s">
        <v>346</v>
      </c>
      <c r="B64480" s="14" t="s">
        <v>1</v>
      </c>
      <c r="C64480" s="14" t="s">
        <v>51</v>
      </c>
      <c r="D64480" s="14" t="s">
        <v>159</v>
      </c>
      <c r="E64480" s="15">
        <v>45616</v>
      </c>
      <c r="F64480" s="14" t="s">
        <v>61</v>
      </c>
      <c r="G64480" s="16">
        <v>2.1847384791375615E-2</v>
      </c>
    </row>
    <row r="64481" spans="1:7" x14ac:dyDescent="0.3">
      <c r="A64481" s="13" t="s">
        <v>346</v>
      </c>
      <c r="B64481" s="14" t="s">
        <v>1</v>
      </c>
      <c r="C64481" s="14" t="s">
        <v>51</v>
      </c>
      <c r="D64481" s="14" t="s">
        <v>159</v>
      </c>
      <c r="E64481" s="15">
        <v>45617</v>
      </c>
      <c r="F64481" s="14" t="s">
        <v>61</v>
      </c>
      <c r="G64481" s="16">
        <v>1.9304908097684908E-2</v>
      </c>
    </row>
    <row r="64482" spans="1:7" x14ac:dyDescent="0.3">
      <c r="A64482" s="13" t="s">
        <v>346</v>
      </c>
      <c r="B64482" s="14" t="s">
        <v>1</v>
      </c>
      <c r="C64482" s="14" t="s">
        <v>51</v>
      </c>
      <c r="D64482" s="14" t="s">
        <v>159</v>
      </c>
      <c r="E64482" s="15">
        <v>45618</v>
      </c>
      <c r="F64482" s="14" t="s">
        <v>61</v>
      </c>
      <c r="G64482" s="16">
        <v>1.6703921277373981E-2</v>
      </c>
    </row>
    <row r="64483" spans="1:7" x14ac:dyDescent="0.3">
      <c r="A64483" s="13" t="s">
        <v>346</v>
      </c>
      <c r="B64483" s="14" t="s">
        <v>1</v>
      </c>
      <c r="C64483" s="14" t="s">
        <v>51</v>
      </c>
      <c r="D64483" s="14" t="s">
        <v>159</v>
      </c>
      <c r="E64483" s="15">
        <v>45619</v>
      </c>
      <c r="F64483" s="14" t="s">
        <v>61</v>
      </c>
      <c r="G64483" s="16">
        <v>1.6703921277373981E-2</v>
      </c>
    </row>
    <row r="64484" spans="1:7" x14ac:dyDescent="0.3">
      <c r="A64484" s="13" t="s">
        <v>346</v>
      </c>
      <c r="B64484" s="14" t="s">
        <v>1</v>
      </c>
      <c r="C64484" s="14" t="s">
        <v>51</v>
      </c>
      <c r="D64484" s="14" t="s">
        <v>159</v>
      </c>
      <c r="E64484" s="15">
        <v>45620</v>
      </c>
      <c r="F64484" s="14" t="s">
        <v>61</v>
      </c>
      <c r="G64484" s="16">
        <v>1.6703921277373981E-2</v>
      </c>
    </row>
    <row r="64485" spans="1:7" x14ac:dyDescent="0.3">
      <c r="A64485" s="13" t="s">
        <v>346</v>
      </c>
      <c r="B64485" s="14" t="s">
        <v>1</v>
      </c>
      <c r="C64485" s="14" t="s">
        <v>51</v>
      </c>
      <c r="D64485" s="14" t="s">
        <v>159</v>
      </c>
      <c r="E64485" s="15">
        <v>45621</v>
      </c>
      <c r="F64485" s="14" t="s">
        <v>61</v>
      </c>
      <c r="G64485" s="16">
        <v>1.3869200305794112E-2</v>
      </c>
    </row>
    <row r="64486" spans="1:7" x14ac:dyDescent="0.3">
      <c r="A64486" s="13" t="s">
        <v>346</v>
      </c>
      <c r="B64486" s="14" t="s">
        <v>1</v>
      </c>
      <c r="C64486" s="14" t="s">
        <v>51</v>
      </c>
      <c r="D64486" s="14" t="s">
        <v>159</v>
      </c>
      <c r="E64486" s="15">
        <v>45622</v>
      </c>
      <c r="F64486" s="14" t="s">
        <v>61</v>
      </c>
      <c r="G64486" s="16">
        <v>1.1825753627086065E-2</v>
      </c>
    </row>
    <row r="64487" spans="1:7" x14ac:dyDescent="0.3">
      <c r="A64487" s="13" t="s">
        <v>346</v>
      </c>
      <c r="B64487" s="14" t="s">
        <v>1</v>
      </c>
      <c r="C64487" s="14" t="s">
        <v>51</v>
      </c>
      <c r="D64487" s="14" t="s">
        <v>159</v>
      </c>
      <c r="E64487" s="15">
        <v>45623</v>
      </c>
      <c r="F64487" s="14" t="s">
        <v>61</v>
      </c>
      <c r="G64487" s="16">
        <v>1.0782931601494862E-2</v>
      </c>
    </row>
    <row r="64488" spans="1:7" x14ac:dyDescent="0.3">
      <c r="A64488" s="13" t="s">
        <v>346</v>
      </c>
      <c r="B64488" s="14" t="s">
        <v>1</v>
      </c>
      <c r="C64488" s="14" t="s">
        <v>51</v>
      </c>
      <c r="D64488" s="14" t="s">
        <v>159</v>
      </c>
      <c r="E64488" s="15">
        <v>45624</v>
      </c>
      <c r="F64488" s="14" t="s">
        <v>61</v>
      </c>
      <c r="G64488" s="16">
        <v>8.039154821854572E-3</v>
      </c>
    </row>
    <row r="64489" spans="1:7" x14ac:dyDescent="0.3">
      <c r="A64489" s="13" t="s">
        <v>346</v>
      </c>
      <c r="B64489" s="14" t="s">
        <v>1</v>
      </c>
      <c r="C64489" s="14" t="s">
        <v>51</v>
      </c>
      <c r="D64489" s="14" t="s">
        <v>159</v>
      </c>
      <c r="E64489" s="15">
        <v>45625</v>
      </c>
      <c r="F64489" s="14" t="s">
        <v>61</v>
      </c>
      <c r="G64489" s="16">
        <v>2.2982880258100892E-2</v>
      </c>
    </row>
    <row r="64490" spans="1:7" x14ac:dyDescent="0.3">
      <c r="A64490" s="13" t="s">
        <v>346</v>
      </c>
      <c r="B64490" s="14" t="s">
        <v>1</v>
      </c>
      <c r="C64490" s="14" t="s">
        <v>51</v>
      </c>
      <c r="D64490" s="14" t="s">
        <v>159</v>
      </c>
      <c r="E64490" s="15">
        <v>45626</v>
      </c>
      <c r="F64490" s="14" t="s">
        <v>61</v>
      </c>
      <c r="G64490" s="16">
        <v>2.2982880258100892E-2</v>
      </c>
    </row>
    <row r="64491" spans="1:7" x14ac:dyDescent="0.3">
      <c r="A64491" s="13" t="s">
        <v>346</v>
      </c>
      <c r="B64491" s="14" t="s">
        <v>1</v>
      </c>
      <c r="C64491" s="14" t="s">
        <v>51</v>
      </c>
      <c r="D64491" s="14" t="s">
        <v>159</v>
      </c>
      <c r="E64491" s="15">
        <v>45627</v>
      </c>
      <c r="F64491" s="14" t="s">
        <v>61</v>
      </c>
      <c r="G64491" s="16">
        <v>2.2982880258100892E-2</v>
      </c>
    </row>
    <row r="64492" spans="1:7" x14ac:dyDescent="0.3">
      <c r="A64492" s="13" t="s">
        <v>346</v>
      </c>
      <c r="B64492" s="14" t="s">
        <v>1</v>
      </c>
      <c r="C64492" s="14" t="s">
        <v>51</v>
      </c>
      <c r="D64492" s="14" t="s">
        <v>159</v>
      </c>
      <c r="E64492" s="15">
        <v>45628</v>
      </c>
      <c r="F64492" s="14" t="s">
        <v>61</v>
      </c>
      <c r="G64492" s="16">
        <v>3.0684266634426041E-2</v>
      </c>
    </row>
    <row r="64493" spans="1:7" x14ac:dyDescent="0.3">
      <c r="A64493" s="13" t="s">
        <v>346</v>
      </c>
      <c r="B64493" s="14" t="s">
        <v>1</v>
      </c>
      <c r="C64493" s="14" t="s">
        <v>51</v>
      </c>
      <c r="D64493" s="14" t="s">
        <v>159</v>
      </c>
      <c r="E64493" s="15">
        <v>45629</v>
      </c>
      <c r="F64493" s="14" t="s">
        <v>61</v>
      </c>
      <c r="G64493" s="16">
        <v>2.9861822328076895E-2</v>
      </c>
    </row>
    <row r="64494" spans="1:7" x14ac:dyDescent="0.3">
      <c r="A64494" s="13" t="s">
        <v>346</v>
      </c>
      <c r="B64494" s="14" t="s">
        <v>1</v>
      </c>
      <c r="C64494" s="14" t="s">
        <v>51</v>
      </c>
      <c r="D64494" s="14" t="s">
        <v>159</v>
      </c>
      <c r="E64494" s="15">
        <v>45630</v>
      </c>
      <c r="F64494" s="14" t="s">
        <v>61</v>
      </c>
      <c r="G64494" s="16">
        <v>2.8049231382009147E-2</v>
      </c>
    </row>
    <row r="64495" spans="1:7" x14ac:dyDescent="0.3">
      <c r="A64495" s="13" t="s">
        <v>346</v>
      </c>
      <c r="B64495" s="14" t="s">
        <v>1</v>
      </c>
      <c r="C64495" s="14" t="s">
        <v>51</v>
      </c>
      <c r="D64495" s="14" t="s">
        <v>159</v>
      </c>
      <c r="E64495" s="15">
        <v>45631</v>
      </c>
      <c r="F64495" s="14" t="s">
        <v>61</v>
      </c>
      <c r="G64495" s="16">
        <v>2.5071010279202107E-2</v>
      </c>
    </row>
    <row r="64496" spans="1:7" x14ac:dyDescent="0.3">
      <c r="A64496" s="13" t="s">
        <v>346</v>
      </c>
      <c r="B64496" s="14" t="s">
        <v>1</v>
      </c>
      <c r="C64496" s="14" t="s">
        <v>51</v>
      </c>
      <c r="D64496" s="14" t="s">
        <v>159</v>
      </c>
      <c r="E64496" s="15">
        <v>45632</v>
      </c>
      <c r="F64496" s="14" t="s">
        <v>61</v>
      </c>
      <c r="G64496" s="16">
        <v>2.2395559445854047E-2</v>
      </c>
    </row>
    <row r="64497" spans="1:7" x14ac:dyDescent="0.3">
      <c r="A64497" s="13" t="s">
        <v>346</v>
      </c>
      <c r="B64497" s="14" t="s">
        <v>1</v>
      </c>
      <c r="C64497" s="14" t="s">
        <v>51</v>
      </c>
      <c r="D64497" s="14" t="s">
        <v>159</v>
      </c>
      <c r="E64497" s="15">
        <v>45633</v>
      </c>
      <c r="F64497" s="14" t="s">
        <v>61</v>
      </c>
      <c r="G64497" s="16">
        <v>2.2395559445854047E-2</v>
      </c>
    </row>
    <row r="64498" spans="1:7" x14ac:dyDescent="0.3">
      <c r="A64498" s="13" t="s">
        <v>346</v>
      </c>
      <c r="B64498" s="14" t="s">
        <v>1</v>
      </c>
      <c r="C64498" s="14" t="s">
        <v>51</v>
      </c>
      <c r="D64498" s="14" t="s">
        <v>159</v>
      </c>
      <c r="E64498" s="15">
        <v>45634</v>
      </c>
      <c r="F64498" s="14" t="s">
        <v>61</v>
      </c>
      <c r="G64498" s="16">
        <v>2.2395559445854047E-2</v>
      </c>
    </row>
    <row r="64499" spans="1:7" x14ac:dyDescent="0.3">
      <c r="A64499" s="13" t="s">
        <v>346</v>
      </c>
      <c r="B64499" s="14" t="s">
        <v>1</v>
      </c>
      <c r="C64499" s="14" t="s">
        <v>51</v>
      </c>
      <c r="D64499" s="14" t="s">
        <v>159</v>
      </c>
      <c r="E64499" s="15">
        <v>45635</v>
      </c>
      <c r="F64499" s="14" t="s">
        <v>61</v>
      </c>
      <c r="G64499" s="16">
        <v>5.1787086973954642E-2</v>
      </c>
    </row>
    <row r="64500" spans="1:7" x14ac:dyDescent="0.3">
      <c r="A64500" s="13" t="s">
        <v>346</v>
      </c>
      <c r="B64500" s="14" t="s">
        <v>1</v>
      </c>
      <c r="C64500" s="14" t="s">
        <v>51</v>
      </c>
      <c r="D64500" s="14" t="s">
        <v>159</v>
      </c>
      <c r="E64500" s="15">
        <v>45636</v>
      </c>
      <c r="F64500" s="14" t="s">
        <v>61</v>
      </c>
      <c r="G64500" s="16">
        <v>4.3629422346019589E-2</v>
      </c>
    </row>
    <row r="64501" spans="1:7" x14ac:dyDescent="0.3">
      <c r="A64501" s="13" t="s">
        <v>346</v>
      </c>
      <c r="B64501" s="14" t="s">
        <v>1</v>
      </c>
      <c r="C64501" s="14" t="s">
        <v>51</v>
      </c>
      <c r="D64501" s="14" t="s">
        <v>159</v>
      </c>
      <c r="E64501" s="15">
        <v>45637</v>
      </c>
      <c r="F64501" s="14" t="s">
        <v>61</v>
      </c>
      <c r="G64501" s="16">
        <v>4.4038547084061012E-2</v>
      </c>
    </row>
    <row r="64502" spans="1:7" x14ac:dyDescent="0.3">
      <c r="A64502" s="13" t="s">
        <v>346</v>
      </c>
      <c r="B64502" s="14" t="s">
        <v>1</v>
      </c>
      <c r="C64502" s="14" t="s">
        <v>51</v>
      </c>
      <c r="D64502" s="14" t="s">
        <v>159</v>
      </c>
      <c r="E64502" s="15">
        <v>45638</v>
      </c>
      <c r="F64502" s="14" t="s">
        <v>61</v>
      </c>
      <c r="G64502" s="16">
        <v>4.1396567547543762E-2</v>
      </c>
    </row>
    <row r="64503" spans="1:7" x14ac:dyDescent="0.3">
      <c r="A64503" s="13" t="s">
        <v>346</v>
      </c>
      <c r="B64503" s="14" t="s">
        <v>1</v>
      </c>
      <c r="C64503" s="14" t="s">
        <v>51</v>
      </c>
      <c r="D64503" s="14" t="s">
        <v>159</v>
      </c>
      <c r="E64503" s="15">
        <v>45639</v>
      </c>
      <c r="F64503" s="14" t="s">
        <v>61</v>
      </c>
      <c r="G64503" s="16">
        <v>3.8502341179300889E-2</v>
      </c>
    </row>
    <row r="64504" spans="1:7" x14ac:dyDescent="0.3">
      <c r="A64504" s="13" t="s">
        <v>346</v>
      </c>
      <c r="B64504" s="14" t="s">
        <v>1</v>
      </c>
      <c r="C64504" s="14" t="s">
        <v>51</v>
      </c>
      <c r="D64504" s="14" t="s">
        <v>159</v>
      </c>
      <c r="E64504" s="15">
        <v>45640</v>
      </c>
      <c r="F64504" s="14" t="s">
        <v>61</v>
      </c>
      <c r="G64504" s="16">
        <v>3.8502341179300889E-2</v>
      </c>
    </row>
    <row r="64505" spans="1:7" x14ac:dyDescent="0.3">
      <c r="A64505" s="13" t="s">
        <v>346</v>
      </c>
      <c r="B64505" s="14" t="s">
        <v>1</v>
      </c>
      <c r="C64505" s="14" t="s">
        <v>51</v>
      </c>
      <c r="D64505" s="14" t="s">
        <v>159</v>
      </c>
      <c r="E64505" s="15">
        <v>45641</v>
      </c>
      <c r="F64505" s="14" t="s">
        <v>61</v>
      </c>
      <c r="G64505" s="16">
        <v>3.8502341179300889E-2</v>
      </c>
    </row>
    <row r="64506" spans="1:7" x14ac:dyDescent="0.3">
      <c r="A64506" s="13" t="s">
        <v>346</v>
      </c>
      <c r="B64506" s="14" t="s">
        <v>1</v>
      </c>
      <c r="C64506" s="14" t="s">
        <v>51</v>
      </c>
      <c r="D64506" s="14" t="s">
        <v>159</v>
      </c>
      <c r="E64506" s="15">
        <v>45642</v>
      </c>
      <c r="F64506" s="14" t="s">
        <v>61</v>
      </c>
      <c r="G64506" s="16">
        <v>3.3816183478855094E-2</v>
      </c>
    </row>
    <row r="64507" spans="1:7" x14ac:dyDescent="0.3">
      <c r="A64507" s="13" t="s">
        <v>346</v>
      </c>
      <c r="B64507" s="14" t="s">
        <v>1</v>
      </c>
      <c r="C64507" s="14" t="s">
        <v>51</v>
      </c>
      <c r="D64507" s="14" t="s">
        <v>159</v>
      </c>
      <c r="E64507" s="15">
        <v>45643</v>
      </c>
      <c r="F64507" s="14" t="s">
        <v>61</v>
      </c>
      <c r="G64507" s="16">
        <v>2.9257014232738937E-2</v>
      </c>
    </row>
    <row r="64508" spans="1:7" x14ac:dyDescent="0.3">
      <c r="A64508" s="13" t="s">
        <v>346</v>
      </c>
      <c r="B64508" s="14" t="s">
        <v>1</v>
      </c>
      <c r="C64508" s="14" t="s">
        <v>51</v>
      </c>
      <c r="D64508" s="14" t="s">
        <v>159</v>
      </c>
      <c r="E64508" s="15">
        <v>45644</v>
      </c>
      <c r="F64508" s="14" t="s">
        <v>61</v>
      </c>
      <c r="G64508" s="16">
        <v>2.6884657012110798E-2</v>
      </c>
    </row>
    <row r="64509" spans="1:7" x14ac:dyDescent="0.3">
      <c r="A64509" s="13" t="s">
        <v>346</v>
      </c>
      <c r="B64509" s="14" t="s">
        <v>1</v>
      </c>
      <c r="C64509" s="14" t="s">
        <v>51</v>
      </c>
      <c r="D64509" s="14" t="s">
        <v>159</v>
      </c>
      <c r="E64509" s="15">
        <v>45645</v>
      </c>
      <c r="F64509" s="14" t="s">
        <v>61</v>
      </c>
      <c r="G64509" s="16">
        <v>2.4099609453296103E-2</v>
      </c>
    </row>
    <row r="64510" spans="1:7" x14ac:dyDescent="0.3">
      <c r="A64510" s="13" t="s">
        <v>346</v>
      </c>
      <c r="B64510" s="14" t="s">
        <v>1</v>
      </c>
      <c r="C64510" s="14" t="s">
        <v>51</v>
      </c>
      <c r="D64510" s="14" t="s">
        <v>159</v>
      </c>
      <c r="E64510" s="15">
        <v>45646</v>
      </c>
      <c r="F64510" s="14" t="s">
        <v>61</v>
      </c>
      <c r="G64510" s="16">
        <v>2.4420349262807391E-2</v>
      </c>
    </row>
    <row r="64511" spans="1:7" x14ac:dyDescent="0.3">
      <c r="A64511" s="13" t="s">
        <v>346</v>
      </c>
      <c r="B64511" s="14" t="s">
        <v>1</v>
      </c>
      <c r="C64511" s="14" t="s">
        <v>51</v>
      </c>
      <c r="D64511" s="14" t="s">
        <v>159</v>
      </c>
      <c r="E64511" s="15">
        <v>45647</v>
      </c>
      <c r="F64511" s="14" t="s">
        <v>61</v>
      </c>
      <c r="G64511" s="16">
        <v>2.4420349262807391E-2</v>
      </c>
    </row>
    <row r="64512" spans="1:7" x14ac:dyDescent="0.3">
      <c r="A64512" s="13" t="s">
        <v>346</v>
      </c>
      <c r="B64512" s="14" t="s">
        <v>1</v>
      </c>
      <c r="C64512" s="14" t="s">
        <v>51</v>
      </c>
      <c r="D64512" s="14" t="s">
        <v>159</v>
      </c>
      <c r="E64512" s="15">
        <v>45648</v>
      </c>
      <c r="F64512" s="14" t="s">
        <v>61</v>
      </c>
      <c r="G64512" s="16">
        <v>2.4420349262807391E-2</v>
      </c>
    </row>
    <row r="64513" spans="1:7" x14ac:dyDescent="0.3">
      <c r="A64513" s="13" t="s">
        <v>346</v>
      </c>
      <c r="B64513" s="14" t="s">
        <v>1</v>
      </c>
      <c r="C64513" s="14" t="s">
        <v>51</v>
      </c>
      <c r="D64513" s="14" t="s">
        <v>159</v>
      </c>
      <c r="E64513" s="15">
        <v>45649</v>
      </c>
      <c r="F64513" s="14" t="s">
        <v>61</v>
      </c>
      <c r="G64513" s="16">
        <v>2.6337694439214788E-2</v>
      </c>
    </row>
    <row r="64514" spans="1:7" x14ac:dyDescent="0.3">
      <c r="A64514" s="13" t="s">
        <v>346</v>
      </c>
      <c r="B64514" s="14" t="s">
        <v>1</v>
      </c>
      <c r="C64514" s="14" t="s">
        <v>51</v>
      </c>
      <c r="D64514" s="14" t="s">
        <v>159</v>
      </c>
      <c r="E64514" s="15">
        <v>45650</v>
      </c>
      <c r="F64514" s="14" t="s">
        <v>61</v>
      </c>
      <c r="G64514" s="16">
        <v>1.8581452638442079E-2</v>
      </c>
    </row>
    <row r="64515" spans="1:7" x14ac:dyDescent="0.3">
      <c r="A64515" s="13" t="s">
        <v>346</v>
      </c>
      <c r="B64515" s="14" t="s">
        <v>1</v>
      </c>
      <c r="C64515" s="14" t="s">
        <v>51</v>
      </c>
      <c r="D64515" s="14" t="s">
        <v>159</v>
      </c>
      <c r="E64515" s="15">
        <v>45651</v>
      </c>
      <c r="F64515" s="14" t="s">
        <v>61</v>
      </c>
      <c r="G64515" s="16">
        <v>1.8581452638442079E-2</v>
      </c>
    </row>
    <row r="64516" spans="1:7" x14ac:dyDescent="0.3">
      <c r="A64516" s="13" t="s">
        <v>346</v>
      </c>
      <c r="B64516" s="14" t="s">
        <v>1</v>
      </c>
      <c r="C64516" s="14" t="s">
        <v>51</v>
      </c>
      <c r="D64516" s="14" t="s">
        <v>159</v>
      </c>
      <c r="E64516" s="15">
        <v>45652</v>
      </c>
      <c r="F64516" s="14" t="s">
        <v>61</v>
      </c>
      <c r="G64516" s="16">
        <v>1.8581452638442079E-2</v>
      </c>
    </row>
    <row r="64517" spans="1:7" x14ac:dyDescent="0.3">
      <c r="A64517" s="13" t="s">
        <v>346</v>
      </c>
      <c r="B64517" s="14" t="s">
        <v>1</v>
      </c>
      <c r="C64517" s="14" t="s">
        <v>51</v>
      </c>
      <c r="D64517" s="14" t="s">
        <v>159</v>
      </c>
      <c r="E64517" s="15">
        <v>45653</v>
      </c>
      <c r="F64517" s="14" t="s">
        <v>61</v>
      </c>
      <c r="G64517" s="16">
        <v>1.8581452638442079E-2</v>
      </c>
    </row>
    <row r="64518" spans="1:7" x14ac:dyDescent="0.3">
      <c r="A64518" s="13" t="s">
        <v>346</v>
      </c>
      <c r="B64518" s="14" t="s">
        <v>1</v>
      </c>
      <c r="C64518" s="14" t="s">
        <v>51</v>
      </c>
      <c r="D64518" s="14" t="s">
        <v>159</v>
      </c>
      <c r="E64518" s="15">
        <v>45654</v>
      </c>
      <c r="F64518" s="14" t="s">
        <v>61</v>
      </c>
      <c r="G64518" s="16">
        <v>1.8581452638442079E-2</v>
      </c>
    </row>
    <row r="64519" spans="1:7" x14ac:dyDescent="0.3">
      <c r="A64519" s="13" t="s">
        <v>346</v>
      </c>
      <c r="B64519" s="14" t="s">
        <v>1</v>
      </c>
      <c r="C64519" s="14" t="s">
        <v>51</v>
      </c>
      <c r="D64519" s="14" t="s">
        <v>159</v>
      </c>
      <c r="E64519" s="15">
        <v>45655</v>
      </c>
      <c r="F64519" s="14" t="s">
        <v>61</v>
      </c>
      <c r="G64519" s="16">
        <v>1.8581452638442079E-2</v>
      </c>
    </row>
    <row r="64520" spans="1:7" x14ac:dyDescent="0.3">
      <c r="A64520" s="13" t="s">
        <v>346</v>
      </c>
      <c r="B64520" s="14" t="s">
        <v>1</v>
      </c>
      <c r="C64520" s="14" t="s">
        <v>51</v>
      </c>
      <c r="D64520" s="14" t="s">
        <v>159</v>
      </c>
      <c r="E64520" s="15">
        <v>45656</v>
      </c>
      <c r="F64520" s="14" t="s">
        <v>61</v>
      </c>
      <c r="G64520" s="16">
        <v>1.6058968607485728E-2</v>
      </c>
    </row>
    <row r="64521" spans="1:7" x14ac:dyDescent="0.3">
      <c r="A64521" s="13" t="s">
        <v>346</v>
      </c>
      <c r="B64521" s="14" t="s">
        <v>1</v>
      </c>
      <c r="C64521" s="14" t="s">
        <v>51</v>
      </c>
      <c r="D64521" s="14" t="s">
        <v>159</v>
      </c>
      <c r="E64521" s="15">
        <v>45657</v>
      </c>
      <c r="F64521" s="14" t="s">
        <v>61</v>
      </c>
      <c r="G64521" s="16">
        <v>5.9033071525186318E-4</v>
      </c>
    </row>
    <row r="64522" spans="1:7" x14ac:dyDescent="0.3">
      <c r="A64522" s="13" t="s">
        <v>346</v>
      </c>
      <c r="B64522" s="14" t="s">
        <v>1</v>
      </c>
      <c r="C64522" s="14" t="s">
        <v>51</v>
      </c>
      <c r="D64522" s="14" t="s">
        <v>159</v>
      </c>
      <c r="E64522" s="15">
        <v>45658</v>
      </c>
      <c r="F64522" s="14" t="s">
        <v>61</v>
      </c>
      <c r="G64522" s="16">
        <v>5.9033071525186318E-4</v>
      </c>
    </row>
    <row r="64523" spans="1:7" x14ac:dyDescent="0.3">
      <c r="A64523" s="13" t="s">
        <v>346</v>
      </c>
      <c r="B64523" s="14" t="s">
        <v>1</v>
      </c>
      <c r="C64523" s="14" t="s">
        <v>51</v>
      </c>
      <c r="D64523" s="14" t="s">
        <v>159</v>
      </c>
      <c r="E64523" s="15">
        <v>45659</v>
      </c>
      <c r="F64523" s="14" t="s">
        <v>61</v>
      </c>
      <c r="G64523" s="16">
        <v>5.9033071525186318E-4</v>
      </c>
    </row>
    <row r="64524" spans="1:7" x14ac:dyDescent="0.3">
      <c r="A64524" s="13" t="s">
        <v>346</v>
      </c>
      <c r="B64524" s="14" t="s">
        <v>1</v>
      </c>
      <c r="C64524" s="14" t="s">
        <v>51</v>
      </c>
      <c r="D64524" s="14" t="s">
        <v>159</v>
      </c>
      <c r="E64524" s="15">
        <v>45660</v>
      </c>
      <c r="F64524" s="14" t="s">
        <v>61</v>
      </c>
      <c r="G64524" s="16">
        <v>0</v>
      </c>
    </row>
    <row r="64525" spans="1:7" x14ac:dyDescent="0.3">
      <c r="A64525" s="13" t="s">
        <v>346</v>
      </c>
      <c r="B64525" s="14" t="s">
        <v>1</v>
      </c>
      <c r="C64525" s="14" t="s">
        <v>51</v>
      </c>
      <c r="D64525" s="14" t="s">
        <v>159</v>
      </c>
      <c r="E64525" s="15">
        <v>45661</v>
      </c>
      <c r="F64525" s="14" t="s">
        <v>61</v>
      </c>
      <c r="G64525" s="16">
        <v>0</v>
      </c>
    </row>
    <row r="64526" spans="1:7" x14ac:dyDescent="0.3">
      <c r="A64526" s="13" t="s">
        <v>346</v>
      </c>
      <c r="B64526" s="14" t="s">
        <v>1</v>
      </c>
      <c r="C64526" s="14" t="s">
        <v>51</v>
      </c>
      <c r="D64526" s="14" t="s">
        <v>159</v>
      </c>
      <c r="E64526" s="15">
        <v>45662</v>
      </c>
      <c r="F64526" s="14" t="s">
        <v>61</v>
      </c>
      <c r="G64526" s="16">
        <v>0</v>
      </c>
    </row>
    <row r="64527" spans="1:7" x14ac:dyDescent="0.3">
      <c r="A64527" s="13" t="s">
        <v>346</v>
      </c>
      <c r="B64527" s="14" t="s">
        <v>1</v>
      </c>
      <c r="C64527" s="14" t="s">
        <v>51</v>
      </c>
      <c r="D64527" s="14" t="s">
        <v>159</v>
      </c>
      <c r="E64527" s="15">
        <v>45663</v>
      </c>
      <c r="F64527" s="14" t="s">
        <v>61</v>
      </c>
      <c r="G64527" s="16">
        <v>0</v>
      </c>
    </row>
    <row r="64528" spans="1:7" x14ac:dyDescent="0.3">
      <c r="A64528" s="13" t="s">
        <v>346</v>
      </c>
      <c r="B64528" s="14" t="s">
        <v>1</v>
      </c>
      <c r="C64528" s="14" t="s">
        <v>51</v>
      </c>
      <c r="D64528" s="14" t="s">
        <v>159</v>
      </c>
      <c r="E64528" s="15">
        <v>45664</v>
      </c>
      <c r="F64528" s="14" t="s">
        <v>61</v>
      </c>
      <c r="G64528" s="16">
        <v>0</v>
      </c>
    </row>
    <row r="64529" spans="1:7" x14ac:dyDescent="0.3">
      <c r="A64529" s="13" t="s">
        <v>346</v>
      </c>
      <c r="B64529" s="14" t="s">
        <v>1</v>
      </c>
      <c r="C64529" s="14" t="s">
        <v>51</v>
      </c>
      <c r="D64529" s="14" t="s">
        <v>159</v>
      </c>
      <c r="E64529" s="15">
        <v>45665</v>
      </c>
      <c r="F64529" s="14" t="s">
        <v>61</v>
      </c>
      <c r="G64529" s="16">
        <v>0</v>
      </c>
    </row>
    <row r="64530" spans="1:7" x14ac:dyDescent="0.3">
      <c r="A64530" s="13" t="s">
        <v>346</v>
      </c>
      <c r="B64530" s="14" t="s">
        <v>1</v>
      </c>
      <c r="C64530" s="14" t="s">
        <v>51</v>
      </c>
      <c r="D64530" s="14" t="s">
        <v>159</v>
      </c>
      <c r="E64530" s="15">
        <v>45666</v>
      </c>
      <c r="F64530" s="14" t="s">
        <v>61</v>
      </c>
      <c r="G64530" s="16">
        <v>0</v>
      </c>
    </row>
    <row r="64531" spans="1:7" x14ac:dyDescent="0.3">
      <c r="A64531" s="13" t="s">
        <v>346</v>
      </c>
      <c r="B64531" s="14" t="s">
        <v>1</v>
      </c>
      <c r="C64531" s="14" t="s">
        <v>51</v>
      </c>
      <c r="D64531" s="14" t="s">
        <v>159</v>
      </c>
      <c r="E64531" s="15">
        <v>45667</v>
      </c>
      <c r="F64531" s="14" t="s">
        <v>61</v>
      </c>
      <c r="G64531" s="16">
        <v>0</v>
      </c>
    </row>
    <row r="64532" spans="1:7" x14ac:dyDescent="0.3">
      <c r="A64532" s="13" t="s">
        <v>346</v>
      </c>
      <c r="B64532" s="14" t="s">
        <v>1</v>
      </c>
      <c r="C64532" s="14" t="s">
        <v>51</v>
      </c>
      <c r="D64532" s="14" t="s">
        <v>159</v>
      </c>
      <c r="E64532" s="15">
        <v>45668</v>
      </c>
      <c r="F64532" s="14" t="s">
        <v>61</v>
      </c>
      <c r="G64532" s="16">
        <v>0</v>
      </c>
    </row>
    <row r="64533" spans="1:7" x14ac:dyDescent="0.3">
      <c r="A64533" s="13" t="s">
        <v>346</v>
      </c>
      <c r="B64533" s="14" t="s">
        <v>1</v>
      </c>
      <c r="C64533" s="14" t="s">
        <v>51</v>
      </c>
      <c r="D64533" s="14" t="s">
        <v>159</v>
      </c>
      <c r="E64533" s="15">
        <v>45669</v>
      </c>
      <c r="F64533" s="14" t="s">
        <v>61</v>
      </c>
      <c r="G64533" s="16">
        <v>0</v>
      </c>
    </row>
    <row r="64534" spans="1:7" x14ac:dyDescent="0.3">
      <c r="A64534" s="13" t="s">
        <v>346</v>
      </c>
      <c r="B64534" s="14" t="s">
        <v>1</v>
      </c>
      <c r="C64534" s="14" t="s">
        <v>51</v>
      </c>
      <c r="D64534" s="14" t="s">
        <v>159</v>
      </c>
      <c r="E64534" s="15">
        <v>45670</v>
      </c>
      <c r="F64534" s="14" t="s">
        <v>61</v>
      </c>
      <c r="G64534" s="16">
        <v>0</v>
      </c>
    </row>
    <row r="64535" spans="1:7" x14ac:dyDescent="0.3">
      <c r="A64535" s="13" t="s">
        <v>346</v>
      </c>
      <c r="B64535" s="14" t="s">
        <v>1</v>
      </c>
      <c r="C64535" s="14" t="s">
        <v>51</v>
      </c>
      <c r="D64535" s="14" t="s">
        <v>159</v>
      </c>
      <c r="E64535" s="15">
        <v>45671</v>
      </c>
      <c r="F64535" s="14" t="s">
        <v>61</v>
      </c>
      <c r="G64535" s="16">
        <v>0</v>
      </c>
    </row>
    <row r="64536" spans="1:7" x14ac:dyDescent="0.3">
      <c r="A64536" s="13" t="s">
        <v>346</v>
      </c>
      <c r="B64536" s="14" t="s">
        <v>1</v>
      </c>
      <c r="C64536" s="14" t="s">
        <v>51</v>
      </c>
      <c r="D64536" s="14" t="s">
        <v>159</v>
      </c>
      <c r="E64536" s="15">
        <v>45672</v>
      </c>
      <c r="F64536" s="14" t="s">
        <v>61</v>
      </c>
      <c r="G64536" s="16">
        <v>0</v>
      </c>
    </row>
    <row r="64537" spans="1:7" x14ac:dyDescent="0.3">
      <c r="A64537" s="13" t="s">
        <v>346</v>
      </c>
      <c r="B64537" s="14" t="s">
        <v>1</v>
      </c>
      <c r="C64537" s="14" t="s">
        <v>51</v>
      </c>
      <c r="D64537" s="14" t="s">
        <v>159</v>
      </c>
      <c r="E64537" s="15">
        <v>45673</v>
      </c>
      <c r="F64537" s="14" t="s">
        <v>61</v>
      </c>
      <c r="G64537" s="16">
        <v>0</v>
      </c>
    </row>
    <row r="64538" spans="1:7" x14ac:dyDescent="0.3">
      <c r="A64538" s="13" t="s">
        <v>346</v>
      </c>
      <c r="B64538" s="14" t="s">
        <v>1</v>
      </c>
      <c r="C64538" s="14" t="s">
        <v>51</v>
      </c>
      <c r="D64538" s="14" t="s">
        <v>159</v>
      </c>
      <c r="E64538" s="15">
        <v>45674</v>
      </c>
      <c r="F64538" s="14" t="s">
        <v>61</v>
      </c>
      <c r="G64538" s="16">
        <v>0</v>
      </c>
    </row>
    <row r="64539" spans="1:7" x14ac:dyDescent="0.3">
      <c r="A64539" s="13" t="s">
        <v>346</v>
      </c>
      <c r="B64539" s="14" t="s">
        <v>1</v>
      </c>
      <c r="C64539" s="14" t="s">
        <v>51</v>
      </c>
      <c r="D64539" s="14" t="s">
        <v>159</v>
      </c>
      <c r="E64539" s="15">
        <v>45675</v>
      </c>
      <c r="F64539" s="14" t="s">
        <v>61</v>
      </c>
      <c r="G64539" s="16">
        <v>0</v>
      </c>
    </row>
    <row r="64540" spans="1:7" x14ac:dyDescent="0.3">
      <c r="A64540" s="13" t="s">
        <v>346</v>
      </c>
      <c r="B64540" s="14" t="s">
        <v>1</v>
      </c>
      <c r="C64540" s="14" t="s">
        <v>51</v>
      </c>
      <c r="D64540" s="14" t="s">
        <v>159</v>
      </c>
      <c r="E64540" s="15">
        <v>45676</v>
      </c>
      <c r="F64540" s="14" t="s">
        <v>61</v>
      </c>
      <c r="G64540" s="16">
        <v>0</v>
      </c>
    </row>
    <row r="64541" spans="1:7" x14ac:dyDescent="0.3">
      <c r="A64541" s="13" t="s">
        <v>346</v>
      </c>
      <c r="B64541" s="14" t="s">
        <v>1</v>
      </c>
      <c r="C64541" s="14" t="s">
        <v>51</v>
      </c>
      <c r="D64541" s="14" t="s">
        <v>159</v>
      </c>
      <c r="E64541" s="15">
        <v>45677</v>
      </c>
      <c r="F64541" s="14" t="s">
        <v>61</v>
      </c>
      <c r="G64541" s="16">
        <v>0</v>
      </c>
    </row>
    <row r="64542" spans="1:7" x14ac:dyDescent="0.3">
      <c r="A64542" s="13" t="s">
        <v>346</v>
      </c>
      <c r="B64542" s="14" t="s">
        <v>1</v>
      </c>
      <c r="C64542" s="14" t="s">
        <v>51</v>
      </c>
      <c r="D64542" s="14" t="s">
        <v>159</v>
      </c>
      <c r="E64542" s="15">
        <v>45678</v>
      </c>
      <c r="F64542" s="14" t="s">
        <v>61</v>
      </c>
      <c r="G64542" s="16">
        <v>0</v>
      </c>
    </row>
    <row r="64543" spans="1:7" x14ac:dyDescent="0.3">
      <c r="A64543" s="13" t="s">
        <v>346</v>
      </c>
      <c r="B64543" s="14" t="s">
        <v>1</v>
      </c>
      <c r="C64543" s="14" t="s">
        <v>51</v>
      </c>
      <c r="D64543" s="14" t="s">
        <v>159</v>
      </c>
      <c r="E64543" s="15">
        <v>45679</v>
      </c>
      <c r="F64543" s="14" t="s">
        <v>61</v>
      </c>
      <c r="G64543" s="16">
        <v>0</v>
      </c>
    </row>
    <row r="64544" spans="1:7" x14ac:dyDescent="0.3">
      <c r="A64544" s="13" t="s">
        <v>346</v>
      </c>
      <c r="B64544" s="14" t="s">
        <v>1</v>
      </c>
      <c r="C64544" s="14" t="s">
        <v>51</v>
      </c>
      <c r="D64544" s="14" t="s">
        <v>159</v>
      </c>
      <c r="E64544" s="15">
        <v>45680</v>
      </c>
      <c r="F64544" s="14" t="s">
        <v>61</v>
      </c>
      <c r="G64544" s="16">
        <v>0</v>
      </c>
    </row>
    <row r="64545" spans="1:7" x14ac:dyDescent="0.3">
      <c r="A64545" s="13" t="s">
        <v>346</v>
      </c>
      <c r="B64545" s="14" t="s">
        <v>1</v>
      </c>
      <c r="C64545" s="14" t="s">
        <v>51</v>
      </c>
      <c r="D64545" s="14" t="s">
        <v>159</v>
      </c>
      <c r="E64545" s="15">
        <v>45681</v>
      </c>
      <c r="F64545" s="14" t="s">
        <v>61</v>
      </c>
      <c r="G64545" s="16">
        <v>0</v>
      </c>
    </row>
    <row r="64546" spans="1:7" x14ac:dyDescent="0.3">
      <c r="A64546" s="13" t="s">
        <v>346</v>
      </c>
      <c r="B64546" s="14" t="s">
        <v>1</v>
      </c>
      <c r="C64546" s="14" t="s">
        <v>51</v>
      </c>
      <c r="D64546" s="14" t="s">
        <v>159</v>
      </c>
      <c r="E64546" s="15">
        <v>45682</v>
      </c>
      <c r="F64546" s="14" t="s">
        <v>61</v>
      </c>
      <c r="G64546" s="16">
        <v>0</v>
      </c>
    </row>
    <row r="64547" spans="1:7" x14ac:dyDescent="0.3">
      <c r="A64547" s="13" t="s">
        <v>346</v>
      </c>
      <c r="B64547" s="14" t="s">
        <v>1</v>
      </c>
      <c r="C64547" s="14" t="s">
        <v>51</v>
      </c>
      <c r="D64547" s="14" t="s">
        <v>159</v>
      </c>
      <c r="E64547" s="15">
        <v>45683</v>
      </c>
      <c r="F64547" s="14" t="s">
        <v>61</v>
      </c>
      <c r="G64547" s="16">
        <v>0</v>
      </c>
    </row>
    <row r="64548" spans="1:7" x14ac:dyDescent="0.3">
      <c r="A64548" s="13" t="s">
        <v>346</v>
      </c>
      <c r="B64548" s="14" t="s">
        <v>1</v>
      </c>
      <c r="C64548" s="14" t="s">
        <v>51</v>
      </c>
      <c r="D64548" s="14" t="s">
        <v>159</v>
      </c>
      <c r="E64548" s="15">
        <v>45684</v>
      </c>
      <c r="F64548" s="14" t="s">
        <v>61</v>
      </c>
      <c r="G64548" s="16">
        <v>0</v>
      </c>
    </row>
    <row r="64549" spans="1:7" x14ac:dyDescent="0.3">
      <c r="A64549" s="13" t="s">
        <v>346</v>
      </c>
      <c r="B64549" s="14" t="s">
        <v>1</v>
      </c>
      <c r="C64549" s="14" t="s">
        <v>51</v>
      </c>
      <c r="D64549" s="14" t="s">
        <v>159</v>
      </c>
      <c r="E64549" s="15">
        <v>45685</v>
      </c>
      <c r="F64549" s="14" t="s">
        <v>61</v>
      </c>
      <c r="G64549" s="16">
        <v>0</v>
      </c>
    </row>
    <row r="64550" spans="1:7" x14ac:dyDescent="0.3">
      <c r="A64550" s="13" t="s">
        <v>346</v>
      </c>
      <c r="B64550" s="14" t="s">
        <v>1</v>
      </c>
      <c r="C64550" s="14" t="s">
        <v>51</v>
      </c>
      <c r="D64550" s="14" t="s">
        <v>159</v>
      </c>
      <c r="E64550" s="15">
        <v>45686</v>
      </c>
      <c r="F64550" s="14" t="s">
        <v>61</v>
      </c>
      <c r="G64550" s="16">
        <v>0</v>
      </c>
    </row>
    <row r="64551" spans="1:7" x14ac:dyDescent="0.3">
      <c r="A64551" s="13" t="s">
        <v>346</v>
      </c>
      <c r="B64551" s="14" t="s">
        <v>1</v>
      </c>
      <c r="C64551" s="14" t="s">
        <v>51</v>
      </c>
      <c r="D64551" s="14" t="s">
        <v>159</v>
      </c>
      <c r="E64551" s="15">
        <v>45687</v>
      </c>
      <c r="F64551" s="14" t="s">
        <v>61</v>
      </c>
      <c r="G64551" s="16">
        <v>0</v>
      </c>
    </row>
    <row r="64552" spans="1:7" x14ac:dyDescent="0.3">
      <c r="A64552" s="13" t="s">
        <v>346</v>
      </c>
      <c r="B64552" s="14" t="s">
        <v>1</v>
      </c>
      <c r="C64552" s="14" t="s">
        <v>51</v>
      </c>
      <c r="D64552" s="14" t="s">
        <v>159</v>
      </c>
      <c r="E64552" s="15">
        <v>45688</v>
      </c>
      <c r="F64552" s="14" t="s">
        <v>61</v>
      </c>
      <c r="G64552" s="16">
        <v>0</v>
      </c>
    </row>
    <row r="64553" spans="1:7" x14ac:dyDescent="0.3">
      <c r="A64553" s="13" t="s">
        <v>346</v>
      </c>
      <c r="B64553" s="14" t="s">
        <v>1</v>
      </c>
      <c r="C64553" s="14" t="s">
        <v>51</v>
      </c>
      <c r="D64553" s="14" t="s">
        <v>159</v>
      </c>
      <c r="E64553" s="15">
        <v>45689</v>
      </c>
      <c r="F64553" s="14" t="s">
        <v>61</v>
      </c>
      <c r="G64553" s="16">
        <v>0</v>
      </c>
    </row>
    <row r="64554" spans="1:7" x14ac:dyDescent="0.3">
      <c r="A64554" s="13" t="s">
        <v>346</v>
      </c>
      <c r="B64554" s="14" t="s">
        <v>1</v>
      </c>
      <c r="C64554" s="14" t="s">
        <v>51</v>
      </c>
      <c r="D64554" s="14" t="s">
        <v>159</v>
      </c>
      <c r="E64554" s="15">
        <v>45690</v>
      </c>
      <c r="F64554" s="14" t="s">
        <v>61</v>
      </c>
      <c r="G64554" s="16">
        <v>0</v>
      </c>
    </row>
    <row r="64555" spans="1:7" x14ac:dyDescent="0.3">
      <c r="A64555" s="13" t="s">
        <v>346</v>
      </c>
      <c r="B64555" s="14" t="s">
        <v>1</v>
      </c>
      <c r="C64555" s="14" t="s">
        <v>51</v>
      </c>
      <c r="D64555" s="14" t="s">
        <v>159</v>
      </c>
      <c r="E64555" s="15">
        <v>45691</v>
      </c>
      <c r="F64555" s="14" t="s">
        <v>61</v>
      </c>
      <c r="G64555" s="16">
        <v>0</v>
      </c>
    </row>
    <row r="64556" spans="1:7" x14ac:dyDescent="0.3">
      <c r="A64556" s="13" t="s">
        <v>346</v>
      </c>
      <c r="B64556" s="14" t="s">
        <v>1</v>
      </c>
      <c r="C64556" s="14" t="s">
        <v>51</v>
      </c>
      <c r="D64556" s="14" t="s">
        <v>159</v>
      </c>
      <c r="E64556" s="15">
        <v>45692</v>
      </c>
      <c r="F64556" s="14" t="s">
        <v>61</v>
      </c>
      <c r="G64556" s="16">
        <v>0</v>
      </c>
    </row>
    <row r="64557" spans="1:7" x14ac:dyDescent="0.3">
      <c r="A64557" s="13" t="s">
        <v>346</v>
      </c>
      <c r="B64557" s="14" t="s">
        <v>1</v>
      </c>
      <c r="C64557" s="14" t="s">
        <v>51</v>
      </c>
      <c r="D64557" s="14" t="s">
        <v>159</v>
      </c>
      <c r="E64557" s="15">
        <v>45693</v>
      </c>
      <c r="F64557" s="14" t="s">
        <v>61</v>
      </c>
      <c r="G64557" s="16">
        <v>0</v>
      </c>
    </row>
    <row r="64558" spans="1:7" x14ac:dyDescent="0.3">
      <c r="A64558" s="13" t="s">
        <v>346</v>
      </c>
      <c r="B64558" s="14" t="s">
        <v>1</v>
      </c>
      <c r="C64558" s="14" t="s">
        <v>51</v>
      </c>
      <c r="D64558" s="14" t="s">
        <v>159</v>
      </c>
      <c r="E64558" s="15">
        <v>45694</v>
      </c>
      <c r="F64558" s="14" t="s">
        <v>61</v>
      </c>
      <c r="G64558" s="16">
        <v>0</v>
      </c>
    </row>
    <row r="64559" spans="1:7" x14ac:dyDescent="0.3">
      <c r="A64559" s="13" t="s">
        <v>346</v>
      </c>
      <c r="B64559" s="14" t="s">
        <v>1</v>
      </c>
      <c r="C64559" s="14" t="s">
        <v>51</v>
      </c>
      <c r="D64559" s="14" t="s">
        <v>159</v>
      </c>
      <c r="E64559" s="15">
        <v>45695</v>
      </c>
      <c r="F64559" s="14" t="s">
        <v>61</v>
      </c>
      <c r="G64559" s="16">
        <v>0</v>
      </c>
    </row>
    <row r="64560" spans="1:7" x14ac:dyDescent="0.3">
      <c r="A64560" s="13" t="s">
        <v>346</v>
      </c>
      <c r="B64560" s="14" t="s">
        <v>1</v>
      </c>
      <c r="C64560" s="14" t="s">
        <v>51</v>
      </c>
      <c r="D64560" s="14" t="s">
        <v>159</v>
      </c>
      <c r="E64560" s="15">
        <v>45696</v>
      </c>
      <c r="F64560" s="14" t="s">
        <v>61</v>
      </c>
      <c r="G64560" s="16">
        <v>0</v>
      </c>
    </row>
    <row r="64561" spans="1:7" x14ac:dyDescent="0.3">
      <c r="A64561" s="13" t="s">
        <v>346</v>
      </c>
      <c r="B64561" s="14" t="s">
        <v>1</v>
      </c>
      <c r="C64561" s="14" t="s">
        <v>51</v>
      </c>
      <c r="D64561" s="14" t="s">
        <v>159</v>
      </c>
      <c r="E64561" s="15">
        <v>45697</v>
      </c>
      <c r="F64561" s="14" t="s">
        <v>61</v>
      </c>
      <c r="G64561" s="16">
        <v>0</v>
      </c>
    </row>
    <row r="64562" spans="1:7" x14ac:dyDescent="0.3">
      <c r="A64562" s="13" t="s">
        <v>346</v>
      </c>
      <c r="B64562" s="14" t="s">
        <v>1</v>
      </c>
      <c r="C64562" s="14" t="s">
        <v>51</v>
      </c>
      <c r="D64562" s="14" t="s">
        <v>159</v>
      </c>
      <c r="E64562" s="15">
        <v>45698</v>
      </c>
      <c r="F64562" s="14" t="s">
        <v>61</v>
      </c>
      <c r="G64562" s="16">
        <v>0</v>
      </c>
    </row>
    <row r="64563" spans="1:7" x14ac:dyDescent="0.3">
      <c r="A64563" s="13" t="s">
        <v>346</v>
      </c>
      <c r="B64563" s="14" t="s">
        <v>1</v>
      </c>
      <c r="C64563" s="14" t="s">
        <v>51</v>
      </c>
      <c r="D64563" s="14" t="s">
        <v>159</v>
      </c>
      <c r="E64563" s="15">
        <v>45699</v>
      </c>
      <c r="F64563" s="14" t="s">
        <v>61</v>
      </c>
      <c r="G64563" s="16">
        <v>0</v>
      </c>
    </row>
    <row r="64564" spans="1:7" x14ac:dyDescent="0.3">
      <c r="A64564" s="13" t="s">
        <v>346</v>
      </c>
      <c r="B64564" s="14" t="s">
        <v>1</v>
      </c>
      <c r="C64564" s="14" t="s">
        <v>51</v>
      </c>
      <c r="D64564" s="14" t="s">
        <v>159</v>
      </c>
      <c r="E64564" s="15">
        <v>45700</v>
      </c>
      <c r="F64564" s="14" t="s">
        <v>61</v>
      </c>
      <c r="G64564" s="16">
        <v>0</v>
      </c>
    </row>
    <row r="64565" spans="1:7" x14ac:dyDescent="0.3">
      <c r="A64565" s="13" t="s">
        <v>346</v>
      </c>
      <c r="B64565" s="14" t="s">
        <v>1</v>
      </c>
      <c r="C64565" s="14" t="s">
        <v>51</v>
      </c>
      <c r="D64565" s="14" t="s">
        <v>159</v>
      </c>
      <c r="E64565" s="15">
        <v>45701</v>
      </c>
      <c r="F64565" s="14" t="s">
        <v>61</v>
      </c>
      <c r="G64565" s="16">
        <v>0</v>
      </c>
    </row>
    <row r="64566" spans="1:7" x14ac:dyDescent="0.3">
      <c r="A64566" s="13" t="s">
        <v>346</v>
      </c>
      <c r="B64566" s="14" t="s">
        <v>1</v>
      </c>
      <c r="C64566" s="14" t="s">
        <v>51</v>
      </c>
      <c r="D64566" s="14" t="s">
        <v>159</v>
      </c>
      <c r="E64566" s="15">
        <v>45702</v>
      </c>
      <c r="F64566" s="14" t="s">
        <v>61</v>
      </c>
      <c r="G64566" s="16">
        <v>0</v>
      </c>
    </row>
    <row r="64567" spans="1:7" x14ac:dyDescent="0.3">
      <c r="A64567" s="13" t="s">
        <v>346</v>
      </c>
      <c r="B64567" s="14" t="s">
        <v>1</v>
      </c>
      <c r="C64567" s="14" t="s">
        <v>51</v>
      </c>
      <c r="D64567" s="14" t="s">
        <v>159</v>
      </c>
      <c r="E64567" s="15">
        <v>45703</v>
      </c>
      <c r="F64567" s="14" t="s">
        <v>61</v>
      </c>
      <c r="G64567" s="16">
        <v>0</v>
      </c>
    </row>
    <row r="64568" spans="1:7" x14ac:dyDescent="0.3">
      <c r="A64568" s="13" t="s">
        <v>346</v>
      </c>
      <c r="B64568" s="14" t="s">
        <v>1</v>
      </c>
      <c r="C64568" s="14" t="s">
        <v>51</v>
      </c>
      <c r="D64568" s="14" t="s">
        <v>159</v>
      </c>
      <c r="E64568" s="15">
        <v>45704</v>
      </c>
      <c r="F64568" s="14" t="s">
        <v>61</v>
      </c>
      <c r="G64568" s="16">
        <v>0</v>
      </c>
    </row>
    <row r="64569" spans="1:7" x14ac:dyDescent="0.3">
      <c r="A64569" s="13" t="s">
        <v>346</v>
      </c>
      <c r="B64569" s="14" t="s">
        <v>1</v>
      </c>
      <c r="C64569" s="14" t="s">
        <v>51</v>
      </c>
      <c r="D64569" s="14" t="s">
        <v>159</v>
      </c>
      <c r="E64569" s="15">
        <v>45705</v>
      </c>
      <c r="F64569" s="14" t="s">
        <v>61</v>
      </c>
      <c r="G64569" s="16">
        <v>0</v>
      </c>
    </row>
    <row r="64570" spans="1:7" x14ac:dyDescent="0.3">
      <c r="A64570" s="13" t="s">
        <v>346</v>
      </c>
      <c r="B64570" s="14" t="s">
        <v>1</v>
      </c>
      <c r="C64570" s="14" t="s">
        <v>51</v>
      </c>
      <c r="D64570" s="14" t="s">
        <v>159</v>
      </c>
      <c r="E64570" s="15">
        <v>45706</v>
      </c>
      <c r="F64570" s="14" t="s">
        <v>61</v>
      </c>
      <c r="G64570" s="16">
        <v>0</v>
      </c>
    </row>
    <row r="64571" spans="1:7" x14ac:dyDescent="0.3">
      <c r="A64571" s="13" t="s">
        <v>346</v>
      </c>
      <c r="B64571" s="14" t="s">
        <v>1</v>
      </c>
      <c r="C64571" s="14" t="s">
        <v>51</v>
      </c>
      <c r="D64571" s="14" t="s">
        <v>159</v>
      </c>
      <c r="E64571" s="15">
        <v>45707</v>
      </c>
      <c r="F64571" s="14" t="s">
        <v>61</v>
      </c>
      <c r="G64571" s="16">
        <v>0</v>
      </c>
    </row>
    <row r="64572" spans="1:7" x14ac:dyDescent="0.3">
      <c r="A64572" s="13" t="s">
        <v>346</v>
      </c>
      <c r="B64572" s="14" t="s">
        <v>1</v>
      </c>
      <c r="C64572" s="14" t="s">
        <v>51</v>
      </c>
      <c r="D64572" s="14" t="s">
        <v>159</v>
      </c>
      <c r="E64572" s="15">
        <v>45708</v>
      </c>
      <c r="F64572" s="14" t="s">
        <v>61</v>
      </c>
      <c r="G64572" s="16">
        <v>0</v>
      </c>
    </row>
    <row r="64573" spans="1:7" x14ac:dyDescent="0.3">
      <c r="A64573" s="13" t="s">
        <v>346</v>
      </c>
      <c r="B64573" s="14" t="s">
        <v>1</v>
      </c>
      <c r="C64573" s="14" t="s">
        <v>51</v>
      </c>
      <c r="D64573" s="14" t="s">
        <v>159</v>
      </c>
      <c r="E64573" s="15">
        <v>45709</v>
      </c>
      <c r="F64573" s="14" t="s">
        <v>61</v>
      </c>
      <c r="G64573" s="16">
        <v>0</v>
      </c>
    </row>
    <row r="64574" spans="1:7" x14ac:dyDescent="0.3">
      <c r="A64574" s="13" t="s">
        <v>346</v>
      </c>
      <c r="B64574" s="14" t="s">
        <v>1</v>
      </c>
      <c r="C64574" s="14" t="s">
        <v>51</v>
      </c>
      <c r="D64574" s="14" t="s">
        <v>159</v>
      </c>
      <c r="E64574" s="15">
        <v>45710</v>
      </c>
      <c r="F64574" s="14" t="s">
        <v>61</v>
      </c>
      <c r="G64574" s="16">
        <v>0</v>
      </c>
    </row>
    <row r="64575" spans="1:7" x14ac:dyDescent="0.3">
      <c r="A64575" s="13" t="s">
        <v>346</v>
      </c>
      <c r="B64575" s="14" t="s">
        <v>1</v>
      </c>
      <c r="C64575" s="14" t="s">
        <v>51</v>
      </c>
      <c r="D64575" s="14" t="s">
        <v>159</v>
      </c>
      <c r="E64575" s="15">
        <v>45711</v>
      </c>
      <c r="F64575" s="14" t="s">
        <v>61</v>
      </c>
      <c r="G64575" s="16">
        <v>0</v>
      </c>
    </row>
    <row r="64576" spans="1:7" x14ac:dyDescent="0.3">
      <c r="A64576" s="13" t="s">
        <v>346</v>
      </c>
      <c r="B64576" s="14" t="s">
        <v>1</v>
      </c>
      <c r="C64576" s="14" t="s">
        <v>51</v>
      </c>
      <c r="D64576" s="14" t="s">
        <v>159</v>
      </c>
      <c r="E64576" s="15">
        <v>45712</v>
      </c>
      <c r="F64576" s="14" t="s">
        <v>61</v>
      </c>
      <c r="G64576" s="16">
        <v>0</v>
      </c>
    </row>
    <row r="64577" spans="1:7" x14ac:dyDescent="0.3">
      <c r="A64577" s="13" t="s">
        <v>346</v>
      </c>
      <c r="B64577" s="14" t="s">
        <v>1</v>
      </c>
      <c r="C64577" s="14" t="s">
        <v>51</v>
      </c>
      <c r="D64577" s="14" t="s">
        <v>159</v>
      </c>
      <c r="E64577" s="15">
        <v>45713</v>
      </c>
      <c r="F64577" s="14" t="s">
        <v>61</v>
      </c>
      <c r="G64577" s="16">
        <v>0</v>
      </c>
    </row>
    <row r="64578" spans="1:7" x14ac:dyDescent="0.3">
      <c r="A64578" s="13" t="s">
        <v>346</v>
      </c>
      <c r="B64578" s="14" t="s">
        <v>1</v>
      </c>
      <c r="C64578" s="14" t="s">
        <v>51</v>
      </c>
      <c r="D64578" s="14" t="s">
        <v>159</v>
      </c>
      <c r="E64578" s="15">
        <v>45714</v>
      </c>
      <c r="F64578" s="14" t="s">
        <v>61</v>
      </c>
      <c r="G64578" s="16">
        <v>0</v>
      </c>
    </row>
    <row r="64579" spans="1:7" x14ac:dyDescent="0.3">
      <c r="A64579" s="13" t="s">
        <v>346</v>
      </c>
      <c r="B64579" s="14" t="s">
        <v>1</v>
      </c>
      <c r="C64579" s="14" t="s">
        <v>51</v>
      </c>
      <c r="D64579" s="14" t="s">
        <v>159</v>
      </c>
      <c r="E64579" s="15">
        <v>45715</v>
      </c>
      <c r="F64579" s="14" t="s">
        <v>61</v>
      </c>
      <c r="G64579" s="16">
        <v>0</v>
      </c>
    </row>
    <row r="64580" spans="1:7" x14ac:dyDescent="0.3">
      <c r="A64580" s="13" t="s">
        <v>346</v>
      </c>
      <c r="B64580" s="14" t="s">
        <v>1</v>
      </c>
      <c r="C64580" s="14" t="s">
        <v>51</v>
      </c>
      <c r="D64580" s="14" t="s">
        <v>159</v>
      </c>
      <c r="E64580" s="15">
        <v>45716</v>
      </c>
      <c r="F64580" s="14" t="s">
        <v>61</v>
      </c>
      <c r="G64580" s="16">
        <v>0</v>
      </c>
    </row>
    <row r="64581" spans="1:7" x14ac:dyDescent="0.3">
      <c r="A64581" s="13" t="s">
        <v>346</v>
      </c>
      <c r="B64581" s="14" t="s">
        <v>1</v>
      </c>
      <c r="C64581" s="14" t="s">
        <v>51</v>
      </c>
      <c r="D64581" s="14" t="s">
        <v>159</v>
      </c>
      <c r="E64581" s="15">
        <v>45717</v>
      </c>
      <c r="F64581" s="14" t="s">
        <v>61</v>
      </c>
      <c r="G64581" s="16">
        <v>0</v>
      </c>
    </row>
    <row r="64582" spans="1:7" x14ac:dyDescent="0.3">
      <c r="A64582" s="13" t="s">
        <v>346</v>
      </c>
      <c r="B64582" s="14" t="s">
        <v>1</v>
      </c>
      <c r="C64582" s="14" t="s">
        <v>51</v>
      </c>
      <c r="D64582" s="14" t="s">
        <v>159</v>
      </c>
      <c r="E64582" s="15">
        <v>45718</v>
      </c>
      <c r="F64582" s="14" t="s">
        <v>61</v>
      </c>
      <c r="G64582" s="16">
        <v>0</v>
      </c>
    </row>
    <row r="64583" spans="1:7" x14ac:dyDescent="0.3">
      <c r="A64583" s="13" t="s">
        <v>346</v>
      </c>
      <c r="B64583" s="14" t="s">
        <v>1</v>
      </c>
      <c r="C64583" s="14" t="s">
        <v>51</v>
      </c>
      <c r="D64583" s="14" t="s">
        <v>159</v>
      </c>
      <c r="E64583" s="15">
        <v>45719</v>
      </c>
      <c r="F64583" s="14" t="s">
        <v>61</v>
      </c>
      <c r="G64583" s="16">
        <v>0</v>
      </c>
    </row>
    <row r="64584" spans="1:7" x14ac:dyDescent="0.3">
      <c r="A64584" s="13" t="s">
        <v>346</v>
      </c>
      <c r="B64584" s="14" t="s">
        <v>1</v>
      </c>
      <c r="C64584" s="14" t="s">
        <v>51</v>
      </c>
      <c r="D64584" s="14" t="s">
        <v>159</v>
      </c>
      <c r="E64584" s="15">
        <v>45720</v>
      </c>
      <c r="F64584" s="14" t="s">
        <v>61</v>
      </c>
      <c r="G64584" s="16">
        <v>0</v>
      </c>
    </row>
    <row r="64585" spans="1:7" x14ac:dyDescent="0.3">
      <c r="A64585" s="13" t="s">
        <v>346</v>
      </c>
      <c r="B64585" s="14" t="s">
        <v>1</v>
      </c>
      <c r="C64585" s="14" t="s">
        <v>51</v>
      </c>
      <c r="D64585" s="14" t="s">
        <v>159</v>
      </c>
      <c r="E64585" s="15">
        <v>45721</v>
      </c>
      <c r="F64585" s="14" t="s">
        <v>61</v>
      </c>
      <c r="G64585" s="16">
        <v>0</v>
      </c>
    </row>
    <row r="64586" spans="1:7" x14ac:dyDescent="0.3">
      <c r="A64586" s="13" t="s">
        <v>346</v>
      </c>
      <c r="B64586" s="14" t="s">
        <v>1</v>
      </c>
      <c r="C64586" s="14" t="s">
        <v>51</v>
      </c>
      <c r="D64586" s="14" t="s">
        <v>159</v>
      </c>
      <c r="E64586" s="15">
        <v>45722</v>
      </c>
      <c r="F64586" s="14" t="s">
        <v>61</v>
      </c>
      <c r="G64586" s="16">
        <v>0</v>
      </c>
    </row>
    <row r="64587" spans="1:7" x14ac:dyDescent="0.3">
      <c r="A64587" s="13" t="s">
        <v>346</v>
      </c>
      <c r="B64587" s="14" t="s">
        <v>1</v>
      </c>
      <c r="C64587" s="14" t="s">
        <v>51</v>
      </c>
      <c r="D64587" s="14" t="s">
        <v>159</v>
      </c>
      <c r="E64587" s="15">
        <v>45723</v>
      </c>
      <c r="F64587" s="14" t="s">
        <v>61</v>
      </c>
      <c r="G64587" s="16">
        <v>0</v>
      </c>
    </row>
    <row r="64588" spans="1:7" x14ac:dyDescent="0.3">
      <c r="A64588" s="13" t="s">
        <v>346</v>
      </c>
      <c r="B64588" s="14" t="s">
        <v>1</v>
      </c>
      <c r="C64588" s="14" t="s">
        <v>51</v>
      </c>
      <c r="D64588" s="14" t="s">
        <v>159</v>
      </c>
      <c r="E64588" s="15">
        <v>45724</v>
      </c>
      <c r="F64588" s="14" t="s">
        <v>61</v>
      </c>
      <c r="G64588" s="16">
        <v>0</v>
      </c>
    </row>
    <row r="64589" spans="1:7" x14ac:dyDescent="0.3">
      <c r="A64589" s="13" t="s">
        <v>346</v>
      </c>
      <c r="B64589" s="14" t="s">
        <v>1</v>
      </c>
      <c r="C64589" s="14" t="s">
        <v>51</v>
      </c>
      <c r="D64589" s="14" t="s">
        <v>159</v>
      </c>
      <c r="E64589" s="15">
        <v>45725</v>
      </c>
      <c r="F64589" s="14" t="s">
        <v>61</v>
      </c>
      <c r="G64589" s="16">
        <v>0</v>
      </c>
    </row>
    <row r="64590" spans="1:7" x14ac:dyDescent="0.3">
      <c r="A64590" s="13" t="s">
        <v>346</v>
      </c>
      <c r="B64590" s="14" t="s">
        <v>1</v>
      </c>
      <c r="C64590" s="14" t="s">
        <v>51</v>
      </c>
      <c r="D64590" s="14" t="s">
        <v>159</v>
      </c>
      <c r="E64590" s="15">
        <v>45726</v>
      </c>
      <c r="F64590" s="14" t="s">
        <v>61</v>
      </c>
      <c r="G64590" s="16">
        <v>0</v>
      </c>
    </row>
    <row r="64591" spans="1:7" x14ac:dyDescent="0.3">
      <c r="A64591" s="13" t="s">
        <v>346</v>
      </c>
      <c r="B64591" s="14" t="s">
        <v>1</v>
      </c>
      <c r="C64591" s="14" t="s">
        <v>51</v>
      </c>
      <c r="D64591" s="14" t="s">
        <v>159</v>
      </c>
      <c r="E64591" s="15">
        <v>45727</v>
      </c>
      <c r="F64591" s="14" t="s">
        <v>61</v>
      </c>
      <c r="G64591" s="16">
        <v>0</v>
      </c>
    </row>
    <row r="64592" spans="1:7" x14ac:dyDescent="0.3">
      <c r="A64592" s="13" t="s">
        <v>346</v>
      </c>
      <c r="B64592" s="14" t="s">
        <v>1</v>
      </c>
      <c r="C64592" s="14" t="s">
        <v>51</v>
      </c>
      <c r="D64592" s="14" t="s">
        <v>159</v>
      </c>
      <c r="E64592" s="15">
        <v>45728</v>
      </c>
      <c r="F64592" s="14" t="s">
        <v>61</v>
      </c>
      <c r="G64592" s="16">
        <v>0</v>
      </c>
    </row>
    <row r="64593" spans="1:7" x14ac:dyDescent="0.3">
      <c r="A64593" s="13" t="s">
        <v>346</v>
      </c>
      <c r="B64593" s="14" t="s">
        <v>1</v>
      </c>
      <c r="C64593" s="14" t="s">
        <v>51</v>
      </c>
      <c r="D64593" s="14" t="s">
        <v>159</v>
      </c>
      <c r="E64593" s="15">
        <v>45729</v>
      </c>
      <c r="F64593" s="14" t="s">
        <v>61</v>
      </c>
      <c r="G64593" s="16">
        <v>0</v>
      </c>
    </row>
    <row r="64594" spans="1:7" x14ac:dyDescent="0.3">
      <c r="A64594" s="13" t="s">
        <v>346</v>
      </c>
      <c r="B64594" s="14" t="s">
        <v>1</v>
      </c>
      <c r="C64594" s="14" t="s">
        <v>51</v>
      </c>
      <c r="D64594" s="14" t="s">
        <v>159</v>
      </c>
      <c r="E64594" s="15">
        <v>45730</v>
      </c>
      <c r="F64594" s="14" t="s">
        <v>61</v>
      </c>
      <c r="G64594" s="16">
        <v>0</v>
      </c>
    </row>
    <row r="64595" spans="1:7" x14ac:dyDescent="0.3">
      <c r="A64595" s="13" t="s">
        <v>346</v>
      </c>
      <c r="B64595" s="14" t="s">
        <v>1</v>
      </c>
      <c r="C64595" s="14" t="s">
        <v>51</v>
      </c>
      <c r="D64595" s="14" t="s">
        <v>159</v>
      </c>
      <c r="E64595" s="15">
        <v>45731</v>
      </c>
      <c r="F64595" s="14" t="s">
        <v>61</v>
      </c>
      <c r="G64595" s="16">
        <v>0</v>
      </c>
    </row>
    <row r="64596" spans="1:7" x14ac:dyDescent="0.3">
      <c r="A64596" s="13" t="s">
        <v>346</v>
      </c>
      <c r="B64596" s="14" t="s">
        <v>1</v>
      </c>
      <c r="C64596" s="14" t="s">
        <v>51</v>
      </c>
      <c r="D64596" s="14" t="s">
        <v>159</v>
      </c>
      <c r="E64596" s="15">
        <v>45732</v>
      </c>
      <c r="F64596" s="14" t="s">
        <v>61</v>
      </c>
      <c r="G64596" s="16">
        <v>0</v>
      </c>
    </row>
    <row r="64597" spans="1:7" x14ac:dyDescent="0.3">
      <c r="A64597" s="13" t="s">
        <v>346</v>
      </c>
      <c r="B64597" s="14" t="s">
        <v>1</v>
      </c>
      <c r="C64597" s="14" t="s">
        <v>51</v>
      </c>
      <c r="D64597" s="14" t="s">
        <v>159</v>
      </c>
      <c r="E64597" s="15">
        <v>45733</v>
      </c>
      <c r="F64597" s="14" t="s">
        <v>61</v>
      </c>
      <c r="G64597" s="16">
        <v>0</v>
      </c>
    </row>
    <row r="64598" spans="1:7" x14ac:dyDescent="0.3">
      <c r="A64598" s="13" t="s">
        <v>346</v>
      </c>
      <c r="B64598" s="14" t="s">
        <v>1</v>
      </c>
      <c r="C64598" s="14" t="s">
        <v>51</v>
      </c>
      <c r="D64598" s="14" t="s">
        <v>159</v>
      </c>
      <c r="E64598" s="15">
        <v>45734</v>
      </c>
      <c r="F64598" s="14" t="s">
        <v>61</v>
      </c>
      <c r="G64598" s="16">
        <v>0</v>
      </c>
    </row>
    <row r="64599" spans="1:7" x14ac:dyDescent="0.3">
      <c r="A64599" s="13" t="s">
        <v>346</v>
      </c>
      <c r="B64599" s="14" t="s">
        <v>1</v>
      </c>
      <c r="C64599" s="14" t="s">
        <v>51</v>
      </c>
      <c r="D64599" s="14" t="s">
        <v>159</v>
      </c>
      <c r="E64599" s="15">
        <v>45735</v>
      </c>
      <c r="F64599" s="14" t="s">
        <v>61</v>
      </c>
      <c r="G64599" s="16">
        <v>0</v>
      </c>
    </row>
    <row r="64600" spans="1:7" x14ac:dyDescent="0.3">
      <c r="A64600" s="13" t="s">
        <v>346</v>
      </c>
      <c r="B64600" s="14" t="s">
        <v>1</v>
      </c>
      <c r="C64600" s="14" t="s">
        <v>51</v>
      </c>
      <c r="D64600" s="14" t="s">
        <v>159</v>
      </c>
      <c r="E64600" s="15">
        <v>45736</v>
      </c>
      <c r="F64600" s="14" t="s">
        <v>61</v>
      </c>
      <c r="G64600" s="16">
        <v>0</v>
      </c>
    </row>
    <row r="64601" spans="1:7" x14ac:dyDescent="0.3">
      <c r="A64601" s="13" t="s">
        <v>346</v>
      </c>
      <c r="B64601" s="14" t="s">
        <v>1</v>
      </c>
      <c r="C64601" s="14" t="s">
        <v>51</v>
      </c>
      <c r="D64601" s="14" t="s">
        <v>159</v>
      </c>
      <c r="E64601" s="15">
        <v>45737</v>
      </c>
      <c r="F64601" s="14" t="s">
        <v>61</v>
      </c>
      <c r="G64601" s="16">
        <v>0</v>
      </c>
    </row>
    <row r="64602" spans="1:7" x14ac:dyDescent="0.3">
      <c r="A64602" s="13" t="s">
        <v>346</v>
      </c>
      <c r="B64602" s="14" t="s">
        <v>1</v>
      </c>
      <c r="C64602" s="14" t="s">
        <v>51</v>
      </c>
      <c r="D64602" s="14" t="s">
        <v>159</v>
      </c>
      <c r="E64602" s="15">
        <v>45738</v>
      </c>
      <c r="F64602" s="14" t="s">
        <v>61</v>
      </c>
      <c r="G64602" s="16">
        <v>0</v>
      </c>
    </row>
    <row r="64603" spans="1:7" x14ac:dyDescent="0.3">
      <c r="A64603" s="13" t="s">
        <v>346</v>
      </c>
      <c r="B64603" s="14" t="s">
        <v>1</v>
      </c>
      <c r="C64603" s="14" t="s">
        <v>51</v>
      </c>
      <c r="D64603" s="14" t="s">
        <v>159</v>
      </c>
      <c r="E64603" s="15">
        <v>45739</v>
      </c>
      <c r="F64603" s="14" t="s">
        <v>61</v>
      </c>
      <c r="G64603" s="16">
        <v>0</v>
      </c>
    </row>
    <row r="64604" spans="1:7" x14ac:dyDescent="0.3">
      <c r="A64604" s="13" t="s">
        <v>346</v>
      </c>
      <c r="B64604" s="14" t="s">
        <v>1</v>
      </c>
      <c r="C64604" s="14" t="s">
        <v>51</v>
      </c>
      <c r="D64604" s="14" t="s">
        <v>159</v>
      </c>
      <c r="E64604" s="15">
        <v>45740</v>
      </c>
      <c r="F64604" s="14" t="s">
        <v>61</v>
      </c>
      <c r="G64604" s="16">
        <v>0</v>
      </c>
    </row>
    <row r="64605" spans="1:7" x14ac:dyDescent="0.3">
      <c r="A64605" s="13" t="s">
        <v>346</v>
      </c>
      <c r="B64605" s="14" t="s">
        <v>1</v>
      </c>
      <c r="C64605" s="14" t="s">
        <v>51</v>
      </c>
      <c r="D64605" s="14" t="s">
        <v>159</v>
      </c>
      <c r="E64605" s="15">
        <v>45741</v>
      </c>
      <c r="F64605" s="14" t="s">
        <v>61</v>
      </c>
      <c r="G64605" s="16">
        <v>0</v>
      </c>
    </row>
    <row r="64606" spans="1:7" x14ac:dyDescent="0.3">
      <c r="A64606" s="13" t="s">
        <v>346</v>
      </c>
      <c r="B64606" s="14" t="s">
        <v>1</v>
      </c>
      <c r="C64606" s="14" t="s">
        <v>51</v>
      </c>
      <c r="D64606" s="14" t="s">
        <v>159</v>
      </c>
      <c r="E64606" s="15">
        <v>45742</v>
      </c>
      <c r="F64606" s="14" t="s">
        <v>61</v>
      </c>
      <c r="G64606" s="16">
        <v>0</v>
      </c>
    </row>
    <row r="64607" spans="1:7" x14ac:dyDescent="0.3">
      <c r="A64607" s="13" t="s">
        <v>346</v>
      </c>
      <c r="B64607" s="14" t="s">
        <v>1</v>
      </c>
      <c r="C64607" s="14" t="s">
        <v>51</v>
      </c>
      <c r="D64607" s="14" t="s">
        <v>159</v>
      </c>
      <c r="E64607" s="15">
        <v>45743</v>
      </c>
      <c r="F64607" s="14" t="s">
        <v>61</v>
      </c>
      <c r="G64607" s="16">
        <v>0</v>
      </c>
    </row>
    <row r="64608" spans="1:7" x14ac:dyDescent="0.3">
      <c r="A64608" s="13" t="s">
        <v>346</v>
      </c>
      <c r="B64608" s="14" t="s">
        <v>1</v>
      </c>
      <c r="C64608" s="14" t="s">
        <v>51</v>
      </c>
      <c r="D64608" s="14" t="s">
        <v>159</v>
      </c>
      <c r="E64608" s="15">
        <v>45744</v>
      </c>
      <c r="F64608" s="14" t="s">
        <v>61</v>
      </c>
      <c r="G64608" s="16">
        <v>0</v>
      </c>
    </row>
    <row r="64609" spans="1:7" x14ac:dyDescent="0.3">
      <c r="A64609" s="13" t="s">
        <v>346</v>
      </c>
      <c r="B64609" s="14" t="s">
        <v>1</v>
      </c>
      <c r="C64609" s="14" t="s">
        <v>51</v>
      </c>
      <c r="D64609" s="14" t="s">
        <v>159</v>
      </c>
      <c r="E64609" s="15">
        <v>45745</v>
      </c>
      <c r="F64609" s="14" t="s">
        <v>61</v>
      </c>
      <c r="G64609" s="16">
        <v>0</v>
      </c>
    </row>
    <row r="64610" spans="1:7" x14ac:dyDescent="0.3">
      <c r="A64610" s="13" t="s">
        <v>346</v>
      </c>
      <c r="B64610" s="14" t="s">
        <v>1</v>
      </c>
      <c r="C64610" s="14" t="s">
        <v>51</v>
      </c>
      <c r="D64610" s="14" t="s">
        <v>159</v>
      </c>
      <c r="E64610" s="15">
        <v>45746</v>
      </c>
      <c r="F64610" s="14" t="s">
        <v>61</v>
      </c>
      <c r="G64610" s="16">
        <v>0</v>
      </c>
    </row>
    <row r="64611" spans="1:7" x14ac:dyDescent="0.3">
      <c r="A64611" s="13" t="s">
        <v>346</v>
      </c>
      <c r="B64611" s="14" t="s">
        <v>1</v>
      </c>
      <c r="C64611" s="14" t="s">
        <v>51</v>
      </c>
      <c r="D64611" s="14" t="s">
        <v>159</v>
      </c>
      <c r="E64611" s="15">
        <v>45747</v>
      </c>
      <c r="F64611" s="14" t="s">
        <v>61</v>
      </c>
      <c r="G64611" s="16">
        <v>0</v>
      </c>
    </row>
    <row r="64612" spans="1:7" x14ac:dyDescent="0.3">
      <c r="A64612" s="13" t="s">
        <v>347</v>
      </c>
      <c r="B64612" s="14" t="s">
        <v>1</v>
      </c>
      <c r="C64612" s="14" t="s">
        <v>191</v>
      </c>
      <c r="D64612" s="14" t="s">
        <v>64</v>
      </c>
      <c r="E64612" s="15">
        <v>45383</v>
      </c>
      <c r="F64612" s="14" t="s">
        <v>28</v>
      </c>
      <c r="G64612" s="16">
        <v>0</v>
      </c>
    </row>
    <row r="64613" spans="1:7" x14ac:dyDescent="0.3">
      <c r="A64613" s="13" t="s">
        <v>347</v>
      </c>
      <c r="B64613" s="14" t="s">
        <v>1</v>
      </c>
      <c r="C64613" s="14" t="s">
        <v>191</v>
      </c>
      <c r="D64613" s="14" t="s">
        <v>64</v>
      </c>
      <c r="E64613" s="15">
        <v>45384</v>
      </c>
      <c r="F64613" s="14" t="s">
        <v>28</v>
      </c>
      <c r="G64613" s="16">
        <v>0</v>
      </c>
    </row>
    <row r="64614" spans="1:7" x14ac:dyDescent="0.3">
      <c r="A64614" s="13" t="s">
        <v>347</v>
      </c>
      <c r="B64614" s="14" t="s">
        <v>1</v>
      </c>
      <c r="C64614" s="14" t="s">
        <v>191</v>
      </c>
      <c r="D64614" s="14" t="s">
        <v>64</v>
      </c>
      <c r="E64614" s="15">
        <v>45385</v>
      </c>
      <c r="F64614" s="14" t="s">
        <v>28</v>
      </c>
      <c r="G64614" s="16">
        <v>0</v>
      </c>
    </row>
    <row r="64615" spans="1:7" x14ac:dyDescent="0.3">
      <c r="A64615" s="13" t="s">
        <v>347</v>
      </c>
      <c r="B64615" s="14" t="s">
        <v>1</v>
      </c>
      <c r="C64615" s="14" t="s">
        <v>191</v>
      </c>
      <c r="D64615" s="14" t="s">
        <v>64</v>
      </c>
      <c r="E64615" s="15">
        <v>45386</v>
      </c>
      <c r="F64615" s="14" t="s">
        <v>28</v>
      </c>
      <c r="G64615" s="16">
        <v>0</v>
      </c>
    </row>
    <row r="64616" spans="1:7" x14ac:dyDescent="0.3">
      <c r="A64616" s="13" t="s">
        <v>347</v>
      </c>
      <c r="B64616" s="14" t="s">
        <v>1</v>
      </c>
      <c r="C64616" s="14" t="s">
        <v>191</v>
      </c>
      <c r="D64616" s="14" t="s">
        <v>64</v>
      </c>
      <c r="E64616" s="15">
        <v>45387</v>
      </c>
      <c r="F64616" s="14" t="s">
        <v>28</v>
      </c>
      <c r="G64616" s="16">
        <v>0</v>
      </c>
    </row>
    <row r="64617" spans="1:7" x14ac:dyDescent="0.3">
      <c r="A64617" s="13" t="s">
        <v>347</v>
      </c>
      <c r="B64617" s="14" t="s">
        <v>1</v>
      </c>
      <c r="C64617" s="14" t="s">
        <v>191</v>
      </c>
      <c r="D64617" s="14" t="s">
        <v>64</v>
      </c>
      <c r="E64617" s="15">
        <v>45388</v>
      </c>
      <c r="F64617" s="14" t="s">
        <v>28</v>
      </c>
      <c r="G64617" s="16">
        <v>0</v>
      </c>
    </row>
    <row r="64618" spans="1:7" x14ac:dyDescent="0.3">
      <c r="A64618" s="13" t="s">
        <v>347</v>
      </c>
      <c r="B64618" s="14" t="s">
        <v>1</v>
      </c>
      <c r="C64618" s="14" t="s">
        <v>191</v>
      </c>
      <c r="D64618" s="14" t="s">
        <v>64</v>
      </c>
      <c r="E64618" s="15">
        <v>45389</v>
      </c>
      <c r="F64618" s="14" t="s">
        <v>28</v>
      </c>
      <c r="G64618" s="16">
        <v>0</v>
      </c>
    </row>
    <row r="64619" spans="1:7" x14ac:dyDescent="0.3">
      <c r="A64619" s="13" t="s">
        <v>347</v>
      </c>
      <c r="B64619" s="14" t="s">
        <v>1</v>
      </c>
      <c r="C64619" s="14" t="s">
        <v>191</v>
      </c>
      <c r="D64619" s="14" t="s">
        <v>64</v>
      </c>
      <c r="E64619" s="15">
        <v>45390</v>
      </c>
      <c r="F64619" s="14" t="s">
        <v>28</v>
      </c>
      <c r="G64619" s="16">
        <v>0</v>
      </c>
    </row>
    <row r="64620" spans="1:7" x14ac:dyDescent="0.3">
      <c r="A64620" s="13" t="s">
        <v>347</v>
      </c>
      <c r="B64620" s="14" t="s">
        <v>1</v>
      </c>
      <c r="C64620" s="14" t="s">
        <v>191</v>
      </c>
      <c r="D64620" s="14" t="s">
        <v>64</v>
      </c>
      <c r="E64620" s="15">
        <v>45391</v>
      </c>
      <c r="F64620" s="14" t="s">
        <v>28</v>
      </c>
      <c r="G64620" s="16">
        <v>0</v>
      </c>
    </row>
    <row r="64621" spans="1:7" x14ac:dyDescent="0.3">
      <c r="A64621" s="13" t="s">
        <v>347</v>
      </c>
      <c r="B64621" s="14" t="s">
        <v>1</v>
      </c>
      <c r="C64621" s="14" t="s">
        <v>191</v>
      </c>
      <c r="D64621" s="14" t="s">
        <v>64</v>
      </c>
      <c r="E64621" s="15">
        <v>45392</v>
      </c>
      <c r="F64621" s="14" t="s">
        <v>28</v>
      </c>
      <c r="G64621" s="16">
        <v>0</v>
      </c>
    </row>
    <row r="64622" spans="1:7" x14ac:dyDescent="0.3">
      <c r="A64622" s="13" t="s">
        <v>347</v>
      </c>
      <c r="B64622" s="14" t="s">
        <v>1</v>
      </c>
      <c r="C64622" s="14" t="s">
        <v>191</v>
      </c>
      <c r="D64622" s="14" t="s">
        <v>64</v>
      </c>
      <c r="E64622" s="15">
        <v>45393</v>
      </c>
      <c r="F64622" s="14" t="s">
        <v>28</v>
      </c>
      <c r="G64622" s="16">
        <v>0</v>
      </c>
    </row>
    <row r="64623" spans="1:7" x14ac:dyDescent="0.3">
      <c r="A64623" s="13" t="s">
        <v>347</v>
      </c>
      <c r="B64623" s="14" t="s">
        <v>1</v>
      </c>
      <c r="C64623" s="14" t="s">
        <v>191</v>
      </c>
      <c r="D64623" s="14" t="s">
        <v>64</v>
      </c>
      <c r="E64623" s="15">
        <v>45394</v>
      </c>
      <c r="F64623" s="14" t="s">
        <v>28</v>
      </c>
      <c r="G64623" s="16">
        <v>0</v>
      </c>
    </row>
    <row r="64624" spans="1:7" x14ac:dyDescent="0.3">
      <c r="A64624" s="13" t="s">
        <v>347</v>
      </c>
      <c r="B64624" s="14" t="s">
        <v>1</v>
      </c>
      <c r="C64624" s="14" t="s">
        <v>191</v>
      </c>
      <c r="D64624" s="14" t="s">
        <v>64</v>
      </c>
      <c r="E64624" s="15">
        <v>45395</v>
      </c>
      <c r="F64624" s="14" t="s">
        <v>28</v>
      </c>
      <c r="G64624" s="16">
        <v>0</v>
      </c>
    </row>
    <row r="64625" spans="1:7" x14ac:dyDescent="0.3">
      <c r="A64625" s="13" t="s">
        <v>347</v>
      </c>
      <c r="B64625" s="14" t="s">
        <v>1</v>
      </c>
      <c r="C64625" s="14" t="s">
        <v>191</v>
      </c>
      <c r="D64625" s="14" t="s">
        <v>64</v>
      </c>
      <c r="E64625" s="15">
        <v>45396</v>
      </c>
      <c r="F64625" s="14" t="s">
        <v>28</v>
      </c>
      <c r="G64625" s="16">
        <v>0</v>
      </c>
    </row>
    <row r="64626" spans="1:7" x14ac:dyDescent="0.3">
      <c r="A64626" s="13" t="s">
        <v>347</v>
      </c>
      <c r="B64626" s="14" t="s">
        <v>1</v>
      </c>
      <c r="C64626" s="14" t="s">
        <v>191</v>
      </c>
      <c r="D64626" s="14" t="s">
        <v>64</v>
      </c>
      <c r="E64626" s="15">
        <v>45397</v>
      </c>
      <c r="F64626" s="14" t="s">
        <v>28</v>
      </c>
      <c r="G64626" s="16">
        <v>0</v>
      </c>
    </row>
    <row r="64627" spans="1:7" x14ac:dyDescent="0.3">
      <c r="A64627" s="13" t="s">
        <v>347</v>
      </c>
      <c r="B64627" s="14" t="s">
        <v>1</v>
      </c>
      <c r="C64627" s="14" t="s">
        <v>191</v>
      </c>
      <c r="D64627" s="14" t="s">
        <v>64</v>
      </c>
      <c r="E64627" s="15">
        <v>45398</v>
      </c>
      <c r="F64627" s="14" t="s">
        <v>28</v>
      </c>
      <c r="G64627" s="16">
        <v>0</v>
      </c>
    </row>
    <row r="64628" spans="1:7" x14ac:dyDescent="0.3">
      <c r="A64628" s="13" t="s">
        <v>347</v>
      </c>
      <c r="B64628" s="14" t="s">
        <v>1</v>
      </c>
      <c r="C64628" s="14" t="s">
        <v>191</v>
      </c>
      <c r="D64628" s="14" t="s">
        <v>64</v>
      </c>
      <c r="E64628" s="15">
        <v>45399</v>
      </c>
      <c r="F64628" s="14" t="s">
        <v>28</v>
      </c>
      <c r="G64628" s="16">
        <v>0</v>
      </c>
    </row>
    <row r="64629" spans="1:7" x14ac:dyDescent="0.3">
      <c r="A64629" s="13" t="s">
        <v>347</v>
      </c>
      <c r="B64629" s="14" t="s">
        <v>1</v>
      </c>
      <c r="C64629" s="14" t="s">
        <v>191</v>
      </c>
      <c r="D64629" s="14" t="s">
        <v>64</v>
      </c>
      <c r="E64629" s="15">
        <v>45400</v>
      </c>
      <c r="F64629" s="14" t="s">
        <v>28</v>
      </c>
      <c r="G64629" s="16">
        <v>0</v>
      </c>
    </row>
    <row r="64630" spans="1:7" x14ac:dyDescent="0.3">
      <c r="A64630" s="13" t="s">
        <v>347</v>
      </c>
      <c r="B64630" s="14" t="s">
        <v>1</v>
      </c>
      <c r="C64630" s="14" t="s">
        <v>191</v>
      </c>
      <c r="D64630" s="14" t="s">
        <v>64</v>
      </c>
      <c r="E64630" s="15">
        <v>45401</v>
      </c>
      <c r="F64630" s="14" t="s">
        <v>28</v>
      </c>
      <c r="G64630" s="16">
        <v>0</v>
      </c>
    </row>
    <row r="64631" spans="1:7" x14ac:dyDescent="0.3">
      <c r="A64631" s="13" t="s">
        <v>347</v>
      </c>
      <c r="B64631" s="14" t="s">
        <v>1</v>
      </c>
      <c r="C64631" s="14" t="s">
        <v>191</v>
      </c>
      <c r="D64631" s="14" t="s">
        <v>64</v>
      </c>
      <c r="E64631" s="15">
        <v>45402</v>
      </c>
      <c r="F64631" s="14" t="s">
        <v>28</v>
      </c>
      <c r="G64631" s="16">
        <v>0</v>
      </c>
    </row>
    <row r="64632" spans="1:7" x14ac:dyDescent="0.3">
      <c r="A64632" s="13" t="s">
        <v>347</v>
      </c>
      <c r="B64632" s="14" t="s">
        <v>1</v>
      </c>
      <c r="C64632" s="14" t="s">
        <v>191</v>
      </c>
      <c r="D64632" s="14" t="s">
        <v>64</v>
      </c>
      <c r="E64632" s="15">
        <v>45403</v>
      </c>
      <c r="F64632" s="14" t="s">
        <v>28</v>
      </c>
      <c r="G64632" s="16">
        <v>0</v>
      </c>
    </row>
    <row r="64633" spans="1:7" x14ac:dyDescent="0.3">
      <c r="A64633" s="13" t="s">
        <v>347</v>
      </c>
      <c r="B64633" s="14" t="s">
        <v>1</v>
      </c>
      <c r="C64633" s="14" t="s">
        <v>191</v>
      </c>
      <c r="D64633" s="14" t="s">
        <v>64</v>
      </c>
      <c r="E64633" s="15">
        <v>45404</v>
      </c>
      <c r="F64633" s="14" t="s">
        <v>28</v>
      </c>
      <c r="G64633" s="16">
        <v>0</v>
      </c>
    </row>
    <row r="64634" spans="1:7" x14ac:dyDescent="0.3">
      <c r="A64634" s="13" t="s">
        <v>347</v>
      </c>
      <c r="B64634" s="14" t="s">
        <v>1</v>
      </c>
      <c r="C64634" s="14" t="s">
        <v>191</v>
      </c>
      <c r="D64634" s="14" t="s">
        <v>64</v>
      </c>
      <c r="E64634" s="15">
        <v>45405</v>
      </c>
      <c r="F64634" s="14" t="s">
        <v>28</v>
      </c>
      <c r="G64634" s="16">
        <v>0</v>
      </c>
    </row>
    <row r="64635" spans="1:7" x14ac:dyDescent="0.3">
      <c r="A64635" s="13" t="s">
        <v>347</v>
      </c>
      <c r="B64635" s="14" t="s">
        <v>1</v>
      </c>
      <c r="C64635" s="14" t="s">
        <v>191</v>
      </c>
      <c r="D64635" s="14" t="s">
        <v>64</v>
      </c>
      <c r="E64635" s="15">
        <v>45406</v>
      </c>
      <c r="F64635" s="14" t="s">
        <v>28</v>
      </c>
      <c r="G64635" s="16">
        <v>0</v>
      </c>
    </row>
    <row r="64636" spans="1:7" x14ac:dyDescent="0.3">
      <c r="A64636" s="13" t="s">
        <v>347</v>
      </c>
      <c r="B64636" s="14" t="s">
        <v>1</v>
      </c>
      <c r="C64636" s="14" t="s">
        <v>191</v>
      </c>
      <c r="D64636" s="14" t="s">
        <v>64</v>
      </c>
      <c r="E64636" s="15">
        <v>45407</v>
      </c>
      <c r="F64636" s="14" t="s">
        <v>28</v>
      </c>
      <c r="G64636" s="16">
        <v>0</v>
      </c>
    </row>
    <row r="64637" spans="1:7" x14ac:dyDescent="0.3">
      <c r="A64637" s="13" t="s">
        <v>347</v>
      </c>
      <c r="B64637" s="14" t="s">
        <v>1</v>
      </c>
      <c r="C64637" s="14" t="s">
        <v>191</v>
      </c>
      <c r="D64637" s="14" t="s">
        <v>64</v>
      </c>
      <c r="E64637" s="15">
        <v>45408</v>
      </c>
      <c r="F64637" s="14" t="s">
        <v>28</v>
      </c>
      <c r="G64637" s="16">
        <v>0</v>
      </c>
    </row>
    <row r="64638" spans="1:7" x14ac:dyDescent="0.3">
      <c r="A64638" s="13" t="s">
        <v>347</v>
      </c>
      <c r="B64638" s="14" t="s">
        <v>1</v>
      </c>
      <c r="C64638" s="14" t="s">
        <v>191</v>
      </c>
      <c r="D64638" s="14" t="s">
        <v>64</v>
      </c>
      <c r="E64638" s="15">
        <v>45409</v>
      </c>
      <c r="F64638" s="14" t="s">
        <v>28</v>
      </c>
      <c r="G64638" s="16">
        <v>0</v>
      </c>
    </row>
    <row r="64639" spans="1:7" x14ac:dyDescent="0.3">
      <c r="A64639" s="13" t="s">
        <v>347</v>
      </c>
      <c r="B64639" s="14" t="s">
        <v>1</v>
      </c>
      <c r="C64639" s="14" t="s">
        <v>191</v>
      </c>
      <c r="D64639" s="14" t="s">
        <v>64</v>
      </c>
      <c r="E64639" s="15">
        <v>45410</v>
      </c>
      <c r="F64639" s="14" t="s">
        <v>28</v>
      </c>
      <c r="G64639" s="16">
        <v>0</v>
      </c>
    </row>
    <row r="64640" spans="1:7" x14ac:dyDescent="0.3">
      <c r="A64640" s="13" t="s">
        <v>347</v>
      </c>
      <c r="B64640" s="14" t="s">
        <v>1</v>
      </c>
      <c r="C64640" s="14" t="s">
        <v>191</v>
      </c>
      <c r="D64640" s="14" t="s">
        <v>64</v>
      </c>
      <c r="E64640" s="15">
        <v>45411</v>
      </c>
      <c r="F64640" s="14" t="s">
        <v>28</v>
      </c>
      <c r="G64640" s="16">
        <v>0</v>
      </c>
    </row>
    <row r="64641" spans="1:7" x14ac:dyDescent="0.3">
      <c r="A64641" s="13" t="s">
        <v>347</v>
      </c>
      <c r="B64641" s="14" t="s">
        <v>1</v>
      </c>
      <c r="C64641" s="14" t="s">
        <v>191</v>
      </c>
      <c r="D64641" s="14" t="s">
        <v>64</v>
      </c>
      <c r="E64641" s="15">
        <v>45412</v>
      </c>
      <c r="F64641" s="14" t="s">
        <v>28</v>
      </c>
      <c r="G64641" s="16">
        <v>0</v>
      </c>
    </row>
    <row r="64642" spans="1:7" x14ac:dyDescent="0.3">
      <c r="A64642" s="13" t="s">
        <v>347</v>
      </c>
      <c r="B64642" s="14" t="s">
        <v>1</v>
      </c>
      <c r="C64642" s="14" t="s">
        <v>191</v>
      </c>
      <c r="D64642" s="14" t="s">
        <v>64</v>
      </c>
      <c r="E64642" s="15">
        <v>45413</v>
      </c>
      <c r="F64642" s="14" t="s">
        <v>28</v>
      </c>
      <c r="G64642" s="16">
        <v>0</v>
      </c>
    </row>
    <row r="64643" spans="1:7" x14ac:dyDescent="0.3">
      <c r="A64643" s="13" t="s">
        <v>347</v>
      </c>
      <c r="B64643" s="14" t="s">
        <v>1</v>
      </c>
      <c r="C64643" s="14" t="s">
        <v>191</v>
      </c>
      <c r="D64643" s="14" t="s">
        <v>64</v>
      </c>
      <c r="E64643" s="15">
        <v>45414</v>
      </c>
      <c r="F64643" s="14" t="s">
        <v>28</v>
      </c>
      <c r="G64643" s="16">
        <v>0</v>
      </c>
    </row>
    <row r="64644" spans="1:7" x14ac:dyDescent="0.3">
      <c r="A64644" s="13" t="s">
        <v>347</v>
      </c>
      <c r="B64644" s="14" t="s">
        <v>1</v>
      </c>
      <c r="C64644" s="14" t="s">
        <v>191</v>
      </c>
      <c r="D64644" s="14" t="s">
        <v>64</v>
      </c>
      <c r="E64644" s="15">
        <v>45415</v>
      </c>
      <c r="F64644" s="14" t="s">
        <v>28</v>
      </c>
      <c r="G64644" s="16">
        <v>0</v>
      </c>
    </row>
    <row r="64645" spans="1:7" x14ac:dyDescent="0.3">
      <c r="A64645" s="13" t="s">
        <v>347</v>
      </c>
      <c r="B64645" s="14" t="s">
        <v>1</v>
      </c>
      <c r="C64645" s="14" t="s">
        <v>191</v>
      </c>
      <c r="D64645" s="14" t="s">
        <v>64</v>
      </c>
      <c r="E64645" s="15">
        <v>45416</v>
      </c>
      <c r="F64645" s="14" t="s">
        <v>28</v>
      </c>
      <c r="G64645" s="16">
        <v>0</v>
      </c>
    </row>
    <row r="64646" spans="1:7" x14ac:dyDescent="0.3">
      <c r="A64646" s="13" t="s">
        <v>347</v>
      </c>
      <c r="B64646" s="14" t="s">
        <v>1</v>
      </c>
      <c r="C64646" s="14" t="s">
        <v>191</v>
      </c>
      <c r="D64646" s="14" t="s">
        <v>64</v>
      </c>
      <c r="E64646" s="15">
        <v>45417</v>
      </c>
      <c r="F64646" s="14" t="s">
        <v>28</v>
      </c>
      <c r="G64646" s="16">
        <v>0</v>
      </c>
    </row>
    <row r="64647" spans="1:7" x14ac:dyDescent="0.3">
      <c r="A64647" s="13" t="s">
        <v>347</v>
      </c>
      <c r="B64647" s="14" t="s">
        <v>1</v>
      </c>
      <c r="C64647" s="14" t="s">
        <v>191</v>
      </c>
      <c r="D64647" s="14" t="s">
        <v>64</v>
      </c>
      <c r="E64647" s="15">
        <v>45418</v>
      </c>
      <c r="F64647" s="14" t="s">
        <v>28</v>
      </c>
      <c r="G64647" s="16">
        <v>0</v>
      </c>
    </row>
    <row r="64648" spans="1:7" x14ac:dyDescent="0.3">
      <c r="A64648" s="13" t="s">
        <v>347</v>
      </c>
      <c r="B64648" s="14" t="s">
        <v>1</v>
      </c>
      <c r="C64648" s="14" t="s">
        <v>191</v>
      </c>
      <c r="D64648" s="14" t="s">
        <v>64</v>
      </c>
      <c r="E64648" s="15">
        <v>45419</v>
      </c>
      <c r="F64648" s="14" t="s">
        <v>28</v>
      </c>
      <c r="G64648" s="16">
        <v>0</v>
      </c>
    </row>
    <row r="64649" spans="1:7" x14ac:dyDescent="0.3">
      <c r="A64649" s="13" t="s">
        <v>347</v>
      </c>
      <c r="B64649" s="14" t="s">
        <v>1</v>
      </c>
      <c r="C64649" s="14" t="s">
        <v>191</v>
      </c>
      <c r="D64649" s="14" t="s">
        <v>64</v>
      </c>
      <c r="E64649" s="15">
        <v>45420</v>
      </c>
      <c r="F64649" s="14" t="s">
        <v>28</v>
      </c>
      <c r="G64649" s="16">
        <v>5.5832976630923155E-4</v>
      </c>
    </row>
    <row r="64650" spans="1:7" x14ac:dyDescent="0.3">
      <c r="A64650" s="13" t="s">
        <v>347</v>
      </c>
      <c r="B64650" s="14" t="s">
        <v>1</v>
      </c>
      <c r="C64650" s="14" t="s">
        <v>191</v>
      </c>
      <c r="D64650" s="14" t="s">
        <v>64</v>
      </c>
      <c r="E64650" s="15">
        <v>45421</v>
      </c>
      <c r="F64650" s="14" t="s">
        <v>28</v>
      </c>
      <c r="G64650" s="16">
        <v>0</v>
      </c>
    </row>
    <row r="64651" spans="1:7" x14ac:dyDescent="0.3">
      <c r="A64651" s="13" t="s">
        <v>347</v>
      </c>
      <c r="B64651" s="14" t="s">
        <v>1</v>
      </c>
      <c r="C64651" s="14" t="s">
        <v>191</v>
      </c>
      <c r="D64651" s="14" t="s">
        <v>64</v>
      </c>
      <c r="E64651" s="15">
        <v>45422</v>
      </c>
      <c r="F64651" s="14" t="s">
        <v>28</v>
      </c>
      <c r="G64651" s="16">
        <v>0</v>
      </c>
    </row>
    <row r="64652" spans="1:7" x14ac:dyDescent="0.3">
      <c r="A64652" s="13" t="s">
        <v>347</v>
      </c>
      <c r="B64652" s="14" t="s">
        <v>1</v>
      </c>
      <c r="C64652" s="14" t="s">
        <v>191</v>
      </c>
      <c r="D64652" s="14" t="s">
        <v>64</v>
      </c>
      <c r="E64652" s="15">
        <v>45423</v>
      </c>
      <c r="F64652" s="14" t="s">
        <v>28</v>
      </c>
      <c r="G64652" s="16">
        <v>0</v>
      </c>
    </row>
    <row r="64653" spans="1:7" x14ac:dyDescent="0.3">
      <c r="A64653" s="13" t="s">
        <v>347</v>
      </c>
      <c r="B64653" s="14" t="s">
        <v>1</v>
      </c>
      <c r="C64653" s="14" t="s">
        <v>191</v>
      </c>
      <c r="D64653" s="14" t="s">
        <v>64</v>
      </c>
      <c r="E64653" s="15">
        <v>45424</v>
      </c>
      <c r="F64653" s="14" t="s">
        <v>28</v>
      </c>
      <c r="G64653" s="16">
        <v>0</v>
      </c>
    </row>
    <row r="64654" spans="1:7" x14ac:dyDescent="0.3">
      <c r="A64654" s="13" t="s">
        <v>347</v>
      </c>
      <c r="B64654" s="14" t="s">
        <v>1</v>
      </c>
      <c r="C64654" s="14" t="s">
        <v>191</v>
      </c>
      <c r="D64654" s="14" t="s">
        <v>64</v>
      </c>
      <c r="E64654" s="15">
        <v>45425</v>
      </c>
      <c r="F64654" s="14" t="s">
        <v>28</v>
      </c>
      <c r="G64654" s="16">
        <v>0</v>
      </c>
    </row>
    <row r="64655" spans="1:7" x14ac:dyDescent="0.3">
      <c r="A64655" s="13" t="s">
        <v>347</v>
      </c>
      <c r="B64655" s="14" t="s">
        <v>1</v>
      </c>
      <c r="C64655" s="14" t="s">
        <v>191</v>
      </c>
      <c r="D64655" s="14" t="s">
        <v>64</v>
      </c>
      <c r="E64655" s="15">
        <v>45426</v>
      </c>
      <c r="F64655" s="14" t="s">
        <v>28</v>
      </c>
      <c r="G64655" s="16">
        <v>0</v>
      </c>
    </row>
    <row r="64656" spans="1:7" x14ac:dyDescent="0.3">
      <c r="A64656" s="13" t="s">
        <v>347</v>
      </c>
      <c r="B64656" s="14" t="s">
        <v>1</v>
      </c>
      <c r="C64656" s="14" t="s">
        <v>191</v>
      </c>
      <c r="D64656" s="14" t="s">
        <v>64</v>
      </c>
      <c r="E64656" s="15">
        <v>45427</v>
      </c>
      <c r="F64656" s="14" t="s">
        <v>28</v>
      </c>
      <c r="G64656" s="16">
        <v>0</v>
      </c>
    </row>
    <row r="64657" spans="1:7" x14ac:dyDescent="0.3">
      <c r="A64657" s="13" t="s">
        <v>347</v>
      </c>
      <c r="B64657" s="14" t="s">
        <v>1</v>
      </c>
      <c r="C64657" s="14" t="s">
        <v>191</v>
      </c>
      <c r="D64657" s="14" t="s">
        <v>64</v>
      </c>
      <c r="E64657" s="15">
        <v>45428</v>
      </c>
      <c r="F64657" s="14" t="s">
        <v>28</v>
      </c>
      <c r="G64657" s="16">
        <v>0</v>
      </c>
    </row>
    <row r="64658" spans="1:7" x14ac:dyDescent="0.3">
      <c r="A64658" s="13" t="s">
        <v>347</v>
      </c>
      <c r="B64658" s="14" t="s">
        <v>1</v>
      </c>
      <c r="C64658" s="14" t="s">
        <v>191</v>
      </c>
      <c r="D64658" s="14" t="s">
        <v>64</v>
      </c>
      <c r="E64658" s="15">
        <v>45429</v>
      </c>
      <c r="F64658" s="14" t="s">
        <v>28</v>
      </c>
      <c r="G64658" s="16">
        <v>0</v>
      </c>
    </row>
    <row r="64659" spans="1:7" x14ac:dyDescent="0.3">
      <c r="A64659" s="13" t="s">
        <v>347</v>
      </c>
      <c r="B64659" s="14" t="s">
        <v>1</v>
      </c>
      <c r="C64659" s="14" t="s">
        <v>191</v>
      </c>
      <c r="D64659" s="14" t="s">
        <v>64</v>
      </c>
      <c r="E64659" s="15">
        <v>45430</v>
      </c>
      <c r="F64659" s="14" t="s">
        <v>28</v>
      </c>
      <c r="G64659" s="16">
        <v>0</v>
      </c>
    </row>
    <row r="64660" spans="1:7" x14ac:dyDescent="0.3">
      <c r="A64660" s="13" t="s">
        <v>347</v>
      </c>
      <c r="B64660" s="14" t="s">
        <v>1</v>
      </c>
      <c r="C64660" s="14" t="s">
        <v>191</v>
      </c>
      <c r="D64660" s="14" t="s">
        <v>64</v>
      </c>
      <c r="E64660" s="15">
        <v>45431</v>
      </c>
      <c r="F64660" s="14" t="s">
        <v>28</v>
      </c>
      <c r="G64660" s="16">
        <v>0</v>
      </c>
    </row>
    <row r="64661" spans="1:7" x14ac:dyDescent="0.3">
      <c r="A64661" s="13" t="s">
        <v>347</v>
      </c>
      <c r="B64661" s="14" t="s">
        <v>1</v>
      </c>
      <c r="C64661" s="14" t="s">
        <v>191</v>
      </c>
      <c r="D64661" s="14" t="s">
        <v>64</v>
      </c>
      <c r="E64661" s="15">
        <v>45432</v>
      </c>
      <c r="F64661" s="14" t="s">
        <v>28</v>
      </c>
      <c r="G64661" s="16">
        <v>0</v>
      </c>
    </row>
    <row r="64662" spans="1:7" x14ac:dyDescent="0.3">
      <c r="A64662" s="13" t="s">
        <v>347</v>
      </c>
      <c r="B64662" s="14" t="s">
        <v>1</v>
      </c>
      <c r="C64662" s="14" t="s">
        <v>191</v>
      </c>
      <c r="D64662" s="14" t="s">
        <v>64</v>
      </c>
      <c r="E64662" s="15">
        <v>45433</v>
      </c>
      <c r="F64662" s="14" t="s">
        <v>28</v>
      </c>
      <c r="G64662" s="16">
        <v>0</v>
      </c>
    </row>
    <row r="64663" spans="1:7" x14ac:dyDescent="0.3">
      <c r="A64663" s="13" t="s">
        <v>347</v>
      </c>
      <c r="B64663" s="14" t="s">
        <v>1</v>
      </c>
      <c r="C64663" s="14" t="s">
        <v>191</v>
      </c>
      <c r="D64663" s="14" t="s">
        <v>64</v>
      </c>
      <c r="E64663" s="15">
        <v>45434</v>
      </c>
      <c r="F64663" s="14" t="s">
        <v>28</v>
      </c>
      <c r="G64663" s="16">
        <v>0</v>
      </c>
    </row>
    <row r="64664" spans="1:7" x14ac:dyDescent="0.3">
      <c r="A64664" s="13" t="s">
        <v>347</v>
      </c>
      <c r="B64664" s="14" t="s">
        <v>1</v>
      </c>
      <c r="C64664" s="14" t="s">
        <v>191</v>
      </c>
      <c r="D64664" s="14" t="s">
        <v>64</v>
      </c>
      <c r="E64664" s="15">
        <v>45435</v>
      </c>
      <c r="F64664" s="14" t="s">
        <v>28</v>
      </c>
      <c r="G64664" s="16">
        <v>0</v>
      </c>
    </row>
    <row r="64665" spans="1:7" x14ac:dyDescent="0.3">
      <c r="A64665" s="13" t="s">
        <v>347</v>
      </c>
      <c r="B64665" s="14" t="s">
        <v>1</v>
      </c>
      <c r="C64665" s="14" t="s">
        <v>191</v>
      </c>
      <c r="D64665" s="14" t="s">
        <v>64</v>
      </c>
      <c r="E64665" s="15">
        <v>45436</v>
      </c>
      <c r="F64665" s="14" t="s">
        <v>28</v>
      </c>
      <c r="G64665" s="16">
        <v>0</v>
      </c>
    </row>
    <row r="64666" spans="1:7" x14ac:dyDescent="0.3">
      <c r="A64666" s="13" t="s">
        <v>347</v>
      </c>
      <c r="B64666" s="14" t="s">
        <v>1</v>
      </c>
      <c r="C64666" s="14" t="s">
        <v>191</v>
      </c>
      <c r="D64666" s="14" t="s">
        <v>64</v>
      </c>
      <c r="E64666" s="15">
        <v>45437</v>
      </c>
      <c r="F64666" s="14" t="s">
        <v>28</v>
      </c>
      <c r="G64666" s="16">
        <v>0</v>
      </c>
    </row>
    <row r="64667" spans="1:7" x14ac:dyDescent="0.3">
      <c r="A64667" s="13" t="s">
        <v>347</v>
      </c>
      <c r="B64667" s="14" t="s">
        <v>1</v>
      </c>
      <c r="C64667" s="14" t="s">
        <v>191</v>
      </c>
      <c r="D64667" s="14" t="s">
        <v>64</v>
      </c>
      <c r="E64667" s="15">
        <v>45438</v>
      </c>
      <c r="F64667" s="14" t="s">
        <v>28</v>
      </c>
      <c r="G64667" s="16">
        <v>0</v>
      </c>
    </row>
    <row r="64668" spans="1:7" x14ac:dyDescent="0.3">
      <c r="A64668" s="13" t="s">
        <v>347</v>
      </c>
      <c r="B64668" s="14" t="s">
        <v>1</v>
      </c>
      <c r="C64668" s="14" t="s">
        <v>191</v>
      </c>
      <c r="D64668" s="14" t="s">
        <v>64</v>
      </c>
      <c r="E64668" s="15">
        <v>45439</v>
      </c>
      <c r="F64668" s="14" t="s">
        <v>28</v>
      </c>
      <c r="G64668" s="16">
        <v>0</v>
      </c>
    </row>
    <row r="64669" spans="1:7" x14ac:dyDescent="0.3">
      <c r="A64669" s="13" t="s">
        <v>347</v>
      </c>
      <c r="B64669" s="14" t="s">
        <v>1</v>
      </c>
      <c r="C64669" s="14" t="s">
        <v>191</v>
      </c>
      <c r="D64669" s="14" t="s">
        <v>64</v>
      </c>
      <c r="E64669" s="15">
        <v>45440</v>
      </c>
      <c r="F64669" s="14" t="s">
        <v>28</v>
      </c>
      <c r="G64669" s="16">
        <v>0</v>
      </c>
    </row>
    <row r="64670" spans="1:7" x14ac:dyDescent="0.3">
      <c r="A64670" s="13" t="s">
        <v>347</v>
      </c>
      <c r="B64670" s="14" t="s">
        <v>1</v>
      </c>
      <c r="C64670" s="14" t="s">
        <v>191</v>
      </c>
      <c r="D64670" s="14" t="s">
        <v>64</v>
      </c>
      <c r="E64670" s="15">
        <v>45441</v>
      </c>
      <c r="F64670" s="14" t="s">
        <v>28</v>
      </c>
      <c r="G64670" s="16">
        <v>0</v>
      </c>
    </row>
    <row r="64671" spans="1:7" x14ac:dyDescent="0.3">
      <c r="A64671" s="13" t="s">
        <v>347</v>
      </c>
      <c r="B64671" s="14" t="s">
        <v>1</v>
      </c>
      <c r="C64671" s="14" t="s">
        <v>191</v>
      </c>
      <c r="D64671" s="14" t="s">
        <v>64</v>
      </c>
      <c r="E64671" s="15">
        <v>45442</v>
      </c>
      <c r="F64671" s="14" t="s">
        <v>28</v>
      </c>
      <c r="G64671" s="16">
        <v>0</v>
      </c>
    </row>
    <row r="64672" spans="1:7" x14ac:dyDescent="0.3">
      <c r="A64672" s="13" t="s">
        <v>347</v>
      </c>
      <c r="B64672" s="14" t="s">
        <v>1</v>
      </c>
      <c r="C64672" s="14" t="s">
        <v>191</v>
      </c>
      <c r="D64672" s="14" t="s">
        <v>64</v>
      </c>
      <c r="E64672" s="15">
        <v>45443</v>
      </c>
      <c r="F64672" s="14" t="s">
        <v>28</v>
      </c>
      <c r="G64672" s="16">
        <v>0</v>
      </c>
    </row>
    <row r="64673" spans="1:7" x14ac:dyDescent="0.3">
      <c r="A64673" s="13" t="s">
        <v>347</v>
      </c>
      <c r="B64673" s="14" t="s">
        <v>1</v>
      </c>
      <c r="C64673" s="14" t="s">
        <v>191</v>
      </c>
      <c r="D64673" s="14" t="s">
        <v>64</v>
      </c>
      <c r="E64673" s="15">
        <v>45444</v>
      </c>
      <c r="F64673" s="14" t="s">
        <v>28</v>
      </c>
      <c r="G64673" s="16">
        <v>0</v>
      </c>
    </row>
    <row r="64674" spans="1:7" x14ac:dyDescent="0.3">
      <c r="A64674" s="13" t="s">
        <v>347</v>
      </c>
      <c r="B64674" s="14" t="s">
        <v>1</v>
      </c>
      <c r="C64674" s="14" t="s">
        <v>191</v>
      </c>
      <c r="D64674" s="14" t="s">
        <v>64</v>
      </c>
      <c r="E64674" s="15">
        <v>45445</v>
      </c>
      <c r="F64674" s="14" t="s">
        <v>28</v>
      </c>
      <c r="G64674" s="16">
        <v>0</v>
      </c>
    </row>
    <row r="64675" spans="1:7" x14ac:dyDescent="0.3">
      <c r="A64675" s="13" t="s">
        <v>347</v>
      </c>
      <c r="B64675" s="14" t="s">
        <v>1</v>
      </c>
      <c r="C64675" s="14" t="s">
        <v>191</v>
      </c>
      <c r="D64675" s="14" t="s">
        <v>64</v>
      </c>
      <c r="E64675" s="15">
        <v>45446</v>
      </c>
      <c r="F64675" s="14" t="s">
        <v>28</v>
      </c>
      <c r="G64675" s="16">
        <v>0</v>
      </c>
    </row>
    <row r="64676" spans="1:7" x14ac:dyDescent="0.3">
      <c r="A64676" s="13" t="s">
        <v>347</v>
      </c>
      <c r="B64676" s="14" t="s">
        <v>1</v>
      </c>
      <c r="C64676" s="14" t="s">
        <v>191</v>
      </c>
      <c r="D64676" s="14" t="s">
        <v>64</v>
      </c>
      <c r="E64676" s="15">
        <v>45447</v>
      </c>
      <c r="F64676" s="14" t="s">
        <v>28</v>
      </c>
      <c r="G64676" s="16">
        <v>0</v>
      </c>
    </row>
    <row r="64677" spans="1:7" x14ac:dyDescent="0.3">
      <c r="A64677" s="13" t="s">
        <v>347</v>
      </c>
      <c r="B64677" s="14" t="s">
        <v>1</v>
      </c>
      <c r="C64677" s="14" t="s">
        <v>191</v>
      </c>
      <c r="D64677" s="14" t="s">
        <v>64</v>
      </c>
      <c r="E64677" s="15">
        <v>45448</v>
      </c>
      <c r="F64677" s="14" t="s">
        <v>28</v>
      </c>
      <c r="G64677" s="16">
        <v>0</v>
      </c>
    </row>
    <row r="64678" spans="1:7" x14ac:dyDescent="0.3">
      <c r="A64678" s="13" t="s">
        <v>347</v>
      </c>
      <c r="B64678" s="14" t="s">
        <v>1</v>
      </c>
      <c r="C64678" s="14" t="s">
        <v>191</v>
      </c>
      <c r="D64678" s="14" t="s">
        <v>64</v>
      </c>
      <c r="E64678" s="15">
        <v>45449</v>
      </c>
      <c r="F64678" s="14" t="s">
        <v>28</v>
      </c>
      <c r="G64678" s="16">
        <v>0</v>
      </c>
    </row>
    <row r="64679" spans="1:7" x14ac:dyDescent="0.3">
      <c r="A64679" s="13" t="s">
        <v>347</v>
      </c>
      <c r="B64679" s="14" t="s">
        <v>1</v>
      </c>
      <c r="C64679" s="14" t="s">
        <v>191</v>
      </c>
      <c r="D64679" s="14" t="s">
        <v>64</v>
      </c>
      <c r="E64679" s="15">
        <v>45450</v>
      </c>
      <c r="F64679" s="14" t="s">
        <v>28</v>
      </c>
      <c r="G64679" s="16">
        <v>0</v>
      </c>
    </row>
    <row r="64680" spans="1:7" x14ac:dyDescent="0.3">
      <c r="A64680" s="13" t="s">
        <v>347</v>
      </c>
      <c r="B64680" s="14" t="s">
        <v>1</v>
      </c>
      <c r="C64680" s="14" t="s">
        <v>191</v>
      </c>
      <c r="D64680" s="14" t="s">
        <v>64</v>
      </c>
      <c r="E64680" s="15">
        <v>45451</v>
      </c>
      <c r="F64680" s="14" t="s">
        <v>28</v>
      </c>
      <c r="G64680" s="16">
        <v>0</v>
      </c>
    </row>
    <row r="64681" spans="1:7" x14ac:dyDescent="0.3">
      <c r="A64681" s="13" t="s">
        <v>347</v>
      </c>
      <c r="B64681" s="14" t="s">
        <v>1</v>
      </c>
      <c r="C64681" s="14" t="s">
        <v>191</v>
      </c>
      <c r="D64681" s="14" t="s">
        <v>64</v>
      </c>
      <c r="E64681" s="15">
        <v>45452</v>
      </c>
      <c r="F64681" s="14" t="s">
        <v>28</v>
      </c>
      <c r="G64681" s="16">
        <v>0</v>
      </c>
    </row>
    <row r="64682" spans="1:7" x14ac:dyDescent="0.3">
      <c r="A64682" s="13" t="s">
        <v>347</v>
      </c>
      <c r="B64682" s="14" t="s">
        <v>1</v>
      </c>
      <c r="C64682" s="14" t="s">
        <v>191</v>
      </c>
      <c r="D64682" s="14" t="s">
        <v>64</v>
      </c>
      <c r="E64682" s="15">
        <v>45453</v>
      </c>
      <c r="F64682" s="14" t="s">
        <v>28</v>
      </c>
      <c r="G64682" s="16">
        <v>0</v>
      </c>
    </row>
    <row r="64683" spans="1:7" x14ac:dyDescent="0.3">
      <c r="A64683" s="13" t="s">
        <v>347</v>
      </c>
      <c r="B64683" s="14" t="s">
        <v>1</v>
      </c>
      <c r="C64683" s="14" t="s">
        <v>191</v>
      </c>
      <c r="D64683" s="14" t="s">
        <v>64</v>
      </c>
      <c r="E64683" s="15">
        <v>45454</v>
      </c>
      <c r="F64683" s="14" t="s">
        <v>28</v>
      </c>
      <c r="G64683" s="16">
        <v>0</v>
      </c>
    </row>
    <row r="64684" spans="1:7" x14ac:dyDescent="0.3">
      <c r="A64684" s="13" t="s">
        <v>347</v>
      </c>
      <c r="B64684" s="14" t="s">
        <v>1</v>
      </c>
      <c r="C64684" s="14" t="s">
        <v>191</v>
      </c>
      <c r="D64684" s="14" t="s">
        <v>64</v>
      </c>
      <c r="E64684" s="15">
        <v>45455</v>
      </c>
      <c r="F64684" s="14" t="s">
        <v>28</v>
      </c>
      <c r="G64684" s="16">
        <v>0</v>
      </c>
    </row>
    <row r="64685" spans="1:7" x14ac:dyDescent="0.3">
      <c r="A64685" s="13" t="s">
        <v>347</v>
      </c>
      <c r="B64685" s="14" t="s">
        <v>1</v>
      </c>
      <c r="C64685" s="14" t="s">
        <v>191</v>
      </c>
      <c r="D64685" s="14" t="s">
        <v>64</v>
      </c>
      <c r="E64685" s="15">
        <v>45456</v>
      </c>
      <c r="F64685" s="14" t="s">
        <v>28</v>
      </c>
      <c r="G64685" s="16">
        <v>0</v>
      </c>
    </row>
    <row r="64686" spans="1:7" x14ac:dyDescent="0.3">
      <c r="A64686" s="13" t="s">
        <v>347</v>
      </c>
      <c r="B64686" s="14" t="s">
        <v>1</v>
      </c>
      <c r="C64686" s="14" t="s">
        <v>191</v>
      </c>
      <c r="D64686" s="14" t="s">
        <v>64</v>
      </c>
      <c r="E64686" s="15">
        <v>45457</v>
      </c>
      <c r="F64686" s="14" t="s">
        <v>28</v>
      </c>
      <c r="G64686" s="16">
        <v>0</v>
      </c>
    </row>
    <row r="64687" spans="1:7" x14ac:dyDescent="0.3">
      <c r="A64687" s="13" t="s">
        <v>347</v>
      </c>
      <c r="B64687" s="14" t="s">
        <v>1</v>
      </c>
      <c r="C64687" s="14" t="s">
        <v>191</v>
      </c>
      <c r="D64687" s="14" t="s">
        <v>64</v>
      </c>
      <c r="E64687" s="15">
        <v>45458</v>
      </c>
      <c r="F64687" s="14" t="s">
        <v>28</v>
      </c>
      <c r="G64687" s="16">
        <v>0</v>
      </c>
    </row>
    <row r="64688" spans="1:7" x14ac:dyDescent="0.3">
      <c r="A64688" s="13" t="s">
        <v>347</v>
      </c>
      <c r="B64688" s="14" t="s">
        <v>1</v>
      </c>
      <c r="C64688" s="14" t="s">
        <v>191</v>
      </c>
      <c r="D64688" s="14" t="s">
        <v>64</v>
      </c>
      <c r="E64688" s="15">
        <v>45459</v>
      </c>
      <c r="F64688" s="14" t="s">
        <v>28</v>
      </c>
      <c r="G64688" s="16">
        <v>0</v>
      </c>
    </row>
    <row r="64689" spans="1:7" x14ac:dyDescent="0.3">
      <c r="A64689" s="13" t="s">
        <v>347</v>
      </c>
      <c r="B64689" s="14" t="s">
        <v>1</v>
      </c>
      <c r="C64689" s="14" t="s">
        <v>191</v>
      </c>
      <c r="D64689" s="14" t="s">
        <v>64</v>
      </c>
      <c r="E64689" s="15">
        <v>45460</v>
      </c>
      <c r="F64689" s="14" t="s">
        <v>28</v>
      </c>
      <c r="G64689" s="16">
        <v>0</v>
      </c>
    </row>
    <row r="64690" spans="1:7" x14ac:dyDescent="0.3">
      <c r="A64690" s="13" t="s">
        <v>347</v>
      </c>
      <c r="B64690" s="14" t="s">
        <v>1</v>
      </c>
      <c r="C64690" s="14" t="s">
        <v>191</v>
      </c>
      <c r="D64690" s="14" t="s">
        <v>64</v>
      </c>
      <c r="E64690" s="15">
        <v>45461</v>
      </c>
      <c r="F64690" s="14" t="s">
        <v>28</v>
      </c>
      <c r="G64690" s="16">
        <v>0</v>
      </c>
    </row>
    <row r="64691" spans="1:7" x14ac:dyDescent="0.3">
      <c r="A64691" s="13" t="s">
        <v>347</v>
      </c>
      <c r="B64691" s="14" t="s">
        <v>1</v>
      </c>
      <c r="C64691" s="14" t="s">
        <v>191</v>
      </c>
      <c r="D64691" s="14" t="s">
        <v>64</v>
      </c>
      <c r="E64691" s="15">
        <v>45462</v>
      </c>
      <c r="F64691" s="14" t="s">
        <v>28</v>
      </c>
      <c r="G64691" s="16">
        <v>0</v>
      </c>
    </row>
    <row r="64692" spans="1:7" x14ac:dyDescent="0.3">
      <c r="A64692" s="13" t="s">
        <v>347</v>
      </c>
      <c r="B64692" s="14" t="s">
        <v>1</v>
      </c>
      <c r="C64692" s="14" t="s">
        <v>191</v>
      </c>
      <c r="D64692" s="14" t="s">
        <v>64</v>
      </c>
      <c r="E64692" s="15">
        <v>45463</v>
      </c>
      <c r="F64692" s="14" t="s">
        <v>28</v>
      </c>
      <c r="G64692" s="16">
        <v>0</v>
      </c>
    </row>
    <row r="64693" spans="1:7" x14ac:dyDescent="0.3">
      <c r="A64693" s="13" t="s">
        <v>347</v>
      </c>
      <c r="B64693" s="14" t="s">
        <v>1</v>
      </c>
      <c r="C64693" s="14" t="s">
        <v>191</v>
      </c>
      <c r="D64693" s="14" t="s">
        <v>64</v>
      </c>
      <c r="E64693" s="15">
        <v>45464</v>
      </c>
      <c r="F64693" s="14" t="s">
        <v>28</v>
      </c>
      <c r="G64693" s="16">
        <v>0</v>
      </c>
    </row>
    <row r="64694" spans="1:7" x14ac:dyDescent="0.3">
      <c r="A64694" s="13" t="s">
        <v>347</v>
      </c>
      <c r="B64694" s="14" t="s">
        <v>1</v>
      </c>
      <c r="C64694" s="14" t="s">
        <v>191</v>
      </c>
      <c r="D64694" s="14" t="s">
        <v>64</v>
      </c>
      <c r="E64694" s="15">
        <v>45465</v>
      </c>
      <c r="F64694" s="14" t="s">
        <v>28</v>
      </c>
      <c r="G64694" s="16">
        <v>0</v>
      </c>
    </row>
    <row r="64695" spans="1:7" x14ac:dyDescent="0.3">
      <c r="A64695" s="13" t="s">
        <v>347</v>
      </c>
      <c r="B64695" s="14" t="s">
        <v>1</v>
      </c>
      <c r="C64695" s="14" t="s">
        <v>191</v>
      </c>
      <c r="D64695" s="14" t="s">
        <v>64</v>
      </c>
      <c r="E64695" s="15">
        <v>45466</v>
      </c>
      <c r="F64695" s="14" t="s">
        <v>28</v>
      </c>
      <c r="G64695" s="16">
        <v>0</v>
      </c>
    </row>
    <row r="64696" spans="1:7" x14ac:dyDescent="0.3">
      <c r="A64696" s="13" t="s">
        <v>347</v>
      </c>
      <c r="B64696" s="14" t="s">
        <v>1</v>
      </c>
      <c r="C64696" s="14" t="s">
        <v>191</v>
      </c>
      <c r="D64696" s="14" t="s">
        <v>64</v>
      </c>
      <c r="E64696" s="15">
        <v>45467</v>
      </c>
      <c r="F64696" s="14" t="s">
        <v>28</v>
      </c>
      <c r="G64696" s="16">
        <v>0</v>
      </c>
    </row>
    <row r="64697" spans="1:7" x14ac:dyDescent="0.3">
      <c r="A64697" s="13" t="s">
        <v>347</v>
      </c>
      <c r="B64697" s="14" t="s">
        <v>1</v>
      </c>
      <c r="C64697" s="14" t="s">
        <v>191</v>
      </c>
      <c r="D64697" s="14" t="s">
        <v>64</v>
      </c>
      <c r="E64697" s="15">
        <v>45468</v>
      </c>
      <c r="F64697" s="14" t="s">
        <v>28</v>
      </c>
      <c r="G64697" s="16">
        <v>0</v>
      </c>
    </row>
    <row r="64698" spans="1:7" x14ac:dyDescent="0.3">
      <c r="A64698" s="13" t="s">
        <v>347</v>
      </c>
      <c r="B64698" s="14" t="s">
        <v>1</v>
      </c>
      <c r="C64698" s="14" t="s">
        <v>191</v>
      </c>
      <c r="D64698" s="14" t="s">
        <v>64</v>
      </c>
      <c r="E64698" s="15">
        <v>45469</v>
      </c>
      <c r="F64698" s="14" t="s">
        <v>28</v>
      </c>
      <c r="G64698" s="16">
        <v>0</v>
      </c>
    </row>
    <row r="64699" spans="1:7" x14ac:dyDescent="0.3">
      <c r="A64699" s="13" t="s">
        <v>347</v>
      </c>
      <c r="B64699" s="14" t="s">
        <v>1</v>
      </c>
      <c r="C64699" s="14" t="s">
        <v>191</v>
      </c>
      <c r="D64699" s="14" t="s">
        <v>64</v>
      </c>
      <c r="E64699" s="15">
        <v>45470</v>
      </c>
      <c r="F64699" s="14" t="s">
        <v>28</v>
      </c>
      <c r="G64699" s="16">
        <v>0</v>
      </c>
    </row>
    <row r="64700" spans="1:7" x14ac:dyDescent="0.3">
      <c r="A64700" s="13" t="s">
        <v>347</v>
      </c>
      <c r="B64700" s="14" t="s">
        <v>1</v>
      </c>
      <c r="C64700" s="14" t="s">
        <v>191</v>
      </c>
      <c r="D64700" s="14" t="s">
        <v>64</v>
      </c>
      <c r="E64700" s="15">
        <v>45471</v>
      </c>
      <c r="F64700" s="14" t="s">
        <v>28</v>
      </c>
      <c r="G64700" s="16">
        <v>0.47379300874720759</v>
      </c>
    </row>
    <row r="64701" spans="1:7" x14ac:dyDescent="0.3">
      <c r="A64701" s="13" t="s">
        <v>347</v>
      </c>
      <c r="B64701" s="14" t="s">
        <v>1</v>
      </c>
      <c r="C64701" s="14" t="s">
        <v>191</v>
      </c>
      <c r="D64701" s="14" t="s">
        <v>64</v>
      </c>
      <c r="E64701" s="15">
        <v>45472</v>
      </c>
      <c r="F64701" s="14" t="s">
        <v>28</v>
      </c>
      <c r="G64701" s="16">
        <v>0.47379300874720759</v>
      </c>
    </row>
    <row r="64702" spans="1:7" x14ac:dyDescent="0.3">
      <c r="A64702" s="13" t="s">
        <v>347</v>
      </c>
      <c r="B64702" s="14" t="s">
        <v>1</v>
      </c>
      <c r="C64702" s="14" t="s">
        <v>191</v>
      </c>
      <c r="D64702" s="14" t="s">
        <v>64</v>
      </c>
      <c r="E64702" s="15">
        <v>45473</v>
      </c>
      <c r="F64702" s="14" t="s">
        <v>28</v>
      </c>
      <c r="G64702" s="16">
        <v>0.47379300874720759</v>
      </c>
    </row>
    <row r="64703" spans="1:7" x14ac:dyDescent="0.3">
      <c r="A64703" s="13" t="s">
        <v>347</v>
      </c>
      <c r="B64703" s="14" t="s">
        <v>1</v>
      </c>
      <c r="C64703" s="14" t="s">
        <v>191</v>
      </c>
      <c r="D64703" s="14" t="s">
        <v>64</v>
      </c>
      <c r="E64703" s="15">
        <v>45474</v>
      </c>
      <c r="F64703" s="14" t="s">
        <v>28</v>
      </c>
      <c r="G64703" s="16">
        <v>0</v>
      </c>
    </row>
    <row r="64704" spans="1:7" x14ac:dyDescent="0.3">
      <c r="A64704" s="13" t="s">
        <v>347</v>
      </c>
      <c r="B64704" s="14" t="s">
        <v>1</v>
      </c>
      <c r="C64704" s="14" t="s">
        <v>191</v>
      </c>
      <c r="D64704" s="14" t="s">
        <v>64</v>
      </c>
      <c r="E64704" s="15">
        <v>45475</v>
      </c>
      <c r="F64704" s="14" t="s">
        <v>28</v>
      </c>
      <c r="G64704" s="16">
        <v>0</v>
      </c>
    </row>
    <row r="64705" spans="1:7" x14ac:dyDescent="0.3">
      <c r="A64705" s="13" t="s">
        <v>347</v>
      </c>
      <c r="B64705" s="14" t="s">
        <v>1</v>
      </c>
      <c r="C64705" s="14" t="s">
        <v>191</v>
      </c>
      <c r="D64705" s="14" t="s">
        <v>64</v>
      </c>
      <c r="E64705" s="15">
        <v>45476</v>
      </c>
      <c r="F64705" s="14" t="s">
        <v>28</v>
      </c>
      <c r="G64705" s="16">
        <v>0</v>
      </c>
    </row>
    <row r="64706" spans="1:7" x14ac:dyDescent="0.3">
      <c r="A64706" s="13" t="s">
        <v>347</v>
      </c>
      <c r="B64706" s="14" t="s">
        <v>1</v>
      </c>
      <c r="C64706" s="14" t="s">
        <v>191</v>
      </c>
      <c r="D64706" s="14" t="s">
        <v>64</v>
      </c>
      <c r="E64706" s="15">
        <v>45477</v>
      </c>
      <c r="F64706" s="14" t="s">
        <v>28</v>
      </c>
      <c r="G64706" s="16">
        <v>0</v>
      </c>
    </row>
    <row r="64707" spans="1:7" x14ac:dyDescent="0.3">
      <c r="A64707" s="13" t="s">
        <v>347</v>
      </c>
      <c r="B64707" s="14" t="s">
        <v>1</v>
      </c>
      <c r="C64707" s="14" t="s">
        <v>191</v>
      </c>
      <c r="D64707" s="14" t="s">
        <v>64</v>
      </c>
      <c r="E64707" s="15">
        <v>45478</v>
      </c>
      <c r="F64707" s="14" t="s">
        <v>28</v>
      </c>
      <c r="G64707" s="16">
        <v>0</v>
      </c>
    </row>
    <row r="64708" spans="1:7" x14ac:dyDescent="0.3">
      <c r="A64708" s="13" t="s">
        <v>347</v>
      </c>
      <c r="B64708" s="14" t="s">
        <v>1</v>
      </c>
      <c r="C64708" s="14" t="s">
        <v>191</v>
      </c>
      <c r="D64708" s="14" t="s">
        <v>64</v>
      </c>
      <c r="E64708" s="15">
        <v>45479</v>
      </c>
      <c r="F64708" s="14" t="s">
        <v>28</v>
      </c>
      <c r="G64708" s="16">
        <v>0</v>
      </c>
    </row>
    <row r="64709" spans="1:7" x14ac:dyDescent="0.3">
      <c r="A64709" s="13" t="s">
        <v>347</v>
      </c>
      <c r="B64709" s="14" t="s">
        <v>1</v>
      </c>
      <c r="C64709" s="14" t="s">
        <v>191</v>
      </c>
      <c r="D64709" s="14" t="s">
        <v>64</v>
      </c>
      <c r="E64709" s="15">
        <v>45480</v>
      </c>
      <c r="F64709" s="14" t="s">
        <v>28</v>
      </c>
      <c r="G64709" s="16">
        <v>0</v>
      </c>
    </row>
    <row r="64710" spans="1:7" x14ac:dyDescent="0.3">
      <c r="A64710" s="13" t="s">
        <v>347</v>
      </c>
      <c r="B64710" s="14" t="s">
        <v>1</v>
      </c>
      <c r="C64710" s="14" t="s">
        <v>191</v>
      </c>
      <c r="D64710" s="14" t="s">
        <v>64</v>
      </c>
      <c r="E64710" s="15">
        <v>45481</v>
      </c>
      <c r="F64710" s="14" t="s">
        <v>28</v>
      </c>
      <c r="G64710" s="16">
        <v>0</v>
      </c>
    </row>
    <row r="64711" spans="1:7" x14ac:dyDescent="0.3">
      <c r="A64711" s="13" t="s">
        <v>347</v>
      </c>
      <c r="B64711" s="14" t="s">
        <v>1</v>
      </c>
      <c r="C64711" s="14" t="s">
        <v>191</v>
      </c>
      <c r="D64711" s="14" t="s">
        <v>64</v>
      </c>
      <c r="E64711" s="15">
        <v>45482</v>
      </c>
      <c r="F64711" s="14" t="s">
        <v>28</v>
      </c>
      <c r="G64711" s="16">
        <v>0</v>
      </c>
    </row>
    <row r="64712" spans="1:7" x14ac:dyDescent="0.3">
      <c r="A64712" s="13" t="s">
        <v>347</v>
      </c>
      <c r="B64712" s="14" t="s">
        <v>1</v>
      </c>
      <c r="C64712" s="14" t="s">
        <v>191</v>
      </c>
      <c r="D64712" s="14" t="s">
        <v>64</v>
      </c>
      <c r="E64712" s="15">
        <v>45483</v>
      </c>
      <c r="F64712" s="14" t="s">
        <v>28</v>
      </c>
      <c r="G64712" s="16">
        <v>0</v>
      </c>
    </row>
    <row r="64713" spans="1:7" x14ac:dyDescent="0.3">
      <c r="A64713" s="13" t="s">
        <v>347</v>
      </c>
      <c r="B64713" s="14" t="s">
        <v>1</v>
      </c>
      <c r="C64713" s="14" t="s">
        <v>191</v>
      </c>
      <c r="D64713" s="14" t="s">
        <v>64</v>
      </c>
      <c r="E64713" s="15">
        <v>45484</v>
      </c>
      <c r="F64713" s="14" t="s">
        <v>28</v>
      </c>
      <c r="G64713" s="16">
        <v>0</v>
      </c>
    </row>
    <row r="64714" spans="1:7" x14ac:dyDescent="0.3">
      <c r="A64714" s="13" t="s">
        <v>347</v>
      </c>
      <c r="B64714" s="14" t="s">
        <v>1</v>
      </c>
      <c r="C64714" s="14" t="s">
        <v>191</v>
      </c>
      <c r="D64714" s="14" t="s">
        <v>64</v>
      </c>
      <c r="E64714" s="15">
        <v>45485</v>
      </c>
      <c r="F64714" s="14" t="s">
        <v>28</v>
      </c>
      <c r="G64714" s="16">
        <v>0</v>
      </c>
    </row>
    <row r="64715" spans="1:7" x14ac:dyDescent="0.3">
      <c r="A64715" s="13" t="s">
        <v>347</v>
      </c>
      <c r="B64715" s="14" t="s">
        <v>1</v>
      </c>
      <c r="C64715" s="14" t="s">
        <v>191</v>
      </c>
      <c r="D64715" s="14" t="s">
        <v>64</v>
      </c>
      <c r="E64715" s="15">
        <v>45486</v>
      </c>
      <c r="F64715" s="14" t="s">
        <v>28</v>
      </c>
      <c r="G64715" s="16">
        <v>0</v>
      </c>
    </row>
    <row r="64716" spans="1:7" x14ac:dyDescent="0.3">
      <c r="A64716" s="13" t="s">
        <v>347</v>
      </c>
      <c r="B64716" s="14" t="s">
        <v>1</v>
      </c>
      <c r="C64716" s="14" t="s">
        <v>191</v>
      </c>
      <c r="D64716" s="14" t="s">
        <v>64</v>
      </c>
      <c r="E64716" s="15">
        <v>45487</v>
      </c>
      <c r="F64716" s="14" t="s">
        <v>28</v>
      </c>
      <c r="G64716" s="16">
        <v>0</v>
      </c>
    </row>
    <row r="64717" spans="1:7" x14ac:dyDescent="0.3">
      <c r="A64717" s="13" t="s">
        <v>347</v>
      </c>
      <c r="B64717" s="14" t="s">
        <v>1</v>
      </c>
      <c r="C64717" s="14" t="s">
        <v>191</v>
      </c>
      <c r="D64717" s="14" t="s">
        <v>64</v>
      </c>
      <c r="E64717" s="15">
        <v>45488</v>
      </c>
      <c r="F64717" s="14" t="s">
        <v>28</v>
      </c>
      <c r="G64717" s="16">
        <v>0</v>
      </c>
    </row>
    <row r="64718" spans="1:7" x14ac:dyDescent="0.3">
      <c r="A64718" s="13" t="s">
        <v>347</v>
      </c>
      <c r="B64718" s="14" t="s">
        <v>1</v>
      </c>
      <c r="C64718" s="14" t="s">
        <v>191</v>
      </c>
      <c r="D64718" s="14" t="s">
        <v>64</v>
      </c>
      <c r="E64718" s="15">
        <v>45489</v>
      </c>
      <c r="F64718" s="14" t="s">
        <v>28</v>
      </c>
      <c r="G64718" s="16">
        <v>0</v>
      </c>
    </row>
    <row r="64719" spans="1:7" x14ac:dyDescent="0.3">
      <c r="A64719" s="13" t="s">
        <v>347</v>
      </c>
      <c r="B64719" s="14" t="s">
        <v>1</v>
      </c>
      <c r="C64719" s="14" t="s">
        <v>191</v>
      </c>
      <c r="D64719" s="14" t="s">
        <v>64</v>
      </c>
      <c r="E64719" s="15">
        <v>45490</v>
      </c>
      <c r="F64719" s="14" t="s">
        <v>28</v>
      </c>
      <c r="G64719" s="16">
        <v>0</v>
      </c>
    </row>
    <row r="64720" spans="1:7" x14ac:dyDescent="0.3">
      <c r="A64720" s="13" t="s">
        <v>347</v>
      </c>
      <c r="B64720" s="14" t="s">
        <v>1</v>
      </c>
      <c r="C64720" s="14" t="s">
        <v>191</v>
      </c>
      <c r="D64720" s="14" t="s">
        <v>64</v>
      </c>
      <c r="E64720" s="15">
        <v>45491</v>
      </c>
      <c r="F64720" s="14" t="s">
        <v>28</v>
      </c>
      <c r="G64720" s="16">
        <v>0</v>
      </c>
    </row>
    <row r="64721" spans="1:7" x14ac:dyDescent="0.3">
      <c r="A64721" s="13" t="s">
        <v>347</v>
      </c>
      <c r="B64721" s="14" t="s">
        <v>1</v>
      </c>
      <c r="C64721" s="14" t="s">
        <v>191</v>
      </c>
      <c r="D64721" s="14" t="s">
        <v>64</v>
      </c>
      <c r="E64721" s="15">
        <v>45492</v>
      </c>
      <c r="F64721" s="14" t="s">
        <v>28</v>
      </c>
      <c r="G64721" s="16">
        <v>0</v>
      </c>
    </row>
    <row r="64722" spans="1:7" x14ac:dyDescent="0.3">
      <c r="A64722" s="13" t="s">
        <v>347</v>
      </c>
      <c r="B64722" s="14" t="s">
        <v>1</v>
      </c>
      <c r="C64722" s="14" t="s">
        <v>191</v>
      </c>
      <c r="D64722" s="14" t="s">
        <v>64</v>
      </c>
      <c r="E64722" s="15">
        <v>45493</v>
      </c>
      <c r="F64722" s="14" t="s">
        <v>28</v>
      </c>
      <c r="G64722" s="16">
        <v>0</v>
      </c>
    </row>
    <row r="64723" spans="1:7" x14ac:dyDescent="0.3">
      <c r="A64723" s="13" t="s">
        <v>347</v>
      </c>
      <c r="B64723" s="14" t="s">
        <v>1</v>
      </c>
      <c r="C64723" s="14" t="s">
        <v>191</v>
      </c>
      <c r="D64723" s="14" t="s">
        <v>64</v>
      </c>
      <c r="E64723" s="15">
        <v>45494</v>
      </c>
      <c r="F64723" s="14" t="s">
        <v>28</v>
      </c>
      <c r="G64723" s="16">
        <v>0</v>
      </c>
    </row>
    <row r="64724" spans="1:7" x14ac:dyDescent="0.3">
      <c r="A64724" s="13" t="s">
        <v>347</v>
      </c>
      <c r="B64724" s="14" t="s">
        <v>1</v>
      </c>
      <c r="C64724" s="14" t="s">
        <v>191</v>
      </c>
      <c r="D64724" s="14" t="s">
        <v>64</v>
      </c>
      <c r="E64724" s="15">
        <v>45495</v>
      </c>
      <c r="F64724" s="14" t="s">
        <v>28</v>
      </c>
      <c r="G64724" s="16">
        <v>0</v>
      </c>
    </row>
    <row r="64725" spans="1:7" x14ac:dyDescent="0.3">
      <c r="A64725" s="13" t="s">
        <v>347</v>
      </c>
      <c r="B64725" s="14" t="s">
        <v>1</v>
      </c>
      <c r="C64725" s="14" t="s">
        <v>191</v>
      </c>
      <c r="D64725" s="14" t="s">
        <v>64</v>
      </c>
      <c r="E64725" s="15">
        <v>45496</v>
      </c>
      <c r="F64725" s="14" t="s">
        <v>28</v>
      </c>
      <c r="G64725" s="16">
        <v>0</v>
      </c>
    </row>
    <row r="64726" spans="1:7" x14ac:dyDescent="0.3">
      <c r="A64726" s="13" t="s">
        <v>347</v>
      </c>
      <c r="B64726" s="14" t="s">
        <v>1</v>
      </c>
      <c r="C64726" s="14" t="s">
        <v>191</v>
      </c>
      <c r="D64726" s="14" t="s">
        <v>64</v>
      </c>
      <c r="E64726" s="15">
        <v>45497</v>
      </c>
      <c r="F64726" s="14" t="s">
        <v>28</v>
      </c>
      <c r="G64726" s="16">
        <v>0</v>
      </c>
    </row>
    <row r="64727" spans="1:7" x14ac:dyDescent="0.3">
      <c r="A64727" s="13" t="s">
        <v>347</v>
      </c>
      <c r="B64727" s="14" t="s">
        <v>1</v>
      </c>
      <c r="C64727" s="14" t="s">
        <v>191</v>
      </c>
      <c r="D64727" s="14" t="s">
        <v>64</v>
      </c>
      <c r="E64727" s="15">
        <v>45498</v>
      </c>
      <c r="F64727" s="14" t="s">
        <v>28</v>
      </c>
      <c r="G64727" s="16">
        <v>0</v>
      </c>
    </row>
    <row r="64728" spans="1:7" x14ac:dyDescent="0.3">
      <c r="A64728" s="13" t="s">
        <v>347</v>
      </c>
      <c r="B64728" s="14" t="s">
        <v>1</v>
      </c>
      <c r="C64728" s="14" t="s">
        <v>191</v>
      </c>
      <c r="D64728" s="14" t="s">
        <v>64</v>
      </c>
      <c r="E64728" s="15">
        <v>45499</v>
      </c>
      <c r="F64728" s="14" t="s">
        <v>28</v>
      </c>
      <c r="G64728" s="16">
        <v>0</v>
      </c>
    </row>
    <row r="64729" spans="1:7" x14ac:dyDescent="0.3">
      <c r="A64729" s="13" t="s">
        <v>347</v>
      </c>
      <c r="B64729" s="14" t="s">
        <v>1</v>
      </c>
      <c r="C64729" s="14" t="s">
        <v>191</v>
      </c>
      <c r="D64729" s="14" t="s">
        <v>64</v>
      </c>
      <c r="E64729" s="15">
        <v>45500</v>
      </c>
      <c r="F64729" s="14" t="s">
        <v>28</v>
      </c>
      <c r="G64729" s="16">
        <v>0</v>
      </c>
    </row>
    <row r="64730" spans="1:7" x14ac:dyDescent="0.3">
      <c r="A64730" s="13" t="s">
        <v>347</v>
      </c>
      <c r="B64730" s="14" t="s">
        <v>1</v>
      </c>
      <c r="C64730" s="14" t="s">
        <v>191</v>
      </c>
      <c r="D64730" s="14" t="s">
        <v>64</v>
      </c>
      <c r="E64730" s="15">
        <v>45501</v>
      </c>
      <c r="F64730" s="14" t="s">
        <v>28</v>
      </c>
      <c r="G64730" s="16">
        <v>0</v>
      </c>
    </row>
    <row r="64731" spans="1:7" x14ac:dyDescent="0.3">
      <c r="A64731" s="13" t="s">
        <v>347</v>
      </c>
      <c r="B64731" s="14" t="s">
        <v>1</v>
      </c>
      <c r="C64731" s="14" t="s">
        <v>191</v>
      </c>
      <c r="D64731" s="14" t="s">
        <v>64</v>
      </c>
      <c r="E64731" s="15">
        <v>45502</v>
      </c>
      <c r="F64731" s="14" t="s">
        <v>28</v>
      </c>
      <c r="G64731" s="16">
        <v>0</v>
      </c>
    </row>
    <row r="64732" spans="1:7" x14ac:dyDescent="0.3">
      <c r="A64732" s="13" t="s">
        <v>347</v>
      </c>
      <c r="B64732" s="14" t="s">
        <v>1</v>
      </c>
      <c r="C64732" s="14" t="s">
        <v>191</v>
      </c>
      <c r="D64732" s="14" t="s">
        <v>64</v>
      </c>
      <c r="E64732" s="15">
        <v>45503</v>
      </c>
      <c r="F64732" s="14" t="s">
        <v>28</v>
      </c>
      <c r="G64732" s="16">
        <v>0</v>
      </c>
    </row>
    <row r="64733" spans="1:7" x14ac:dyDescent="0.3">
      <c r="A64733" s="13" t="s">
        <v>347</v>
      </c>
      <c r="B64733" s="14" t="s">
        <v>1</v>
      </c>
      <c r="C64733" s="14" t="s">
        <v>191</v>
      </c>
      <c r="D64733" s="14" t="s">
        <v>64</v>
      </c>
      <c r="E64733" s="15">
        <v>45504</v>
      </c>
      <c r="F64733" s="14" t="s">
        <v>28</v>
      </c>
      <c r="G64733" s="16">
        <v>0</v>
      </c>
    </row>
    <row r="64734" spans="1:7" x14ac:dyDescent="0.3">
      <c r="A64734" s="13" t="s">
        <v>347</v>
      </c>
      <c r="B64734" s="14" t="s">
        <v>1</v>
      </c>
      <c r="C64734" s="14" t="s">
        <v>191</v>
      </c>
      <c r="D64734" s="14" t="s">
        <v>64</v>
      </c>
      <c r="E64734" s="15">
        <v>45505</v>
      </c>
      <c r="F64734" s="14" t="s">
        <v>28</v>
      </c>
      <c r="G64734" s="16">
        <v>0</v>
      </c>
    </row>
    <row r="64735" spans="1:7" x14ac:dyDescent="0.3">
      <c r="A64735" s="13" t="s">
        <v>347</v>
      </c>
      <c r="B64735" s="14" t="s">
        <v>1</v>
      </c>
      <c r="C64735" s="14" t="s">
        <v>191</v>
      </c>
      <c r="D64735" s="14" t="s">
        <v>64</v>
      </c>
      <c r="E64735" s="15">
        <v>45506</v>
      </c>
      <c r="F64735" s="14" t="s">
        <v>28</v>
      </c>
      <c r="G64735" s="16">
        <v>0</v>
      </c>
    </row>
    <row r="64736" spans="1:7" x14ac:dyDescent="0.3">
      <c r="A64736" s="13" t="s">
        <v>347</v>
      </c>
      <c r="B64736" s="14" t="s">
        <v>1</v>
      </c>
      <c r="C64736" s="14" t="s">
        <v>191</v>
      </c>
      <c r="D64736" s="14" t="s">
        <v>64</v>
      </c>
      <c r="E64736" s="15">
        <v>45507</v>
      </c>
      <c r="F64736" s="14" t="s">
        <v>28</v>
      </c>
      <c r="G64736" s="16">
        <v>0</v>
      </c>
    </row>
    <row r="64737" spans="1:7" x14ac:dyDescent="0.3">
      <c r="A64737" s="13" t="s">
        <v>347</v>
      </c>
      <c r="B64737" s="14" t="s">
        <v>1</v>
      </c>
      <c r="C64737" s="14" t="s">
        <v>191</v>
      </c>
      <c r="D64737" s="14" t="s">
        <v>64</v>
      </c>
      <c r="E64737" s="15">
        <v>45508</v>
      </c>
      <c r="F64737" s="14" t="s">
        <v>28</v>
      </c>
      <c r="G64737" s="16">
        <v>0</v>
      </c>
    </row>
    <row r="64738" spans="1:7" x14ac:dyDescent="0.3">
      <c r="A64738" s="13" t="s">
        <v>347</v>
      </c>
      <c r="B64738" s="14" t="s">
        <v>1</v>
      </c>
      <c r="C64738" s="14" t="s">
        <v>191</v>
      </c>
      <c r="D64738" s="14" t="s">
        <v>64</v>
      </c>
      <c r="E64738" s="15">
        <v>45509</v>
      </c>
      <c r="F64738" s="14" t="s">
        <v>28</v>
      </c>
      <c r="G64738" s="16">
        <v>0</v>
      </c>
    </row>
    <row r="64739" spans="1:7" x14ac:dyDescent="0.3">
      <c r="A64739" s="13" t="s">
        <v>347</v>
      </c>
      <c r="B64739" s="14" t="s">
        <v>1</v>
      </c>
      <c r="C64739" s="14" t="s">
        <v>191</v>
      </c>
      <c r="D64739" s="14" t="s">
        <v>64</v>
      </c>
      <c r="E64739" s="15">
        <v>45510</v>
      </c>
      <c r="F64739" s="14" t="s">
        <v>28</v>
      </c>
      <c r="G64739" s="16">
        <v>0</v>
      </c>
    </row>
    <row r="64740" spans="1:7" x14ac:dyDescent="0.3">
      <c r="A64740" s="13" t="s">
        <v>347</v>
      </c>
      <c r="B64740" s="14" t="s">
        <v>1</v>
      </c>
      <c r="C64740" s="14" t="s">
        <v>191</v>
      </c>
      <c r="D64740" s="14" t="s">
        <v>64</v>
      </c>
      <c r="E64740" s="15">
        <v>45511</v>
      </c>
      <c r="F64740" s="14" t="s">
        <v>28</v>
      </c>
      <c r="G64740" s="16">
        <v>3.7346315625944528E-3</v>
      </c>
    </row>
    <row r="64741" spans="1:7" x14ac:dyDescent="0.3">
      <c r="A64741" s="13" t="s">
        <v>347</v>
      </c>
      <c r="B64741" s="14" t="s">
        <v>1</v>
      </c>
      <c r="C64741" s="14" t="s">
        <v>191</v>
      </c>
      <c r="D64741" s="14" t="s">
        <v>64</v>
      </c>
      <c r="E64741" s="15">
        <v>45512</v>
      </c>
      <c r="F64741" s="14" t="s">
        <v>28</v>
      </c>
      <c r="G64741" s="16">
        <v>7.3932618543826479E-4</v>
      </c>
    </row>
    <row r="64742" spans="1:7" x14ac:dyDescent="0.3">
      <c r="A64742" s="13" t="s">
        <v>347</v>
      </c>
      <c r="B64742" s="14" t="s">
        <v>1</v>
      </c>
      <c r="C64742" s="14" t="s">
        <v>191</v>
      </c>
      <c r="D64742" s="14" t="s">
        <v>64</v>
      </c>
      <c r="E64742" s="15">
        <v>45513</v>
      </c>
      <c r="F64742" s="14" t="s">
        <v>28</v>
      </c>
      <c r="G64742" s="16">
        <v>7.3932618543826479E-4</v>
      </c>
    </row>
    <row r="64743" spans="1:7" x14ac:dyDescent="0.3">
      <c r="A64743" s="13" t="s">
        <v>347</v>
      </c>
      <c r="B64743" s="14" t="s">
        <v>1</v>
      </c>
      <c r="C64743" s="14" t="s">
        <v>191</v>
      </c>
      <c r="D64743" s="14" t="s">
        <v>64</v>
      </c>
      <c r="E64743" s="15">
        <v>45514</v>
      </c>
      <c r="F64743" s="14" t="s">
        <v>28</v>
      </c>
      <c r="G64743" s="16">
        <v>7.3932618543826479E-4</v>
      </c>
    </row>
    <row r="64744" spans="1:7" x14ac:dyDescent="0.3">
      <c r="A64744" s="13" t="s">
        <v>347</v>
      </c>
      <c r="B64744" s="14" t="s">
        <v>1</v>
      </c>
      <c r="C64744" s="14" t="s">
        <v>191</v>
      </c>
      <c r="D64744" s="14" t="s">
        <v>64</v>
      </c>
      <c r="E64744" s="15">
        <v>45515</v>
      </c>
      <c r="F64744" s="14" t="s">
        <v>28</v>
      </c>
      <c r="G64744" s="16">
        <v>7.3932618543826479E-4</v>
      </c>
    </row>
    <row r="64745" spans="1:7" x14ac:dyDescent="0.3">
      <c r="A64745" s="13" t="s">
        <v>347</v>
      </c>
      <c r="B64745" s="14" t="s">
        <v>1</v>
      </c>
      <c r="C64745" s="14" t="s">
        <v>191</v>
      </c>
      <c r="D64745" s="14" t="s">
        <v>64</v>
      </c>
      <c r="E64745" s="15">
        <v>45516</v>
      </c>
      <c r="F64745" s="14" t="s">
        <v>28</v>
      </c>
      <c r="G64745" s="16">
        <v>2.0432716749412922E-3</v>
      </c>
    </row>
    <row r="64746" spans="1:7" x14ac:dyDescent="0.3">
      <c r="A64746" s="13" t="s">
        <v>347</v>
      </c>
      <c r="B64746" s="14" t="s">
        <v>1</v>
      </c>
      <c r="C64746" s="14" t="s">
        <v>191</v>
      </c>
      <c r="D64746" s="14" t="s">
        <v>64</v>
      </c>
      <c r="E64746" s="15">
        <v>45517</v>
      </c>
      <c r="F64746" s="14" t="s">
        <v>28</v>
      </c>
      <c r="G64746" s="16">
        <v>0</v>
      </c>
    </row>
    <row r="64747" spans="1:7" x14ac:dyDescent="0.3">
      <c r="A64747" s="13" t="s">
        <v>347</v>
      </c>
      <c r="B64747" s="14" t="s">
        <v>1</v>
      </c>
      <c r="C64747" s="14" t="s">
        <v>191</v>
      </c>
      <c r="D64747" s="14" t="s">
        <v>64</v>
      </c>
      <c r="E64747" s="15">
        <v>45518</v>
      </c>
      <c r="F64747" s="14" t="s">
        <v>28</v>
      </c>
      <c r="G64747" s="16">
        <v>0</v>
      </c>
    </row>
    <row r="64748" spans="1:7" x14ac:dyDescent="0.3">
      <c r="A64748" s="13" t="s">
        <v>347</v>
      </c>
      <c r="B64748" s="14" t="s">
        <v>1</v>
      </c>
      <c r="C64748" s="14" t="s">
        <v>191</v>
      </c>
      <c r="D64748" s="14" t="s">
        <v>64</v>
      </c>
      <c r="E64748" s="15">
        <v>45519</v>
      </c>
      <c r="F64748" s="14" t="s">
        <v>28</v>
      </c>
      <c r="G64748" s="16">
        <v>0</v>
      </c>
    </row>
    <row r="64749" spans="1:7" x14ac:dyDescent="0.3">
      <c r="A64749" s="13" t="s">
        <v>347</v>
      </c>
      <c r="B64749" s="14" t="s">
        <v>1</v>
      </c>
      <c r="C64749" s="14" t="s">
        <v>191</v>
      </c>
      <c r="D64749" s="14" t="s">
        <v>64</v>
      </c>
      <c r="E64749" s="15">
        <v>45520</v>
      </c>
      <c r="F64749" s="14" t="s">
        <v>28</v>
      </c>
      <c r="G64749" s="16">
        <v>0.11993364369892499</v>
      </c>
    </row>
    <row r="64750" spans="1:7" x14ac:dyDescent="0.3">
      <c r="A64750" s="13" t="s">
        <v>347</v>
      </c>
      <c r="B64750" s="14" t="s">
        <v>1</v>
      </c>
      <c r="C64750" s="14" t="s">
        <v>191</v>
      </c>
      <c r="D64750" s="14" t="s">
        <v>64</v>
      </c>
      <c r="E64750" s="15">
        <v>45521</v>
      </c>
      <c r="F64750" s="14" t="s">
        <v>28</v>
      </c>
      <c r="G64750" s="16">
        <v>0.11993364369892499</v>
      </c>
    </row>
    <row r="64751" spans="1:7" x14ac:dyDescent="0.3">
      <c r="A64751" s="13" t="s">
        <v>347</v>
      </c>
      <c r="B64751" s="14" t="s">
        <v>1</v>
      </c>
      <c r="C64751" s="14" t="s">
        <v>191</v>
      </c>
      <c r="D64751" s="14" t="s">
        <v>64</v>
      </c>
      <c r="E64751" s="15">
        <v>45522</v>
      </c>
      <c r="F64751" s="14" t="s">
        <v>28</v>
      </c>
      <c r="G64751" s="16">
        <v>0.11993364369892499</v>
      </c>
    </row>
    <row r="64752" spans="1:7" x14ac:dyDescent="0.3">
      <c r="A64752" s="13" t="s">
        <v>347</v>
      </c>
      <c r="B64752" s="14" t="s">
        <v>1</v>
      </c>
      <c r="C64752" s="14" t="s">
        <v>191</v>
      </c>
      <c r="D64752" s="14" t="s">
        <v>64</v>
      </c>
      <c r="E64752" s="15">
        <v>45523</v>
      </c>
      <c r="F64752" s="14" t="s">
        <v>28</v>
      </c>
      <c r="G64752" s="16">
        <v>0.11617254820867223</v>
      </c>
    </row>
    <row r="64753" spans="1:7" x14ac:dyDescent="0.3">
      <c r="A64753" s="13" t="s">
        <v>347</v>
      </c>
      <c r="B64753" s="14" t="s">
        <v>1</v>
      </c>
      <c r="C64753" s="14" t="s">
        <v>191</v>
      </c>
      <c r="D64753" s="14" t="s">
        <v>64</v>
      </c>
      <c r="E64753" s="15">
        <v>45524</v>
      </c>
      <c r="F64753" s="14" t="s">
        <v>28</v>
      </c>
      <c r="G64753" s="16">
        <v>0.10662566238646289</v>
      </c>
    </row>
    <row r="64754" spans="1:7" x14ac:dyDescent="0.3">
      <c r="A64754" s="13" t="s">
        <v>347</v>
      </c>
      <c r="B64754" s="14" t="s">
        <v>1</v>
      </c>
      <c r="C64754" s="14" t="s">
        <v>191</v>
      </c>
      <c r="D64754" s="14" t="s">
        <v>64</v>
      </c>
      <c r="E64754" s="15">
        <v>45525</v>
      </c>
      <c r="F64754" s="14" t="s">
        <v>28</v>
      </c>
      <c r="G64754" s="16">
        <v>0.24615607985249058</v>
      </c>
    </row>
    <row r="64755" spans="1:7" x14ac:dyDescent="0.3">
      <c r="A64755" s="13" t="s">
        <v>347</v>
      </c>
      <c r="B64755" s="14" t="s">
        <v>1</v>
      </c>
      <c r="C64755" s="14" t="s">
        <v>191</v>
      </c>
      <c r="D64755" s="14" t="s">
        <v>64</v>
      </c>
      <c r="E64755" s="15">
        <v>45526</v>
      </c>
      <c r="F64755" s="14" t="s">
        <v>28</v>
      </c>
      <c r="G64755" s="16">
        <v>0.2440929422790811</v>
      </c>
    </row>
    <row r="64756" spans="1:7" x14ac:dyDescent="0.3">
      <c r="A64756" s="13" t="s">
        <v>347</v>
      </c>
      <c r="B64756" s="14" t="s">
        <v>1</v>
      </c>
      <c r="C64756" s="14" t="s">
        <v>191</v>
      </c>
      <c r="D64756" s="14" t="s">
        <v>64</v>
      </c>
      <c r="E64756" s="15">
        <v>45527</v>
      </c>
      <c r="F64756" s="14" t="s">
        <v>28</v>
      </c>
      <c r="G64756" s="16">
        <v>0.2390016507718811</v>
      </c>
    </row>
    <row r="64757" spans="1:7" x14ac:dyDescent="0.3">
      <c r="A64757" s="13" t="s">
        <v>347</v>
      </c>
      <c r="B64757" s="14" t="s">
        <v>1</v>
      </c>
      <c r="C64757" s="14" t="s">
        <v>191</v>
      </c>
      <c r="D64757" s="14" t="s">
        <v>64</v>
      </c>
      <c r="E64757" s="15">
        <v>45528</v>
      </c>
      <c r="F64757" s="14" t="s">
        <v>28</v>
      </c>
      <c r="G64757" s="16">
        <v>0.2390016507718811</v>
      </c>
    </row>
    <row r="64758" spans="1:7" x14ac:dyDescent="0.3">
      <c r="A64758" s="13" t="s">
        <v>347</v>
      </c>
      <c r="B64758" s="14" t="s">
        <v>1</v>
      </c>
      <c r="C64758" s="14" t="s">
        <v>191</v>
      </c>
      <c r="D64758" s="14" t="s">
        <v>64</v>
      </c>
      <c r="E64758" s="15">
        <v>45529</v>
      </c>
      <c r="F64758" s="14" t="s">
        <v>28</v>
      </c>
      <c r="G64758" s="16">
        <v>0.2390016507718811</v>
      </c>
    </row>
    <row r="64759" spans="1:7" x14ac:dyDescent="0.3">
      <c r="A64759" s="13" t="s">
        <v>347</v>
      </c>
      <c r="B64759" s="14" t="s">
        <v>1</v>
      </c>
      <c r="C64759" s="14" t="s">
        <v>191</v>
      </c>
      <c r="D64759" s="14" t="s">
        <v>64</v>
      </c>
      <c r="E64759" s="15">
        <v>45530</v>
      </c>
      <c r="F64759" s="14" t="s">
        <v>28</v>
      </c>
      <c r="G64759" s="16">
        <v>0.31338314189475391</v>
      </c>
    </row>
    <row r="64760" spans="1:7" x14ac:dyDescent="0.3">
      <c r="A64760" s="13" t="s">
        <v>347</v>
      </c>
      <c r="B64760" s="14" t="s">
        <v>1</v>
      </c>
      <c r="C64760" s="14" t="s">
        <v>191</v>
      </c>
      <c r="D64760" s="14" t="s">
        <v>64</v>
      </c>
      <c r="E64760" s="15">
        <v>45531</v>
      </c>
      <c r="F64760" s="14" t="s">
        <v>28</v>
      </c>
      <c r="G64760" s="16">
        <v>0.30320060400843141</v>
      </c>
    </row>
    <row r="64761" spans="1:7" x14ac:dyDescent="0.3">
      <c r="A64761" s="13" t="s">
        <v>347</v>
      </c>
      <c r="B64761" s="14" t="s">
        <v>1</v>
      </c>
      <c r="C64761" s="14" t="s">
        <v>191</v>
      </c>
      <c r="D64761" s="14" t="s">
        <v>64</v>
      </c>
      <c r="E64761" s="15">
        <v>45532</v>
      </c>
      <c r="F64761" s="14" t="s">
        <v>28</v>
      </c>
      <c r="G64761" s="16">
        <v>0.30213511777753815</v>
      </c>
    </row>
    <row r="64762" spans="1:7" x14ac:dyDescent="0.3">
      <c r="A64762" s="13" t="s">
        <v>347</v>
      </c>
      <c r="B64762" s="14" t="s">
        <v>1</v>
      </c>
      <c r="C64762" s="14" t="s">
        <v>191</v>
      </c>
      <c r="D64762" s="14" t="s">
        <v>64</v>
      </c>
      <c r="E64762" s="15">
        <v>45533</v>
      </c>
      <c r="F64762" s="14" t="s">
        <v>28</v>
      </c>
      <c r="G64762" s="16">
        <v>0.2986946500947531</v>
      </c>
    </row>
    <row r="64763" spans="1:7" x14ac:dyDescent="0.3">
      <c r="A64763" s="13" t="s">
        <v>347</v>
      </c>
      <c r="B64763" s="14" t="s">
        <v>1</v>
      </c>
      <c r="C64763" s="14" t="s">
        <v>191</v>
      </c>
      <c r="D64763" s="14" t="s">
        <v>64</v>
      </c>
      <c r="E64763" s="15">
        <v>45534</v>
      </c>
      <c r="F64763" s="14" t="s">
        <v>28</v>
      </c>
      <c r="G64763" s="16">
        <v>0.51871645428031554</v>
      </c>
    </row>
    <row r="64764" spans="1:7" x14ac:dyDescent="0.3">
      <c r="A64764" s="13" t="s">
        <v>347</v>
      </c>
      <c r="B64764" s="14" t="s">
        <v>1</v>
      </c>
      <c r="C64764" s="14" t="s">
        <v>191</v>
      </c>
      <c r="D64764" s="14" t="s">
        <v>64</v>
      </c>
      <c r="E64764" s="15">
        <v>45535</v>
      </c>
      <c r="F64764" s="14" t="s">
        <v>28</v>
      </c>
      <c r="G64764" s="16">
        <v>0.51871645428031554</v>
      </c>
    </row>
    <row r="64765" spans="1:7" x14ac:dyDescent="0.3">
      <c r="A64765" s="13" t="s">
        <v>347</v>
      </c>
      <c r="B64765" s="14" t="s">
        <v>1</v>
      </c>
      <c r="C64765" s="14" t="s">
        <v>191</v>
      </c>
      <c r="D64765" s="14" t="s">
        <v>64</v>
      </c>
      <c r="E64765" s="15">
        <v>45536</v>
      </c>
      <c r="F64765" s="14" t="s">
        <v>28</v>
      </c>
      <c r="G64765" s="16">
        <v>0.51871645428031554</v>
      </c>
    </row>
    <row r="64766" spans="1:7" x14ac:dyDescent="0.3">
      <c r="A64766" s="13" t="s">
        <v>347</v>
      </c>
      <c r="B64766" s="14" t="s">
        <v>1</v>
      </c>
      <c r="C64766" s="14" t="s">
        <v>191</v>
      </c>
      <c r="D64766" s="14" t="s">
        <v>64</v>
      </c>
      <c r="E64766" s="15">
        <v>45537</v>
      </c>
      <c r="F64766" s="14" t="s">
        <v>28</v>
      </c>
      <c r="G64766" s="16">
        <v>0.51964578544535356</v>
      </c>
    </row>
    <row r="64767" spans="1:7" x14ac:dyDescent="0.3">
      <c r="A64767" s="13" t="s">
        <v>347</v>
      </c>
      <c r="B64767" s="14" t="s">
        <v>1</v>
      </c>
      <c r="C64767" s="14" t="s">
        <v>191</v>
      </c>
      <c r="D64767" s="14" t="s">
        <v>64</v>
      </c>
      <c r="E64767" s="15">
        <v>45538</v>
      </c>
      <c r="F64767" s="14" t="s">
        <v>28</v>
      </c>
      <c r="G64767" s="16">
        <v>0.50987797093298626</v>
      </c>
    </row>
    <row r="64768" spans="1:7" x14ac:dyDescent="0.3">
      <c r="A64768" s="13" t="s">
        <v>347</v>
      </c>
      <c r="B64768" s="14" t="s">
        <v>1</v>
      </c>
      <c r="C64768" s="14" t="s">
        <v>191</v>
      </c>
      <c r="D64768" s="14" t="s">
        <v>64</v>
      </c>
      <c r="E64768" s="15">
        <v>45539</v>
      </c>
      <c r="F64768" s="14" t="s">
        <v>28</v>
      </c>
      <c r="G64768" s="16">
        <v>0.50420516480236965</v>
      </c>
    </row>
    <row r="64769" spans="1:7" x14ac:dyDescent="0.3">
      <c r="A64769" s="13" t="s">
        <v>347</v>
      </c>
      <c r="B64769" s="14" t="s">
        <v>1</v>
      </c>
      <c r="C64769" s="14" t="s">
        <v>191</v>
      </c>
      <c r="D64769" s="14" t="s">
        <v>64</v>
      </c>
      <c r="E64769" s="15">
        <v>45540</v>
      </c>
      <c r="F64769" s="14" t="s">
        <v>28</v>
      </c>
      <c r="G64769" s="16">
        <v>0.488084096534252</v>
      </c>
    </row>
    <row r="64770" spans="1:7" x14ac:dyDescent="0.3">
      <c r="A64770" s="13" t="s">
        <v>347</v>
      </c>
      <c r="B64770" s="14" t="s">
        <v>1</v>
      </c>
      <c r="C64770" s="14" t="s">
        <v>191</v>
      </c>
      <c r="D64770" s="14" t="s">
        <v>64</v>
      </c>
      <c r="E64770" s="15">
        <v>45541</v>
      </c>
      <c r="F64770" s="14" t="s">
        <v>28</v>
      </c>
      <c r="G64770" s="16">
        <v>0.47983829304626369</v>
      </c>
    </row>
    <row r="64771" spans="1:7" x14ac:dyDescent="0.3">
      <c r="A64771" s="13" t="s">
        <v>347</v>
      </c>
      <c r="B64771" s="14" t="s">
        <v>1</v>
      </c>
      <c r="C64771" s="14" t="s">
        <v>191</v>
      </c>
      <c r="D64771" s="14" t="s">
        <v>64</v>
      </c>
      <c r="E64771" s="15">
        <v>45542</v>
      </c>
      <c r="F64771" s="14" t="s">
        <v>28</v>
      </c>
      <c r="G64771" s="16">
        <v>0.47983829304626369</v>
      </c>
    </row>
    <row r="64772" spans="1:7" x14ac:dyDescent="0.3">
      <c r="A64772" s="13" t="s">
        <v>347</v>
      </c>
      <c r="B64772" s="14" t="s">
        <v>1</v>
      </c>
      <c r="C64772" s="14" t="s">
        <v>191</v>
      </c>
      <c r="D64772" s="14" t="s">
        <v>64</v>
      </c>
      <c r="E64772" s="15">
        <v>45543</v>
      </c>
      <c r="F64772" s="14" t="s">
        <v>28</v>
      </c>
      <c r="G64772" s="16">
        <v>0.47983829304626369</v>
      </c>
    </row>
    <row r="64773" spans="1:7" x14ac:dyDescent="0.3">
      <c r="A64773" s="13" t="s">
        <v>347</v>
      </c>
      <c r="B64773" s="14" t="s">
        <v>1</v>
      </c>
      <c r="C64773" s="14" t="s">
        <v>191</v>
      </c>
      <c r="D64773" s="14" t="s">
        <v>64</v>
      </c>
      <c r="E64773" s="15">
        <v>45544</v>
      </c>
      <c r="F64773" s="14" t="s">
        <v>28</v>
      </c>
      <c r="G64773" s="16">
        <v>0.48332989561643608</v>
      </c>
    </row>
    <row r="64774" spans="1:7" x14ac:dyDescent="0.3">
      <c r="A64774" s="13" t="s">
        <v>347</v>
      </c>
      <c r="B64774" s="14" t="s">
        <v>1</v>
      </c>
      <c r="C64774" s="14" t="s">
        <v>191</v>
      </c>
      <c r="D64774" s="14" t="s">
        <v>64</v>
      </c>
      <c r="E64774" s="15">
        <v>45545</v>
      </c>
      <c r="F64774" s="14" t="s">
        <v>28</v>
      </c>
      <c r="G64774" s="16">
        <v>0.4729401151622547</v>
      </c>
    </row>
    <row r="64775" spans="1:7" x14ac:dyDescent="0.3">
      <c r="A64775" s="13" t="s">
        <v>347</v>
      </c>
      <c r="B64775" s="14" t="s">
        <v>1</v>
      </c>
      <c r="C64775" s="14" t="s">
        <v>191</v>
      </c>
      <c r="D64775" s="14" t="s">
        <v>64</v>
      </c>
      <c r="E64775" s="15">
        <v>45546</v>
      </c>
      <c r="F64775" s="14" t="s">
        <v>28</v>
      </c>
      <c r="G64775" s="16">
        <v>0.52649418874298659</v>
      </c>
    </row>
    <row r="64776" spans="1:7" x14ac:dyDescent="0.3">
      <c r="A64776" s="13" t="s">
        <v>347</v>
      </c>
      <c r="B64776" s="14" t="s">
        <v>1</v>
      </c>
      <c r="C64776" s="14" t="s">
        <v>191</v>
      </c>
      <c r="D64776" s="14" t="s">
        <v>64</v>
      </c>
      <c r="E64776" s="15">
        <v>45547</v>
      </c>
      <c r="F64776" s="14" t="s">
        <v>28</v>
      </c>
      <c r="G64776" s="16">
        <v>0.52224397885082341</v>
      </c>
    </row>
    <row r="64777" spans="1:7" x14ac:dyDescent="0.3">
      <c r="A64777" s="13" t="s">
        <v>347</v>
      </c>
      <c r="B64777" s="14" t="s">
        <v>1</v>
      </c>
      <c r="C64777" s="14" t="s">
        <v>191</v>
      </c>
      <c r="D64777" s="14" t="s">
        <v>64</v>
      </c>
      <c r="E64777" s="15">
        <v>45548</v>
      </c>
      <c r="F64777" s="14" t="s">
        <v>28</v>
      </c>
      <c r="G64777" s="16">
        <v>0.51739106763593323</v>
      </c>
    </row>
    <row r="64778" spans="1:7" x14ac:dyDescent="0.3">
      <c r="A64778" s="13" t="s">
        <v>347</v>
      </c>
      <c r="B64778" s="14" t="s">
        <v>1</v>
      </c>
      <c r="C64778" s="14" t="s">
        <v>191</v>
      </c>
      <c r="D64778" s="14" t="s">
        <v>64</v>
      </c>
      <c r="E64778" s="15">
        <v>45549</v>
      </c>
      <c r="F64778" s="14" t="s">
        <v>28</v>
      </c>
      <c r="G64778" s="16">
        <v>0.51739106763593323</v>
      </c>
    </row>
    <row r="64779" spans="1:7" x14ac:dyDescent="0.3">
      <c r="A64779" s="13" t="s">
        <v>347</v>
      </c>
      <c r="B64779" s="14" t="s">
        <v>1</v>
      </c>
      <c r="C64779" s="14" t="s">
        <v>191</v>
      </c>
      <c r="D64779" s="14" t="s">
        <v>64</v>
      </c>
      <c r="E64779" s="15">
        <v>45550</v>
      </c>
      <c r="F64779" s="14" t="s">
        <v>28</v>
      </c>
      <c r="G64779" s="16">
        <v>0.51739106763593323</v>
      </c>
    </row>
    <row r="64780" spans="1:7" x14ac:dyDescent="0.3">
      <c r="A64780" s="13" t="s">
        <v>347</v>
      </c>
      <c r="B64780" s="14" t="s">
        <v>1</v>
      </c>
      <c r="C64780" s="14" t="s">
        <v>191</v>
      </c>
      <c r="D64780" s="14" t="s">
        <v>64</v>
      </c>
      <c r="E64780" s="15">
        <v>45551</v>
      </c>
      <c r="F64780" s="14" t="s">
        <v>28</v>
      </c>
      <c r="G64780" s="16">
        <v>0.51298185728340595</v>
      </c>
    </row>
    <row r="64781" spans="1:7" x14ac:dyDescent="0.3">
      <c r="A64781" s="13" t="s">
        <v>347</v>
      </c>
      <c r="B64781" s="14" t="s">
        <v>1</v>
      </c>
      <c r="C64781" s="14" t="s">
        <v>191</v>
      </c>
      <c r="D64781" s="14" t="s">
        <v>64</v>
      </c>
      <c r="E64781" s="15">
        <v>45552</v>
      </c>
      <c r="F64781" s="14" t="s">
        <v>28</v>
      </c>
      <c r="G64781" s="16">
        <v>0.49632519919487667</v>
      </c>
    </row>
    <row r="64782" spans="1:7" x14ac:dyDescent="0.3">
      <c r="A64782" s="13" t="s">
        <v>347</v>
      </c>
      <c r="B64782" s="14" t="s">
        <v>1</v>
      </c>
      <c r="C64782" s="14" t="s">
        <v>191</v>
      </c>
      <c r="D64782" s="14" t="s">
        <v>64</v>
      </c>
      <c r="E64782" s="15">
        <v>45553</v>
      </c>
      <c r="F64782" s="14" t="s">
        <v>28</v>
      </c>
      <c r="G64782" s="16">
        <v>0.49051281599702395</v>
      </c>
    </row>
    <row r="64783" spans="1:7" x14ac:dyDescent="0.3">
      <c r="A64783" s="13" t="s">
        <v>347</v>
      </c>
      <c r="B64783" s="14" t="s">
        <v>1</v>
      </c>
      <c r="C64783" s="14" t="s">
        <v>191</v>
      </c>
      <c r="D64783" s="14" t="s">
        <v>64</v>
      </c>
      <c r="E64783" s="15">
        <v>45554</v>
      </c>
      <c r="F64783" s="14" t="s">
        <v>28</v>
      </c>
      <c r="G64783" s="16">
        <v>0.48412445168619311</v>
      </c>
    </row>
    <row r="64784" spans="1:7" x14ac:dyDescent="0.3">
      <c r="A64784" s="13" t="s">
        <v>347</v>
      </c>
      <c r="B64784" s="14" t="s">
        <v>1</v>
      </c>
      <c r="C64784" s="14" t="s">
        <v>191</v>
      </c>
      <c r="D64784" s="14" t="s">
        <v>64</v>
      </c>
      <c r="E64784" s="15">
        <v>45555</v>
      </c>
      <c r="F64784" s="14" t="s">
        <v>28</v>
      </c>
      <c r="G64784" s="16">
        <v>0.48122896948042893</v>
      </c>
    </row>
    <row r="64785" spans="1:7" x14ac:dyDescent="0.3">
      <c r="A64785" s="13" t="s">
        <v>347</v>
      </c>
      <c r="B64785" s="14" t="s">
        <v>1</v>
      </c>
      <c r="C64785" s="14" t="s">
        <v>191</v>
      </c>
      <c r="D64785" s="14" t="s">
        <v>64</v>
      </c>
      <c r="E64785" s="15">
        <v>45556</v>
      </c>
      <c r="F64785" s="14" t="s">
        <v>28</v>
      </c>
      <c r="G64785" s="16">
        <v>0.48122896948042893</v>
      </c>
    </row>
    <row r="64786" spans="1:7" x14ac:dyDescent="0.3">
      <c r="A64786" s="13" t="s">
        <v>347</v>
      </c>
      <c r="B64786" s="14" t="s">
        <v>1</v>
      </c>
      <c r="C64786" s="14" t="s">
        <v>191</v>
      </c>
      <c r="D64786" s="14" t="s">
        <v>64</v>
      </c>
      <c r="E64786" s="15">
        <v>45557</v>
      </c>
      <c r="F64786" s="14" t="s">
        <v>28</v>
      </c>
      <c r="G64786" s="16">
        <v>0.48122896948042893</v>
      </c>
    </row>
    <row r="64787" spans="1:7" x14ac:dyDescent="0.3">
      <c r="A64787" s="13" t="s">
        <v>347</v>
      </c>
      <c r="B64787" s="14" t="s">
        <v>1</v>
      </c>
      <c r="C64787" s="14" t="s">
        <v>191</v>
      </c>
      <c r="D64787" s="14" t="s">
        <v>64</v>
      </c>
      <c r="E64787" s="15">
        <v>45558</v>
      </c>
      <c r="F64787" s="14" t="s">
        <v>28</v>
      </c>
      <c r="G64787" s="16">
        <v>0.47672514847704334</v>
      </c>
    </row>
    <row r="64788" spans="1:7" x14ac:dyDescent="0.3">
      <c r="A64788" s="13" t="s">
        <v>347</v>
      </c>
      <c r="B64788" s="14" t="s">
        <v>1</v>
      </c>
      <c r="C64788" s="14" t="s">
        <v>191</v>
      </c>
      <c r="D64788" s="14" t="s">
        <v>64</v>
      </c>
      <c r="E64788" s="15">
        <v>45559</v>
      </c>
      <c r="F64788" s="14" t="s">
        <v>28</v>
      </c>
      <c r="G64788" s="16">
        <v>0.46403061423759345</v>
      </c>
    </row>
    <row r="64789" spans="1:7" x14ac:dyDescent="0.3">
      <c r="A64789" s="13" t="s">
        <v>347</v>
      </c>
      <c r="B64789" s="14" t="s">
        <v>1</v>
      </c>
      <c r="C64789" s="14" t="s">
        <v>191</v>
      </c>
      <c r="D64789" s="14" t="s">
        <v>64</v>
      </c>
      <c r="E64789" s="15">
        <v>45560</v>
      </c>
      <c r="F64789" s="14" t="s">
        <v>28</v>
      </c>
      <c r="G64789" s="16">
        <v>0.46284584029471415</v>
      </c>
    </row>
    <row r="64790" spans="1:7" x14ac:dyDescent="0.3">
      <c r="A64790" s="13" t="s">
        <v>347</v>
      </c>
      <c r="B64790" s="14" t="s">
        <v>1</v>
      </c>
      <c r="C64790" s="14" t="s">
        <v>191</v>
      </c>
      <c r="D64790" s="14" t="s">
        <v>64</v>
      </c>
      <c r="E64790" s="15">
        <v>45561</v>
      </c>
      <c r="F64790" s="14" t="s">
        <v>28</v>
      </c>
      <c r="G64790" s="16">
        <v>0.45705448542717142</v>
      </c>
    </row>
    <row r="64791" spans="1:7" x14ac:dyDescent="0.3">
      <c r="A64791" s="13" t="s">
        <v>347</v>
      </c>
      <c r="B64791" s="14" t="s">
        <v>1</v>
      </c>
      <c r="C64791" s="14" t="s">
        <v>191</v>
      </c>
      <c r="D64791" s="14" t="s">
        <v>64</v>
      </c>
      <c r="E64791" s="15">
        <v>45562</v>
      </c>
      <c r="F64791" s="14" t="s">
        <v>28</v>
      </c>
      <c r="G64791" s="16">
        <v>0.45705695946005992</v>
      </c>
    </row>
    <row r="64792" spans="1:7" x14ac:dyDescent="0.3">
      <c r="A64792" s="13" t="s">
        <v>347</v>
      </c>
      <c r="B64792" s="14" t="s">
        <v>1</v>
      </c>
      <c r="C64792" s="14" t="s">
        <v>191</v>
      </c>
      <c r="D64792" s="14" t="s">
        <v>64</v>
      </c>
      <c r="E64792" s="15">
        <v>45563</v>
      </c>
      <c r="F64792" s="14" t="s">
        <v>28</v>
      </c>
      <c r="G64792" s="16">
        <v>0.45705695946005992</v>
      </c>
    </row>
    <row r="64793" spans="1:7" x14ac:dyDescent="0.3">
      <c r="A64793" s="13" t="s">
        <v>347</v>
      </c>
      <c r="B64793" s="14" t="s">
        <v>1</v>
      </c>
      <c r="C64793" s="14" t="s">
        <v>191</v>
      </c>
      <c r="D64793" s="14" t="s">
        <v>64</v>
      </c>
      <c r="E64793" s="15">
        <v>45564</v>
      </c>
      <c r="F64793" s="14" t="s">
        <v>28</v>
      </c>
      <c r="G64793" s="16">
        <v>0.45705695946005992</v>
      </c>
    </row>
    <row r="64794" spans="1:7" x14ac:dyDescent="0.3">
      <c r="A64794" s="13" t="s">
        <v>347</v>
      </c>
      <c r="B64794" s="14" t="s">
        <v>1</v>
      </c>
      <c r="C64794" s="14" t="s">
        <v>191</v>
      </c>
      <c r="D64794" s="14" t="s">
        <v>64</v>
      </c>
      <c r="E64794" s="15">
        <v>45565</v>
      </c>
      <c r="F64794" s="14" t="s">
        <v>28</v>
      </c>
      <c r="G64794" s="16">
        <v>0.50169765298895841</v>
      </c>
    </row>
    <row r="64795" spans="1:7" x14ac:dyDescent="0.3">
      <c r="A64795" s="13" t="s">
        <v>347</v>
      </c>
      <c r="B64795" s="14" t="s">
        <v>1</v>
      </c>
      <c r="C64795" s="14" t="s">
        <v>191</v>
      </c>
      <c r="D64795" s="14" t="s">
        <v>64</v>
      </c>
      <c r="E64795" s="15">
        <v>45566</v>
      </c>
      <c r="F64795" s="14" t="s">
        <v>28</v>
      </c>
      <c r="G64795" s="16">
        <v>0</v>
      </c>
    </row>
    <row r="64796" spans="1:7" x14ac:dyDescent="0.3">
      <c r="A64796" s="13" t="s">
        <v>347</v>
      </c>
      <c r="B64796" s="14" t="s">
        <v>1</v>
      </c>
      <c r="C64796" s="14" t="s">
        <v>191</v>
      </c>
      <c r="D64796" s="14" t="s">
        <v>64</v>
      </c>
      <c r="E64796" s="15">
        <v>45567</v>
      </c>
      <c r="F64796" s="14" t="s">
        <v>28</v>
      </c>
      <c r="G64796" s="16">
        <v>0</v>
      </c>
    </row>
    <row r="64797" spans="1:7" x14ac:dyDescent="0.3">
      <c r="A64797" s="13" t="s">
        <v>347</v>
      </c>
      <c r="B64797" s="14" t="s">
        <v>1</v>
      </c>
      <c r="C64797" s="14" t="s">
        <v>191</v>
      </c>
      <c r="D64797" s="14" t="s">
        <v>64</v>
      </c>
      <c r="E64797" s="15">
        <v>45568</v>
      </c>
      <c r="F64797" s="14" t="s">
        <v>28</v>
      </c>
      <c r="G64797" s="16">
        <v>0</v>
      </c>
    </row>
    <row r="64798" spans="1:7" x14ac:dyDescent="0.3">
      <c r="A64798" s="13" t="s">
        <v>347</v>
      </c>
      <c r="B64798" s="14" t="s">
        <v>1</v>
      </c>
      <c r="C64798" s="14" t="s">
        <v>191</v>
      </c>
      <c r="D64798" s="14" t="s">
        <v>64</v>
      </c>
      <c r="E64798" s="15">
        <v>45569</v>
      </c>
      <c r="F64798" s="14" t="s">
        <v>28</v>
      </c>
      <c r="G64798" s="16">
        <v>0</v>
      </c>
    </row>
    <row r="64799" spans="1:7" x14ac:dyDescent="0.3">
      <c r="A64799" s="13" t="s">
        <v>347</v>
      </c>
      <c r="B64799" s="14" t="s">
        <v>1</v>
      </c>
      <c r="C64799" s="14" t="s">
        <v>191</v>
      </c>
      <c r="D64799" s="14" t="s">
        <v>64</v>
      </c>
      <c r="E64799" s="15">
        <v>45570</v>
      </c>
      <c r="F64799" s="14" t="s">
        <v>28</v>
      </c>
      <c r="G64799" s="16">
        <v>0</v>
      </c>
    </row>
    <row r="64800" spans="1:7" x14ac:dyDescent="0.3">
      <c r="A64800" s="13" t="s">
        <v>347</v>
      </c>
      <c r="B64800" s="14" t="s">
        <v>1</v>
      </c>
      <c r="C64800" s="14" t="s">
        <v>191</v>
      </c>
      <c r="D64800" s="14" t="s">
        <v>64</v>
      </c>
      <c r="E64800" s="15">
        <v>45571</v>
      </c>
      <c r="F64800" s="14" t="s">
        <v>28</v>
      </c>
      <c r="G64800" s="16">
        <v>0</v>
      </c>
    </row>
    <row r="64801" spans="1:7" x14ac:dyDescent="0.3">
      <c r="A64801" s="13" t="s">
        <v>347</v>
      </c>
      <c r="B64801" s="14" t="s">
        <v>1</v>
      </c>
      <c r="C64801" s="14" t="s">
        <v>191</v>
      </c>
      <c r="D64801" s="14" t="s">
        <v>64</v>
      </c>
      <c r="E64801" s="15">
        <v>45572</v>
      </c>
      <c r="F64801" s="14" t="s">
        <v>28</v>
      </c>
      <c r="G64801" s="16">
        <v>0</v>
      </c>
    </row>
    <row r="64802" spans="1:7" x14ac:dyDescent="0.3">
      <c r="A64802" s="13" t="s">
        <v>347</v>
      </c>
      <c r="B64802" s="14" t="s">
        <v>1</v>
      </c>
      <c r="C64802" s="14" t="s">
        <v>191</v>
      </c>
      <c r="D64802" s="14" t="s">
        <v>64</v>
      </c>
      <c r="E64802" s="15">
        <v>45573</v>
      </c>
      <c r="F64802" s="14" t="s">
        <v>28</v>
      </c>
      <c r="G64802" s="16">
        <v>0</v>
      </c>
    </row>
    <row r="64803" spans="1:7" x14ac:dyDescent="0.3">
      <c r="A64803" s="13" t="s">
        <v>347</v>
      </c>
      <c r="B64803" s="14" t="s">
        <v>1</v>
      </c>
      <c r="C64803" s="14" t="s">
        <v>191</v>
      </c>
      <c r="D64803" s="14" t="s">
        <v>64</v>
      </c>
      <c r="E64803" s="15">
        <v>45574</v>
      </c>
      <c r="F64803" s="14" t="s">
        <v>28</v>
      </c>
      <c r="G64803" s="16">
        <v>0</v>
      </c>
    </row>
    <row r="64804" spans="1:7" x14ac:dyDescent="0.3">
      <c r="A64804" s="13" t="s">
        <v>347</v>
      </c>
      <c r="B64804" s="14" t="s">
        <v>1</v>
      </c>
      <c r="C64804" s="14" t="s">
        <v>191</v>
      </c>
      <c r="D64804" s="14" t="s">
        <v>64</v>
      </c>
      <c r="E64804" s="15">
        <v>45575</v>
      </c>
      <c r="F64804" s="14" t="s">
        <v>28</v>
      </c>
      <c r="G64804" s="16">
        <v>0</v>
      </c>
    </row>
    <row r="64805" spans="1:7" x14ac:dyDescent="0.3">
      <c r="A64805" s="13" t="s">
        <v>347</v>
      </c>
      <c r="B64805" s="14" t="s">
        <v>1</v>
      </c>
      <c r="C64805" s="14" t="s">
        <v>191</v>
      </c>
      <c r="D64805" s="14" t="s">
        <v>64</v>
      </c>
      <c r="E64805" s="15">
        <v>45576</v>
      </c>
      <c r="F64805" s="14" t="s">
        <v>28</v>
      </c>
      <c r="G64805" s="16">
        <v>0</v>
      </c>
    </row>
    <row r="64806" spans="1:7" x14ac:dyDescent="0.3">
      <c r="A64806" s="13" t="s">
        <v>347</v>
      </c>
      <c r="B64806" s="14" t="s">
        <v>1</v>
      </c>
      <c r="C64806" s="14" t="s">
        <v>191</v>
      </c>
      <c r="D64806" s="14" t="s">
        <v>64</v>
      </c>
      <c r="E64806" s="15">
        <v>45577</v>
      </c>
      <c r="F64806" s="14" t="s">
        <v>28</v>
      </c>
      <c r="G64806" s="16">
        <v>0</v>
      </c>
    </row>
    <row r="64807" spans="1:7" x14ac:dyDescent="0.3">
      <c r="A64807" s="13" t="s">
        <v>347</v>
      </c>
      <c r="B64807" s="14" t="s">
        <v>1</v>
      </c>
      <c r="C64807" s="14" t="s">
        <v>191</v>
      </c>
      <c r="D64807" s="14" t="s">
        <v>64</v>
      </c>
      <c r="E64807" s="15">
        <v>45578</v>
      </c>
      <c r="F64807" s="14" t="s">
        <v>28</v>
      </c>
      <c r="G64807" s="16">
        <v>0</v>
      </c>
    </row>
    <row r="64808" spans="1:7" x14ac:dyDescent="0.3">
      <c r="A64808" s="13" t="s">
        <v>347</v>
      </c>
      <c r="B64808" s="14" t="s">
        <v>1</v>
      </c>
      <c r="C64808" s="14" t="s">
        <v>191</v>
      </c>
      <c r="D64808" s="14" t="s">
        <v>64</v>
      </c>
      <c r="E64808" s="15">
        <v>45579</v>
      </c>
      <c r="F64808" s="14" t="s">
        <v>28</v>
      </c>
      <c r="G64808" s="16">
        <v>0</v>
      </c>
    </row>
    <row r="64809" spans="1:7" x14ac:dyDescent="0.3">
      <c r="A64809" s="13" t="s">
        <v>347</v>
      </c>
      <c r="B64809" s="14" t="s">
        <v>1</v>
      </c>
      <c r="C64809" s="14" t="s">
        <v>191</v>
      </c>
      <c r="D64809" s="14" t="s">
        <v>64</v>
      </c>
      <c r="E64809" s="15">
        <v>45580</v>
      </c>
      <c r="F64809" s="14" t="s">
        <v>28</v>
      </c>
      <c r="G64809" s="16">
        <v>0</v>
      </c>
    </row>
    <row r="64810" spans="1:7" x14ac:dyDescent="0.3">
      <c r="A64810" s="13" t="s">
        <v>347</v>
      </c>
      <c r="B64810" s="14" t="s">
        <v>1</v>
      </c>
      <c r="C64810" s="14" t="s">
        <v>191</v>
      </c>
      <c r="D64810" s="14" t="s">
        <v>64</v>
      </c>
      <c r="E64810" s="15">
        <v>45581</v>
      </c>
      <c r="F64810" s="14" t="s">
        <v>28</v>
      </c>
      <c r="G64810" s="16">
        <v>0</v>
      </c>
    </row>
    <row r="64811" spans="1:7" x14ac:dyDescent="0.3">
      <c r="A64811" s="13" t="s">
        <v>347</v>
      </c>
      <c r="B64811" s="14" t="s">
        <v>1</v>
      </c>
      <c r="C64811" s="14" t="s">
        <v>191</v>
      </c>
      <c r="D64811" s="14" t="s">
        <v>64</v>
      </c>
      <c r="E64811" s="15">
        <v>45582</v>
      </c>
      <c r="F64811" s="14" t="s">
        <v>28</v>
      </c>
      <c r="G64811" s="16">
        <v>0</v>
      </c>
    </row>
    <row r="64812" spans="1:7" x14ac:dyDescent="0.3">
      <c r="A64812" s="13" t="s">
        <v>347</v>
      </c>
      <c r="B64812" s="14" t="s">
        <v>1</v>
      </c>
      <c r="C64812" s="14" t="s">
        <v>191</v>
      </c>
      <c r="D64812" s="14" t="s">
        <v>64</v>
      </c>
      <c r="E64812" s="15">
        <v>45583</v>
      </c>
      <c r="F64812" s="14" t="s">
        <v>28</v>
      </c>
      <c r="G64812" s="16">
        <v>0</v>
      </c>
    </row>
    <row r="64813" spans="1:7" x14ac:dyDescent="0.3">
      <c r="A64813" s="13" t="s">
        <v>347</v>
      </c>
      <c r="B64813" s="14" t="s">
        <v>1</v>
      </c>
      <c r="C64813" s="14" t="s">
        <v>191</v>
      </c>
      <c r="D64813" s="14" t="s">
        <v>64</v>
      </c>
      <c r="E64813" s="15">
        <v>45584</v>
      </c>
      <c r="F64813" s="14" t="s">
        <v>28</v>
      </c>
      <c r="G64813" s="16">
        <v>0</v>
      </c>
    </row>
    <row r="64814" spans="1:7" x14ac:dyDescent="0.3">
      <c r="A64814" s="13" t="s">
        <v>347</v>
      </c>
      <c r="B64814" s="14" t="s">
        <v>1</v>
      </c>
      <c r="C64814" s="14" t="s">
        <v>191</v>
      </c>
      <c r="D64814" s="14" t="s">
        <v>64</v>
      </c>
      <c r="E64814" s="15">
        <v>45585</v>
      </c>
      <c r="F64814" s="14" t="s">
        <v>28</v>
      </c>
      <c r="G64814" s="16">
        <v>0</v>
      </c>
    </row>
    <row r="64815" spans="1:7" x14ac:dyDescent="0.3">
      <c r="A64815" s="13" t="s">
        <v>347</v>
      </c>
      <c r="B64815" s="14" t="s">
        <v>1</v>
      </c>
      <c r="C64815" s="14" t="s">
        <v>191</v>
      </c>
      <c r="D64815" s="14" t="s">
        <v>64</v>
      </c>
      <c r="E64815" s="15">
        <v>45586</v>
      </c>
      <c r="F64815" s="14" t="s">
        <v>28</v>
      </c>
      <c r="G64815" s="16">
        <v>0</v>
      </c>
    </row>
    <row r="64816" spans="1:7" x14ac:dyDescent="0.3">
      <c r="A64816" s="13" t="s">
        <v>347</v>
      </c>
      <c r="B64816" s="14" t="s">
        <v>1</v>
      </c>
      <c r="C64816" s="14" t="s">
        <v>191</v>
      </c>
      <c r="D64816" s="14" t="s">
        <v>64</v>
      </c>
      <c r="E64816" s="15">
        <v>45587</v>
      </c>
      <c r="F64816" s="14" t="s">
        <v>28</v>
      </c>
      <c r="G64816" s="16">
        <v>0</v>
      </c>
    </row>
    <row r="64817" spans="1:7" x14ac:dyDescent="0.3">
      <c r="A64817" s="13" t="s">
        <v>347</v>
      </c>
      <c r="B64817" s="14" t="s">
        <v>1</v>
      </c>
      <c r="C64817" s="14" t="s">
        <v>191</v>
      </c>
      <c r="D64817" s="14" t="s">
        <v>64</v>
      </c>
      <c r="E64817" s="15">
        <v>45588</v>
      </c>
      <c r="F64817" s="14" t="s">
        <v>28</v>
      </c>
      <c r="G64817" s="16">
        <v>0</v>
      </c>
    </row>
    <row r="64818" spans="1:7" x14ac:dyDescent="0.3">
      <c r="A64818" s="13" t="s">
        <v>347</v>
      </c>
      <c r="B64818" s="14" t="s">
        <v>1</v>
      </c>
      <c r="C64818" s="14" t="s">
        <v>191</v>
      </c>
      <c r="D64818" s="14" t="s">
        <v>64</v>
      </c>
      <c r="E64818" s="15">
        <v>45589</v>
      </c>
      <c r="F64818" s="14" t="s">
        <v>28</v>
      </c>
      <c r="G64818" s="16">
        <v>0</v>
      </c>
    </row>
    <row r="64819" spans="1:7" x14ac:dyDescent="0.3">
      <c r="A64819" s="13" t="s">
        <v>347</v>
      </c>
      <c r="B64819" s="14" t="s">
        <v>1</v>
      </c>
      <c r="C64819" s="14" t="s">
        <v>191</v>
      </c>
      <c r="D64819" s="14" t="s">
        <v>64</v>
      </c>
      <c r="E64819" s="15">
        <v>45590</v>
      </c>
      <c r="F64819" s="14" t="s">
        <v>28</v>
      </c>
      <c r="G64819" s="16">
        <v>0</v>
      </c>
    </row>
    <row r="64820" spans="1:7" x14ac:dyDescent="0.3">
      <c r="A64820" s="13" t="s">
        <v>347</v>
      </c>
      <c r="B64820" s="14" t="s">
        <v>1</v>
      </c>
      <c r="C64820" s="14" t="s">
        <v>191</v>
      </c>
      <c r="D64820" s="14" t="s">
        <v>64</v>
      </c>
      <c r="E64820" s="15">
        <v>45591</v>
      </c>
      <c r="F64820" s="14" t="s">
        <v>28</v>
      </c>
      <c r="G64820" s="16">
        <v>0</v>
      </c>
    </row>
    <row r="64821" spans="1:7" x14ac:dyDescent="0.3">
      <c r="A64821" s="13" t="s">
        <v>347</v>
      </c>
      <c r="B64821" s="14" t="s">
        <v>1</v>
      </c>
      <c r="C64821" s="14" t="s">
        <v>191</v>
      </c>
      <c r="D64821" s="14" t="s">
        <v>64</v>
      </c>
      <c r="E64821" s="15">
        <v>45592</v>
      </c>
      <c r="F64821" s="14" t="s">
        <v>28</v>
      </c>
      <c r="G64821" s="16">
        <v>0</v>
      </c>
    </row>
    <row r="64822" spans="1:7" x14ac:dyDescent="0.3">
      <c r="A64822" s="13" t="s">
        <v>347</v>
      </c>
      <c r="B64822" s="14" t="s">
        <v>1</v>
      </c>
      <c r="C64822" s="14" t="s">
        <v>191</v>
      </c>
      <c r="D64822" s="14" t="s">
        <v>64</v>
      </c>
      <c r="E64822" s="15">
        <v>45593</v>
      </c>
      <c r="F64822" s="14" t="s">
        <v>28</v>
      </c>
      <c r="G64822" s="16">
        <v>0</v>
      </c>
    </row>
    <row r="64823" spans="1:7" x14ac:dyDescent="0.3">
      <c r="A64823" s="13" t="s">
        <v>347</v>
      </c>
      <c r="B64823" s="14" t="s">
        <v>1</v>
      </c>
      <c r="C64823" s="14" t="s">
        <v>191</v>
      </c>
      <c r="D64823" s="14" t="s">
        <v>64</v>
      </c>
      <c r="E64823" s="15">
        <v>45594</v>
      </c>
      <c r="F64823" s="14" t="s">
        <v>28</v>
      </c>
      <c r="G64823" s="16">
        <v>0</v>
      </c>
    </row>
    <row r="64824" spans="1:7" x14ac:dyDescent="0.3">
      <c r="A64824" s="13" t="s">
        <v>347</v>
      </c>
      <c r="B64824" s="14" t="s">
        <v>1</v>
      </c>
      <c r="C64824" s="14" t="s">
        <v>191</v>
      </c>
      <c r="D64824" s="14" t="s">
        <v>64</v>
      </c>
      <c r="E64824" s="15">
        <v>45595</v>
      </c>
      <c r="F64824" s="14" t="s">
        <v>28</v>
      </c>
      <c r="G64824" s="16">
        <v>0</v>
      </c>
    </row>
    <row r="64825" spans="1:7" x14ac:dyDescent="0.3">
      <c r="A64825" s="13" t="s">
        <v>347</v>
      </c>
      <c r="B64825" s="14" t="s">
        <v>1</v>
      </c>
      <c r="C64825" s="14" t="s">
        <v>191</v>
      </c>
      <c r="D64825" s="14" t="s">
        <v>64</v>
      </c>
      <c r="E64825" s="15">
        <v>45596</v>
      </c>
      <c r="F64825" s="14" t="s">
        <v>28</v>
      </c>
      <c r="G64825" s="16">
        <v>0</v>
      </c>
    </row>
    <row r="64826" spans="1:7" x14ac:dyDescent="0.3">
      <c r="A64826" s="13" t="s">
        <v>347</v>
      </c>
      <c r="B64826" s="14" t="s">
        <v>1</v>
      </c>
      <c r="C64826" s="14" t="s">
        <v>191</v>
      </c>
      <c r="D64826" s="14" t="s">
        <v>64</v>
      </c>
      <c r="E64826" s="15">
        <v>45597</v>
      </c>
      <c r="F64826" s="14" t="s">
        <v>28</v>
      </c>
      <c r="G64826" s="16">
        <v>0</v>
      </c>
    </row>
    <row r="64827" spans="1:7" x14ac:dyDescent="0.3">
      <c r="A64827" s="13" t="s">
        <v>347</v>
      </c>
      <c r="B64827" s="14" t="s">
        <v>1</v>
      </c>
      <c r="C64827" s="14" t="s">
        <v>191</v>
      </c>
      <c r="D64827" s="14" t="s">
        <v>64</v>
      </c>
      <c r="E64827" s="15">
        <v>45598</v>
      </c>
      <c r="F64827" s="14" t="s">
        <v>28</v>
      </c>
      <c r="G64827" s="16">
        <v>0</v>
      </c>
    </row>
    <row r="64828" spans="1:7" x14ac:dyDescent="0.3">
      <c r="A64828" s="13" t="s">
        <v>347</v>
      </c>
      <c r="B64828" s="14" t="s">
        <v>1</v>
      </c>
      <c r="C64828" s="14" t="s">
        <v>191</v>
      </c>
      <c r="D64828" s="14" t="s">
        <v>64</v>
      </c>
      <c r="E64828" s="15">
        <v>45599</v>
      </c>
      <c r="F64828" s="14" t="s">
        <v>28</v>
      </c>
      <c r="G64828" s="16">
        <v>0</v>
      </c>
    </row>
    <row r="64829" spans="1:7" x14ac:dyDescent="0.3">
      <c r="A64829" s="13" t="s">
        <v>347</v>
      </c>
      <c r="B64829" s="14" t="s">
        <v>1</v>
      </c>
      <c r="C64829" s="14" t="s">
        <v>191</v>
      </c>
      <c r="D64829" s="14" t="s">
        <v>64</v>
      </c>
      <c r="E64829" s="15">
        <v>45600</v>
      </c>
      <c r="F64829" s="14" t="s">
        <v>28</v>
      </c>
      <c r="G64829" s="16">
        <v>0</v>
      </c>
    </row>
    <row r="64830" spans="1:7" x14ac:dyDescent="0.3">
      <c r="A64830" s="13" t="s">
        <v>347</v>
      </c>
      <c r="B64830" s="14" t="s">
        <v>1</v>
      </c>
      <c r="C64830" s="14" t="s">
        <v>191</v>
      </c>
      <c r="D64830" s="14" t="s">
        <v>64</v>
      </c>
      <c r="E64830" s="15">
        <v>45601</v>
      </c>
      <c r="F64830" s="14" t="s">
        <v>28</v>
      </c>
      <c r="G64830" s="16">
        <v>0</v>
      </c>
    </row>
    <row r="64831" spans="1:7" x14ac:dyDescent="0.3">
      <c r="A64831" s="13" t="s">
        <v>347</v>
      </c>
      <c r="B64831" s="14" t="s">
        <v>1</v>
      </c>
      <c r="C64831" s="14" t="s">
        <v>191</v>
      </c>
      <c r="D64831" s="14" t="s">
        <v>64</v>
      </c>
      <c r="E64831" s="15">
        <v>45602</v>
      </c>
      <c r="F64831" s="14" t="s">
        <v>28</v>
      </c>
      <c r="G64831" s="16">
        <v>0</v>
      </c>
    </row>
    <row r="64832" spans="1:7" x14ac:dyDescent="0.3">
      <c r="A64832" s="13" t="s">
        <v>347</v>
      </c>
      <c r="B64832" s="14" t="s">
        <v>1</v>
      </c>
      <c r="C64832" s="14" t="s">
        <v>191</v>
      </c>
      <c r="D64832" s="14" t="s">
        <v>64</v>
      </c>
      <c r="E64832" s="15">
        <v>45603</v>
      </c>
      <c r="F64832" s="14" t="s">
        <v>28</v>
      </c>
      <c r="G64832" s="16">
        <v>0</v>
      </c>
    </row>
    <row r="64833" spans="1:7" x14ac:dyDescent="0.3">
      <c r="A64833" s="13" t="s">
        <v>347</v>
      </c>
      <c r="B64833" s="14" t="s">
        <v>1</v>
      </c>
      <c r="C64833" s="14" t="s">
        <v>191</v>
      </c>
      <c r="D64833" s="14" t="s">
        <v>64</v>
      </c>
      <c r="E64833" s="15">
        <v>45604</v>
      </c>
      <c r="F64833" s="14" t="s">
        <v>28</v>
      </c>
      <c r="G64833" s="16">
        <v>0</v>
      </c>
    </row>
    <row r="64834" spans="1:7" x14ac:dyDescent="0.3">
      <c r="A64834" s="13" t="s">
        <v>347</v>
      </c>
      <c r="B64834" s="14" t="s">
        <v>1</v>
      </c>
      <c r="C64834" s="14" t="s">
        <v>191</v>
      </c>
      <c r="D64834" s="14" t="s">
        <v>64</v>
      </c>
      <c r="E64834" s="15">
        <v>45605</v>
      </c>
      <c r="F64834" s="14" t="s">
        <v>28</v>
      </c>
      <c r="G64834" s="16">
        <v>0</v>
      </c>
    </row>
    <row r="64835" spans="1:7" x14ac:dyDescent="0.3">
      <c r="A64835" s="13" t="s">
        <v>347</v>
      </c>
      <c r="B64835" s="14" t="s">
        <v>1</v>
      </c>
      <c r="C64835" s="14" t="s">
        <v>191</v>
      </c>
      <c r="D64835" s="14" t="s">
        <v>64</v>
      </c>
      <c r="E64835" s="15">
        <v>45606</v>
      </c>
      <c r="F64835" s="14" t="s">
        <v>28</v>
      </c>
      <c r="G64835" s="16">
        <v>0</v>
      </c>
    </row>
    <row r="64836" spans="1:7" x14ac:dyDescent="0.3">
      <c r="A64836" s="13" t="s">
        <v>347</v>
      </c>
      <c r="B64836" s="14" t="s">
        <v>1</v>
      </c>
      <c r="C64836" s="14" t="s">
        <v>191</v>
      </c>
      <c r="D64836" s="14" t="s">
        <v>64</v>
      </c>
      <c r="E64836" s="15">
        <v>45607</v>
      </c>
      <c r="F64836" s="14" t="s">
        <v>28</v>
      </c>
      <c r="G64836" s="16">
        <v>0</v>
      </c>
    </row>
    <row r="64837" spans="1:7" x14ac:dyDescent="0.3">
      <c r="A64837" s="13" t="s">
        <v>347</v>
      </c>
      <c r="B64837" s="14" t="s">
        <v>1</v>
      </c>
      <c r="C64837" s="14" t="s">
        <v>191</v>
      </c>
      <c r="D64837" s="14" t="s">
        <v>64</v>
      </c>
      <c r="E64837" s="15">
        <v>45608</v>
      </c>
      <c r="F64837" s="14" t="s">
        <v>28</v>
      </c>
      <c r="G64837" s="16">
        <v>0</v>
      </c>
    </row>
    <row r="64838" spans="1:7" x14ac:dyDescent="0.3">
      <c r="A64838" s="13" t="s">
        <v>347</v>
      </c>
      <c r="B64838" s="14" t="s">
        <v>1</v>
      </c>
      <c r="C64838" s="14" t="s">
        <v>191</v>
      </c>
      <c r="D64838" s="14" t="s">
        <v>64</v>
      </c>
      <c r="E64838" s="15">
        <v>45609</v>
      </c>
      <c r="F64838" s="14" t="s">
        <v>28</v>
      </c>
      <c r="G64838" s="16">
        <v>0</v>
      </c>
    </row>
    <row r="64839" spans="1:7" x14ac:dyDescent="0.3">
      <c r="A64839" s="13" t="s">
        <v>347</v>
      </c>
      <c r="B64839" s="14" t="s">
        <v>1</v>
      </c>
      <c r="C64839" s="14" t="s">
        <v>191</v>
      </c>
      <c r="D64839" s="14" t="s">
        <v>64</v>
      </c>
      <c r="E64839" s="15">
        <v>45610</v>
      </c>
      <c r="F64839" s="14" t="s">
        <v>28</v>
      </c>
      <c r="G64839" s="16">
        <v>0</v>
      </c>
    </row>
    <row r="64840" spans="1:7" x14ac:dyDescent="0.3">
      <c r="A64840" s="13" t="s">
        <v>347</v>
      </c>
      <c r="B64840" s="14" t="s">
        <v>1</v>
      </c>
      <c r="C64840" s="14" t="s">
        <v>191</v>
      </c>
      <c r="D64840" s="14" t="s">
        <v>64</v>
      </c>
      <c r="E64840" s="15">
        <v>45611</v>
      </c>
      <c r="F64840" s="14" t="s">
        <v>28</v>
      </c>
      <c r="G64840" s="16">
        <v>0</v>
      </c>
    </row>
    <row r="64841" spans="1:7" x14ac:dyDescent="0.3">
      <c r="A64841" s="13" t="s">
        <v>347</v>
      </c>
      <c r="B64841" s="14" t="s">
        <v>1</v>
      </c>
      <c r="C64841" s="14" t="s">
        <v>191</v>
      </c>
      <c r="D64841" s="14" t="s">
        <v>64</v>
      </c>
      <c r="E64841" s="15">
        <v>45612</v>
      </c>
      <c r="F64841" s="14" t="s">
        <v>28</v>
      </c>
      <c r="G64841" s="16">
        <v>0</v>
      </c>
    </row>
    <row r="64842" spans="1:7" x14ac:dyDescent="0.3">
      <c r="A64842" s="13" t="s">
        <v>347</v>
      </c>
      <c r="B64842" s="14" t="s">
        <v>1</v>
      </c>
      <c r="C64842" s="14" t="s">
        <v>191</v>
      </c>
      <c r="D64842" s="14" t="s">
        <v>64</v>
      </c>
      <c r="E64842" s="15">
        <v>45613</v>
      </c>
      <c r="F64842" s="14" t="s">
        <v>28</v>
      </c>
      <c r="G64842" s="16">
        <v>0</v>
      </c>
    </row>
    <row r="64843" spans="1:7" x14ac:dyDescent="0.3">
      <c r="A64843" s="13" t="s">
        <v>347</v>
      </c>
      <c r="B64843" s="14" t="s">
        <v>1</v>
      </c>
      <c r="C64843" s="14" t="s">
        <v>191</v>
      </c>
      <c r="D64843" s="14" t="s">
        <v>64</v>
      </c>
      <c r="E64843" s="15">
        <v>45614</v>
      </c>
      <c r="F64843" s="14" t="s">
        <v>28</v>
      </c>
      <c r="G64843" s="16">
        <v>0</v>
      </c>
    </row>
    <row r="64844" spans="1:7" x14ac:dyDescent="0.3">
      <c r="A64844" s="13" t="s">
        <v>347</v>
      </c>
      <c r="B64844" s="14" t="s">
        <v>1</v>
      </c>
      <c r="C64844" s="14" t="s">
        <v>191</v>
      </c>
      <c r="D64844" s="14" t="s">
        <v>64</v>
      </c>
      <c r="E64844" s="15">
        <v>45615</v>
      </c>
      <c r="F64844" s="14" t="s">
        <v>28</v>
      </c>
      <c r="G64844" s="16">
        <v>0</v>
      </c>
    </row>
    <row r="64845" spans="1:7" x14ac:dyDescent="0.3">
      <c r="A64845" s="13" t="s">
        <v>347</v>
      </c>
      <c r="B64845" s="14" t="s">
        <v>1</v>
      </c>
      <c r="C64845" s="14" t="s">
        <v>191</v>
      </c>
      <c r="D64845" s="14" t="s">
        <v>64</v>
      </c>
      <c r="E64845" s="15">
        <v>45616</v>
      </c>
      <c r="F64845" s="14" t="s">
        <v>28</v>
      </c>
      <c r="G64845" s="16">
        <v>0</v>
      </c>
    </row>
    <row r="64846" spans="1:7" x14ac:dyDescent="0.3">
      <c r="A64846" s="13" t="s">
        <v>347</v>
      </c>
      <c r="B64846" s="14" t="s">
        <v>1</v>
      </c>
      <c r="C64846" s="14" t="s">
        <v>191</v>
      </c>
      <c r="D64846" s="14" t="s">
        <v>64</v>
      </c>
      <c r="E64846" s="15">
        <v>45617</v>
      </c>
      <c r="F64846" s="14" t="s">
        <v>28</v>
      </c>
      <c r="G64846" s="16">
        <v>0</v>
      </c>
    </row>
    <row r="64847" spans="1:7" x14ac:dyDescent="0.3">
      <c r="A64847" s="13" t="s">
        <v>347</v>
      </c>
      <c r="B64847" s="14" t="s">
        <v>1</v>
      </c>
      <c r="C64847" s="14" t="s">
        <v>191</v>
      </c>
      <c r="D64847" s="14" t="s">
        <v>64</v>
      </c>
      <c r="E64847" s="15">
        <v>45618</v>
      </c>
      <c r="F64847" s="14" t="s">
        <v>28</v>
      </c>
      <c r="G64847" s="16">
        <v>0</v>
      </c>
    </row>
    <row r="64848" spans="1:7" x14ac:dyDescent="0.3">
      <c r="A64848" s="13" t="s">
        <v>347</v>
      </c>
      <c r="B64848" s="14" t="s">
        <v>1</v>
      </c>
      <c r="C64848" s="14" t="s">
        <v>191</v>
      </c>
      <c r="D64848" s="14" t="s">
        <v>64</v>
      </c>
      <c r="E64848" s="15">
        <v>45619</v>
      </c>
      <c r="F64848" s="14" t="s">
        <v>28</v>
      </c>
      <c r="G64848" s="16">
        <v>0</v>
      </c>
    </row>
    <row r="64849" spans="1:7" x14ac:dyDescent="0.3">
      <c r="A64849" s="13" t="s">
        <v>347</v>
      </c>
      <c r="B64849" s="14" t="s">
        <v>1</v>
      </c>
      <c r="C64849" s="14" t="s">
        <v>191</v>
      </c>
      <c r="D64849" s="14" t="s">
        <v>64</v>
      </c>
      <c r="E64849" s="15">
        <v>45620</v>
      </c>
      <c r="F64849" s="14" t="s">
        <v>28</v>
      </c>
      <c r="G64849" s="16">
        <v>0</v>
      </c>
    </row>
    <row r="64850" spans="1:7" x14ac:dyDescent="0.3">
      <c r="A64850" s="13" t="s">
        <v>347</v>
      </c>
      <c r="B64850" s="14" t="s">
        <v>1</v>
      </c>
      <c r="C64850" s="14" t="s">
        <v>191</v>
      </c>
      <c r="D64850" s="14" t="s">
        <v>64</v>
      </c>
      <c r="E64850" s="15">
        <v>45621</v>
      </c>
      <c r="F64850" s="14" t="s">
        <v>28</v>
      </c>
      <c r="G64850" s="16">
        <v>0</v>
      </c>
    </row>
    <row r="64851" spans="1:7" x14ac:dyDescent="0.3">
      <c r="A64851" s="13" t="s">
        <v>347</v>
      </c>
      <c r="B64851" s="14" t="s">
        <v>1</v>
      </c>
      <c r="C64851" s="14" t="s">
        <v>191</v>
      </c>
      <c r="D64851" s="14" t="s">
        <v>64</v>
      </c>
      <c r="E64851" s="15">
        <v>45622</v>
      </c>
      <c r="F64851" s="14" t="s">
        <v>28</v>
      </c>
      <c r="G64851" s="16">
        <v>0</v>
      </c>
    </row>
    <row r="64852" spans="1:7" x14ac:dyDescent="0.3">
      <c r="A64852" s="13" t="s">
        <v>347</v>
      </c>
      <c r="B64852" s="14" t="s">
        <v>1</v>
      </c>
      <c r="C64852" s="14" t="s">
        <v>191</v>
      </c>
      <c r="D64852" s="14" t="s">
        <v>64</v>
      </c>
      <c r="E64852" s="15">
        <v>45623</v>
      </c>
      <c r="F64852" s="14" t="s">
        <v>28</v>
      </c>
      <c r="G64852" s="16">
        <v>0</v>
      </c>
    </row>
    <row r="64853" spans="1:7" x14ac:dyDescent="0.3">
      <c r="A64853" s="13" t="s">
        <v>347</v>
      </c>
      <c r="B64853" s="14" t="s">
        <v>1</v>
      </c>
      <c r="C64853" s="14" t="s">
        <v>191</v>
      </c>
      <c r="D64853" s="14" t="s">
        <v>64</v>
      </c>
      <c r="E64853" s="15">
        <v>45624</v>
      </c>
      <c r="F64853" s="14" t="s">
        <v>28</v>
      </c>
      <c r="G64853" s="16">
        <v>0</v>
      </c>
    </row>
    <row r="64854" spans="1:7" x14ac:dyDescent="0.3">
      <c r="A64854" s="13" t="s">
        <v>347</v>
      </c>
      <c r="B64854" s="14" t="s">
        <v>1</v>
      </c>
      <c r="C64854" s="14" t="s">
        <v>191</v>
      </c>
      <c r="D64854" s="14" t="s">
        <v>64</v>
      </c>
      <c r="E64854" s="15">
        <v>45625</v>
      </c>
      <c r="F64854" s="14" t="s">
        <v>28</v>
      </c>
      <c r="G64854" s="16">
        <v>0</v>
      </c>
    </row>
    <row r="64855" spans="1:7" x14ac:dyDescent="0.3">
      <c r="A64855" s="13" t="s">
        <v>347</v>
      </c>
      <c r="B64855" s="14" t="s">
        <v>1</v>
      </c>
      <c r="C64855" s="14" t="s">
        <v>191</v>
      </c>
      <c r="D64855" s="14" t="s">
        <v>64</v>
      </c>
      <c r="E64855" s="15">
        <v>45626</v>
      </c>
      <c r="F64855" s="14" t="s">
        <v>28</v>
      </c>
      <c r="G64855" s="16">
        <v>0</v>
      </c>
    </row>
    <row r="64856" spans="1:7" x14ac:dyDescent="0.3">
      <c r="A64856" s="13" t="s">
        <v>347</v>
      </c>
      <c r="B64856" s="14" t="s">
        <v>1</v>
      </c>
      <c r="C64856" s="14" t="s">
        <v>191</v>
      </c>
      <c r="D64856" s="14" t="s">
        <v>64</v>
      </c>
      <c r="E64856" s="15">
        <v>45627</v>
      </c>
      <c r="F64856" s="14" t="s">
        <v>28</v>
      </c>
      <c r="G64856" s="16">
        <v>0</v>
      </c>
    </row>
    <row r="64857" spans="1:7" x14ac:dyDescent="0.3">
      <c r="A64857" s="13" t="s">
        <v>347</v>
      </c>
      <c r="B64857" s="14" t="s">
        <v>1</v>
      </c>
      <c r="C64857" s="14" t="s">
        <v>191</v>
      </c>
      <c r="D64857" s="14" t="s">
        <v>64</v>
      </c>
      <c r="E64857" s="15">
        <v>45628</v>
      </c>
      <c r="F64857" s="14" t="s">
        <v>28</v>
      </c>
      <c r="G64857" s="16">
        <v>0</v>
      </c>
    </row>
    <row r="64858" spans="1:7" x14ac:dyDescent="0.3">
      <c r="A64858" s="13" t="s">
        <v>347</v>
      </c>
      <c r="B64858" s="14" t="s">
        <v>1</v>
      </c>
      <c r="C64858" s="14" t="s">
        <v>191</v>
      </c>
      <c r="D64858" s="14" t="s">
        <v>64</v>
      </c>
      <c r="E64858" s="15">
        <v>45629</v>
      </c>
      <c r="F64858" s="14" t="s">
        <v>28</v>
      </c>
      <c r="G64858" s="16">
        <v>0</v>
      </c>
    </row>
    <row r="64859" spans="1:7" x14ac:dyDescent="0.3">
      <c r="A64859" s="13" t="s">
        <v>347</v>
      </c>
      <c r="B64859" s="14" t="s">
        <v>1</v>
      </c>
      <c r="C64859" s="14" t="s">
        <v>191</v>
      </c>
      <c r="D64859" s="14" t="s">
        <v>64</v>
      </c>
      <c r="E64859" s="15">
        <v>45630</v>
      </c>
      <c r="F64859" s="14" t="s">
        <v>28</v>
      </c>
      <c r="G64859" s="16">
        <v>0</v>
      </c>
    </row>
    <row r="64860" spans="1:7" x14ac:dyDescent="0.3">
      <c r="A64860" s="13" t="s">
        <v>347</v>
      </c>
      <c r="B64860" s="14" t="s">
        <v>1</v>
      </c>
      <c r="C64860" s="14" t="s">
        <v>191</v>
      </c>
      <c r="D64860" s="14" t="s">
        <v>64</v>
      </c>
      <c r="E64860" s="15">
        <v>45631</v>
      </c>
      <c r="F64860" s="14" t="s">
        <v>28</v>
      </c>
      <c r="G64860" s="16">
        <v>0</v>
      </c>
    </row>
    <row r="64861" spans="1:7" x14ac:dyDescent="0.3">
      <c r="A64861" s="13" t="s">
        <v>347</v>
      </c>
      <c r="B64861" s="14" t="s">
        <v>1</v>
      </c>
      <c r="C64861" s="14" t="s">
        <v>191</v>
      </c>
      <c r="D64861" s="14" t="s">
        <v>64</v>
      </c>
      <c r="E64861" s="15">
        <v>45632</v>
      </c>
      <c r="F64861" s="14" t="s">
        <v>28</v>
      </c>
      <c r="G64861" s="16">
        <v>0</v>
      </c>
    </row>
    <row r="64862" spans="1:7" x14ac:dyDescent="0.3">
      <c r="A64862" s="13" t="s">
        <v>347</v>
      </c>
      <c r="B64862" s="14" t="s">
        <v>1</v>
      </c>
      <c r="C64862" s="14" t="s">
        <v>191</v>
      </c>
      <c r="D64862" s="14" t="s">
        <v>64</v>
      </c>
      <c r="E64862" s="15">
        <v>45633</v>
      </c>
      <c r="F64862" s="14" t="s">
        <v>28</v>
      </c>
      <c r="G64862" s="16">
        <v>0</v>
      </c>
    </row>
    <row r="64863" spans="1:7" x14ac:dyDescent="0.3">
      <c r="A64863" s="13" t="s">
        <v>347</v>
      </c>
      <c r="B64863" s="14" t="s">
        <v>1</v>
      </c>
      <c r="C64863" s="14" t="s">
        <v>191</v>
      </c>
      <c r="D64863" s="14" t="s">
        <v>64</v>
      </c>
      <c r="E64863" s="15">
        <v>45634</v>
      </c>
      <c r="F64863" s="14" t="s">
        <v>28</v>
      </c>
      <c r="G64863" s="16">
        <v>0</v>
      </c>
    </row>
    <row r="64864" spans="1:7" x14ac:dyDescent="0.3">
      <c r="A64864" s="13" t="s">
        <v>347</v>
      </c>
      <c r="B64864" s="14" t="s">
        <v>1</v>
      </c>
      <c r="C64864" s="14" t="s">
        <v>191</v>
      </c>
      <c r="D64864" s="14" t="s">
        <v>64</v>
      </c>
      <c r="E64864" s="15">
        <v>45635</v>
      </c>
      <c r="F64864" s="14" t="s">
        <v>28</v>
      </c>
      <c r="G64864" s="16">
        <v>0</v>
      </c>
    </row>
    <row r="64865" spans="1:7" x14ac:dyDescent="0.3">
      <c r="A64865" s="13" t="s">
        <v>347</v>
      </c>
      <c r="B64865" s="14" t="s">
        <v>1</v>
      </c>
      <c r="C64865" s="14" t="s">
        <v>191</v>
      </c>
      <c r="D64865" s="14" t="s">
        <v>64</v>
      </c>
      <c r="E64865" s="15">
        <v>45636</v>
      </c>
      <c r="F64865" s="14" t="s">
        <v>28</v>
      </c>
      <c r="G64865" s="16">
        <v>0</v>
      </c>
    </row>
    <row r="64866" spans="1:7" x14ac:dyDescent="0.3">
      <c r="A64866" s="13" t="s">
        <v>347</v>
      </c>
      <c r="B64866" s="14" t="s">
        <v>1</v>
      </c>
      <c r="C64866" s="14" t="s">
        <v>191</v>
      </c>
      <c r="D64866" s="14" t="s">
        <v>64</v>
      </c>
      <c r="E64866" s="15">
        <v>45637</v>
      </c>
      <c r="F64866" s="14" t="s">
        <v>28</v>
      </c>
      <c r="G64866" s="16">
        <v>0</v>
      </c>
    </row>
    <row r="64867" spans="1:7" x14ac:dyDescent="0.3">
      <c r="A64867" s="13" t="s">
        <v>347</v>
      </c>
      <c r="B64867" s="14" t="s">
        <v>1</v>
      </c>
      <c r="C64867" s="14" t="s">
        <v>191</v>
      </c>
      <c r="D64867" s="14" t="s">
        <v>64</v>
      </c>
      <c r="E64867" s="15">
        <v>45638</v>
      </c>
      <c r="F64867" s="14" t="s">
        <v>28</v>
      </c>
      <c r="G64867" s="16">
        <v>0</v>
      </c>
    </row>
    <row r="64868" spans="1:7" x14ac:dyDescent="0.3">
      <c r="A64868" s="13" t="s">
        <v>347</v>
      </c>
      <c r="B64868" s="14" t="s">
        <v>1</v>
      </c>
      <c r="C64868" s="14" t="s">
        <v>191</v>
      </c>
      <c r="D64868" s="14" t="s">
        <v>64</v>
      </c>
      <c r="E64868" s="15">
        <v>45639</v>
      </c>
      <c r="F64868" s="14" t="s">
        <v>28</v>
      </c>
      <c r="G64868" s="16">
        <v>0</v>
      </c>
    </row>
    <row r="64869" spans="1:7" x14ac:dyDescent="0.3">
      <c r="A64869" s="13" t="s">
        <v>347</v>
      </c>
      <c r="B64869" s="14" t="s">
        <v>1</v>
      </c>
      <c r="C64869" s="14" t="s">
        <v>191</v>
      </c>
      <c r="D64869" s="14" t="s">
        <v>64</v>
      </c>
      <c r="E64869" s="15">
        <v>45640</v>
      </c>
      <c r="F64869" s="14" t="s">
        <v>28</v>
      </c>
      <c r="G64869" s="16">
        <v>0</v>
      </c>
    </row>
    <row r="64870" spans="1:7" x14ac:dyDescent="0.3">
      <c r="A64870" s="13" t="s">
        <v>347</v>
      </c>
      <c r="B64870" s="14" t="s">
        <v>1</v>
      </c>
      <c r="C64870" s="14" t="s">
        <v>191</v>
      </c>
      <c r="D64870" s="14" t="s">
        <v>64</v>
      </c>
      <c r="E64870" s="15">
        <v>45641</v>
      </c>
      <c r="F64870" s="14" t="s">
        <v>28</v>
      </c>
      <c r="G64870" s="16">
        <v>0</v>
      </c>
    </row>
    <row r="64871" spans="1:7" x14ac:dyDescent="0.3">
      <c r="A64871" s="13" t="s">
        <v>347</v>
      </c>
      <c r="B64871" s="14" t="s">
        <v>1</v>
      </c>
      <c r="C64871" s="14" t="s">
        <v>191</v>
      </c>
      <c r="D64871" s="14" t="s">
        <v>64</v>
      </c>
      <c r="E64871" s="15">
        <v>45642</v>
      </c>
      <c r="F64871" s="14" t="s">
        <v>28</v>
      </c>
      <c r="G64871" s="16">
        <v>0</v>
      </c>
    </row>
    <row r="64872" spans="1:7" x14ac:dyDescent="0.3">
      <c r="A64872" s="13" t="s">
        <v>347</v>
      </c>
      <c r="B64872" s="14" t="s">
        <v>1</v>
      </c>
      <c r="C64872" s="14" t="s">
        <v>191</v>
      </c>
      <c r="D64872" s="14" t="s">
        <v>64</v>
      </c>
      <c r="E64872" s="15">
        <v>45643</v>
      </c>
      <c r="F64872" s="14" t="s">
        <v>28</v>
      </c>
      <c r="G64872" s="16">
        <v>0</v>
      </c>
    </row>
    <row r="64873" spans="1:7" x14ac:dyDescent="0.3">
      <c r="A64873" s="13" t="s">
        <v>347</v>
      </c>
      <c r="B64873" s="14" t="s">
        <v>1</v>
      </c>
      <c r="C64873" s="14" t="s">
        <v>191</v>
      </c>
      <c r="D64873" s="14" t="s">
        <v>64</v>
      </c>
      <c r="E64873" s="15">
        <v>45644</v>
      </c>
      <c r="F64873" s="14" t="s">
        <v>28</v>
      </c>
      <c r="G64873" s="16">
        <v>0</v>
      </c>
    </row>
    <row r="64874" spans="1:7" x14ac:dyDescent="0.3">
      <c r="A64874" s="13" t="s">
        <v>347</v>
      </c>
      <c r="B64874" s="14" t="s">
        <v>1</v>
      </c>
      <c r="C64874" s="14" t="s">
        <v>191</v>
      </c>
      <c r="D64874" s="14" t="s">
        <v>64</v>
      </c>
      <c r="E64874" s="15">
        <v>45645</v>
      </c>
      <c r="F64874" s="14" t="s">
        <v>28</v>
      </c>
      <c r="G64874" s="16">
        <v>0</v>
      </c>
    </row>
    <row r="64875" spans="1:7" x14ac:dyDescent="0.3">
      <c r="A64875" s="13" t="s">
        <v>347</v>
      </c>
      <c r="B64875" s="14" t="s">
        <v>1</v>
      </c>
      <c r="C64875" s="14" t="s">
        <v>191</v>
      </c>
      <c r="D64875" s="14" t="s">
        <v>64</v>
      </c>
      <c r="E64875" s="15">
        <v>45646</v>
      </c>
      <c r="F64875" s="14" t="s">
        <v>28</v>
      </c>
      <c r="G64875" s="16">
        <v>0</v>
      </c>
    </row>
    <row r="64876" spans="1:7" x14ac:dyDescent="0.3">
      <c r="A64876" s="13" t="s">
        <v>347</v>
      </c>
      <c r="B64876" s="14" t="s">
        <v>1</v>
      </c>
      <c r="C64876" s="14" t="s">
        <v>191</v>
      </c>
      <c r="D64876" s="14" t="s">
        <v>64</v>
      </c>
      <c r="E64876" s="15">
        <v>45647</v>
      </c>
      <c r="F64876" s="14" t="s">
        <v>28</v>
      </c>
      <c r="G64876" s="16">
        <v>0</v>
      </c>
    </row>
    <row r="64877" spans="1:7" x14ac:dyDescent="0.3">
      <c r="A64877" s="13" t="s">
        <v>347</v>
      </c>
      <c r="B64877" s="14" t="s">
        <v>1</v>
      </c>
      <c r="C64877" s="14" t="s">
        <v>191</v>
      </c>
      <c r="D64877" s="14" t="s">
        <v>64</v>
      </c>
      <c r="E64877" s="15">
        <v>45648</v>
      </c>
      <c r="F64877" s="14" t="s">
        <v>28</v>
      </c>
      <c r="G64877" s="16">
        <v>0</v>
      </c>
    </row>
    <row r="64878" spans="1:7" x14ac:dyDescent="0.3">
      <c r="A64878" s="13" t="s">
        <v>347</v>
      </c>
      <c r="B64878" s="14" t="s">
        <v>1</v>
      </c>
      <c r="C64878" s="14" t="s">
        <v>191</v>
      </c>
      <c r="D64878" s="14" t="s">
        <v>64</v>
      </c>
      <c r="E64878" s="15">
        <v>45649</v>
      </c>
      <c r="F64878" s="14" t="s">
        <v>28</v>
      </c>
      <c r="G64878" s="16">
        <v>0</v>
      </c>
    </row>
    <row r="64879" spans="1:7" x14ac:dyDescent="0.3">
      <c r="A64879" s="13" t="s">
        <v>347</v>
      </c>
      <c r="B64879" s="14" t="s">
        <v>1</v>
      </c>
      <c r="C64879" s="14" t="s">
        <v>191</v>
      </c>
      <c r="D64879" s="14" t="s">
        <v>64</v>
      </c>
      <c r="E64879" s="15">
        <v>45650</v>
      </c>
      <c r="F64879" s="14" t="s">
        <v>28</v>
      </c>
      <c r="G64879" s="16">
        <v>0</v>
      </c>
    </row>
    <row r="64880" spans="1:7" x14ac:dyDescent="0.3">
      <c r="A64880" s="13" t="s">
        <v>347</v>
      </c>
      <c r="B64880" s="14" t="s">
        <v>1</v>
      </c>
      <c r="C64880" s="14" t="s">
        <v>191</v>
      </c>
      <c r="D64880" s="14" t="s">
        <v>64</v>
      </c>
      <c r="E64880" s="15">
        <v>45651</v>
      </c>
      <c r="F64880" s="14" t="s">
        <v>28</v>
      </c>
      <c r="G64880" s="16">
        <v>0</v>
      </c>
    </row>
    <row r="64881" spans="1:7" x14ac:dyDescent="0.3">
      <c r="A64881" s="13" t="s">
        <v>347</v>
      </c>
      <c r="B64881" s="14" t="s">
        <v>1</v>
      </c>
      <c r="C64881" s="14" t="s">
        <v>191</v>
      </c>
      <c r="D64881" s="14" t="s">
        <v>64</v>
      </c>
      <c r="E64881" s="15">
        <v>45652</v>
      </c>
      <c r="F64881" s="14" t="s">
        <v>28</v>
      </c>
      <c r="G64881" s="16">
        <v>0</v>
      </c>
    </row>
    <row r="64882" spans="1:7" x14ac:dyDescent="0.3">
      <c r="A64882" s="13" t="s">
        <v>347</v>
      </c>
      <c r="B64882" s="14" t="s">
        <v>1</v>
      </c>
      <c r="C64882" s="14" t="s">
        <v>191</v>
      </c>
      <c r="D64882" s="14" t="s">
        <v>64</v>
      </c>
      <c r="E64882" s="15">
        <v>45653</v>
      </c>
      <c r="F64882" s="14" t="s">
        <v>28</v>
      </c>
      <c r="G64882" s="16">
        <v>0</v>
      </c>
    </row>
    <row r="64883" spans="1:7" x14ac:dyDescent="0.3">
      <c r="A64883" s="13" t="s">
        <v>347</v>
      </c>
      <c r="B64883" s="14" t="s">
        <v>1</v>
      </c>
      <c r="C64883" s="14" t="s">
        <v>191</v>
      </c>
      <c r="D64883" s="14" t="s">
        <v>64</v>
      </c>
      <c r="E64883" s="15">
        <v>45654</v>
      </c>
      <c r="F64883" s="14" t="s">
        <v>28</v>
      </c>
      <c r="G64883" s="16">
        <v>0</v>
      </c>
    </row>
    <row r="64884" spans="1:7" x14ac:dyDescent="0.3">
      <c r="A64884" s="13" t="s">
        <v>347</v>
      </c>
      <c r="B64884" s="14" t="s">
        <v>1</v>
      </c>
      <c r="C64884" s="14" t="s">
        <v>191</v>
      </c>
      <c r="D64884" s="14" t="s">
        <v>64</v>
      </c>
      <c r="E64884" s="15">
        <v>45655</v>
      </c>
      <c r="F64884" s="14" t="s">
        <v>28</v>
      </c>
      <c r="G64884" s="16">
        <v>0</v>
      </c>
    </row>
    <row r="64885" spans="1:7" x14ac:dyDescent="0.3">
      <c r="A64885" s="13" t="s">
        <v>347</v>
      </c>
      <c r="B64885" s="14" t="s">
        <v>1</v>
      </c>
      <c r="C64885" s="14" t="s">
        <v>191</v>
      </c>
      <c r="D64885" s="14" t="s">
        <v>64</v>
      </c>
      <c r="E64885" s="15">
        <v>45656</v>
      </c>
      <c r="F64885" s="14" t="s">
        <v>28</v>
      </c>
      <c r="G64885" s="16">
        <v>0</v>
      </c>
    </row>
    <row r="64886" spans="1:7" x14ac:dyDescent="0.3">
      <c r="A64886" s="13" t="s">
        <v>347</v>
      </c>
      <c r="B64886" s="14" t="s">
        <v>1</v>
      </c>
      <c r="C64886" s="14" t="s">
        <v>191</v>
      </c>
      <c r="D64886" s="14" t="s">
        <v>64</v>
      </c>
      <c r="E64886" s="15">
        <v>45657</v>
      </c>
      <c r="F64886" s="14" t="s">
        <v>28</v>
      </c>
      <c r="G64886" s="16">
        <v>0</v>
      </c>
    </row>
    <row r="64887" spans="1:7" x14ac:dyDescent="0.3">
      <c r="A64887" s="13" t="s">
        <v>347</v>
      </c>
      <c r="B64887" s="14" t="s">
        <v>1</v>
      </c>
      <c r="C64887" s="14" t="s">
        <v>191</v>
      </c>
      <c r="D64887" s="14" t="s">
        <v>64</v>
      </c>
      <c r="E64887" s="15">
        <v>45658</v>
      </c>
      <c r="F64887" s="14" t="s">
        <v>28</v>
      </c>
      <c r="G64887" s="16">
        <v>0</v>
      </c>
    </row>
    <row r="64888" spans="1:7" x14ac:dyDescent="0.3">
      <c r="A64888" s="13" t="s">
        <v>347</v>
      </c>
      <c r="B64888" s="14" t="s">
        <v>1</v>
      </c>
      <c r="C64888" s="14" t="s">
        <v>191</v>
      </c>
      <c r="D64888" s="14" t="s">
        <v>64</v>
      </c>
      <c r="E64888" s="15">
        <v>45659</v>
      </c>
      <c r="F64888" s="14" t="s">
        <v>28</v>
      </c>
      <c r="G64888" s="16">
        <v>0</v>
      </c>
    </row>
    <row r="64889" spans="1:7" x14ac:dyDescent="0.3">
      <c r="A64889" s="13" t="s">
        <v>347</v>
      </c>
      <c r="B64889" s="14" t="s">
        <v>1</v>
      </c>
      <c r="C64889" s="14" t="s">
        <v>191</v>
      </c>
      <c r="D64889" s="14" t="s">
        <v>64</v>
      </c>
      <c r="E64889" s="15">
        <v>45660</v>
      </c>
      <c r="F64889" s="14" t="s">
        <v>28</v>
      </c>
      <c r="G64889" s="16">
        <v>0</v>
      </c>
    </row>
    <row r="64890" spans="1:7" x14ac:dyDescent="0.3">
      <c r="A64890" s="13" t="s">
        <v>347</v>
      </c>
      <c r="B64890" s="14" t="s">
        <v>1</v>
      </c>
      <c r="C64890" s="14" t="s">
        <v>191</v>
      </c>
      <c r="D64890" s="14" t="s">
        <v>64</v>
      </c>
      <c r="E64890" s="15">
        <v>45661</v>
      </c>
      <c r="F64890" s="14" t="s">
        <v>28</v>
      </c>
      <c r="G64890" s="16">
        <v>0</v>
      </c>
    </row>
    <row r="64891" spans="1:7" x14ac:dyDescent="0.3">
      <c r="A64891" s="13" t="s">
        <v>347</v>
      </c>
      <c r="B64891" s="14" t="s">
        <v>1</v>
      </c>
      <c r="C64891" s="14" t="s">
        <v>191</v>
      </c>
      <c r="D64891" s="14" t="s">
        <v>64</v>
      </c>
      <c r="E64891" s="15">
        <v>45662</v>
      </c>
      <c r="F64891" s="14" t="s">
        <v>28</v>
      </c>
      <c r="G64891" s="16">
        <v>0</v>
      </c>
    </row>
    <row r="64892" spans="1:7" x14ac:dyDescent="0.3">
      <c r="A64892" s="13" t="s">
        <v>347</v>
      </c>
      <c r="B64892" s="14" t="s">
        <v>1</v>
      </c>
      <c r="C64892" s="14" t="s">
        <v>191</v>
      </c>
      <c r="D64892" s="14" t="s">
        <v>64</v>
      </c>
      <c r="E64892" s="15">
        <v>45663</v>
      </c>
      <c r="F64892" s="14" t="s">
        <v>28</v>
      </c>
      <c r="G64892" s="16">
        <v>0</v>
      </c>
    </row>
    <row r="64893" spans="1:7" x14ac:dyDescent="0.3">
      <c r="A64893" s="13" t="s">
        <v>347</v>
      </c>
      <c r="B64893" s="14" t="s">
        <v>1</v>
      </c>
      <c r="C64893" s="14" t="s">
        <v>191</v>
      </c>
      <c r="D64893" s="14" t="s">
        <v>64</v>
      </c>
      <c r="E64893" s="15">
        <v>45664</v>
      </c>
      <c r="F64893" s="14" t="s">
        <v>28</v>
      </c>
      <c r="G64893" s="16">
        <v>0</v>
      </c>
    </row>
    <row r="64894" spans="1:7" x14ac:dyDescent="0.3">
      <c r="A64894" s="13" t="s">
        <v>347</v>
      </c>
      <c r="B64894" s="14" t="s">
        <v>1</v>
      </c>
      <c r="C64894" s="14" t="s">
        <v>191</v>
      </c>
      <c r="D64894" s="14" t="s">
        <v>64</v>
      </c>
      <c r="E64894" s="15">
        <v>45665</v>
      </c>
      <c r="F64894" s="14" t="s">
        <v>28</v>
      </c>
      <c r="G64894" s="16">
        <v>0</v>
      </c>
    </row>
    <row r="64895" spans="1:7" x14ac:dyDescent="0.3">
      <c r="A64895" s="13" t="s">
        <v>347</v>
      </c>
      <c r="B64895" s="14" t="s">
        <v>1</v>
      </c>
      <c r="C64895" s="14" t="s">
        <v>191</v>
      </c>
      <c r="D64895" s="14" t="s">
        <v>64</v>
      </c>
      <c r="E64895" s="15">
        <v>45666</v>
      </c>
      <c r="F64895" s="14" t="s">
        <v>28</v>
      </c>
      <c r="G64895" s="16">
        <v>0</v>
      </c>
    </row>
    <row r="64896" spans="1:7" x14ac:dyDescent="0.3">
      <c r="A64896" s="13" t="s">
        <v>347</v>
      </c>
      <c r="B64896" s="14" t="s">
        <v>1</v>
      </c>
      <c r="C64896" s="14" t="s">
        <v>191</v>
      </c>
      <c r="D64896" s="14" t="s">
        <v>64</v>
      </c>
      <c r="E64896" s="15">
        <v>45667</v>
      </c>
      <c r="F64896" s="14" t="s">
        <v>28</v>
      </c>
      <c r="G64896" s="16">
        <v>0</v>
      </c>
    </row>
    <row r="64897" spans="1:7" x14ac:dyDescent="0.3">
      <c r="A64897" s="13" t="s">
        <v>347</v>
      </c>
      <c r="B64897" s="14" t="s">
        <v>1</v>
      </c>
      <c r="C64897" s="14" t="s">
        <v>191</v>
      </c>
      <c r="D64897" s="14" t="s">
        <v>64</v>
      </c>
      <c r="E64897" s="15">
        <v>45668</v>
      </c>
      <c r="F64897" s="14" t="s">
        <v>28</v>
      </c>
      <c r="G64897" s="16">
        <v>0</v>
      </c>
    </row>
    <row r="64898" spans="1:7" x14ac:dyDescent="0.3">
      <c r="A64898" s="13" t="s">
        <v>347</v>
      </c>
      <c r="B64898" s="14" t="s">
        <v>1</v>
      </c>
      <c r="C64898" s="14" t="s">
        <v>191</v>
      </c>
      <c r="D64898" s="14" t="s">
        <v>64</v>
      </c>
      <c r="E64898" s="15">
        <v>45669</v>
      </c>
      <c r="F64898" s="14" t="s">
        <v>28</v>
      </c>
      <c r="G64898" s="16">
        <v>0</v>
      </c>
    </row>
    <row r="64899" spans="1:7" x14ac:dyDescent="0.3">
      <c r="A64899" s="13" t="s">
        <v>347</v>
      </c>
      <c r="B64899" s="14" t="s">
        <v>1</v>
      </c>
      <c r="C64899" s="14" t="s">
        <v>191</v>
      </c>
      <c r="D64899" s="14" t="s">
        <v>64</v>
      </c>
      <c r="E64899" s="15">
        <v>45670</v>
      </c>
      <c r="F64899" s="14" t="s">
        <v>28</v>
      </c>
      <c r="G64899" s="16">
        <v>0</v>
      </c>
    </row>
    <row r="64900" spans="1:7" x14ac:dyDescent="0.3">
      <c r="A64900" s="13" t="s">
        <v>347</v>
      </c>
      <c r="B64900" s="14" t="s">
        <v>1</v>
      </c>
      <c r="C64900" s="14" t="s">
        <v>191</v>
      </c>
      <c r="D64900" s="14" t="s">
        <v>64</v>
      </c>
      <c r="E64900" s="15">
        <v>45671</v>
      </c>
      <c r="F64900" s="14" t="s">
        <v>28</v>
      </c>
      <c r="G64900" s="16">
        <v>0</v>
      </c>
    </row>
    <row r="64901" spans="1:7" x14ac:dyDescent="0.3">
      <c r="A64901" s="13" t="s">
        <v>347</v>
      </c>
      <c r="B64901" s="14" t="s">
        <v>1</v>
      </c>
      <c r="C64901" s="14" t="s">
        <v>191</v>
      </c>
      <c r="D64901" s="14" t="s">
        <v>64</v>
      </c>
      <c r="E64901" s="15">
        <v>45672</v>
      </c>
      <c r="F64901" s="14" t="s">
        <v>28</v>
      </c>
      <c r="G64901" s="16">
        <v>0</v>
      </c>
    </row>
    <row r="64902" spans="1:7" x14ac:dyDescent="0.3">
      <c r="A64902" s="13" t="s">
        <v>347</v>
      </c>
      <c r="B64902" s="14" t="s">
        <v>1</v>
      </c>
      <c r="C64902" s="14" t="s">
        <v>191</v>
      </c>
      <c r="D64902" s="14" t="s">
        <v>64</v>
      </c>
      <c r="E64902" s="15">
        <v>45673</v>
      </c>
      <c r="F64902" s="14" t="s">
        <v>28</v>
      </c>
      <c r="G64902" s="16">
        <v>0</v>
      </c>
    </row>
    <row r="64903" spans="1:7" x14ac:dyDescent="0.3">
      <c r="A64903" s="13" t="s">
        <v>347</v>
      </c>
      <c r="B64903" s="14" t="s">
        <v>1</v>
      </c>
      <c r="C64903" s="14" t="s">
        <v>191</v>
      </c>
      <c r="D64903" s="14" t="s">
        <v>64</v>
      </c>
      <c r="E64903" s="15">
        <v>45674</v>
      </c>
      <c r="F64903" s="14" t="s">
        <v>28</v>
      </c>
      <c r="G64903" s="16">
        <v>0</v>
      </c>
    </row>
    <row r="64904" spans="1:7" x14ac:dyDescent="0.3">
      <c r="A64904" s="13" t="s">
        <v>347</v>
      </c>
      <c r="B64904" s="14" t="s">
        <v>1</v>
      </c>
      <c r="C64904" s="14" t="s">
        <v>191</v>
      </c>
      <c r="D64904" s="14" t="s">
        <v>64</v>
      </c>
      <c r="E64904" s="15">
        <v>45675</v>
      </c>
      <c r="F64904" s="14" t="s">
        <v>28</v>
      </c>
      <c r="G64904" s="16">
        <v>0</v>
      </c>
    </row>
    <row r="64905" spans="1:7" x14ac:dyDescent="0.3">
      <c r="A64905" s="13" t="s">
        <v>347</v>
      </c>
      <c r="B64905" s="14" t="s">
        <v>1</v>
      </c>
      <c r="C64905" s="14" t="s">
        <v>191</v>
      </c>
      <c r="D64905" s="14" t="s">
        <v>64</v>
      </c>
      <c r="E64905" s="15">
        <v>45676</v>
      </c>
      <c r="F64905" s="14" t="s">
        <v>28</v>
      </c>
      <c r="G64905" s="16">
        <v>0</v>
      </c>
    </row>
    <row r="64906" spans="1:7" x14ac:dyDescent="0.3">
      <c r="A64906" s="13" t="s">
        <v>347</v>
      </c>
      <c r="B64906" s="14" t="s">
        <v>1</v>
      </c>
      <c r="C64906" s="14" t="s">
        <v>191</v>
      </c>
      <c r="D64906" s="14" t="s">
        <v>64</v>
      </c>
      <c r="E64906" s="15">
        <v>45677</v>
      </c>
      <c r="F64906" s="14" t="s">
        <v>28</v>
      </c>
      <c r="G64906" s="16">
        <v>0</v>
      </c>
    </row>
    <row r="64907" spans="1:7" x14ac:dyDescent="0.3">
      <c r="A64907" s="13" t="s">
        <v>347</v>
      </c>
      <c r="B64907" s="14" t="s">
        <v>1</v>
      </c>
      <c r="C64907" s="14" t="s">
        <v>191</v>
      </c>
      <c r="D64907" s="14" t="s">
        <v>64</v>
      </c>
      <c r="E64907" s="15">
        <v>45678</v>
      </c>
      <c r="F64907" s="14" t="s">
        <v>28</v>
      </c>
      <c r="G64907" s="16">
        <v>0</v>
      </c>
    </row>
    <row r="64908" spans="1:7" x14ac:dyDescent="0.3">
      <c r="A64908" s="13" t="s">
        <v>347</v>
      </c>
      <c r="B64908" s="14" t="s">
        <v>1</v>
      </c>
      <c r="C64908" s="14" t="s">
        <v>191</v>
      </c>
      <c r="D64908" s="14" t="s">
        <v>64</v>
      </c>
      <c r="E64908" s="15">
        <v>45679</v>
      </c>
      <c r="F64908" s="14" t="s">
        <v>28</v>
      </c>
      <c r="G64908" s="16">
        <v>0</v>
      </c>
    </row>
    <row r="64909" spans="1:7" x14ac:dyDescent="0.3">
      <c r="A64909" s="13" t="s">
        <v>347</v>
      </c>
      <c r="B64909" s="14" t="s">
        <v>1</v>
      </c>
      <c r="C64909" s="14" t="s">
        <v>191</v>
      </c>
      <c r="D64909" s="14" t="s">
        <v>64</v>
      </c>
      <c r="E64909" s="15">
        <v>45680</v>
      </c>
      <c r="F64909" s="14" t="s">
        <v>28</v>
      </c>
      <c r="G64909" s="16">
        <v>0</v>
      </c>
    </row>
    <row r="64910" spans="1:7" x14ac:dyDescent="0.3">
      <c r="A64910" s="13" t="s">
        <v>347</v>
      </c>
      <c r="B64910" s="14" t="s">
        <v>1</v>
      </c>
      <c r="C64910" s="14" t="s">
        <v>191</v>
      </c>
      <c r="D64910" s="14" t="s">
        <v>64</v>
      </c>
      <c r="E64910" s="15">
        <v>45681</v>
      </c>
      <c r="F64910" s="14" t="s">
        <v>28</v>
      </c>
      <c r="G64910" s="16">
        <v>0</v>
      </c>
    </row>
    <row r="64911" spans="1:7" x14ac:dyDescent="0.3">
      <c r="A64911" s="13" t="s">
        <v>347</v>
      </c>
      <c r="B64911" s="14" t="s">
        <v>1</v>
      </c>
      <c r="C64911" s="14" t="s">
        <v>191</v>
      </c>
      <c r="D64911" s="14" t="s">
        <v>64</v>
      </c>
      <c r="E64911" s="15">
        <v>45682</v>
      </c>
      <c r="F64911" s="14" t="s">
        <v>28</v>
      </c>
      <c r="G64911" s="16">
        <v>0</v>
      </c>
    </row>
    <row r="64912" spans="1:7" x14ac:dyDescent="0.3">
      <c r="A64912" s="13" t="s">
        <v>347</v>
      </c>
      <c r="B64912" s="14" t="s">
        <v>1</v>
      </c>
      <c r="C64912" s="14" t="s">
        <v>191</v>
      </c>
      <c r="D64912" s="14" t="s">
        <v>64</v>
      </c>
      <c r="E64912" s="15">
        <v>45683</v>
      </c>
      <c r="F64912" s="14" t="s">
        <v>28</v>
      </c>
      <c r="G64912" s="16">
        <v>0</v>
      </c>
    </row>
    <row r="64913" spans="1:7" x14ac:dyDescent="0.3">
      <c r="A64913" s="13" t="s">
        <v>347</v>
      </c>
      <c r="B64913" s="14" t="s">
        <v>1</v>
      </c>
      <c r="C64913" s="14" t="s">
        <v>191</v>
      </c>
      <c r="D64913" s="14" t="s">
        <v>64</v>
      </c>
      <c r="E64913" s="15">
        <v>45684</v>
      </c>
      <c r="F64913" s="14" t="s">
        <v>28</v>
      </c>
      <c r="G64913" s="16">
        <v>0</v>
      </c>
    </row>
    <row r="64914" spans="1:7" x14ac:dyDescent="0.3">
      <c r="A64914" s="13" t="s">
        <v>347</v>
      </c>
      <c r="B64914" s="14" t="s">
        <v>1</v>
      </c>
      <c r="C64914" s="14" t="s">
        <v>191</v>
      </c>
      <c r="D64914" s="14" t="s">
        <v>64</v>
      </c>
      <c r="E64914" s="15">
        <v>45685</v>
      </c>
      <c r="F64914" s="14" t="s">
        <v>28</v>
      </c>
      <c r="G64914" s="16">
        <v>0</v>
      </c>
    </row>
    <row r="64915" spans="1:7" x14ac:dyDescent="0.3">
      <c r="A64915" s="13" t="s">
        <v>347</v>
      </c>
      <c r="B64915" s="14" t="s">
        <v>1</v>
      </c>
      <c r="C64915" s="14" t="s">
        <v>191</v>
      </c>
      <c r="D64915" s="14" t="s">
        <v>64</v>
      </c>
      <c r="E64915" s="15">
        <v>45686</v>
      </c>
      <c r="F64915" s="14" t="s">
        <v>28</v>
      </c>
      <c r="G64915" s="16">
        <v>0</v>
      </c>
    </row>
    <row r="64916" spans="1:7" x14ac:dyDescent="0.3">
      <c r="A64916" s="13" t="s">
        <v>347</v>
      </c>
      <c r="B64916" s="14" t="s">
        <v>1</v>
      </c>
      <c r="C64916" s="14" t="s">
        <v>191</v>
      </c>
      <c r="D64916" s="14" t="s">
        <v>64</v>
      </c>
      <c r="E64916" s="15">
        <v>45687</v>
      </c>
      <c r="F64916" s="14" t="s">
        <v>28</v>
      </c>
      <c r="G64916" s="16">
        <v>0</v>
      </c>
    </row>
    <row r="64917" spans="1:7" x14ac:dyDescent="0.3">
      <c r="A64917" s="13" t="s">
        <v>347</v>
      </c>
      <c r="B64917" s="14" t="s">
        <v>1</v>
      </c>
      <c r="C64917" s="14" t="s">
        <v>191</v>
      </c>
      <c r="D64917" s="14" t="s">
        <v>64</v>
      </c>
      <c r="E64917" s="15">
        <v>45688</v>
      </c>
      <c r="F64917" s="14" t="s">
        <v>28</v>
      </c>
      <c r="G64917" s="16">
        <v>0</v>
      </c>
    </row>
    <row r="64918" spans="1:7" x14ac:dyDescent="0.3">
      <c r="A64918" s="13" t="s">
        <v>347</v>
      </c>
      <c r="B64918" s="14" t="s">
        <v>1</v>
      </c>
      <c r="C64918" s="14" t="s">
        <v>191</v>
      </c>
      <c r="D64918" s="14" t="s">
        <v>64</v>
      </c>
      <c r="E64918" s="15">
        <v>45689</v>
      </c>
      <c r="F64918" s="14" t="s">
        <v>28</v>
      </c>
      <c r="G64918" s="16">
        <v>0</v>
      </c>
    </row>
    <row r="64919" spans="1:7" x14ac:dyDescent="0.3">
      <c r="A64919" s="13" t="s">
        <v>347</v>
      </c>
      <c r="B64919" s="14" t="s">
        <v>1</v>
      </c>
      <c r="C64919" s="14" t="s">
        <v>191</v>
      </c>
      <c r="D64919" s="14" t="s">
        <v>64</v>
      </c>
      <c r="E64919" s="15">
        <v>45690</v>
      </c>
      <c r="F64919" s="14" t="s">
        <v>28</v>
      </c>
      <c r="G64919" s="16">
        <v>0</v>
      </c>
    </row>
    <row r="64920" spans="1:7" x14ac:dyDescent="0.3">
      <c r="A64920" s="13" t="s">
        <v>347</v>
      </c>
      <c r="B64920" s="14" t="s">
        <v>1</v>
      </c>
      <c r="C64920" s="14" t="s">
        <v>191</v>
      </c>
      <c r="D64920" s="14" t="s">
        <v>64</v>
      </c>
      <c r="E64920" s="15">
        <v>45691</v>
      </c>
      <c r="F64920" s="14" t="s">
        <v>28</v>
      </c>
      <c r="G64920" s="16">
        <v>0</v>
      </c>
    </row>
    <row r="64921" spans="1:7" x14ac:dyDescent="0.3">
      <c r="A64921" s="13" t="s">
        <v>347</v>
      </c>
      <c r="B64921" s="14" t="s">
        <v>1</v>
      </c>
      <c r="C64921" s="14" t="s">
        <v>191</v>
      </c>
      <c r="D64921" s="14" t="s">
        <v>64</v>
      </c>
      <c r="E64921" s="15">
        <v>45692</v>
      </c>
      <c r="F64921" s="14" t="s">
        <v>28</v>
      </c>
      <c r="G64921" s="16">
        <v>0</v>
      </c>
    </row>
    <row r="64922" spans="1:7" x14ac:dyDescent="0.3">
      <c r="A64922" s="13" t="s">
        <v>347</v>
      </c>
      <c r="B64922" s="14" t="s">
        <v>1</v>
      </c>
      <c r="C64922" s="14" t="s">
        <v>191</v>
      </c>
      <c r="D64922" s="14" t="s">
        <v>64</v>
      </c>
      <c r="E64922" s="15">
        <v>45693</v>
      </c>
      <c r="F64922" s="14" t="s">
        <v>28</v>
      </c>
      <c r="G64922" s="16">
        <v>0</v>
      </c>
    </row>
    <row r="64923" spans="1:7" x14ac:dyDescent="0.3">
      <c r="A64923" s="13" t="s">
        <v>347</v>
      </c>
      <c r="B64923" s="14" t="s">
        <v>1</v>
      </c>
      <c r="C64923" s="14" t="s">
        <v>191</v>
      </c>
      <c r="D64923" s="14" t="s">
        <v>64</v>
      </c>
      <c r="E64923" s="15">
        <v>45694</v>
      </c>
      <c r="F64923" s="14" t="s">
        <v>28</v>
      </c>
      <c r="G64923" s="16">
        <v>0</v>
      </c>
    </row>
    <row r="64924" spans="1:7" x14ac:dyDescent="0.3">
      <c r="A64924" s="13" t="s">
        <v>347</v>
      </c>
      <c r="B64924" s="14" t="s">
        <v>1</v>
      </c>
      <c r="C64924" s="14" t="s">
        <v>191</v>
      </c>
      <c r="D64924" s="14" t="s">
        <v>64</v>
      </c>
      <c r="E64924" s="15">
        <v>45695</v>
      </c>
      <c r="F64924" s="14" t="s">
        <v>28</v>
      </c>
      <c r="G64924" s="16">
        <v>0</v>
      </c>
    </row>
    <row r="64925" spans="1:7" x14ac:dyDescent="0.3">
      <c r="A64925" s="13" t="s">
        <v>347</v>
      </c>
      <c r="B64925" s="14" t="s">
        <v>1</v>
      </c>
      <c r="C64925" s="14" t="s">
        <v>191</v>
      </c>
      <c r="D64925" s="14" t="s">
        <v>64</v>
      </c>
      <c r="E64925" s="15">
        <v>45696</v>
      </c>
      <c r="F64925" s="14" t="s">
        <v>28</v>
      </c>
      <c r="G64925" s="16">
        <v>0</v>
      </c>
    </row>
    <row r="64926" spans="1:7" x14ac:dyDescent="0.3">
      <c r="A64926" s="13" t="s">
        <v>347</v>
      </c>
      <c r="B64926" s="14" t="s">
        <v>1</v>
      </c>
      <c r="C64926" s="14" t="s">
        <v>191</v>
      </c>
      <c r="D64926" s="14" t="s">
        <v>64</v>
      </c>
      <c r="E64926" s="15">
        <v>45697</v>
      </c>
      <c r="F64926" s="14" t="s">
        <v>28</v>
      </c>
      <c r="G64926" s="16">
        <v>0</v>
      </c>
    </row>
    <row r="64927" spans="1:7" x14ac:dyDescent="0.3">
      <c r="A64927" s="13" t="s">
        <v>347</v>
      </c>
      <c r="B64927" s="14" t="s">
        <v>1</v>
      </c>
      <c r="C64927" s="14" t="s">
        <v>191</v>
      </c>
      <c r="D64927" s="14" t="s">
        <v>64</v>
      </c>
      <c r="E64927" s="15">
        <v>45698</v>
      </c>
      <c r="F64927" s="14" t="s">
        <v>28</v>
      </c>
      <c r="G64927" s="16">
        <v>0</v>
      </c>
    </row>
    <row r="64928" spans="1:7" x14ac:dyDescent="0.3">
      <c r="A64928" s="13" t="s">
        <v>347</v>
      </c>
      <c r="B64928" s="14" t="s">
        <v>1</v>
      </c>
      <c r="C64928" s="14" t="s">
        <v>191</v>
      </c>
      <c r="D64928" s="14" t="s">
        <v>64</v>
      </c>
      <c r="E64928" s="15">
        <v>45699</v>
      </c>
      <c r="F64928" s="14" t="s">
        <v>28</v>
      </c>
      <c r="G64928" s="16">
        <v>0</v>
      </c>
    </row>
    <row r="64929" spans="1:7" x14ac:dyDescent="0.3">
      <c r="A64929" s="13" t="s">
        <v>347</v>
      </c>
      <c r="B64929" s="14" t="s">
        <v>1</v>
      </c>
      <c r="C64929" s="14" t="s">
        <v>191</v>
      </c>
      <c r="D64929" s="14" t="s">
        <v>64</v>
      </c>
      <c r="E64929" s="15">
        <v>45700</v>
      </c>
      <c r="F64929" s="14" t="s">
        <v>28</v>
      </c>
      <c r="G64929" s="16">
        <v>0</v>
      </c>
    </row>
    <row r="64930" spans="1:7" x14ac:dyDescent="0.3">
      <c r="A64930" s="13" t="s">
        <v>347</v>
      </c>
      <c r="B64930" s="14" t="s">
        <v>1</v>
      </c>
      <c r="C64930" s="14" t="s">
        <v>191</v>
      </c>
      <c r="D64930" s="14" t="s">
        <v>64</v>
      </c>
      <c r="E64930" s="15">
        <v>45701</v>
      </c>
      <c r="F64930" s="14" t="s">
        <v>28</v>
      </c>
      <c r="G64930" s="16">
        <v>0</v>
      </c>
    </row>
    <row r="64931" spans="1:7" x14ac:dyDescent="0.3">
      <c r="A64931" s="13" t="s">
        <v>347</v>
      </c>
      <c r="B64931" s="14" t="s">
        <v>1</v>
      </c>
      <c r="C64931" s="14" t="s">
        <v>191</v>
      </c>
      <c r="D64931" s="14" t="s">
        <v>64</v>
      </c>
      <c r="E64931" s="15">
        <v>45702</v>
      </c>
      <c r="F64931" s="14" t="s">
        <v>28</v>
      </c>
      <c r="G64931" s="16">
        <v>0</v>
      </c>
    </row>
    <row r="64932" spans="1:7" x14ac:dyDescent="0.3">
      <c r="A64932" s="13" t="s">
        <v>347</v>
      </c>
      <c r="B64932" s="14" t="s">
        <v>1</v>
      </c>
      <c r="C64932" s="14" t="s">
        <v>191</v>
      </c>
      <c r="D64932" s="14" t="s">
        <v>64</v>
      </c>
      <c r="E64932" s="15">
        <v>45703</v>
      </c>
      <c r="F64932" s="14" t="s">
        <v>28</v>
      </c>
      <c r="G64932" s="16">
        <v>0</v>
      </c>
    </row>
    <row r="64933" spans="1:7" x14ac:dyDescent="0.3">
      <c r="A64933" s="13" t="s">
        <v>347</v>
      </c>
      <c r="B64933" s="14" t="s">
        <v>1</v>
      </c>
      <c r="C64933" s="14" t="s">
        <v>191</v>
      </c>
      <c r="D64933" s="14" t="s">
        <v>64</v>
      </c>
      <c r="E64933" s="15">
        <v>45704</v>
      </c>
      <c r="F64933" s="14" t="s">
        <v>28</v>
      </c>
      <c r="G64933" s="16">
        <v>0</v>
      </c>
    </row>
    <row r="64934" spans="1:7" x14ac:dyDescent="0.3">
      <c r="A64934" s="13" t="s">
        <v>347</v>
      </c>
      <c r="B64934" s="14" t="s">
        <v>1</v>
      </c>
      <c r="C64934" s="14" t="s">
        <v>191</v>
      </c>
      <c r="D64934" s="14" t="s">
        <v>64</v>
      </c>
      <c r="E64934" s="15">
        <v>45705</v>
      </c>
      <c r="F64934" s="14" t="s">
        <v>28</v>
      </c>
      <c r="G64934" s="16">
        <v>0</v>
      </c>
    </row>
    <row r="64935" spans="1:7" x14ac:dyDescent="0.3">
      <c r="A64935" s="13" t="s">
        <v>347</v>
      </c>
      <c r="B64935" s="14" t="s">
        <v>1</v>
      </c>
      <c r="C64935" s="14" t="s">
        <v>191</v>
      </c>
      <c r="D64935" s="14" t="s">
        <v>64</v>
      </c>
      <c r="E64935" s="15">
        <v>45706</v>
      </c>
      <c r="F64935" s="14" t="s">
        <v>28</v>
      </c>
      <c r="G64935" s="16">
        <v>0</v>
      </c>
    </row>
    <row r="64936" spans="1:7" x14ac:dyDescent="0.3">
      <c r="A64936" s="13" t="s">
        <v>347</v>
      </c>
      <c r="B64936" s="14" t="s">
        <v>1</v>
      </c>
      <c r="C64936" s="14" t="s">
        <v>191</v>
      </c>
      <c r="D64936" s="14" t="s">
        <v>64</v>
      </c>
      <c r="E64936" s="15">
        <v>45707</v>
      </c>
      <c r="F64936" s="14" t="s">
        <v>28</v>
      </c>
      <c r="G64936" s="16">
        <v>0</v>
      </c>
    </row>
    <row r="64937" spans="1:7" x14ac:dyDescent="0.3">
      <c r="A64937" s="13" t="s">
        <v>347</v>
      </c>
      <c r="B64937" s="14" t="s">
        <v>1</v>
      </c>
      <c r="C64937" s="14" t="s">
        <v>191</v>
      </c>
      <c r="D64937" s="14" t="s">
        <v>64</v>
      </c>
      <c r="E64937" s="15">
        <v>45708</v>
      </c>
      <c r="F64937" s="14" t="s">
        <v>28</v>
      </c>
      <c r="G64937" s="16">
        <v>0</v>
      </c>
    </row>
    <row r="64938" spans="1:7" x14ac:dyDescent="0.3">
      <c r="A64938" s="13" t="s">
        <v>347</v>
      </c>
      <c r="B64938" s="14" t="s">
        <v>1</v>
      </c>
      <c r="C64938" s="14" t="s">
        <v>191</v>
      </c>
      <c r="D64938" s="14" t="s">
        <v>64</v>
      </c>
      <c r="E64938" s="15">
        <v>45709</v>
      </c>
      <c r="F64938" s="14" t="s">
        <v>28</v>
      </c>
      <c r="G64938" s="16">
        <v>0</v>
      </c>
    </row>
    <row r="64939" spans="1:7" x14ac:dyDescent="0.3">
      <c r="A64939" s="13" t="s">
        <v>347</v>
      </c>
      <c r="B64939" s="14" t="s">
        <v>1</v>
      </c>
      <c r="C64939" s="14" t="s">
        <v>191</v>
      </c>
      <c r="D64939" s="14" t="s">
        <v>64</v>
      </c>
      <c r="E64939" s="15">
        <v>45710</v>
      </c>
      <c r="F64939" s="14" t="s">
        <v>28</v>
      </c>
      <c r="G64939" s="16">
        <v>0</v>
      </c>
    </row>
    <row r="64940" spans="1:7" x14ac:dyDescent="0.3">
      <c r="A64940" s="13" t="s">
        <v>347</v>
      </c>
      <c r="B64940" s="14" t="s">
        <v>1</v>
      </c>
      <c r="C64940" s="14" t="s">
        <v>191</v>
      </c>
      <c r="D64940" s="14" t="s">
        <v>64</v>
      </c>
      <c r="E64940" s="15">
        <v>45711</v>
      </c>
      <c r="F64940" s="14" t="s">
        <v>28</v>
      </c>
      <c r="G64940" s="16">
        <v>0</v>
      </c>
    </row>
    <row r="64941" spans="1:7" x14ac:dyDescent="0.3">
      <c r="A64941" s="13" t="s">
        <v>347</v>
      </c>
      <c r="B64941" s="14" t="s">
        <v>1</v>
      </c>
      <c r="C64941" s="14" t="s">
        <v>191</v>
      </c>
      <c r="D64941" s="14" t="s">
        <v>64</v>
      </c>
      <c r="E64941" s="15">
        <v>45712</v>
      </c>
      <c r="F64941" s="14" t="s">
        <v>28</v>
      </c>
      <c r="G64941" s="16">
        <v>0</v>
      </c>
    </row>
    <row r="64942" spans="1:7" x14ac:dyDescent="0.3">
      <c r="A64942" s="13" t="s">
        <v>347</v>
      </c>
      <c r="B64942" s="14" t="s">
        <v>1</v>
      </c>
      <c r="C64942" s="14" t="s">
        <v>191</v>
      </c>
      <c r="D64942" s="14" t="s">
        <v>64</v>
      </c>
      <c r="E64942" s="15">
        <v>45713</v>
      </c>
      <c r="F64942" s="14" t="s">
        <v>28</v>
      </c>
      <c r="G64942" s="16">
        <v>0</v>
      </c>
    </row>
    <row r="64943" spans="1:7" x14ac:dyDescent="0.3">
      <c r="A64943" s="13" t="s">
        <v>347</v>
      </c>
      <c r="B64943" s="14" t="s">
        <v>1</v>
      </c>
      <c r="C64943" s="14" t="s">
        <v>191</v>
      </c>
      <c r="D64943" s="14" t="s">
        <v>64</v>
      </c>
      <c r="E64943" s="15">
        <v>45714</v>
      </c>
      <c r="F64943" s="14" t="s">
        <v>28</v>
      </c>
      <c r="G64943" s="16">
        <v>0</v>
      </c>
    </row>
    <row r="64944" spans="1:7" x14ac:dyDescent="0.3">
      <c r="A64944" s="13" t="s">
        <v>347</v>
      </c>
      <c r="B64944" s="14" t="s">
        <v>1</v>
      </c>
      <c r="C64944" s="14" t="s">
        <v>191</v>
      </c>
      <c r="D64944" s="14" t="s">
        <v>64</v>
      </c>
      <c r="E64944" s="15">
        <v>45715</v>
      </c>
      <c r="F64944" s="14" t="s">
        <v>28</v>
      </c>
      <c r="G64944" s="16">
        <v>0</v>
      </c>
    </row>
    <row r="64945" spans="1:7" x14ac:dyDescent="0.3">
      <c r="A64945" s="13" t="s">
        <v>347</v>
      </c>
      <c r="B64945" s="14" t="s">
        <v>1</v>
      </c>
      <c r="C64945" s="14" t="s">
        <v>191</v>
      </c>
      <c r="D64945" s="14" t="s">
        <v>64</v>
      </c>
      <c r="E64945" s="15">
        <v>45716</v>
      </c>
      <c r="F64945" s="14" t="s">
        <v>28</v>
      </c>
      <c r="G64945" s="16">
        <v>0</v>
      </c>
    </row>
    <row r="64946" spans="1:7" x14ac:dyDescent="0.3">
      <c r="A64946" s="13" t="s">
        <v>347</v>
      </c>
      <c r="B64946" s="14" t="s">
        <v>1</v>
      </c>
      <c r="C64946" s="14" t="s">
        <v>191</v>
      </c>
      <c r="D64946" s="14" t="s">
        <v>64</v>
      </c>
      <c r="E64946" s="15">
        <v>45717</v>
      </c>
      <c r="F64946" s="14" t="s">
        <v>28</v>
      </c>
      <c r="G64946" s="16">
        <v>0</v>
      </c>
    </row>
    <row r="64947" spans="1:7" x14ac:dyDescent="0.3">
      <c r="A64947" s="13" t="s">
        <v>347</v>
      </c>
      <c r="B64947" s="14" t="s">
        <v>1</v>
      </c>
      <c r="C64947" s="14" t="s">
        <v>191</v>
      </c>
      <c r="D64947" s="14" t="s">
        <v>64</v>
      </c>
      <c r="E64947" s="15">
        <v>45718</v>
      </c>
      <c r="F64947" s="14" t="s">
        <v>28</v>
      </c>
      <c r="G64947" s="16">
        <v>0</v>
      </c>
    </row>
    <row r="64948" spans="1:7" x14ac:dyDescent="0.3">
      <c r="A64948" s="13" t="s">
        <v>347</v>
      </c>
      <c r="B64948" s="14" t="s">
        <v>1</v>
      </c>
      <c r="C64948" s="14" t="s">
        <v>191</v>
      </c>
      <c r="D64948" s="14" t="s">
        <v>64</v>
      </c>
      <c r="E64948" s="15">
        <v>45719</v>
      </c>
      <c r="F64948" s="14" t="s">
        <v>28</v>
      </c>
      <c r="G64948" s="16">
        <v>0</v>
      </c>
    </row>
    <row r="64949" spans="1:7" x14ac:dyDescent="0.3">
      <c r="A64949" s="13" t="s">
        <v>347</v>
      </c>
      <c r="B64949" s="14" t="s">
        <v>1</v>
      </c>
      <c r="C64949" s="14" t="s">
        <v>191</v>
      </c>
      <c r="D64949" s="14" t="s">
        <v>64</v>
      </c>
      <c r="E64949" s="15">
        <v>45720</v>
      </c>
      <c r="F64949" s="14" t="s">
        <v>28</v>
      </c>
      <c r="G64949" s="16">
        <v>0</v>
      </c>
    </row>
    <row r="64950" spans="1:7" x14ac:dyDescent="0.3">
      <c r="A64950" s="13" t="s">
        <v>347</v>
      </c>
      <c r="B64950" s="14" t="s">
        <v>1</v>
      </c>
      <c r="C64950" s="14" t="s">
        <v>191</v>
      </c>
      <c r="D64950" s="14" t="s">
        <v>64</v>
      </c>
      <c r="E64950" s="15">
        <v>45721</v>
      </c>
      <c r="F64950" s="14" t="s">
        <v>28</v>
      </c>
      <c r="G64950" s="16">
        <v>0</v>
      </c>
    </row>
    <row r="64951" spans="1:7" x14ac:dyDescent="0.3">
      <c r="A64951" s="13" t="s">
        <v>347</v>
      </c>
      <c r="B64951" s="14" t="s">
        <v>1</v>
      </c>
      <c r="C64951" s="14" t="s">
        <v>191</v>
      </c>
      <c r="D64951" s="14" t="s">
        <v>64</v>
      </c>
      <c r="E64951" s="15">
        <v>45722</v>
      </c>
      <c r="F64951" s="14" t="s">
        <v>28</v>
      </c>
      <c r="G64951" s="16">
        <v>0</v>
      </c>
    </row>
    <row r="64952" spans="1:7" x14ac:dyDescent="0.3">
      <c r="A64952" s="13" t="s">
        <v>347</v>
      </c>
      <c r="B64952" s="14" t="s">
        <v>1</v>
      </c>
      <c r="C64952" s="14" t="s">
        <v>191</v>
      </c>
      <c r="D64952" s="14" t="s">
        <v>64</v>
      </c>
      <c r="E64952" s="15">
        <v>45723</v>
      </c>
      <c r="F64952" s="14" t="s">
        <v>28</v>
      </c>
      <c r="G64952" s="16">
        <v>0</v>
      </c>
    </row>
    <row r="64953" spans="1:7" x14ac:dyDescent="0.3">
      <c r="A64953" s="13" t="s">
        <v>347</v>
      </c>
      <c r="B64953" s="14" t="s">
        <v>1</v>
      </c>
      <c r="C64953" s="14" t="s">
        <v>191</v>
      </c>
      <c r="D64953" s="14" t="s">
        <v>64</v>
      </c>
      <c r="E64953" s="15">
        <v>45724</v>
      </c>
      <c r="F64953" s="14" t="s">
        <v>28</v>
      </c>
      <c r="G64953" s="16">
        <v>0</v>
      </c>
    </row>
    <row r="64954" spans="1:7" x14ac:dyDescent="0.3">
      <c r="A64954" s="13" t="s">
        <v>347</v>
      </c>
      <c r="B64954" s="14" t="s">
        <v>1</v>
      </c>
      <c r="C64954" s="14" t="s">
        <v>191</v>
      </c>
      <c r="D64954" s="14" t="s">
        <v>64</v>
      </c>
      <c r="E64954" s="15">
        <v>45725</v>
      </c>
      <c r="F64954" s="14" t="s">
        <v>28</v>
      </c>
      <c r="G64954" s="16">
        <v>0</v>
      </c>
    </row>
    <row r="64955" spans="1:7" x14ac:dyDescent="0.3">
      <c r="A64955" s="13" t="s">
        <v>347</v>
      </c>
      <c r="B64955" s="14" t="s">
        <v>1</v>
      </c>
      <c r="C64955" s="14" t="s">
        <v>191</v>
      </c>
      <c r="D64955" s="14" t="s">
        <v>64</v>
      </c>
      <c r="E64955" s="15">
        <v>45726</v>
      </c>
      <c r="F64955" s="14" t="s">
        <v>28</v>
      </c>
      <c r="G64955" s="16">
        <v>0</v>
      </c>
    </row>
    <row r="64956" spans="1:7" x14ac:dyDescent="0.3">
      <c r="A64956" s="13" t="s">
        <v>347</v>
      </c>
      <c r="B64956" s="14" t="s">
        <v>1</v>
      </c>
      <c r="C64956" s="14" t="s">
        <v>191</v>
      </c>
      <c r="D64956" s="14" t="s">
        <v>64</v>
      </c>
      <c r="E64956" s="15">
        <v>45727</v>
      </c>
      <c r="F64956" s="14" t="s">
        <v>28</v>
      </c>
      <c r="G64956" s="16">
        <v>0</v>
      </c>
    </row>
    <row r="64957" spans="1:7" x14ac:dyDescent="0.3">
      <c r="A64957" s="13" t="s">
        <v>347</v>
      </c>
      <c r="B64957" s="14" t="s">
        <v>1</v>
      </c>
      <c r="C64957" s="14" t="s">
        <v>191</v>
      </c>
      <c r="D64957" s="14" t="s">
        <v>64</v>
      </c>
      <c r="E64957" s="15">
        <v>45728</v>
      </c>
      <c r="F64957" s="14" t="s">
        <v>28</v>
      </c>
      <c r="G64957" s="16">
        <v>0</v>
      </c>
    </row>
    <row r="64958" spans="1:7" x14ac:dyDescent="0.3">
      <c r="A64958" s="13" t="s">
        <v>347</v>
      </c>
      <c r="B64958" s="14" t="s">
        <v>1</v>
      </c>
      <c r="C64958" s="14" t="s">
        <v>191</v>
      </c>
      <c r="D64958" s="14" t="s">
        <v>64</v>
      </c>
      <c r="E64958" s="15">
        <v>45729</v>
      </c>
      <c r="F64958" s="14" t="s">
        <v>28</v>
      </c>
      <c r="G64958" s="16">
        <v>0</v>
      </c>
    </row>
    <row r="64959" spans="1:7" x14ac:dyDescent="0.3">
      <c r="A64959" s="13" t="s">
        <v>347</v>
      </c>
      <c r="B64959" s="14" t="s">
        <v>1</v>
      </c>
      <c r="C64959" s="14" t="s">
        <v>191</v>
      </c>
      <c r="D64959" s="14" t="s">
        <v>64</v>
      </c>
      <c r="E64959" s="15">
        <v>45730</v>
      </c>
      <c r="F64959" s="14" t="s">
        <v>28</v>
      </c>
      <c r="G64959" s="16">
        <v>0</v>
      </c>
    </row>
    <row r="64960" spans="1:7" x14ac:dyDescent="0.3">
      <c r="A64960" s="13" t="s">
        <v>347</v>
      </c>
      <c r="B64960" s="14" t="s">
        <v>1</v>
      </c>
      <c r="C64960" s="14" t="s">
        <v>191</v>
      </c>
      <c r="D64960" s="14" t="s">
        <v>64</v>
      </c>
      <c r="E64960" s="15">
        <v>45731</v>
      </c>
      <c r="F64960" s="14" t="s">
        <v>28</v>
      </c>
      <c r="G64960" s="16">
        <v>0</v>
      </c>
    </row>
    <row r="64961" spans="1:7" x14ac:dyDescent="0.3">
      <c r="A64961" s="13" t="s">
        <v>347</v>
      </c>
      <c r="B64961" s="14" t="s">
        <v>1</v>
      </c>
      <c r="C64961" s="14" t="s">
        <v>191</v>
      </c>
      <c r="D64961" s="14" t="s">
        <v>64</v>
      </c>
      <c r="E64961" s="15">
        <v>45732</v>
      </c>
      <c r="F64961" s="14" t="s">
        <v>28</v>
      </c>
      <c r="G64961" s="16">
        <v>0</v>
      </c>
    </row>
    <row r="64962" spans="1:7" x14ac:dyDescent="0.3">
      <c r="A64962" s="13" t="s">
        <v>347</v>
      </c>
      <c r="B64962" s="14" t="s">
        <v>1</v>
      </c>
      <c r="C64962" s="14" t="s">
        <v>191</v>
      </c>
      <c r="D64962" s="14" t="s">
        <v>64</v>
      </c>
      <c r="E64962" s="15">
        <v>45733</v>
      </c>
      <c r="F64962" s="14" t="s">
        <v>28</v>
      </c>
      <c r="G64962" s="16">
        <v>0</v>
      </c>
    </row>
    <row r="64963" spans="1:7" x14ac:dyDescent="0.3">
      <c r="A64963" s="13" t="s">
        <v>347</v>
      </c>
      <c r="B64963" s="14" t="s">
        <v>1</v>
      </c>
      <c r="C64963" s="14" t="s">
        <v>191</v>
      </c>
      <c r="D64963" s="14" t="s">
        <v>64</v>
      </c>
      <c r="E64963" s="15">
        <v>45734</v>
      </c>
      <c r="F64963" s="14" t="s">
        <v>28</v>
      </c>
      <c r="G64963" s="16">
        <v>0</v>
      </c>
    </row>
    <row r="64964" spans="1:7" x14ac:dyDescent="0.3">
      <c r="A64964" s="13" t="s">
        <v>347</v>
      </c>
      <c r="B64964" s="14" t="s">
        <v>1</v>
      </c>
      <c r="C64964" s="14" t="s">
        <v>191</v>
      </c>
      <c r="D64964" s="14" t="s">
        <v>64</v>
      </c>
      <c r="E64964" s="15">
        <v>45735</v>
      </c>
      <c r="F64964" s="14" t="s">
        <v>28</v>
      </c>
      <c r="G64964" s="16">
        <v>0</v>
      </c>
    </row>
    <row r="64965" spans="1:7" x14ac:dyDescent="0.3">
      <c r="A64965" s="13" t="s">
        <v>347</v>
      </c>
      <c r="B64965" s="14" t="s">
        <v>1</v>
      </c>
      <c r="C64965" s="14" t="s">
        <v>191</v>
      </c>
      <c r="D64965" s="14" t="s">
        <v>64</v>
      </c>
      <c r="E64965" s="15">
        <v>45736</v>
      </c>
      <c r="F64965" s="14" t="s">
        <v>28</v>
      </c>
      <c r="G64965" s="16">
        <v>0</v>
      </c>
    </row>
    <row r="64966" spans="1:7" x14ac:dyDescent="0.3">
      <c r="A64966" s="13" t="s">
        <v>347</v>
      </c>
      <c r="B64966" s="14" t="s">
        <v>1</v>
      </c>
      <c r="C64966" s="14" t="s">
        <v>191</v>
      </c>
      <c r="D64966" s="14" t="s">
        <v>64</v>
      </c>
      <c r="E64966" s="15">
        <v>45737</v>
      </c>
      <c r="F64966" s="14" t="s">
        <v>28</v>
      </c>
      <c r="G64966" s="16">
        <v>0</v>
      </c>
    </row>
    <row r="64967" spans="1:7" x14ac:dyDescent="0.3">
      <c r="A64967" s="13" t="s">
        <v>347</v>
      </c>
      <c r="B64967" s="14" t="s">
        <v>1</v>
      </c>
      <c r="C64967" s="14" t="s">
        <v>191</v>
      </c>
      <c r="D64967" s="14" t="s">
        <v>64</v>
      </c>
      <c r="E64967" s="15">
        <v>45738</v>
      </c>
      <c r="F64967" s="14" t="s">
        <v>28</v>
      </c>
      <c r="G64967" s="16">
        <v>0</v>
      </c>
    </row>
    <row r="64968" spans="1:7" x14ac:dyDescent="0.3">
      <c r="A64968" s="13" t="s">
        <v>347</v>
      </c>
      <c r="B64968" s="14" t="s">
        <v>1</v>
      </c>
      <c r="C64968" s="14" t="s">
        <v>191</v>
      </c>
      <c r="D64968" s="14" t="s">
        <v>64</v>
      </c>
      <c r="E64968" s="15">
        <v>45739</v>
      </c>
      <c r="F64968" s="14" t="s">
        <v>28</v>
      </c>
      <c r="G64968" s="16">
        <v>0</v>
      </c>
    </row>
    <row r="64969" spans="1:7" x14ac:dyDescent="0.3">
      <c r="A64969" s="13" t="s">
        <v>347</v>
      </c>
      <c r="B64969" s="14" t="s">
        <v>1</v>
      </c>
      <c r="C64969" s="14" t="s">
        <v>191</v>
      </c>
      <c r="D64969" s="14" t="s">
        <v>64</v>
      </c>
      <c r="E64969" s="15">
        <v>45740</v>
      </c>
      <c r="F64969" s="14" t="s">
        <v>28</v>
      </c>
      <c r="G64969" s="16">
        <v>0</v>
      </c>
    </row>
    <row r="64970" spans="1:7" x14ac:dyDescent="0.3">
      <c r="A64970" s="13" t="s">
        <v>347</v>
      </c>
      <c r="B64970" s="14" t="s">
        <v>1</v>
      </c>
      <c r="C64970" s="14" t="s">
        <v>191</v>
      </c>
      <c r="D64970" s="14" t="s">
        <v>64</v>
      </c>
      <c r="E64970" s="15">
        <v>45741</v>
      </c>
      <c r="F64970" s="14" t="s">
        <v>28</v>
      </c>
      <c r="G64970" s="16">
        <v>0</v>
      </c>
    </row>
    <row r="64971" spans="1:7" x14ac:dyDescent="0.3">
      <c r="A64971" s="13" t="s">
        <v>347</v>
      </c>
      <c r="B64971" s="14" t="s">
        <v>1</v>
      </c>
      <c r="C64971" s="14" t="s">
        <v>191</v>
      </c>
      <c r="D64971" s="14" t="s">
        <v>64</v>
      </c>
      <c r="E64971" s="15">
        <v>45742</v>
      </c>
      <c r="F64971" s="14" t="s">
        <v>28</v>
      </c>
      <c r="G64971" s="16">
        <v>0</v>
      </c>
    </row>
    <row r="64972" spans="1:7" x14ac:dyDescent="0.3">
      <c r="A64972" s="13" t="s">
        <v>347</v>
      </c>
      <c r="B64972" s="14" t="s">
        <v>1</v>
      </c>
      <c r="C64972" s="14" t="s">
        <v>191</v>
      </c>
      <c r="D64972" s="14" t="s">
        <v>64</v>
      </c>
      <c r="E64972" s="15">
        <v>45743</v>
      </c>
      <c r="F64972" s="14" t="s">
        <v>28</v>
      </c>
      <c r="G64972" s="16">
        <v>0</v>
      </c>
    </row>
    <row r="64973" spans="1:7" x14ac:dyDescent="0.3">
      <c r="A64973" s="13" t="s">
        <v>347</v>
      </c>
      <c r="B64973" s="14" t="s">
        <v>1</v>
      </c>
      <c r="C64973" s="14" t="s">
        <v>191</v>
      </c>
      <c r="D64973" s="14" t="s">
        <v>64</v>
      </c>
      <c r="E64973" s="15">
        <v>45744</v>
      </c>
      <c r="F64973" s="14" t="s">
        <v>28</v>
      </c>
      <c r="G64973" s="16">
        <v>0</v>
      </c>
    </row>
    <row r="64974" spans="1:7" x14ac:dyDescent="0.3">
      <c r="A64974" s="13" t="s">
        <v>347</v>
      </c>
      <c r="B64974" s="14" t="s">
        <v>1</v>
      </c>
      <c r="C64974" s="14" t="s">
        <v>191</v>
      </c>
      <c r="D64974" s="14" t="s">
        <v>64</v>
      </c>
      <c r="E64974" s="15">
        <v>45745</v>
      </c>
      <c r="F64974" s="14" t="s">
        <v>28</v>
      </c>
      <c r="G64974" s="16">
        <v>0</v>
      </c>
    </row>
    <row r="64975" spans="1:7" x14ac:dyDescent="0.3">
      <c r="A64975" s="13" t="s">
        <v>347</v>
      </c>
      <c r="B64975" s="14" t="s">
        <v>1</v>
      </c>
      <c r="C64975" s="14" t="s">
        <v>191</v>
      </c>
      <c r="D64975" s="14" t="s">
        <v>64</v>
      </c>
      <c r="E64975" s="15">
        <v>45746</v>
      </c>
      <c r="F64975" s="14" t="s">
        <v>28</v>
      </c>
      <c r="G64975" s="16">
        <v>0</v>
      </c>
    </row>
    <row r="64976" spans="1:7" x14ac:dyDescent="0.3">
      <c r="A64976" s="13" t="s">
        <v>347</v>
      </c>
      <c r="B64976" s="14" t="s">
        <v>1</v>
      </c>
      <c r="C64976" s="14" t="s">
        <v>191</v>
      </c>
      <c r="D64976" s="14" t="s">
        <v>64</v>
      </c>
      <c r="E64976" s="15">
        <v>45747</v>
      </c>
      <c r="F64976" s="14" t="s">
        <v>28</v>
      </c>
      <c r="G64976" s="16">
        <v>0</v>
      </c>
    </row>
    <row r="64977" spans="1:7" x14ac:dyDescent="0.3">
      <c r="A64977" s="13" t="s">
        <v>348</v>
      </c>
      <c r="B64977" s="14" t="s">
        <v>1</v>
      </c>
      <c r="C64977" s="14" t="s">
        <v>17</v>
      </c>
      <c r="D64977" s="14" t="s">
        <v>14</v>
      </c>
      <c r="E64977" s="15">
        <v>45383</v>
      </c>
      <c r="F64977" s="14" t="s">
        <v>15</v>
      </c>
      <c r="G64977" s="16">
        <v>0</v>
      </c>
    </row>
    <row r="64978" spans="1:7" x14ac:dyDescent="0.3">
      <c r="A64978" s="13" t="s">
        <v>348</v>
      </c>
      <c r="B64978" s="14" t="s">
        <v>1</v>
      </c>
      <c r="C64978" s="14" t="s">
        <v>17</v>
      </c>
      <c r="D64978" s="14" t="s">
        <v>14</v>
      </c>
      <c r="E64978" s="15">
        <v>45384</v>
      </c>
      <c r="F64978" s="14" t="s">
        <v>15</v>
      </c>
      <c r="G64978" s="16">
        <v>0</v>
      </c>
    </row>
    <row r="64979" spans="1:7" x14ac:dyDescent="0.3">
      <c r="A64979" s="13" t="s">
        <v>348</v>
      </c>
      <c r="B64979" s="14" t="s">
        <v>1</v>
      </c>
      <c r="C64979" s="14" t="s">
        <v>17</v>
      </c>
      <c r="D64979" s="14" t="s">
        <v>14</v>
      </c>
      <c r="E64979" s="15">
        <v>45385</v>
      </c>
      <c r="F64979" s="14" t="s">
        <v>15</v>
      </c>
      <c r="G64979" s="16">
        <v>0</v>
      </c>
    </row>
    <row r="64980" spans="1:7" x14ac:dyDescent="0.3">
      <c r="A64980" s="13" t="s">
        <v>348</v>
      </c>
      <c r="B64980" s="14" t="s">
        <v>1</v>
      </c>
      <c r="C64980" s="14" t="s">
        <v>17</v>
      </c>
      <c r="D64980" s="14" t="s">
        <v>14</v>
      </c>
      <c r="E64980" s="15">
        <v>45386</v>
      </c>
      <c r="F64980" s="14" t="s">
        <v>15</v>
      </c>
      <c r="G64980" s="16">
        <v>0</v>
      </c>
    </row>
    <row r="64981" spans="1:7" x14ac:dyDescent="0.3">
      <c r="A64981" s="13" t="s">
        <v>348</v>
      </c>
      <c r="B64981" s="14" t="s">
        <v>1</v>
      </c>
      <c r="C64981" s="14" t="s">
        <v>17</v>
      </c>
      <c r="D64981" s="14" t="s">
        <v>14</v>
      </c>
      <c r="E64981" s="15">
        <v>45387</v>
      </c>
      <c r="F64981" s="14" t="s">
        <v>15</v>
      </c>
      <c r="G64981" s="16">
        <v>0</v>
      </c>
    </row>
    <row r="64982" spans="1:7" x14ac:dyDescent="0.3">
      <c r="A64982" s="13" t="s">
        <v>348</v>
      </c>
      <c r="B64982" s="14" t="s">
        <v>1</v>
      </c>
      <c r="C64982" s="14" t="s">
        <v>17</v>
      </c>
      <c r="D64982" s="14" t="s">
        <v>14</v>
      </c>
      <c r="E64982" s="15">
        <v>45388</v>
      </c>
      <c r="F64982" s="14" t="s">
        <v>15</v>
      </c>
      <c r="G64982" s="16">
        <v>0</v>
      </c>
    </row>
    <row r="64983" spans="1:7" x14ac:dyDescent="0.3">
      <c r="A64983" s="13" t="s">
        <v>348</v>
      </c>
      <c r="B64983" s="14" t="s">
        <v>1</v>
      </c>
      <c r="C64983" s="14" t="s">
        <v>17</v>
      </c>
      <c r="D64983" s="14" t="s">
        <v>14</v>
      </c>
      <c r="E64983" s="15">
        <v>45389</v>
      </c>
      <c r="F64983" s="14" t="s">
        <v>15</v>
      </c>
      <c r="G64983" s="16">
        <v>0</v>
      </c>
    </row>
    <row r="64984" spans="1:7" x14ac:dyDescent="0.3">
      <c r="A64984" s="13" t="s">
        <v>348</v>
      </c>
      <c r="B64984" s="14" t="s">
        <v>1</v>
      </c>
      <c r="C64984" s="14" t="s">
        <v>17</v>
      </c>
      <c r="D64984" s="14" t="s">
        <v>14</v>
      </c>
      <c r="E64984" s="15">
        <v>45390</v>
      </c>
      <c r="F64984" s="14" t="s">
        <v>15</v>
      </c>
      <c r="G64984" s="16">
        <v>0</v>
      </c>
    </row>
    <row r="64985" spans="1:7" x14ac:dyDescent="0.3">
      <c r="A64985" s="13" t="s">
        <v>348</v>
      </c>
      <c r="B64985" s="14" t="s">
        <v>1</v>
      </c>
      <c r="C64985" s="14" t="s">
        <v>17</v>
      </c>
      <c r="D64985" s="14" t="s">
        <v>14</v>
      </c>
      <c r="E64985" s="15">
        <v>45391</v>
      </c>
      <c r="F64985" s="14" t="s">
        <v>15</v>
      </c>
      <c r="G64985" s="16">
        <v>0</v>
      </c>
    </row>
    <row r="64986" spans="1:7" x14ac:dyDescent="0.3">
      <c r="A64986" s="13" t="s">
        <v>348</v>
      </c>
      <c r="B64986" s="14" t="s">
        <v>1</v>
      </c>
      <c r="C64986" s="14" t="s">
        <v>17</v>
      </c>
      <c r="D64986" s="14" t="s">
        <v>14</v>
      </c>
      <c r="E64986" s="15">
        <v>45392</v>
      </c>
      <c r="F64986" s="14" t="s">
        <v>15</v>
      </c>
      <c r="G64986" s="16">
        <v>0</v>
      </c>
    </row>
    <row r="64987" spans="1:7" x14ac:dyDescent="0.3">
      <c r="A64987" s="13" t="s">
        <v>348</v>
      </c>
      <c r="B64987" s="14" t="s">
        <v>1</v>
      </c>
      <c r="C64987" s="14" t="s">
        <v>17</v>
      </c>
      <c r="D64987" s="14" t="s">
        <v>14</v>
      </c>
      <c r="E64987" s="15">
        <v>45393</v>
      </c>
      <c r="F64987" s="14" t="s">
        <v>15</v>
      </c>
      <c r="G64987" s="16">
        <v>0</v>
      </c>
    </row>
    <row r="64988" spans="1:7" x14ac:dyDescent="0.3">
      <c r="A64988" s="13" t="s">
        <v>348</v>
      </c>
      <c r="B64988" s="14" t="s">
        <v>1</v>
      </c>
      <c r="C64988" s="14" t="s">
        <v>17</v>
      </c>
      <c r="D64988" s="14" t="s">
        <v>14</v>
      </c>
      <c r="E64988" s="15">
        <v>45394</v>
      </c>
      <c r="F64988" s="14" t="s">
        <v>15</v>
      </c>
      <c r="G64988" s="16">
        <v>0</v>
      </c>
    </row>
    <row r="64989" spans="1:7" x14ac:dyDescent="0.3">
      <c r="A64989" s="13" t="s">
        <v>348</v>
      </c>
      <c r="B64989" s="14" t="s">
        <v>1</v>
      </c>
      <c r="C64989" s="14" t="s">
        <v>17</v>
      </c>
      <c r="D64989" s="14" t="s">
        <v>14</v>
      </c>
      <c r="E64989" s="15">
        <v>45395</v>
      </c>
      <c r="F64989" s="14" t="s">
        <v>15</v>
      </c>
      <c r="G64989" s="16">
        <v>0</v>
      </c>
    </row>
    <row r="64990" spans="1:7" x14ac:dyDescent="0.3">
      <c r="A64990" s="13" t="s">
        <v>348</v>
      </c>
      <c r="B64990" s="14" t="s">
        <v>1</v>
      </c>
      <c r="C64990" s="14" t="s">
        <v>17</v>
      </c>
      <c r="D64990" s="14" t="s">
        <v>14</v>
      </c>
      <c r="E64990" s="15">
        <v>45396</v>
      </c>
      <c r="F64990" s="14" t="s">
        <v>15</v>
      </c>
      <c r="G64990" s="16">
        <v>0</v>
      </c>
    </row>
    <row r="64991" spans="1:7" x14ac:dyDescent="0.3">
      <c r="A64991" s="13" t="s">
        <v>348</v>
      </c>
      <c r="B64991" s="14" t="s">
        <v>1</v>
      </c>
      <c r="C64991" s="14" t="s">
        <v>17</v>
      </c>
      <c r="D64991" s="14" t="s">
        <v>14</v>
      </c>
      <c r="E64991" s="15">
        <v>45397</v>
      </c>
      <c r="F64991" s="14" t="s">
        <v>15</v>
      </c>
      <c r="G64991" s="16">
        <v>0</v>
      </c>
    </row>
    <row r="64992" spans="1:7" x14ac:dyDescent="0.3">
      <c r="A64992" s="13" t="s">
        <v>348</v>
      </c>
      <c r="B64992" s="14" t="s">
        <v>1</v>
      </c>
      <c r="C64992" s="14" t="s">
        <v>17</v>
      </c>
      <c r="D64992" s="14" t="s">
        <v>14</v>
      </c>
      <c r="E64992" s="15">
        <v>45398</v>
      </c>
      <c r="F64992" s="14" t="s">
        <v>15</v>
      </c>
      <c r="G64992" s="16">
        <v>0</v>
      </c>
    </row>
    <row r="64993" spans="1:7" x14ac:dyDescent="0.3">
      <c r="A64993" s="13" t="s">
        <v>348</v>
      </c>
      <c r="B64993" s="14" t="s">
        <v>1</v>
      </c>
      <c r="C64993" s="14" t="s">
        <v>17</v>
      </c>
      <c r="D64993" s="14" t="s">
        <v>14</v>
      </c>
      <c r="E64993" s="15">
        <v>45399</v>
      </c>
      <c r="F64993" s="14" t="s">
        <v>15</v>
      </c>
      <c r="G64993" s="16">
        <v>0</v>
      </c>
    </row>
    <row r="64994" spans="1:7" x14ac:dyDescent="0.3">
      <c r="A64994" s="13" t="s">
        <v>348</v>
      </c>
      <c r="B64994" s="14" t="s">
        <v>1</v>
      </c>
      <c r="C64994" s="14" t="s">
        <v>17</v>
      </c>
      <c r="D64994" s="14" t="s">
        <v>14</v>
      </c>
      <c r="E64994" s="15">
        <v>45400</v>
      </c>
      <c r="F64994" s="14" t="s">
        <v>15</v>
      </c>
      <c r="G64994" s="16">
        <v>0</v>
      </c>
    </row>
    <row r="64995" spans="1:7" x14ac:dyDescent="0.3">
      <c r="A64995" s="13" t="s">
        <v>348</v>
      </c>
      <c r="B64995" s="14" t="s">
        <v>1</v>
      </c>
      <c r="C64995" s="14" t="s">
        <v>17</v>
      </c>
      <c r="D64995" s="14" t="s">
        <v>14</v>
      </c>
      <c r="E64995" s="15">
        <v>45401</v>
      </c>
      <c r="F64995" s="14" t="s">
        <v>15</v>
      </c>
      <c r="G64995" s="16">
        <v>0</v>
      </c>
    </row>
    <row r="64996" spans="1:7" x14ac:dyDescent="0.3">
      <c r="A64996" s="13" t="s">
        <v>348</v>
      </c>
      <c r="B64996" s="14" t="s">
        <v>1</v>
      </c>
      <c r="C64996" s="14" t="s">
        <v>17</v>
      </c>
      <c r="D64996" s="14" t="s">
        <v>14</v>
      </c>
      <c r="E64996" s="15">
        <v>45402</v>
      </c>
      <c r="F64996" s="14" t="s">
        <v>15</v>
      </c>
      <c r="G64996" s="16">
        <v>0</v>
      </c>
    </row>
    <row r="64997" spans="1:7" x14ac:dyDescent="0.3">
      <c r="A64997" s="13" t="s">
        <v>348</v>
      </c>
      <c r="B64997" s="14" t="s">
        <v>1</v>
      </c>
      <c r="C64997" s="14" t="s">
        <v>17</v>
      </c>
      <c r="D64997" s="14" t="s">
        <v>14</v>
      </c>
      <c r="E64997" s="15">
        <v>45403</v>
      </c>
      <c r="F64997" s="14" t="s">
        <v>15</v>
      </c>
      <c r="G64997" s="16">
        <v>0</v>
      </c>
    </row>
    <row r="64998" spans="1:7" x14ac:dyDescent="0.3">
      <c r="A64998" s="13" t="s">
        <v>348</v>
      </c>
      <c r="B64998" s="14" t="s">
        <v>1</v>
      </c>
      <c r="C64998" s="14" t="s">
        <v>17</v>
      </c>
      <c r="D64998" s="14" t="s">
        <v>14</v>
      </c>
      <c r="E64998" s="15">
        <v>45404</v>
      </c>
      <c r="F64998" s="14" t="s">
        <v>15</v>
      </c>
      <c r="G64998" s="16">
        <v>0</v>
      </c>
    </row>
    <row r="64999" spans="1:7" x14ac:dyDescent="0.3">
      <c r="A64999" s="13" t="s">
        <v>348</v>
      </c>
      <c r="B64999" s="14" t="s">
        <v>1</v>
      </c>
      <c r="C64999" s="14" t="s">
        <v>17</v>
      </c>
      <c r="D64999" s="14" t="s">
        <v>14</v>
      </c>
      <c r="E64999" s="15">
        <v>45405</v>
      </c>
      <c r="F64999" s="14" t="s">
        <v>15</v>
      </c>
      <c r="G64999" s="16">
        <v>0</v>
      </c>
    </row>
    <row r="65000" spans="1:7" x14ac:dyDescent="0.3">
      <c r="A65000" s="13" t="s">
        <v>348</v>
      </c>
      <c r="B65000" s="14" t="s">
        <v>1</v>
      </c>
      <c r="C65000" s="14" t="s">
        <v>17</v>
      </c>
      <c r="D65000" s="14" t="s">
        <v>14</v>
      </c>
      <c r="E65000" s="15">
        <v>45406</v>
      </c>
      <c r="F65000" s="14" t="s">
        <v>15</v>
      </c>
      <c r="G65000" s="16">
        <v>0</v>
      </c>
    </row>
    <row r="65001" spans="1:7" x14ac:dyDescent="0.3">
      <c r="A65001" s="13" t="s">
        <v>348</v>
      </c>
      <c r="B65001" s="14" t="s">
        <v>1</v>
      </c>
      <c r="C65001" s="14" t="s">
        <v>17</v>
      </c>
      <c r="D65001" s="14" t="s">
        <v>14</v>
      </c>
      <c r="E65001" s="15">
        <v>45407</v>
      </c>
      <c r="F65001" s="14" t="s">
        <v>15</v>
      </c>
      <c r="G65001" s="16">
        <v>0</v>
      </c>
    </row>
    <row r="65002" spans="1:7" x14ac:dyDescent="0.3">
      <c r="A65002" s="13" t="s">
        <v>348</v>
      </c>
      <c r="B65002" s="14" t="s">
        <v>1</v>
      </c>
      <c r="C65002" s="14" t="s">
        <v>17</v>
      </c>
      <c r="D65002" s="14" t="s">
        <v>14</v>
      </c>
      <c r="E65002" s="15">
        <v>45408</v>
      </c>
      <c r="F65002" s="14" t="s">
        <v>15</v>
      </c>
      <c r="G65002" s="16">
        <v>0</v>
      </c>
    </row>
    <row r="65003" spans="1:7" x14ac:dyDescent="0.3">
      <c r="A65003" s="13" t="s">
        <v>348</v>
      </c>
      <c r="B65003" s="14" t="s">
        <v>1</v>
      </c>
      <c r="C65003" s="14" t="s">
        <v>17</v>
      </c>
      <c r="D65003" s="14" t="s">
        <v>14</v>
      </c>
      <c r="E65003" s="15">
        <v>45409</v>
      </c>
      <c r="F65003" s="14" t="s">
        <v>15</v>
      </c>
      <c r="G65003" s="16">
        <v>0</v>
      </c>
    </row>
    <row r="65004" spans="1:7" x14ac:dyDescent="0.3">
      <c r="A65004" s="13" t="s">
        <v>348</v>
      </c>
      <c r="B65004" s="14" t="s">
        <v>1</v>
      </c>
      <c r="C65004" s="14" t="s">
        <v>17</v>
      </c>
      <c r="D65004" s="14" t="s">
        <v>14</v>
      </c>
      <c r="E65004" s="15">
        <v>45410</v>
      </c>
      <c r="F65004" s="14" t="s">
        <v>15</v>
      </c>
      <c r="G65004" s="16">
        <v>0</v>
      </c>
    </row>
    <row r="65005" spans="1:7" x14ac:dyDescent="0.3">
      <c r="A65005" s="13" t="s">
        <v>348</v>
      </c>
      <c r="B65005" s="14" t="s">
        <v>1</v>
      </c>
      <c r="C65005" s="14" t="s">
        <v>17</v>
      </c>
      <c r="D65005" s="14" t="s">
        <v>14</v>
      </c>
      <c r="E65005" s="15">
        <v>45411</v>
      </c>
      <c r="F65005" s="14" t="s">
        <v>15</v>
      </c>
      <c r="G65005" s="16">
        <v>0</v>
      </c>
    </row>
    <row r="65006" spans="1:7" x14ac:dyDescent="0.3">
      <c r="A65006" s="13" t="s">
        <v>348</v>
      </c>
      <c r="B65006" s="14" t="s">
        <v>1</v>
      </c>
      <c r="C65006" s="14" t="s">
        <v>17</v>
      </c>
      <c r="D65006" s="14" t="s">
        <v>14</v>
      </c>
      <c r="E65006" s="15">
        <v>45412</v>
      </c>
      <c r="F65006" s="14" t="s">
        <v>15</v>
      </c>
      <c r="G65006" s="16">
        <v>0</v>
      </c>
    </row>
    <row r="65007" spans="1:7" x14ac:dyDescent="0.3">
      <c r="A65007" s="13" t="s">
        <v>348</v>
      </c>
      <c r="B65007" s="14" t="s">
        <v>1</v>
      </c>
      <c r="C65007" s="14" t="s">
        <v>17</v>
      </c>
      <c r="D65007" s="14" t="s">
        <v>14</v>
      </c>
      <c r="E65007" s="15">
        <v>45413</v>
      </c>
      <c r="F65007" s="14" t="s">
        <v>15</v>
      </c>
      <c r="G65007" s="16">
        <v>0</v>
      </c>
    </row>
    <row r="65008" spans="1:7" x14ac:dyDescent="0.3">
      <c r="A65008" s="13" t="s">
        <v>348</v>
      </c>
      <c r="B65008" s="14" t="s">
        <v>1</v>
      </c>
      <c r="C65008" s="14" t="s">
        <v>17</v>
      </c>
      <c r="D65008" s="14" t="s">
        <v>14</v>
      </c>
      <c r="E65008" s="15">
        <v>45414</v>
      </c>
      <c r="F65008" s="14" t="s">
        <v>15</v>
      </c>
      <c r="G65008" s="16">
        <v>0</v>
      </c>
    </row>
    <row r="65009" spans="1:7" x14ac:dyDescent="0.3">
      <c r="A65009" s="13" t="s">
        <v>348</v>
      </c>
      <c r="B65009" s="14" t="s">
        <v>1</v>
      </c>
      <c r="C65009" s="14" t="s">
        <v>17</v>
      </c>
      <c r="D65009" s="14" t="s">
        <v>14</v>
      </c>
      <c r="E65009" s="15">
        <v>45415</v>
      </c>
      <c r="F65009" s="14" t="s">
        <v>15</v>
      </c>
      <c r="G65009" s="16">
        <v>0</v>
      </c>
    </row>
    <row r="65010" spans="1:7" x14ac:dyDescent="0.3">
      <c r="A65010" s="13" t="s">
        <v>348</v>
      </c>
      <c r="B65010" s="14" t="s">
        <v>1</v>
      </c>
      <c r="C65010" s="14" t="s">
        <v>17</v>
      </c>
      <c r="D65010" s="14" t="s">
        <v>14</v>
      </c>
      <c r="E65010" s="15">
        <v>45416</v>
      </c>
      <c r="F65010" s="14" t="s">
        <v>15</v>
      </c>
      <c r="G65010" s="16">
        <v>0</v>
      </c>
    </row>
    <row r="65011" spans="1:7" x14ac:dyDescent="0.3">
      <c r="A65011" s="13" t="s">
        <v>348</v>
      </c>
      <c r="B65011" s="14" t="s">
        <v>1</v>
      </c>
      <c r="C65011" s="14" t="s">
        <v>17</v>
      </c>
      <c r="D65011" s="14" t="s">
        <v>14</v>
      </c>
      <c r="E65011" s="15">
        <v>45417</v>
      </c>
      <c r="F65011" s="14" t="s">
        <v>15</v>
      </c>
      <c r="G65011" s="16">
        <v>0</v>
      </c>
    </row>
    <row r="65012" spans="1:7" x14ac:dyDescent="0.3">
      <c r="A65012" s="13" t="s">
        <v>348</v>
      </c>
      <c r="B65012" s="14" t="s">
        <v>1</v>
      </c>
      <c r="C65012" s="14" t="s">
        <v>17</v>
      </c>
      <c r="D65012" s="14" t="s">
        <v>14</v>
      </c>
      <c r="E65012" s="15">
        <v>45418</v>
      </c>
      <c r="F65012" s="14" t="s">
        <v>15</v>
      </c>
      <c r="G65012" s="16">
        <v>0</v>
      </c>
    </row>
    <row r="65013" spans="1:7" x14ac:dyDescent="0.3">
      <c r="A65013" s="13" t="s">
        <v>348</v>
      </c>
      <c r="B65013" s="14" t="s">
        <v>1</v>
      </c>
      <c r="C65013" s="14" t="s">
        <v>17</v>
      </c>
      <c r="D65013" s="14" t="s">
        <v>14</v>
      </c>
      <c r="E65013" s="15">
        <v>45419</v>
      </c>
      <c r="F65013" s="14" t="s">
        <v>15</v>
      </c>
      <c r="G65013" s="16">
        <v>0</v>
      </c>
    </row>
    <row r="65014" spans="1:7" x14ac:dyDescent="0.3">
      <c r="A65014" s="13" t="s">
        <v>348</v>
      </c>
      <c r="B65014" s="14" t="s">
        <v>1</v>
      </c>
      <c r="C65014" s="14" t="s">
        <v>17</v>
      </c>
      <c r="D65014" s="14" t="s">
        <v>14</v>
      </c>
      <c r="E65014" s="15">
        <v>45420</v>
      </c>
      <c r="F65014" s="14" t="s">
        <v>15</v>
      </c>
      <c r="G65014" s="16">
        <v>0</v>
      </c>
    </row>
    <row r="65015" spans="1:7" x14ac:dyDescent="0.3">
      <c r="A65015" s="13" t="s">
        <v>348</v>
      </c>
      <c r="B65015" s="14" t="s">
        <v>1</v>
      </c>
      <c r="C65015" s="14" t="s">
        <v>17</v>
      </c>
      <c r="D65015" s="14" t="s">
        <v>14</v>
      </c>
      <c r="E65015" s="15">
        <v>45421</v>
      </c>
      <c r="F65015" s="14" t="s">
        <v>15</v>
      </c>
      <c r="G65015" s="16">
        <v>0</v>
      </c>
    </row>
    <row r="65016" spans="1:7" x14ac:dyDescent="0.3">
      <c r="A65016" s="13" t="s">
        <v>348</v>
      </c>
      <c r="B65016" s="14" t="s">
        <v>1</v>
      </c>
      <c r="C65016" s="14" t="s">
        <v>17</v>
      </c>
      <c r="D65016" s="14" t="s">
        <v>14</v>
      </c>
      <c r="E65016" s="15">
        <v>45422</v>
      </c>
      <c r="F65016" s="14" t="s">
        <v>15</v>
      </c>
      <c r="G65016" s="16">
        <v>0</v>
      </c>
    </row>
    <row r="65017" spans="1:7" x14ac:dyDescent="0.3">
      <c r="A65017" s="13" t="s">
        <v>348</v>
      </c>
      <c r="B65017" s="14" t="s">
        <v>1</v>
      </c>
      <c r="C65017" s="14" t="s">
        <v>17</v>
      </c>
      <c r="D65017" s="14" t="s">
        <v>14</v>
      </c>
      <c r="E65017" s="15">
        <v>45423</v>
      </c>
      <c r="F65017" s="14" t="s">
        <v>15</v>
      </c>
      <c r="G65017" s="16">
        <v>0</v>
      </c>
    </row>
    <row r="65018" spans="1:7" x14ac:dyDescent="0.3">
      <c r="A65018" s="13" t="s">
        <v>348</v>
      </c>
      <c r="B65018" s="14" t="s">
        <v>1</v>
      </c>
      <c r="C65018" s="14" t="s">
        <v>17</v>
      </c>
      <c r="D65018" s="14" t="s">
        <v>14</v>
      </c>
      <c r="E65018" s="15">
        <v>45424</v>
      </c>
      <c r="F65018" s="14" t="s">
        <v>15</v>
      </c>
      <c r="G65018" s="16">
        <v>0</v>
      </c>
    </row>
    <row r="65019" spans="1:7" x14ac:dyDescent="0.3">
      <c r="A65019" s="13" t="s">
        <v>348</v>
      </c>
      <c r="B65019" s="14" t="s">
        <v>1</v>
      </c>
      <c r="C65019" s="14" t="s">
        <v>17</v>
      </c>
      <c r="D65019" s="14" t="s">
        <v>14</v>
      </c>
      <c r="E65019" s="15">
        <v>45425</v>
      </c>
      <c r="F65019" s="14" t="s">
        <v>15</v>
      </c>
      <c r="G65019" s="16">
        <v>0</v>
      </c>
    </row>
    <row r="65020" spans="1:7" x14ac:dyDescent="0.3">
      <c r="A65020" s="13" t="s">
        <v>348</v>
      </c>
      <c r="B65020" s="14" t="s">
        <v>1</v>
      </c>
      <c r="C65020" s="14" t="s">
        <v>17</v>
      </c>
      <c r="D65020" s="14" t="s">
        <v>14</v>
      </c>
      <c r="E65020" s="15">
        <v>45426</v>
      </c>
      <c r="F65020" s="14" t="s">
        <v>15</v>
      </c>
      <c r="G65020" s="16">
        <v>0</v>
      </c>
    </row>
    <row r="65021" spans="1:7" x14ac:dyDescent="0.3">
      <c r="A65021" s="13" t="s">
        <v>348</v>
      </c>
      <c r="B65021" s="14" t="s">
        <v>1</v>
      </c>
      <c r="C65021" s="14" t="s">
        <v>17</v>
      </c>
      <c r="D65021" s="14" t="s">
        <v>14</v>
      </c>
      <c r="E65021" s="15">
        <v>45427</v>
      </c>
      <c r="F65021" s="14" t="s">
        <v>15</v>
      </c>
      <c r="G65021" s="16">
        <v>0</v>
      </c>
    </row>
    <row r="65022" spans="1:7" x14ac:dyDescent="0.3">
      <c r="A65022" s="13" t="s">
        <v>348</v>
      </c>
      <c r="B65022" s="14" t="s">
        <v>1</v>
      </c>
      <c r="C65022" s="14" t="s">
        <v>17</v>
      </c>
      <c r="D65022" s="14" t="s">
        <v>14</v>
      </c>
      <c r="E65022" s="15">
        <v>45428</v>
      </c>
      <c r="F65022" s="14" t="s">
        <v>15</v>
      </c>
      <c r="G65022" s="16">
        <v>0</v>
      </c>
    </row>
    <row r="65023" spans="1:7" x14ac:dyDescent="0.3">
      <c r="A65023" s="13" t="s">
        <v>348</v>
      </c>
      <c r="B65023" s="14" t="s">
        <v>1</v>
      </c>
      <c r="C65023" s="14" t="s">
        <v>17</v>
      </c>
      <c r="D65023" s="14" t="s">
        <v>14</v>
      </c>
      <c r="E65023" s="15">
        <v>45429</v>
      </c>
      <c r="F65023" s="14" t="s">
        <v>15</v>
      </c>
      <c r="G65023" s="16">
        <v>0</v>
      </c>
    </row>
    <row r="65024" spans="1:7" x14ac:dyDescent="0.3">
      <c r="A65024" s="13" t="s">
        <v>348</v>
      </c>
      <c r="B65024" s="14" t="s">
        <v>1</v>
      </c>
      <c r="C65024" s="14" t="s">
        <v>17</v>
      </c>
      <c r="D65024" s="14" t="s">
        <v>14</v>
      </c>
      <c r="E65024" s="15">
        <v>45430</v>
      </c>
      <c r="F65024" s="14" t="s">
        <v>15</v>
      </c>
      <c r="G65024" s="16">
        <v>0</v>
      </c>
    </row>
    <row r="65025" spans="1:7" x14ac:dyDescent="0.3">
      <c r="A65025" s="13" t="s">
        <v>348</v>
      </c>
      <c r="B65025" s="14" t="s">
        <v>1</v>
      </c>
      <c r="C65025" s="14" t="s">
        <v>17</v>
      </c>
      <c r="D65025" s="14" t="s">
        <v>14</v>
      </c>
      <c r="E65025" s="15">
        <v>45431</v>
      </c>
      <c r="F65025" s="14" t="s">
        <v>15</v>
      </c>
      <c r="G65025" s="16">
        <v>0</v>
      </c>
    </row>
    <row r="65026" spans="1:7" x14ac:dyDescent="0.3">
      <c r="A65026" s="13" t="s">
        <v>348</v>
      </c>
      <c r="B65026" s="14" t="s">
        <v>1</v>
      </c>
      <c r="C65026" s="14" t="s">
        <v>17</v>
      </c>
      <c r="D65026" s="14" t="s">
        <v>14</v>
      </c>
      <c r="E65026" s="15">
        <v>45432</v>
      </c>
      <c r="F65026" s="14" t="s">
        <v>15</v>
      </c>
      <c r="G65026" s="16">
        <v>0</v>
      </c>
    </row>
    <row r="65027" spans="1:7" x14ac:dyDescent="0.3">
      <c r="A65027" s="13" t="s">
        <v>348</v>
      </c>
      <c r="B65027" s="14" t="s">
        <v>1</v>
      </c>
      <c r="C65027" s="14" t="s">
        <v>17</v>
      </c>
      <c r="D65027" s="14" t="s">
        <v>14</v>
      </c>
      <c r="E65027" s="15">
        <v>45433</v>
      </c>
      <c r="F65027" s="14" t="s">
        <v>15</v>
      </c>
      <c r="G65027" s="16">
        <v>0</v>
      </c>
    </row>
    <row r="65028" spans="1:7" x14ac:dyDescent="0.3">
      <c r="A65028" s="13" t="s">
        <v>348</v>
      </c>
      <c r="B65028" s="14" t="s">
        <v>1</v>
      </c>
      <c r="C65028" s="14" t="s">
        <v>17</v>
      </c>
      <c r="D65028" s="14" t="s">
        <v>14</v>
      </c>
      <c r="E65028" s="15">
        <v>45434</v>
      </c>
      <c r="F65028" s="14" t="s">
        <v>15</v>
      </c>
      <c r="G65028" s="16">
        <v>0</v>
      </c>
    </row>
    <row r="65029" spans="1:7" x14ac:dyDescent="0.3">
      <c r="A65029" s="13" t="s">
        <v>348</v>
      </c>
      <c r="B65029" s="14" t="s">
        <v>1</v>
      </c>
      <c r="C65029" s="14" t="s">
        <v>17</v>
      </c>
      <c r="D65029" s="14" t="s">
        <v>14</v>
      </c>
      <c r="E65029" s="15">
        <v>45435</v>
      </c>
      <c r="F65029" s="14" t="s">
        <v>15</v>
      </c>
      <c r="G65029" s="16">
        <v>0</v>
      </c>
    </row>
    <row r="65030" spans="1:7" x14ac:dyDescent="0.3">
      <c r="A65030" s="13" t="s">
        <v>348</v>
      </c>
      <c r="B65030" s="14" t="s">
        <v>1</v>
      </c>
      <c r="C65030" s="14" t="s">
        <v>17</v>
      </c>
      <c r="D65030" s="14" t="s">
        <v>14</v>
      </c>
      <c r="E65030" s="15">
        <v>45436</v>
      </c>
      <c r="F65030" s="14" t="s">
        <v>15</v>
      </c>
      <c r="G65030" s="16">
        <v>0</v>
      </c>
    </row>
    <row r="65031" spans="1:7" x14ac:dyDescent="0.3">
      <c r="A65031" s="13" t="s">
        <v>348</v>
      </c>
      <c r="B65031" s="14" t="s">
        <v>1</v>
      </c>
      <c r="C65031" s="14" t="s">
        <v>17</v>
      </c>
      <c r="D65031" s="14" t="s">
        <v>14</v>
      </c>
      <c r="E65031" s="15">
        <v>45437</v>
      </c>
      <c r="F65031" s="14" t="s">
        <v>15</v>
      </c>
      <c r="G65031" s="16">
        <v>0</v>
      </c>
    </row>
    <row r="65032" spans="1:7" x14ac:dyDescent="0.3">
      <c r="A65032" s="13" t="s">
        <v>348</v>
      </c>
      <c r="B65032" s="14" t="s">
        <v>1</v>
      </c>
      <c r="C65032" s="14" t="s">
        <v>17</v>
      </c>
      <c r="D65032" s="14" t="s">
        <v>14</v>
      </c>
      <c r="E65032" s="15">
        <v>45438</v>
      </c>
      <c r="F65032" s="14" t="s">
        <v>15</v>
      </c>
      <c r="G65032" s="16">
        <v>0</v>
      </c>
    </row>
    <row r="65033" spans="1:7" x14ac:dyDescent="0.3">
      <c r="A65033" s="13" t="s">
        <v>348</v>
      </c>
      <c r="B65033" s="14" t="s">
        <v>1</v>
      </c>
      <c r="C65033" s="14" t="s">
        <v>17</v>
      </c>
      <c r="D65033" s="14" t="s">
        <v>14</v>
      </c>
      <c r="E65033" s="15">
        <v>45439</v>
      </c>
      <c r="F65033" s="14" t="s">
        <v>15</v>
      </c>
      <c r="G65033" s="16">
        <v>0</v>
      </c>
    </row>
    <row r="65034" spans="1:7" x14ac:dyDescent="0.3">
      <c r="A65034" s="13" t="s">
        <v>348</v>
      </c>
      <c r="B65034" s="14" t="s">
        <v>1</v>
      </c>
      <c r="C65034" s="14" t="s">
        <v>17</v>
      </c>
      <c r="D65034" s="14" t="s">
        <v>14</v>
      </c>
      <c r="E65034" s="15">
        <v>45440</v>
      </c>
      <c r="F65034" s="14" t="s">
        <v>15</v>
      </c>
      <c r="G65034" s="16">
        <v>0</v>
      </c>
    </row>
    <row r="65035" spans="1:7" x14ac:dyDescent="0.3">
      <c r="A65035" s="13" t="s">
        <v>348</v>
      </c>
      <c r="B65035" s="14" t="s">
        <v>1</v>
      </c>
      <c r="C65035" s="14" t="s">
        <v>17</v>
      </c>
      <c r="D65035" s="14" t="s">
        <v>14</v>
      </c>
      <c r="E65035" s="15">
        <v>45441</v>
      </c>
      <c r="F65035" s="14" t="s">
        <v>15</v>
      </c>
      <c r="G65035" s="16">
        <v>0</v>
      </c>
    </row>
    <row r="65036" spans="1:7" x14ac:dyDescent="0.3">
      <c r="A65036" s="13" t="s">
        <v>348</v>
      </c>
      <c r="B65036" s="14" t="s">
        <v>1</v>
      </c>
      <c r="C65036" s="14" t="s">
        <v>17</v>
      </c>
      <c r="D65036" s="14" t="s">
        <v>14</v>
      </c>
      <c r="E65036" s="15">
        <v>45442</v>
      </c>
      <c r="F65036" s="14" t="s">
        <v>15</v>
      </c>
      <c r="G65036" s="16">
        <v>0</v>
      </c>
    </row>
    <row r="65037" spans="1:7" x14ac:dyDescent="0.3">
      <c r="A65037" s="13" t="s">
        <v>348</v>
      </c>
      <c r="B65037" s="14" t="s">
        <v>1</v>
      </c>
      <c r="C65037" s="14" t="s">
        <v>17</v>
      </c>
      <c r="D65037" s="14" t="s">
        <v>14</v>
      </c>
      <c r="E65037" s="15">
        <v>45443</v>
      </c>
      <c r="F65037" s="14" t="s">
        <v>15</v>
      </c>
      <c r="G65037" s="16">
        <v>0</v>
      </c>
    </row>
    <row r="65038" spans="1:7" x14ac:dyDescent="0.3">
      <c r="A65038" s="13" t="s">
        <v>348</v>
      </c>
      <c r="B65038" s="14" t="s">
        <v>1</v>
      </c>
      <c r="C65038" s="14" t="s">
        <v>17</v>
      </c>
      <c r="D65038" s="14" t="s">
        <v>14</v>
      </c>
      <c r="E65038" s="15">
        <v>45444</v>
      </c>
      <c r="F65038" s="14" t="s">
        <v>15</v>
      </c>
      <c r="G65038" s="16">
        <v>0</v>
      </c>
    </row>
    <row r="65039" spans="1:7" x14ac:dyDescent="0.3">
      <c r="A65039" s="13" t="s">
        <v>348</v>
      </c>
      <c r="B65039" s="14" t="s">
        <v>1</v>
      </c>
      <c r="C65039" s="14" t="s">
        <v>17</v>
      </c>
      <c r="D65039" s="14" t="s">
        <v>14</v>
      </c>
      <c r="E65039" s="15">
        <v>45445</v>
      </c>
      <c r="F65039" s="14" t="s">
        <v>15</v>
      </c>
      <c r="G65039" s="16">
        <v>0</v>
      </c>
    </row>
    <row r="65040" spans="1:7" x14ac:dyDescent="0.3">
      <c r="A65040" s="13" t="s">
        <v>348</v>
      </c>
      <c r="B65040" s="14" t="s">
        <v>1</v>
      </c>
      <c r="C65040" s="14" t="s">
        <v>17</v>
      </c>
      <c r="D65040" s="14" t="s">
        <v>14</v>
      </c>
      <c r="E65040" s="15">
        <v>45446</v>
      </c>
      <c r="F65040" s="14" t="s">
        <v>15</v>
      </c>
      <c r="G65040" s="16">
        <v>0</v>
      </c>
    </row>
    <row r="65041" spans="1:7" x14ac:dyDescent="0.3">
      <c r="A65041" s="13" t="s">
        <v>348</v>
      </c>
      <c r="B65041" s="14" t="s">
        <v>1</v>
      </c>
      <c r="C65041" s="14" t="s">
        <v>17</v>
      </c>
      <c r="D65041" s="14" t="s">
        <v>14</v>
      </c>
      <c r="E65041" s="15">
        <v>45447</v>
      </c>
      <c r="F65041" s="14" t="s">
        <v>15</v>
      </c>
      <c r="G65041" s="16">
        <v>0</v>
      </c>
    </row>
    <row r="65042" spans="1:7" x14ac:dyDescent="0.3">
      <c r="A65042" s="13" t="s">
        <v>348</v>
      </c>
      <c r="B65042" s="14" t="s">
        <v>1</v>
      </c>
      <c r="C65042" s="14" t="s">
        <v>17</v>
      </c>
      <c r="D65042" s="14" t="s">
        <v>14</v>
      </c>
      <c r="E65042" s="15">
        <v>45448</v>
      </c>
      <c r="F65042" s="14" t="s">
        <v>15</v>
      </c>
      <c r="G65042" s="16">
        <v>0</v>
      </c>
    </row>
    <row r="65043" spans="1:7" x14ac:dyDescent="0.3">
      <c r="A65043" s="13" t="s">
        <v>348</v>
      </c>
      <c r="B65043" s="14" t="s">
        <v>1</v>
      </c>
      <c r="C65043" s="14" t="s">
        <v>17</v>
      </c>
      <c r="D65043" s="14" t="s">
        <v>14</v>
      </c>
      <c r="E65043" s="15">
        <v>45449</v>
      </c>
      <c r="F65043" s="14" t="s">
        <v>15</v>
      </c>
      <c r="G65043" s="16">
        <v>0</v>
      </c>
    </row>
    <row r="65044" spans="1:7" x14ac:dyDescent="0.3">
      <c r="A65044" s="13" t="s">
        <v>348</v>
      </c>
      <c r="B65044" s="14" t="s">
        <v>1</v>
      </c>
      <c r="C65044" s="14" t="s">
        <v>17</v>
      </c>
      <c r="D65044" s="14" t="s">
        <v>14</v>
      </c>
      <c r="E65044" s="15">
        <v>45450</v>
      </c>
      <c r="F65044" s="14" t="s">
        <v>15</v>
      </c>
      <c r="G65044" s="16">
        <v>0</v>
      </c>
    </row>
    <row r="65045" spans="1:7" x14ac:dyDescent="0.3">
      <c r="A65045" s="13" t="s">
        <v>348</v>
      </c>
      <c r="B65045" s="14" t="s">
        <v>1</v>
      </c>
      <c r="C65045" s="14" t="s">
        <v>17</v>
      </c>
      <c r="D65045" s="14" t="s">
        <v>14</v>
      </c>
      <c r="E65045" s="15">
        <v>45451</v>
      </c>
      <c r="F65045" s="14" t="s">
        <v>15</v>
      </c>
      <c r="G65045" s="16">
        <v>0</v>
      </c>
    </row>
    <row r="65046" spans="1:7" x14ac:dyDescent="0.3">
      <c r="A65046" s="13" t="s">
        <v>348</v>
      </c>
      <c r="B65046" s="14" t="s">
        <v>1</v>
      </c>
      <c r="C65046" s="14" t="s">
        <v>17</v>
      </c>
      <c r="D65046" s="14" t="s">
        <v>14</v>
      </c>
      <c r="E65046" s="15">
        <v>45452</v>
      </c>
      <c r="F65046" s="14" t="s">
        <v>15</v>
      </c>
      <c r="G65046" s="16">
        <v>0</v>
      </c>
    </row>
    <row r="65047" spans="1:7" x14ac:dyDescent="0.3">
      <c r="A65047" s="13" t="s">
        <v>348</v>
      </c>
      <c r="B65047" s="14" t="s">
        <v>1</v>
      </c>
      <c r="C65047" s="14" t="s">
        <v>17</v>
      </c>
      <c r="D65047" s="14" t="s">
        <v>14</v>
      </c>
      <c r="E65047" s="15">
        <v>45453</v>
      </c>
      <c r="F65047" s="14" t="s">
        <v>15</v>
      </c>
      <c r="G65047" s="16">
        <v>0</v>
      </c>
    </row>
    <row r="65048" spans="1:7" x14ac:dyDescent="0.3">
      <c r="A65048" s="13" t="s">
        <v>348</v>
      </c>
      <c r="B65048" s="14" t="s">
        <v>1</v>
      </c>
      <c r="C65048" s="14" t="s">
        <v>17</v>
      </c>
      <c r="D65048" s="14" t="s">
        <v>14</v>
      </c>
      <c r="E65048" s="15">
        <v>45454</v>
      </c>
      <c r="F65048" s="14" t="s">
        <v>15</v>
      </c>
      <c r="G65048" s="16">
        <v>0</v>
      </c>
    </row>
    <row r="65049" spans="1:7" x14ac:dyDescent="0.3">
      <c r="A65049" s="13" t="s">
        <v>348</v>
      </c>
      <c r="B65049" s="14" t="s">
        <v>1</v>
      </c>
      <c r="C65049" s="14" t="s">
        <v>17</v>
      </c>
      <c r="D65049" s="14" t="s">
        <v>14</v>
      </c>
      <c r="E65049" s="15">
        <v>45455</v>
      </c>
      <c r="F65049" s="14" t="s">
        <v>15</v>
      </c>
      <c r="G65049" s="16">
        <v>0</v>
      </c>
    </row>
    <row r="65050" spans="1:7" x14ac:dyDescent="0.3">
      <c r="A65050" s="13" t="s">
        <v>348</v>
      </c>
      <c r="B65050" s="14" t="s">
        <v>1</v>
      </c>
      <c r="C65050" s="14" t="s">
        <v>17</v>
      </c>
      <c r="D65050" s="14" t="s">
        <v>14</v>
      </c>
      <c r="E65050" s="15">
        <v>45456</v>
      </c>
      <c r="F65050" s="14" t="s">
        <v>15</v>
      </c>
      <c r="G65050" s="16">
        <v>0</v>
      </c>
    </row>
    <row r="65051" spans="1:7" x14ac:dyDescent="0.3">
      <c r="A65051" s="13" t="s">
        <v>348</v>
      </c>
      <c r="B65051" s="14" t="s">
        <v>1</v>
      </c>
      <c r="C65051" s="14" t="s">
        <v>17</v>
      </c>
      <c r="D65051" s="14" t="s">
        <v>14</v>
      </c>
      <c r="E65051" s="15">
        <v>45457</v>
      </c>
      <c r="F65051" s="14" t="s">
        <v>15</v>
      </c>
      <c r="G65051" s="16">
        <v>0</v>
      </c>
    </row>
    <row r="65052" spans="1:7" x14ac:dyDescent="0.3">
      <c r="A65052" s="13" t="s">
        <v>348</v>
      </c>
      <c r="B65052" s="14" t="s">
        <v>1</v>
      </c>
      <c r="C65052" s="14" t="s">
        <v>17</v>
      </c>
      <c r="D65052" s="14" t="s">
        <v>14</v>
      </c>
      <c r="E65052" s="15">
        <v>45458</v>
      </c>
      <c r="F65052" s="14" t="s">
        <v>15</v>
      </c>
      <c r="G65052" s="16">
        <v>0</v>
      </c>
    </row>
    <row r="65053" spans="1:7" x14ac:dyDescent="0.3">
      <c r="A65053" s="13" t="s">
        <v>348</v>
      </c>
      <c r="B65053" s="14" t="s">
        <v>1</v>
      </c>
      <c r="C65053" s="14" t="s">
        <v>17</v>
      </c>
      <c r="D65053" s="14" t="s">
        <v>14</v>
      </c>
      <c r="E65053" s="15">
        <v>45459</v>
      </c>
      <c r="F65053" s="14" t="s">
        <v>15</v>
      </c>
      <c r="G65053" s="16">
        <v>0</v>
      </c>
    </row>
    <row r="65054" spans="1:7" x14ac:dyDescent="0.3">
      <c r="A65054" s="13" t="s">
        <v>348</v>
      </c>
      <c r="B65054" s="14" t="s">
        <v>1</v>
      </c>
      <c r="C65054" s="14" t="s">
        <v>17</v>
      </c>
      <c r="D65054" s="14" t="s">
        <v>14</v>
      </c>
      <c r="E65054" s="15">
        <v>45460</v>
      </c>
      <c r="F65054" s="14" t="s">
        <v>15</v>
      </c>
      <c r="G65054" s="16">
        <v>0</v>
      </c>
    </row>
    <row r="65055" spans="1:7" x14ac:dyDescent="0.3">
      <c r="A65055" s="13" t="s">
        <v>348</v>
      </c>
      <c r="B65055" s="14" t="s">
        <v>1</v>
      </c>
      <c r="C65055" s="14" t="s">
        <v>17</v>
      </c>
      <c r="D65055" s="14" t="s">
        <v>14</v>
      </c>
      <c r="E65055" s="15">
        <v>45461</v>
      </c>
      <c r="F65055" s="14" t="s">
        <v>15</v>
      </c>
      <c r="G65055" s="16">
        <v>0</v>
      </c>
    </row>
    <row r="65056" spans="1:7" x14ac:dyDescent="0.3">
      <c r="A65056" s="13" t="s">
        <v>348</v>
      </c>
      <c r="B65056" s="14" t="s">
        <v>1</v>
      </c>
      <c r="C65056" s="14" t="s">
        <v>17</v>
      </c>
      <c r="D65056" s="14" t="s">
        <v>14</v>
      </c>
      <c r="E65056" s="15">
        <v>45462</v>
      </c>
      <c r="F65056" s="14" t="s">
        <v>15</v>
      </c>
      <c r="G65056" s="16">
        <v>0</v>
      </c>
    </row>
    <row r="65057" spans="1:7" x14ac:dyDescent="0.3">
      <c r="A65057" s="13" t="s">
        <v>348</v>
      </c>
      <c r="B65057" s="14" t="s">
        <v>1</v>
      </c>
      <c r="C65057" s="14" t="s">
        <v>17</v>
      </c>
      <c r="D65057" s="14" t="s">
        <v>14</v>
      </c>
      <c r="E65057" s="15">
        <v>45463</v>
      </c>
      <c r="F65057" s="14" t="s">
        <v>15</v>
      </c>
      <c r="G65057" s="16">
        <v>0</v>
      </c>
    </row>
    <row r="65058" spans="1:7" x14ac:dyDescent="0.3">
      <c r="A65058" s="13" t="s">
        <v>348</v>
      </c>
      <c r="B65058" s="14" t="s">
        <v>1</v>
      </c>
      <c r="C65058" s="14" t="s">
        <v>17</v>
      </c>
      <c r="D65058" s="14" t="s">
        <v>14</v>
      </c>
      <c r="E65058" s="15">
        <v>45464</v>
      </c>
      <c r="F65058" s="14" t="s">
        <v>15</v>
      </c>
      <c r="G65058" s="16">
        <v>0</v>
      </c>
    </row>
    <row r="65059" spans="1:7" x14ac:dyDescent="0.3">
      <c r="A65059" s="13" t="s">
        <v>348</v>
      </c>
      <c r="B65059" s="14" t="s">
        <v>1</v>
      </c>
      <c r="C65059" s="14" t="s">
        <v>17</v>
      </c>
      <c r="D65059" s="14" t="s">
        <v>14</v>
      </c>
      <c r="E65059" s="15">
        <v>45465</v>
      </c>
      <c r="F65059" s="14" t="s">
        <v>15</v>
      </c>
      <c r="G65059" s="16">
        <v>0</v>
      </c>
    </row>
    <row r="65060" spans="1:7" x14ac:dyDescent="0.3">
      <c r="A65060" s="13" t="s">
        <v>348</v>
      </c>
      <c r="B65060" s="14" t="s">
        <v>1</v>
      </c>
      <c r="C65060" s="14" t="s">
        <v>17</v>
      </c>
      <c r="D65060" s="14" t="s">
        <v>14</v>
      </c>
      <c r="E65060" s="15">
        <v>45466</v>
      </c>
      <c r="F65060" s="14" t="s">
        <v>15</v>
      </c>
      <c r="G65060" s="16">
        <v>0</v>
      </c>
    </row>
    <row r="65061" spans="1:7" x14ac:dyDescent="0.3">
      <c r="A65061" s="13" t="s">
        <v>348</v>
      </c>
      <c r="B65061" s="14" t="s">
        <v>1</v>
      </c>
      <c r="C65061" s="14" t="s">
        <v>17</v>
      </c>
      <c r="D65061" s="14" t="s">
        <v>14</v>
      </c>
      <c r="E65061" s="15">
        <v>45467</v>
      </c>
      <c r="F65061" s="14" t="s">
        <v>15</v>
      </c>
      <c r="G65061" s="16">
        <v>0</v>
      </c>
    </row>
    <row r="65062" spans="1:7" x14ac:dyDescent="0.3">
      <c r="A65062" s="13" t="s">
        <v>348</v>
      </c>
      <c r="B65062" s="14" t="s">
        <v>1</v>
      </c>
      <c r="C65062" s="14" t="s">
        <v>17</v>
      </c>
      <c r="D65062" s="14" t="s">
        <v>14</v>
      </c>
      <c r="E65062" s="15">
        <v>45468</v>
      </c>
      <c r="F65062" s="14" t="s">
        <v>15</v>
      </c>
      <c r="G65062" s="16">
        <v>0</v>
      </c>
    </row>
    <row r="65063" spans="1:7" x14ac:dyDescent="0.3">
      <c r="A65063" s="13" t="s">
        <v>348</v>
      </c>
      <c r="B65063" s="14" t="s">
        <v>1</v>
      </c>
      <c r="C65063" s="14" t="s">
        <v>17</v>
      </c>
      <c r="D65063" s="14" t="s">
        <v>14</v>
      </c>
      <c r="E65063" s="15">
        <v>45469</v>
      </c>
      <c r="F65063" s="14" t="s">
        <v>15</v>
      </c>
      <c r="G65063" s="16">
        <v>0</v>
      </c>
    </row>
    <row r="65064" spans="1:7" x14ac:dyDescent="0.3">
      <c r="A65064" s="13" t="s">
        <v>348</v>
      </c>
      <c r="B65064" s="14" t="s">
        <v>1</v>
      </c>
      <c r="C65064" s="14" t="s">
        <v>17</v>
      </c>
      <c r="D65064" s="14" t="s">
        <v>14</v>
      </c>
      <c r="E65064" s="15">
        <v>45470</v>
      </c>
      <c r="F65064" s="14" t="s">
        <v>15</v>
      </c>
      <c r="G65064" s="16">
        <v>0</v>
      </c>
    </row>
    <row r="65065" spans="1:7" x14ac:dyDescent="0.3">
      <c r="A65065" s="13" t="s">
        <v>348</v>
      </c>
      <c r="B65065" s="14" t="s">
        <v>1</v>
      </c>
      <c r="C65065" s="14" t="s">
        <v>17</v>
      </c>
      <c r="D65065" s="14" t="s">
        <v>14</v>
      </c>
      <c r="E65065" s="15">
        <v>45471</v>
      </c>
      <c r="F65065" s="14" t="s">
        <v>15</v>
      </c>
      <c r="G65065" s="16">
        <v>0</v>
      </c>
    </row>
    <row r="65066" spans="1:7" x14ac:dyDescent="0.3">
      <c r="A65066" s="13" t="s">
        <v>348</v>
      </c>
      <c r="B65066" s="14" t="s">
        <v>1</v>
      </c>
      <c r="C65066" s="14" t="s">
        <v>17</v>
      </c>
      <c r="D65066" s="14" t="s">
        <v>14</v>
      </c>
      <c r="E65066" s="15">
        <v>45472</v>
      </c>
      <c r="F65066" s="14" t="s">
        <v>15</v>
      </c>
      <c r="G65066" s="16">
        <v>0</v>
      </c>
    </row>
    <row r="65067" spans="1:7" x14ac:dyDescent="0.3">
      <c r="A65067" s="13" t="s">
        <v>348</v>
      </c>
      <c r="B65067" s="14" t="s">
        <v>1</v>
      </c>
      <c r="C65067" s="14" t="s">
        <v>17</v>
      </c>
      <c r="D65067" s="14" t="s">
        <v>14</v>
      </c>
      <c r="E65067" s="15">
        <v>45473</v>
      </c>
      <c r="F65067" s="14" t="s">
        <v>15</v>
      </c>
      <c r="G65067" s="16">
        <v>0</v>
      </c>
    </row>
    <row r="65068" spans="1:7" x14ac:dyDescent="0.3">
      <c r="A65068" s="13" t="s">
        <v>348</v>
      </c>
      <c r="B65068" s="14" t="s">
        <v>1</v>
      </c>
      <c r="C65068" s="14" t="s">
        <v>17</v>
      </c>
      <c r="D65068" s="14" t="s">
        <v>14</v>
      </c>
      <c r="E65068" s="15">
        <v>45474</v>
      </c>
      <c r="F65068" s="14" t="s">
        <v>15</v>
      </c>
      <c r="G65068" s="16">
        <v>0</v>
      </c>
    </row>
    <row r="65069" spans="1:7" x14ac:dyDescent="0.3">
      <c r="A65069" s="13" t="s">
        <v>348</v>
      </c>
      <c r="B65069" s="14" t="s">
        <v>1</v>
      </c>
      <c r="C65069" s="14" t="s">
        <v>17</v>
      </c>
      <c r="D65069" s="14" t="s">
        <v>14</v>
      </c>
      <c r="E65069" s="15">
        <v>45475</v>
      </c>
      <c r="F65069" s="14" t="s">
        <v>15</v>
      </c>
      <c r="G65069" s="16">
        <v>0</v>
      </c>
    </row>
    <row r="65070" spans="1:7" x14ac:dyDescent="0.3">
      <c r="A65070" s="13" t="s">
        <v>348</v>
      </c>
      <c r="B65070" s="14" t="s">
        <v>1</v>
      </c>
      <c r="C65070" s="14" t="s">
        <v>17</v>
      </c>
      <c r="D65070" s="14" t="s">
        <v>14</v>
      </c>
      <c r="E65070" s="15">
        <v>45476</v>
      </c>
      <c r="F65070" s="14" t="s">
        <v>15</v>
      </c>
      <c r="G65070" s="16">
        <v>0</v>
      </c>
    </row>
    <row r="65071" spans="1:7" x14ac:dyDescent="0.3">
      <c r="A65071" s="13" t="s">
        <v>348</v>
      </c>
      <c r="B65071" s="14" t="s">
        <v>1</v>
      </c>
      <c r="C65071" s="14" t="s">
        <v>17</v>
      </c>
      <c r="D65071" s="14" t="s">
        <v>14</v>
      </c>
      <c r="E65071" s="15">
        <v>45477</v>
      </c>
      <c r="F65071" s="14" t="s">
        <v>15</v>
      </c>
      <c r="G65071" s="16">
        <v>0</v>
      </c>
    </row>
    <row r="65072" spans="1:7" x14ac:dyDescent="0.3">
      <c r="A65072" s="13" t="s">
        <v>348</v>
      </c>
      <c r="B65072" s="14" t="s">
        <v>1</v>
      </c>
      <c r="C65072" s="14" t="s">
        <v>17</v>
      </c>
      <c r="D65072" s="14" t="s">
        <v>14</v>
      </c>
      <c r="E65072" s="15">
        <v>45478</v>
      </c>
      <c r="F65072" s="14" t="s">
        <v>15</v>
      </c>
      <c r="G65072" s="16">
        <v>0</v>
      </c>
    </row>
    <row r="65073" spans="1:7" x14ac:dyDescent="0.3">
      <c r="A65073" s="13" t="s">
        <v>348</v>
      </c>
      <c r="B65073" s="14" t="s">
        <v>1</v>
      </c>
      <c r="C65073" s="14" t="s">
        <v>17</v>
      </c>
      <c r="D65073" s="14" t="s">
        <v>14</v>
      </c>
      <c r="E65073" s="15">
        <v>45479</v>
      </c>
      <c r="F65073" s="14" t="s">
        <v>15</v>
      </c>
      <c r="G65073" s="16">
        <v>0</v>
      </c>
    </row>
    <row r="65074" spans="1:7" x14ac:dyDescent="0.3">
      <c r="A65074" s="13" t="s">
        <v>348</v>
      </c>
      <c r="B65074" s="14" t="s">
        <v>1</v>
      </c>
      <c r="C65074" s="14" t="s">
        <v>17</v>
      </c>
      <c r="D65074" s="14" t="s">
        <v>14</v>
      </c>
      <c r="E65074" s="15">
        <v>45480</v>
      </c>
      <c r="F65074" s="14" t="s">
        <v>15</v>
      </c>
      <c r="G65074" s="16">
        <v>0</v>
      </c>
    </row>
    <row r="65075" spans="1:7" x14ac:dyDescent="0.3">
      <c r="A65075" s="13" t="s">
        <v>348</v>
      </c>
      <c r="B65075" s="14" t="s">
        <v>1</v>
      </c>
      <c r="C65075" s="14" t="s">
        <v>17</v>
      </c>
      <c r="D65075" s="14" t="s">
        <v>14</v>
      </c>
      <c r="E65075" s="15">
        <v>45481</v>
      </c>
      <c r="F65075" s="14" t="s">
        <v>15</v>
      </c>
      <c r="G65075" s="16">
        <v>0</v>
      </c>
    </row>
    <row r="65076" spans="1:7" x14ac:dyDescent="0.3">
      <c r="A65076" s="13" t="s">
        <v>348</v>
      </c>
      <c r="B65076" s="14" t="s">
        <v>1</v>
      </c>
      <c r="C65076" s="14" t="s">
        <v>17</v>
      </c>
      <c r="D65076" s="14" t="s">
        <v>14</v>
      </c>
      <c r="E65076" s="15">
        <v>45482</v>
      </c>
      <c r="F65076" s="14" t="s">
        <v>15</v>
      </c>
      <c r="G65076" s="16">
        <v>0</v>
      </c>
    </row>
    <row r="65077" spans="1:7" x14ac:dyDescent="0.3">
      <c r="A65077" s="13" t="s">
        <v>348</v>
      </c>
      <c r="B65077" s="14" t="s">
        <v>1</v>
      </c>
      <c r="C65077" s="14" t="s">
        <v>17</v>
      </c>
      <c r="D65077" s="14" t="s">
        <v>14</v>
      </c>
      <c r="E65077" s="15">
        <v>45483</v>
      </c>
      <c r="F65077" s="14" t="s">
        <v>15</v>
      </c>
      <c r="G65077" s="16">
        <v>0</v>
      </c>
    </row>
    <row r="65078" spans="1:7" x14ac:dyDescent="0.3">
      <c r="A65078" s="13" t="s">
        <v>348</v>
      </c>
      <c r="B65078" s="14" t="s">
        <v>1</v>
      </c>
      <c r="C65078" s="14" t="s">
        <v>17</v>
      </c>
      <c r="D65078" s="14" t="s">
        <v>14</v>
      </c>
      <c r="E65078" s="15">
        <v>45484</v>
      </c>
      <c r="F65078" s="14" t="s">
        <v>15</v>
      </c>
      <c r="G65078" s="16">
        <v>0</v>
      </c>
    </row>
    <row r="65079" spans="1:7" x14ac:dyDescent="0.3">
      <c r="A65079" s="13" t="s">
        <v>348</v>
      </c>
      <c r="B65079" s="14" t="s">
        <v>1</v>
      </c>
      <c r="C65079" s="14" t="s">
        <v>17</v>
      </c>
      <c r="D65079" s="14" t="s">
        <v>14</v>
      </c>
      <c r="E65079" s="15">
        <v>45485</v>
      </c>
      <c r="F65079" s="14" t="s">
        <v>15</v>
      </c>
      <c r="G65079" s="16">
        <v>0</v>
      </c>
    </row>
    <row r="65080" spans="1:7" x14ac:dyDescent="0.3">
      <c r="A65080" s="13" t="s">
        <v>348</v>
      </c>
      <c r="B65080" s="14" t="s">
        <v>1</v>
      </c>
      <c r="C65080" s="14" t="s">
        <v>17</v>
      </c>
      <c r="D65080" s="14" t="s">
        <v>14</v>
      </c>
      <c r="E65080" s="15">
        <v>45486</v>
      </c>
      <c r="F65080" s="14" t="s">
        <v>15</v>
      </c>
      <c r="G65080" s="16">
        <v>0</v>
      </c>
    </row>
    <row r="65081" spans="1:7" x14ac:dyDescent="0.3">
      <c r="A65081" s="13" t="s">
        <v>348</v>
      </c>
      <c r="B65081" s="14" t="s">
        <v>1</v>
      </c>
      <c r="C65081" s="14" t="s">
        <v>17</v>
      </c>
      <c r="D65081" s="14" t="s">
        <v>14</v>
      </c>
      <c r="E65081" s="15">
        <v>45487</v>
      </c>
      <c r="F65081" s="14" t="s">
        <v>15</v>
      </c>
      <c r="G65081" s="16">
        <v>0</v>
      </c>
    </row>
    <row r="65082" spans="1:7" x14ac:dyDescent="0.3">
      <c r="A65082" s="13" t="s">
        <v>348</v>
      </c>
      <c r="B65082" s="14" t="s">
        <v>1</v>
      </c>
      <c r="C65082" s="14" t="s">
        <v>17</v>
      </c>
      <c r="D65082" s="14" t="s">
        <v>14</v>
      </c>
      <c r="E65082" s="15">
        <v>45488</v>
      </c>
      <c r="F65082" s="14" t="s">
        <v>15</v>
      </c>
      <c r="G65082" s="16">
        <v>0</v>
      </c>
    </row>
    <row r="65083" spans="1:7" x14ac:dyDescent="0.3">
      <c r="A65083" s="13" t="s">
        <v>348</v>
      </c>
      <c r="B65083" s="14" t="s">
        <v>1</v>
      </c>
      <c r="C65083" s="14" t="s">
        <v>17</v>
      </c>
      <c r="D65083" s="14" t="s">
        <v>14</v>
      </c>
      <c r="E65083" s="15">
        <v>45489</v>
      </c>
      <c r="F65083" s="14" t="s">
        <v>15</v>
      </c>
      <c r="G65083" s="16">
        <v>0</v>
      </c>
    </row>
    <row r="65084" spans="1:7" x14ac:dyDescent="0.3">
      <c r="A65084" s="13" t="s">
        <v>348</v>
      </c>
      <c r="B65084" s="14" t="s">
        <v>1</v>
      </c>
      <c r="C65084" s="14" t="s">
        <v>17</v>
      </c>
      <c r="D65084" s="14" t="s">
        <v>14</v>
      </c>
      <c r="E65084" s="15">
        <v>45490</v>
      </c>
      <c r="F65084" s="14" t="s">
        <v>15</v>
      </c>
      <c r="G65084" s="16">
        <v>0</v>
      </c>
    </row>
    <row r="65085" spans="1:7" x14ac:dyDescent="0.3">
      <c r="A65085" s="13" t="s">
        <v>348</v>
      </c>
      <c r="B65085" s="14" t="s">
        <v>1</v>
      </c>
      <c r="C65085" s="14" t="s">
        <v>17</v>
      </c>
      <c r="D65085" s="14" t="s">
        <v>14</v>
      </c>
      <c r="E65085" s="15">
        <v>45491</v>
      </c>
      <c r="F65085" s="14" t="s">
        <v>15</v>
      </c>
      <c r="G65085" s="16">
        <v>0</v>
      </c>
    </row>
    <row r="65086" spans="1:7" x14ac:dyDescent="0.3">
      <c r="A65086" s="13" t="s">
        <v>348</v>
      </c>
      <c r="B65086" s="14" t="s">
        <v>1</v>
      </c>
      <c r="C65086" s="14" t="s">
        <v>17</v>
      </c>
      <c r="D65086" s="14" t="s">
        <v>14</v>
      </c>
      <c r="E65086" s="15">
        <v>45492</v>
      </c>
      <c r="F65086" s="14" t="s">
        <v>15</v>
      </c>
      <c r="G65086" s="16">
        <v>0</v>
      </c>
    </row>
    <row r="65087" spans="1:7" x14ac:dyDescent="0.3">
      <c r="A65087" s="13" t="s">
        <v>348</v>
      </c>
      <c r="B65087" s="14" t="s">
        <v>1</v>
      </c>
      <c r="C65087" s="14" t="s">
        <v>17</v>
      </c>
      <c r="D65087" s="14" t="s">
        <v>14</v>
      </c>
      <c r="E65087" s="15">
        <v>45493</v>
      </c>
      <c r="F65087" s="14" t="s">
        <v>15</v>
      </c>
      <c r="G65087" s="16">
        <v>0</v>
      </c>
    </row>
    <row r="65088" spans="1:7" x14ac:dyDescent="0.3">
      <c r="A65088" s="13" t="s">
        <v>348</v>
      </c>
      <c r="B65088" s="14" t="s">
        <v>1</v>
      </c>
      <c r="C65088" s="14" t="s">
        <v>17</v>
      </c>
      <c r="D65088" s="14" t="s">
        <v>14</v>
      </c>
      <c r="E65088" s="15">
        <v>45494</v>
      </c>
      <c r="F65088" s="14" t="s">
        <v>15</v>
      </c>
      <c r="G65088" s="16">
        <v>0</v>
      </c>
    </row>
    <row r="65089" spans="1:7" x14ac:dyDescent="0.3">
      <c r="A65089" s="13" t="s">
        <v>348</v>
      </c>
      <c r="B65089" s="14" t="s">
        <v>1</v>
      </c>
      <c r="C65089" s="14" t="s">
        <v>17</v>
      </c>
      <c r="D65089" s="14" t="s">
        <v>14</v>
      </c>
      <c r="E65089" s="15">
        <v>45495</v>
      </c>
      <c r="F65089" s="14" t="s">
        <v>15</v>
      </c>
      <c r="G65089" s="16">
        <v>0</v>
      </c>
    </row>
    <row r="65090" spans="1:7" x14ac:dyDescent="0.3">
      <c r="A65090" s="13" t="s">
        <v>348</v>
      </c>
      <c r="B65090" s="14" t="s">
        <v>1</v>
      </c>
      <c r="C65090" s="14" t="s">
        <v>17</v>
      </c>
      <c r="D65090" s="14" t="s">
        <v>14</v>
      </c>
      <c r="E65090" s="15">
        <v>45496</v>
      </c>
      <c r="F65090" s="14" t="s">
        <v>15</v>
      </c>
      <c r="G65090" s="16">
        <v>0</v>
      </c>
    </row>
    <row r="65091" spans="1:7" x14ac:dyDescent="0.3">
      <c r="A65091" s="13" t="s">
        <v>348</v>
      </c>
      <c r="B65091" s="14" t="s">
        <v>1</v>
      </c>
      <c r="C65091" s="14" t="s">
        <v>17</v>
      </c>
      <c r="D65091" s="14" t="s">
        <v>14</v>
      </c>
      <c r="E65091" s="15">
        <v>45497</v>
      </c>
      <c r="F65091" s="14" t="s">
        <v>15</v>
      </c>
      <c r="G65091" s="16">
        <v>0</v>
      </c>
    </row>
    <row r="65092" spans="1:7" x14ac:dyDescent="0.3">
      <c r="A65092" s="13" t="s">
        <v>348</v>
      </c>
      <c r="B65092" s="14" t="s">
        <v>1</v>
      </c>
      <c r="C65092" s="14" t="s">
        <v>17</v>
      </c>
      <c r="D65092" s="14" t="s">
        <v>14</v>
      </c>
      <c r="E65092" s="15">
        <v>45498</v>
      </c>
      <c r="F65092" s="14" t="s">
        <v>15</v>
      </c>
      <c r="G65092" s="16">
        <v>0</v>
      </c>
    </row>
    <row r="65093" spans="1:7" x14ac:dyDescent="0.3">
      <c r="A65093" s="13" t="s">
        <v>348</v>
      </c>
      <c r="B65093" s="14" t="s">
        <v>1</v>
      </c>
      <c r="C65093" s="14" t="s">
        <v>17</v>
      </c>
      <c r="D65093" s="14" t="s">
        <v>14</v>
      </c>
      <c r="E65093" s="15">
        <v>45499</v>
      </c>
      <c r="F65093" s="14" t="s">
        <v>15</v>
      </c>
      <c r="G65093" s="16">
        <v>0</v>
      </c>
    </row>
    <row r="65094" spans="1:7" x14ac:dyDescent="0.3">
      <c r="A65094" s="13" t="s">
        <v>348</v>
      </c>
      <c r="B65094" s="14" t="s">
        <v>1</v>
      </c>
      <c r="C65094" s="14" t="s">
        <v>17</v>
      </c>
      <c r="D65094" s="14" t="s">
        <v>14</v>
      </c>
      <c r="E65094" s="15">
        <v>45500</v>
      </c>
      <c r="F65094" s="14" t="s">
        <v>15</v>
      </c>
      <c r="G65094" s="16">
        <v>0</v>
      </c>
    </row>
    <row r="65095" spans="1:7" x14ac:dyDescent="0.3">
      <c r="A65095" s="13" t="s">
        <v>348</v>
      </c>
      <c r="B65095" s="14" t="s">
        <v>1</v>
      </c>
      <c r="C65095" s="14" t="s">
        <v>17</v>
      </c>
      <c r="D65095" s="14" t="s">
        <v>14</v>
      </c>
      <c r="E65095" s="15">
        <v>45501</v>
      </c>
      <c r="F65095" s="14" t="s">
        <v>15</v>
      </c>
      <c r="G65095" s="16">
        <v>0</v>
      </c>
    </row>
    <row r="65096" spans="1:7" x14ac:dyDescent="0.3">
      <c r="A65096" s="13" t="s">
        <v>348</v>
      </c>
      <c r="B65096" s="14" t="s">
        <v>1</v>
      </c>
      <c r="C65096" s="14" t="s">
        <v>17</v>
      </c>
      <c r="D65096" s="14" t="s">
        <v>14</v>
      </c>
      <c r="E65096" s="15">
        <v>45502</v>
      </c>
      <c r="F65096" s="14" t="s">
        <v>15</v>
      </c>
      <c r="G65096" s="16">
        <v>0</v>
      </c>
    </row>
    <row r="65097" spans="1:7" x14ac:dyDescent="0.3">
      <c r="A65097" s="13" t="s">
        <v>348</v>
      </c>
      <c r="B65097" s="14" t="s">
        <v>1</v>
      </c>
      <c r="C65097" s="14" t="s">
        <v>17</v>
      </c>
      <c r="D65097" s="14" t="s">
        <v>14</v>
      </c>
      <c r="E65097" s="15">
        <v>45503</v>
      </c>
      <c r="F65097" s="14" t="s">
        <v>15</v>
      </c>
      <c r="G65097" s="16">
        <v>0</v>
      </c>
    </row>
    <row r="65098" spans="1:7" x14ac:dyDescent="0.3">
      <c r="A65098" s="13" t="s">
        <v>348</v>
      </c>
      <c r="B65098" s="14" t="s">
        <v>1</v>
      </c>
      <c r="C65098" s="14" t="s">
        <v>17</v>
      </c>
      <c r="D65098" s="14" t="s">
        <v>14</v>
      </c>
      <c r="E65098" s="15">
        <v>45504</v>
      </c>
      <c r="F65098" s="14" t="s">
        <v>15</v>
      </c>
      <c r="G65098" s="16">
        <v>0</v>
      </c>
    </row>
    <row r="65099" spans="1:7" x14ac:dyDescent="0.3">
      <c r="A65099" s="13" t="s">
        <v>348</v>
      </c>
      <c r="B65099" s="14" t="s">
        <v>1</v>
      </c>
      <c r="C65099" s="14" t="s">
        <v>17</v>
      </c>
      <c r="D65099" s="14" t="s">
        <v>14</v>
      </c>
      <c r="E65099" s="15">
        <v>45505</v>
      </c>
      <c r="F65099" s="14" t="s">
        <v>15</v>
      </c>
      <c r="G65099" s="16">
        <v>0</v>
      </c>
    </row>
    <row r="65100" spans="1:7" x14ac:dyDescent="0.3">
      <c r="A65100" s="13" t="s">
        <v>348</v>
      </c>
      <c r="B65100" s="14" t="s">
        <v>1</v>
      </c>
      <c r="C65100" s="14" t="s">
        <v>17</v>
      </c>
      <c r="D65100" s="14" t="s">
        <v>14</v>
      </c>
      <c r="E65100" s="15">
        <v>45506</v>
      </c>
      <c r="F65100" s="14" t="s">
        <v>15</v>
      </c>
      <c r="G65100" s="16">
        <v>0</v>
      </c>
    </row>
    <row r="65101" spans="1:7" x14ac:dyDescent="0.3">
      <c r="A65101" s="13" t="s">
        <v>348</v>
      </c>
      <c r="B65101" s="14" t="s">
        <v>1</v>
      </c>
      <c r="C65101" s="14" t="s">
        <v>17</v>
      </c>
      <c r="D65101" s="14" t="s">
        <v>14</v>
      </c>
      <c r="E65101" s="15">
        <v>45507</v>
      </c>
      <c r="F65101" s="14" t="s">
        <v>15</v>
      </c>
      <c r="G65101" s="16">
        <v>0</v>
      </c>
    </row>
    <row r="65102" spans="1:7" x14ac:dyDescent="0.3">
      <c r="A65102" s="13" t="s">
        <v>348</v>
      </c>
      <c r="B65102" s="14" t="s">
        <v>1</v>
      </c>
      <c r="C65102" s="14" t="s">
        <v>17</v>
      </c>
      <c r="D65102" s="14" t="s">
        <v>14</v>
      </c>
      <c r="E65102" s="15">
        <v>45508</v>
      </c>
      <c r="F65102" s="14" t="s">
        <v>15</v>
      </c>
      <c r="G65102" s="16">
        <v>0</v>
      </c>
    </row>
    <row r="65103" spans="1:7" x14ac:dyDescent="0.3">
      <c r="A65103" s="13" t="s">
        <v>348</v>
      </c>
      <c r="B65103" s="14" t="s">
        <v>1</v>
      </c>
      <c r="C65103" s="14" t="s">
        <v>17</v>
      </c>
      <c r="D65103" s="14" t="s">
        <v>14</v>
      </c>
      <c r="E65103" s="15">
        <v>45509</v>
      </c>
      <c r="F65103" s="14" t="s">
        <v>15</v>
      </c>
      <c r="G65103" s="16">
        <v>0</v>
      </c>
    </row>
    <row r="65104" spans="1:7" x14ac:dyDescent="0.3">
      <c r="A65104" s="13" t="s">
        <v>348</v>
      </c>
      <c r="B65104" s="14" t="s">
        <v>1</v>
      </c>
      <c r="C65104" s="14" t="s">
        <v>17</v>
      </c>
      <c r="D65104" s="14" t="s">
        <v>14</v>
      </c>
      <c r="E65104" s="15">
        <v>45510</v>
      </c>
      <c r="F65104" s="14" t="s">
        <v>15</v>
      </c>
      <c r="G65104" s="16">
        <v>0</v>
      </c>
    </row>
    <row r="65105" spans="1:7" x14ac:dyDescent="0.3">
      <c r="A65105" s="13" t="s">
        <v>348</v>
      </c>
      <c r="B65105" s="14" t="s">
        <v>1</v>
      </c>
      <c r="C65105" s="14" t="s">
        <v>17</v>
      </c>
      <c r="D65105" s="14" t="s">
        <v>14</v>
      </c>
      <c r="E65105" s="15">
        <v>45511</v>
      </c>
      <c r="F65105" s="14" t="s">
        <v>15</v>
      </c>
      <c r="G65105" s="16">
        <v>0</v>
      </c>
    </row>
    <row r="65106" spans="1:7" x14ac:dyDescent="0.3">
      <c r="A65106" s="13" t="s">
        <v>348</v>
      </c>
      <c r="B65106" s="14" t="s">
        <v>1</v>
      </c>
      <c r="C65106" s="14" t="s">
        <v>17</v>
      </c>
      <c r="D65106" s="14" t="s">
        <v>14</v>
      </c>
      <c r="E65106" s="15">
        <v>45512</v>
      </c>
      <c r="F65106" s="14" t="s">
        <v>15</v>
      </c>
      <c r="G65106" s="16">
        <v>0</v>
      </c>
    </row>
    <row r="65107" spans="1:7" x14ac:dyDescent="0.3">
      <c r="A65107" s="13" t="s">
        <v>348</v>
      </c>
      <c r="B65107" s="14" t="s">
        <v>1</v>
      </c>
      <c r="C65107" s="14" t="s">
        <v>17</v>
      </c>
      <c r="D65107" s="14" t="s">
        <v>14</v>
      </c>
      <c r="E65107" s="15">
        <v>45513</v>
      </c>
      <c r="F65107" s="14" t="s">
        <v>15</v>
      </c>
      <c r="G65107" s="16">
        <v>0</v>
      </c>
    </row>
    <row r="65108" spans="1:7" x14ac:dyDescent="0.3">
      <c r="A65108" s="13" t="s">
        <v>348</v>
      </c>
      <c r="B65108" s="14" t="s">
        <v>1</v>
      </c>
      <c r="C65108" s="14" t="s">
        <v>17</v>
      </c>
      <c r="D65108" s="14" t="s">
        <v>14</v>
      </c>
      <c r="E65108" s="15">
        <v>45514</v>
      </c>
      <c r="F65108" s="14" t="s">
        <v>15</v>
      </c>
      <c r="G65108" s="16">
        <v>0</v>
      </c>
    </row>
    <row r="65109" spans="1:7" x14ac:dyDescent="0.3">
      <c r="A65109" s="13" t="s">
        <v>348</v>
      </c>
      <c r="B65109" s="14" t="s">
        <v>1</v>
      </c>
      <c r="C65109" s="14" t="s">
        <v>17</v>
      </c>
      <c r="D65109" s="14" t="s">
        <v>14</v>
      </c>
      <c r="E65109" s="15">
        <v>45515</v>
      </c>
      <c r="F65109" s="14" t="s">
        <v>15</v>
      </c>
      <c r="G65109" s="16">
        <v>0</v>
      </c>
    </row>
    <row r="65110" spans="1:7" x14ac:dyDescent="0.3">
      <c r="A65110" s="13" t="s">
        <v>348</v>
      </c>
      <c r="B65110" s="14" t="s">
        <v>1</v>
      </c>
      <c r="C65110" s="14" t="s">
        <v>17</v>
      </c>
      <c r="D65110" s="14" t="s">
        <v>14</v>
      </c>
      <c r="E65110" s="15">
        <v>45516</v>
      </c>
      <c r="F65110" s="14" t="s">
        <v>15</v>
      </c>
      <c r="G65110" s="16">
        <v>0</v>
      </c>
    </row>
    <row r="65111" spans="1:7" x14ac:dyDescent="0.3">
      <c r="A65111" s="13" t="s">
        <v>348</v>
      </c>
      <c r="B65111" s="14" t="s">
        <v>1</v>
      </c>
      <c r="C65111" s="14" t="s">
        <v>17</v>
      </c>
      <c r="D65111" s="14" t="s">
        <v>14</v>
      </c>
      <c r="E65111" s="15">
        <v>45517</v>
      </c>
      <c r="F65111" s="14" t="s">
        <v>15</v>
      </c>
      <c r="G65111" s="16">
        <v>0</v>
      </c>
    </row>
    <row r="65112" spans="1:7" x14ac:dyDescent="0.3">
      <c r="A65112" s="13" t="s">
        <v>348</v>
      </c>
      <c r="B65112" s="14" t="s">
        <v>1</v>
      </c>
      <c r="C65112" s="14" t="s">
        <v>17</v>
      </c>
      <c r="D65112" s="14" t="s">
        <v>14</v>
      </c>
      <c r="E65112" s="15">
        <v>45518</v>
      </c>
      <c r="F65112" s="14" t="s">
        <v>15</v>
      </c>
      <c r="G65112" s="16">
        <v>0</v>
      </c>
    </row>
    <row r="65113" spans="1:7" x14ac:dyDescent="0.3">
      <c r="A65113" s="13" t="s">
        <v>348</v>
      </c>
      <c r="B65113" s="14" t="s">
        <v>1</v>
      </c>
      <c r="C65113" s="14" t="s">
        <v>17</v>
      </c>
      <c r="D65113" s="14" t="s">
        <v>14</v>
      </c>
      <c r="E65113" s="15">
        <v>45519</v>
      </c>
      <c r="F65113" s="14" t="s">
        <v>15</v>
      </c>
      <c r="G65113" s="16">
        <v>0</v>
      </c>
    </row>
    <row r="65114" spans="1:7" x14ac:dyDescent="0.3">
      <c r="A65114" s="13" t="s">
        <v>348</v>
      </c>
      <c r="B65114" s="14" t="s">
        <v>1</v>
      </c>
      <c r="C65114" s="14" t="s">
        <v>17</v>
      </c>
      <c r="D65114" s="14" t="s">
        <v>14</v>
      </c>
      <c r="E65114" s="15">
        <v>45520</v>
      </c>
      <c r="F65114" s="14" t="s">
        <v>15</v>
      </c>
      <c r="G65114" s="16">
        <v>0</v>
      </c>
    </row>
    <row r="65115" spans="1:7" x14ac:dyDescent="0.3">
      <c r="A65115" s="13" t="s">
        <v>348</v>
      </c>
      <c r="B65115" s="14" t="s">
        <v>1</v>
      </c>
      <c r="C65115" s="14" t="s">
        <v>17</v>
      </c>
      <c r="D65115" s="14" t="s">
        <v>14</v>
      </c>
      <c r="E65115" s="15">
        <v>45521</v>
      </c>
      <c r="F65115" s="14" t="s">
        <v>15</v>
      </c>
      <c r="G65115" s="16">
        <v>0</v>
      </c>
    </row>
    <row r="65116" spans="1:7" x14ac:dyDescent="0.3">
      <c r="A65116" s="13" t="s">
        <v>348</v>
      </c>
      <c r="B65116" s="14" t="s">
        <v>1</v>
      </c>
      <c r="C65116" s="14" t="s">
        <v>17</v>
      </c>
      <c r="D65116" s="14" t="s">
        <v>14</v>
      </c>
      <c r="E65116" s="15">
        <v>45522</v>
      </c>
      <c r="F65116" s="14" t="s">
        <v>15</v>
      </c>
      <c r="G65116" s="16">
        <v>0</v>
      </c>
    </row>
    <row r="65117" spans="1:7" x14ac:dyDescent="0.3">
      <c r="A65117" s="13" t="s">
        <v>348</v>
      </c>
      <c r="B65117" s="14" t="s">
        <v>1</v>
      </c>
      <c r="C65117" s="14" t="s">
        <v>17</v>
      </c>
      <c r="D65117" s="14" t="s">
        <v>14</v>
      </c>
      <c r="E65117" s="15">
        <v>45523</v>
      </c>
      <c r="F65117" s="14" t="s">
        <v>15</v>
      </c>
      <c r="G65117" s="16">
        <v>0</v>
      </c>
    </row>
    <row r="65118" spans="1:7" x14ac:dyDescent="0.3">
      <c r="A65118" s="13" t="s">
        <v>348</v>
      </c>
      <c r="B65118" s="14" t="s">
        <v>1</v>
      </c>
      <c r="C65118" s="14" t="s">
        <v>17</v>
      </c>
      <c r="D65118" s="14" t="s">
        <v>14</v>
      </c>
      <c r="E65118" s="15">
        <v>45524</v>
      </c>
      <c r="F65118" s="14" t="s">
        <v>15</v>
      </c>
      <c r="G65118" s="16">
        <v>0</v>
      </c>
    </row>
    <row r="65119" spans="1:7" x14ac:dyDescent="0.3">
      <c r="A65119" s="13" t="s">
        <v>348</v>
      </c>
      <c r="B65119" s="14" t="s">
        <v>1</v>
      </c>
      <c r="C65119" s="14" t="s">
        <v>17</v>
      </c>
      <c r="D65119" s="14" t="s">
        <v>14</v>
      </c>
      <c r="E65119" s="15">
        <v>45525</v>
      </c>
      <c r="F65119" s="14" t="s">
        <v>15</v>
      </c>
      <c r="G65119" s="16">
        <v>0</v>
      </c>
    </row>
    <row r="65120" spans="1:7" x14ac:dyDescent="0.3">
      <c r="A65120" s="13" t="s">
        <v>348</v>
      </c>
      <c r="B65120" s="14" t="s">
        <v>1</v>
      </c>
      <c r="C65120" s="14" t="s">
        <v>17</v>
      </c>
      <c r="D65120" s="14" t="s">
        <v>14</v>
      </c>
      <c r="E65120" s="15">
        <v>45526</v>
      </c>
      <c r="F65120" s="14" t="s">
        <v>15</v>
      </c>
      <c r="G65120" s="16">
        <v>0</v>
      </c>
    </row>
    <row r="65121" spans="1:7" x14ac:dyDescent="0.3">
      <c r="A65121" s="13" t="s">
        <v>348</v>
      </c>
      <c r="B65121" s="14" t="s">
        <v>1</v>
      </c>
      <c r="C65121" s="14" t="s">
        <v>17</v>
      </c>
      <c r="D65121" s="14" t="s">
        <v>14</v>
      </c>
      <c r="E65121" s="15">
        <v>45527</v>
      </c>
      <c r="F65121" s="14" t="s">
        <v>15</v>
      </c>
      <c r="G65121" s="16">
        <v>0</v>
      </c>
    </row>
    <row r="65122" spans="1:7" x14ac:dyDescent="0.3">
      <c r="A65122" s="13" t="s">
        <v>348</v>
      </c>
      <c r="B65122" s="14" t="s">
        <v>1</v>
      </c>
      <c r="C65122" s="14" t="s">
        <v>17</v>
      </c>
      <c r="D65122" s="14" t="s">
        <v>14</v>
      </c>
      <c r="E65122" s="15">
        <v>45528</v>
      </c>
      <c r="F65122" s="14" t="s">
        <v>15</v>
      </c>
      <c r="G65122" s="16">
        <v>0</v>
      </c>
    </row>
    <row r="65123" spans="1:7" x14ac:dyDescent="0.3">
      <c r="A65123" s="13" t="s">
        <v>348</v>
      </c>
      <c r="B65123" s="14" t="s">
        <v>1</v>
      </c>
      <c r="C65123" s="14" t="s">
        <v>17</v>
      </c>
      <c r="D65123" s="14" t="s">
        <v>14</v>
      </c>
      <c r="E65123" s="15">
        <v>45529</v>
      </c>
      <c r="F65123" s="14" t="s">
        <v>15</v>
      </c>
      <c r="G65123" s="16">
        <v>0</v>
      </c>
    </row>
    <row r="65124" spans="1:7" x14ac:dyDescent="0.3">
      <c r="A65124" s="13" t="s">
        <v>348</v>
      </c>
      <c r="B65124" s="14" t="s">
        <v>1</v>
      </c>
      <c r="C65124" s="14" t="s">
        <v>17</v>
      </c>
      <c r="D65124" s="14" t="s">
        <v>14</v>
      </c>
      <c r="E65124" s="15">
        <v>45530</v>
      </c>
      <c r="F65124" s="14" t="s">
        <v>15</v>
      </c>
      <c r="G65124" s="16">
        <v>0</v>
      </c>
    </row>
    <row r="65125" spans="1:7" x14ac:dyDescent="0.3">
      <c r="A65125" s="13" t="s">
        <v>348</v>
      </c>
      <c r="B65125" s="14" t="s">
        <v>1</v>
      </c>
      <c r="C65125" s="14" t="s">
        <v>17</v>
      </c>
      <c r="D65125" s="14" t="s">
        <v>14</v>
      </c>
      <c r="E65125" s="15">
        <v>45531</v>
      </c>
      <c r="F65125" s="14" t="s">
        <v>15</v>
      </c>
      <c r="G65125" s="16">
        <v>0</v>
      </c>
    </row>
    <row r="65126" spans="1:7" x14ac:dyDescent="0.3">
      <c r="A65126" s="13" t="s">
        <v>348</v>
      </c>
      <c r="B65126" s="14" t="s">
        <v>1</v>
      </c>
      <c r="C65126" s="14" t="s">
        <v>17</v>
      </c>
      <c r="D65126" s="14" t="s">
        <v>14</v>
      </c>
      <c r="E65126" s="15">
        <v>45532</v>
      </c>
      <c r="F65126" s="14" t="s">
        <v>15</v>
      </c>
      <c r="G65126" s="16">
        <v>0</v>
      </c>
    </row>
    <row r="65127" spans="1:7" x14ac:dyDescent="0.3">
      <c r="A65127" s="13" t="s">
        <v>348</v>
      </c>
      <c r="B65127" s="14" t="s">
        <v>1</v>
      </c>
      <c r="C65127" s="14" t="s">
        <v>17</v>
      </c>
      <c r="D65127" s="14" t="s">
        <v>14</v>
      </c>
      <c r="E65127" s="15">
        <v>45533</v>
      </c>
      <c r="F65127" s="14" t="s">
        <v>15</v>
      </c>
      <c r="G65127" s="16">
        <v>0</v>
      </c>
    </row>
    <row r="65128" spans="1:7" x14ac:dyDescent="0.3">
      <c r="A65128" s="13" t="s">
        <v>348</v>
      </c>
      <c r="B65128" s="14" t="s">
        <v>1</v>
      </c>
      <c r="C65128" s="14" t="s">
        <v>17</v>
      </c>
      <c r="D65128" s="14" t="s">
        <v>14</v>
      </c>
      <c r="E65128" s="15">
        <v>45534</v>
      </c>
      <c r="F65128" s="14" t="s">
        <v>15</v>
      </c>
      <c r="G65128" s="16">
        <v>0</v>
      </c>
    </row>
    <row r="65129" spans="1:7" x14ac:dyDescent="0.3">
      <c r="A65129" s="13" t="s">
        <v>348</v>
      </c>
      <c r="B65129" s="14" t="s">
        <v>1</v>
      </c>
      <c r="C65129" s="14" t="s">
        <v>17</v>
      </c>
      <c r="D65129" s="14" t="s">
        <v>14</v>
      </c>
      <c r="E65129" s="15">
        <v>45535</v>
      </c>
      <c r="F65129" s="14" t="s">
        <v>15</v>
      </c>
      <c r="G65129" s="16">
        <v>0</v>
      </c>
    </row>
    <row r="65130" spans="1:7" x14ac:dyDescent="0.3">
      <c r="A65130" s="13" t="s">
        <v>348</v>
      </c>
      <c r="B65130" s="14" t="s">
        <v>1</v>
      </c>
      <c r="C65130" s="14" t="s">
        <v>17</v>
      </c>
      <c r="D65130" s="14" t="s">
        <v>14</v>
      </c>
      <c r="E65130" s="15">
        <v>45536</v>
      </c>
      <c r="F65130" s="14" t="s">
        <v>15</v>
      </c>
      <c r="G65130" s="16">
        <v>0</v>
      </c>
    </row>
    <row r="65131" spans="1:7" x14ac:dyDescent="0.3">
      <c r="A65131" s="13" t="s">
        <v>348</v>
      </c>
      <c r="B65131" s="14" t="s">
        <v>1</v>
      </c>
      <c r="C65131" s="14" t="s">
        <v>17</v>
      </c>
      <c r="D65131" s="14" t="s">
        <v>14</v>
      </c>
      <c r="E65131" s="15">
        <v>45537</v>
      </c>
      <c r="F65131" s="14" t="s">
        <v>15</v>
      </c>
      <c r="G65131" s="16">
        <v>0</v>
      </c>
    </row>
    <row r="65132" spans="1:7" x14ac:dyDescent="0.3">
      <c r="A65132" s="13" t="s">
        <v>348</v>
      </c>
      <c r="B65132" s="14" t="s">
        <v>1</v>
      </c>
      <c r="C65132" s="14" t="s">
        <v>17</v>
      </c>
      <c r="D65132" s="14" t="s">
        <v>14</v>
      </c>
      <c r="E65132" s="15">
        <v>45538</v>
      </c>
      <c r="F65132" s="14" t="s">
        <v>15</v>
      </c>
      <c r="G65132" s="16">
        <v>0</v>
      </c>
    </row>
    <row r="65133" spans="1:7" x14ac:dyDescent="0.3">
      <c r="A65133" s="13" t="s">
        <v>348</v>
      </c>
      <c r="B65133" s="14" t="s">
        <v>1</v>
      </c>
      <c r="C65133" s="14" t="s">
        <v>17</v>
      </c>
      <c r="D65133" s="14" t="s">
        <v>14</v>
      </c>
      <c r="E65133" s="15">
        <v>45539</v>
      </c>
      <c r="F65133" s="14" t="s">
        <v>15</v>
      </c>
      <c r="G65133" s="16">
        <v>0</v>
      </c>
    </row>
    <row r="65134" spans="1:7" x14ac:dyDescent="0.3">
      <c r="A65134" s="13" t="s">
        <v>348</v>
      </c>
      <c r="B65134" s="14" t="s">
        <v>1</v>
      </c>
      <c r="C65134" s="14" t="s">
        <v>17</v>
      </c>
      <c r="D65134" s="14" t="s">
        <v>14</v>
      </c>
      <c r="E65134" s="15">
        <v>45540</v>
      </c>
      <c r="F65134" s="14" t="s">
        <v>15</v>
      </c>
      <c r="G65134" s="16">
        <v>0</v>
      </c>
    </row>
    <row r="65135" spans="1:7" x14ac:dyDescent="0.3">
      <c r="A65135" s="13" t="s">
        <v>348</v>
      </c>
      <c r="B65135" s="14" t="s">
        <v>1</v>
      </c>
      <c r="C65135" s="14" t="s">
        <v>17</v>
      </c>
      <c r="D65135" s="14" t="s">
        <v>14</v>
      </c>
      <c r="E65135" s="15">
        <v>45541</v>
      </c>
      <c r="F65135" s="14" t="s">
        <v>15</v>
      </c>
      <c r="G65135" s="16">
        <v>0</v>
      </c>
    </row>
    <row r="65136" spans="1:7" x14ac:dyDescent="0.3">
      <c r="A65136" s="13" t="s">
        <v>348</v>
      </c>
      <c r="B65136" s="14" t="s">
        <v>1</v>
      </c>
      <c r="C65136" s="14" t="s">
        <v>17</v>
      </c>
      <c r="D65136" s="14" t="s">
        <v>14</v>
      </c>
      <c r="E65136" s="15">
        <v>45542</v>
      </c>
      <c r="F65136" s="14" t="s">
        <v>15</v>
      </c>
      <c r="G65136" s="16">
        <v>0</v>
      </c>
    </row>
    <row r="65137" spans="1:7" x14ac:dyDescent="0.3">
      <c r="A65137" s="13" t="s">
        <v>348</v>
      </c>
      <c r="B65137" s="14" t="s">
        <v>1</v>
      </c>
      <c r="C65137" s="14" t="s">
        <v>17</v>
      </c>
      <c r="D65137" s="14" t="s">
        <v>14</v>
      </c>
      <c r="E65137" s="15">
        <v>45543</v>
      </c>
      <c r="F65137" s="14" t="s">
        <v>15</v>
      </c>
      <c r="G65137" s="16">
        <v>0</v>
      </c>
    </row>
    <row r="65138" spans="1:7" x14ac:dyDescent="0.3">
      <c r="A65138" s="13" t="s">
        <v>348</v>
      </c>
      <c r="B65138" s="14" t="s">
        <v>1</v>
      </c>
      <c r="C65138" s="14" t="s">
        <v>17</v>
      </c>
      <c r="D65138" s="14" t="s">
        <v>14</v>
      </c>
      <c r="E65138" s="15">
        <v>45544</v>
      </c>
      <c r="F65138" s="14" t="s">
        <v>15</v>
      </c>
      <c r="G65138" s="16">
        <v>0</v>
      </c>
    </row>
    <row r="65139" spans="1:7" x14ac:dyDescent="0.3">
      <c r="A65139" s="13" t="s">
        <v>348</v>
      </c>
      <c r="B65139" s="14" t="s">
        <v>1</v>
      </c>
      <c r="C65139" s="14" t="s">
        <v>17</v>
      </c>
      <c r="D65139" s="14" t="s">
        <v>14</v>
      </c>
      <c r="E65139" s="15">
        <v>45545</v>
      </c>
      <c r="F65139" s="14" t="s">
        <v>15</v>
      </c>
      <c r="G65139" s="16">
        <v>0</v>
      </c>
    </row>
    <row r="65140" spans="1:7" x14ac:dyDescent="0.3">
      <c r="A65140" s="13" t="s">
        <v>348</v>
      </c>
      <c r="B65140" s="14" t="s">
        <v>1</v>
      </c>
      <c r="C65140" s="14" t="s">
        <v>17</v>
      </c>
      <c r="D65140" s="14" t="s">
        <v>14</v>
      </c>
      <c r="E65140" s="15">
        <v>45546</v>
      </c>
      <c r="F65140" s="14" t="s">
        <v>15</v>
      </c>
      <c r="G65140" s="16">
        <v>0</v>
      </c>
    </row>
    <row r="65141" spans="1:7" x14ac:dyDescent="0.3">
      <c r="A65141" s="13" t="s">
        <v>348</v>
      </c>
      <c r="B65141" s="14" t="s">
        <v>1</v>
      </c>
      <c r="C65141" s="14" t="s">
        <v>17</v>
      </c>
      <c r="D65141" s="14" t="s">
        <v>14</v>
      </c>
      <c r="E65141" s="15">
        <v>45547</v>
      </c>
      <c r="F65141" s="14" t="s">
        <v>15</v>
      </c>
      <c r="G65141" s="16">
        <v>0</v>
      </c>
    </row>
    <row r="65142" spans="1:7" x14ac:dyDescent="0.3">
      <c r="A65142" s="13" t="s">
        <v>348</v>
      </c>
      <c r="B65142" s="14" t="s">
        <v>1</v>
      </c>
      <c r="C65142" s="14" t="s">
        <v>17</v>
      </c>
      <c r="D65142" s="14" t="s">
        <v>14</v>
      </c>
      <c r="E65142" s="15">
        <v>45548</v>
      </c>
      <c r="F65142" s="14" t="s">
        <v>15</v>
      </c>
      <c r="G65142" s="16">
        <v>0</v>
      </c>
    </row>
    <row r="65143" spans="1:7" x14ac:dyDescent="0.3">
      <c r="A65143" s="13" t="s">
        <v>348</v>
      </c>
      <c r="B65143" s="14" t="s">
        <v>1</v>
      </c>
      <c r="C65143" s="14" t="s">
        <v>17</v>
      </c>
      <c r="D65143" s="14" t="s">
        <v>14</v>
      </c>
      <c r="E65143" s="15">
        <v>45549</v>
      </c>
      <c r="F65143" s="14" t="s">
        <v>15</v>
      </c>
      <c r="G65143" s="16">
        <v>0</v>
      </c>
    </row>
    <row r="65144" spans="1:7" x14ac:dyDescent="0.3">
      <c r="A65144" s="13" t="s">
        <v>348</v>
      </c>
      <c r="B65144" s="14" t="s">
        <v>1</v>
      </c>
      <c r="C65144" s="14" t="s">
        <v>17</v>
      </c>
      <c r="D65144" s="14" t="s">
        <v>14</v>
      </c>
      <c r="E65144" s="15">
        <v>45550</v>
      </c>
      <c r="F65144" s="14" t="s">
        <v>15</v>
      </c>
      <c r="G65144" s="16">
        <v>0</v>
      </c>
    </row>
    <row r="65145" spans="1:7" x14ac:dyDescent="0.3">
      <c r="A65145" s="13" t="s">
        <v>348</v>
      </c>
      <c r="B65145" s="14" t="s">
        <v>1</v>
      </c>
      <c r="C65145" s="14" t="s">
        <v>17</v>
      </c>
      <c r="D65145" s="14" t="s">
        <v>14</v>
      </c>
      <c r="E65145" s="15">
        <v>45551</v>
      </c>
      <c r="F65145" s="14" t="s">
        <v>15</v>
      </c>
      <c r="G65145" s="16">
        <v>0</v>
      </c>
    </row>
    <row r="65146" spans="1:7" x14ac:dyDescent="0.3">
      <c r="A65146" s="13" t="s">
        <v>348</v>
      </c>
      <c r="B65146" s="14" t="s">
        <v>1</v>
      </c>
      <c r="C65146" s="14" t="s">
        <v>17</v>
      </c>
      <c r="D65146" s="14" t="s">
        <v>14</v>
      </c>
      <c r="E65146" s="15">
        <v>45552</v>
      </c>
      <c r="F65146" s="14" t="s">
        <v>15</v>
      </c>
      <c r="G65146" s="16">
        <v>0</v>
      </c>
    </row>
    <row r="65147" spans="1:7" x14ac:dyDescent="0.3">
      <c r="A65147" s="13" t="s">
        <v>348</v>
      </c>
      <c r="B65147" s="14" t="s">
        <v>1</v>
      </c>
      <c r="C65147" s="14" t="s">
        <v>17</v>
      </c>
      <c r="D65147" s="14" t="s">
        <v>14</v>
      </c>
      <c r="E65147" s="15">
        <v>45553</v>
      </c>
      <c r="F65147" s="14" t="s">
        <v>15</v>
      </c>
      <c r="G65147" s="16">
        <v>0</v>
      </c>
    </row>
    <row r="65148" spans="1:7" x14ac:dyDescent="0.3">
      <c r="A65148" s="13" t="s">
        <v>348</v>
      </c>
      <c r="B65148" s="14" t="s">
        <v>1</v>
      </c>
      <c r="C65148" s="14" t="s">
        <v>17</v>
      </c>
      <c r="D65148" s="14" t="s">
        <v>14</v>
      </c>
      <c r="E65148" s="15">
        <v>45554</v>
      </c>
      <c r="F65148" s="14" t="s">
        <v>15</v>
      </c>
      <c r="G65148" s="16">
        <v>0</v>
      </c>
    </row>
    <row r="65149" spans="1:7" x14ac:dyDescent="0.3">
      <c r="A65149" s="13" t="s">
        <v>348</v>
      </c>
      <c r="B65149" s="14" t="s">
        <v>1</v>
      </c>
      <c r="C65149" s="14" t="s">
        <v>17</v>
      </c>
      <c r="D65149" s="14" t="s">
        <v>14</v>
      </c>
      <c r="E65149" s="15">
        <v>45555</v>
      </c>
      <c r="F65149" s="14" t="s">
        <v>15</v>
      </c>
      <c r="G65149" s="16">
        <v>0</v>
      </c>
    </row>
    <row r="65150" spans="1:7" x14ac:dyDescent="0.3">
      <c r="A65150" s="13" t="s">
        <v>348</v>
      </c>
      <c r="B65150" s="14" t="s">
        <v>1</v>
      </c>
      <c r="C65150" s="14" t="s">
        <v>17</v>
      </c>
      <c r="D65150" s="14" t="s">
        <v>14</v>
      </c>
      <c r="E65150" s="15">
        <v>45556</v>
      </c>
      <c r="F65150" s="14" t="s">
        <v>15</v>
      </c>
      <c r="G65150" s="16">
        <v>0</v>
      </c>
    </row>
    <row r="65151" spans="1:7" x14ac:dyDescent="0.3">
      <c r="A65151" s="13" t="s">
        <v>348</v>
      </c>
      <c r="B65151" s="14" t="s">
        <v>1</v>
      </c>
      <c r="C65151" s="14" t="s">
        <v>17</v>
      </c>
      <c r="D65151" s="14" t="s">
        <v>14</v>
      </c>
      <c r="E65151" s="15">
        <v>45557</v>
      </c>
      <c r="F65151" s="14" t="s">
        <v>15</v>
      </c>
      <c r="G65151" s="16">
        <v>0</v>
      </c>
    </row>
    <row r="65152" spans="1:7" x14ac:dyDescent="0.3">
      <c r="A65152" s="13" t="s">
        <v>348</v>
      </c>
      <c r="B65152" s="14" t="s">
        <v>1</v>
      </c>
      <c r="C65152" s="14" t="s">
        <v>17</v>
      </c>
      <c r="D65152" s="14" t="s">
        <v>14</v>
      </c>
      <c r="E65152" s="15">
        <v>45558</v>
      </c>
      <c r="F65152" s="14" t="s">
        <v>15</v>
      </c>
      <c r="G65152" s="16">
        <v>0</v>
      </c>
    </row>
    <row r="65153" spans="1:7" x14ac:dyDescent="0.3">
      <c r="A65153" s="13" t="s">
        <v>348</v>
      </c>
      <c r="B65153" s="14" t="s">
        <v>1</v>
      </c>
      <c r="C65153" s="14" t="s">
        <v>17</v>
      </c>
      <c r="D65153" s="14" t="s">
        <v>14</v>
      </c>
      <c r="E65153" s="15">
        <v>45559</v>
      </c>
      <c r="F65153" s="14" t="s">
        <v>15</v>
      </c>
      <c r="G65153" s="16">
        <v>0</v>
      </c>
    </row>
    <row r="65154" spans="1:7" x14ac:dyDescent="0.3">
      <c r="A65154" s="13" t="s">
        <v>348</v>
      </c>
      <c r="B65154" s="14" t="s">
        <v>1</v>
      </c>
      <c r="C65154" s="14" t="s">
        <v>17</v>
      </c>
      <c r="D65154" s="14" t="s">
        <v>14</v>
      </c>
      <c r="E65154" s="15">
        <v>45560</v>
      </c>
      <c r="F65154" s="14" t="s">
        <v>15</v>
      </c>
      <c r="G65154" s="16">
        <v>0</v>
      </c>
    </row>
    <row r="65155" spans="1:7" x14ac:dyDescent="0.3">
      <c r="A65155" s="13" t="s">
        <v>348</v>
      </c>
      <c r="B65155" s="14" t="s">
        <v>1</v>
      </c>
      <c r="C65155" s="14" t="s">
        <v>17</v>
      </c>
      <c r="D65155" s="14" t="s">
        <v>14</v>
      </c>
      <c r="E65155" s="15">
        <v>45561</v>
      </c>
      <c r="F65155" s="14" t="s">
        <v>15</v>
      </c>
      <c r="G65155" s="16">
        <v>0</v>
      </c>
    </row>
    <row r="65156" spans="1:7" x14ac:dyDescent="0.3">
      <c r="A65156" s="13" t="s">
        <v>348</v>
      </c>
      <c r="B65156" s="14" t="s">
        <v>1</v>
      </c>
      <c r="C65156" s="14" t="s">
        <v>17</v>
      </c>
      <c r="D65156" s="14" t="s">
        <v>14</v>
      </c>
      <c r="E65156" s="15">
        <v>45562</v>
      </c>
      <c r="F65156" s="14" t="s">
        <v>15</v>
      </c>
      <c r="G65156" s="16">
        <v>0</v>
      </c>
    </row>
    <row r="65157" spans="1:7" x14ac:dyDescent="0.3">
      <c r="A65157" s="13" t="s">
        <v>348</v>
      </c>
      <c r="B65157" s="14" t="s">
        <v>1</v>
      </c>
      <c r="C65157" s="14" t="s">
        <v>17</v>
      </c>
      <c r="D65157" s="14" t="s">
        <v>14</v>
      </c>
      <c r="E65157" s="15">
        <v>45563</v>
      </c>
      <c r="F65157" s="14" t="s">
        <v>15</v>
      </c>
      <c r="G65157" s="16">
        <v>0</v>
      </c>
    </row>
    <row r="65158" spans="1:7" x14ac:dyDescent="0.3">
      <c r="A65158" s="13" t="s">
        <v>348</v>
      </c>
      <c r="B65158" s="14" t="s">
        <v>1</v>
      </c>
      <c r="C65158" s="14" t="s">
        <v>17</v>
      </c>
      <c r="D65158" s="14" t="s">
        <v>14</v>
      </c>
      <c r="E65158" s="15">
        <v>45564</v>
      </c>
      <c r="F65158" s="14" t="s">
        <v>15</v>
      </c>
      <c r="G65158" s="16">
        <v>0</v>
      </c>
    </row>
    <row r="65159" spans="1:7" x14ac:dyDescent="0.3">
      <c r="A65159" s="13" t="s">
        <v>348</v>
      </c>
      <c r="B65159" s="14" t="s">
        <v>1</v>
      </c>
      <c r="C65159" s="14" t="s">
        <v>17</v>
      </c>
      <c r="D65159" s="14" t="s">
        <v>14</v>
      </c>
      <c r="E65159" s="15">
        <v>45565</v>
      </c>
      <c r="F65159" s="14" t="s">
        <v>15</v>
      </c>
      <c r="G65159" s="16">
        <v>0</v>
      </c>
    </row>
    <row r="65160" spans="1:7" x14ac:dyDescent="0.3">
      <c r="A65160" s="13" t="s">
        <v>348</v>
      </c>
      <c r="B65160" s="14" t="s">
        <v>1</v>
      </c>
      <c r="C65160" s="14" t="s">
        <v>17</v>
      </c>
      <c r="D65160" s="14" t="s">
        <v>14</v>
      </c>
      <c r="E65160" s="15">
        <v>45566</v>
      </c>
      <c r="F65160" s="14" t="s">
        <v>15</v>
      </c>
      <c r="G65160" s="16">
        <v>0</v>
      </c>
    </row>
    <row r="65161" spans="1:7" x14ac:dyDescent="0.3">
      <c r="A65161" s="13" t="s">
        <v>348</v>
      </c>
      <c r="B65161" s="14" t="s">
        <v>1</v>
      </c>
      <c r="C65161" s="14" t="s">
        <v>17</v>
      </c>
      <c r="D65161" s="14" t="s">
        <v>14</v>
      </c>
      <c r="E65161" s="15">
        <v>45567</v>
      </c>
      <c r="F65161" s="14" t="s">
        <v>15</v>
      </c>
      <c r="G65161" s="16">
        <v>0</v>
      </c>
    </row>
    <row r="65162" spans="1:7" x14ac:dyDescent="0.3">
      <c r="A65162" s="13" t="s">
        <v>348</v>
      </c>
      <c r="B65162" s="14" t="s">
        <v>1</v>
      </c>
      <c r="C65162" s="14" t="s">
        <v>17</v>
      </c>
      <c r="D65162" s="14" t="s">
        <v>14</v>
      </c>
      <c r="E65162" s="15">
        <v>45568</v>
      </c>
      <c r="F65162" s="14" t="s">
        <v>15</v>
      </c>
      <c r="G65162" s="16">
        <v>0</v>
      </c>
    </row>
    <row r="65163" spans="1:7" x14ac:dyDescent="0.3">
      <c r="A65163" s="13" t="s">
        <v>348</v>
      </c>
      <c r="B65163" s="14" t="s">
        <v>1</v>
      </c>
      <c r="C65163" s="14" t="s">
        <v>17</v>
      </c>
      <c r="D65163" s="14" t="s">
        <v>14</v>
      </c>
      <c r="E65163" s="15">
        <v>45569</v>
      </c>
      <c r="F65163" s="14" t="s">
        <v>15</v>
      </c>
      <c r="G65163" s="16">
        <v>0</v>
      </c>
    </row>
    <row r="65164" spans="1:7" x14ac:dyDescent="0.3">
      <c r="A65164" s="13" t="s">
        <v>348</v>
      </c>
      <c r="B65164" s="14" t="s">
        <v>1</v>
      </c>
      <c r="C65164" s="14" t="s">
        <v>17</v>
      </c>
      <c r="D65164" s="14" t="s">
        <v>14</v>
      </c>
      <c r="E65164" s="15">
        <v>45570</v>
      </c>
      <c r="F65164" s="14" t="s">
        <v>15</v>
      </c>
      <c r="G65164" s="16">
        <v>0</v>
      </c>
    </row>
    <row r="65165" spans="1:7" x14ac:dyDescent="0.3">
      <c r="A65165" s="13" t="s">
        <v>348</v>
      </c>
      <c r="B65165" s="14" t="s">
        <v>1</v>
      </c>
      <c r="C65165" s="14" t="s">
        <v>17</v>
      </c>
      <c r="D65165" s="14" t="s">
        <v>14</v>
      </c>
      <c r="E65165" s="15">
        <v>45571</v>
      </c>
      <c r="F65165" s="14" t="s">
        <v>15</v>
      </c>
      <c r="G65165" s="16">
        <v>0</v>
      </c>
    </row>
    <row r="65166" spans="1:7" x14ac:dyDescent="0.3">
      <c r="A65166" s="13" t="s">
        <v>348</v>
      </c>
      <c r="B65166" s="14" t="s">
        <v>1</v>
      </c>
      <c r="C65166" s="14" t="s">
        <v>17</v>
      </c>
      <c r="D65166" s="14" t="s">
        <v>14</v>
      </c>
      <c r="E65166" s="15">
        <v>45572</v>
      </c>
      <c r="F65166" s="14" t="s">
        <v>15</v>
      </c>
      <c r="G65166" s="16">
        <v>0</v>
      </c>
    </row>
    <row r="65167" spans="1:7" x14ac:dyDescent="0.3">
      <c r="A65167" s="13" t="s">
        <v>348</v>
      </c>
      <c r="B65167" s="14" t="s">
        <v>1</v>
      </c>
      <c r="C65167" s="14" t="s">
        <v>17</v>
      </c>
      <c r="D65167" s="14" t="s">
        <v>14</v>
      </c>
      <c r="E65167" s="15">
        <v>45573</v>
      </c>
      <c r="F65167" s="14" t="s">
        <v>15</v>
      </c>
      <c r="G65167" s="16">
        <v>0</v>
      </c>
    </row>
    <row r="65168" spans="1:7" x14ac:dyDescent="0.3">
      <c r="A65168" s="13" t="s">
        <v>348</v>
      </c>
      <c r="B65168" s="14" t="s">
        <v>1</v>
      </c>
      <c r="C65168" s="14" t="s">
        <v>17</v>
      </c>
      <c r="D65168" s="14" t="s">
        <v>14</v>
      </c>
      <c r="E65168" s="15">
        <v>45574</v>
      </c>
      <c r="F65168" s="14" t="s">
        <v>15</v>
      </c>
      <c r="G65168" s="16">
        <v>0</v>
      </c>
    </row>
    <row r="65169" spans="1:7" x14ac:dyDescent="0.3">
      <c r="A65169" s="13" t="s">
        <v>348</v>
      </c>
      <c r="B65169" s="14" t="s">
        <v>1</v>
      </c>
      <c r="C65169" s="14" t="s">
        <v>17</v>
      </c>
      <c r="D65169" s="14" t="s">
        <v>14</v>
      </c>
      <c r="E65169" s="15">
        <v>45575</v>
      </c>
      <c r="F65169" s="14" t="s">
        <v>15</v>
      </c>
      <c r="G65169" s="16">
        <v>0</v>
      </c>
    </row>
    <row r="65170" spans="1:7" x14ac:dyDescent="0.3">
      <c r="A65170" s="13" t="s">
        <v>348</v>
      </c>
      <c r="B65170" s="14" t="s">
        <v>1</v>
      </c>
      <c r="C65170" s="14" t="s">
        <v>17</v>
      </c>
      <c r="D65170" s="14" t="s">
        <v>14</v>
      </c>
      <c r="E65170" s="15">
        <v>45576</v>
      </c>
      <c r="F65170" s="14" t="s">
        <v>15</v>
      </c>
      <c r="G65170" s="16">
        <v>0</v>
      </c>
    </row>
    <row r="65171" spans="1:7" x14ac:dyDescent="0.3">
      <c r="A65171" s="13" t="s">
        <v>348</v>
      </c>
      <c r="B65171" s="14" t="s">
        <v>1</v>
      </c>
      <c r="C65171" s="14" t="s">
        <v>17</v>
      </c>
      <c r="D65171" s="14" t="s">
        <v>14</v>
      </c>
      <c r="E65171" s="15">
        <v>45577</v>
      </c>
      <c r="F65171" s="14" t="s">
        <v>15</v>
      </c>
      <c r="G65171" s="16">
        <v>0</v>
      </c>
    </row>
    <row r="65172" spans="1:7" x14ac:dyDescent="0.3">
      <c r="A65172" s="13" t="s">
        <v>348</v>
      </c>
      <c r="B65172" s="14" t="s">
        <v>1</v>
      </c>
      <c r="C65172" s="14" t="s">
        <v>17</v>
      </c>
      <c r="D65172" s="14" t="s">
        <v>14</v>
      </c>
      <c r="E65172" s="15">
        <v>45578</v>
      </c>
      <c r="F65172" s="14" t="s">
        <v>15</v>
      </c>
      <c r="G65172" s="16">
        <v>0</v>
      </c>
    </row>
    <row r="65173" spans="1:7" x14ac:dyDescent="0.3">
      <c r="A65173" s="13" t="s">
        <v>348</v>
      </c>
      <c r="B65173" s="14" t="s">
        <v>1</v>
      </c>
      <c r="C65173" s="14" t="s">
        <v>17</v>
      </c>
      <c r="D65173" s="14" t="s">
        <v>14</v>
      </c>
      <c r="E65173" s="15">
        <v>45579</v>
      </c>
      <c r="F65173" s="14" t="s">
        <v>15</v>
      </c>
      <c r="G65173" s="16">
        <v>0</v>
      </c>
    </row>
    <row r="65174" spans="1:7" x14ac:dyDescent="0.3">
      <c r="A65174" s="13" t="s">
        <v>348</v>
      </c>
      <c r="B65174" s="14" t="s">
        <v>1</v>
      </c>
      <c r="C65174" s="14" t="s">
        <v>17</v>
      </c>
      <c r="D65174" s="14" t="s">
        <v>14</v>
      </c>
      <c r="E65174" s="15">
        <v>45580</v>
      </c>
      <c r="F65174" s="14" t="s">
        <v>15</v>
      </c>
      <c r="G65174" s="16">
        <v>0</v>
      </c>
    </row>
    <row r="65175" spans="1:7" x14ac:dyDescent="0.3">
      <c r="A65175" s="13" t="s">
        <v>348</v>
      </c>
      <c r="B65175" s="14" t="s">
        <v>1</v>
      </c>
      <c r="C65175" s="14" t="s">
        <v>17</v>
      </c>
      <c r="D65175" s="14" t="s">
        <v>14</v>
      </c>
      <c r="E65175" s="15">
        <v>45581</v>
      </c>
      <c r="F65175" s="14" t="s">
        <v>15</v>
      </c>
      <c r="G65175" s="16">
        <v>0</v>
      </c>
    </row>
    <row r="65176" spans="1:7" x14ac:dyDescent="0.3">
      <c r="A65176" s="13" t="s">
        <v>348</v>
      </c>
      <c r="B65176" s="14" t="s">
        <v>1</v>
      </c>
      <c r="C65176" s="14" t="s">
        <v>17</v>
      </c>
      <c r="D65176" s="14" t="s">
        <v>14</v>
      </c>
      <c r="E65176" s="15">
        <v>45582</v>
      </c>
      <c r="F65176" s="14" t="s">
        <v>15</v>
      </c>
      <c r="G65176" s="16">
        <v>0</v>
      </c>
    </row>
    <row r="65177" spans="1:7" x14ac:dyDescent="0.3">
      <c r="A65177" s="13" t="s">
        <v>348</v>
      </c>
      <c r="B65177" s="14" t="s">
        <v>1</v>
      </c>
      <c r="C65177" s="14" t="s">
        <v>17</v>
      </c>
      <c r="D65177" s="14" t="s">
        <v>14</v>
      </c>
      <c r="E65177" s="15">
        <v>45583</v>
      </c>
      <c r="F65177" s="14" t="s">
        <v>15</v>
      </c>
      <c r="G65177" s="16">
        <v>0</v>
      </c>
    </row>
    <row r="65178" spans="1:7" x14ac:dyDescent="0.3">
      <c r="A65178" s="13" t="s">
        <v>348</v>
      </c>
      <c r="B65178" s="14" t="s">
        <v>1</v>
      </c>
      <c r="C65178" s="14" t="s">
        <v>17</v>
      </c>
      <c r="D65178" s="14" t="s">
        <v>14</v>
      </c>
      <c r="E65178" s="15">
        <v>45584</v>
      </c>
      <c r="F65178" s="14" t="s">
        <v>15</v>
      </c>
      <c r="G65178" s="16">
        <v>0</v>
      </c>
    </row>
    <row r="65179" spans="1:7" x14ac:dyDescent="0.3">
      <c r="A65179" s="13" t="s">
        <v>348</v>
      </c>
      <c r="B65179" s="14" t="s">
        <v>1</v>
      </c>
      <c r="C65179" s="14" t="s">
        <v>17</v>
      </c>
      <c r="D65179" s="14" t="s">
        <v>14</v>
      </c>
      <c r="E65179" s="15">
        <v>45585</v>
      </c>
      <c r="F65179" s="14" t="s">
        <v>15</v>
      </c>
      <c r="G65179" s="16">
        <v>0</v>
      </c>
    </row>
    <row r="65180" spans="1:7" x14ac:dyDescent="0.3">
      <c r="A65180" s="13" t="s">
        <v>348</v>
      </c>
      <c r="B65180" s="14" t="s">
        <v>1</v>
      </c>
      <c r="C65180" s="14" t="s">
        <v>17</v>
      </c>
      <c r="D65180" s="14" t="s">
        <v>14</v>
      </c>
      <c r="E65180" s="15">
        <v>45586</v>
      </c>
      <c r="F65180" s="14" t="s">
        <v>15</v>
      </c>
      <c r="G65180" s="16">
        <v>0</v>
      </c>
    </row>
    <row r="65181" spans="1:7" x14ac:dyDescent="0.3">
      <c r="A65181" s="13" t="s">
        <v>348</v>
      </c>
      <c r="B65181" s="14" t="s">
        <v>1</v>
      </c>
      <c r="C65181" s="14" t="s">
        <v>17</v>
      </c>
      <c r="D65181" s="14" t="s">
        <v>14</v>
      </c>
      <c r="E65181" s="15">
        <v>45587</v>
      </c>
      <c r="F65181" s="14" t="s">
        <v>15</v>
      </c>
      <c r="G65181" s="16">
        <v>0</v>
      </c>
    </row>
    <row r="65182" spans="1:7" x14ac:dyDescent="0.3">
      <c r="A65182" s="13" t="s">
        <v>348</v>
      </c>
      <c r="B65182" s="14" t="s">
        <v>1</v>
      </c>
      <c r="C65182" s="14" t="s">
        <v>17</v>
      </c>
      <c r="D65182" s="14" t="s">
        <v>14</v>
      </c>
      <c r="E65182" s="15">
        <v>45588</v>
      </c>
      <c r="F65182" s="14" t="s">
        <v>15</v>
      </c>
      <c r="G65182" s="16">
        <v>0</v>
      </c>
    </row>
    <row r="65183" spans="1:7" x14ac:dyDescent="0.3">
      <c r="A65183" s="13" t="s">
        <v>348</v>
      </c>
      <c r="B65183" s="14" t="s">
        <v>1</v>
      </c>
      <c r="C65183" s="14" t="s">
        <v>17</v>
      </c>
      <c r="D65183" s="14" t="s">
        <v>14</v>
      </c>
      <c r="E65183" s="15">
        <v>45589</v>
      </c>
      <c r="F65183" s="14" t="s">
        <v>15</v>
      </c>
      <c r="G65183" s="16">
        <v>0</v>
      </c>
    </row>
    <row r="65184" spans="1:7" x14ac:dyDescent="0.3">
      <c r="A65184" s="13" t="s">
        <v>348</v>
      </c>
      <c r="B65184" s="14" t="s">
        <v>1</v>
      </c>
      <c r="C65184" s="14" t="s">
        <v>17</v>
      </c>
      <c r="D65184" s="14" t="s">
        <v>14</v>
      </c>
      <c r="E65184" s="15">
        <v>45590</v>
      </c>
      <c r="F65184" s="14" t="s">
        <v>15</v>
      </c>
      <c r="G65184" s="16">
        <v>0</v>
      </c>
    </row>
    <row r="65185" spans="1:7" x14ac:dyDescent="0.3">
      <c r="A65185" s="13" t="s">
        <v>348</v>
      </c>
      <c r="B65185" s="14" t="s">
        <v>1</v>
      </c>
      <c r="C65185" s="14" t="s">
        <v>17</v>
      </c>
      <c r="D65185" s="14" t="s">
        <v>14</v>
      </c>
      <c r="E65185" s="15">
        <v>45591</v>
      </c>
      <c r="F65185" s="14" t="s">
        <v>15</v>
      </c>
      <c r="G65185" s="16">
        <v>0</v>
      </c>
    </row>
    <row r="65186" spans="1:7" x14ac:dyDescent="0.3">
      <c r="A65186" s="13" t="s">
        <v>348</v>
      </c>
      <c r="B65186" s="14" t="s">
        <v>1</v>
      </c>
      <c r="C65186" s="14" t="s">
        <v>17</v>
      </c>
      <c r="D65186" s="14" t="s">
        <v>14</v>
      </c>
      <c r="E65186" s="15">
        <v>45592</v>
      </c>
      <c r="F65186" s="14" t="s">
        <v>15</v>
      </c>
      <c r="G65186" s="16">
        <v>0</v>
      </c>
    </row>
    <row r="65187" spans="1:7" x14ac:dyDescent="0.3">
      <c r="A65187" s="13" t="s">
        <v>348</v>
      </c>
      <c r="B65187" s="14" t="s">
        <v>1</v>
      </c>
      <c r="C65187" s="14" t="s">
        <v>17</v>
      </c>
      <c r="D65187" s="14" t="s">
        <v>14</v>
      </c>
      <c r="E65187" s="15">
        <v>45593</v>
      </c>
      <c r="F65187" s="14" t="s">
        <v>15</v>
      </c>
      <c r="G65187" s="16">
        <v>0</v>
      </c>
    </row>
    <row r="65188" spans="1:7" x14ac:dyDescent="0.3">
      <c r="A65188" s="13" t="s">
        <v>348</v>
      </c>
      <c r="B65188" s="14" t="s">
        <v>1</v>
      </c>
      <c r="C65188" s="14" t="s">
        <v>17</v>
      </c>
      <c r="D65188" s="14" t="s">
        <v>14</v>
      </c>
      <c r="E65188" s="15">
        <v>45594</v>
      </c>
      <c r="F65188" s="14" t="s">
        <v>15</v>
      </c>
      <c r="G65188" s="16">
        <v>0</v>
      </c>
    </row>
    <row r="65189" spans="1:7" x14ac:dyDescent="0.3">
      <c r="A65189" s="13" t="s">
        <v>348</v>
      </c>
      <c r="B65189" s="14" t="s">
        <v>1</v>
      </c>
      <c r="C65189" s="14" t="s">
        <v>17</v>
      </c>
      <c r="D65189" s="14" t="s">
        <v>14</v>
      </c>
      <c r="E65189" s="15">
        <v>45595</v>
      </c>
      <c r="F65189" s="14" t="s">
        <v>15</v>
      </c>
      <c r="G65189" s="16">
        <v>0</v>
      </c>
    </row>
    <row r="65190" spans="1:7" x14ac:dyDescent="0.3">
      <c r="A65190" s="13" t="s">
        <v>348</v>
      </c>
      <c r="B65190" s="14" t="s">
        <v>1</v>
      </c>
      <c r="C65190" s="14" t="s">
        <v>17</v>
      </c>
      <c r="D65190" s="14" t="s">
        <v>14</v>
      </c>
      <c r="E65190" s="15">
        <v>45596</v>
      </c>
      <c r="F65190" s="14" t="s">
        <v>15</v>
      </c>
      <c r="G65190" s="16">
        <v>0</v>
      </c>
    </row>
    <row r="65191" spans="1:7" x14ac:dyDescent="0.3">
      <c r="A65191" s="13" t="s">
        <v>348</v>
      </c>
      <c r="B65191" s="14" t="s">
        <v>1</v>
      </c>
      <c r="C65191" s="14" t="s">
        <v>17</v>
      </c>
      <c r="D65191" s="14" t="s">
        <v>14</v>
      </c>
      <c r="E65191" s="15">
        <v>45597</v>
      </c>
      <c r="F65191" s="14" t="s">
        <v>15</v>
      </c>
      <c r="G65191" s="16">
        <v>0</v>
      </c>
    </row>
    <row r="65192" spans="1:7" x14ac:dyDescent="0.3">
      <c r="A65192" s="13" t="s">
        <v>348</v>
      </c>
      <c r="B65192" s="14" t="s">
        <v>1</v>
      </c>
      <c r="C65192" s="14" t="s">
        <v>17</v>
      </c>
      <c r="D65192" s="14" t="s">
        <v>14</v>
      </c>
      <c r="E65192" s="15">
        <v>45598</v>
      </c>
      <c r="F65192" s="14" t="s">
        <v>15</v>
      </c>
      <c r="G65192" s="16">
        <v>0</v>
      </c>
    </row>
    <row r="65193" spans="1:7" x14ac:dyDescent="0.3">
      <c r="A65193" s="13" t="s">
        <v>348</v>
      </c>
      <c r="B65193" s="14" t="s">
        <v>1</v>
      </c>
      <c r="C65193" s="14" t="s">
        <v>17</v>
      </c>
      <c r="D65193" s="14" t="s">
        <v>14</v>
      </c>
      <c r="E65193" s="15">
        <v>45599</v>
      </c>
      <c r="F65193" s="14" t="s">
        <v>15</v>
      </c>
      <c r="G65193" s="16">
        <v>0</v>
      </c>
    </row>
    <row r="65194" spans="1:7" x14ac:dyDescent="0.3">
      <c r="A65194" s="13" t="s">
        <v>348</v>
      </c>
      <c r="B65194" s="14" t="s">
        <v>1</v>
      </c>
      <c r="C65194" s="14" t="s">
        <v>17</v>
      </c>
      <c r="D65194" s="14" t="s">
        <v>14</v>
      </c>
      <c r="E65194" s="15">
        <v>45600</v>
      </c>
      <c r="F65194" s="14" t="s">
        <v>15</v>
      </c>
      <c r="G65194" s="16">
        <v>0</v>
      </c>
    </row>
    <row r="65195" spans="1:7" x14ac:dyDescent="0.3">
      <c r="A65195" s="13" t="s">
        <v>348</v>
      </c>
      <c r="B65195" s="14" t="s">
        <v>1</v>
      </c>
      <c r="C65195" s="14" t="s">
        <v>17</v>
      </c>
      <c r="D65195" s="14" t="s">
        <v>14</v>
      </c>
      <c r="E65195" s="15">
        <v>45601</v>
      </c>
      <c r="F65195" s="14" t="s">
        <v>15</v>
      </c>
      <c r="G65195" s="16">
        <v>0</v>
      </c>
    </row>
    <row r="65196" spans="1:7" x14ac:dyDescent="0.3">
      <c r="A65196" s="13" t="s">
        <v>348</v>
      </c>
      <c r="B65196" s="14" t="s">
        <v>1</v>
      </c>
      <c r="C65196" s="14" t="s">
        <v>17</v>
      </c>
      <c r="D65196" s="14" t="s">
        <v>14</v>
      </c>
      <c r="E65196" s="15">
        <v>45602</v>
      </c>
      <c r="F65196" s="14" t="s">
        <v>15</v>
      </c>
      <c r="G65196" s="16">
        <v>0</v>
      </c>
    </row>
    <row r="65197" spans="1:7" x14ac:dyDescent="0.3">
      <c r="A65197" s="13" t="s">
        <v>348</v>
      </c>
      <c r="B65197" s="14" t="s">
        <v>1</v>
      </c>
      <c r="C65197" s="14" t="s">
        <v>17</v>
      </c>
      <c r="D65197" s="14" t="s">
        <v>14</v>
      </c>
      <c r="E65197" s="15">
        <v>45603</v>
      </c>
      <c r="F65197" s="14" t="s">
        <v>15</v>
      </c>
      <c r="G65197" s="16">
        <v>0</v>
      </c>
    </row>
    <row r="65198" spans="1:7" x14ac:dyDescent="0.3">
      <c r="A65198" s="13" t="s">
        <v>348</v>
      </c>
      <c r="B65198" s="14" t="s">
        <v>1</v>
      </c>
      <c r="C65198" s="14" t="s">
        <v>17</v>
      </c>
      <c r="D65198" s="14" t="s">
        <v>14</v>
      </c>
      <c r="E65198" s="15">
        <v>45604</v>
      </c>
      <c r="F65198" s="14" t="s">
        <v>15</v>
      </c>
      <c r="G65198" s="16">
        <v>0</v>
      </c>
    </row>
    <row r="65199" spans="1:7" x14ac:dyDescent="0.3">
      <c r="A65199" s="13" t="s">
        <v>348</v>
      </c>
      <c r="B65199" s="14" t="s">
        <v>1</v>
      </c>
      <c r="C65199" s="14" t="s">
        <v>17</v>
      </c>
      <c r="D65199" s="14" t="s">
        <v>14</v>
      </c>
      <c r="E65199" s="15">
        <v>45605</v>
      </c>
      <c r="F65199" s="14" t="s">
        <v>15</v>
      </c>
      <c r="G65199" s="16">
        <v>0</v>
      </c>
    </row>
    <row r="65200" spans="1:7" x14ac:dyDescent="0.3">
      <c r="A65200" s="13" t="s">
        <v>348</v>
      </c>
      <c r="B65200" s="14" t="s">
        <v>1</v>
      </c>
      <c r="C65200" s="14" t="s">
        <v>17</v>
      </c>
      <c r="D65200" s="14" t="s">
        <v>14</v>
      </c>
      <c r="E65200" s="15">
        <v>45606</v>
      </c>
      <c r="F65200" s="14" t="s">
        <v>15</v>
      </c>
      <c r="G65200" s="16">
        <v>0</v>
      </c>
    </row>
    <row r="65201" spans="1:7" x14ac:dyDescent="0.3">
      <c r="A65201" s="13" t="s">
        <v>348</v>
      </c>
      <c r="B65201" s="14" t="s">
        <v>1</v>
      </c>
      <c r="C65201" s="14" t="s">
        <v>17</v>
      </c>
      <c r="D65201" s="14" t="s">
        <v>14</v>
      </c>
      <c r="E65201" s="15">
        <v>45607</v>
      </c>
      <c r="F65201" s="14" t="s">
        <v>15</v>
      </c>
      <c r="G65201" s="16">
        <v>0</v>
      </c>
    </row>
    <row r="65202" spans="1:7" x14ac:dyDescent="0.3">
      <c r="A65202" s="13" t="s">
        <v>348</v>
      </c>
      <c r="B65202" s="14" t="s">
        <v>1</v>
      </c>
      <c r="C65202" s="14" t="s">
        <v>17</v>
      </c>
      <c r="D65202" s="14" t="s">
        <v>14</v>
      </c>
      <c r="E65202" s="15">
        <v>45608</v>
      </c>
      <c r="F65202" s="14" t="s">
        <v>15</v>
      </c>
      <c r="G65202" s="16">
        <v>0</v>
      </c>
    </row>
    <row r="65203" spans="1:7" x14ac:dyDescent="0.3">
      <c r="A65203" s="13" t="s">
        <v>348</v>
      </c>
      <c r="B65203" s="14" t="s">
        <v>1</v>
      </c>
      <c r="C65203" s="14" t="s">
        <v>17</v>
      </c>
      <c r="D65203" s="14" t="s">
        <v>14</v>
      </c>
      <c r="E65203" s="15">
        <v>45609</v>
      </c>
      <c r="F65203" s="14" t="s">
        <v>15</v>
      </c>
      <c r="G65203" s="16">
        <v>0</v>
      </c>
    </row>
    <row r="65204" spans="1:7" x14ac:dyDescent="0.3">
      <c r="A65204" s="13" t="s">
        <v>348</v>
      </c>
      <c r="B65204" s="14" t="s">
        <v>1</v>
      </c>
      <c r="C65204" s="14" t="s">
        <v>17</v>
      </c>
      <c r="D65204" s="14" t="s">
        <v>14</v>
      </c>
      <c r="E65204" s="15">
        <v>45610</v>
      </c>
      <c r="F65204" s="14" t="s">
        <v>15</v>
      </c>
      <c r="G65204" s="16">
        <v>0</v>
      </c>
    </row>
    <row r="65205" spans="1:7" x14ac:dyDescent="0.3">
      <c r="A65205" s="13" t="s">
        <v>348</v>
      </c>
      <c r="B65205" s="14" t="s">
        <v>1</v>
      </c>
      <c r="C65205" s="14" t="s">
        <v>17</v>
      </c>
      <c r="D65205" s="14" t="s">
        <v>14</v>
      </c>
      <c r="E65205" s="15">
        <v>45611</v>
      </c>
      <c r="F65205" s="14" t="s">
        <v>15</v>
      </c>
      <c r="G65205" s="16">
        <v>0</v>
      </c>
    </row>
    <row r="65206" spans="1:7" x14ac:dyDescent="0.3">
      <c r="A65206" s="13" t="s">
        <v>348</v>
      </c>
      <c r="B65206" s="14" t="s">
        <v>1</v>
      </c>
      <c r="C65206" s="14" t="s">
        <v>17</v>
      </c>
      <c r="D65206" s="14" t="s">
        <v>14</v>
      </c>
      <c r="E65206" s="15">
        <v>45612</v>
      </c>
      <c r="F65206" s="14" t="s">
        <v>15</v>
      </c>
      <c r="G65206" s="16">
        <v>0</v>
      </c>
    </row>
    <row r="65207" spans="1:7" x14ac:dyDescent="0.3">
      <c r="A65207" s="13" t="s">
        <v>348</v>
      </c>
      <c r="B65207" s="14" t="s">
        <v>1</v>
      </c>
      <c r="C65207" s="14" t="s">
        <v>17</v>
      </c>
      <c r="D65207" s="14" t="s">
        <v>14</v>
      </c>
      <c r="E65207" s="15">
        <v>45613</v>
      </c>
      <c r="F65207" s="14" t="s">
        <v>15</v>
      </c>
      <c r="G65207" s="16">
        <v>0</v>
      </c>
    </row>
    <row r="65208" spans="1:7" x14ac:dyDescent="0.3">
      <c r="A65208" s="13" t="s">
        <v>348</v>
      </c>
      <c r="B65208" s="14" t="s">
        <v>1</v>
      </c>
      <c r="C65208" s="14" t="s">
        <v>17</v>
      </c>
      <c r="D65208" s="14" t="s">
        <v>14</v>
      </c>
      <c r="E65208" s="15">
        <v>45614</v>
      </c>
      <c r="F65208" s="14" t="s">
        <v>15</v>
      </c>
      <c r="G65208" s="16">
        <v>0</v>
      </c>
    </row>
    <row r="65209" spans="1:7" x14ac:dyDescent="0.3">
      <c r="A65209" s="13" t="s">
        <v>348</v>
      </c>
      <c r="B65209" s="14" t="s">
        <v>1</v>
      </c>
      <c r="C65209" s="14" t="s">
        <v>17</v>
      </c>
      <c r="D65209" s="14" t="s">
        <v>14</v>
      </c>
      <c r="E65209" s="15">
        <v>45615</v>
      </c>
      <c r="F65209" s="14" t="s">
        <v>15</v>
      </c>
      <c r="G65209" s="16">
        <v>0</v>
      </c>
    </row>
    <row r="65210" spans="1:7" x14ac:dyDescent="0.3">
      <c r="A65210" s="13" t="s">
        <v>348</v>
      </c>
      <c r="B65210" s="14" t="s">
        <v>1</v>
      </c>
      <c r="C65210" s="14" t="s">
        <v>17</v>
      </c>
      <c r="D65210" s="14" t="s">
        <v>14</v>
      </c>
      <c r="E65210" s="15">
        <v>45616</v>
      </c>
      <c r="F65210" s="14" t="s">
        <v>15</v>
      </c>
      <c r="G65210" s="16">
        <v>0</v>
      </c>
    </row>
    <row r="65211" spans="1:7" x14ac:dyDescent="0.3">
      <c r="A65211" s="13" t="s">
        <v>348</v>
      </c>
      <c r="B65211" s="14" t="s">
        <v>1</v>
      </c>
      <c r="C65211" s="14" t="s">
        <v>17</v>
      </c>
      <c r="D65211" s="14" t="s">
        <v>14</v>
      </c>
      <c r="E65211" s="15">
        <v>45617</v>
      </c>
      <c r="F65211" s="14" t="s">
        <v>15</v>
      </c>
      <c r="G65211" s="16">
        <v>0</v>
      </c>
    </row>
    <row r="65212" spans="1:7" x14ac:dyDescent="0.3">
      <c r="A65212" s="13" t="s">
        <v>348</v>
      </c>
      <c r="B65212" s="14" t="s">
        <v>1</v>
      </c>
      <c r="C65212" s="14" t="s">
        <v>17</v>
      </c>
      <c r="D65212" s="14" t="s">
        <v>14</v>
      </c>
      <c r="E65212" s="15">
        <v>45618</v>
      </c>
      <c r="F65212" s="14" t="s">
        <v>15</v>
      </c>
      <c r="G65212" s="16">
        <v>0</v>
      </c>
    </row>
    <row r="65213" spans="1:7" x14ac:dyDescent="0.3">
      <c r="A65213" s="13" t="s">
        <v>348</v>
      </c>
      <c r="B65213" s="14" t="s">
        <v>1</v>
      </c>
      <c r="C65213" s="14" t="s">
        <v>17</v>
      </c>
      <c r="D65213" s="14" t="s">
        <v>14</v>
      </c>
      <c r="E65213" s="15">
        <v>45619</v>
      </c>
      <c r="F65213" s="14" t="s">
        <v>15</v>
      </c>
      <c r="G65213" s="16">
        <v>0</v>
      </c>
    </row>
    <row r="65214" spans="1:7" x14ac:dyDescent="0.3">
      <c r="A65214" s="13" t="s">
        <v>348</v>
      </c>
      <c r="B65214" s="14" t="s">
        <v>1</v>
      </c>
      <c r="C65214" s="14" t="s">
        <v>17</v>
      </c>
      <c r="D65214" s="14" t="s">
        <v>14</v>
      </c>
      <c r="E65214" s="15">
        <v>45620</v>
      </c>
      <c r="F65214" s="14" t="s">
        <v>15</v>
      </c>
      <c r="G65214" s="16">
        <v>0</v>
      </c>
    </row>
    <row r="65215" spans="1:7" x14ac:dyDescent="0.3">
      <c r="A65215" s="13" t="s">
        <v>348</v>
      </c>
      <c r="B65215" s="14" t="s">
        <v>1</v>
      </c>
      <c r="C65215" s="14" t="s">
        <v>17</v>
      </c>
      <c r="D65215" s="14" t="s">
        <v>14</v>
      </c>
      <c r="E65215" s="15">
        <v>45621</v>
      </c>
      <c r="F65215" s="14" t="s">
        <v>15</v>
      </c>
      <c r="G65215" s="16">
        <v>0</v>
      </c>
    </row>
    <row r="65216" spans="1:7" x14ac:dyDescent="0.3">
      <c r="A65216" s="13" t="s">
        <v>348</v>
      </c>
      <c r="B65216" s="14" t="s">
        <v>1</v>
      </c>
      <c r="C65216" s="14" t="s">
        <v>17</v>
      </c>
      <c r="D65216" s="14" t="s">
        <v>14</v>
      </c>
      <c r="E65216" s="15">
        <v>45622</v>
      </c>
      <c r="F65216" s="14" t="s">
        <v>15</v>
      </c>
      <c r="G65216" s="16">
        <v>0</v>
      </c>
    </row>
    <row r="65217" spans="1:7" x14ac:dyDescent="0.3">
      <c r="A65217" s="13" t="s">
        <v>348</v>
      </c>
      <c r="B65217" s="14" t="s">
        <v>1</v>
      </c>
      <c r="C65217" s="14" t="s">
        <v>17</v>
      </c>
      <c r="D65217" s="14" t="s">
        <v>14</v>
      </c>
      <c r="E65217" s="15">
        <v>45623</v>
      </c>
      <c r="F65217" s="14" t="s">
        <v>15</v>
      </c>
      <c r="G65217" s="16">
        <v>0</v>
      </c>
    </row>
    <row r="65218" spans="1:7" x14ac:dyDescent="0.3">
      <c r="A65218" s="13" t="s">
        <v>348</v>
      </c>
      <c r="B65218" s="14" t="s">
        <v>1</v>
      </c>
      <c r="C65218" s="14" t="s">
        <v>17</v>
      </c>
      <c r="D65218" s="14" t="s">
        <v>14</v>
      </c>
      <c r="E65218" s="15">
        <v>45624</v>
      </c>
      <c r="F65218" s="14" t="s">
        <v>15</v>
      </c>
      <c r="G65218" s="16">
        <v>0</v>
      </c>
    </row>
    <row r="65219" spans="1:7" x14ac:dyDescent="0.3">
      <c r="A65219" s="13" t="s">
        <v>348</v>
      </c>
      <c r="B65219" s="14" t="s">
        <v>1</v>
      </c>
      <c r="C65219" s="14" t="s">
        <v>17</v>
      </c>
      <c r="D65219" s="14" t="s">
        <v>14</v>
      </c>
      <c r="E65219" s="15">
        <v>45625</v>
      </c>
      <c r="F65219" s="14" t="s">
        <v>15</v>
      </c>
      <c r="G65219" s="16">
        <v>0</v>
      </c>
    </row>
    <row r="65220" spans="1:7" x14ac:dyDescent="0.3">
      <c r="A65220" s="13" t="s">
        <v>348</v>
      </c>
      <c r="B65220" s="14" t="s">
        <v>1</v>
      </c>
      <c r="C65220" s="14" t="s">
        <v>17</v>
      </c>
      <c r="D65220" s="14" t="s">
        <v>14</v>
      </c>
      <c r="E65220" s="15">
        <v>45626</v>
      </c>
      <c r="F65220" s="14" t="s">
        <v>15</v>
      </c>
      <c r="G65220" s="16">
        <v>0</v>
      </c>
    </row>
    <row r="65221" spans="1:7" x14ac:dyDescent="0.3">
      <c r="A65221" s="13" t="s">
        <v>348</v>
      </c>
      <c r="B65221" s="14" t="s">
        <v>1</v>
      </c>
      <c r="C65221" s="14" t="s">
        <v>17</v>
      </c>
      <c r="D65221" s="14" t="s">
        <v>14</v>
      </c>
      <c r="E65221" s="15">
        <v>45627</v>
      </c>
      <c r="F65221" s="14" t="s">
        <v>15</v>
      </c>
      <c r="G65221" s="16">
        <v>0</v>
      </c>
    </row>
    <row r="65222" spans="1:7" x14ac:dyDescent="0.3">
      <c r="A65222" s="13" t="s">
        <v>348</v>
      </c>
      <c r="B65222" s="14" t="s">
        <v>1</v>
      </c>
      <c r="C65222" s="14" t="s">
        <v>17</v>
      </c>
      <c r="D65222" s="14" t="s">
        <v>14</v>
      </c>
      <c r="E65222" s="15">
        <v>45628</v>
      </c>
      <c r="F65222" s="14" t="s">
        <v>15</v>
      </c>
      <c r="G65222" s="16">
        <v>0</v>
      </c>
    </row>
    <row r="65223" spans="1:7" x14ac:dyDescent="0.3">
      <c r="A65223" s="13" t="s">
        <v>348</v>
      </c>
      <c r="B65223" s="14" t="s">
        <v>1</v>
      </c>
      <c r="C65223" s="14" t="s">
        <v>17</v>
      </c>
      <c r="D65223" s="14" t="s">
        <v>14</v>
      </c>
      <c r="E65223" s="15">
        <v>45629</v>
      </c>
      <c r="F65223" s="14" t="s">
        <v>15</v>
      </c>
      <c r="G65223" s="16">
        <v>0</v>
      </c>
    </row>
    <row r="65224" spans="1:7" x14ac:dyDescent="0.3">
      <c r="A65224" s="13" t="s">
        <v>348</v>
      </c>
      <c r="B65224" s="14" t="s">
        <v>1</v>
      </c>
      <c r="C65224" s="14" t="s">
        <v>17</v>
      </c>
      <c r="D65224" s="14" t="s">
        <v>14</v>
      </c>
      <c r="E65224" s="15">
        <v>45630</v>
      </c>
      <c r="F65224" s="14" t="s">
        <v>15</v>
      </c>
      <c r="G65224" s="16">
        <v>0</v>
      </c>
    </row>
    <row r="65225" spans="1:7" x14ac:dyDescent="0.3">
      <c r="A65225" s="13" t="s">
        <v>348</v>
      </c>
      <c r="B65225" s="14" t="s">
        <v>1</v>
      </c>
      <c r="C65225" s="14" t="s">
        <v>17</v>
      </c>
      <c r="D65225" s="14" t="s">
        <v>14</v>
      </c>
      <c r="E65225" s="15">
        <v>45631</v>
      </c>
      <c r="F65225" s="14" t="s">
        <v>15</v>
      </c>
      <c r="G65225" s="16">
        <v>0</v>
      </c>
    </row>
    <row r="65226" spans="1:7" x14ac:dyDescent="0.3">
      <c r="A65226" s="13" t="s">
        <v>348</v>
      </c>
      <c r="B65226" s="14" t="s">
        <v>1</v>
      </c>
      <c r="C65226" s="14" t="s">
        <v>17</v>
      </c>
      <c r="D65226" s="14" t="s">
        <v>14</v>
      </c>
      <c r="E65226" s="15">
        <v>45632</v>
      </c>
      <c r="F65226" s="14" t="s">
        <v>15</v>
      </c>
      <c r="G65226" s="16">
        <v>0</v>
      </c>
    </row>
    <row r="65227" spans="1:7" x14ac:dyDescent="0.3">
      <c r="A65227" s="13" t="s">
        <v>348</v>
      </c>
      <c r="B65227" s="14" t="s">
        <v>1</v>
      </c>
      <c r="C65227" s="14" t="s">
        <v>17</v>
      </c>
      <c r="D65227" s="14" t="s">
        <v>14</v>
      </c>
      <c r="E65227" s="15">
        <v>45633</v>
      </c>
      <c r="F65227" s="14" t="s">
        <v>15</v>
      </c>
      <c r="G65227" s="16">
        <v>0</v>
      </c>
    </row>
    <row r="65228" spans="1:7" x14ac:dyDescent="0.3">
      <c r="A65228" s="13" t="s">
        <v>348</v>
      </c>
      <c r="B65228" s="14" t="s">
        <v>1</v>
      </c>
      <c r="C65228" s="14" t="s">
        <v>17</v>
      </c>
      <c r="D65228" s="14" t="s">
        <v>14</v>
      </c>
      <c r="E65228" s="15">
        <v>45634</v>
      </c>
      <c r="F65228" s="14" t="s">
        <v>15</v>
      </c>
      <c r="G65228" s="16">
        <v>0</v>
      </c>
    </row>
    <row r="65229" spans="1:7" x14ac:dyDescent="0.3">
      <c r="A65229" s="13" t="s">
        <v>348</v>
      </c>
      <c r="B65229" s="14" t="s">
        <v>1</v>
      </c>
      <c r="C65229" s="14" t="s">
        <v>17</v>
      </c>
      <c r="D65229" s="14" t="s">
        <v>14</v>
      </c>
      <c r="E65229" s="15">
        <v>45635</v>
      </c>
      <c r="F65229" s="14" t="s">
        <v>15</v>
      </c>
      <c r="G65229" s="16">
        <v>0</v>
      </c>
    </row>
    <row r="65230" spans="1:7" x14ac:dyDescent="0.3">
      <c r="A65230" s="13" t="s">
        <v>348</v>
      </c>
      <c r="B65230" s="14" t="s">
        <v>1</v>
      </c>
      <c r="C65230" s="14" t="s">
        <v>17</v>
      </c>
      <c r="D65230" s="14" t="s">
        <v>14</v>
      </c>
      <c r="E65230" s="15">
        <v>45636</v>
      </c>
      <c r="F65230" s="14" t="s">
        <v>15</v>
      </c>
      <c r="G65230" s="16">
        <v>0</v>
      </c>
    </row>
    <row r="65231" spans="1:7" x14ac:dyDescent="0.3">
      <c r="A65231" s="13" t="s">
        <v>348</v>
      </c>
      <c r="B65231" s="14" t="s">
        <v>1</v>
      </c>
      <c r="C65231" s="14" t="s">
        <v>17</v>
      </c>
      <c r="D65231" s="14" t="s">
        <v>14</v>
      </c>
      <c r="E65231" s="15">
        <v>45637</v>
      </c>
      <c r="F65231" s="14" t="s">
        <v>15</v>
      </c>
      <c r="G65231" s="16">
        <v>0</v>
      </c>
    </row>
    <row r="65232" spans="1:7" x14ac:dyDescent="0.3">
      <c r="A65232" s="13" t="s">
        <v>348</v>
      </c>
      <c r="B65232" s="14" t="s">
        <v>1</v>
      </c>
      <c r="C65232" s="14" t="s">
        <v>17</v>
      </c>
      <c r="D65232" s="14" t="s">
        <v>14</v>
      </c>
      <c r="E65232" s="15">
        <v>45638</v>
      </c>
      <c r="F65232" s="14" t="s">
        <v>15</v>
      </c>
      <c r="G65232" s="16">
        <v>0</v>
      </c>
    </row>
    <row r="65233" spans="1:7" x14ac:dyDescent="0.3">
      <c r="A65233" s="13" t="s">
        <v>348</v>
      </c>
      <c r="B65233" s="14" t="s">
        <v>1</v>
      </c>
      <c r="C65233" s="14" t="s">
        <v>17</v>
      </c>
      <c r="D65233" s="14" t="s">
        <v>14</v>
      </c>
      <c r="E65233" s="15">
        <v>45639</v>
      </c>
      <c r="F65233" s="14" t="s">
        <v>15</v>
      </c>
      <c r="G65233" s="16">
        <v>0</v>
      </c>
    </row>
    <row r="65234" spans="1:7" x14ac:dyDescent="0.3">
      <c r="A65234" s="13" t="s">
        <v>348</v>
      </c>
      <c r="B65234" s="14" t="s">
        <v>1</v>
      </c>
      <c r="C65234" s="14" t="s">
        <v>17</v>
      </c>
      <c r="D65234" s="14" t="s">
        <v>14</v>
      </c>
      <c r="E65234" s="15">
        <v>45640</v>
      </c>
      <c r="F65234" s="14" t="s">
        <v>15</v>
      </c>
      <c r="G65234" s="16">
        <v>0</v>
      </c>
    </row>
    <row r="65235" spans="1:7" x14ac:dyDescent="0.3">
      <c r="A65235" s="13" t="s">
        <v>348</v>
      </c>
      <c r="B65235" s="14" t="s">
        <v>1</v>
      </c>
      <c r="C65235" s="14" t="s">
        <v>17</v>
      </c>
      <c r="D65235" s="14" t="s">
        <v>14</v>
      </c>
      <c r="E65235" s="15">
        <v>45641</v>
      </c>
      <c r="F65235" s="14" t="s">
        <v>15</v>
      </c>
      <c r="G65235" s="16">
        <v>0</v>
      </c>
    </row>
    <row r="65236" spans="1:7" x14ac:dyDescent="0.3">
      <c r="A65236" s="13" t="s">
        <v>348</v>
      </c>
      <c r="B65236" s="14" t="s">
        <v>1</v>
      </c>
      <c r="C65236" s="14" t="s">
        <v>17</v>
      </c>
      <c r="D65236" s="14" t="s">
        <v>14</v>
      </c>
      <c r="E65236" s="15">
        <v>45642</v>
      </c>
      <c r="F65236" s="14" t="s">
        <v>15</v>
      </c>
      <c r="G65236" s="16">
        <v>0</v>
      </c>
    </row>
    <row r="65237" spans="1:7" x14ac:dyDescent="0.3">
      <c r="A65237" s="13" t="s">
        <v>348</v>
      </c>
      <c r="B65237" s="14" t="s">
        <v>1</v>
      </c>
      <c r="C65237" s="14" t="s">
        <v>17</v>
      </c>
      <c r="D65237" s="14" t="s">
        <v>14</v>
      </c>
      <c r="E65237" s="15">
        <v>45643</v>
      </c>
      <c r="F65237" s="14" t="s">
        <v>15</v>
      </c>
      <c r="G65237" s="16">
        <v>0</v>
      </c>
    </row>
    <row r="65238" spans="1:7" x14ac:dyDescent="0.3">
      <c r="A65238" s="13" t="s">
        <v>348</v>
      </c>
      <c r="B65238" s="14" t="s">
        <v>1</v>
      </c>
      <c r="C65238" s="14" t="s">
        <v>17</v>
      </c>
      <c r="D65238" s="14" t="s">
        <v>14</v>
      </c>
      <c r="E65238" s="15">
        <v>45644</v>
      </c>
      <c r="F65238" s="14" t="s">
        <v>15</v>
      </c>
      <c r="G65238" s="16">
        <v>0</v>
      </c>
    </row>
    <row r="65239" spans="1:7" x14ac:dyDescent="0.3">
      <c r="A65239" s="13" t="s">
        <v>348</v>
      </c>
      <c r="B65239" s="14" t="s">
        <v>1</v>
      </c>
      <c r="C65239" s="14" t="s">
        <v>17</v>
      </c>
      <c r="D65239" s="14" t="s">
        <v>14</v>
      </c>
      <c r="E65239" s="15">
        <v>45645</v>
      </c>
      <c r="F65239" s="14" t="s">
        <v>15</v>
      </c>
      <c r="G65239" s="16">
        <v>0</v>
      </c>
    </row>
    <row r="65240" spans="1:7" x14ac:dyDescent="0.3">
      <c r="A65240" s="13" t="s">
        <v>348</v>
      </c>
      <c r="B65240" s="14" t="s">
        <v>1</v>
      </c>
      <c r="C65240" s="14" t="s">
        <v>17</v>
      </c>
      <c r="D65240" s="14" t="s">
        <v>14</v>
      </c>
      <c r="E65240" s="15">
        <v>45646</v>
      </c>
      <c r="F65240" s="14" t="s">
        <v>15</v>
      </c>
      <c r="G65240" s="16">
        <v>0</v>
      </c>
    </row>
    <row r="65241" spans="1:7" x14ac:dyDescent="0.3">
      <c r="A65241" s="13" t="s">
        <v>348</v>
      </c>
      <c r="B65241" s="14" t="s">
        <v>1</v>
      </c>
      <c r="C65241" s="14" t="s">
        <v>17</v>
      </c>
      <c r="D65241" s="14" t="s">
        <v>14</v>
      </c>
      <c r="E65241" s="15">
        <v>45647</v>
      </c>
      <c r="F65241" s="14" t="s">
        <v>15</v>
      </c>
      <c r="G65241" s="16">
        <v>0</v>
      </c>
    </row>
    <row r="65242" spans="1:7" x14ac:dyDescent="0.3">
      <c r="A65242" s="13" t="s">
        <v>348</v>
      </c>
      <c r="B65242" s="14" t="s">
        <v>1</v>
      </c>
      <c r="C65242" s="14" t="s">
        <v>17</v>
      </c>
      <c r="D65242" s="14" t="s">
        <v>14</v>
      </c>
      <c r="E65242" s="15">
        <v>45648</v>
      </c>
      <c r="F65242" s="14" t="s">
        <v>15</v>
      </c>
      <c r="G65242" s="16">
        <v>0</v>
      </c>
    </row>
    <row r="65243" spans="1:7" x14ac:dyDescent="0.3">
      <c r="A65243" s="13" t="s">
        <v>348</v>
      </c>
      <c r="B65243" s="14" t="s">
        <v>1</v>
      </c>
      <c r="C65243" s="14" t="s">
        <v>17</v>
      </c>
      <c r="D65243" s="14" t="s">
        <v>14</v>
      </c>
      <c r="E65243" s="15">
        <v>45649</v>
      </c>
      <c r="F65243" s="14" t="s">
        <v>15</v>
      </c>
      <c r="G65243" s="16">
        <v>0</v>
      </c>
    </row>
    <row r="65244" spans="1:7" x14ac:dyDescent="0.3">
      <c r="A65244" s="13" t="s">
        <v>348</v>
      </c>
      <c r="B65244" s="14" t="s">
        <v>1</v>
      </c>
      <c r="C65244" s="14" t="s">
        <v>17</v>
      </c>
      <c r="D65244" s="14" t="s">
        <v>14</v>
      </c>
      <c r="E65244" s="15">
        <v>45650</v>
      </c>
      <c r="F65244" s="14" t="s">
        <v>15</v>
      </c>
      <c r="G65244" s="16">
        <v>0</v>
      </c>
    </row>
    <row r="65245" spans="1:7" x14ac:dyDescent="0.3">
      <c r="A65245" s="13" t="s">
        <v>348</v>
      </c>
      <c r="B65245" s="14" t="s">
        <v>1</v>
      </c>
      <c r="C65245" s="14" t="s">
        <v>17</v>
      </c>
      <c r="D65245" s="14" t="s">
        <v>14</v>
      </c>
      <c r="E65245" s="15">
        <v>45651</v>
      </c>
      <c r="F65245" s="14" t="s">
        <v>15</v>
      </c>
      <c r="G65245" s="16">
        <v>0</v>
      </c>
    </row>
    <row r="65246" spans="1:7" x14ac:dyDescent="0.3">
      <c r="A65246" s="13" t="s">
        <v>348</v>
      </c>
      <c r="B65246" s="14" t="s">
        <v>1</v>
      </c>
      <c r="C65246" s="14" t="s">
        <v>17</v>
      </c>
      <c r="D65246" s="14" t="s">
        <v>14</v>
      </c>
      <c r="E65246" s="15">
        <v>45652</v>
      </c>
      <c r="F65246" s="14" t="s">
        <v>15</v>
      </c>
      <c r="G65246" s="16">
        <v>0</v>
      </c>
    </row>
    <row r="65247" spans="1:7" x14ac:dyDescent="0.3">
      <c r="A65247" s="13" t="s">
        <v>348</v>
      </c>
      <c r="B65247" s="14" t="s">
        <v>1</v>
      </c>
      <c r="C65247" s="14" t="s">
        <v>17</v>
      </c>
      <c r="D65247" s="14" t="s">
        <v>14</v>
      </c>
      <c r="E65247" s="15">
        <v>45653</v>
      </c>
      <c r="F65247" s="14" t="s">
        <v>15</v>
      </c>
      <c r="G65247" s="16">
        <v>0</v>
      </c>
    </row>
    <row r="65248" spans="1:7" x14ac:dyDescent="0.3">
      <c r="A65248" s="13" t="s">
        <v>348</v>
      </c>
      <c r="B65248" s="14" t="s">
        <v>1</v>
      </c>
      <c r="C65248" s="14" t="s">
        <v>17</v>
      </c>
      <c r="D65248" s="14" t="s">
        <v>14</v>
      </c>
      <c r="E65248" s="15">
        <v>45654</v>
      </c>
      <c r="F65248" s="14" t="s">
        <v>15</v>
      </c>
      <c r="G65248" s="16">
        <v>0</v>
      </c>
    </row>
    <row r="65249" spans="1:7" x14ac:dyDescent="0.3">
      <c r="A65249" s="13" t="s">
        <v>348</v>
      </c>
      <c r="B65249" s="14" t="s">
        <v>1</v>
      </c>
      <c r="C65249" s="14" t="s">
        <v>17</v>
      </c>
      <c r="D65249" s="14" t="s">
        <v>14</v>
      </c>
      <c r="E65249" s="15">
        <v>45655</v>
      </c>
      <c r="F65249" s="14" t="s">
        <v>15</v>
      </c>
      <c r="G65249" s="16">
        <v>0</v>
      </c>
    </row>
    <row r="65250" spans="1:7" x14ac:dyDescent="0.3">
      <c r="A65250" s="13" t="s">
        <v>348</v>
      </c>
      <c r="B65250" s="14" t="s">
        <v>1</v>
      </c>
      <c r="C65250" s="14" t="s">
        <v>17</v>
      </c>
      <c r="D65250" s="14" t="s">
        <v>14</v>
      </c>
      <c r="E65250" s="15">
        <v>45656</v>
      </c>
      <c r="F65250" s="14" t="s">
        <v>15</v>
      </c>
      <c r="G65250" s="16">
        <v>0</v>
      </c>
    </row>
    <row r="65251" spans="1:7" x14ac:dyDescent="0.3">
      <c r="A65251" s="13" t="s">
        <v>348</v>
      </c>
      <c r="B65251" s="14" t="s">
        <v>1</v>
      </c>
      <c r="C65251" s="14" t="s">
        <v>17</v>
      </c>
      <c r="D65251" s="14" t="s">
        <v>14</v>
      </c>
      <c r="E65251" s="15">
        <v>45657</v>
      </c>
      <c r="F65251" s="14" t="s">
        <v>15</v>
      </c>
      <c r="G65251" s="16">
        <v>0</v>
      </c>
    </row>
    <row r="65252" spans="1:7" x14ac:dyDescent="0.3">
      <c r="A65252" s="13" t="s">
        <v>348</v>
      </c>
      <c r="B65252" s="14" t="s">
        <v>1</v>
      </c>
      <c r="C65252" s="14" t="s">
        <v>17</v>
      </c>
      <c r="D65252" s="14" t="s">
        <v>14</v>
      </c>
      <c r="E65252" s="15">
        <v>45658</v>
      </c>
      <c r="F65252" s="14" t="s">
        <v>15</v>
      </c>
      <c r="G65252" s="16">
        <v>0</v>
      </c>
    </row>
    <row r="65253" spans="1:7" x14ac:dyDescent="0.3">
      <c r="A65253" s="13" t="s">
        <v>348</v>
      </c>
      <c r="B65253" s="14" t="s">
        <v>1</v>
      </c>
      <c r="C65253" s="14" t="s">
        <v>17</v>
      </c>
      <c r="D65253" s="14" t="s">
        <v>14</v>
      </c>
      <c r="E65253" s="15">
        <v>45659</v>
      </c>
      <c r="F65253" s="14" t="s">
        <v>15</v>
      </c>
      <c r="G65253" s="16">
        <v>0</v>
      </c>
    </row>
    <row r="65254" spans="1:7" x14ac:dyDescent="0.3">
      <c r="A65254" s="13" t="s">
        <v>348</v>
      </c>
      <c r="B65254" s="14" t="s">
        <v>1</v>
      </c>
      <c r="C65254" s="14" t="s">
        <v>17</v>
      </c>
      <c r="D65254" s="14" t="s">
        <v>14</v>
      </c>
      <c r="E65254" s="15">
        <v>45660</v>
      </c>
      <c r="F65254" s="14" t="s">
        <v>15</v>
      </c>
      <c r="G65254" s="16">
        <v>0</v>
      </c>
    </row>
    <row r="65255" spans="1:7" x14ac:dyDescent="0.3">
      <c r="A65255" s="13" t="s">
        <v>348</v>
      </c>
      <c r="B65255" s="14" t="s">
        <v>1</v>
      </c>
      <c r="C65255" s="14" t="s">
        <v>17</v>
      </c>
      <c r="D65255" s="14" t="s">
        <v>14</v>
      </c>
      <c r="E65255" s="15">
        <v>45661</v>
      </c>
      <c r="F65255" s="14" t="s">
        <v>15</v>
      </c>
      <c r="G65255" s="16">
        <v>0</v>
      </c>
    </row>
    <row r="65256" spans="1:7" x14ac:dyDescent="0.3">
      <c r="A65256" s="13" t="s">
        <v>348</v>
      </c>
      <c r="B65256" s="14" t="s">
        <v>1</v>
      </c>
      <c r="C65256" s="14" t="s">
        <v>17</v>
      </c>
      <c r="D65256" s="14" t="s">
        <v>14</v>
      </c>
      <c r="E65256" s="15">
        <v>45662</v>
      </c>
      <c r="F65256" s="14" t="s">
        <v>15</v>
      </c>
      <c r="G65256" s="16">
        <v>0</v>
      </c>
    </row>
    <row r="65257" spans="1:7" x14ac:dyDescent="0.3">
      <c r="A65257" s="13" t="s">
        <v>348</v>
      </c>
      <c r="B65257" s="14" t="s">
        <v>1</v>
      </c>
      <c r="C65257" s="14" t="s">
        <v>17</v>
      </c>
      <c r="D65257" s="14" t="s">
        <v>14</v>
      </c>
      <c r="E65257" s="15">
        <v>45663</v>
      </c>
      <c r="F65257" s="14" t="s">
        <v>15</v>
      </c>
      <c r="G65257" s="16">
        <v>0</v>
      </c>
    </row>
    <row r="65258" spans="1:7" x14ac:dyDescent="0.3">
      <c r="A65258" s="13" t="s">
        <v>348</v>
      </c>
      <c r="B65258" s="14" t="s">
        <v>1</v>
      </c>
      <c r="C65258" s="14" t="s">
        <v>17</v>
      </c>
      <c r="D65258" s="14" t="s">
        <v>14</v>
      </c>
      <c r="E65258" s="15">
        <v>45664</v>
      </c>
      <c r="F65258" s="14" t="s">
        <v>15</v>
      </c>
      <c r="G65258" s="16">
        <v>0</v>
      </c>
    </row>
    <row r="65259" spans="1:7" x14ac:dyDescent="0.3">
      <c r="A65259" s="13" t="s">
        <v>348</v>
      </c>
      <c r="B65259" s="14" t="s">
        <v>1</v>
      </c>
      <c r="C65259" s="14" t="s">
        <v>17</v>
      </c>
      <c r="D65259" s="14" t="s">
        <v>14</v>
      </c>
      <c r="E65259" s="15">
        <v>45665</v>
      </c>
      <c r="F65259" s="14" t="s">
        <v>15</v>
      </c>
      <c r="G65259" s="16">
        <v>0</v>
      </c>
    </row>
    <row r="65260" spans="1:7" x14ac:dyDescent="0.3">
      <c r="A65260" s="13" t="s">
        <v>348</v>
      </c>
      <c r="B65260" s="14" t="s">
        <v>1</v>
      </c>
      <c r="C65260" s="14" t="s">
        <v>17</v>
      </c>
      <c r="D65260" s="14" t="s">
        <v>14</v>
      </c>
      <c r="E65260" s="15">
        <v>45666</v>
      </c>
      <c r="F65260" s="14" t="s">
        <v>15</v>
      </c>
      <c r="G65260" s="16">
        <v>0</v>
      </c>
    </row>
    <row r="65261" spans="1:7" x14ac:dyDescent="0.3">
      <c r="A65261" s="13" t="s">
        <v>348</v>
      </c>
      <c r="B65261" s="14" t="s">
        <v>1</v>
      </c>
      <c r="C65261" s="14" t="s">
        <v>17</v>
      </c>
      <c r="D65261" s="14" t="s">
        <v>14</v>
      </c>
      <c r="E65261" s="15">
        <v>45667</v>
      </c>
      <c r="F65261" s="14" t="s">
        <v>15</v>
      </c>
      <c r="G65261" s="16">
        <v>0</v>
      </c>
    </row>
    <row r="65262" spans="1:7" x14ac:dyDescent="0.3">
      <c r="A65262" s="13" t="s">
        <v>348</v>
      </c>
      <c r="B65262" s="14" t="s">
        <v>1</v>
      </c>
      <c r="C65262" s="14" t="s">
        <v>17</v>
      </c>
      <c r="D65262" s="14" t="s">
        <v>14</v>
      </c>
      <c r="E65262" s="15">
        <v>45668</v>
      </c>
      <c r="F65262" s="14" t="s">
        <v>15</v>
      </c>
      <c r="G65262" s="16">
        <v>0</v>
      </c>
    </row>
    <row r="65263" spans="1:7" x14ac:dyDescent="0.3">
      <c r="A65263" s="13" t="s">
        <v>348</v>
      </c>
      <c r="B65263" s="14" t="s">
        <v>1</v>
      </c>
      <c r="C65263" s="14" t="s">
        <v>17</v>
      </c>
      <c r="D65263" s="14" t="s">
        <v>14</v>
      </c>
      <c r="E65263" s="15">
        <v>45669</v>
      </c>
      <c r="F65263" s="14" t="s">
        <v>15</v>
      </c>
      <c r="G65263" s="16">
        <v>0</v>
      </c>
    </row>
    <row r="65264" spans="1:7" x14ac:dyDescent="0.3">
      <c r="A65264" s="13" t="s">
        <v>348</v>
      </c>
      <c r="B65264" s="14" t="s">
        <v>1</v>
      </c>
      <c r="C65264" s="14" t="s">
        <v>17</v>
      </c>
      <c r="D65264" s="14" t="s">
        <v>14</v>
      </c>
      <c r="E65264" s="15">
        <v>45670</v>
      </c>
      <c r="F65264" s="14" t="s">
        <v>15</v>
      </c>
      <c r="G65264" s="16">
        <v>0</v>
      </c>
    </row>
    <row r="65265" spans="1:7" x14ac:dyDescent="0.3">
      <c r="A65265" s="13" t="s">
        <v>348</v>
      </c>
      <c r="B65265" s="14" t="s">
        <v>1</v>
      </c>
      <c r="C65265" s="14" t="s">
        <v>17</v>
      </c>
      <c r="D65265" s="14" t="s">
        <v>14</v>
      </c>
      <c r="E65265" s="15">
        <v>45671</v>
      </c>
      <c r="F65265" s="14" t="s">
        <v>15</v>
      </c>
      <c r="G65265" s="16">
        <v>0</v>
      </c>
    </row>
    <row r="65266" spans="1:7" x14ac:dyDescent="0.3">
      <c r="A65266" s="13" t="s">
        <v>348</v>
      </c>
      <c r="B65266" s="14" t="s">
        <v>1</v>
      </c>
      <c r="C65266" s="14" t="s">
        <v>17</v>
      </c>
      <c r="D65266" s="14" t="s">
        <v>14</v>
      </c>
      <c r="E65266" s="15">
        <v>45672</v>
      </c>
      <c r="F65266" s="14" t="s">
        <v>15</v>
      </c>
      <c r="G65266" s="16">
        <v>0</v>
      </c>
    </row>
    <row r="65267" spans="1:7" x14ac:dyDescent="0.3">
      <c r="A65267" s="13" t="s">
        <v>348</v>
      </c>
      <c r="B65267" s="14" t="s">
        <v>1</v>
      </c>
      <c r="C65267" s="14" t="s">
        <v>17</v>
      </c>
      <c r="D65267" s="14" t="s">
        <v>14</v>
      </c>
      <c r="E65267" s="15">
        <v>45673</v>
      </c>
      <c r="F65267" s="14" t="s">
        <v>15</v>
      </c>
      <c r="G65267" s="16">
        <v>0</v>
      </c>
    </row>
    <row r="65268" spans="1:7" x14ac:dyDescent="0.3">
      <c r="A65268" s="13" t="s">
        <v>348</v>
      </c>
      <c r="B65268" s="14" t="s">
        <v>1</v>
      </c>
      <c r="C65268" s="14" t="s">
        <v>17</v>
      </c>
      <c r="D65268" s="14" t="s">
        <v>14</v>
      </c>
      <c r="E65268" s="15">
        <v>45674</v>
      </c>
      <c r="F65268" s="14" t="s">
        <v>15</v>
      </c>
      <c r="G65268" s="16">
        <v>0</v>
      </c>
    </row>
    <row r="65269" spans="1:7" x14ac:dyDescent="0.3">
      <c r="A65269" s="13" t="s">
        <v>348</v>
      </c>
      <c r="B65269" s="14" t="s">
        <v>1</v>
      </c>
      <c r="C65269" s="14" t="s">
        <v>17</v>
      </c>
      <c r="D65269" s="14" t="s">
        <v>14</v>
      </c>
      <c r="E65269" s="15">
        <v>45675</v>
      </c>
      <c r="F65269" s="14" t="s">
        <v>15</v>
      </c>
      <c r="G65269" s="16">
        <v>0</v>
      </c>
    </row>
    <row r="65270" spans="1:7" x14ac:dyDescent="0.3">
      <c r="A65270" s="13" t="s">
        <v>348</v>
      </c>
      <c r="B65270" s="14" t="s">
        <v>1</v>
      </c>
      <c r="C65270" s="14" t="s">
        <v>17</v>
      </c>
      <c r="D65270" s="14" t="s">
        <v>14</v>
      </c>
      <c r="E65270" s="15">
        <v>45676</v>
      </c>
      <c r="F65270" s="14" t="s">
        <v>15</v>
      </c>
      <c r="G65270" s="16">
        <v>0</v>
      </c>
    </row>
    <row r="65271" spans="1:7" x14ac:dyDescent="0.3">
      <c r="A65271" s="13" t="s">
        <v>348</v>
      </c>
      <c r="B65271" s="14" t="s">
        <v>1</v>
      </c>
      <c r="C65271" s="14" t="s">
        <v>17</v>
      </c>
      <c r="D65271" s="14" t="s">
        <v>14</v>
      </c>
      <c r="E65271" s="15">
        <v>45677</v>
      </c>
      <c r="F65271" s="14" t="s">
        <v>15</v>
      </c>
      <c r="G65271" s="16">
        <v>0</v>
      </c>
    </row>
    <row r="65272" spans="1:7" x14ac:dyDescent="0.3">
      <c r="A65272" s="13" t="s">
        <v>348</v>
      </c>
      <c r="B65272" s="14" t="s">
        <v>1</v>
      </c>
      <c r="C65272" s="14" t="s">
        <v>17</v>
      </c>
      <c r="D65272" s="14" t="s">
        <v>14</v>
      </c>
      <c r="E65272" s="15">
        <v>45678</v>
      </c>
      <c r="F65272" s="14" t="s">
        <v>15</v>
      </c>
      <c r="G65272" s="16">
        <v>0</v>
      </c>
    </row>
    <row r="65273" spans="1:7" x14ac:dyDescent="0.3">
      <c r="A65273" s="13" t="s">
        <v>348</v>
      </c>
      <c r="B65273" s="14" t="s">
        <v>1</v>
      </c>
      <c r="C65273" s="14" t="s">
        <v>17</v>
      </c>
      <c r="D65273" s="14" t="s">
        <v>14</v>
      </c>
      <c r="E65273" s="15">
        <v>45679</v>
      </c>
      <c r="F65273" s="14" t="s">
        <v>15</v>
      </c>
      <c r="G65273" s="16">
        <v>0</v>
      </c>
    </row>
    <row r="65274" spans="1:7" x14ac:dyDescent="0.3">
      <c r="A65274" s="13" t="s">
        <v>348</v>
      </c>
      <c r="B65274" s="14" t="s">
        <v>1</v>
      </c>
      <c r="C65274" s="14" t="s">
        <v>17</v>
      </c>
      <c r="D65274" s="14" t="s">
        <v>14</v>
      </c>
      <c r="E65274" s="15">
        <v>45680</v>
      </c>
      <c r="F65274" s="14" t="s">
        <v>15</v>
      </c>
      <c r="G65274" s="16">
        <v>0</v>
      </c>
    </row>
    <row r="65275" spans="1:7" x14ac:dyDescent="0.3">
      <c r="A65275" s="13" t="s">
        <v>348</v>
      </c>
      <c r="B65275" s="14" t="s">
        <v>1</v>
      </c>
      <c r="C65275" s="14" t="s">
        <v>17</v>
      </c>
      <c r="D65275" s="14" t="s">
        <v>14</v>
      </c>
      <c r="E65275" s="15">
        <v>45681</v>
      </c>
      <c r="F65275" s="14" t="s">
        <v>15</v>
      </c>
      <c r="G65275" s="16">
        <v>0</v>
      </c>
    </row>
    <row r="65276" spans="1:7" x14ac:dyDescent="0.3">
      <c r="A65276" s="13" t="s">
        <v>348</v>
      </c>
      <c r="B65276" s="14" t="s">
        <v>1</v>
      </c>
      <c r="C65276" s="14" t="s">
        <v>17</v>
      </c>
      <c r="D65276" s="14" t="s">
        <v>14</v>
      </c>
      <c r="E65276" s="15">
        <v>45682</v>
      </c>
      <c r="F65276" s="14" t="s">
        <v>15</v>
      </c>
      <c r="G65276" s="16">
        <v>0</v>
      </c>
    </row>
    <row r="65277" spans="1:7" x14ac:dyDescent="0.3">
      <c r="A65277" s="13" t="s">
        <v>348</v>
      </c>
      <c r="B65277" s="14" t="s">
        <v>1</v>
      </c>
      <c r="C65277" s="14" t="s">
        <v>17</v>
      </c>
      <c r="D65277" s="14" t="s">
        <v>14</v>
      </c>
      <c r="E65277" s="15">
        <v>45683</v>
      </c>
      <c r="F65277" s="14" t="s">
        <v>15</v>
      </c>
      <c r="G65277" s="16">
        <v>0</v>
      </c>
    </row>
    <row r="65278" spans="1:7" x14ac:dyDescent="0.3">
      <c r="A65278" s="13" t="s">
        <v>348</v>
      </c>
      <c r="B65278" s="14" t="s">
        <v>1</v>
      </c>
      <c r="C65278" s="14" t="s">
        <v>17</v>
      </c>
      <c r="D65278" s="14" t="s">
        <v>14</v>
      </c>
      <c r="E65278" s="15">
        <v>45684</v>
      </c>
      <c r="F65278" s="14" t="s">
        <v>15</v>
      </c>
      <c r="G65278" s="16">
        <v>0</v>
      </c>
    </row>
    <row r="65279" spans="1:7" x14ac:dyDescent="0.3">
      <c r="A65279" s="13" t="s">
        <v>348</v>
      </c>
      <c r="B65279" s="14" t="s">
        <v>1</v>
      </c>
      <c r="C65279" s="14" t="s">
        <v>17</v>
      </c>
      <c r="D65279" s="14" t="s">
        <v>14</v>
      </c>
      <c r="E65279" s="15">
        <v>45685</v>
      </c>
      <c r="F65279" s="14" t="s">
        <v>15</v>
      </c>
      <c r="G65279" s="16">
        <v>0</v>
      </c>
    </row>
    <row r="65280" spans="1:7" x14ac:dyDescent="0.3">
      <c r="A65280" s="13" t="s">
        <v>348</v>
      </c>
      <c r="B65280" s="14" t="s">
        <v>1</v>
      </c>
      <c r="C65280" s="14" t="s">
        <v>17</v>
      </c>
      <c r="D65280" s="14" t="s">
        <v>14</v>
      </c>
      <c r="E65280" s="15">
        <v>45686</v>
      </c>
      <c r="F65280" s="14" t="s">
        <v>15</v>
      </c>
      <c r="G65280" s="16">
        <v>0</v>
      </c>
    </row>
    <row r="65281" spans="1:7" x14ac:dyDescent="0.3">
      <c r="A65281" s="13" t="s">
        <v>348</v>
      </c>
      <c r="B65281" s="14" t="s">
        <v>1</v>
      </c>
      <c r="C65281" s="14" t="s">
        <v>17</v>
      </c>
      <c r="D65281" s="14" t="s">
        <v>14</v>
      </c>
      <c r="E65281" s="15">
        <v>45687</v>
      </c>
      <c r="F65281" s="14" t="s">
        <v>15</v>
      </c>
      <c r="G65281" s="16">
        <v>0</v>
      </c>
    </row>
    <row r="65282" spans="1:7" x14ac:dyDescent="0.3">
      <c r="A65282" s="13" t="s">
        <v>348</v>
      </c>
      <c r="B65282" s="14" t="s">
        <v>1</v>
      </c>
      <c r="C65282" s="14" t="s">
        <v>17</v>
      </c>
      <c r="D65282" s="14" t="s">
        <v>14</v>
      </c>
      <c r="E65282" s="15">
        <v>45688</v>
      </c>
      <c r="F65282" s="14" t="s">
        <v>15</v>
      </c>
      <c r="G65282" s="16">
        <v>0</v>
      </c>
    </row>
    <row r="65283" spans="1:7" x14ac:dyDescent="0.3">
      <c r="A65283" s="13" t="s">
        <v>348</v>
      </c>
      <c r="B65283" s="14" t="s">
        <v>1</v>
      </c>
      <c r="C65283" s="14" t="s">
        <v>17</v>
      </c>
      <c r="D65283" s="14" t="s">
        <v>14</v>
      </c>
      <c r="E65283" s="15">
        <v>45689</v>
      </c>
      <c r="F65283" s="14" t="s">
        <v>15</v>
      </c>
      <c r="G65283" s="16">
        <v>0</v>
      </c>
    </row>
    <row r="65284" spans="1:7" x14ac:dyDescent="0.3">
      <c r="A65284" s="13" t="s">
        <v>348</v>
      </c>
      <c r="B65284" s="14" t="s">
        <v>1</v>
      </c>
      <c r="C65284" s="14" t="s">
        <v>17</v>
      </c>
      <c r="D65284" s="14" t="s">
        <v>14</v>
      </c>
      <c r="E65284" s="15">
        <v>45690</v>
      </c>
      <c r="F65284" s="14" t="s">
        <v>15</v>
      </c>
      <c r="G65284" s="16">
        <v>0</v>
      </c>
    </row>
    <row r="65285" spans="1:7" x14ac:dyDescent="0.3">
      <c r="A65285" s="13" t="s">
        <v>348</v>
      </c>
      <c r="B65285" s="14" t="s">
        <v>1</v>
      </c>
      <c r="C65285" s="14" t="s">
        <v>17</v>
      </c>
      <c r="D65285" s="14" t="s">
        <v>14</v>
      </c>
      <c r="E65285" s="15">
        <v>45691</v>
      </c>
      <c r="F65285" s="14" t="s">
        <v>15</v>
      </c>
      <c r="G65285" s="16">
        <v>0</v>
      </c>
    </row>
    <row r="65286" spans="1:7" x14ac:dyDescent="0.3">
      <c r="A65286" s="13" t="s">
        <v>348</v>
      </c>
      <c r="B65286" s="14" t="s">
        <v>1</v>
      </c>
      <c r="C65286" s="14" t="s">
        <v>17</v>
      </c>
      <c r="D65286" s="14" t="s">
        <v>14</v>
      </c>
      <c r="E65286" s="15">
        <v>45692</v>
      </c>
      <c r="F65286" s="14" t="s">
        <v>15</v>
      </c>
      <c r="G65286" s="16">
        <v>0</v>
      </c>
    </row>
    <row r="65287" spans="1:7" x14ac:dyDescent="0.3">
      <c r="A65287" s="13" t="s">
        <v>348</v>
      </c>
      <c r="B65287" s="14" t="s">
        <v>1</v>
      </c>
      <c r="C65287" s="14" t="s">
        <v>17</v>
      </c>
      <c r="D65287" s="14" t="s">
        <v>14</v>
      </c>
      <c r="E65287" s="15">
        <v>45693</v>
      </c>
      <c r="F65287" s="14" t="s">
        <v>15</v>
      </c>
      <c r="G65287" s="16">
        <v>0</v>
      </c>
    </row>
    <row r="65288" spans="1:7" x14ac:dyDescent="0.3">
      <c r="A65288" s="13" t="s">
        <v>348</v>
      </c>
      <c r="B65288" s="14" t="s">
        <v>1</v>
      </c>
      <c r="C65288" s="14" t="s">
        <v>17</v>
      </c>
      <c r="D65288" s="14" t="s">
        <v>14</v>
      </c>
      <c r="E65288" s="15">
        <v>45694</v>
      </c>
      <c r="F65288" s="14" t="s">
        <v>15</v>
      </c>
      <c r="G65288" s="16">
        <v>0</v>
      </c>
    </row>
    <row r="65289" spans="1:7" x14ac:dyDescent="0.3">
      <c r="A65289" s="13" t="s">
        <v>348</v>
      </c>
      <c r="B65289" s="14" t="s">
        <v>1</v>
      </c>
      <c r="C65289" s="14" t="s">
        <v>17</v>
      </c>
      <c r="D65289" s="14" t="s">
        <v>14</v>
      </c>
      <c r="E65289" s="15">
        <v>45695</v>
      </c>
      <c r="F65289" s="14" t="s">
        <v>15</v>
      </c>
      <c r="G65289" s="16">
        <v>0</v>
      </c>
    </row>
    <row r="65290" spans="1:7" x14ac:dyDescent="0.3">
      <c r="A65290" s="13" t="s">
        <v>348</v>
      </c>
      <c r="B65290" s="14" t="s">
        <v>1</v>
      </c>
      <c r="C65290" s="14" t="s">
        <v>17</v>
      </c>
      <c r="D65290" s="14" t="s">
        <v>14</v>
      </c>
      <c r="E65290" s="15">
        <v>45696</v>
      </c>
      <c r="F65290" s="14" t="s">
        <v>15</v>
      </c>
      <c r="G65290" s="16">
        <v>0</v>
      </c>
    </row>
    <row r="65291" spans="1:7" x14ac:dyDescent="0.3">
      <c r="A65291" s="13" t="s">
        <v>348</v>
      </c>
      <c r="B65291" s="14" t="s">
        <v>1</v>
      </c>
      <c r="C65291" s="14" t="s">
        <v>17</v>
      </c>
      <c r="D65291" s="14" t="s">
        <v>14</v>
      </c>
      <c r="E65291" s="15">
        <v>45697</v>
      </c>
      <c r="F65291" s="14" t="s">
        <v>15</v>
      </c>
      <c r="G65291" s="16">
        <v>0</v>
      </c>
    </row>
    <row r="65292" spans="1:7" x14ac:dyDescent="0.3">
      <c r="A65292" s="13" t="s">
        <v>348</v>
      </c>
      <c r="B65292" s="14" t="s">
        <v>1</v>
      </c>
      <c r="C65292" s="14" t="s">
        <v>17</v>
      </c>
      <c r="D65292" s="14" t="s">
        <v>14</v>
      </c>
      <c r="E65292" s="15">
        <v>45698</v>
      </c>
      <c r="F65292" s="14" t="s">
        <v>15</v>
      </c>
      <c r="G65292" s="16">
        <v>0</v>
      </c>
    </row>
    <row r="65293" spans="1:7" x14ac:dyDescent="0.3">
      <c r="A65293" s="13" t="s">
        <v>348</v>
      </c>
      <c r="B65293" s="14" t="s">
        <v>1</v>
      </c>
      <c r="C65293" s="14" t="s">
        <v>17</v>
      </c>
      <c r="D65293" s="14" t="s">
        <v>14</v>
      </c>
      <c r="E65293" s="15">
        <v>45699</v>
      </c>
      <c r="F65293" s="14" t="s">
        <v>15</v>
      </c>
      <c r="G65293" s="16">
        <v>0</v>
      </c>
    </row>
    <row r="65294" spans="1:7" x14ac:dyDescent="0.3">
      <c r="A65294" s="13" t="s">
        <v>348</v>
      </c>
      <c r="B65294" s="14" t="s">
        <v>1</v>
      </c>
      <c r="C65294" s="14" t="s">
        <v>17</v>
      </c>
      <c r="D65294" s="14" t="s">
        <v>14</v>
      </c>
      <c r="E65294" s="15">
        <v>45700</v>
      </c>
      <c r="F65294" s="14" t="s">
        <v>15</v>
      </c>
      <c r="G65294" s="16">
        <v>0</v>
      </c>
    </row>
    <row r="65295" spans="1:7" x14ac:dyDescent="0.3">
      <c r="A65295" s="13" t="s">
        <v>348</v>
      </c>
      <c r="B65295" s="14" t="s">
        <v>1</v>
      </c>
      <c r="C65295" s="14" t="s">
        <v>17</v>
      </c>
      <c r="D65295" s="14" t="s">
        <v>14</v>
      </c>
      <c r="E65295" s="15">
        <v>45701</v>
      </c>
      <c r="F65295" s="14" t="s">
        <v>15</v>
      </c>
      <c r="G65295" s="16">
        <v>0</v>
      </c>
    </row>
    <row r="65296" spans="1:7" x14ac:dyDescent="0.3">
      <c r="A65296" s="13" t="s">
        <v>348</v>
      </c>
      <c r="B65296" s="14" t="s">
        <v>1</v>
      </c>
      <c r="C65296" s="14" t="s">
        <v>17</v>
      </c>
      <c r="D65296" s="14" t="s">
        <v>14</v>
      </c>
      <c r="E65296" s="15">
        <v>45702</v>
      </c>
      <c r="F65296" s="14" t="s">
        <v>15</v>
      </c>
      <c r="G65296" s="16">
        <v>0</v>
      </c>
    </row>
    <row r="65297" spans="1:7" x14ac:dyDescent="0.3">
      <c r="A65297" s="13" t="s">
        <v>348</v>
      </c>
      <c r="B65297" s="14" t="s">
        <v>1</v>
      </c>
      <c r="C65297" s="14" t="s">
        <v>17</v>
      </c>
      <c r="D65297" s="14" t="s">
        <v>14</v>
      </c>
      <c r="E65297" s="15">
        <v>45703</v>
      </c>
      <c r="F65297" s="14" t="s">
        <v>15</v>
      </c>
      <c r="G65297" s="16">
        <v>0</v>
      </c>
    </row>
    <row r="65298" spans="1:7" x14ac:dyDescent="0.3">
      <c r="A65298" s="13" t="s">
        <v>348</v>
      </c>
      <c r="B65298" s="14" t="s">
        <v>1</v>
      </c>
      <c r="C65298" s="14" t="s">
        <v>17</v>
      </c>
      <c r="D65298" s="14" t="s">
        <v>14</v>
      </c>
      <c r="E65298" s="15">
        <v>45704</v>
      </c>
      <c r="F65298" s="14" t="s">
        <v>15</v>
      </c>
      <c r="G65298" s="16">
        <v>0</v>
      </c>
    </row>
    <row r="65299" spans="1:7" x14ac:dyDescent="0.3">
      <c r="A65299" s="13" t="s">
        <v>348</v>
      </c>
      <c r="B65299" s="14" t="s">
        <v>1</v>
      </c>
      <c r="C65299" s="14" t="s">
        <v>17</v>
      </c>
      <c r="D65299" s="14" t="s">
        <v>14</v>
      </c>
      <c r="E65299" s="15">
        <v>45705</v>
      </c>
      <c r="F65299" s="14" t="s">
        <v>15</v>
      </c>
      <c r="G65299" s="16">
        <v>0</v>
      </c>
    </row>
    <row r="65300" spans="1:7" x14ac:dyDescent="0.3">
      <c r="A65300" s="13" t="s">
        <v>348</v>
      </c>
      <c r="B65300" s="14" t="s">
        <v>1</v>
      </c>
      <c r="C65300" s="14" t="s">
        <v>17</v>
      </c>
      <c r="D65300" s="14" t="s">
        <v>14</v>
      </c>
      <c r="E65300" s="15">
        <v>45706</v>
      </c>
      <c r="F65300" s="14" t="s">
        <v>15</v>
      </c>
      <c r="G65300" s="16">
        <v>0</v>
      </c>
    </row>
    <row r="65301" spans="1:7" x14ac:dyDescent="0.3">
      <c r="A65301" s="13" t="s">
        <v>348</v>
      </c>
      <c r="B65301" s="14" t="s">
        <v>1</v>
      </c>
      <c r="C65301" s="14" t="s">
        <v>17</v>
      </c>
      <c r="D65301" s="14" t="s">
        <v>14</v>
      </c>
      <c r="E65301" s="15">
        <v>45707</v>
      </c>
      <c r="F65301" s="14" t="s">
        <v>15</v>
      </c>
      <c r="G65301" s="16">
        <v>0</v>
      </c>
    </row>
    <row r="65302" spans="1:7" x14ac:dyDescent="0.3">
      <c r="A65302" s="13" t="s">
        <v>348</v>
      </c>
      <c r="B65302" s="14" t="s">
        <v>1</v>
      </c>
      <c r="C65302" s="14" t="s">
        <v>17</v>
      </c>
      <c r="D65302" s="14" t="s">
        <v>14</v>
      </c>
      <c r="E65302" s="15">
        <v>45708</v>
      </c>
      <c r="F65302" s="14" t="s">
        <v>15</v>
      </c>
      <c r="G65302" s="16">
        <v>0</v>
      </c>
    </row>
    <row r="65303" spans="1:7" x14ac:dyDescent="0.3">
      <c r="A65303" s="13" t="s">
        <v>348</v>
      </c>
      <c r="B65303" s="14" t="s">
        <v>1</v>
      </c>
      <c r="C65303" s="14" t="s">
        <v>17</v>
      </c>
      <c r="D65303" s="14" t="s">
        <v>14</v>
      </c>
      <c r="E65303" s="15">
        <v>45709</v>
      </c>
      <c r="F65303" s="14" t="s">
        <v>15</v>
      </c>
      <c r="G65303" s="16">
        <v>0</v>
      </c>
    </row>
    <row r="65304" spans="1:7" x14ac:dyDescent="0.3">
      <c r="A65304" s="13" t="s">
        <v>348</v>
      </c>
      <c r="B65304" s="14" t="s">
        <v>1</v>
      </c>
      <c r="C65304" s="14" t="s">
        <v>17</v>
      </c>
      <c r="D65304" s="14" t="s">
        <v>14</v>
      </c>
      <c r="E65304" s="15">
        <v>45710</v>
      </c>
      <c r="F65304" s="14" t="s">
        <v>15</v>
      </c>
      <c r="G65304" s="16">
        <v>0</v>
      </c>
    </row>
    <row r="65305" spans="1:7" x14ac:dyDescent="0.3">
      <c r="A65305" s="13" t="s">
        <v>348</v>
      </c>
      <c r="B65305" s="14" t="s">
        <v>1</v>
      </c>
      <c r="C65305" s="14" t="s">
        <v>17</v>
      </c>
      <c r="D65305" s="14" t="s">
        <v>14</v>
      </c>
      <c r="E65305" s="15">
        <v>45711</v>
      </c>
      <c r="F65305" s="14" t="s">
        <v>15</v>
      </c>
      <c r="G65305" s="16">
        <v>0</v>
      </c>
    </row>
    <row r="65306" spans="1:7" x14ac:dyDescent="0.3">
      <c r="A65306" s="13" t="s">
        <v>348</v>
      </c>
      <c r="B65306" s="14" t="s">
        <v>1</v>
      </c>
      <c r="C65306" s="14" t="s">
        <v>17</v>
      </c>
      <c r="D65306" s="14" t="s">
        <v>14</v>
      </c>
      <c r="E65306" s="15">
        <v>45712</v>
      </c>
      <c r="F65306" s="14" t="s">
        <v>15</v>
      </c>
      <c r="G65306" s="16">
        <v>0</v>
      </c>
    </row>
    <row r="65307" spans="1:7" x14ac:dyDescent="0.3">
      <c r="A65307" s="13" t="s">
        <v>348</v>
      </c>
      <c r="B65307" s="14" t="s">
        <v>1</v>
      </c>
      <c r="C65307" s="14" t="s">
        <v>17</v>
      </c>
      <c r="D65307" s="14" t="s">
        <v>14</v>
      </c>
      <c r="E65307" s="15">
        <v>45713</v>
      </c>
      <c r="F65307" s="14" t="s">
        <v>15</v>
      </c>
      <c r="G65307" s="16">
        <v>0</v>
      </c>
    </row>
    <row r="65308" spans="1:7" x14ac:dyDescent="0.3">
      <c r="A65308" s="13" t="s">
        <v>348</v>
      </c>
      <c r="B65308" s="14" t="s">
        <v>1</v>
      </c>
      <c r="C65308" s="14" t="s">
        <v>17</v>
      </c>
      <c r="D65308" s="14" t="s">
        <v>14</v>
      </c>
      <c r="E65308" s="15">
        <v>45714</v>
      </c>
      <c r="F65308" s="14" t="s">
        <v>15</v>
      </c>
      <c r="G65308" s="16">
        <v>0</v>
      </c>
    </row>
    <row r="65309" spans="1:7" x14ac:dyDescent="0.3">
      <c r="A65309" s="13" t="s">
        <v>348</v>
      </c>
      <c r="B65309" s="14" t="s">
        <v>1</v>
      </c>
      <c r="C65309" s="14" t="s">
        <v>17</v>
      </c>
      <c r="D65309" s="14" t="s">
        <v>14</v>
      </c>
      <c r="E65309" s="15">
        <v>45715</v>
      </c>
      <c r="F65309" s="14" t="s">
        <v>15</v>
      </c>
      <c r="G65309" s="16">
        <v>0</v>
      </c>
    </row>
    <row r="65310" spans="1:7" x14ac:dyDescent="0.3">
      <c r="A65310" s="13" t="s">
        <v>348</v>
      </c>
      <c r="B65310" s="14" t="s">
        <v>1</v>
      </c>
      <c r="C65310" s="14" t="s">
        <v>17</v>
      </c>
      <c r="D65310" s="14" t="s">
        <v>14</v>
      </c>
      <c r="E65310" s="15">
        <v>45716</v>
      </c>
      <c r="F65310" s="14" t="s">
        <v>15</v>
      </c>
      <c r="G65310" s="16">
        <v>0</v>
      </c>
    </row>
    <row r="65311" spans="1:7" x14ac:dyDescent="0.3">
      <c r="A65311" s="13" t="s">
        <v>348</v>
      </c>
      <c r="B65311" s="14" t="s">
        <v>1</v>
      </c>
      <c r="C65311" s="14" t="s">
        <v>17</v>
      </c>
      <c r="D65311" s="14" t="s">
        <v>14</v>
      </c>
      <c r="E65311" s="15">
        <v>45717</v>
      </c>
      <c r="F65311" s="14" t="s">
        <v>15</v>
      </c>
      <c r="G65311" s="16">
        <v>0</v>
      </c>
    </row>
    <row r="65312" spans="1:7" x14ac:dyDescent="0.3">
      <c r="A65312" s="13" t="s">
        <v>348</v>
      </c>
      <c r="B65312" s="14" t="s">
        <v>1</v>
      </c>
      <c r="C65312" s="14" t="s">
        <v>17</v>
      </c>
      <c r="D65312" s="14" t="s">
        <v>14</v>
      </c>
      <c r="E65312" s="15">
        <v>45718</v>
      </c>
      <c r="F65312" s="14" t="s">
        <v>15</v>
      </c>
      <c r="G65312" s="16">
        <v>0</v>
      </c>
    </row>
    <row r="65313" spans="1:7" x14ac:dyDescent="0.3">
      <c r="A65313" s="13" t="s">
        <v>348</v>
      </c>
      <c r="B65313" s="14" t="s">
        <v>1</v>
      </c>
      <c r="C65313" s="14" t="s">
        <v>17</v>
      </c>
      <c r="D65313" s="14" t="s">
        <v>14</v>
      </c>
      <c r="E65313" s="15">
        <v>45719</v>
      </c>
      <c r="F65313" s="14" t="s">
        <v>15</v>
      </c>
      <c r="G65313" s="16">
        <v>0</v>
      </c>
    </row>
    <row r="65314" spans="1:7" x14ac:dyDescent="0.3">
      <c r="A65314" s="13" t="s">
        <v>348</v>
      </c>
      <c r="B65314" s="14" t="s">
        <v>1</v>
      </c>
      <c r="C65314" s="14" t="s">
        <v>17</v>
      </c>
      <c r="D65314" s="14" t="s">
        <v>14</v>
      </c>
      <c r="E65314" s="15">
        <v>45720</v>
      </c>
      <c r="F65314" s="14" t="s">
        <v>15</v>
      </c>
      <c r="G65314" s="16">
        <v>0</v>
      </c>
    </row>
    <row r="65315" spans="1:7" x14ac:dyDescent="0.3">
      <c r="A65315" s="13" t="s">
        <v>348</v>
      </c>
      <c r="B65315" s="14" t="s">
        <v>1</v>
      </c>
      <c r="C65315" s="14" t="s">
        <v>17</v>
      </c>
      <c r="D65315" s="14" t="s">
        <v>14</v>
      </c>
      <c r="E65315" s="15">
        <v>45721</v>
      </c>
      <c r="F65315" s="14" t="s">
        <v>15</v>
      </c>
      <c r="G65315" s="16">
        <v>0</v>
      </c>
    </row>
    <row r="65316" spans="1:7" x14ac:dyDescent="0.3">
      <c r="A65316" s="13" t="s">
        <v>348</v>
      </c>
      <c r="B65316" s="14" t="s">
        <v>1</v>
      </c>
      <c r="C65316" s="14" t="s">
        <v>17</v>
      </c>
      <c r="D65316" s="14" t="s">
        <v>14</v>
      </c>
      <c r="E65316" s="15">
        <v>45722</v>
      </c>
      <c r="F65316" s="14" t="s">
        <v>15</v>
      </c>
      <c r="G65316" s="16">
        <v>0</v>
      </c>
    </row>
    <row r="65317" spans="1:7" x14ac:dyDescent="0.3">
      <c r="A65317" s="13" t="s">
        <v>348</v>
      </c>
      <c r="B65317" s="14" t="s">
        <v>1</v>
      </c>
      <c r="C65317" s="14" t="s">
        <v>17</v>
      </c>
      <c r="D65317" s="14" t="s">
        <v>14</v>
      </c>
      <c r="E65317" s="15">
        <v>45723</v>
      </c>
      <c r="F65317" s="14" t="s">
        <v>15</v>
      </c>
      <c r="G65317" s="16">
        <v>0</v>
      </c>
    </row>
    <row r="65318" spans="1:7" x14ac:dyDescent="0.3">
      <c r="A65318" s="13" t="s">
        <v>348</v>
      </c>
      <c r="B65318" s="14" t="s">
        <v>1</v>
      </c>
      <c r="C65318" s="14" t="s">
        <v>17</v>
      </c>
      <c r="D65318" s="14" t="s">
        <v>14</v>
      </c>
      <c r="E65318" s="15">
        <v>45724</v>
      </c>
      <c r="F65318" s="14" t="s">
        <v>15</v>
      </c>
      <c r="G65318" s="16">
        <v>0</v>
      </c>
    </row>
    <row r="65319" spans="1:7" x14ac:dyDescent="0.3">
      <c r="A65319" s="13" t="s">
        <v>348</v>
      </c>
      <c r="B65319" s="14" t="s">
        <v>1</v>
      </c>
      <c r="C65319" s="14" t="s">
        <v>17</v>
      </c>
      <c r="D65319" s="14" t="s">
        <v>14</v>
      </c>
      <c r="E65319" s="15">
        <v>45725</v>
      </c>
      <c r="F65319" s="14" t="s">
        <v>15</v>
      </c>
      <c r="G65319" s="16">
        <v>0</v>
      </c>
    </row>
    <row r="65320" spans="1:7" x14ac:dyDescent="0.3">
      <c r="A65320" s="13" t="s">
        <v>348</v>
      </c>
      <c r="B65320" s="14" t="s">
        <v>1</v>
      </c>
      <c r="C65320" s="14" t="s">
        <v>17</v>
      </c>
      <c r="D65320" s="14" t="s">
        <v>14</v>
      </c>
      <c r="E65320" s="15">
        <v>45726</v>
      </c>
      <c r="F65320" s="14" t="s">
        <v>15</v>
      </c>
      <c r="G65320" s="16">
        <v>0</v>
      </c>
    </row>
    <row r="65321" spans="1:7" x14ac:dyDescent="0.3">
      <c r="A65321" s="13" t="s">
        <v>348</v>
      </c>
      <c r="B65321" s="14" t="s">
        <v>1</v>
      </c>
      <c r="C65321" s="14" t="s">
        <v>17</v>
      </c>
      <c r="D65321" s="14" t="s">
        <v>14</v>
      </c>
      <c r="E65321" s="15">
        <v>45727</v>
      </c>
      <c r="F65321" s="14" t="s">
        <v>15</v>
      </c>
      <c r="G65321" s="16">
        <v>0</v>
      </c>
    </row>
    <row r="65322" spans="1:7" x14ac:dyDescent="0.3">
      <c r="A65322" s="13" t="s">
        <v>348</v>
      </c>
      <c r="B65322" s="14" t="s">
        <v>1</v>
      </c>
      <c r="C65322" s="14" t="s">
        <v>17</v>
      </c>
      <c r="D65322" s="14" t="s">
        <v>14</v>
      </c>
      <c r="E65322" s="15">
        <v>45728</v>
      </c>
      <c r="F65322" s="14" t="s">
        <v>15</v>
      </c>
      <c r="G65322" s="16">
        <v>0</v>
      </c>
    </row>
    <row r="65323" spans="1:7" x14ac:dyDescent="0.3">
      <c r="A65323" s="13" t="s">
        <v>348</v>
      </c>
      <c r="B65323" s="14" t="s">
        <v>1</v>
      </c>
      <c r="C65323" s="14" t="s">
        <v>17</v>
      </c>
      <c r="D65323" s="14" t="s">
        <v>14</v>
      </c>
      <c r="E65323" s="15">
        <v>45729</v>
      </c>
      <c r="F65323" s="14" t="s">
        <v>15</v>
      </c>
      <c r="G65323" s="16">
        <v>0</v>
      </c>
    </row>
    <row r="65324" spans="1:7" x14ac:dyDescent="0.3">
      <c r="A65324" s="13" t="s">
        <v>348</v>
      </c>
      <c r="B65324" s="14" t="s">
        <v>1</v>
      </c>
      <c r="C65324" s="14" t="s">
        <v>17</v>
      </c>
      <c r="D65324" s="14" t="s">
        <v>14</v>
      </c>
      <c r="E65324" s="15">
        <v>45730</v>
      </c>
      <c r="F65324" s="14" t="s">
        <v>15</v>
      </c>
      <c r="G65324" s="16">
        <v>0</v>
      </c>
    </row>
    <row r="65325" spans="1:7" x14ac:dyDescent="0.3">
      <c r="A65325" s="13" t="s">
        <v>348</v>
      </c>
      <c r="B65325" s="14" t="s">
        <v>1</v>
      </c>
      <c r="C65325" s="14" t="s">
        <v>17</v>
      </c>
      <c r="D65325" s="14" t="s">
        <v>14</v>
      </c>
      <c r="E65325" s="15">
        <v>45731</v>
      </c>
      <c r="F65325" s="14" t="s">
        <v>15</v>
      </c>
      <c r="G65325" s="16">
        <v>0</v>
      </c>
    </row>
    <row r="65326" spans="1:7" x14ac:dyDescent="0.3">
      <c r="A65326" s="13" t="s">
        <v>348</v>
      </c>
      <c r="B65326" s="14" t="s">
        <v>1</v>
      </c>
      <c r="C65326" s="14" t="s">
        <v>17</v>
      </c>
      <c r="D65326" s="14" t="s">
        <v>14</v>
      </c>
      <c r="E65326" s="15">
        <v>45732</v>
      </c>
      <c r="F65326" s="14" t="s">
        <v>15</v>
      </c>
      <c r="G65326" s="16">
        <v>0</v>
      </c>
    </row>
    <row r="65327" spans="1:7" x14ac:dyDescent="0.3">
      <c r="A65327" s="13" t="s">
        <v>348</v>
      </c>
      <c r="B65327" s="14" t="s">
        <v>1</v>
      </c>
      <c r="C65327" s="14" t="s">
        <v>17</v>
      </c>
      <c r="D65327" s="14" t="s">
        <v>14</v>
      </c>
      <c r="E65327" s="15">
        <v>45733</v>
      </c>
      <c r="F65327" s="14" t="s">
        <v>15</v>
      </c>
      <c r="G65327" s="16">
        <v>0</v>
      </c>
    </row>
    <row r="65328" spans="1:7" x14ac:dyDescent="0.3">
      <c r="A65328" s="13" t="s">
        <v>348</v>
      </c>
      <c r="B65328" s="14" t="s">
        <v>1</v>
      </c>
      <c r="C65328" s="14" t="s">
        <v>17</v>
      </c>
      <c r="D65328" s="14" t="s">
        <v>14</v>
      </c>
      <c r="E65328" s="15">
        <v>45734</v>
      </c>
      <c r="F65328" s="14" t="s">
        <v>15</v>
      </c>
      <c r="G65328" s="16">
        <v>0</v>
      </c>
    </row>
    <row r="65329" spans="1:7" x14ac:dyDescent="0.3">
      <c r="A65329" s="13" t="s">
        <v>348</v>
      </c>
      <c r="B65329" s="14" t="s">
        <v>1</v>
      </c>
      <c r="C65329" s="14" t="s">
        <v>17</v>
      </c>
      <c r="D65329" s="14" t="s">
        <v>14</v>
      </c>
      <c r="E65329" s="15">
        <v>45735</v>
      </c>
      <c r="F65329" s="14" t="s">
        <v>15</v>
      </c>
      <c r="G65329" s="16">
        <v>0</v>
      </c>
    </row>
    <row r="65330" spans="1:7" x14ac:dyDescent="0.3">
      <c r="A65330" s="13" t="s">
        <v>348</v>
      </c>
      <c r="B65330" s="14" t="s">
        <v>1</v>
      </c>
      <c r="C65330" s="14" t="s">
        <v>17</v>
      </c>
      <c r="D65330" s="14" t="s">
        <v>14</v>
      </c>
      <c r="E65330" s="15">
        <v>45736</v>
      </c>
      <c r="F65330" s="14" t="s">
        <v>15</v>
      </c>
      <c r="G65330" s="16">
        <v>0</v>
      </c>
    </row>
    <row r="65331" spans="1:7" x14ac:dyDescent="0.3">
      <c r="A65331" s="13" t="s">
        <v>348</v>
      </c>
      <c r="B65331" s="14" t="s">
        <v>1</v>
      </c>
      <c r="C65331" s="14" t="s">
        <v>17</v>
      </c>
      <c r="D65331" s="14" t="s">
        <v>14</v>
      </c>
      <c r="E65331" s="15">
        <v>45737</v>
      </c>
      <c r="F65331" s="14" t="s">
        <v>15</v>
      </c>
      <c r="G65331" s="16">
        <v>0</v>
      </c>
    </row>
    <row r="65332" spans="1:7" x14ac:dyDescent="0.3">
      <c r="A65332" s="13" t="s">
        <v>348</v>
      </c>
      <c r="B65332" s="14" t="s">
        <v>1</v>
      </c>
      <c r="C65332" s="14" t="s">
        <v>17</v>
      </c>
      <c r="D65332" s="14" t="s">
        <v>14</v>
      </c>
      <c r="E65332" s="15">
        <v>45738</v>
      </c>
      <c r="F65332" s="14" t="s">
        <v>15</v>
      </c>
      <c r="G65332" s="16">
        <v>0</v>
      </c>
    </row>
    <row r="65333" spans="1:7" x14ac:dyDescent="0.3">
      <c r="A65333" s="13" t="s">
        <v>348</v>
      </c>
      <c r="B65333" s="14" t="s">
        <v>1</v>
      </c>
      <c r="C65333" s="14" t="s">
        <v>17</v>
      </c>
      <c r="D65333" s="14" t="s">
        <v>14</v>
      </c>
      <c r="E65333" s="15">
        <v>45739</v>
      </c>
      <c r="F65333" s="14" t="s">
        <v>15</v>
      </c>
      <c r="G65333" s="16">
        <v>0</v>
      </c>
    </row>
    <row r="65334" spans="1:7" x14ac:dyDescent="0.3">
      <c r="A65334" s="13" t="s">
        <v>348</v>
      </c>
      <c r="B65334" s="14" t="s">
        <v>1</v>
      </c>
      <c r="C65334" s="14" t="s">
        <v>17</v>
      </c>
      <c r="D65334" s="14" t="s">
        <v>14</v>
      </c>
      <c r="E65334" s="15">
        <v>45740</v>
      </c>
      <c r="F65334" s="14" t="s">
        <v>15</v>
      </c>
      <c r="G65334" s="16">
        <v>0</v>
      </c>
    </row>
    <row r="65335" spans="1:7" x14ac:dyDescent="0.3">
      <c r="A65335" s="13" t="s">
        <v>348</v>
      </c>
      <c r="B65335" s="14" t="s">
        <v>1</v>
      </c>
      <c r="C65335" s="14" t="s">
        <v>17</v>
      </c>
      <c r="D65335" s="14" t="s">
        <v>14</v>
      </c>
      <c r="E65335" s="15">
        <v>45741</v>
      </c>
      <c r="F65335" s="14" t="s">
        <v>15</v>
      </c>
      <c r="G65335" s="16">
        <v>0</v>
      </c>
    </row>
    <row r="65336" spans="1:7" x14ac:dyDescent="0.3">
      <c r="A65336" s="13" t="s">
        <v>348</v>
      </c>
      <c r="B65336" s="14" t="s">
        <v>1</v>
      </c>
      <c r="C65336" s="14" t="s">
        <v>17</v>
      </c>
      <c r="D65336" s="14" t="s">
        <v>14</v>
      </c>
      <c r="E65336" s="15">
        <v>45742</v>
      </c>
      <c r="F65336" s="14" t="s">
        <v>15</v>
      </c>
      <c r="G65336" s="16">
        <v>0</v>
      </c>
    </row>
    <row r="65337" spans="1:7" x14ac:dyDescent="0.3">
      <c r="A65337" s="13" t="s">
        <v>348</v>
      </c>
      <c r="B65337" s="14" t="s">
        <v>1</v>
      </c>
      <c r="C65337" s="14" t="s">
        <v>17</v>
      </c>
      <c r="D65337" s="14" t="s">
        <v>14</v>
      </c>
      <c r="E65337" s="15">
        <v>45743</v>
      </c>
      <c r="F65337" s="14" t="s">
        <v>15</v>
      </c>
      <c r="G65337" s="16">
        <v>0</v>
      </c>
    </row>
    <row r="65338" spans="1:7" x14ac:dyDescent="0.3">
      <c r="A65338" s="13" t="s">
        <v>348</v>
      </c>
      <c r="B65338" s="14" t="s">
        <v>1</v>
      </c>
      <c r="C65338" s="14" t="s">
        <v>17</v>
      </c>
      <c r="D65338" s="14" t="s">
        <v>14</v>
      </c>
      <c r="E65338" s="15">
        <v>45744</v>
      </c>
      <c r="F65338" s="14" t="s">
        <v>15</v>
      </c>
      <c r="G65338" s="16">
        <v>0</v>
      </c>
    </row>
    <row r="65339" spans="1:7" x14ac:dyDescent="0.3">
      <c r="A65339" s="13" t="s">
        <v>348</v>
      </c>
      <c r="B65339" s="14" t="s">
        <v>1</v>
      </c>
      <c r="C65339" s="14" t="s">
        <v>17</v>
      </c>
      <c r="D65339" s="14" t="s">
        <v>14</v>
      </c>
      <c r="E65339" s="15">
        <v>45745</v>
      </c>
      <c r="F65339" s="14" t="s">
        <v>15</v>
      </c>
      <c r="G65339" s="16">
        <v>0</v>
      </c>
    </row>
    <row r="65340" spans="1:7" x14ac:dyDescent="0.3">
      <c r="A65340" s="13" t="s">
        <v>348</v>
      </c>
      <c r="B65340" s="14" t="s">
        <v>1</v>
      </c>
      <c r="C65340" s="14" t="s">
        <v>17</v>
      </c>
      <c r="D65340" s="14" t="s">
        <v>14</v>
      </c>
      <c r="E65340" s="15">
        <v>45746</v>
      </c>
      <c r="F65340" s="14" t="s">
        <v>15</v>
      </c>
      <c r="G65340" s="16">
        <v>0</v>
      </c>
    </row>
    <row r="65341" spans="1:7" x14ac:dyDescent="0.3">
      <c r="A65341" s="13" t="s">
        <v>348</v>
      </c>
      <c r="B65341" s="14" t="s">
        <v>1</v>
      </c>
      <c r="C65341" s="14" t="s">
        <v>17</v>
      </c>
      <c r="D65341" s="14" t="s">
        <v>14</v>
      </c>
      <c r="E65341" s="15">
        <v>45747</v>
      </c>
      <c r="F65341" s="14" t="s">
        <v>15</v>
      </c>
      <c r="G65341" s="16">
        <v>0</v>
      </c>
    </row>
    <row r="65342" spans="1:7" x14ac:dyDescent="0.3">
      <c r="A65342" s="13" t="s">
        <v>349</v>
      </c>
      <c r="B65342" s="14" t="s">
        <v>1</v>
      </c>
      <c r="C65342" s="14" t="s">
        <v>218</v>
      </c>
      <c r="D65342" s="14" t="s">
        <v>153</v>
      </c>
      <c r="E65342" s="15">
        <v>45383</v>
      </c>
      <c r="F65342" s="14" t="s">
        <v>25</v>
      </c>
      <c r="G65342" s="16">
        <v>0</v>
      </c>
    </row>
    <row r="65343" spans="1:7" x14ac:dyDescent="0.3">
      <c r="A65343" s="13" t="s">
        <v>349</v>
      </c>
      <c r="B65343" s="14" t="s">
        <v>1</v>
      </c>
      <c r="C65343" s="14" t="s">
        <v>218</v>
      </c>
      <c r="D65343" s="14" t="s">
        <v>153</v>
      </c>
      <c r="E65343" s="15">
        <v>45384</v>
      </c>
      <c r="F65343" s="14" t="s">
        <v>25</v>
      </c>
      <c r="G65343" s="16">
        <v>0</v>
      </c>
    </row>
    <row r="65344" spans="1:7" x14ac:dyDescent="0.3">
      <c r="A65344" s="13" t="s">
        <v>349</v>
      </c>
      <c r="B65344" s="14" t="s">
        <v>1</v>
      </c>
      <c r="C65344" s="14" t="s">
        <v>218</v>
      </c>
      <c r="D65344" s="14" t="s">
        <v>153</v>
      </c>
      <c r="E65344" s="15">
        <v>45385</v>
      </c>
      <c r="F65344" s="14" t="s">
        <v>25</v>
      </c>
      <c r="G65344" s="16">
        <v>1.0564050679691515E-2</v>
      </c>
    </row>
    <row r="65345" spans="1:7" x14ac:dyDescent="0.3">
      <c r="A65345" s="13" t="s">
        <v>349</v>
      </c>
      <c r="B65345" s="14" t="s">
        <v>1</v>
      </c>
      <c r="C65345" s="14" t="s">
        <v>218</v>
      </c>
      <c r="D65345" s="14" t="s">
        <v>153</v>
      </c>
      <c r="E65345" s="15">
        <v>45386</v>
      </c>
      <c r="F65345" s="14" t="s">
        <v>25</v>
      </c>
      <c r="G65345" s="16">
        <v>1.5425683871869362E-2</v>
      </c>
    </row>
    <row r="65346" spans="1:7" x14ac:dyDescent="0.3">
      <c r="A65346" s="13" t="s">
        <v>349</v>
      </c>
      <c r="B65346" s="14" t="s">
        <v>1</v>
      </c>
      <c r="C65346" s="14" t="s">
        <v>218</v>
      </c>
      <c r="D65346" s="14" t="s">
        <v>153</v>
      </c>
      <c r="E65346" s="15">
        <v>45387</v>
      </c>
      <c r="F65346" s="14" t="s">
        <v>25</v>
      </c>
      <c r="G65346" s="16">
        <v>1.8108731004021671E-2</v>
      </c>
    </row>
    <row r="65347" spans="1:7" x14ac:dyDescent="0.3">
      <c r="A65347" s="13" t="s">
        <v>349</v>
      </c>
      <c r="B65347" s="14" t="s">
        <v>1</v>
      </c>
      <c r="C65347" s="14" t="s">
        <v>218</v>
      </c>
      <c r="D65347" s="14" t="s">
        <v>153</v>
      </c>
      <c r="E65347" s="15">
        <v>45388</v>
      </c>
      <c r="F65347" s="14" t="s">
        <v>25</v>
      </c>
      <c r="G65347" s="16">
        <v>1.8108731004021671E-2</v>
      </c>
    </row>
    <row r="65348" spans="1:7" x14ac:dyDescent="0.3">
      <c r="A65348" s="13" t="s">
        <v>349</v>
      </c>
      <c r="B65348" s="14" t="s">
        <v>1</v>
      </c>
      <c r="C65348" s="14" t="s">
        <v>218</v>
      </c>
      <c r="D65348" s="14" t="s">
        <v>153</v>
      </c>
      <c r="E65348" s="15">
        <v>45389</v>
      </c>
      <c r="F65348" s="14" t="s">
        <v>25</v>
      </c>
      <c r="G65348" s="16">
        <v>1.8108731004021671E-2</v>
      </c>
    </row>
    <row r="65349" spans="1:7" x14ac:dyDescent="0.3">
      <c r="A65349" s="13" t="s">
        <v>349</v>
      </c>
      <c r="B65349" s="14" t="s">
        <v>1</v>
      </c>
      <c r="C65349" s="14" t="s">
        <v>218</v>
      </c>
      <c r="D65349" s="14" t="s">
        <v>153</v>
      </c>
      <c r="E65349" s="15">
        <v>45390</v>
      </c>
      <c r="F65349" s="14" t="s">
        <v>25</v>
      </c>
      <c r="G65349" s="16">
        <v>2.6708683214611943E-2</v>
      </c>
    </row>
    <row r="65350" spans="1:7" x14ac:dyDescent="0.3">
      <c r="A65350" s="13" t="s">
        <v>349</v>
      </c>
      <c r="B65350" s="14" t="s">
        <v>1</v>
      </c>
      <c r="C65350" s="14" t="s">
        <v>218</v>
      </c>
      <c r="D65350" s="14" t="s">
        <v>153</v>
      </c>
      <c r="E65350" s="15">
        <v>45391</v>
      </c>
      <c r="F65350" s="14" t="s">
        <v>25</v>
      </c>
      <c r="G65350" s="16">
        <v>3.4819589057505693E-2</v>
      </c>
    </row>
    <row r="65351" spans="1:7" x14ac:dyDescent="0.3">
      <c r="A65351" s="13" t="s">
        <v>349</v>
      </c>
      <c r="B65351" s="14" t="s">
        <v>1</v>
      </c>
      <c r="C65351" s="14" t="s">
        <v>218</v>
      </c>
      <c r="D65351" s="14" t="s">
        <v>153</v>
      </c>
      <c r="E65351" s="15">
        <v>45392</v>
      </c>
      <c r="F65351" s="14" t="s">
        <v>25</v>
      </c>
      <c r="G65351" s="16">
        <v>3.7501648951984157E-2</v>
      </c>
    </row>
    <row r="65352" spans="1:7" x14ac:dyDescent="0.3">
      <c r="A65352" s="13" t="s">
        <v>349</v>
      </c>
      <c r="B65352" s="14" t="s">
        <v>1</v>
      </c>
      <c r="C65352" s="14" t="s">
        <v>218</v>
      </c>
      <c r="D65352" s="14" t="s">
        <v>153</v>
      </c>
      <c r="E65352" s="15">
        <v>45393</v>
      </c>
      <c r="F65352" s="14" t="s">
        <v>25</v>
      </c>
      <c r="G65352" s="16">
        <v>4.0467687835160436E-2</v>
      </c>
    </row>
    <row r="65353" spans="1:7" x14ac:dyDescent="0.3">
      <c r="A65353" s="13" t="s">
        <v>349</v>
      </c>
      <c r="B65353" s="14" t="s">
        <v>1</v>
      </c>
      <c r="C65353" s="14" t="s">
        <v>218</v>
      </c>
      <c r="D65353" s="14" t="s">
        <v>153</v>
      </c>
      <c r="E65353" s="15">
        <v>45394</v>
      </c>
      <c r="F65353" s="14" t="s">
        <v>25</v>
      </c>
      <c r="G65353" s="16">
        <v>4.3218145746373449E-2</v>
      </c>
    </row>
    <row r="65354" spans="1:7" x14ac:dyDescent="0.3">
      <c r="A65354" s="13" t="s">
        <v>349</v>
      </c>
      <c r="B65354" s="14" t="s">
        <v>1</v>
      </c>
      <c r="C65354" s="14" t="s">
        <v>218</v>
      </c>
      <c r="D65354" s="14" t="s">
        <v>153</v>
      </c>
      <c r="E65354" s="15">
        <v>45395</v>
      </c>
      <c r="F65354" s="14" t="s">
        <v>25</v>
      </c>
      <c r="G65354" s="16">
        <v>4.3218145746373449E-2</v>
      </c>
    </row>
    <row r="65355" spans="1:7" x14ac:dyDescent="0.3">
      <c r="A65355" s="13" t="s">
        <v>349</v>
      </c>
      <c r="B65355" s="14" t="s">
        <v>1</v>
      </c>
      <c r="C65355" s="14" t="s">
        <v>218</v>
      </c>
      <c r="D65355" s="14" t="s">
        <v>153</v>
      </c>
      <c r="E65355" s="15">
        <v>45396</v>
      </c>
      <c r="F65355" s="14" t="s">
        <v>25</v>
      </c>
      <c r="G65355" s="16">
        <v>4.3218145746373449E-2</v>
      </c>
    </row>
    <row r="65356" spans="1:7" x14ac:dyDescent="0.3">
      <c r="A65356" s="13" t="s">
        <v>349</v>
      </c>
      <c r="B65356" s="14" t="s">
        <v>1</v>
      </c>
      <c r="C65356" s="14" t="s">
        <v>218</v>
      </c>
      <c r="D65356" s="14" t="s">
        <v>153</v>
      </c>
      <c r="E65356" s="15">
        <v>45397</v>
      </c>
      <c r="F65356" s="14" t="s">
        <v>25</v>
      </c>
      <c r="G65356" s="16">
        <v>4.597013646999256E-2</v>
      </c>
    </row>
    <row r="65357" spans="1:7" x14ac:dyDescent="0.3">
      <c r="A65357" s="13" t="s">
        <v>349</v>
      </c>
      <c r="B65357" s="14" t="s">
        <v>1</v>
      </c>
      <c r="C65357" s="14" t="s">
        <v>218</v>
      </c>
      <c r="D65357" s="14" t="s">
        <v>153</v>
      </c>
      <c r="E65357" s="15">
        <v>45398</v>
      </c>
      <c r="F65357" s="14" t="s">
        <v>25</v>
      </c>
      <c r="G65357" s="16">
        <v>5.4353316255431779E-2</v>
      </c>
    </row>
    <row r="65358" spans="1:7" x14ac:dyDescent="0.3">
      <c r="A65358" s="13" t="s">
        <v>349</v>
      </c>
      <c r="B65358" s="14" t="s">
        <v>1</v>
      </c>
      <c r="C65358" s="14" t="s">
        <v>218</v>
      </c>
      <c r="D65358" s="14" t="s">
        <v>153</v>
      </c>
      <c r="E65358" s="15">
        <v>45399</v>
      </c>
      <c r="F65358" s="14" t="s">
        <v>25</v>
      </c>
      <c r="G65358" s="16">
        <v>5.7147487796291689E-2</v>
      </c>
    </row>
    <row r="65359" spans="1:7" x14ac:dyDescent="0.3">
      <c r="A65359" s="13" t="s">
        <v>349</v>
      </c>
      <c r="B65359" s="14" t="s">
        <v>1</v>
      </c>
      <c r="C65359" s="14" t="s">
        <v>218</v>
      </c>
      <c r="D65359" s="14" t="s">
        <v>153</v>
      </c>
      <c r="E65359" s="15">
        <v>45400</v>
      </c>
      <c r="F65359" s="14" t="s">
        <v>25</v>
      </c>
      <c r="G65359" s="16">
        <v>5.9408541129906393E-2</v>
      </c>
    </row>
    <row r="65360" spans="1:7" x14ac:dyDescent="0.3">
      <c r="A65360" s="13" t="s">
        <v>349</v>
      </c>
      <c r="B65360" s="14" t="s">
        <v>1</v>
      </c>
      <c r="C65360" s="14" t="s">
        <v>218</v>
      </c>
      <c r="D65360" s="14" t="s">
        <v>153</v>
      </c>
      <c r="E65360" s="15">
        <v>45401</v>
      </c>
      <c r="F65360" s="14" t="s">
        <v>25</v>
      </c>
      <c r="G65360" s="16">
        <v>6.2074190344474582E-2</v>
      </c>
    </row>
    <row r="65361" spans="1:7" x14ac:dyDescent="0.3">
      <c r="A65361" s="13" t="s">
        <v>349</v>
      </c>
      <c r="B65361" s="14" t="s">
        <v>1</v>
      </c>
      <c r="C65361" s="14" t="s">
        <v>218</v>
      </c>
      <c r="D65361" s="14" t="s">
        <v>153</v>
      </c>
      <c r="E65361" s="15">
        <v>45402</v>
      </c>
      <c r="F65361" s="14" t="s">
        <v>25</v>
      </c>
      <c r="G65361" s="16">
        <v>6.2074190344474582E-2</v>
      </c>
    </row>
    <row r="65362" spans="1:7" x14ac:dyDescent="0.3">
      <c r="A65362" s="13" t="s">
        <v>349</v>
      </c>
      <c r="B65362" s="14" t="s">
        <v>1</v>
      </c>
      <c r="C65362" s="14" t="s">
        <v>218</v>
      </c>
      <c r="D65362" s="14" t="s">
        <v>153</v>
      </c>
      <c r="E65362" s="15">
        <v>45403</v>
      </c>
      <c r="F65362" s="14" t="s">
        <v>25</v>
      </c>
      <c r="G65362" s="16">
        <v>6.2074190344474582E-2</v>
      </c>
    </row>
    <row r="65363" spans="1:7" x14ac:dyDescent="0.3">
      <c r="A65363" s="13" t="s">
        <v>349</v>
      </c>
      <c r="B65363" s="14" t="s">
        <v>1</v>
      </c>
      <c r="C65363" s="14" t="s">
        <v>218</v>
      </c>
      <c r="D65363" s="14" t="s">
        <v>153</v>
      </c>
      <c r="E65363" s="15">
        <v>45404</v>
      </c>
      <c r="F65363" s="14" t="s">
        <v>25</v>
      </c>
      <c r="G65363" s="16">
        <v>6.4642486857750758E-2</v>
      </c>
    </row>
    <row r="65364" spans="1:7" x14ac:dyDescent="0.3">
      <c r="A65364" s="13" t="s">
        <v>349</v>
      </c>
      <c r="B65364" s="14" t="s">
        <v>1</v>
      </c>
      <c r="C65364" s="14" t="s">
        <v>218</v>
      </c>
      <c r="D65364" s="14" t="s">
        <v>153</v>
      </c>
      <c r="E65364" s="15">
        <v>45405</v>
      </c>
      <c r="F65364" s="14" t="s">
        <v>25</v>
      </c>
      <c r="G65364" s="16">
        <v>7.2759767708611825E-2</v>
      </c>
    </row>
    <row r="65365" spans="1:7" x14ac:dyDescent="0.3">
      <c r="A65365" s="13" t="s">
        <v>349</v>
      </c>
      <c r="B65365" s="14" t="s">
        <v>1</v>
      </c>
      <c r="C65365" s="14" t="s">
        <v>218</v>
      </c>
      <c r="D65365" s="14" t="s">
        <v>153</v>
      </c>
      <c r="E65365" s="15">
        <v>45406</v>
      </c>
      <c r="F65365" s="14" t="s">
        <v>25</v>
      </c>
      <c r="G65365" s="16">
        <v>7.544026473043064E-2</v>
      </c>
    </row>
    <row r="65366" spans="1:7" x14ac:dyDescent="0.3">
      <c r="A65366" s="13" t="s">
        <v>349</v>
      </c>
      <c r="B65366" s="14" t="s">
        <v>1</v>
      </c>
      <c r="C65366" s="14" t="s">
        <v>218</v>
      </c>
      <c r="D65366" s="14" t="s">
        <v>153</v>
      </c>
      <c r="E65366" s="15">
        <v>45407</v>
      </c>
      <c r="F65366" s="14" t="s">
        <v>25</v>
      </c>
      <c r="G65366" s="16">
        <v>7.8137323223486821E-2</v>
      </c>
    </row>
    <row r="65367" spans="1:7" x14ac:dyDescent="0.3">
      <c r="A65367" s="13" t="s">
        <v>349</v>
      </c>
      <c r="B65367" s="14" t="s">
        <v>1</v>
      </c>
      <c r="C65367" s="14" t="s">
        <v>218</v>
      </c>
      <c r="D65367" s="14" t="s">
        <v>153</v>
      </c>
      <c r="E65367" s="15">
        <v>45408</v>
      </c>
      <c r="F65367" s="14" t="s">
        <v>25</v>
      </c>
      <c r="G65367" s="16">
        <v>8.1219012943236399E-2</v>
      </c>
    </row>
    <row r="65368" spans="1:7" x14ac:dyDescent="0.3">
      <c r="A65368" s="13" t="s">
        <v>349</v>
      </c>
      <c r="B65368" s="14" t="s">
        <v>1</v>
      </c>
      <c r="C65368" s="14" t="s">
        <v>218</v>
      </c>
      <c r="D65368" s="14" t="s">
        <v>153</v>
      </c>
      <c r="E65368" s="15">
        <v>45409</v>
      </c>
      <c r="F65368" s="14" t="s">
        <v>25</v>
      </c>
      <c r="G65368" s="16">
        <v>8.1219012943236399E-2</v>
      </c>
    </row>
    <row r="65369" spans="1:7" x14ac:dyDescent="0.3">
      <c r="A65369" s="13" t="s">
        <v>349</v>
      </c>
      <c r="B65369" s="14" t="s">
        <v>1</v>
      </c>
      <c r="C65369" s="14" t="s">
        <v>218</v>
      </c>
      <c r="D65369" s="14" t="s">
        <v>153</v>
      </c>
      <c r="E65369" s="15">
        <v>45410</v>
      </c>
      <c r="F65369" s="14" t="s">
        <v>25</v>
      </c>
      <c r="G65369" s="16">
        <v>8.1219012943236399E-2</v>
      </c>
    </row>
    <row r="65370" spans="1:7" x14ac:dyDescent="0.3">
      <c r="A65370" s="13" t="s">
        <v>349</v>
      </c>
      <c r="B65370" s="14" t="s">
        <v>1</v>
      </c>
      <c r="C65370" s="14" t="s">
        <v>218</v>
      </c>
      <c r="D65370" s="14" t="s">
        <v>153</v>
      </c>
      <c r="E65370" s="15">
        <v>45411</v>
      </c>
      <c r="F65370" s="14" t="s">
        <v>25</v>
      </c>
      <c r="G65370" s="16">
        <v>8.3935575787853253E-2</v>
      </c>
    </row>
    <row r="65371" spans="1:7" x14ac:dyDescent="0.3">
      <c r="A65371" s="13" t="s">
        <v>349</v>
      </c>
      <c r="B65371" s="14" t="s">
        <v>1</v>
      </c>
      <c r="C65371" s="14" t="s">
        <v>218</v>
      </c>
      <c r="D65371" s="14" t="s">
        <v>153</v>
      </c>
      <c r="E65371" s="15">
        <v>45412</v>
      </c>
      <c r="F65371" s="14" t="s">
        <v>25</v>
      </c>
      <c r="G65371" s="16">
        <v>9.1978488289001986E-2</v>
      </c>
    </row>
    <row r="65372" spans="1:7" x14ac:dyDescent="0.3">
      <c r="A65372" s="13" t="s">
        <v>349</v>
      </c>
      <c r="B65372" s="14" t="s">
        <v>1</v>
      </c>
      <c r="C65372" s="14" t="s">
        <v>218</v>
      </c>
      <c r="D65372" s="14" t="s">
        <v>153</v>
      </c>
      <c r="E65372" s="15">
        <v>45413</v>
      </c>
      <c r="F65372" s="14" t="s">
        <v>25</v>
      </c>
      <c r="G65372" s="16">
        <v>9.1978488289001986E-2</v>
      </c>
    </row>
    <row r="65373" spans="1:7" x14ac:dyDescent="0.3">
      <c r="A65373" s="13" t="s">
        <v>349</v>
      </c>
      <c r="B65373" s="14" t="s">
        <v>1</v>
      </c>
      <c r="C65373" s="14" t="s">
        <v>218</v>
      </c>
      <c r="D65373" s="14" t="s">
        <v>153</v>
      </c>
      <c r="E65373" s="15">
        <v>45414</v>
      </c>
      <c r="F65373" s="14" t="s">
        <v>25</v>
      </c>
      <c r="G65373" s="16">
        <v>9.4697237531994174E-2</v>
      </c>
    </row>
    <row r="65374" spans="1:7" x14ac:dyDescent="0.3">
      <c r="A65374" s="13" t="s">
        <v>349</v>
      </c>
      <c r="B65374" s="14" t="s">
        <v>1</v>
      </c>
      <c r="C65374" s="14" t="s">
        <v>218</v>
      </c>
      <c r="D65374" s="14" t="s">
        <v>153</v>
      </c>
      <c r="E65374" s="15">
        <v>45415</v>
      </c>
      <c r="F65374" s="14" t="s">
        <v>25</v>
      </c>
      <c r="G65374" s="16">
        <v>0.10492595510003772</v>
      </c>
    </row>
    <row r="65375" spans="1:7" x14ac:dyDescent="0.3">
      <c r="A65375" s="13" t="s">
        <v>349</v>
      </c>
      <c r="B65375" s="14" t="s">
        <v>1</v>
      </c>
      <c r="C65375" s="14" t="s">
        <v>218</v>
      </c>
      <c r="D65375" s="14" t="s">
        <v>153</v>
      </c>
      <c r="E65375" s="15">
        <v>45416</v>
      </c>
      <c r="F65375" s="14" t="s">
        <v>25</v>
      </c>
      <c r="G65375" s="16">
        <v>0.10492595510003772</v>
      </c>
    </row>
    <row r="65376" spans="1:7" x14ac:dyDescent="0.3">
      <c r="A65376" s="13" t="s">
        <v>349</v>
      </c>
      <c r="B65376" s="14" t="s">
        <v>1</v>
      </c>
      <c r="C65376" s="14" t="s">
        <v>218</v>
      </c>
      <c r="D65376" s="14" t="s">
        <v>153</v>
      </c>
      <c r="E65376" s="15">
        <v>45417</v>
      </c>
      <c r="F65376" s="14" t="s">
        <v>25</v>
      </c>
      <c r="G65376" s="16">
        <v>0.10492595510003772</v>
      </c>
    </row>
    <row r="65377" spans="1:7" x14ac:dyDescent="0.3">
      <c r="A65377" s="13" t="s">
        <v>349</v>
      </c>
      <c r="B65377" s="14" t="s">
        <v>1</v>
      </c>
      <c r="C65377" s="14" t="s">
        <v>218</v>
      </c>
      <c r="D65377" s="14" t="s">
        <v>153</v>
      </c>
      <c r="E65377" s="15">
        <v>45418</v>
      </c>
      <c r="F65377" s="14" t="s">
        <v>25</v>
      </c>
      <c r="G65377" s="16">
        <v>0.10492595510003772</v>
      </c>
    </row>
    <row r="65378" spans="1:7" x14ac:dyDescent="0.3">
      <c r="A65378" s="13" t="s">
        <v>349</v>
      </c>
      <c r="B65378" s="14" t="s">
        <v>1</v>
      </c>
      <c r="C65378" s="14" t="s">
        <v>218</v>
      </c>
      <c r="D65378" s="14" t="s">
        <v>153</v>
      </c>
      <c r="E65378" s="15">
        <v>45419</v>
      </c>
      <c r="F65378" s="14" t="s">
        <v>25</v>
      </c>
      <c r="G65378" s="16">
        <v>0.10761741034466638</v>
      </c>
    </row>
    <row r="65379" spans="1:7" x14ac:dyDescent="0.3">
      <c r="A65379" s="13" t="s">
        <v>349</v>
      </c>
      <c r="B65379" s="14" t="s">
        <v>1</v>
      </c>
      <c r="C65379" s="14" t="s">
        <v>218</v>
      </c>
      <c r="D65379" s="14" t="s">
        <v>153</v>
      </c>
      <c r="E65379" s="15">
        <v>45420</v>
      </c>
      <c r="F65379" s="14" t="s">
        <v>25</v>
      </c>
      <c r="G65379" s="16">
        <v>0.1183013175765885</v>
      </c>
    </row>
    <row r="65380" spans="1:7" x14ac:dyDescent="0.3">
      <c r="A65380" s="13" t="s">
        <v>349</v>
      </c>
      <c r="B65380" s="14" t="s">
        <v>1</v>
      </c>
      <c r="C65380" s="14" t="s">
        <v>218</v>
      </c>
      <c r="D65380" s="14" t="s">
        <v>153</v>
      </c>
      <c r="E65380" s="15">
        <v>45421</v>
      </c>
      <c r="F65380" s="14" t="s">
        <v>25</v>
      </c>
      <c r="G65380" s="16">
        <v>0.1183013175765885</v>
      </c>
    </row>
    <row r="65381" spans="1:7" x14ac:dyDescent="0.3">
      <c r="A65381" s="13" t="s">
        <v>349</v>
      </c>
      <c r="B65381" s="14" t="s">
        <v>1</v>
      </c>
      <c r="C65381" s="14" t="s">
        <v>218</v>
      </c>
      <c r="D65381" s="14" t="s">
        <v>153</v>
      </c>
      <c r="E65381" s="15">
        <v>45422</v>
      </c>
      <c r="F65381" s="14" t="s">
        <v>25</v>
      </c>
      <c r="G65381" s="16">
        <v>0.12094217838322505</v>
      </c>
    </row>
    <row r="65382" spans="1:7" x14ac:dyDescent="0.3">
      <c r="A65382" s="13" t="s">
        <v>349</v>
      </c>
      <c r="B65382" s="14" t="s">
        <v>1</v>
      </c>
      <c r="C65382" s="14" t="s">
        <v>218</v>
      </c>
      <c r="D65382" s="14" t="s">
        <v>153</v>
      </c>
      <c r="E65382" s="15">
        <v>45423</v>
      </c>
      <c r="F65382" s="14" t="s">
        <v>25</v>
      </c>
      <c r="G65382" s="16">
        <v>0.12094217838322505</v>
      </c>
    </row>
    <row r="65383" spans="1:7" x14ac:dyDescent="0.3">
      <c r="A65383" s="13" t="s">
        <v>349</v>
      </c>
      <c r="B65383" s="14" t="s">
        <v>1</v>
      </c>
      <c r="C65383" s="14" t="s">
        <v>218</v>
      </c>
      <c r="D65383" s="14" t="s">
        <v>153</v>
      </c>
      <c r="E65383" s="15">
        <v>45424</v>
      </c>
      <c r="F65383" s="14" t="s">
        <v>25</v>
      </c>
      <c r="G65383" s="16">
        <v>0.12094217838322505</v>
      </c>
    </row>
    <row r="65384" spans="1:7" x14ac:dyDescent="0.3">
      <c r="A65384" s="13" t="s">
        <v>349</v>
      </c>
      <c r="B65384" s="14" t="s">
        <v>1</v>
      </c>
      <c r="C65384" s="14" t="s">
        <v>218</v>
      </c>
      <c r="D65384" s="14" t="s">
        <v>153</v>
      </c>
      <c r="E65384" s="15">
        <v>45425</v>
      </c>
      <c r="F65384" s="14" t="s">
        <v>25</v>
      </c>
      <c r="G65384" s="16">
        <v>0.13137719976901518</v>
      </c>
    </row>
    <row r="65385" spans="1:7" x14ac:dyDescent="0.3">
      <c r="A65385" s="13" t="s">
        <v>349</v>
      </c>
      <c r="B65385" s="14" t="s">
        <v>1</v>
      </c>
      <c r="C65385" s="14" t="s">
        <v>218</v>
      </c>
      <c r="D65385" s="14" t="s">
        <v>153</v>
      </c>
      <c r="E65385" s="15">
        <v>45426</v>
      </c>
      <c r="F65385" s="14" t="s">
        <v>25</v>
      </c>
      <c r="G65385" s="16">
        <v>0.13924474729707773</v>
      </c>
    </row>
    <row r="65386" spans="1:7" x14ac:dyDescent="0.3">
      <c r="A65386" s="13" t="s">
        <v>349</v>
      </c>
      <c r="B65386" s="14" t="s">
        <v>1</v>
      </c>
      <c r="C65386" s="14" t="s">
        <v>218</v>
      </c>
      <c r="D65386" s="14" t="s">
        <v>153</v>
      </c>
      <c r="E65386" s="15">
        <v>45427</v>
      </c>
      <c r="F65386" s="14" t="s">
        <v>25</v>
      </c>
      <c r="G65386" s="16">
        <v>0.14186135837462124</v>
      </c>
    </row>
    <row r="65387" spans="1:7" x14ac:dyDescent="0.3">
      <c r="A65387" s="13" t="s">
        <v>349</v>
      </c>
      <c r="B65387" s="14" t="s">
        <v>1</v>
      </c>
      <c r="C65387" s="14" t="s">
        <v>218</v>
      </c>
      <c r="D65387" s="14" t="s">
        <v>153</v>
      </c>
      <c r="E65387" s="15">
        <v>45428</v>
      </c>
      <c r="F65387" s="14" t="s">
        <v>25</v>
      </c>
      <c r="G65387" s="16">
        <v>0.14446190721081595</v>
      </c>
    </row>
    <row r="65388" spans="1:7" x14ac:dyDescent="0.3">
      <c r="A65388" s="13" t="s">
        <v>349</v>
      </c>
      <c r="B65388" s="14" t="s">
        <v>1</v>
      </c>
      <c r="C65388" s="14" t="s">
        <v>218</v>
      </c>
      <c r="D65388" s="14" t="s">
        <v>153</v>
      </c>
      <c r="E65388" s="15">
        <v>45429</v>
      </c>
      <c r="F65388" s="14" t="s">
        <v>25</v>
      </c>
      <c r="G65388" s="16">
        <v>0.1710303668873466</v>
      </c>
    </row>
    <row r="65389" spans="1:7" x14ac:dyDescent="0.3">
      <c r="A65389" s="13" t="s">
        <v>349</v>
      </c>
      <c r="B65389" s="14" t="s">
        <v>1</v>
      </c>
      <c r="C65389" s="14" t="s">
        <v>218</v>
      </c>
      <c r="D65389" s="14" t="s">
        <v>153</v>
      </c>
      <c r="E65389" s="15">
        <v>45430</v>
      </c>
      <c r="F65389" s="14" t="s">
        <v>25</v>
      </c>
      <c r="G65389" s="16">
        <v>0.1710303668873466</v>
      </c>
    </row>
    <row r="65390" spans="1:7" x14ac:dyDescent="0.3">
      <c r="A65390" s="13" t="s">
        <v>349</v>
      </c>
      <c r="B65390" s="14" t="s">
        <v>1</v>
      </c>
      <c r="C65390" s="14" t="s">
        <v>218</v>
      </c>
      <c r="D65390" s="14" t="s">
        <v>153</v>
      </c>
      <c r="E65390" s="15">
        <v>45431</v>
      </c>
      <c r="F65390" s="14" t="s">
        <v>25</v>
      </c>
      <c r="G65390" s="16">
        <v>0.1710303668873466</v>
      </c>
    </row>
    <row r="65391" spans="1:7" x14ac:dyDescent="0.3">
      <c r="A65391" s="13" t="s">
        <v>349</v>
      </c>
      <c r="B65391" s="14" t="s">
        <v>1</v>
      </c>
      <c r="C65391" s="14" t="s">
        <v>218</v>
      </c>
      <c r="D65391" s="14" t="s">
        <v>153</v>
      </c>
      <c r="E65391" s="15">
        <v>45432</v>
      </c>
      <c r="F65391" s="14" t="s">
        <v>25</v>
      </c>
      <c r="G65391" s="16">
        <v>0.1710303668873466</v>
      </c>
    </row>
    <row r="65392" spans="1:7" x14ac:dyDescent="0.3">
      <c r="A65392" s="13" t="s">
        <v>349</v>
      </c>
      <c r="B65392" s="14" t="s">
        <v>1</v>
      </c>
      <c r="C65392" s="14" t="s">
        <v>218</v>
      </c>
      <c r="D65392" s="14" t="s">
        <v>153</v>
      </c>
      <c r="E65392" s="15">
        <v>45433</v>
      </c>
      <c r="F65392" s="14" t="s">
        <v>25</v>
      </c>
      <c r="G65392" s="16">
        <v>0.17362476877593697</v>
      </c>
    </row>
    <row r="65393" spans="1:7" x14ac:dyDescent="0.3">
      <c r="A65393" s="13" t="s">
        <v>349</v>
      </c>
      <c r="B65393" s="14" t="s">
        <v>1</v>
      </c>
      <c r="C65393" s="14" t="s">
        <v>218</v>
      </c>
      <c r="D65393" s="14" t="s">
        <v>153</v>
      </c>
      <c r="E65393" s="15">
        <v>45434</v>
      </c>
      <c r="F65393" s="14" t="s">
        <v>25</v>
      </c>
      <c r="G65393" s="16">
        <v>0.16980707581154439</v>
      </c>
    </row>
    <row r="65394" spans="1:7" x14ac:dyDescent="0.3">
      <c r="A65394" s="13" t="s">
        <v>349</v>
      </c>
      <c r="B65394" s="14" t="s">
        <v>1</v>
      </c>
      <c r="C65394" s="14" t="s">
        <v>218</v>
      </c>
      <c r="D65394" s="14" t="s">
        <v>153</v>
      </c>
      <c r="E65394" s="15">
        <v>45435</v>
      </c>
      <c r="F65394" s="14" t="s">
        <v>25</v>
      </c>
      <c r="G65394" s="16">
        <v>0.20861994088265126</v>
      </c>
    </row>
    <row r="65395" spans="1:7" x14ac:dyDescent="0.3">
      <c r="A65395" s="13" t="s">
        <v>349</v>
      </c>
      <c r="B65395" s="14" t="s">
        <v>1</v>
      </c>
      <c r="C65395" s="14" t="s">
        <v>218</v>
      </c>
      <c r="D65395" s="14" t="s">
        <v>153</v>
      </c>
      <c r="E65395" s="15">
        <v>45436</v>
      </c>
      <c r="F65395" s="14" t="s">
        <v>25</v>
      </c>
      <c r="G65395" s="16">
        <v>0.21129322316406549</v>
      </c>
    </row>
    <row r="65396" spans="1:7" x14ac:dyDescent="0.3">
      <c r="A65396" s="13" t="s">
        <v>349</v>
      </c>
      <c r="B65396" s="14" t="s">
        <v>1</v>
      </c>
      <c r="C65396" s="14" t="s">
        <v>218</v>
      </c>
      <c r="D65396" s="14" t="s">
        <v>153</v>
      </c>
      <c r="E65396" s="15">
        <v>45437</v>
      </c>
      <c r="F65396" s="14" t="s">
        <v>25</v>
      </c>
      <c r="G65396" s="16">
        <v>0.21129322316406549</v>
      </c>
    </row>
    <row r="65397" spans="1:7" x14ac:dyDescent="0.3">
      <c r="A65397" s="13" t="s">
        <v>349</v>
      </c>
      <c r="B65397" s="14" t="s">
        <v>1</v>
      </c>
      <c r="C65397" s="14" t="s">
        <v>218</v>
      </c>
      <c r="D65397" s="14" t="s">
        <v>153</v>
      </c>
      <c r="E65397" s="15">
        <v>45438</v>
      </c>
      <c r="F65397" s="14" t="s">
        <v>25</v>
      </c>
      <c r="G65397" s="16">
        <v>0.21129322316406549</v>
      </c>
    </row>
    <row r="65398" spans="1:7" x14ac:dyDescent="0.3">
      <c r="A65398" s="13" t="s">
        <v>349</v>
      </c>
      <c r="B65398" s="14" t="s">
        <v>1</v>
      </c>
      <c r="C65398" s="14" t="s">
        <v>218</v>
      </c>
      <c r="D65398" s="14" t="s">
        <v>153</v>
      </c>
      <c r="E65398" s="15">
        <v>45439</v>
      </c>
      <c r="F65398" s="14" t="s">
        <v>25</v>
      </c>
      <c r="G65398" s="16">
        <v>0.21399275705117385</v>
      </c>
    </row>
    <row r="65399" spans="1:7" x14ac:dyDescent="0.3">
      <c r="A65399" s="13" t="s">
        <v>349</v>
      </c>
      <c r="B65399" s="14" t="s">
        <v>1</v>
      </c>
      <c r="C65399" s="14" t="s">
        <v>218</v>
      </c>
      <c r="D65399" s="14" t="s">
        <v>153</v>
      </c>
      <c r="E65399" s="15">
        <v>45440</v>
      </c>
      <c r="F65399" s="14" t="s">
        <v>25</v>
      </c>
      <c r="G65399" s="16">
        <v>0.22206269074357127</v>
      </c>
    </row>
    <row r="65400" spans="1:7" x14ac:dyDescent="0.3">
      <c r="A65400" s="13" t="s">
        <v>349</v>
      </c>
      <c r="B65400" s="14" t="s">
        <v>1</v>
      </c>
      <c r="C65400" s="14" t="s">
        <v>218</v>
      </c>
      <c r="D65400" s="14" t="s">
        <v>153</v>
      </c>
      <c r="E65400" s="15">
        <v>45441</v>
      </c>
      <c r="F65400" s="14" t="s">
        <v>25</v>
      </c>
      <c r="G65400" s="16">
        <v>0.22554735711081914</v>
      </c>
    </row>
    <row r="65401" spans="1:7" x14ac:dyDescent="0.3">
      <c r="A65401" s="13" t="s">
        <v>349</v>
      </c>
      <c r="B65401" s="14" t="s">
        <v>1</v>
      </c>
      <c r="C65401" s="14" t="s">
        <v>218</v>
      </c>
      <c r="D65401" s="14" t="s">
        <v>153</v>
      </c>
      <c r="E65401" s="15">
        <v>45442</v>
      </c>
      <c r="F65401" s="14" t="s">
        <v>25</v>
      </c>
      <c r="G65401" s="16">
        <v>0.22823378662073135</v>
      </c>
    </row>
    <row r="65402" spans="1:7" x14ac:dyDescent="0.3">
      <c r="A65402" s="13" t="s">
        <v>349</v>
      </c>
      <c r="B65402" s="14" t="s">
        <v>1</v>
      </c>
      <c r="C65402" s="14" t="s">
        <v>218</v>
      </c>
      <c r="D65402" s="14" t="s">
        <v>153</v>
      </c>
      <c r="E65402" s="15">
        <v>45443</v>
      </c>
      <c r="F65402" s="14" t="s">
        <v>25</v>
      </c>
      <c r="G65402" s="16">
        <v>0.23086930549069484</v>
      </c>
    </row>
    <row r="65403" spans="1:7" x14ac:dyDescent="0.3">
      <c r="A65403" s="13" t="s">
        <v>349</v>
      </c>
      <c r="B65403" s="14" t="s">
        <v>1</v>
      </c>
      <c r="C65403" s="14" t="s">
        <v>218</v>
      </c>
      <c r="D65403" s="14" t="s">
        <v>153</v>
      </c>
      <c r="E65403" s="15">
        <v>45444</v>
      </c>
      <c r="F65403" s="14" t="s">
        <v>25</v>
      </c>
      <c r="G65403" s="16">
        <v>0.23086930549069484</v>
      </c>
    </row>
    <row r="65404" spans="1:7" x14ac:dyDescent="0.3">
      <c r="A65404" s="13" t="s">
        <v>349</v>
      </c>
      <c r="B65404" s="14" t="s">
        <v>1</v>
      </c>
      <c r="C65404" s="14" t="s">
        <v>218</v>
      </c>
      <c r="D65404" s="14" t="s">
        <v>153</v>
      </c>
      <c r="E65404" s="15">
        <v>45445</v>
      </c>
      <c r="F65404" s="14" t="s">
        <v>25</v>
      </c>
      <c r="G65404" s="16">
        <v>0.23086930549069484</v>
      </c>
    </row>
    <row r="65405" spans="1:7" x14ac:dyDescent="0.3">
      <c r="A65405" s="13" t="s">
        <v>349</v>
      </c>
      <c r="B65405" s="14" t="s">
        <v>1</v>
      </c>
      <c r="C65405" s="14" t="s">
        <v>218</v>
      </c>
      <c r="D65405" s="14" t="s">
        <v>153</v>
      </c>
      <c r="E65405" s="15">
        <v>45446</v>
      </c>
      <c r="F65405" s="14" t="s">
        <v>25</v>
      </c>
      <c r="G65405" s="16">
        <v>0.23086930549069484</v>
      </c>
    </row>
    <row r="65406" spans="1:7" x14ac:dyDescent="0.3">
      <c r="A65406" s="13" t="s">
        <v>349</v>
      </c>
      <c r="B65406" s="14" t="s">
        <v>1</v>
      </c>
      <c r="C65406" s="14" t="s">
        <v>218</v>
      </c>
      <c r="D65406" s="14" t="s">
        <v>153</v>
      </c>
      <c r="E65406" s="15">
        <v>45447</v>
      </c>
      <c r="F65406" s="14" t="s">
        <v>25</v>
      </c>
      <c r="G65406" s="16">
        <v>0.23348453878518929</v>
      </c>
    </row>
    <row r="65407" spans="1:7" x14ac:dyDescent="0.3">
      <c r="A65407" s="13" t="s">
        <v>349</v>
      </c>
      <c r="B65407" s="14" t="s">
        <v>1</v>
      </c>
      <c r="C65407" s="14" t="s">
        <v>218</v>
      </c>
      <c r="D65407" s="14" t="s">
        <v>153</v>
      </c>
      <c r="E65407" s="15">
        <v>45448</v>
      </c>
      <c r="F65407" s="14" t="s">
        <v>25</v>
      </c>
      <c r="G65407" s="16">
        <v>0.24617548053468088</v>
      </c>
    </row>
    <row r="65408" spans="1:7" x14ac:dyDescent="0.3">
      <c r="A65408" s="13" t="s">
        <v>349</v>
      </c>
      <c r="B65408" s="14" t="s">
        <v>1</v>
      </c>
      <c r="C65408" s="14" t="s">
        <v>218</v>
      </c>
      <c r="D65408" s="14" t="s">
        <v>153</v>
      </c>
      <c r="E65408" s="15">
        <v>45449</v>
      </c>
      <c r="F65408" s="14" t="s">
        <v>25</v>
      </c>
      <c r="G65408" s="16">
        <v>0.24869584345076426</v>
      </c>
    </row>
    <row r="65409" spans="1:7" x14ac:dyDescent="0.3">
      <c r="A65409" s="13" t="s">
        <v>349</v>
      </c>
      <c r="B65409" s="14" t="s">
        <v>1</v>
      </c>
      <c r="C65409" s="14" t="s">
        <v>218</v>
      </c>
      <c r="D65409" s="14" t="s">
        <v>153</v>
      </c>
      <c r="E65409" s="15">
        <v>45450</v>
      </c>
      <c r="F65409" s="14" t="s">
        <v>25</v>
      </c>
      <c r="G65409" s="16">
        <v>0.25117191168628922</v>
      </c>
    </row>
    <row r="65410" spans="1:7" x14ac:dyDescent="0.3">
      <c r="A65410" s="13" t="s">
        <v>349</v>
      </c>
      <c r="B65410" s="14" t="s">
        <v>1</v>
      </c>
      <c r="C65410" s="14" t="s">
        <v>218</v>
      </c>
      <c r="D65410" s="14" t="s">
        <v>153</v>
      </c>
      <c r="E65410" s="15">
        <v>45451</v>
      </c>
      <c r="F65410" s="14" t="s">
        <v>25</v>
      </c>
      <c r="G65410" s="16">
        <v>0.25117191168628922</v>
      </c>
    </row>
    <row r="65411" spans="1:7" x14ac:dyDescent="0.3">
      <c r="A65411" s="13" t="s">
        <v>349</v>
      </c>
      <c r="B65411" s="14" t="s">
        <v>1</v>
      </c>
      <c r="C65411" s="14" t="s">
        <v>218</v>
      </c>
      <c r="D65411" s="14" t="s">
        <v>153</v>
      </c>
      <c r="E65411" s="15">
        <v>45452</v>
      </c>
      <c r="F65411" s="14" t="s">
        <v>25</v>
      </c>
      <c r="G65411" s="16">
        <v>0.25117191168628922</v>
      </c>
    </row>
    <row r="65412" spans="1:7" x14ac:dyDescent="0.3">
      <c r="A65412" s="13" t="s">
        <v>349</v>
      </c>
      <c r="B65412" s="14" t="s">
        <v>1</v>
      </c>
      <c r="C65412" s="14" t="s">
        <v>218</v>
      </c>
      <c r="D65412" s="14" t="s">
        <v>153</v>
      </c>
      <c r="E65412" s="15">
        <v>45453</v>
      </c>
      <c r="F65412" s="14" t="s">
        <v>25</v>
      </c>
      <c r="G65412" s="16">
        <v>0.25520307087886662</v>
      </c>
    </row>
    <row r="65413" spans="1:7" x14ac:dyDescent="0.3">
      <c r="A65413" s="13" t="s">
        <v>349</v>
      </c>
      <c r="B65413" s="14" t="s">
        <v>1</v>
      </c>
      <c r="C65413" s="14" t="s">
        <v>218</v>
      </c>
      <c r="D65413" s="14" t="s">
        <v>153</v>
      </c>
      <c r="E65413" s="15">
        <v>45454</v>
      </c>
      <c r="F65413" s="14" t="s">
        <v>25</v>
      </c>
      <c r="G65413" s="16">
        <v>0.26275575006462315</v>
      </c>
    </row>
    <row r="65414" spans="1:7" x14ac:dyDescent="0.3">
      <c r="A65414" s="13" t="s">
        <v>349</v>
      </c>
      <c r="B65414" s="14" t="s">
        <v>1</v>
      </c>
      <c r="C65414" s="14" t="s">
        <v>218</v>
      </c>
      <c r="D65414" s="14" t="s">
        <v>153</v>
      </c>
      <c r="E65414" s="15">
        <v>45455</v>
      </c>
      <c r="F65414" s="14" t="s">
        <v>25</v>
      </c>
      <c r="G65414" s="16">
        <v>0.26528258865599486</v>
      </c>
    </row>
    <row r="65415" spans="1:7" x14ac:dyDescent="0.3">
      <c r="A65415" s="13" t="s">
        <v>349</v>
      </c>
      <c r="B65415" s="14" t="s">
        <v>1</v>
      </c>
      <c r="C65415" s="14" t="s">
        <v>218</v>
      </c>
      <c r="D65415" s="14" t="s">
        <v>153</v>
      </c>
      <c r="E65415" s="15">
        <v>45456</v>
      </c>
      <c r="F65415" s="14" t="s">
        <v>25</v>
      </c>
      <c r="G65415" s="16">
        <v>0.26774931493372678</v>
      </c>
    </row>
    <row r="65416" spans="1:7" x14ac:dyDescent="0.3">
      <c r="A65416" s="13" t="s">
        <v>349</v>
      </c>
      <c r="B65416" s="14" t="s">
        <v>1</v>
      </c>
      <c r="C65416" s="14" t="s">
        <v>218</v>
      </c>
      <c r="D65416" s="14" t="s">
        <v>153</v>
      </c>
      <c r="E65416" s="15">
        <v>45457</v>
      </c>
      <c r="F65416" s="14" t="s">
        <v>25</v>
      </c>
      <c r="G65416" s="16">
        <v>0.28201044379127777</v>
      </c>
    </row>
    <row r="65417" spans="1:7" x14ac:dyDescent="0.3">
      <c r="A65417" s="13" t="s">
        <v>349</v>
      </c>
      <c r="B65417" s="14" t="s">
        <v>1</v>
      </c>
      <c r="C65417" s="14" t="s">
        <v>218</v>
      </c>
      <c r="D65417" s="14" t="s">
        <v>153</v>
      </c>
      <c r="E65417" s="15">
        <v>45458</v>
      </c>
      <c r="F65417" s="14" t="s">
        <v>25</v>
      </c>
      <c r="G65417" s="16">
        <v>0.28201044379127777</v>
      </c>
    </row>
    <row r="65418" spans="1:7" x14ac:dyDescent="0.3">
      <c r="A65418" s="13" t="s">
        <v>349</v>
      </c>
      <c r="B65418" s="14" t="s">
        <v>1</v>
      </c>
      <c r="C65418" s="14" t="s">
        <v>218</v>
      </c>
      <c r="D65418" s="14" t="s">
        <v>153</v>
      </c>
      <c r="E65418" s="15">
        <v>45459</v>
      </c>
      <c r="F65418" s="14" t="s">
        <v>25</v>
      </c>
      <c r="G65418" s="16">
        <v>0.28201044379127777</v>
      </c>
    </row>
    <row r="65419" spans="1:7" x14ac:dyDescent="0.3">
      <c r="A65419" s="13" t="s">
        <v>349</v>
      </c>
      <c r="B65419" s="14" t="s">
        <v>1</v>
      </c>
      <c r="C65419" s="14" t="s">
        <v>218</v>
      </c>
      <c r="D65419" s="14" t="s">
        <v>153</v>
      </c>
      <c r="E65419" s="15">
        <v>45460</v>
      </c>
      <c r="F65419" s="14" t="s">
        <v>25</v>
      </c>
      <c r="G65419" s="16">
        <v>0.28450777630356205</v>
      </c>
    </row>
    <row r="65420" spans="1:7" x14ac:dyDescent="0.3">
      <c r="A65420" s="13" t="s">
        <v>349</v>
      </c>
      <c r="B65420" s="14" t="s">
        <v>1</v>
      </c>
      <c r="C65420" s="14" t="s">
        <v>218</v>
      </c>
      <c r="D65420" s="14" t="s">
        <v>153</v>
      </c>
      <c r="E65420" s="15">
        <v>45461</v>
      </c>
      <c r="F65420" s="14" t="s">
        <v>25</v>
      </c>
      <c r="G65420" s="16">
        <v>0.29205180131501657</v>
      </c>
    </row>
    <row r="65421" spans="1:7" x14ac:dyDescent="0.3">
      <c r="A65421" s="13" t="s">
        <v>349</v>
      </c>
      <c r="B65421" s="14" t="s">
        <v>1</v>
      </c>
      <c r="C65421" s="14" t="s">
        <v>218</v>
      </c>
      <c r="D65421" s="14" t="s">
        <v>153</v>
      </c>
      <c r="E65421" s="15">
        <v>45462</v>
      </c>
      <c r="F65421" s="14" t="s">
        <v>25</v>
      </c>
      <c r="G65421" s="16">
        <v>0.29450481550103635</v>
      </c>
    </row>
    <row r="65422" spans="1:7" x14ac:dyDescent="0.3">
      <c r="A65422" s="13" t="s">
        <v>349</v>
      </c>
      <c r="B65422" s="14" t="s">
        <v>1</v>
      </c>
      <c r="C65422" s="14" t="s">
        <v>218</v>
      </c>
      <c r="D65422" s="14" t="s">
        <v>153</v>
      </c>
      <c r="E65422" s="15">
        <v>45463</v>
      </c>
      <c r="F65422" s="14" t="s">
        <v>25</v>
      </c>
      <c r="G65422" s="16">
        <v>0.29696174860466246</v>
      </c>
    </row>
    <row r="65423" spans="1:7" x14ac:dyDescent="0.3">
      <c r="A65423" s="13" t="s">
        <v>349</v>
      </c>
      <c r="B65423" s="14" t="s">
        <v>1</v>
      </c>
      <c r="C65423" s="14" t="s">
        <v>218</v>
      </c>
      <c r="D65423" s="14" t="s">
        <v>153</v>
      </c>
      <c r="E65423" s="15">
        <v>45464</v>
      </c>
      <c r="F65423" s="14" t="s">
        <v>25</v>
      </c>
      <c r="G65423" s="16">
        <v>0.29946128460563237</v>
      </c>
    </row>
    <row r="65424" spans="1:7" x14ac:dyDescent="0.3">
      <c r="A65424" s="13" t="s">
        <v>349</v>
      </c>
      <c r="B65424" s="14" t="s">
        <v>1</v>
      </c>
      <c r="C65424" s="14" t="s">
        <v>218</v>
      </c>
      <c r="D65424" s="14" t="s">
        <v>153</v>
      </c>
      <c r="E65424" s="15">
        <v>45465</v>
      </c>
      <c r="F65424" s="14" t="s">
        <v>25</v>
      </c>
      <c r="G65424" s="16">
        <v>0.29946128460563237</v>
      </c>
    </row>
    <row r="65425" spans="1:7" x14ac:dyDescent="0.3">
      <c r="A65425" s="13" t="s">
        <v>349</v>
      </c>
      <c r="B65425" s="14" t="s">
        <v>1</v>
      </c>
      <c r="C65425" s="14" t="s">
        <v>218</v>
      </c>
      <c r="D65425" s="14" t="s">
        <v>153</v>
      </c>
      <c r="E65425" s="15">
        <v>45466</v>
      </c>
      <c r="F65425" s="14" t="s">
        <v>25</v>
      </c>
      <c r="G65425" s="16">
        <v>0.29946128460563237</v>
      </c>
    </row>
    <row r="65426" spans="1:7" x14ac:dyDescent="0.3">
      <c r="A65426" s="13" t="s">
        <v>349</v>
      </c>
      <c r="B65426" s="14" t="s">
        <v>1</v>
      </c>
      <c r="C65426" s="14" t="s">
        <v>218</v>
      </c>
      <c r="D65426" s="14" t="s">
        <v>153</v>
      </c>
      <c r="E65426" s="15">
        <v>45467</v>
      </c>
      <c r="F65426" s="14" t="s">
        <v>25</v>
      </c>
      <c r="G65426" s="16">
        <v>0.3138420257373522</v>
      </c>
    </row>
    <row r="65427" spans="1:7" x14ac:dyDescent="0.3">
      <c r="A65427" s="13" t="s">
        <v>349</v>
      </c>
      <c r="B65427" s="14" t="s">
        <v>1</v>
      </c>
      <c r="C65427" s="14" t="s">
        <v>218</v>
      </c>
      <c r="D65427" s="14" t="s">
        <v>153</v>
      </c>
      <c r="E65427" s="15">
        <v>45468</v>
      </c>
      <c r="F65427" s="14" t="s">
        <v>25</v>
      </c>
      <c r="G65427" s="16">
        <v>0.32107518542864211</v>
      </c>
    </row>
    <row r="65428" spans="1:7" x14ac:dyDescent="0.3">
      <c r="A65428" s="13" t="s">
        <v>349</v>
      </c>
      <c r="B65428" s="14" t="s">
        <v>1</v>
      </c>
      <c r="C65428" s="14" t="s">
        <v>218</v>
      </c>
      <c r="D65428" s="14" t="s">
        <v>153</v>
      </c>
      <c r="E65428" s="15">
        <v>45469</v>
      </c>
      <c r="F65428" s="14" t="s">
        <v>25</v>
      </c>
      <c r="G65428" s="16">
        <v>0.32346723087463825</v>
      </c>
    </row>
    <row r="65429" spans="1:7" x14ac:dyDescent="0.3">
      <c r="A65429" s="13" t="s">
        <v>349</v>
      </c>
      <c r="B65429" s="14" t="s">
        <v>1</v>
      </c>
      <c r="C65429" s="14" t="s">
        <v>218</v>
      </c>
      <c r="D65429" s="14" t="s">
        <v>153</v>
      </c>
      <c r="E65429" s="15">
        <v>45470</v>
      </c>
      <c r="F65429" s="14" t="s">
        <v>25</v>
      </c>
      <c r="G65429" s="16">
        <v>0.32587771496386064</v>
      </c>
    </row>
    <row r="65430" spans="1:7" x14ac:dyDescent="0.3">
      <c r="A65430" s="13" t="s">
        <v>349</v>
      </c>
      <c r="B65430" s="14" t="s">
        <v>1</v>
      </c>
      <c r="C65430" s="14" t="s">
        <v>218</v>
      </c>
      <c r="D65430" s="14" t="s">
        <v>153</v>
      </c>
      <c r="E65430" s="15">
        <v>45471</v>
      </c>
      <c r="F65430" s="14" t="s">
        <v>25</v>
      </c>
      <c r="G65430" s="16">
        <v>0.32698186942113738</v>
      </c>
    </row>
    <row r="65431" spans="1:7" x14ac:dyDescent="0.3">
      <c r="A65431" s="13" t="s">
        <v>349</v>
      </c>
      <c r="B65431" s="14" t="s">
        <v>1</v>
      </c>
      <c r="C65431" s="14" t="s">
        <v>218</v>
      </c>
      <c r="D65431" s="14" t="s">
        <v>153</v>
      </c>
      <c r="E65431" s="15">
        <v>45472</v>
      </c>
      <c r="F65431" s="14" t="s">
        <v>25</v>
      </c>
      <c r="G65431" s="16">
        <v>0.32698186942113738</v>
      </c>
    </row>
    <row r="65432" spans="1:7" x14ac:dyDescent="0.3">
      <c r="A65432" s="13" t="s">
        <v>349</v>
      </c>
      <c r="B65432" s="14" t="s">
        <v>1</v>
      </c>
      <c r="C65432" s="14" t="s">
        <v>218</v>
      </c>
      <c r="D65432" s="14" t="s">
        <v>153</v>
      </c>
      <c r="E65432" s="15">
        <v>45473</v>
      </c>
      <c r="F65432" s="14" t="s">
        <v>25</v>
      </c>
      <c r="G65432" s="16">
        <v>0.32698186942113738</v>
      </c>
    </row>
    <row r="65433" spans="1:7" x14ac:dyDescent="0.3">
      <c r="A65433" s="13" t="s">
        <v>349</v>
      </c>
      <c r="B65433" s="14" t="s">
        <v>1</v>
      </c>
      <c r="C65433" s="14" t="s">
        <v>218</v>
      </c>
      <c r="D65433" s="14" t="s">
        <v>153</v>
      </c>
      <c r="E65433" s="15">
        <v>45474</v>
      </c>
      <c r="F65433" s="14" t="s">
        <v>25</v>
      </c>
      <c r="G65433" s="16">
        <v>0.32940795131611228</v>
      </c>
    </row>
    <row r="65434" spans="1:7" x14ac:dyDescent="0.3">
      <c r="A65434" s="13" t="s">
        <v>349</v>
      </c>
      <c r="B65434" s="14" t="s">
        <v>1</v>
      </c>
      <c r="C65434" s="14" t="s">
        <v>218</v>
      </c>
      <c r="D65434" s="14" t="s">
        <v>153</v>
      </c>
      <c r="E65434" s="15">
        <v>45475</v>
      </c>
      <c r="F65434" s="14" t="s">
        <v>25</v>
      </c>
      <c r="G65434" s="16">
        <v>0.34151544651973315</v>
      </c>
    </row>
    <row r="65435" spans="1:7" x14ac:dyDescent="0.3">
      <c r="A65435" s="13" t="s">
        <v>349</v>
      </c>
      <c r="B65435" s="14" t="s">
        <v>1</v>
      </c>
      <c r="C65435" s="14" t="s">
        <v>218</v>
      </c>
      <c r="D65435" s="14" t="s">
        <v>153</v>
      </c>
      <c r="E65435" s="15">
        <v>45476</v>
      </c>
      <c r="F65435" s="14" t="s">
        <v>25</v>
      </c>
      <c r="G65435" s="16">
        <v>0.34335406466540558</v>
      </c>
    </row>
    <row r="65436" spans="1:7" x14ac:dyDescent="0.3">
      <c r="A65436" s="13" t="s">
        <v>349</v>
      </c>
      <c r="B65436" s="14" t="s">
        <v>1</v>
      </c>
      <c r="C65436" s="14" t="s">
        <v>218</v>
      </c>
      <c r="D65436" s="14" t="s">
        <v>153</v>
      </c>
      <c r="E65436" s="15">
        <v>45477</v>
      </c>
      <c r="F65436" s="14" t="s">
        <v>25</v>
      </c>
      <c r="G65436" s="16">
        <v>0.34563826548881083</v>
      </c>
    </row>
    <row r="65437" spans="1:7" x14ac:dyDescent="0.3">
      <c r="A65437" s="13" t="s">
        <v>349</v>
      </c>
      <c r="B65437" s="14" t="s">
        <v>1</v>
      </c>
      <c r="C65437" s="14" t="s">
        <v>218</v>
      </c>
      <c r="D65437" s="14" t="s">
        <v>153</v>
      </c>
      <c r="E65437" s="15">
        <v>45478</v>
      </c>
      <c r="F65437" s="14" t="s">
        <v>25</v>
      </c>
      <c r="G65437" s="16">
        <v>0.34808104495282421</v>
      </c>
    </row>
    <row r="65438" spans="1:7" x14ac:dyDescent="0.3">
      <c r="A65438" s="13" t="s">
        <v>349</v>
      </c>
      <c r="B65438" s="14" t="s">
        <v>1</v>
      </c>
      <c r="C65438" s="14" t="s">
        <v>218</v>
      </c>
      <c r="D65438" s="14" t="s">
        <v>153</v>
      </c>
      <c r="E65438" s="15">
        <v>45479</v>
      </c>
      <c r="F65438" s="14" t="s">
        <v>25</v>
      </c>
      <c r="G65438" s="16">
        <v>0.34808104495282421</v>
      </c>
    </row>
    <row r="65439" spans="1:7" x14ac:dyDescent="0.3">
      <c r="A65439" s="13" t="s">
        <v>349</v>
      </c>
      <c r="B65439" s="14" t="s">
        <v>1</v>
      </c>
      <c r="C65439" s="14" t="s">
        <v>218</v>
      </c>
      <c r="D65439" s="14" t="s">
        <v>153</v>
      </c>
      <c r="E65439" s="15">
        <v>45480</v>
      </c>
      <c r="F65439" s="14" t="s">
        <v>25</v>
      </c>
      <c r="G65439" s="16">
        <v>0.34808104495282421</v>
      </c>
    </row>
    <row r="65440" spans="1:7" x14ac:dyDescent="0.3">
      <c r="A65440" s="13" t="s">
        <v>349</v>
      </c>
      <c r="B65440" s="14" t="s">
        <v>1</v>
      </c>
      <c r="C65440" s="14" t="s">
        <v>218</v>
      </c>
      <c r="D65440" s="14" t="s">
        <v>153</v>
      </c>
      <c r="E65440" s="15">
        <v>45481</v>
      </c>
      <c r="F65440" s="14" t="s">
        <v>25</v>
      </c>
      <c r="G65440" s="16">
        <v>0.35037983336394984</v>
      </c>
    </row>
    <row r="65441" spans="1:7" x14ac:dyDescent="0.3">
      <c r="A65441" s="13" t="s">
        <v>349</v>
      </c>
      <c r="B65441" s="14" t="s">
        <v>1</v>
      </c>
      <c r="C65441" s="14" t="s">
        <v>218</v>
      </c>
      <c r="D65441" s="14" t="s">
        <v>153</v>
      </c>
      <c r="E65441" s="15">
        <v>45482</v>
      </c>
      <c r="F65441" s="14" t="s">
        <v>25</v>
      </c>
      <c r="G65441" s="16">
        <v>0.35725614625919444</v>
      </c>
    </row>
    <row r="65442" spans="1:7" x14ac:dyDescent="0.3">
      <c r="A65442" s="13" t="s">
        <v>349</v>
      </c>
      <c r="B65442" s="14" t="s">
        <v>1</v>
      </c>
      <c r="C65442" s="14" t="s">
        <v>218</v>
      </c>
      <c r="D65442" s="14" t="s">
        <v>153</v>
      </c>
      <c r="E65442" s="15">
        <v>45483</v>
      </c>
      <c r="F65442" s="14" t="s">
        <v>25</v>
      </c>
      <c r="G65442" s="16">
        <v>0.36465229914978531</v>
      </c>
    </row>
    <row r="65443" spans="1:7" x14ac:dyDescent="0.3">
      <c r="A65443" s="13" t="s">
        <v>349</v>
      </c>
      <c r="B65443" s="14" t="s">
        <v>1</v>
      </c>
      <c r="C65443" s="14" t="s">
        <v>218</v>
      </c>
      <c r="D65443" s="14" t="s">
        <v>153</v>
      </c>
      <c r="E65443" s="15">
        <v>45484</v>
      </c>
      <c r="F65443" s="14" t="s">
        <v>25</v>
      </c>
      <c r="G65443" s="16">
        <v>0.36695782072243677</v>
      </c>
    </row>
    <row r="65444" spans="1:7" x14ac:dyDescent="0.3">
      <c r="A65444" s="13" t="s">
        <v>349</v>
      </c>
      <c r="B65444" s="14" t="s">
        <v>1</v>
      </c>
      <c r="C65444" s="14" t="s">
        <v>218</v>
      </c>
      <c r="D65444" s="14" t="s">
        <v>153</v>
      </c>
      <c r="E65444" s="15">
        <v>45485</v>
      </c>
      <c r="F65444" s="14" t="s">
        <v>25</v>
      </c>
      <c r="G65444" s="16">
        <v>0.36921403317784318</v>
      </c>
    </row>
    <row r="65445" spans="1:7" x14ac:dyDescent="0.3">
      <c r="A65445" s="13" t="s">
        <v>349</v>
      </c>
      <c r="B65445" s="14" t="s">
        <v>1</v>
      </c>
      <c r="C65445" s="14" t="s">
        <v>218</v>
      </c>
      <c r="D65445" s="14" t="s">
        <v>153</v>
      </c>
      <c r="E65445" s="15">
        <v>45486</v>
      </c>
      <c r="F65445" s="14" t="s">
        <v>25</v>
      </c>
      <c r="G65445" s="16">
        <v>0.36921403317784318</v>
      </c>
    </row>
    <row r="65446" spans="1:7" x14ac:dyDescent="0.3">
      <c r="A65446" s="13" t="s">
        <v>349</v>
      </c>
      <c r="B65446" s="14" t="s">
        <v>1</v>
      </c>
      <c r="C65446" s="14" t="s">
        <v>218</v>
      </c>
      <c r="D65446" s="14" t="s">
        <v>153</v>
      </c>
      <c r="E65446" s="15">
        <v>45487</v>
      </c>
      <c r="F65446" s="14" t="s">
        <v>25</v>
      </c>
      <c r="G65446" s="16">
        <v>0.36921403317784318</v>
      </c>
    </row>
    <row r="65447" spans="1:7" x14ac:dyDescent="0.3">
      <c r="A65447" s="13" t="s">
        <v>349</v>
      </c>
      <c r="B65447" s="14" t="s">
        <v>1</v>
      </c>
      <c r="C65447" s="14" t="s">
        <v>218</v>
      </c>
      <c r="D65447" s="14" t="s">
        <v>153</v>
      </c>
      <c r="E65447" s="15">
        <v>45488</v>
      </c>
      <c r="F65447" s="14" t="s">
        <v>25</v>
      </c>
      <c r="G65447" s="16">
        <v>0.37147701163316793</v>
      </c>
    </row>
    <row r="65448" spans="1:7" x14ac:dyDescent="0.3">
      <c r="A65448" s="13" t="s">
        <v>349</v>
      </c>
      <c r="B65448" s="14" t="s">
        <v>1</v>
      </c>
      <c r="C65448" s="14" t="s">
        <v>218</v>
      </c>
      <c r="D65448" s="14" t="s">
        <v>153</v>
      </c>
      <c r="E65448" s="15">
        <v>45489</v>
      </c>
      <c r="F65448" s="14" t="s">
        <v>25</v>
      </c>
      <c r="G65448" s="16">
        <v>0.37825996010249191</v>
      </c>
    </row>
    <row r="65449" spans="1:7" x14ac:dyDescent="0.3">
      <c r="A65449" s="13" t="s">
        <v>349</v>
      </c>
      <c r="B65449" s="14" t="s">
        <v>1</v>
      </c>
      <c r="C65449" s="14" t="s">
        <v>218</v>
      </c>
      <c r="D65449" s="14" t="s">
        <v>153</v>
      </c>
      <c r="E65449" s="15">
        <v>45490</v>
      </c>
      <c r="F65449" s="14" t="s">
        <v>25</v>
      </c>
      <c r="G65449" s="16">
        <v>0.38051874436328953</v>
      </c>
    </row>
    <row r="65450" spans="1:7" x14ac:dyDescent="0.3">
      <c r="A65450" s="13" t="s">
        <v>349</v>
      </c>
      <c r="B65450" s="14" t="s">
        <v>1</v>
      </c>
      <c r="C65450" s="14" t="s">
        <v>218</v>
      </c>
      <c r="D65450" s="14" t="s">
        <v>153</v>
      </c>
      <c r="E65450" s="15">
        <v>45491</v>
      </c>
      <c r="F65450" s="14" t="s">
        <v>25</v>
      </c>
      <c r="G65450" s="16">
        <v>0.38270195398685275</v>
      </c>
    </row>
    <row r="65451" spans="1:7" x14ac:dyDescent="0.3">
      <c r="A65451" s="13" t="s">
        <v>349</v>
      </c>
      <c r="B65451" s="14" t="s">
        <v>1</v>
      </c>
      <c r="C65451" s="14" t="s">
        <v>218</v>
      </c>
      <c r="D65451" s="14" t="s">
        <v>153</v>
      </c>
      <c r="E65451" s="15">
        <v>45492</v>
      </c>
      <c r="F65451" s="14" t="s">
        <v>25</v>
      </c>
      <c r="G65451" s="16">
        <v>0.43963805184705251</v>
      </c>
    </row>
    <row r="65452" spans="1:7" x14ac:dyDescent="0.3">
      <c r="A65452" s="13" t="s">
        <v>349</v>
      </c>
      <c r="B65452" s="14" t="s">
        <v>1</v>
      </c>
      <c r="C65452" s="14" t="s">
        <v>218</v>
      </c>
      <c r="D65452" s="14" t="s">
        <v>153</v>
      </c>
      <c r="E65452" s="15">
        <v>45493</v>
      </c>
      <c r="F65452" s="14" t="s">
        <v>25</v>
      </c>
      <c r="G65452" s="16">
        <v>0.43963805184705251</v>
      </c>
    </row>
    <row r="65453" spans="1:7" x14ac:dyDescent="0.3">
      <c r="A65453" s="13" t="s">
        <v>349</v>
      </c>
      <c r="B65453" s="14" t="s">
        <v>1</v>
      </c>
      <c r="C65453" s="14" t="s">
        <v>218</v>
      </c>
      <c r="D65453" s="14" t="s">
        <v>153</v>
      </c>
      <c r="E65453" s="15">
        <v>45494</v>
      </c>
      <c r="F65453" s="14" t="s">
        <v>25</v>
      </c>
      <c r="G65453" s="16">
        <v>0.43963805184705251</v>
      </c>
    </row>
    <row r="65454" spans="1:7" x14ac:dyDescent="0.3">
      <c r="A65454" s="13" t="s">
        <v>349</v>
      </c>
      <c r="B65454" s="14" t="s">
        <v>1</v>
      </c>
      <c r="C65454" s="14" t="s">
        <v>218</v>
      </c>
      <c r="D65454" s="14" t="s">
        <v>153</v>
      </c>
      <c r="E65454" s="15">
        <v>45495</v>
      </c>
      <c r="F65454" s="14" t="s">
        <v>25</v>
      </c>
      <c r="G65454" s="16">
        <v>0.44117709649984332</v>
      </c>
    </row>
    <row r="65455" spans="1:7" x14ac:dyDescent="0.3">
      <c r="A65455" s="13" t="s">
        <v>349</v>
      </c>
      <c r="B65455" s="14" t="s">
        <v>1</v>
      </c>
      <c r="C65455" s="14" t="s">
        <v>218</v>
      </c>
      <c r="D65455" s="14" t="s">
        <v>153</v>
      </c>
      <c r="E65455" s="15">
        <v>45496</v>
      </c>
      <c r="F65455" s="14" t="s">
        <v>25</v>
      </c>
      <c r="G65455" s="16">
        <v>0.44796389624212934</v>
      </c>
    </row>
    <row r="65456" spans="1:7" x14ac:dyDescent="0.3">
      <c r="A65456" s="13" t="s">
        <v>349</v>
      </c>
      <c r="B65456" s="14" t="s">
        <v>1</v>
      </c>
      <c r="C65456" s="14" t="s">
        <v>218</v>
      </c>
      <c r="D65456" s="14" t="s">
        <v>153</v>
      </c>
      <c r="E65456" s="15">
        <v>45497</v>
      </c>
      <c r="F65456" s="14" t="s">
        <v>25</v>
      </c>
      <c r="G65456" s="16">
        <v>0.45022971637150117</v>
      </c>
    </row>
    <row r="65457" spans="1:7" x14ac:dyDescent="0.3">
      <c r="A65457" s="13" t="s">
        <v>349</v>
      </c>
      <c r="B65457" s="14" t="s">
        <v>1</v>
      </c>
      <c r="C65457" s="14" t="s">
        <v>218</v>
      </c>
      <c r="D65457" s="14" t="s">
        <v>153</v>
      </c>
      <c r="E65457" s="15">
        <v>45498</v>
      </c>
      <c r="F65457" s="14" t="s">
        <v>25</v>
      </c>
      <c r="G65457" s="16">
        <v>0.45242615863428481</v>
      </c>
    </row>
    <row r="65458" spans="1:7" x14ac:dyDescent="0.3">
      <c r="A65458" s="13" t="s">
        <v>349</v>
      </c>
      <c r="B65458" s="14" t="s">
        <v>1</v>
      </c>
      <c r="C65458" s="14" t="s">
        <v>218</v>
      </c>
      <c r="D65458" s="14" t="s">
        <v>153</v>
      </c>
      <c r="E65458" s="15">
        <v>45499</v>
      </c>
      <c r="F65458" s="14" t="s">
        <v>25</v>
      </c>
      <c r="G65458" s="16">
        <v>0.45462985523673072</v>
      </c>
    </row>
    <row r="65459" spans="1:7" x14ac:dyDescent="0.3">
      <c r="A65459" s="13" t="s">
        <v>349</v>
      </c>
      <c r="B65459" s="14" t="s">
        <v>1</v>
      </c>
      <c r="C65459" s="14" t="s">
        <v>218</v>
      </c>
      <c r="D65459" s="14" t="s">
        <v>153</v>
      </c>
      <c r="E65459" s="15">
        <v>45500</v>
      </c>
      <c r="F65459" s="14" t="s">
        <v>25</v>
      </c>
      <c r="G65459" s="16">
        <v>0.45462985523673072</v>
      </c>
    </row>
    <row r="65460" spans="1:7" x14ac:dyDescent="0.3">
      <c r="A65460" s="13" t="s">
        <v>349</v>
      </c>
      <c r="B65460" s="14" t="s">
        <v>1</v>
      </c>
      <c r="C65460" s="14" t="s">
        <v>218</v>
      </c>
      <c r="D65460" s="14" t="s">
        <v>153</v>
      </c>
      <c r="E65460" s="15">
        <v>45501</v>
      </c>
      <c r="F65460" s="14" t="s">
        <v>25</v>
      </c>
      <c r="G65460" s="16">
        <v>0.45462985523673072</v>
      </c>
    </row>
    <row r="65461" spans="1:7" x14ac:dyDescent="0.3">
      <c r="A65461" s="13" t="s">
        <v>349</v>
      </c>
      <c r="B65461" s="14" t="s">
        <v>1</v>
      </c>
      <c r="C65461" s="14" t="s">
        <v>218</v>
      </c>
      <c r="D65461" s="14" t="s">
        <v>153</v>
      </c>
      <c r="E65461" s="15">
        <v>45502</v>
      </c>
      <c r="F65461" s="14" t="s">
        <v>25</v>
      </c>
      <c r="G65461" s="16">
        <v>0.45688697015850771</v>
      </c>
    </row>
    <row r="65462" spans="1:7" x14ac:dyDescent="0.3">
      <c r="A65462" s="13" t="s">
        <v>349</v>
      </c>
      <c r="B65462" s="14" t="s">
        <v>1</v>
      </c>
      <c r="C65462" s="14" t="s">
        <v>218</v>
      </c>
      <c r="D65462" s="14" t="s">
        <v>153</v>
      </c>
      <c r="E65462" s="15">
        <v>45503</v>
      </c>
      <c r="F65462" s="14" t="s">
        <v>25</v>
      </c>
      <c r="G65462" s="16">
        <v>0.46364570620400791</v>
      </c>
    </row>
    <row r="65463" spans="1:7" x14ac:dyDescent="0.3">
      <c r="A65463" s="13" t="s">
        <v>349</v>
      </c>
      <c r="B65463" s="14" t="s">
        <v>1</v>
      </c>
      <c r="C65463" s="14" t="s">
        <v>218</v>
      </c>
      <c r="D65463" s="14" t="s">
        <v>153</v>
      </c>
      <c r="E65463" s="15">
        <v>45504</v>
      </c>
      <c r="F65463" s="14" t="s">
        <v>25</v>
      </c>
      <c r="G65463" s="16">
        <v>0.46937925163388128</v>
      </c>
    </row>
    <row r="65464" spans="1:7" x14ac:dyDescent="0.3">
      <c r="A65464" s="13" t="s">
        <v>349</v>
      </c>
      <c r="B65464" s="14" t="s">
        <v>1</v>
      </c>
      <c r="C65464" s="14" t="s">
        <v>218</v>
      </c>
      <c r="D65464" s="14" t="s">
        <v>153</v>
      </c>
      <c r="E65464" s="15">
        <v>45505</v>
      </c>
      <c r="F65464" s="14" t="s">
        <v>25</v>
      </c>
      <c r="G65464" s="16">
        <v>0.46937925163388128</v>
      </c>
    </row>
    <row r="65465" spans="1:7" x14ac:dyDescent="0.3">
      <c r="A65465" s="13" t="s">
        <v>349</v>
      </c>
      <c r="B65465" s="14" t="s">
        <v>1</v>
      </c>
      <c r="C65465" s="14" t="s">
        <v>218</v>
      </c>
      <c r="D65465" s="14" t="s">
        <v>153</v>
      </c>
      <c r="E65465" s="15">
        <v>45506</v>
      </c>
      <c r="F65465" s="14" t="s">
        <v>25</v>
      </c>
      <c r="G65465" s="16">
        <v>0.47155811220892435</v>
      </c>
    </row>
    <row r="65466" spans="1:7" x14ac:dyDescent="0.3">
      <c r="A65466" s="13" t="s">
        <v>349</v>
      </c>
      <c r="B65466" s="14" t="s">
        <v>1</v>
      </c>
      <c r="C65466" s="14" t="s">
        <v>218</v>
      </c>
      <c r="D65466" s="14" t="s">
        <v>153</v>
      </c>
      <c r="E65466" s="15">
        <v>45507</v>
      </c>
      <c r="F65466" s="14" t="s">
        <v>25</v>
      </c>
      <c r="G65466" s="16">
        <v>0.47155811220892435</v>
      </c>
    </row>
    <row r="65467" spans="1:7" x14ac:dyDescent="0.3">
      <c r="A65467" s="13" t="s">
        <v>349</v>
      </c>
      <c r="B65467" s="14" t="s">
        <v>1</v>
      </c>
      <c r="C65467" s="14" t="s">
        <v>218</v>
      </c>
      <c r="D65467" s="14" t="s">
        <v>153</v>
      </c>
      <c r="E65467" s="15">
        <v>45508</v>
      </c>
      <c r="F65467" s="14" t="s">
        <v>25</v>
      </c>
      <c r="G65467" s="16">
        <v>0.47155811220892435</v>
      </c>
    </row>
    <row r="65468" spans="1:7" x14ac:dyDescent="0.3">
      <c r="A65468" s="13" t="s">
        <v>349</v>
      </c>
      <c r="B65468" s="14" t="s">
        <v>1</v>
      </c>
      <c r="C65468" s="14" t="s">
        <v>218</v>
      </c>
      <c r="D65468" s="14" t="s">
        <v>153</v>
      </c>
      <c r="E65468" s="15">
        <v>45509</v>
      </c>
      <c r="F65468" s="14" t="s">
        <v>25</v>
      </c>
      <c r="G65468" s="16">
        <v>0.47155811220892435</v>
      </c>
    </row>
    <row r="65469" spans="1:7" x14ac:dyDescent="0.3">
      <c r="A65469" s="13" t="s">
        <v>349</v>
      </c>
      <c r="B65469" s="14" t="s">
        <v>1</v>
      </c>
      <c r="C65469" s="14" t="s">
        <v>218</v>
      </c>
      <c r="D65469" s="14" t="s">
        <v>153</v>
      </c>
      <c r="E65469" s="15">
        <v>45510</v>
      </c>
      <c r="F65469" s="14" t="s">
        <v>25</v>
      </c>
      <c r="G65469" s="16">
        <v>0.47819162698786882</v>
      </c>
    </row>
    <row r="65470" spans="1:7" x14ac:dyDescent="0.3">
      <c r="A65470" s="13" t="s">
        <v>349</v>
      </c>
      <c r="B65470" s="14" t="s">
        <v>1</v>
      </c>
      <c r="C65470" s="14" t="s">
        <v>218</v>
      </c>
      <c r="D65470" s="14" t="s">
        <v>153</v>
      </c>
      <c r="E65470" s="15">
        <v>45511</v>
      </c>
      <c r="F65470" s="14" t="s">
        <v>25</v>
      </c>
      <c r="G65470" s="16">
        <v>0.50966112953775844</v>
      </c>
    </row>
    <row r="65471" spans="1:7" x14ac:dyDescent="0.3">
      <c r="A65471" s="13" t="s">
        <v>349</v>
      </c>
      <c r="B65471" s="14" t="s">
        <v>1</v>
      </c>
      <c r="C65471" s="14" t="s">
        <v>218</v>
      </c>
      <c r="D65471" s="14" t="s">
        <v>153</v>
      </c>
      <c r="E65471" s="15">
        <v>45512</v>
      </c>
      <c r="F65471" s="14" t="s">
        <v>25</v>
      </c>
      <c r="G65471" s="16">
        <v>0.51183033493058294</v>
      </c>
    </row>
    <row r="65472" spans="1:7" x14ac:dyDescent="0.3">
      <c r="A65472" s="13" t="s">
        <v>349</v>
      </c>
      <c r="B65472" s="14" t="s">
        <v>1</v>
      </c>
      <c r="C65472" s="14" t="s">
        <v>218</v>
      </c>
      <c r="D65472" s="14" t="s">
        <v>153</v>
      </c>
      <c r="E65472" s="15">
        <v>45513</v>
      </c>
      <c r="F65472" s="14" t="s">
        <v>25</v>
      </c>
      <c r="G65472" s="16">
        <v>0.51396718311003353</v>
      </c>
    </row>
    <row r="65473" spans="1:7" x14ac:dyDescent="0.3">
      <c r="A65473" s="13" t="s">
        <v>349</v>
      </c>
      <c r="B65473" s="14" t="s">
        <v>1</v>
      </c>
      <c r="C65473" s="14" t="s">
        <v>218</v>
      </c>
      <c r="D65473" s="14" t="s">
        <v>153</v>
      </c>
      <c r="E65473" s="15">
        <v>45514</v>
      </c>
      <c r="F65473" s="14" t="s">
        <v>25</v>
      </c>
      <c r="G65473" s="16">
        <v>0.51396718311003353</v>
      </c>
    </row>
    <row r="65474" spans="1:7" x14ac:dyDescent="0.3">
      <c r="A65474" s="13" t="s">
        <v>349</v>
      </c>
      <c r="B65474" s="14" t="s">
        <v>1</v>
      </c>
      <c r="C65474" s="14" t="s">
        <v>218</v>
      </c>
      <c r="D65474" s="14" t="s">
        <v>153</v>
      </c>
      <c r="E65474" s="15">
        <v>45515</v>
      </c>
      <c r="F65474" s="14" t="s">
        <v>25</v>
      </c>
      <c r="G65474" s="16">
        <v>0.51396718311003353</v>
      </c>
    </row>
    <row r="65475" spans="1:7" x14ac:dyDescent="0.3">
      <c r="A65475" s="13" t="s">
        <v>349</v>
      </c>
      <c r="B65475" s="14" t="s">
        <v>1</v>
      </c>
      <c r="C65475" s="14" t="s">
        <v>218</v>
      </c>
      <c r="D65475" s="14" t="s">
        <v>153</v>
      </c>
      <c r="E65475" s="15">
        <v>45516</v>
      </c>
      <c r="F65475" s="14" t="s">
        <v>25</v>
      </c>
      <c r="G65475" s="16">
        <v>0.5160882605293805</v>
      </c>
    </row>
    <row r="65476" spans="1:7" x14ac:dyDescent="0.3">
      <c r="A65476" s="13" t="s">
        <v>349</v>
      </c>
      <c r="B65476" s="14" t="s">
        <v>1</v>
      </c>
      <c r="C65476" s="14" t="s">
        <v>218</v>
      </c>
      <c r="D65476" s="14" t="s">
        <v>153</v>
      </c>
      <c r="E65476" s="15">
        <v>45517</v>
      </c>
      <c r="F65476" s="14" t="s">
        <v>25</v>
      </c>
      <c r="G65476" s="16">
        <v>0.52247172185046009</v>
      </c>
    </row>
    <row r="65477" spans="1:7" x14ac:dyDescent="0.3">
      <c r="A65477" s="13" t="s">
        <v>349</v>
      </c>
      <c r="B65477" s="14" t="s">
        <v>1</v>
      </c>
      <c r="C65477" s="14" t="s">
        <v>218</v>
      </c>
      <c r="D65477" s="14" t="s">
        <v>153</v>
      </c>
      <c r="E65477" s="15">
        <v>45518</v>
      </c>
      <c r="F65477" s="14" t="s">
        <v>25</v>
      </c>
      <c r="G65477" s="16">
        <v>0.52455077822712448</v>
      </c>
    </row>
    <row r="65478" spans="1:7" x14ac:dyDescent="0.3">
      <c r="A65478" s="13" t="s">
        <v>349</v>
      </c>
      <c r="B65478" s="14" t="s">
        <v>1</v>
      </c>
      <c r="C65478" s="14" t="s">
        <v>218</v>
      </c>
      <c r="D65478" s="14" t="s">
        <v>153</v>
      </c>
      <c r="E65478" s="15">
        <v>45519</v>
      </c>
      <c r="F65478" s="14" t="s">
        <v>25</v>
      </c>
      <c r="G65478" s="16">
        <v>0.52747704009718999</v>
      </c>
    </row>
    <row r="65479" spans="1:7" x14ac:dyDescent="0.3">
      <c r="A65479" s="13" t="s">
        <v>349</v>
      </c>
      <c r="B65479" s="14" t="s">
        <v>1</v>
      </c>
      <c r="C65479" s="14" t="s">
        <v>218</v>
      </c>
      <c r="D65479" s="14" t="s">
        <v>153</v>
      </c>
      <c r="E65479" s="15">
        <v>45520</v>
      </c>
      <c r="F65479" s="14" t="s">
        <v>25</v>
      </c>
      <c r="G65479" s="16">
        <v>0.52958698020564288</v>
      </c>
    </row>
    <row r="65480" spans="1:7" x14ac:dyDescent="0.3">
      <c r="A65480" s="13" t="s">
        <v>349</v>
      </c>
      <c r="B65480" s="14" t="s">
        <v>1</v>
      </c>
      <c r="C65480" s="14" t="s">
        <v>218</v>
      </c>
      <c r="D65480" s="14" t="s">
        <v>153</v>
      </c>
      <c r="E65480" s="15">
        <v>45521</v>
      </c>
      <c r="F65480" s="14" t="s">
        <v>25</v>
      </c>
      <c r="G65480" s="16">
        <v>0.52958698020564288</v>
      </c>
    </row>
    <row r="65481" spans="1:7" x14ac:dyDescent="0.3">
      <c r="A65481" s="13" t="s">
        <v>349</v>
      </c>
      <c r="B65481" s="14" t="s">
        <v>1</v>
      </c>
      <c r="C65481" s="14" t="s">
        <v>218</v>
      </c>
      <c r="D65481" s="14" t="s">
        <v>153</v>
      </c>
      <c r="E65481" s="15">
        <v>45522</v>
      </c>
      <c r="F65481" s="14" t="s">
        <v>25</v>
      </c>
      <c r="G65481" s="16">
        <v>0.52958698020564288</v>
      </c>
    </row>
    <row r="65482" spans="1:7" x14ac:dyDescent="0.3">
      <c r="A65482" s="13" t="s">
        <v>349</v>
      </c>
      <c r="B65482" s="14" t="s">
        <v>1</v>
      </c>
      <c r="C65482" s="14" t="s">
        <v>218</v>
      </c>
      <c r="D65482" s="14" t="s">
        <v>153</v>
      </c>
      <c r="E65482" s="15">
        <v>45523</v>
      </c>
      <c r="F65482" s="14" t="s">
        <v>25</v>
      </c>
      <c r="G65482" s="16">
        <v>0.53165001796231737</v>
      </c>
    </row>
    <row r="65483" spans="1:7" x14ac:dyDescent="0.3">
      <c r="A65483" s="13" t="s">
        <v>349</v>
      </c>
      <c r="B65483" s="14" t="s">
        <v>1</v>
      </c>
      <c r="C65483" s="14" t="s">
        <v>218</v>
      </c>
      <c r="D65483" s="14" t="s">
        <v>153</v>
      </c>
      <c r="E65483" s="15">
        <v>45524</v>
      </c>
      <c r="F65483" s="14" t="s">
        <v>25</v>
      </c>
      <c r="G65483" s="16">
        <v>0.53773658868900698</v>
      </c>
    </row>
    <row r="65484" spans="1:7" x14ac:dyDescent="0.3">
      <c r="A65484" s="13" t="s">
        <v>349</v>
      </c>
      <c r="B65484" s="14" t="s">
        <v>1</v>
      </c>
      <c r="C65484" s="14" t="s">
        <v>218</v>
      </c>
      <c r="D65484" s="14" t="s">
        <v>153</v>
      </c>
      <c r="E65484" s="15">
        <v>45525</v>
      </c>
      <c r="F65484" s="14" t="s">
        <v>25</v>
      </c>
      <c r="G65484" s="16">
        <v>0.53898301548795347</v>
      </c>
    </row>
    <row r="65485" spans="1:7" x14ac:dyDescent="0.3">
      <c r="A65485" s="13" t="s">
        <v>349</v>
      </c>
      <c r="B65485" s="14" t="s">
        <v>1</v>
      </c>
      <c r="C65485" s="14" t="s">
        <v>218</v>
      </c>
      <c r="D65485" s="14" t="s">
        <v>153</v>
      </c>
      <c r="E65485" s="15">
        <v>45526</v>
      </c>
      <c r="F65485" s="14" t="s">
        <v>25</v>
      </c>
      <c r="G65485" s="16">
        <v>0.57666933588028113</v>
      </c>
    </row>
    <row r="65486" spans="1:7" x14ac:dyDescent="0.3">
      <c r="A65486" s="13" t="s">
        <v>349</v>
      </c>
      <c r="B65486" s="14" t="s">
        <v>1</v>
      </c>
      <c r="C65486" s="14" t="s">
        <v>218</v>
      </c>
      <c r="D65486" s="14" t="s">
        <v>153</v>
      </c>
      <c r="E65486" s="15">
        <v>45527</v>
      </c>
      <c r="F65486" s="14" t="s">
        <v>25</v>
      </c>
      <c r="G65486" s="16">
        <v>0.57860875544297485</v>
      </c>
    </row>
    <row r="65487" spans="1:7" x14ac:dyDescent="0.3">
      <c r="A65487" s="13" t="s">
        <v>349</v>
      </c>
      <c r="B65487" s="14" t="s">
        <v>1</v>
      </c>
      <c r="C65487" s="14" t="s">
        <v>218</v>
      </c>
      <c r="D65487" s="14" t="s">
        <v>153</v>
      </c>
      <c r="E65487" s="15">
        <v>45528</v>
      </c>
      <c r="F65487" s="14" t="s">
        <v>25</v>
      </c>
      <c r="G65487" s="16">
        <v>0.57860875544297485</v>
      </c>
    </row>
    <row r="65488" spans="1:7" x14ac:dyDescent="0.3">
      <c r="A65488" s="13" t="s">
        <v>349</v>
      </c>
      <c r="B65488" s="14" t="s">
        <v>1</v>
      </c>
      <c r="C65488" s="14" t="s">
        <v>218</v>
      </c>
      <c r="D65488" s="14" t="s">
        <v>153</v>
      </c>
      <c r="E65488" s="15">
        <v>45529</v>
      </c>
      <c r="F65488" s="14" t="s">
        <v>25</v>
      </c>
      <c r="G65488" s="16">
        <v>0.57860875544297485</v>
      </c>
    </row>
    <row r="65489" spans="1:7" x14ac:dyDescent="0.3">
      <c r="A65489" s="13" t="s">
        <v>349</v>
      </c>
      <c r="B65489" s="14" t="s">
        <v>1</v>
      </c>
      <c r="C65489" s="14" t="s">
        <v>218</v>
      </c>
      <c r="D65489" s="14" t="s">
        <v>153</v>
      </c>
      <c r="E65489" s="15">
        <v>45530</v>
      </c>
      <c r="F65489" s="14" t="s">
        <v>25</v>
      </c>
      <c r="G65489" s="16">
        <v>0.58053573957271387</v>
      </c>
    </row>
    <row r="65490" spans="1:7" x14ac:dyDescent="0.3">
      <c r="A65490" s="13" t="s">
        <v>349</v>
      </c>
      <c r="B65490" s="14" t="s">
        <v>1</v>
      </c>
      <c r="C65490" s="14" t="s">
        <v>218</v>
      </c>
      <c r="D65490" s="14" t="s">
        <v>153</v>
      </c>
      <c r="E65490" s="15">
        <v>45531</v>
      </c>
      <c r="F65490" s="14" t="s">
        <v>25</v>
      </c>
      <c r="G65490" s="16">
        <v>0.58624614393321328</v>
      </c>
    </row>
    <row r="65491" spans="1:7" x14ac:dyDescent="0.3">
      <c r="A65491" s="13" t="s">
        <v>349</v>
      </c>
      <c r="B65491" s="14" t="s">
        <v>1</v>
      </c>
      <c r="C65491" s="14" t="s">
        <v>218</v>
      </c>
      <c r="D65491" s="14" t="s">
        <v>153</v>
      </c>
      <c r="E65491" s="15">
        <v>45532</v>
      </c>
      <c r="F65491" s="14" t="s">
        <v>25</v>
      </c>
      <c r="G65491" s="16">
        <v>0.59263930176441826</v>
      </c>
    </row>
    <row r="65492" spans="1:7" x14ac:dyDescent="0.3">
      <c r="A65492" s="13" t="s">
        <v>349</v>
      </c>
      <c r="B65492" s="14" t="s">
        <v>1</v>
      </c>
      <c r="C65492" s="14" t="s">
        <v>218</v>
      </c>
      <c r="D65492" s="14" t="s">
        <v>153</v>
      </c>
      <c r="E65492" s="15">
        <v>45533</v>
      </c>
      <c r="F65492" s="14" t="s">
        <v>25</v>
      </c>
      <c r="G65492" s="16">
        <v>0.59451590010622368</v>
      </c>
    </row>
    <row r="65493" spans="1:7" x14ac:dyDescent="0.3">
      <c r="A65493" s="13" t="s">
        <v>349</v>
      </c>
      <c r="B65493" s="14" t="s">
        <v>1</v>
      </c>
      <c r="C65493" s="14" t="s">
        <v>218</v>
      </c>
      <c r="D65493" s="14" t="s">
        <v>153</v>
      </c>
      <c r="E65493" s="15">
        <v>45534</v>
      </c>
      <c r="F65493" s="14" t="s">
        <v>25</v>
      </c>
      <c r="G65493" s="16">
        <v>0.59644322178502085</v>
      </c>
    </row>
    <row r="65494" spans="1:7" x14ac:dyDescent="0.3">
      <c r="A65494" s="13" t="s">
        <v>349</v>
      </c>
      <c r="B65494" s="14" t="s">
        <v>1</v>
      </c>
      <c r="C65494" s="14" t="s">
        <v>218</v>
      </c>
      <c r="D65494" s="14" t="s">
        <v>153</v>
      </c>
      <c r="E65494" s="15">
        <v>45535</v>
      </c>
      <c r="F65494" s="14" t="s">
        <v>25</v>
      </c>
      <c r="G65494" s="16">
        <v>0.59644322178502085</v>
      </c>
    </row>
    <row r="65495" spans="1:7" x14ac:dyDescent="0.3">
      <c r="A65495" s="13" t="s">
        <v>349</v>
      </c>
      <c r="B65495" s="14" t="s">
        <v>1</v>
      </c>
      <c r="C65495" s="14" t="s">
        <v>218</v>
      </c>
      <c r="D65495" s="14" t="s">
        <v>153</v>
      </c>
      <c r="E65495" s="15">
        <v>45536</v>
      </c>
      <c r="F65495" s="14" t="s">
        <v>25</v>
      </c>
      <c r="G65495" s="16">
        <v>0.59644322178502085</v>
      </c>
    </row>
    <row r="65496" spans="1:7" x14ac:dyDescent="0.3">
      <c r="A65496" s="13" t="s">
        <v>349</v>
      </c>
      <c r="B65496" s="14" t="s">
        <v>1</v>
      </c>
      <c r="C65496" s="14" t="s">
        <v>218</v>
      </c>
      <c r="D65496" s="14" t="s">
        <v>153</v>
      </c>
      <c r="E65496" s="15">
        <v>45537</v>
      </c>
      <c r="F65496" s="14" t="s">
        <v>25</v>
      </c>
      <c r="G65496" s="16">
        <v>0.59836141904809181</v>
      </c>
    </row>
    <row r="65497" spans="1:7" x14ac:dyDescent="0.3">
      <c r="A65497" s="13" t="s">
        <v>349</v>
      </c>
      <c r="B65497" s="14" t="s">
        <v>1</v>
      </c>
      <c r="C65497" s="14" t="s">
        <v>218</v>
      </c>
      <c r="D65497" s="14" t="s">
        <v>153</v>
      </c>
      <c r="E65497" s="15">
        <v>45538</v>
      </c>
      <c r="F65497" s="14" t="s">
        <v>25</v>
      </c>
      <c r="G65497" s="16">
        <v>0.60737223238691307</v>
      </c>
    </row>
    <row r="65498" spans="1:7" x14ac:dyDescent="0.3">
      <c r="A65498" s="13" t="s">
        <v>349</v>
      </c>
      <c r="B65498" s="14" t="s">
        <v>1</v>
      </c>
      <c r="C65498" s="14" t="s">
        <v>218</v>
      </c>
      <c r="D65498" s="14" t="s">
        <v>153</v>
      </c>
      <c r="E65498" s="15">
        <v>45539</v>
      </c>
      <c r="F65498" s="14" t="s">
        <v>25</v>
      </c>
      <c r="G65498" s="16">
        <v>0.60906187223933994</v>
      </c>
    </row>
    <row r="65499" spans="1:7" x14ac:dyDescent="0.3">
      <c r="A65499" s="13" t="s">
        <v>349</v>
      </c>
      <c r="B65499" s="14" t="s">
        <v>1</v>
      </c>
      <c r="C65499" s="14" t="s">
        <v>218</v>
      </c>
      <c r="D65499" s="14" t="s">
        <v>153</v>
      </c>
      <c r="E65499" s="15">
        <v>45540</v>
      </c>
      <c r="F65499" s="14" t="s">
        <v>25</v>
      </c>
      <c r="G65499" s="16">
        <v>0.61640210235070647</v>
      </c>
    </row>
    <row r="65500" spans="1:7" x14ac:dyDescent="0.3">
      <c r="A65500" s="13" t="s">
        <v>349</v>
      </c>
      <c r="B65500" s="14" t="s">
        <v>1</v>
      </c>
      <c r="C65500" s="14" t="s">
        <v>218</v>
      </c>
      <c r="D65500" s="14" t="s">
        <v>153</v>
      </c>
      <c r="E65500" s="15">
        <v>45541</v>
      </c>
      <c r="F65500" s="14" t="s">
        <v>25</v>
      </c>
      <c r="G65500" s="16">
        <v>0.61833760181996733</v>
      </c>
    </row>
    <row r="65501" spans="1:7" x14ac:dyDescent="0.3">
      <c r="A65501" s="13" t="s">
        <v>349</v>
      </c>
      <c r="B65501" s="14" t="s">
        <v>1</v>
      </c>
      <c r="C65501" s="14" t="s">
        <v>218</v>
      </c>
      <c r="D65501" s="14" t="s">
        <v>153</v>
      </c>
      <c r="E65501" s="15">
        <v>45542</v>
      </c>
      <c r="F65501" s="14" t="s">
        <v>25</v>
      </c>
      <c r="G65501" s="16">
        <v>0.61833760181996733</v>
      </c>
    </row>
    <row r="65502" spans="1:7" x14ac:dyDescent="0.3">
      <c r="A65502" s="13" t="s">
        <v>349</v>
      </c>
      <c r="B65502" s="14" t="s">
        <v>1</v>
      </c>
      <c r="C65502" s="14" t="s">
        <v>218</v>
      </c>
      <c r="D65502" s="14" t="s">
        <v>153</v>
      </c>
      <c r="E65502" s="15">
        <v>45543</v>
      </c>
      <c r="F65502" s="14" t="s">
        <v>25</v>
      </c>
      <c r="G65502" s="16">
        <v>0.61833760181996733</v>
      </c>
    </row>
    <row r="65503" spans="1:7" x14ac:dyDescent="0.3">
      <c r="A65503" s="13" t="s">
        <v>349</v>
      </c>
      <c r="B65503" s="14" t="s">
        <v>1</v>
      </c>
      <c r="C65503" s="14" t="s">
        <v>218</v>
      </c>
      <c r="D65503" s="14" t="s">
        <v>153</v>
      </c>
      <c r="E65503" s="15">
        <v>45544</v>
      </c>
      <c r="F65503" s="14" t="s">
        <v>25</v>
      </c>
      <c r="G65503" s="16">
        <v>0.62023142348252436</v>
      </c>
    </row>
    <row r="65504" spans="1:7" x14ac:dyDescent="0.3">
      <c r="A65504" s="13" t="s">
        <v>349</v>
      </c>
      <c r="B65504" s="14" t="s">
        <v>1</v>
      </c>
      <c r="C65504" s="14" t="s">
        <v>218</v>
      </c>
      <c r="D65504" s="14" t="s">
        <v>153</v>
      </c>
      <c r="E65504" s="15">
        <v>45545</v>
      </c>
      <c r="F65504" s="14" t="s">
        <v>25</v>
      </c>
      <c r="G65504" s="16">
        <v>0.62597472307090174</v>
      </c>
    </row>
    <row r="65505" spans="1:7" x14ac:dyDescent="0.3">
      <c r="A65505" s="13" t="s">
        <v>349</v>
      </c>
      <c r="B65505" s="14" t="s">
        <v>1</v>
      </c>
      <c r="C65505" s="14" t="s">
        <v>218</v>
      </c>
      <c r="D65505" s="14" t="s">
        <v>153</v>
      </c>
      <c r="E65505" s="15">
        <v>45546</v>
      </c>
      <c r="F65505" s="14" t="s">
        <v>25</v>
      </c>
      <c r="G65505" s="16">
        <v>0.62786891286550528</v>
      </c>
    </row>
    <row r="65506" spans="1:7" x14ac:dyDescent="0.3">
      <c r="A65506" s="13" t="s">
        <v>349</v>
      </c>
      <c r="B65506" s="14" t="s">
        <v>1</v>
      </c>
      <c r="C65506" s="14" t="s">
        <v>218</v>
      </c>
      <c r="D65506" s="14" t="s">
        <v>153</v>
      </c>
      <c r="E65506" s="15">
        <v>45547</v>
      </c>
      <c r="F65506" s="14" t="s">
        <v>25</v>
      </c>
      <c r="G65506" s="16">
        <v>0.62985237468140853</v>
      </c>
    </row>
    <row r="65507" spans="1:7" x14ac:dyDescent="0.3">
      <c r="A65507" s="13" t="s">
        <v>349</v>
      </c>
      <c r="B65507" s="14" t="s">
        <v>1</v>
      </c>
      <c r="C65507" s="14" t="s">
        <v>218</v>
      </c>
      <c r="D65507" s="14" t="s">
        <v>153</v>
      </c>
      <c r="E65507" s="15">
        <v>45548</v>
      </c>
      <c r="F65507" s="14" t="s">
        <v>25</v>
      </c>
      <c r="G65507" s="16">
        <v>0.63177911485200733</v>
      </c>
    </row>
    <row r="65508" spans="1:7" x14ac:dyDescent="0.3">
      <c r="A65508" s="13" t="s">
        <v>349</v>
      </c>
      <c r="B65508" s="14" t="s">
        <v>1</v>
      </c>
      <c r="C65508" s="14" t="s">
        <v>218</v>
      </c>
      <c r="D65508" s="14" t="s">
        <v>153</v>
      </c>
      <c r="E65508" s="15">
        <v>45549</v>
      </c>
      <c r="F65508" s="14" t="s">
        <v>25</v>
      </c>
      <c r="G65508" s="16">
        <v>0.63177911485200733</v>
      </c>
    </row>
    <row r="65509" spans="1:7" x14ac:dyDescent="0.3">
      <c r="A65509" s="13" t="s">
        <v>349</v>
      </c>
      <c r="B65509" s="14" t="s">
        <v>1</v>
      </c>
      <c r="C65509" s="14" t="s">
        <v>218</v>
      </c>
      <c r="D65509" s="14" t="s">
        <v>153</v>
      </c>
      <c r="E65509" s="15">
        <v>45550</v>
      </c>
      <c r="F65509" s="14" t="s">
        <v>25</v>
      </c>
      <c r="G65509" s="16">
        <v>0.63177911485200733</v>
      </c>
    </row>
    <row r="65510" spans="1:7" x14ac:dyDescent="0.3">
      <c r="A65510" s="13" t="s">
        <v>349</v>
      </c>
      <c r="B65510" s="14" t="s">
        <v>1</v>
      </c>
      <c r="C65510" s="14" t="s">
        <v>218</v>
      </c>
      <c r="D65510" s="14" t="s">
        <v>153</v>
      </c>
      <c r="E65510" s="15">
        <v>45551</v>
      </c>
      <c r="F65510" s="14" t="s">
        <v>25</v>
      </c>
      <c r="G65510" s="16">
        <v>0.63364177297960089</v>
      </c>
    </row>
    <row r="65511" spans="1:7" x14ac:dyDescent="0.3">
      <c r="A65511" s="13" t="s">
        <v>349</v>
      </c>
      <c r="B65511" s="14" t="s">
        <v>1</v>
      </c>
      <c r="C65511" s="14" t="s">
        <v>218</v>
      </c>
      <c r="D65511" s="14" t="s">
        <v>153</v>
      </c>
      <c r="E65511" s="15">
        <v>45552</v>
      </c>
      <c r="F65511" s="14" t="s">
        <v>25</v>
      </c>
      <c r="G65511" s="16">
        <v>0.65111347045559909</v>
      </c>
    </row>
    <row r="65512" spans="1:7" x14ac:dyDescent="0.3">
      <c r="A65512" s="13" t="s">
        <v>349</v>
      </c>
      <c r="B65512" s="14" t="s">
        <v>1</v>
      </c>
      <c r="C65512" s="14" t="s">
        <v>218</v>
      </c>
      <c r="D65512" s="14" t="s">
        <v>153</v>
      </c>
      <c r="E65512" s="15">
        <v>45553</v>
      </c>
      <c r="F65512" s="14" t="s">
        <v>25</v>
      </c>
      <c r="G65512" s="16">
        <v>0.6529759059025797</v>
      </c>
    </row>
    <row r="65513" spans="1:7" x14ac:dyDescent="0.3">
      <c r="A65513" s="13" t="s">
        <v>349</v>
      </c>
      <c r="B65513" s="14" t="s">
        <v>1</v>
      </c>
      <c r="C65513" s="14" t="s">
        <v>218</v>
      </c>
      <c r="D65513" s="14" t="s">
        <v>153</v>
      </c>
      <c r="E65513" s="15">
        <v>45554</v>
      </c>
      <c r="F65513" s="14" t="s">
        <v>25</v>
      </c>
      <c r="G65513" s="16">
        <v>0.65202174663259671</v>
      </c>
    </row>
    <row r="65514" spans="1:7" x14ac:dyDescent="0.3">
      <c r="A65514" s="13" t="s">
        <v>349</v>
      </c>
      <c r="B65514" s="14" t="s">
        <v>1</v>
      </c>
      <c r="C65514" s="14" t="s">
        <v>218</v>
      </c>
      <c r="D65514" s="14" t="s">
        <v>153</v>
      </c>
      <c r="E65514" s="15">
        <v>45555</v>
      </c>
      <c r="F65514" s="14" t="s">
        <v>25</v>
      </c>
      <c r="G65514" s="16">
        <v>0.65390425651276096</v>
      </c>
    </row>
    <row r="65515" spans="1:7" x14ac:dyDescent="0.3">
      <c r="A65515" s="13" t="s">
        <v>349</v>
      </c>
      <c r="B65515" s="14" t="s">
        <v>1</v>
      </c>
      <c r="C65515" s="14" t="s">
        <v>218</v>
      </c>
      <c r="D65515" s="14" t="s">
        <v>153</v>
      </c>
      <c r="E65515" s="15">
        <v>45556</v>
      </c>
      <c r="F65515" s="14" t="s">
        <v>25</v>
      </c>
      <c r="G65515" s="16">
        <v>0.65390425651276096</v>
      </c>
    </row>
    <row r="65516" spans="1:7" x14ac:dyDescent="0.3">
      <c r="A65516" s="13" t="s">
        <v>349</v>
      </c>
      <c r="B65516" s="14" t="s">
        <v>1</v>
      </c>
      <c r="C65516" s="14" t="s">
        <v>218</v>
      </c>
      <c r="D65516" s="14" t="s">
        <v>153</v>
      </c>
      <c r="E65516" s="15">
        <v>45557</v>
      </c>
      <c r="F65516" s="14" t="s">
        <v>25</v>
      </c>
      <c r="G65516" s="16">
        <v>0.65390425651276096</v>
      </c>
    </row>
    <row r="65517" spans="1:7" x14ac:dyDescent="0.3">
      <c r="A65517" s="13" t="s">
        <v>349</v>
      </c>
      <c r="B65517" s="14" t="s">
        <v>1</v>
      </c>
      <c r="C65517" s="14" t="s">
        <v>218</v>
      </c>
      <c r="D65517" s="14" t="s">
        <v>153</v>
      </c>
      <c r="E65517" s="15">
        <v>45558</v>
      </c>
      <c r="F65517" s="14" t="s">
        <v>25</v>
      </c>
      <c r="G65517" s="16">
        <v>0.65449872536624254</v>
      </c>
    </row>
    <row r="65518" spans="1:7" x14ac:dyDescent="0.3">
      <c r="A65518" s="13" t="s">
        <v>349</v>
      </c>
      <c r="B65518" s="14" t="s">
        <v>1</v>
      </c>
      <c r="C65518" s="14" t="s">
        <v>218</v>
      </c>
      <c r="D65518" s="14" t="s">
        <v>153</v>
      </c>
      <c r="E65518" s="15">
        <v>45559</v>
      </c>
      <c r="F65518" s="14" t="s">
        <v>25</v>
      </c>
      <c r="G65518" s="16">
        <v>0.65994955101718111</v>
      </c>
    </row>
    <row r="65519" spans="1:7" x14ac:dyDescent="0.3">
      <c r="A65519" s="13" t="s">
        <v>349</v>
      </c>
      <c r="B65519" s="14" t="s">
        <v>1</v>
      </c>
      <c r="C65519" s="14" t="s">
        <v>218</v>
      </c>
      <c r="D65519" s="14" t="s">
        <v>153</v>
      </c>
      <c r="E65519" s="15">
        <v>45560</v>
      </c>
      <c r="F65519" s="14" t="s">
        <v>25</v>
      </c>
      <c r="G65519" s="16">
        <v>0.66174243530306931</v>
      </c>
    </row>
    <row r="65520" spans="1:7" x14ac:dyDescent="0.3">
      <c r="A65520" s="13" t="s">
        <v>349</v>
      </c>
      <c r="B65520" s="14" t="s">
        <v>1</v>
      </c>
      <c r="C65520" s="14" t="s">
        <v>218</v>
      </c>
      <c r="D65520" s="14" t="s">
        <v>153</v>
      </c>
      <c r="E65520" s="15">
        <v>45561</v>
      </c>
      <c r="F65520" s="14" t="s">
        <v>25</v>
      </c>
      <c r="G65520" s="16">
        <v>0.66355030261132963</v>
      </c>
    </row>
    <row r="65521" spans="1:7" x14ac:dyDescent="0.3">
      <c r="A65521" s="13" t="s">
        <v>349</v>
      </c>
      <c r="B65521" s="14" t="s">
        <v>1</v>
      </c>
      <c r="C65521" s="14" t="s">
        <v>218</v>
      </c>
      <c r="D65521" s="14" t="s">
        <v>153</v>
      </c>
      <c r="E65521" s="15">
        <v>45562</v>
      </c>
      <c r="F65521" s="14" t="s">
        <v>25</v>
      </c>
      <c r="G65521" s="16">
        <v>0.67600691395572488</v>
      </c>
    </row>
    <row r="65522" spans="1:7" x14ac:dyDescent="0.3">
      <c r="A65522" s="13" t="s">
        <v>349</v>
      </c>
      <c r="B65522" s="14" t="s">
        <v>1</v>
      </c>
      <c r="C65522" s="14" t="s">
        <v>218</v>
      </c>
      <c r="D65522" s="14" t="s">
        <v>153</v>
      </c>
      <c r="E65522" s="15">
        <v>45563</v>
      </c>
      <c r="F65522" s="14" t="s">
        <v>25</v>
      </c>
      <c r="G65522" s="16">
        <v>0.67600691395572488</v>
      </c>
    </row>
    <row r="65523" spans="1:7" x14ac:dyDescent="0.3">
      <c r="A65523" s="13" t="s">
        <v>349</v>
      </c>
      <c r="B65523" s="14" t="s">
        <v>1</v>
      </c>
      <c r="C65523" s="14" t="s">
        <v>218</v>
      </c>
      <c r="D65523" s="14" t="s">
        <v>153</v>
      </c>
      <c r="E65523" s="15">
        <v>45564</v>
      </c>
      <c r="F65523" s="14" t="s">
        <v>25</v>
      </c>
      <c r="G65523" s="16">
        <v>0.67600691395572488</v>
      </c>
    </row>
    <row r="65524" spans="1:7" x14ac:dyDescent="0.3">
      <c r="A65524" s="13" t="s">
        <v>349</v>
      </c>
      <c r="B65524" s="14" t="s">
        <v>1</v>
      </c>
      <c r="C65524" s="14" t="s">
        <v>218</v>
      </c>
      <c r="D65524" s="14" t="s">
        <v>153</v>
      </c>
      <c r="E65524" s="15">
        <v>45565</v>
      </c>
      <c r="F65524" s="14" t="s">
        <v>25</v>
      </c>
      <c r="G65524" s="16">
        <v>0.6777464552845468</v>
      </c>
    </row>
    <row r="65525" spans="1:7" x14ac:dyDescent="0.3">
      <c r="A65525" s="13" t="s">
        <v>349</v>
      </c>
      <c r="B65525" s="14" t="s">
        <v>1</v>
      </c>
      <c r="C65525" s="14" t="s">
        <v>218</v>
      </c>
      <c r="D65525" s="14" t="s">
        <v>153</v>
      </c>
      <c r="E65525" s="15">
        <v>45566</v>
      </c>
      <c r="F65525" s="14" t="s">
        <v>25</v>
      </c>
      <c r="G65525" s="16">
        <v>0.68302822313689937</v>
      </c>
    </row>
    <row r="65526" spans="1:7" x14ac:dyDescent="0.3">
      <c r="A65526" s="13" t="s">
        <v>349</v>
      </c>
      <c r="B65526" s="14" t="s">
        <v>1</v>
      </c>
      <c r="C65526" s="14" t="s">
        <v>218</v>
      </c>
      <c r="D65526" s="14" t="s">
        <v>153</v>
      </c>
      <c r="E65526" s="15">
        <v>45567</v>
      </c>
      <c r="F65526" s="14" t="s">
        <v>25</v>
      </c>
      <c r="G65526" s="16">
        <v>0.68804647381734307</v>
      </c>
    </row>
    <row r="65527" spans="1:7" x14ac:dyDescent="0.3">
      <c r="A65527" s="13" t="s">
        <v>349</v>
      </c>
      <c r="B65527" s="14" t="s">
        <v>1</v>
      </c>
      <c r="C65527" s="14" t="s">
        <v>218</v>
      </c>
      <c r="D65527" s="14" t="s">
        <v>153</v>
      </c>
      <c r="E65527" s="15">
        <v>45568</v>
      </c>
      <c r="F65527" s="14" t="s">
        <v>25</v>
      </c>
      <c r="G65527" s="16">
        <v>0.68982166184807203</v>
      </c>
    </row>
    <row r="65528" spans="1:7" x14ac:dyDescent="0.3">
      <c r="A65528" s="13" t="s">
        <v>349</v>
      </c>
      <c r="B65528" s="14" t="s">
        <v>1</v>
      </c>
      <c r="C65528" s="14" t="s">
        <v>218</v>
      </c>
      <c r="D65528" s="14" t="s">
        <v>153</v>
      </c>
      <c r="E65528" s="15">
        <v>45569</v>
      </c>
      <c r="F65528" s="14" t="s">
        <v>25</v>
      </c>
      <c r="G65528" s="16">
        <v>0.69654347752310086</v>
      </c>
    </row>
    <row r="65529" spans="1:7" x14ac:dyDescent="0.3">
      <c r="A65529" s="13" t="s">
        <v>349</v>
      </c>
      <c r="B65529" s="14" t="s">
        <v>1</v>
      </c>
      <c r="C65529" s="14" t="s">
        <v>218</v>
      </c>
      <c r="D65529" s="14" t="s">
        <v>153</v>
      </c>
      <c r="E65529" s="15">
        <v>45570</v>
      </c>
      <c r="F65529" s="14" t="s">
        <v>25</v>
      </c>
      <c r="G65529" s="16">
        <v>0.69654347752310086</v>
      </c>
    </row>
    <row r="65530" spans="1:7" x14ac:dyDescent="0.3">
      <c r="A65530" s="13" t="s">
        <v>349</v>
      </c>
      <c r="B65530" s="14" t="s">
        <v>1</v>
      </c>
      <c r="C65530" s="14" t="s">
        <v>218</v>
      </c>
      <c r="D65530" s="14" t="s">
        <v>153</v>
      </c>
      <c r="E65530" s="15">
        <v>45571</v>
      </c>
      <c r="F65530" s="14" t="s">
        <v>25</v>
      </c>
      <c r="G65530" s="16">
        <v>0.69654347752310086</v>
      </c>
    </row>
    <row r="65531" spans="1:7" x14ac:dyDescent="0.3">
      <c r="A65531" s="13" t="s">
        <v>349</v>
      </c>
      <c r="B65531" s="14" t="s">
        <v>1</v>
      </c>
      <c r="C65531" s="14" t="s">
        <v>218</v>
      </c>
      <c r="D65531" s="14" t="s">
        <v>153</v>
      </c>
      <c r="E65531" s="15">
        <v>45572</v>
      </c>
      <c r="F65531" s="14" t="s">
        <v>25</v>
      </c>
      <c r="G65531" s="16">
        <v>0.69838068585965229</v>
      </c>
    </row>
    <row r="65532" spans="1:7" x14ac:dyDescent="0.3">
      <c r="A65532" s="13" t="s">
        <v>349</v>
      </c>
      <c r="B65532" s="14" t="s">
        <v>1</v>
      </c>
      <c r="C65532" s="14" t="s">
        <v>218</v>
      </c>
      <c r="D65532" s="14" t="s">
        <v>153</v>
      </c>
      <c r="E65532" s="15">
        <v>45573</v>
      </c>
      <c r="F65532" s="14" t="s">
        <v>25</v>
      </c>
      <c r="G65532" s="16">
        <v>0.70385324042021913</v>
      </c>
    </row>
    <row r="65533" spans="1:7" x14ac:dyDescent="0.3">
      <c r="A65533" s="13" t="s">
        <v>349</v>
      </c>
      <c r="B65533" s="14" t="s">
        <v>1</v>
      </c>
      <c r="C65533" s="14" t="s">
        <v>218</v>
      </c>
      <c r="D65533" s="14" t="s">
        <v>153</v>
      </c>
      <c r="E65533" s="15">
        <v>45574</v>
      </c>
      <c r="F65533" s="14" t="s">
        <v>25</v>
      </c>
      <c r="G65533" s="16">
        <v>0.70564883375243925</v>
      </c>
    </row>
    <row r="65534" spans="1:7" x14ac:dyDescent="0.3">
      <c r="A65534" s="13" t="s">
        <v>349</v>
      </c>
      <c r="B65534" s="14" t="s">
        <v>1</v>
      </c>
      <c r="C65534" s="14" t="s">
        <v>218</v>
      </c>
      <c r="D65534" s="14" t="s">
        <v>153</v>
      </c>
      <c r="E65534" s="15">
        <v>45575</v>
      </c>
      <c r="F65534" s="14" t="s">
        <v>25</v>
      </c>
      <c r="G65534" s="16">
        <v>0.70748027553062542</v>
      </c>
    </row>
    <row r="65535" spans="1:7" x14ac:dyDescent="0.3">
      <c r="A65535" s="13" t="s">
        <v>349</v>
      </c>
      <c r="B65535" s="14" t="s">
        <v>1</v>
      </c>
      <c r="C65535" s="14" t="s">
        <v>218</v>
      </c>
      <c r="D65535" s="14" t="s">
        <v>153</v>
      </c>
      <c r="E65535" s="15">
        <v>45576</v>
      </c>
      <c r="F65535" s="14" t="s">
        <v>25</v>
      </c>
      <c r="G65535" s="16">
        <v>0.70930054541862853</v>
      </c>
    </row>
    <row r="65536" spans="1:7" x14ac:dyDescent="0.3">
      <c r="A65536" s="13" t="s">
        <v>349</v>
      </c>
      <c r="B65536" s="14" t="s">
        <v>1</v>
      </c>
      <c r="C65536" s="14" t="s">
        <v>218</v>
      </c>
      <c r="D65536" s="14" t="s">
        <v>153</v>
      </c>
      <c r="E65536" s="15">
        <v>45577</v>
      </c>
      <c r="F65536" s="14" t="s">
        <v>25</v>
      </c>
      <c r="G65536" s="16">
        <v>0.70930054541862853</v>
      </c>
    </row>
    <row r="65537" spans="1:7" x14ac:dyDescent="0.3">
      <c r="A65537" s="13" t="s">
        <v>349</v>
      </c>
      <c r="B65537" s="14" t="s">
        <v>1</v>
      </c>
      <c r="C65537" s="14" t="s">
        <v>218</v>
      </c>
      <c r="D65537" s="14" t="s">
        <v>153</v>
      </c>
      <c r="E65537" s="15">
        <v>45578</v>
      </c>
      <c r="F65537" s="14" t="s">
        <v>25</v>
      </c>
      <c r="G65537" s="16">
        <v>0.70930054541862853</v>
      </c>
    </row>
    <row r="65538" spans="1:7" x14ac:dyDescent="0.3">
      <c r="A65538" s="13" t="s">
        <v>349</v>
      </c>
      <c r="B65538" s="14" t="s">
        <v>1</v>
      </c>
      <c r="C65538" s="14" t="s">
        <v>218</v>
      </c>
      <c r="D65538" s="14" t="s">
        <v>153</v>
      </c>
      <c r="E65538" s="15">
        <v>45579</v>
      </c>
      <c r="F65538" s="14" t="s">
        <v>25</v>
      </c>
      <c r="G65538" s="16">
        <v>0.7111222015898373</v>
      </c>
    </row>
    <row r="65539" spans="1:7" x14ac:dyDescent="0.3">
      <c r="A65539" s="13" t="s">
        <v>349</v>
      </c>
      <c r="B65539" s="14" t="s">
        <v>1</v>
      </c>
      <c r="C65539" s="14" t="s">
        <v>218</v>
      </c>
      <c r="D65539" s="14" t="s">
        <v>153</v>
      </c>
      <c r="E65539" s="15">
        <v>45580</v>
      </c>
      <c r="F65539" s="14" t="s">
        <v>25</v>
      </c>
      <c r="G65539" s="16">
        <v>0.71669111456217816</v>
      </c>
    </row>
    <row r="65540" spans="1:7" x14ac:dyDescent="0.3">
      <c r="A65540" s="13" t="s">
        <v>349</v>
      </c>
      <c r="B65540" s="14" t="s">
        <v>1</v>
      </c>
      <c r="C65540" s="14" t="s">
        <v>218</v>
      </c>
      <c r="D65540" s="14" t="s">
        <v>153</v>
      </c>
      <c r="E65540" s="15">
        <v>45581</v>
      </c>
      <c r="F65540" s="14" t="s">
        <v>25</v>
      </c>
      <c r="G65540" s="16">
        <v>0.71851407703871517</v>
      </c>
    </row>
    <row r="65541" spans="1:7" x14ac:dyDescent="0.3">
      <c r="A65541" s="13" t="s">
        <v>349</v>
      </c>
      <c r="B65541" s="14" t="s">
        <v>1</v>
      </c>
      <c r="C65541" s="14" t="s">
        <v>218</v>
      </c>
      <c r="D65541" s="14" t="s">
        <v>153</v>
      </c>
      <c r="E65541" s="15">
        <v>45582</v>
      </c>
      <c r="F65541" s="14" t="s">
        <v>25</v>
      </c>
      <c r="G65541" s="16">
        <v>0.72035977989168209</v>
      </c>
    </row>
    <row r="65542" spans="1:7" x14ac:dyDescent="0.3">
      <c r="A65542" s="13" t="s">
        <v>349</v>
      </c>
      <c r="B65542" s="14" t="s">
        <v>1</v>
      </c>
      <c r="C65542" s="14" t="s">
        <v>218</v>
      </c>
      <c r="D65542" s="14" t="s">
        <v>153</v>
      </c>
      <c r="E65542" s="15">
        <v>45583</v>
      </c>
      <c r="F65542" s="14" t="s">
        <v>25</v>
      </c>
      <c r="G65542" s="16">
        <v>0.72220143053220209</v>
      </c>
    </row>
    <row r="65543" spans="1:7" x14ac:dyDescent="0.3">
      <c r="A65543" s="13" t="s">
        <v>349</v>
      </c>
      <c r="B65543" s="14" t="s">
        <v>1</v>
      </c>
      <c r="C65543" s="14" t="s">
        <v>218</v>
      </c>
      <c r="D65543" s="14" t="s">
        <v>153</v>
      </c>
      <c r="E65543" s="15">
        <v>45584</v>
      </c>
      <c r="F65543" s="14" t="s">
        <v>25</v>
      </c>
      <c r="G65543" s="16">
        <v>0.72220143053220209</v>
      </c>
    </row>
    <row r="65544" spans="1:7" x14ac:dyDescent="0.3">
      <c r="A65544" s="13" t="s">
        <v>349</v>
      </c>
      <c r="B65544" s="14" t="s">
        <v>1</v>
      </c>
      <c r="C65544" s="14" t="s">
        <v>218</v>
      </c>
      <c r="D65544" s="14" t="s">
        <v>153</v>
      </c>
      <c r="E65544" s="15">
        <v>45585</v>
      </c>
      <c r="F65544" s="14" t="s">
        <v>25</v>
      </c>
      <c r="G65544" s="16">
        <v>0.72220143053220209</v>
      </c>
    </row>
    <row r="65545" spans="1:7" x14ac:dyDescent="0.3">
      <c r="A65545" s="13" t="s">
        <v>349</v>
      </c>
      <c r="B65545" s="14" t="s">
        <v>1</v>
      </c>
      <c r="C65545" s="14" t="s">
        <v>218</v>
      </c>
      <c r="D65545" s="14" t="s">
        <v>153</v>
      </c>
      <c r="E65545" s="15">
        <v>45586</v>
      </c>
      <c r="F65545" s="14" t="s">
        <v>25</v>
      </c>
      <c r="G65545" s="16">
        <v>0.72253992638380793</v>
      </c>
    </row>
    <row r="65546" spans="1:7" x14ac:dyDescent="0.3">
      <c r="A65546" s="13" t="s">
        <v>349</v>
      </c>
      <c r="B65546" s="14" t="s">
        <v>1</v>
      </c>
      <c r="C65546" s="14" t="s">
        <v>218</v>
      </c>
      <c r="D65546" s="14" t="s">
        <v>153</v>
      </c>
      <c r="E65546" s="15">
        <v>45587</v>
      </c>
      <c r="F65546" s="14" t="s">
        <v>25</v>
      </c>
      <c r="G65546" s="16">
        <v>0.72767613991982483</v>
      </c>
    </row>
    <row r="65547" spans="1:7" x14ac:dyDescent="0.3">
      <c r="A65547" s="13" t="s">
        <v>349</v>
      </c>
      <c r="B65547" s="14" t="s">
        <v>1</v>
      </c>
      <c r="C65547" s="14" t="s">
        <v>218</v>
      </c>
      <c r="D65547" s="14" t="s">
        <v>153</v>
      </c>
      <c r="E65547" s="15">
        <v>45588</v>
      </c>
      <c r="F65547" s="14" t="s">
        <v>25</v>
      </c>
      <c r="G65547" s="16">
        <v>0.729417597741017</v>
      </c>
    </row>
    <row r="65548" spans="1:7" x14ac:dyDescent="0.3">
      <c r="A65548" s="13" t="s">
        <v>349</v>
      </c>
      <c r="B65548" s="14" t="s">
        <v>1</v>
      </c>
      <c r="C65548" s="14" t="s">
        <v>218</v>
      </c>
      <c r="D65548" s="14" t="s">
        <v>153</v>
      </c>
      <c r="E65548" s="15">
        <v>45589</v>
      </c>
      <c r="F65548" s="14" t="s">
        <v>25</v>
      </c>
      <c r="G65548" s="16">
        <v>0.73116358872957887</v>
      </c>
    </row>
    <row r="65549" spans="1:7" x14ac:dyDescent="0.3">
      <c r="A65549" s="13" t="s">
        <v>349</v>
      </c>
      <c r="B65549" s="14" t="s">
        <v>1</v>
      </c>
      <c r="C65549" s="14" t="s">
        <v>218</v>
      </c>
      <c r="D65549" s="14" t="s">
        <v>153</v>
      </c>
      <c r="E65549" s="15">
        <v>45590</v>
      </c>
      <c r="F65549" s="14" t="s">
        <v>25</v>
      </c>
      <c r="G65549" s="16">
        <v>0.73291560616417373</v>
      </c>
    </row>
    <row r="65550" spans="1:7" x14ac:dyDescent="0.3">
      <c r="A65550" s="13" t="s">
        <v>349</v>
      </c>
      <c r="B65550" s="14" t="s">
        <v>1</v>
      </c>
      <c r="C65550" s="14" t="s">
        <v>218</v>
      </c>
      <c r="D65550" s="14" t="s">
        <v>153</v>
      </c>
      <c r="E65550" s="15">
        <v>45591</v>
      </c>
      <c r="F65550" s="14" t="s">
        <v>25</v>
      </c>
      <c r="G65550" s="16">
        <v>0.73291560616417373</v>
      </c>
    </row>
    <row r="65551" spans="1:7" x14ac:dyDescent="0.3">
      <c r="A65551" s="13" t="s">
        <v>349</v>
      </c>
      <c r="B65551" s="14" t="s">
        <v>1</v>
      </c>
      <c r="C65551" s="14" t="s">
        <v>218</v>
      </c>
      <c r="D65551" s="14" t="s">
        <v>153</v>
      </c>
      <c r="E65551" s="15">
        <v>45592</v>
      </c>
      <c r="F65551" s="14" t="s">
        <v>25</v>
      </c>
      <c r="G65551" s="16">
        <v>0.73291560616417373</v>
      </c>
    </row>
    <row r="65552" spans="1:7" x14ac:dyDescent="0.3">
      <c r="A65552" s="13" t="s">
        <v>349</v>
      </c>
      <c r="B65552" s="14" t="s">
        <v>1</v>
      </c>
      <c r="C65552" s="14" t="s">
        <v>218</v>
      </c>
      <c r="D65552" s="14" t="s">
        <v>153</v>
      </c>
      <c r="E65552" s="15">
        <v>45593</v>
      </c>
      <c r="F65552" s="14" t="s">
        <v>25</v>
      </c>
      <c r="G65552" s="16">
        <v>0.73291560616417373</v>
      </c>
    </row>
    <row r="65553" spans="1:7" x14ac:dyDescent="0.3">
      <c r="A65553" s="13" t="s">
        <v>349</v>
      </c>
      <c r="B65553" s="14" t="s">
        <v>1</v>
      </c>
      <c r="C65553" s="14" t="s">
        <v>218</v>
      </c>
      <c r="D65553" s="14" t="s">
        <v>153</v>
      </c>
      <c r="E65553" s="15">
        <v>45594</v>
      </c>
      <c r="F65553" s="14" t="s">
        <v>25</v>
      </c>
      <c r="G65553" s="16">
        <v>0.73965670692215812</v>
      </c>
    </row>
    <row r="65554" spans="1:7" x14ac:dyDescent="0.3">
      <c r="A65554" s="13" t="s">
        <v>349</v>
      </c>
      <c r="B65554" s="14" t="s">
        <v>1</v>
      </c>
      <c r="C65554" s="14" t="s">
        <v>218</v>
      </c>
      <c r="D65554" s="14" t="s">
        <v>153</v>
      </c>
      <c r="E65554" s="15">
        <v>45595</v>
      </c>
      <c r="F65554" s="14" t="s">
        <v>25</v>
      </c>
      <c r="G65554" s="16">
        <v>0.74607879915320408</v>
      </c>
    </row>
    <row r="65555" spans="1:7" x14ac:dyDescent="0.3">
      <c r="A65555" s="13" t="s">
        <v>349</v>
      </c>
      <c r="B65555" s="14" t="s">
        <v>1</v>
      </c>
      <c r="C65555" s="14" t="s">
        <v>218</v>
      </c>
      <c r="D65555" s="14" t="s">
        <v>153</v>
      </c>
      <c r="E65555" s="15">
        <v>45596</v>
      </c>
      <c r="F65555" s="14" t="s">
        <v>25</v>
      </c>
      <c r="G65555" s="16">
        <v>0.74782682517001353</v>
      </c>
    </row>
    <row r="65556" spans="1:7" x14ac:dyDescent="0.3">
      <c r="A65556" s="13" t="s">
        <v>349</v>
      </c>
      <c r="B65556" s="14" t="s">
        <v>1</v>
      </c>
      <c r="C65556" s="14" t="s">
        <v>218</v>
      </c>
      <c r="D65556" s="14" t="s">
        <v>153</v>
      </c>
      <c r="E65556" s="15">
        <v>45597</v>
      </c>
      <c r="F65556" s="14" t="s">
        <v>25</v>
      </c>
      <c r="G65556" s="16">
        <v>0.74956081178743927</v>
      </c>
    </row>
    <row r="65557" spans="1:7" x14ac:dyDescent="0.3">
      <c r="A65557" s="13" t="s">
        <v>349</v>
      </c>
      <c r="B65557" s="14" t="s">
        <v>1</v>
      </c>
      <c r="C65557" s="14" t="s">
        <v>218</v>
      </c>
      <c r="D65557" s="14" t="s">
        <v>153</v>
      </c>
      <c r="E65557" s="15">
        <v>45598</v>
      </c>
      <c r="F65557" s="14" t="s">
        <v>25</v>
      </c>
      <c r="G65557" s="16">
        <v>0.74956081178743927</v>
      </c>
    </row>
    <row r="65558" spans="1:7" x14ac:dyDescent="0.3">
      <c r="A65558" s="13" t="s">
        <v>349</v>
      </c>
      <c r="B65558" s="14" t="s">
        <v>1</v>
      </c>
      <c r="C65558" s="14" t="s">
        <v>218</v>
      </c>
      <c r="D65558" s="14" t="s">
        <v>153</v>
      </c>
      <c r="E65558" s="15">
        <v>45599</v>
      </c>
      <c r="F65558" s="14" t="s">
        <v>25</v>
      </c>
      <c r="G65558" s="16">
        <v>0.74956081178743927</v>
      </c>
    </row>
    <row r="65559" spans="1:7" x14ac:dyDescent="0.3">
      <c r="A65559" s="13" t="s">
        <v>349</v>
      </c>
      <c r="B65559" s="14" t="s">
        <v>1</v>
      </c>
      <c r="C65559" s="14" t="s">
        <v>218</v>
      </c>
      <c r="D65559" s="14" t="s">
        <v>153</v>
      </c>
      <c r="E65559" s="15">
        <v>45600</v>
      </c>
      <c r="F65559" s="14" t="s">
        <v>25</v>
      </c>
      <c r="G65559" s="16">
        <v>0.75326612205113619</v>
      </c>
    </row>
    <row r="65560" spans="1:7" x14ac:dyDescent="0.3">
      <c r="A65560" s="13" t="s">
        <v>349</v>
      </c>
      <c r="B65560" s="14" t="s">
        <v>1</v>
      </c>
      <c r="C65560" s="14" t="s">
        <v>218</v>
      </c>
      <c r="D65560" s="14" t="s">
        <v>153</v>
      </c>
      <c r="E65560" s="15">
        <v>45601</v>
      </c>
      <c r="F65560" s="14" t="s">
        <v>25</v>
      </c>
      <c r="G65560" s="16">
        <v>0.75822342941196486</v>
      </c>
    </row>
    <row r="65561" spans="1:7" x14ac:dyDescent="0.3">
      <c r="A65561" s="13" t="s">
        <v>349</v>
      </c>
      <c r="B65561" s="14" t="s">
        <v>1</v>
      </c>
      <c r="C65561" s="14" t="s">
        <v>218</v>
      </c>
      <c r="D65561" s="14" t="s">
        <v>153</v>
      </c>
      <c r="E65561" s="15">
        <v>45602</v>
      </c>
      <c r="F65561" s="14" t="s">
        <v>25</v>
      </c>
      <c r="G65561" s="16">
        <v>0.76383396887760213</v>
      </c>
    </row>
    <row r="65562" spans="1:7" x14ac:dyDescent="0.3">
      <c r="A65562" s="13" t="s">
        <v>349</v>
      </c>
      <c r="B65562" s="14" t="s">
        <v>1</v>
      </c>
      <c r="C65562" s="14" t="s">
        <v>218</v>
      </c>
      <c r="D65562" s="14" t="s">
        <v>153</v>
      </c>
      <c r="E65562" s="15">
        <v>45603</v>
      </c>
      <c r="F65562" s="14" t="s">
        <v>25</v>
      </c>
      <c r="G65562" s="16">
        <v>0.76556006744442595</v>
      </c>
    </row>
    <row r="65563" spans="1:7" x14ac:dyDescent="0.3">
      <c r="A65563" s="13" t="s">
        <v>349</v>
      </c>
      <c r="B65563" s="14" t="s">
        <v>1</v>
      </c>
      <c r="C65563" s="14" t="s">
        <v>218</v>
      </c>
      <c r="D65563" s="14" t="s">
        <v>153</v>
      </c>
      <c r="E65563" s="15">
        <v>45604</v>
      </c>
      <c r="F65563" s="14" t="s">
        <v>25</v>
      </c>
      <c r="G65563" s="16">
        <v>0.76855975799879439</v>
      </c>
    </row>
    <row r="65564" spans="1:7" x14ac:dyDescent="0.3">
      <c r="A65564" s="13" t="s">
        <v>349</v>
      </c>
      <c r="B65564" s="14" t="s">
        <v>1</v>
      </c>
      <c r="C65564" s="14" t="s">
        <v>218</v>
      </c>
      <c r="D65564" s="14" t="s">
        <v>153</v>
      </c>
      <c r="E65564" s="15">
        <v>45605</v>
      </c>
      <c r="F65564" s="14" t="s">
        <v>25</v>
      </c>
      <c r="G65564" s="16">
        <v>0.76855975799879439</v>
      </c>
    </row>
    <row r="65565" spans="1:7" x14ac:dyDescent="0.3">
      <c r="A65565" s="13" t="s">
        <v>349</v>
      </c>
      <c r="B65565" s="14" t="s">
        <v>1</v>
      </c>
      <c r="C65565" s="14" t="s">
        <v>218</v>
      </c>
      <c r="D65565" s="14" t="s">
        <v>153</v>
      </c>
      <c r="E65565" s="15">
        <v>45606</v>
      </c>
      <c r="F65565" s="14" t="s">
        <v>25</v>
      </c>
      <c r="G65565" s="16">
        <v>0.76855975799879439</v>
      </c>
    </row>
    <row r="65566" spans="1:7" x14ac:dyDescent="0.3">
      <c r="A65566" s="13" t="s">
        <v>349</v>
      </c>
      <c r="B65566" s="14" t="s">
        <v>1</v>
      </c>
      <c r="C65566" s="14" t="s">
        <v>218</v>
      </c>
      <c r="D65566" s="14" t="s">
        <v>153</v>
      </c>
      <c r="E65566" s="15">
        <v>45607</v>
      </c>
      <c r="F65566" s="14" t="s">
        <v>25</v>
      </c>
      <c r="G65566" s="16">
        <v>0.77023674818519794</v>
      </c>
    </row>
    <row r="65567" spans="1:7" x14ac:dyDescent="0.3">
      <c r="A65567" s="13" t="s">
        <v>349</v>
      </c>
      <c r="B65567" s="14" t="s">
        <v>1</v>
      </c>
      <c r="C65567" s="14" t="s">
        <v>218</v>
      </c>
      <c r="D65567" s="14" t="s">
        <v>153</v>
      </c>
      <c r="E65567" s="15">
        <v>45608</v>
      </c>
      <c r="F65567" s="14" t="s">
        <v>25</v>
      </c>
      <c r="G65567" s="16">
        <v>0.77541721019368015</v>
      </c>
    </row>
    <row r="65568" spans="1:7" x14ac:dyDescent="0.3">
      <c r="A65568" s="13" t="s">
        <v>349</v>
      </c>
      <c r="B65568" s="14" t="s">
        <v>1</v>
      </c>
      <c r="C65568" s="14" t="s">
        <v>218</v>
      </c>
      <c r="D65568" s="14" t="s">
        <v>153</v>
      </c>
      <c r="E65568" s="15">
        <v>45609</v>
      </c>
      <c r="F65568" s="14" t="s">
        <v>25</v>
      </c>
      <c r="G65568" s="16">
        <v>0.77714269841387362</v>
      </c>
    </row>
    <row r="65569" spans="1:7" x14ac:dyDescent="0.3">
      <c r="A65569" s="13" t="s">
        <v>349</v>
      </c>
      <c r="B65569" s="14" t="s">
        <v>1</v>
      </c>
      <c r="C65569" s="14" t="s">
        <v>218</v>
      </c>
      <c r="D65569" s="14" t="s">
        <v>153</v>
      </c>
      <c r="E65569" s="15">
        <v>45610</v>
      </c>
      <c r="F65569" s="14" t="s">
        <v>25</v>
      </c>
      <c r="G65569" s="16">
        <v>0.8158214158444389</v>
      </c>
    </row>
    <row r="65570" spans="1:7" x14ac:dyDescent="0.3">
      <c r="A65570" s="13" t="s">
        <v>349</v>
      </c>
      <c r="B65570" s="14" t="s">
        <v>1</v>
      </c>
      <c r="C65570" s="14" t="s">
        <v>218</v>
      </c>
      <c r="D65570" s="14" t="s">
        <v>153</v>
      </c>
      <c r="E65570" s="15">
        <v>45611</v>
      </c>
      <c r="F65570" s="14" t="s">
        <v>25</v>
      </c>
      <c r="G65570" s="16">
        <v>0.84315625467548794</v>
      </c>
    </row>
    <row r="65571" spans="1:7" x14ac:dyDescent="0.3">
      <c r="A65571" s="13" t="s">
        <v>349</v>
      </c>
      <c r="B65571" s="14" t="s">
        <v>1</v>
      </c>
      <c r="C65571" s="14" t="s">
        <v>218</v>
      </c>
      <c r="D65571" s="14" t="s">
        <v>153</v>
      </c>
      <c r="E65571" s="15">
        <v>45612</v>
      </c>
      <c r="F65571" s="14" t="s">
        <v>25</v>
      </c>
      <c r="G65571" s="16">
        <v>0.84315625467548794</v>
      </c>
    </row>
    <row r="65572" spans="1:7" x14ac:dyDescent="0.3">
      <c r="A65572" s="13" t="s">
        <v>349</v>
      </c>
      <c r="B65572" s="14" t="s">
        <v>1</v>
      </c>
      <c r="C65572" s="14" t="s">
        <v>218</v>
      </c>
      <c r="D65572" s="14" t="s">
        <v>153</v>
      </c>
      <c r="E65572" s="15">
        <v>45613</v>
      </c>
      <c r="F65572" s="14" t="s">
        <v>25</v>
      </c>
      <c r="G65572" s="16">
        <v>0.84315625467548794</v>
      </c>
    </row>
    <row r="65573" spans="1:7" x14ac:dyDescent="0.3">
      <c r="A65573" s="13" t="s">
        <v>349</v>
      </c>
      <c r="B65573" s="14" t="s">
        <v>1</v>
      </c>
      <c r="C65573" s="14" t="s">
        <v>218</v>
      </c>
      <c r="D65573" s="14" t="s">
        <v>153</v>
      </c>
      <c r="E65573" s="15">
        <v>45614</v>
      </c>
      <c r="F65573" s="14" t="s">
        <v>25</v>
      </c>
      <c r="G65573" s="16">
        <v>0.84482356273264159</v>
      </c>
    </row>
    <row r="65574" spans="1:7" x14ac:dyDescent="0.3">
      <c r="A65574" s="13" t="s">
        <v>349</v>
      </c>
      <c r="B65574" s="14" t="s">
        <v>1</v>
      </c>
      <c r="C65574" s="14" t="s">
        <v>218</v>
      </c>
      <c r="D65574" s="14" t="s">
        <v>153</v>
      </c>
      <c r="E65574" s="15">
        <v>45615</v>
      </c>
      <c r="F65574" s="14" t="s">
        <v>25</v>
      </c>
      <c r="G65574" s="16">
        <v>0.84928399856205561</v>
      </c>
    </row>
    <row r="65575" spans="1:7" x14ac:dyDescent="0.3">
      <c r="A65575" s="13" t="s">
        <v>349</v>
      </c>
      <c r="B65575" s="14" t="s">
        <v>1</v>
      </c>
      <c r="C65575" s="14" t="s">
        <v>218</v>
      </c>
      <c r="D65575" s="14" t="s">
        <v>153</v>
      </c>
      <c r="E65575" s="15">
        <v>45616</v>
      </c>
      <c r="F65575" s="14" t="s">
        <v>25</v>
      </c>
      <c r="G65575" s="16">
        <v>0.85093237540208821</v>
      </c>
    </row>
    <row r="65576" spans="1:7" x14ac:dyDescent="0.3">
      <c r="A65576" s="13" t="s">
        <v>349</v>
      </c>
      <c r="B65576" s="14" t="s">
        <v>1</v>
      </c>
      <c r="C65576" s="14" t="s">
        <v>218</v>
      </c>
      <c r="D65576" s="14" t="s">
        <v>153</v>
      </c>
      <c r="E65576" s="15">
        <v>45617</v>
      </c>
      <c r="F65576" s="14" t="s">
        <v>25</v>
      </c>
      <c r="G65576" s="16">
        <v>0.85260722928240429</v>
      </c>
    </row>
    <row r="65577" spans="1:7" x14ac:dyDescent="0.3">
      <c r="A65577" s="13" t="s">
        <v>349</v>
      </c>
      <c r="B65577" s="14" t="s">
        <v>1</v>
      </c>
      <c r="C65577" s="14" t="s">
        <v>218</v>
      </c>
      <c r="D65577" s="14" t="s">
        <v>153</v>
      </c>
      <c r="E65577" s="15">
        <v>45618</v>
      </c>
      <c r="F65577" s="14" t="s">
        <v>25</v>
      </c>
      <c r="G65577" s="16">
        <v>0.85427768365451606</v>
      </c>
    </row>
    <row r="65578" spans="1:7" x14ac:dyDescent="0.3">
      <c r="A65578" s="13" t="s">
        <v>349</v>
      </c>
      <c r="B65578" s="14" t="s">
        <v>1</v>
      </c>
      <c r="C65578" s="14" t="s">
        <v>218</v>
      </c>
      <c r="D65578" s="14" t="s">
        <v>153</v>
      </c>
      <c r="E65578" s="15">
        <v>45619</v>
      </c>
      <c r="F65578" s="14" t="s">
        <v>25</v>
      </c>
      <c r="G65578" s="16">
        <v>0.85427768365451606</v>
      </c>
    </row>
    <row r="65579" spans="1:7" x14ac:dyDescent="0.3">
      <c r="A65579" s="13" t="s">
        <v>349</v>
      </c>
      <c r="B65579" s="14" t="s">
        <v>1</v>
      </c>
      <c r="C65579" s="14" t="s">
        <v>218</v>
      </c>
      <c r="D65579" s="14" t="s">
        <v>153</v>
      </c>
      <c r="E65579" s="15">
        <v>45620</v>
      </c>
      <c r="F65579" s="14" t="s">
        <v>25</v>
      </c>
      <c r="G65579" s="16">
        <v>0.85427768365451606</v>
      </c>
    </row>
    <row r="65580" spans="1:7" x14ac:dyDescent="0.3">
      <c r="A65580" s="13" t="s">
        <v>349</v>
      </c>
      <c r="B65580" s="14" t="s">
        <v>1</v>
      </c>
      <c r="C65580" s="14" t="s">
        <v>218</v>
      </c>
      <c r="D65580" s="14" t="s">
        <v>153</v>
      </c>
      <c r="E65580" s="15">
        <v>45621</v>
      </c>
      <c r="F65580" s="14" t="s">
        <v>25</v>
      </c>
      <c r="G65580" s="16">
        <v>0.85599805244698102</v>
      </c>
    </row>
    <row r="65581" spans="1:7" x14ac:dyDescent="0.3">
      <c r="A65581" s="13" t="s">
        <v>349</v>
      </c>
      <c r="B65581" s="14" t="s">
        <v>1</v>
      </c>
      <c r="C65581" s="14" t="s">
        <v>218</v>
      </c>
      <c r="D65581" s="14" t="s">
        <v>153</v>
      </c>
      <c r="E65581" s="15">
        <v>45622</v>
      </c>
      <c r="F65581" s="14" t="s">
        <v>25</v>
      </c>
      <c r="G65581" s="16">
        <v>0.86098082988682112</v>
      </c>
    </row>
    <row r="65582" spans="1:7" x14ac:dyDescent="0.3">
      <c r="A65582" s="13" t="s">
        <v>349</v>
      </c>
      <c r="B65582" s="14" t="s">
        <v>1</v>
      </c>
      <c r="C65582" s="14" t="s">
        <v>218</v>
      </c>
      <c r="D65582" s="14" t="s">
        <v>153</v>
      </c>
      <c r="E65582" s="15">
        <v>45623</v>
      </c>
      <c r="F65582" s="14" t="s">
        <v>25</v>
      </c>
      <c r="G65582" s="16">
        <v>0.86248191290486464</v>
      </c>
    </row>
    <row r="65583" spans="1:7" x14ac:dyDescent="0.3">
      <c r="A65583" s="13" t="s">
        <v>349</v>
      </c>
      <c r="B65583" s="14" t="s">
        <v>1</v>
      </c>
      <c r="C65583" s="14" t="s">
        <v>218</v>
      </c>
      <c r="D65583" s="14" t="s">
        <v>153</v>
      </c>
      <c r="E65583" s="15">
        <v>45624</v>
      </c>
      <c r="F65583" s="14" t="s">
        <v>25</v>
      </c>
      <c r="G65583" s="16">
        <v>0.86325138808314494</v>
      </c>
    </row>
    <row r="65584" spans="1:7" x14ac:dyDescent="0.3">
      <c r="A65584" s="13" t="s">
        <v>349</v>
      </c>
      <c r="B65584" s="14" t="s">
        <v>1</v>
      </c>
      <c r="C65584" s="14" t="s">
        <v>218</v>
      </c>
      <c r="D65584" s="14" t="s">
        <v>153</v>
      </c>
      <c r="E65584" s="15">
        <v>45625</v>
      </c>
      <c r="F65584" s="14" t="s">
        <v>25</v>
      </c>
      <c r="G65584" s="16">
        <v>0.86479135010069164</v>
      </c>
    </row>
    <row r="65585" spans="1:7" x14ac:dyDescent="0.3">
      <c r="A65585" s="13" t="s">
        <v>349</v>
      </c>
      <c r="B65585" s="14" t="s">
        <v>1</v>
      </c>
      <c r="C65585" s="14" t="s">
        <v>218</v>
      </c>
      <c r="D65585" s="14" t="s">
        <v>153</v>
      </c>
      <c r="E65585" s="15">
        <v>45626</v>
      </c>
      <c r="F65585" s="14" t="s">
        <v>25</v>
      </c>
      <c r="G65585" s="16">
        <v>0.86479135010069164</v>
      </c>
    </row>
    <row r="65586" spans="1:7" x14ac:dyDescent="0.3">
      <c r="A65586" s="13" t="s">
        <v>349</v>
      </c>
      <c r="B65586" s="14" t="s">
        <v>1</v>
      </c>
      <c r="C65586" s="14" t="s">
        <v>218</v>
      </c>
      <c r="D65586" s="14" t="s">
        <v>153</v>
      </c>
      <c r="E65586" s="15">
        <v>45627</v>
      </c>
      <c r="F65586" s="14" t="s">
        <v>25</v>
      </c>
      <c r="G65586" s="16">
        <v>0.86479135010069164</v>
      </c>
    </row>
    <row r="65587" spans="1:7" x14ac:dyDescent="0.3">
      <c r="A65587" s="13" t="s">
        <v>349</v>
      </c>
      <c r="B65587" s="14" t="s">
        <v>1</v>
      </c>
      <c r="C65587" s="14" t="s">
        <v>218</v>
      </c>
      <c r="D65587" s="14" t="s">
        <v>153</v>
      </c>
      <c r="E65587" s="15">
        <v>45628</v>
      </c>
      <c r="F65587" s="14" t="s">
        <v>25</v>
      </c>
      <c r="G65587" s="16">
        <v>0.87423844197265499</v>
      </c>
    </row>
    <row r="65588" spans="1:7" x14ac:dyDescent="0.3">
      <c r="A65588" s="13" t="s">
        <v>349</v>
      </c>
      <c r="B65588" s="14" t="s">
        <v>1</v>
      </c>
      <c r="C65588" s="14" t="s">
        <v>218</v>
      </c>
      <c r="D65588" s="14" t="s">
        <v>153</v>
      </c>
      <c r="E65588" s="15">
        <v>45629</v>
      </c>
      <c r="F65588" s="14" t="s">
        <v>25</v>
      </c>
      <c r="G65588" s="16">
        <v>0.87677472501794163</v>
      </c>
    </row>
    <row r="65589" spans="1:7" x14ac:dyDescent="0.3">
      <c r="A65589" s="13" t="s">
        <v>349</v>
      </c>
      <c r="B65589" s="14" t="s">
        <v>1</v>
      </c>
      <c r="C65589" s="14" t="s">
        <v>218</v>
      </c>
      <c r="D65589" s="14" t="s">
        <v>153</v>
      </c>
      <c r="E65589" s="15">
        <v>45630</v>
      </c>
      <c r="F65589" s="14" t="s">
        <v>25</v>
      </c>
      <c r="G65589" s="16">
        <v>0.88041721959642327</v>
      </c>
    </row>
    <row r="65590" spans="1:7" x14ac:dyDescent="0.3">
      <c r="A65590" s="13" t="s">
        <v>349</v>
      </c>
      <c r="B65590" s="14" t="s">
        <v>1</v>
      </c>
      <c r="C65590" s="14" t="s">
        <v>218</v>
      </c>
      <c r="D65590" s="14" t="s">
        <v>153</v>
      </c>
      <c r="E65590" s="15">
        <v>45631</v>
      </c>
      <c r="F65590" s="14" t="s">
        <v>25</v>
      </c>
      <c r="G65590" s="16">
        <v>0.88657695606387565</v>
      </c>
    </row>
    <row r="65591" spans="1:7" x14ac:dyDescent="0.3">
      <c r="A65591" s="13" t="s">
        <v>349</v>
      </c>
      <c r="B65591" s="14" t="s">
        <v>1</v>
      </c>
      <c r="C65591" s="14" t="s">
        <v>218</v>
      </c>
      <c r="D65591" s="14" t="s">
        <v>153</v>
      </c>
      <c r="E65591" s="15">
        <v>45632</v>
      </c>
      <c r="F65591" s="14" t="s">
        <v>25</v>
      </c>
      <c r="G65591" s="16">
        <v>0.88791171612612751</v>
      </c>
    </row>
    <row r="65592" spans="1:7" x14ac:dyDescent="0.3">
      <c r="A65592" s="13" t="s">
        <v>349</v>
      </c>
      <c r="B65592" s="14" t="s">
        <v>1</v>
      </c>
      <c r="C65592" s="14" t="s">
        <v>218</v>
      </c>
      <c r="D65592" s="14" t="s">
        <v>153</v>
      </c>
      <c r="E65592" s="15">
        <v>45633</v>
      </c>
      <c r="F65592" s="14" t="s">
        <v>25</v>
      </c>
      <c r="G65592" s="16">
        <v>0.88791171612612751</v>
      </c>
    </row>
    <row r="65593" spans="1:7" x14ac:dyDescent="0.3">
      <c r="A65593" s="13" t="s">
        <v>349</v>
      </c>
      <c r="B65593" s="14" t="s">
        <v>1</v>
      </c>
      <c r="C65593" s="14" t="s">
        <v>218</v>
      </c>
      <c r="D65593" s="14" t="s">
        <v>153</v>
      </c>
      <c r="E65593" s="15">
        <v>45634</v>
      </c>
      <c r="F65593" s="14" t="s">
        <v>25</v>
      </c>
      <c r="G65593" s="16">
        <v>0.88791171612612751</v>
      </c>
    </row>
    <row r="65594" spans="1:7" x14ac:dyDescent="0.3">
      <c r="A65594" s="13" t="s">
        <v>349</v>
      </c>
      <c r="B65594" s="14" t="s">
        <v>1</v>
      </c>
      <c r="C65594" s="14" t="s">
        <v>218</v>
      </c>
      <c r="D65594" s="14" t="s">
        <v>153</v>
      </c>
      <c r="E65594" s="15">
        <v>45635</v>
      </c>
      <c r="F65594" s="14" t="s">
        <v>25</v>
      </c>
      <c r="G65594" s="16">
        <v>0.88922616371440011</v>
      </c>
    </row>
    <row r="65595" spans="1:7" x14ac:dyDescent="0.3">
      <c r="A65595" s="13" t="s">
        <v>349</v>
      </c>
      <c r="B65595" s="14" t="s">
        <v>1</v>
      </c>
      <c r="C65595" s="14" t="s">
        <v>218</v>
      </c>
      <c r="D65595" s="14" t="s">
        <v>153</v>
      </c>
      <c r="E65595" s="15">
        <v>45636</v>
      </c>
      <c r="F65595" s="14" t="s">
        <v>25</v>
      </c>
      <c r="G65595" s="16">
        <v>0.89316887446361348</v>
      </c>
    </row>
    <row r="65596" spans="1:7" x14ac:dyDescent="0.3">
      <c r="A65596" s="13" t="s">
        <v>349</v>
      </c>
      <c r="B65596" s="14" t="s">
        <v>1</v>
      </c>
      <c r="C65596" s="14" t="s">
        <v>218</v>
      </c>
      <c r="D65596" s="14" t="s">
        <v>153</v>
      </c>
      <c r="E65596" s="15">
        <v>45637</v>
      </c>
      <c r="F65596" s="14" t="s">
        <v>25</v>
      </c>
      <c r="G65596" s="16">
        <v>0.90680715715498117</v>
      </c>
    </row>
    <row r="65597" spans="1:7" x14ac:dyDescent="0.3">
      <c r="A65597" s="13" t="s">
        <v>349</v>
      </c>
      <c r="B65597" s="14" t="s">
        <v>1</v>
      </c>
      <c r="C65597" s="14" t="s">
        <v>218</v>
      </c>
      <c r="D65597" s="14" t="s">
        <v>153</v>
      </c>
      <c r="E65597" s="15">
        <v>45638</v>
      </c>
      <c r="F65597" s="14" t="s">
        <v>25</v>
      </c>
      <c r="G65597" s="16">
        <v>0.90817220189462866</v>
      </c>
    </row>
    <row r="65598" spans="1:7" x14ac:dyDescent="0.3">
      <c r="A65598" s="13" t="s">
        <v>349</v>
      </c>
      <c r="B65598" s="14" t="s">
        <v>1</v>
      </c>
      <c r="C65598" s="14" t="s">
        <v>218</v>
      </c>
      <c r="D65598" s="14" t="s">
        <v>153</v>
      </c>
      <c r="E65598" s="15">
        <v>45639</v>
      </c>
      <c r="F65598" s="14" t="s">
        <v>25</v>
      </c>
      <c r="G65598" s="16">
        <v>0.90955936320262198</v>
      </c>
    </row>
    <row r="65599" spans="1:7" x14ac:dyDescent="0.3">
      <c r="A65599" s="13" t="s">
        <v>349</v>
      </c>
      <c r="B65599" s="14" t="s">
        <v>1</v>
      </c>
      <c r="C65599" s="14" t="s">
        <v>218</v>
      </c>
      <c r="D65599" s="14" t="s">
        <v>153</v>
      </c>
      <c r="E65599" s="15">
        <v>45640</v>
      </c>
      <c r="F65599" s="14" t="s">
        <v>25</v>
      </c>
      <c r="G65599" s="16">
        <v>0.90955936320262198</v>
      </c>
    </row>
    <row r="65600" spans="1:7" x14ac:dyDescent="0.3">
      <c r="A65600" s="13" t="s">
        <v>349</v>
      </c>
      <c r="B65600" s="14" t="s">
        <v>1</v>
      </c>
      <c r="C65600" s="14" t="s">
        <v>218</v>
      </c>
      <c r="D65600" s="14" t="s">
        <v>153</v>
      </c>
      <c r="E65600" s="15">
        <v>45641</v>
      </c>
      <c r="F65600" s="14" t="s">
        <v>25</v>
      </c>
      <c r="G65600" s="16">
        <v>0.90955936320262198</v>
      </c>
    </row>
    <row r="65601" spans="1:7" x14ac:dyDescent="0.3">
      <c r="A65601" s="13" t="s">
        <v>349</v>
      </c>
      <c r="B65601" s="14" t="s">
        <v>1</v>
      </c>
      <c r="C65601" s="14" t="s">
        <v>218</v>
      </c>
      <c r="D65601" s="14" t="s">
        <v>153</v>
      </c>
      <c r="E65601" s="15">
        <v>45642</v>
      </c>
      <c r="F65601" s="14" t="s">
        <v>25</v>
      </c>
      <c r="G65601" s="16">
        <v>0.91096067394993085</v>
      </c>
    </row>
    <row r="65602" spans="1:7" x14ac:dyDescent="0.3">
      <c r="A65602" s="13" t="s">
        <v>349</v>
      </c>
      <c r="B65602" s="14" t="s">
        <v>1</v>
      </c>
      <c r="C65602" s="14" t="s">
        <v>218</v>
      </c>
      <c r="D65602" s="14" t="s">
        <v>153</v>
      </c>
      <c r="E65602" s="15">
        <v>45643</v>
      </c>
      <c r="F65602" s="14" t="s">
        <v>25</v>
      </c>
      <c r="G65602" s="16">
        <v>0.9151664869184799</v>
      </c>
    </row>
    <row r="65603" spans="1:7" x14ac:dyDescent="0.3">
      <c r="A65603" s="13" t="s">
        <v>349</v>
      </c>
      <c r="B65603" s="14" t="s">
        <v>1</v>
      </c>
      <c r="C65603" s="14" t="s">
        <v>218</v>
      </c>
      <c r="D65603" s="14" t="s">
        <v>153</v>
      </c>
      <c r="E65603" s="15">
        <v>45644</v>
      </c>
      <c r="F65603" s="14" t="s">
        <v>25</v>
      </c>
      <c r="G65603" s="16">
        <v>0.91605401591392255</v>
      </c>
    </row>
    <row r="65604" spans="1:7" x14ac:dyDescent="0.3">
      <c r="A65604" s="13" t="s">
        <v>349</v>
      </c>
      <c r="B65604" s="14" t="s">
        <v>1</v>
      </c>
      <c r="C65604" s="14" t="s">
        <v>218</v>
      </c>
      <c r="D65604" s="14" t="s">
        <v>153</v>
      </c>
      <c r="E65604" s="15">
        <v>45645</v>
      </c>
      <c r="F65604" s="14" t="s">
        <v>25</v>
      </c>
      <c r="G65604" s="16">
        <v>0.91745824728406467</v>
      </c>
    </row>
    <row r="65605" spans="1:7" x14ac:dyDescent="0.3">
      <c r="A65605" s="13" t="s">
        <v>349</v>
      </c>
      <c r="B65605" s="14" t="s">
        <v>1</v>
      </c>
      <c r="C65605" s="14" t="s">
        <v>218</v>
      </c>
      <c r="D65605" s="14" t="s">
        <v>153</v>
      </c>
      <c r="E65605" s="15">
        <v>45646</v>
      </c>
      <c r="F65605" s="14" t="s">
        <v>25</v>
      </c>
      <c r="G65605" s="16">
        <v>0.91893537130433112</v>
      </c>
    </row>
    <row r="65606" spans="1:7" x14ac:dyDescent="0.3">
      <c r="A65606" s="13" t="s">
        <v>349</v>
      </c>
      <c r="B65606" s="14" t="s">
        <v>1</v>
      </c>
      <c r="C65606" s="14" t="s">
        <v>218</v>
      </c>
      <c r="D65606" s="14" t="s">
        <v>153</v>
      </c>
      <c r="E65606" s="15">
        <v>45647</v>
      </c>
      <c r="F65606" s="14" t="s">
        <v>25</v>
      </c>
      <c r="G65606" s="16">
        <v>0.91893537130433112</v>
      </c>
    </row>
    <row r="65607" spans="1:7" x14ac:dyDescent="0.3">
      <c r="A65607" s="13" t="s">
        <v>349</v>
      </c>
      <c r="B65607" s="14" t="s">
        <v>1</v>
      </c>
      <c r="C65607" s="14" t="s">
        <v>218</v>
      </c>
      <c r="D65607" s="14" t="s">
        <v>153</v>
      </c>
      <c r="E65607" s="15">
        <v>45648</v>
      </c>
      <c r="F65607" s="14" t="s">
        <v>25</v>
      </c>
      <c r="G65607" s="16">
        <v>0.91893537130433112</v>
      </c>
    </row>
    <row r="65608" spans="1:7" x14ac:dyDescent="0.3">
      <c r="A65608" s="13" t="s">
        <v>349</v>
      </c>
      <c r="B65608" s="14" t="s">
        <v>1</v>
      </c>
      <c r="C65608" s="14" t="s">
        <v>218</v>
      </c>
      <c r="D65608" s="14" t="s">
        <v>153</v>
      </c>
      <c r="E65608" s="15">
        <v>45649</v>
      </c>
      <c r="F65608" s="14" t="s">
        <v>25</v>
      </c>
      <c r="G65608" s="16">
        <v>0.92047000902986753</v>
      </c>
    </row>
    <row r="65609" spans="1:7" x14ac:dyDescent="0.3">
      <c r="A65609" s="13" t="s">
        <v>349</v>
      </c>
      <c r="B65609" s="14" t="s">
        <v>1</v>
      </c>
      <c r="C65609" s="14" t="s">
        <v>218</v>
      </c>
      <c r="D65609" s="14" t="s">
        <v>153</v>
      </c>
      <c r="E65609" s="15">
        <v>45650</v>
      </c>
      <c r="F65609" s="14" t="s">
        <v>25</v>
      </c>
      <c r="G65609" s="16">
        <v>0.92500819028799641</v>
      </c>
    </row>
    <row r="65610" spans="1:7" x14ac:dyDescent="0.3">
      <c r="A65610" s="13" t="s">
        <v>349</v>
      </c>
      <c r="B65610" s="14" t="s">
        <v>1</v>
      </c>
      <c r="C65610" s="14" t="s">
        <v>218</v>
      </c>
      <c r="D65610" s="14" t="s">
        <v>153</v>
      </c>
      <c r="E65610" s="15">
        <v>45651</v>
      </c>
      <c r="F65610" s="14" t="s">
        <v>25</v>
      </c>
      <c r="G65610" s="16">
        <v>0.92500819028799641</v>
      </c>
    </row>
    <row r="65611" spans="1:7" x14ac:dyDescent="0.3">
      <c r="A65611" s="13" t="s">
        <v>349</v>
      </c>
      <c r="B65611" s="14" t="s">
        <v>1</v>
      </c>
      <c r="C65611" s="14" t="s">
        <v>218</v>
      </c>
      <c r="D65611" s="14" t="s">
        <v>153</v>
      </c>
      <c r="E65611" s="15">
        <v>45652</v>
      </c>
      <c r="F65611" s="14" t="s">
        <v>25</v>
      </c>
      <c r="G65611" s="16">
        <v>0.92500819028799641</v>
      </c>
    </row>
    <row r="65612" spans="1:7" x14ac:dyDescent="0.3">
      <c r="A65612" s="13" t="s">
        <v>349</v>
      </c>
      <c r="B65612" s="14" t="s">
        <v>1</v>
      </c>
      <c r="C65612" s="14" t="s">
        <v>218</v>
      </c>
      <c r="D65612" s="14" t="s">
        <v>153</v>
      </c>
      <c r="E65612" s="15">
        <v>45653</v>
      </c>
      <c r="F65612" s="14" t="s">
        <v>25</v>
      </c>
      <c r="G65612" s="16">
        <v>0.92500819028799641</v>
      </c>
    </row>
    <row r="65613" spans="1:7" x14ac:dyDescent="0.3">
      <c r="A65613" s="13" t="s">
        <v>349</v>
      </c>
      <c r="B65613" s="14" t="s">
        <v>1</v>
      </c>
      <c r="C65613" s="14" t="s">
        <v>218</v>
      </c>
      <c r="D65613" s="14" t="s">
        <v>153</v>
      </c>
      <c r="E65613" s="15">
        <v>45654</v>
      </c>
      <c r="F65613" s="14" t="s">
        <v>25</v>
      </c>
      <c r="G65613" s="16">
        <v>0.92500819028799641</v>
      </c>
    </row>
    <row r="65614" spans="1:7" x14ac:dyDescent="0.3">
      <c r="A65614" s="13" t="s">
        <v>349</v>
      </c>
      <c r="B65614" s="14" t="s">
        <v>1</v>
      </c>
      <c r="C65614" s="14" t="s">
        <v>218</v>
      </c>
      <c r="D65614" s="14" t="s">
        <v>153</v>
      </c>
      <c r="E65614" s="15">
        <v>45655</v>
      </c>
      <c r="F65614" s="14" t="s">
        <v>25</v>
      </c>
      <c r="G65614" s="16">
        <v>0.92500819028799641</v>
      </c>
    </row>
    <row r="65615" spans="1:7" x14ac:dyDescent="0.3">
      <c r="A65615" s="13" t="s">
        <v>349</v>
      </c>
      <c r="B65615" s="14" t="s">
        <v>1</v>
      </c>
      <c r="C65615" s="14" t="s">
        <v>218</v>
      </c>
      <c r="D65615" s="14" t="s">
        <v>153</v>
      </c>
      <c r="E65615" s="15">
        <v>45656</v>
      </c>
      <c r="F65615" s="14" t="s">
        <v>25</v>
      </c>
      <c r="G65615" s="16">
        <v>0.92657889133415816</v>
      </c>
    </row>
    <row r="65616" spans="1:7" x14ac:dyDescent="0.3">
      <c r="A65616" s="13" t="s">
        <v>349</v>
      </c>
      <c r="B65616" s="14" t="s">
        <v>1</v>
      </c>
      <c r="C65616" s="14" t="s">
        <v>218</v>
      </c>
      <c r="D65616" s="14" t="s">
        <v>153</v>
      </c>
      <c r="E65616" s="15">
        <v>45657</v>
      </c>
      <c r="F65616" s="14" t="s">
        <v>25</v>
      </c>
      <c r="G65616" s="16">
        <v>0.93616261345225926</v>
      </c>
    </row>
    <row r="65617" spans="1:7" x14ac:dyDescent="0.3">
      <c r="A65617" s="13" t="s">
        <v>349</v>
      </c>
      <c r="B65617" s="14" t="s">
        <v>1</v>
      </c>
      <c r="C65617" s="14" t="s">
        <v>218</v>
      </c>
      <c r="D65617" s="14" t="s">
        <v>153</v>
      </c>
      <c r="E65617" s="15">
        <v>45658</v>
      </c>
      <c r="F65617" s="14" t="s">
        <v>25</v>
      </c>
      <c r="G65617" s="16">
        <v>0.93616261345225926</v>
      </c>
    </row>
    <row r="65618" spans="1:7" x14ac:dyDescent="0.3">
      <c r="A65618" s="13" t="s">
        <v>349</v>
      </c>
      <c r="B65618" s="14" t="s">
        <v>1</v>
      </c>
      <c r="C65618" s="14" t="s">
        <v>218</v>
      </c>
      <c r="D65618" s="14" t="s">
        <v>153</v>
      </c>
      <c r="E65618" s="15">
        <v>45659</v>
      </c>
      <c r="F65618" s="14" t="s">
        <v>25</v>
      </c>
      <c r="G65618" s="16">
        <v>0.93616261345225926</v>
      </c>
    </row>
    <row r="65619" spans="1:7" x14ac:dyDescent="0.3">
      <c r="A65619" s="13" t="s">
        <v>349</v>
      </c>
      <c r="B65619" s="14" t="s">
        <v>1</v>
      </c>
      <c r="C65619" s="14" t="s">
        <v>218</v>
      </c>
      <c r="D65619" s="14" t="s">
        <v>153</v>
      </c>
      <c r="E65619" s="15">
        <v>45660</v>
      </c>
      <c r="F65619" s="14" t="s">
        <v>25</v>
      </c>
      <c r="G65619" s="16">
        <v>0.93771192743537235</v>
      </c>
    </row>
    <row r="65620" spans="1:7" x14ac:dyDescent="0.3">
      <c r="A65620" s="13" t="s">
        <v>349</v>
      </c>
      <c r="B65620" s="14" t="s">
        <v>1</v>
      </c>
      <c r="C65620" s="14" t="s">
        <v>218</v>
      </c>
      <c r="D65620" s="14" t="s">
        <v>153</v>
      </c>
      <c r="E65620" s="15">
        <v>45661</v>
      </c>
      <c r="F65620" s="14" t="s">
        <v>25</v>
      </c>
      <c r="G65620" s="16">
        <v>0.93771192743537235</v>
      </c>
    </row>
    <row r="65621" spans="1:7" x14ac:dyDescent="0.3">
      <c r="A65621" s="13" t="s">
        <v>349</v>
      </c>
      <c r="B65621" s="14" t="s">
        <v>1</v>
      </c>
      <c r="C65621" s="14" t="s">
        <v>218</v>
      </c>
      <c r="D65621" s="14" t="s">
        <v>153</v>
      </c>
      <c r="E65621" s="15">
        <v>45662</v>
      </c>
      <c r="F65621" s="14" t="s">
        <v>25</v>
      </c>
      <c r="G65621" s="16">
        <v>0.93771192743537235</v>
      </c>
    </row>
    <row r="65622" spans="1:7" x14ac:dyDescent="0.3">
      <c r="A65622" s="13" t="s">
        <v>349</v>
      </c>
      <c r="B65622" s="14" t="s">
        <v>1</v>
      </c>
      <c r="C65622" s="14" t="s">
        <v>218</v>
      </c>
      <c r="D65622" s="14" t="s">
        <v>153</v>
      </c>
      <c r="E65622" s="15">
        <v>45663</v>
      </c>
      <c r="F65622" s="14" t="s">
        <v>25</v>
      </c>
      <c r="G65622" s="16">
        <v>0.94198772855926693</v>
      </c>
    </row>
    <row r="65623" spans="1:7" x14ac:dyDescent="0.3">
      <c r="A65623" s="13" t="s">
        <v>349</v>
      </c>
      <c r="B65623" s="14" t="s">
        <v>1</v>
      </c>
      <c r="C65623" s="14" t="s">
        <v>218</v>
      </c>
      <c r="D65623" s="14" t="s">
        <v>153</v>
      </c>
      <c r="E65623" s="15">
        <v>45664</v>
      </c>
      <c r="F65623" s="14" t="s">
        <v>25</v>
      </c>
      <c r="G65623" s="16">
        <v>0.95481918159193202</v>
      </c>
    </row>
    <row r="65624" spans="1:7" x14ac:dyDescent="0.3">
      <c r="A65624" s="13" t="s">
        <v>349</v>
      </c>
      <c r="B65624" s="14" t="s">
        <v>1</v>
      </c>
      <c r="C65624" s="14" t="s">
        <v>218</v>
      </c>
      <c r="D65624" s="14" t="s">
        <v>153</v>
      </c>
      <c r="E65624" s="15">
        <v>45665</v>
      </c>
      <c r="F65624" s="14" t="s">
        <v>25</v>
      </c>
      <c r="G65624" s="16">
        <v>0.95646157425956702</v>
      </c>
    </row>
    <row r="65625" spans="1:7" x14ac:dyDescent="0.3">
      <c r="A65625" s="13" t="s">
        <v>349</v>
      </c>
      <c r="B65625" s="14" t="s">
        <v>1</v>
      </c>
      <c r="C65625" s="14" t="s">
        <v>218</v>
      </c>
      <c r="D65625" s="14" t="s">
        <v>153</v>
      </c>
      <c r="E65625" s="15">
        <v>45666</v>
      </c>
      <c r="F65625" s="14" t="s">
        <v>25</v>
      </c>
      <c r="G65625" s="16">
        <v>0.95815627792850921</v>
      </c>
    </row>
    <row r="65626" spans="1:7" x14ac:dyDescent="0.3">
      <c r="A65626" s="13" t="s">
        <v>349</v>
      </c>
      <c r="B65626" s="14" t="s">
        <v>1</v>
      </c>
      <c r="C65626" s="14" t="s">
        <v>218</v>
      </c>
      <c r="D65626" s="14" t="s">
        <v>153</v>
      </c>
      <c r="E65626" s="15">
        <v>45667</v>
      </c>
      <c r="F65626" s="14" t="s">
        <v>25</v>
      </c>
      <c r="G65626" s="16">
        <v>0.95985495338762383</v>
      </c>
    </row>
    <row r="65627" spans="1:7" x14ac:dyDescent="0.3">
      <c r="A65627" s="13" t="s">
        <v>349</v>
      </c>
      <c r="B65627" s="14" t="s">
        <v>1</v>
      </c>
      <c r="C65627" s="14" t="s">
        <v>218</v>
      </c>
      <c r="D65627" s="14" t="s">
        <v>153</v>
      </c>
      <c r="E65627" s="15">
        <v>45668</v>
      </c>
      <c r="F65627" s="14" t="s">
        <v>25</v>
      </c>
      <c r="G65627" s="16">
        <v>0.95985495338762383</v>
      </c>
    </row>
    <row r="65628" spans="1:7" x14ac:dyDescent="0.3">
      <c r="A65628" s="13" t="s">
        <v>349</v>
      </c>
      <c r="B65628" s="14" t="s">
        <v>1</v>
      </c>
      <c r="C65628" s="14" t="s">
        <v>218</v>
      </c>
      <c r="D65628" s="14" t="s">
        <v>153</v>
      </c>
      <c r="E65628" s="15">
        <v>45669</v>
      </c>
      <c r="F65628" s="14" t="s">
        <v>25</v>
      </c>
      <c r="G65628" s="16">
        <v>0.95985495338762383</v>
      </c>
    </row>
    <row r="65629" spans="1:7" x14ac:dyDescent="0.3">
      <c r="A65629" s="13" t="s">
        <v>349</v>
      </c>
      <c r="B65629" s="14" t="s">
        <v>1</v>
      </c>
      <c r="C65629" s="14" t="s">
        <v>218</v>
      </c>
      <c r="D65629" s="14" t="s">
        <v>153</v>
      </c>
      <c r="E65629" s="15">
        <v>45670</v>
      </c>
      <c r="F65629" s="14" t="s">
        <v>25</v>
      </c>
      <c r="G65629" s="16">
        <v>0.96158071919487986</v>
      </c>
    </row>
    <row r="65630" spans="1:7" x14ac:dyDescent="0.3">
      <c r="A65630" s="13" t="s">
        <v>349</v>
      </c>
      <c r="B65630" s="14" t="s">
        <v>1</v>
      </c>
      <c r="C65630" s="14" t="s">
        <v>218</v>
      </c>
      <c r="D65630" s="14" t="s">
        <v>153</v>
      </c>
      <c r="E65630" s="15">
        <v>45671</v>
      </c>
      <c r="F65630" s="14" t="s">
        <v>25</v>
      </c>
      <c r="G65630" s="16">
        <v>0.96693220898806054</v>
      </c>
    </row>
    <row r="65631" spans="1:7" x14ac:dyDescent="0.3">
      <c r="A65631" s="13" t="s">
        <v>349</v>
      </c>
      <c r="B65631" s="14" t="s">
        <v>1</v>
      </c>
      <c r="C65631" s="14" t="s">
        <v>218</v>
      </c>
      <c r="D65631" s="14" t="s">
        <v>153</v>
      </c>
      <c r="E65631" s="15">
        <v>45672</v>
      </c>
      <c r="F65631" s="14" t="s">
        <v>25</v>
      </c>
      <c r="G65631" s="16">
        <v>0.96868539801227227</v>
      </c>
    </row>
    <row r="65632" spans="1:7" x14ac:dyDescent="0.3">
      <c r="A65632" s="13" t="s">
        <v>349</v>
      </c>
      <c r="B65632" s="14" t="s">
        <v>1</v>
      </c>
      <c r="C65632" s="14" t="s">
        <v>218</v>
      </c>
      <c r="D65632" s="14" t="s">
        <v>153</v>
      </c>
      <c r="E65632" s="15">
        <v>45673</v>
      </c>
      <c r="F65632" s="14" t="s">
        <v>25</v>
      </c>
      <c r="G65632" s="16">
        <v>0.9704239872490511</v>
      </c>
    </row>
    <row r="65633" spans="1:7" x14ac:dyDescent="0.3">
      <c r="A65633" s="13" t="s">
        <v>349</v>
      </c>
      <c r="B65633" s="14" t="s">
        <v>1</v>
      </c>
      <c r="C65633" s="14" t="s">
        <v>218</v>
      </c>
      <c r="D65633" s="14" t="s">
        <v>153</v>
      </c>
      <c r="E65633" s="15">
        <v>45674</v>
      </c>
      <c r="F65633" s="14" t="s">
        <v>25</v>
      </c>
      <c r="G65633" s="16">
        <v>1.0240534205005172</v>
      </c>
    </row>
    <row r="65634" spans="1:7" x14ac:dyDescent="0.3">
      <c r="A65634" s="13" t="s">
        <v>349</v>
      </c>
      <c r="B65634" s="14" t="s">
        <v>1</v>
      </c>
      <c r="C65634" s="14" t="s">
        <v>218</v>
      </c>
      <c r="D65634" s="14" t="s">
        <v>153</v>
      </c>
      <c r="E65634" s="15">
        <v>45675</v>
      </c>
      <c r="F65634" s="14" t="s">
        <v>25</v>
      </c>
      <c r="G65634" s="16">
        <v>1.0240534205005172</v>
      </c>
    </row>
    <row r="65635" spans="1:7" x14ac:dyDescent="0.3">
      <c r="A65635" s="13" t="s">
        <v>349</v>
      </c>
      <c r="B65635" s="14" t="s">
        <v>1</v>
      </c>
      <c r="C65635" s="14" t="s">
        <v>218</v>
      </c>
      <c r="D65635" s="14" t="s">
        <v>153</v>
      </c>
      <c r="E65635" s="15">
        <v>45676</v>
      </c>
      <c r="F65635" s="14" t="s">
        <v>25</v>
      </c>
      <c r="G65635" s="16">
        <v>1.0240534205005172</v>
      </c>
    </row>
    <row r="65636" spans="1:7" x14ac:dyDescent="0.3">
      <c r="A65636" s="13" t="s">
        <v>349</v>
      </c>
      <c r="B65636" s="14" t="s">
        <v>1</v>
      </c>
      <c r="C65636" s="14" t="s">
        <v>218</v>
      </c>
      <c r="D65636" s="14" t="s">
        <v>153</v>
      </c>
      <c r="E65636" s="15">
        <v>45677</v>
      </c>
      <c r="F65636" s="14" t="s">
        <v>25</v>
      </c>
      <c r="G65636" s="16">
        <v>1.0272788223119986</v>
      </c>
    </row>
    <row r="65637" spans="1:7" x14ac:dyDescent="0.3">
      <c r="A65637" s="13" t="s">
        <v>349</v>
      </c>
      <c r="B65637" s="14" t="s">
        <v>1</v>
      </c>
      <c r="C65637" s="14" t="s">
        <v>218</v>
      </c>
      <c r="D65637" s="14" t="s">
        <v>153</v>
      </c>
      <c r="E65637" s="15">
        <v>45678</v>
      </c>
      <c r="F65637" s="14" t="s">
        <v>25</v>
      </c>
      <c r="G65637" s="16">
        <v>1.0307290179159534</v>
      </c>
    </row>
    <row r="65638" spans="1:7" x14ac:dyDescent="0.3">
      <c r="A65638" s="13" t="s">
        <v>349</v>
      </c>
      <c r="B65638" s="14" t="s">
        <v>1</v>
      </c>
      <c r="C65638" s="14" t="s">
        <v>218</v>
      </c>
      <c r="D65638" s="14" t="s">
        <v>153</v>
      </c>
      <c r="E65638" s="15">
        <v>45679</v>
      </c>
      <c r="F65638" s="14" t="s">
        <v>25</v>
      </c>
      <c r="G65638" s="16">
        <v>1.0319410062142185</v>
      </c>
    </row>
    <row r="65639" spans="1:7" x14ac:dyDescent="0.3">
      <c r="A65639" s="13" t="s">
        <v>349</v>
      </c>
      <c r="B65639" s="14" t="s">
        <v>1</v>
      </c>
      <c r="C65639" s="14" t="s">
        <v>218</v>
      </c>
      <c r="D65639" s="14" t="s">
        <v>153</v>
      </c>
      <c r="E65639" s="15">
        <v>45680</v>
      </c>
      <c r="F65639" s="14" t="s">
        <v>25</v>
      </c>
      <c r="G65639" s="16">
        <v>1.0331330110095331</v>
      </c>
    </row>
    <row r="65640" spans="1:7" x14ac:dyDescent="0.3">
      <c r="A65640" s="13" t="s">
        <v>349</v>
      </c>
      <c r="B65640" s="14" t="s">
        <v>1</v>
      </c>
      <c r="C65640" s="14" t="s">
        <v>218</v>
      </c>
      <c r="D65640" s="14" t="s">
        <v>153</v>
      </c>
      <c r="E65640" s="15">
        <v>45681</v>
      </c>
      <c r="F65640" s="14" t="s">
        <v>25</v>
      </c>
      <c r="G65640" s="16">
        <v>1.0343312776747302</v>
      </c>
    </row>
    <row r="65641" spans="1:7" x14ac:dyDescent="0.3">
      <c r="A65641" s="13" t="s">
        <v>349</v>
      </c>
      <c r="B65641" s="14" t="s">
        <v>1</v>
      </c>
      <c r="C65641" s="14" t="s">
        <v>218</v>
      </c>
      <c r="D65641" s="14" t="s">
        <v>153</v>
      </c>
      <c r="E65641" s="15">
        <v>45682</v>
      </c>
      <c r="F65641" s="14" t="s">
        <v>25</v>
      </c>
      <c r="G65641" s="16">
        <v>1.0343312776747302</v>
      </c>
    </row>
    <row r="65642" spans="1:7" x14ac:dyDescent="0.3">
      <c r="A65642" s="13" t="s">
        <v>349</v>
      </c>
      <c r="B65642" s="14" t="s">
        <v>1</v>
      </c>
      <c r="C65642" s="14" t="s">
        <v>218</v>
      </c>
      <c r="D65642" s="14" t="s">
        <v>153</v>
      </c>
      <c r="E65642" s="15">
        <v>45683</v>
      </c>
      <c r="F65642" s="14" t="s">
        <v>25</v>
      </c>
      <c r="G65642" s="16">
        <v>1.0343312776747302</v>
      </c>
    </row>
    <row r="65643" spans="1:7" x14ac:dyDescent="0.3">
      <c r="A65643" s="13" t="s">
        <v>349</v>
      </c>
      <c r="B65643" s="14" t="s">
        <v>1</v>
      </c>
      <c r="C65643" s="14" t="s">
        <v>218</v>
      </c>
      <c r="D65643" s="14" t="s">
        <v>153</v>
      </c>
      <c r="E65643" s="15">
        <v>45684</v>
      </c>
      <c r="F65643" s="14" t="s">
        <v>25</v>
      </c>
      <c r="G65643" s="16">
        <v>1.0388131314386695</v>
      </c>
    </row>
    <row r="65644" spans="1:7" x14ac:dyDescent="0.3">
      <c r="A65644" s="13" t="s">
        <v>349</v>
      </c>
      <c r="B65644" s="14" t="s">
        <v>1</v>
      </c>
      <c r="C65644" s="14" t="s">
        <v>218</v>
      </c>
      <c r="D65644" s="14" t="s">
        <v>153</v>
      </c>
      <c r="E65644" s="15">
        <v>45685</v>
      </c>
      <c r="F65644" s="14" t="s">
        <v>25</v>
      </c>
      <c r="G65644" s="16">
        <v>1.0422539034778098</v>
      </c>
    </row>
    <row r="65645" spans="1:7" x14ac:dyDescent="0.3">
      <c r="A65645" s="13" t="s">
        <v>349</v>
      </c>
      <c r="B65645" s="14" t="s">
        <v>1</v>
      </c>
      <c r="C65645" s="14" t="s">
        <v>218</v>
      </c>
      <c r="D65645" s="14" t="s">
        <v>153</v>
      </c>
      <c r="E65645" s="15">
        <v>45686</v>
      </c>
      <c r="F65645" s="14" t="s">
        <v>25</v>
      </c>
      <c r="G65645" s="16">
        <v>1.0434361716859573</v>
      </c>
    </row>
    <row r="65646" spans="1:7" x14ac:dyDescent="0.3">
      <c r="A65646" s="13" t="s">
        <v>349</v>
      </c>
      <c r="B65646" s="14" t="s">
        <v>1</v>
      </c>
      <c r="C65646" s="14" t="s">
        <v>218</v>
      </c>
      <c r="D65646" s="14" t="s">
        <v>153</v>
      </c>
      <c r="E65646" s="15">
        <v>45687</v>
      </c>
      <c r="F65646" s="14" t="s">
        <v>25</v>
      </c>
      <c r="G65646" s="16">
        <v>1.044737360525567</v>
      </c>
    </row>
    <row r="65647" spans="1:7" x14ac:dyDescent="0.3">
      <c r="A65647" s="13" t="s">
        <v>349</v>
      </c>
      <c r="B65647" s="14" t="s">
        <v>1</v>
      </c>
      <c r="C65647" s="14" t="s">
        <v>218</v>
      </c>
      <c r="D65647" s="14" t="s">
        <v>153</v>
      </c>
      <c r="E65647" s="15">
        <v>45688</v>
      </c>
      <c r="F65647" s="14" t="s">
        <v>25</v>
      </c>
      <c r="G65647" s="16">
        <v>1.0459401470433509</v>
      </c>
    </row>
    <row r="65648" spans="1:7" x14ac:dyDescent="0.3">
      <c r="A65648" s="13" t="s">
        <v>349</v>
      </c>
      <c r="B65648" s="14" t="s">
        <v>1</v>
      </c>
      <c r="C65648" s="14" t="s">
        <v>218</v>
      </c>
      <c r="D65648" s="14" t="s">
        <v>153</v>
      </c>
      <c r="E65648" s="15">
        <v>45689</v>
      </c>
      <c r="F65648" s="14" t="s">
        <v>25</v>
      </c>
      <c r="G65648" s="16">
        <v>1.0459401470433509</v>
      </c>
    </row>
    <row r="65649" spans="1:7" x14ac:dyDescent="0.3">
      <c r="A65649" s="13" t="s">
        <v>349</v>
      </c>
      <c r="B65649" s="14" t="s">
        <v>1</v>
      </c>
      <c r="C65649" s="14" t="s">
        <v>218</v>
      </c>
      <c r="D65649" s="14" t="s">
        <v>153</v>
      </c>
      <c r="E65649" s="15">
        <v>45690</v>
      </c>
      <c r="F65649" s="14" t="s">
        <v>25</v>
      </c>
      <c r="G65649" s="16">
        <v>1.0459401470433509</v>
      </c>
    </row>
    <row r="65650" spans="1:7" x14ac:dyDescent="0.3">
      <c r="A65650" s="13" t="s">
        <v>349</v>
      </c>
      <c r="B65650" s="14" t="s">
        <v>1</v>
      </c>
      <c r="C65650" s="14" t="s">
        <v>218</v>
      </c>
      <c r="D65650" s="14" t="s">
        <v>153</v>
      </c>
      <c r="E65650" s="15">
        <v>45691</v>
      </c>
      <c r="F65650" s="14" t="s">
        <v>25</v>
      </c>
      <c r="G65650" s="16">
        <v>1.0459401470433509</v>
      </c>
    </row>
    <row r="65651" spans="1:7" x14ac:dyDescent="0.3">
      <c r="A65651" s="13" t="s">
        <v>349</v>
      </c>
      <c r="B65651" s="14" t="s">
        <v>1</v>
      </c>
      <c r="C65651" s="14" t="s">
        <v>218</v>
      </c>
      <c r="D65651" s="14" t="s">
        <v>153</v>
      </c>
      <c r="E65651" s="15">
        <v>45692</v>
      </c>
      <c r="F65651" s="14" t="s">
        <v>25</v>
      </c>
      <c r="G65651" s="16">
        <v>1.0647793986406759</v>
      </c>
    </row>
    <row r="65652" spans="1:7" x14ac:dyDescent="0.3">
      <c r="A65652" s="13" t="s">
        <v>349</v>
      </c>
      <c r="B65652" s="14" t="s">
        <v>1</v>
      </c>
      <c r="C65652" s="14" t="s">
        <v>218</v>
      </c>
      <c r="D65652" s="14" t="s">
        <v>153</v>
      </c>
      <c r="E65652" s="15">
        <v>45693</v>
      </c>
      <c r="F65652" s="14" t="s">
        <v>25</v>
      </c>
      <c r="G65652" s="16">
        <v>1.0695241924577079</v>
      </c>
    </row>
    <row r="65653" spans="1:7" x14ac:dyDescent="0.3">
      <c r="A65653" s="13" t="s">
        <v>349</v>
      </c>
      <c r="B65653" s="14" t="s">
        <v>1</v>
      </c>
      <c r="C65653" s="14" t="s">
        <v>218</v>
      </c>
      <c r="D65653" s="14" t="s">
        <v>153</v>
      </c>
      <c r="E65653" s="15">
        <v>45694</v>
      </c>
      <c r="F65653" s="14" t="s">
        <v>25</v>
      </c>
      <c r="G65653" s="16">
        <v>1.0710229208015223</v>
      </c>
    </row>
    <row r="65654" spans="1:7" x14ac:dyDescent="0.3">
      <c r="A65654" s="13" t="s">
        <v>349</v>
      </c>
      <c r="B65654" s="14" t="s">
        <v>1</v>
      </c>
      <c r="C65654" s="14" t="s">
        <v>218</v>
      </c>
      <c r="D65654" s="14" t="s">
        <v>153</v>
      </c>
      <c r="E65654" s="15">
        <v>45695</v>
      </c>
      <c r="F65654" s="14" t="s">
        <v>25</v>
      </c>
      <c r="G65654" s="16">
        <v>1.0774179175047396</v>
      </c>
    </row>
    <row r="65655" spans="1:7" x14ac:dyDescent="0.3">
      <c r="A65655" s="13" t="s">
        <v>349</v>
      </c>
      <c r="B65655" s="14" t="s">
        <v>1</v>
      </c>
      <c r="C65655" s="14" t="s">
        <v>218</v>
      </c>
      <c r="D65655" s="14" t="s">
        <v>153</v>
      </c>
      <c r="E65655" s="15">
        <v>45696</v>
      </c>
      <c r="F65655" s="14" t="s">
        <v>25</v>
      </c>
      <c r="G65655" s="16">
        <v>1.0774179175047396</v>
      </c>
    </row>
    <row r="65656" spans="1:7" x14ac:dyDescent="0.3">
      <c r="A65656" s="13" t="s">
        <v>349</v>
      </c>
      <c r="B65656" s="14" t="s">
        <v>1</v>
      </c>
      <c r="C65656" s="14" t="s">
        <v>218</v>
      </c>
      <c r="D65656" s="14" t="s">
        <v>153</v>
      </c>
      <c r="E65656" s="15">
        <v>45697</v>
      </c>
      <c r="F65656" s="14" t="s">
        <v>25</v>
      </c>
      <c r="G65656" s="16">
        <v>1.0774179175047396</v>
      </c>
    </row>
    <row r="65657" spans="1:7" x14ac:dyDescent="0.3">
      <c r="A65657" s="13" t="s">
        <v>349</v>
      </c>
      <c r="B65657" s="14" t="s">
        <v>1</v>
      </c>
      <c r="C65657" s="14" t="s">
        <v>218</v>
      </c>
      <c r="D65657" s="14" t="s">
        <v>153</v>
      </c>
      <c r="E65657" s="15">
        <v>45698</v>
      </c>
      <c r="F65657" s="14" t="s">
        <v>25</v>
      </c>
      <c r="G65657" s="16">
        <v>1.0789623431061905</v>
      </c>
    </row>
    <row r="65658" spans="1:7" x14ac:dyDescent="0.3">
      <c r="A65658" s="13" t="s">
        <v>349</v>
      </c>
      <c r="B65658" s="14" t="s">
        <v>1</v>
      </c>
      <c r="C65658" s="14" t="s">
        <v>218</v>
      </c>
      <c r="D65658" s="14" t="s">
        <v>153</v>
      </c>
      <c r="E65658" s="15">
        <v>45699</v>
      </c>
      <c r="F65658" s="14" t="s">
        <v>25</v>
      </c>
      <c r="G65658" s="16">
        <v>1.0836557692068041</v>
      </c>
    </row>
    <row r="65659" spans="1:7" x14ac:dyDescent="0.3">
      <c r="A65659" s="13" t="s">
        <v>349</v>
      </c>
      <c r="B65659" s="14" t="s">
        <v>1</v>
      </c>
      <c r="C65659" s="14" t="s">
        <v>218</v>
      </c>
      <c r="D65659" s="14" t="s">
        <v>153</v>
      </c>
      <c r="E65659" s="15">
        <v>45700</v>
      </c>
      <c r="F65659" s="14" t="s">
        <v>25</v>
      </c>
      <c r="G65659" s="16">
        <v>1.0852227133182608</v>
      </c>
    </row>
    <row r="65660" spans="1:7" x14ac:dyDescent="0.3">
      <c r="A65660" s="13" t="s">
        <v>349</v>
      </c>
      <c r="B65660" s="14" t="s">
        <v>1</v>
      </c>
      <c r="C65660" s="14" t="s">
        <v>218</v>
      </c>
      <c r="D65660" s="14" t="s">
        <v>153</v>
      </c>
      <c r="E65660" s="15">
        <v>45701</v>
      </c>
      <c r="F65660" s="14" t="s">
        <v>25</v>
      </c>
      <c r="G65660" s="16">
        <v>1.0867792485573455</v>
      </c>
    </row>
    <row r="65661" spans="1:7" x14ac:dyDescent="0.3">
      <c r="A65661" s="13" t="s">
        <v>349</v>
      </c>
      <c r="B65661" s="14" t="s">
        <v>1</v>
      </c>
      <c r="C65661" s="14" t="s">
        <v>218</v>
      </c>
      <c r="D65661" s="14" t="s">
        <v>153</v>
      </c>
      <c r="E65661" s="15">
        <v>45702</v>
      </c>
      <c r="F65661" s="14" t="s">
        <v>25</v>
      </c>
      <c r="G65661" s="16">
        <v>1.088290521811516</v>
      </c>
    </row>
    <row r="65662" spans="1:7" x14ac:dyDescent="0.3">
      <c r="A65662" s="13" t="s">
        <v>349</v>
      </c>
      <c r="B65662" s="14" t="s">
        <v>1</v>
      </c>
      <c r="C65662" s="14" t="s">
        <v>218</v>
      </c>
      <c r="D65662" s="14" t="s">
        <v>153</v>
      </c>
      <c r="E65662" s="15">
        <v>45703</v>
      </c>
      <c r="F65662" s="14" t="s">
        <v>25</v>
      </c>
      <c r="G65662" s="16">
        <v>1.088290521811516</v>
      </c>
    </row>
    <row r="65663" spans="1:7" x14ac:dyDescent="0.3">
      <c r="A65663" s="13" t="s">
        <v>349</v>
      </c>
      <c r="B65663" s="14" t="s">
        <v>1</v>
      </c>
      <c r="C65663" s="14" t="s">
        <v>218</v>
      </c>
      <c r="D65663" s="14" t="s">
        <v>153</v>
      </c>
      <c r="E65663" s="15">
        <v>45704</v>
      </c>
      <c r="F65663" s="14" t="s">
        <v>25</v>
      </c>
      <c r="G65663" s="16">
        <v>1.088290521811516</v>
      </c>
    </row>
    <row r="65664" spans="1:7" x14ac:dyDescent="0.3">
      <c r="A65664" s="13" t="s">
        <v>349</v>
      </c>
      <c r="B65664" s="14" t="s">
        <v>1</v>
      </c>
      <c r="C65664" s="14" t="s">
        <v>218</v>
      </c>
      <c r="D65664" s="14" t="s">
        <v>153</v>
      </c>
      <c r="E65664" s="15">
        <v>45705</v>
      </c>
      <c r="F65664" s="14" t="s">
        <v>25</v>
      </c>
      <c r="G65664" s="16">
        <v>1.0897373486431292</v>
      </c>
    </row>
    <row r="65665" spans="1:7" x14ac:dyDescent="0.3">
      <c r="A65665" s="13" t="s">
        <v>349</v>
      </c>
      <c r="B65665" s="14" t="s">
        <v>1</v>
      </c>
      <c r="C65665" s="14" t="s">
        <v>218</v>
      </c>
      <c r="D65665" s="14" t="s">
        <v>153</v>
      </c>
      <c r="E65665" s="15">
        <v>45706</v>
      </c>
      <c r="F65665" s="14" t="s">
        <v>25</v>
      </c>
      <c r="G65665" s="16">
        <v>1.0941977962846599</v>
      </c>
    </row>
    <row r="65666" spans="1:7" x14ac:dyDescent="0.3">
      <c r="A65666" s="13" t="s">
        <v>349</v>
      </c>
      <c r="B65666" s="14" t="s">
        <v>1</v>
      </c>
      <c r="C65666" s="14" t="s">
        <v>218</v>
      </c>
      <c r="D65666" s="14" t="s">
        <v>153</v>
      </c>
      <c r="E65666" s="15">
        <v>45707</v>
      </c>
      <c r="F65666" s="14" t="s">
        <v>25</v>
      </c>
      <c r="G65666" s="16">
        <v>1.0939570539308947</v>
      </c>
    </row>
    <row r="65667" spans="1:7" x14ac:dyDescent="0.3">
      <c r="A65667" s="13" t="s">
        <v>349</v>
      </c>
      <c r="B65667" s="14" t="s">
        <v>1</v>
      </c>
      <c r="C65667" s="14" t="s">
        <v>218</v>
      </c>
      <c r="D65667" s="14" t="s">
        <v>153</v>
      </c>
      <c r="E65667" s="15">
        <v>45708</v>
      </c>
      <c r="F65667" s="14" t="s">
        <v>25</v>
      </c>
      <c r="G65667" s="16">
        <v>1.0954418539110073</v>
      </c>
    </row>
    <row r="65668" spans="1:7" x14ac:dyDescent="0.3">
      <c r="A65668" s="13" t="s">
        <v>349</v>
      </c>
      <c r="B65668" s="14" t="s">
        <v>1</v>
      </c>
      <c r="C65668" s="14" t="s">
        <v>218</v>
      </c>
      <c r="D65668" s="14" t="s">
        <v>153</v>
      </c>
      <c r="E65668" s="15">
        <v>45709</v>
      </c>
      <c r="F65668" s="14" t="s">
        <v>25</v>
      </c>
      <c r="G65668" s="16">
        <v>1.0969077737211932</v>
      </c>
    </row>
    <row r="65669" spans="1:7" x14ac:dyDescent="0.3">
      <c r="A65669" s="13" t="s">
        <v>349</v>
      </c>
      <c r="B65669" s="14" t="s">
        <v>1</v>
      </c>
      <c r="C65669" s="14" t="s">
        <v>218</v>
      </c>
      <c r="D65669" s="14" t="s">
        <v>153</v>
      </c>
      <c r="E65669" s="15">
        <v>45710</v>
      </c>
      <c r="F65669" s="14" t="s">
        <v>25</v>
      </c>
      <c r="G65669" s="16">
        <v>1.0969077737211932</v>
      </c>
    </row>
    <row r="65670" spans="1:7" x14ac:dyDescent="0.3">
      <c r="A65670" s="13" t="s">
        <v>349</v>
      </c>
      <c r="B65670" s="14" t="s">
        <v>1</v>
      </c>
      <c r="C65670" s="14" t="s">
        <v>218</v>
      </c>
      <c r="D65670" s="14" t="s">
        <v>153</v>
      </c>
      <c r="E65670" s="15">
        <v>45711</v>
      </c>
      <c r="F65670" s="14" t="s">
        <v>25</v>
      </c>
      <c r="G65670" s="16">
        <v>1.0969077737211932</v>
      </c>
    </row>
    <row r="65671" spans="1:7" x14ac:dyDescent="0.3">
      <c r="A65671" s="13" t="s">
        <v>349</v>
      </c>
      <c r="B65671" s="14" t="s">
        <v>1</v>
      </c>
      <c r="C65671" s="14" t="s">
        <v>218</v>
      </c>
      <c r="D65671" s="14" t="s">
        <v>153</v>
      </c>
      <c r="E65671" s="15">
        <v>45712</v>
      </c>
      <c r="F65671" s="14" t="s">
        <v>25</v>
      </c>
      <c r="G65671" s="16">
        <v>1.0983805137180469</v>
      </c>
    </row>
    <row r="65672" spans="1:7" x14ac:dyDescent="0.3">
      <c r="A65672" s="13" t="s">
        <v>349</v>
      </c>
      <c r="B65672" s="14" t="s">
        <v>1</v>
      </c>
      <c r="C65672" s="14" t="s">
        <v>218</v>
      </c>
      <c r="D65672" s="14" t="s">
        <v>153</v>
      </c>
      <c r="E65672" s="15">
        <v>45713</v>
      </c>
      <c r="F65672" s="14" t="s">
        <v>25</v>
      </c>
      <c r="G65672" s="16">
        <v>1.1030376717605737</v>
      </c>
    </row>
    <row r="65673" spans="1:7" x14ac:dyDescent="0.3">
      <c r="A65673" s="13" t="s">
        <v>349</v>
      </c>
      <c r="B65673" s="14" t="s">
        <v>1</v>
      </c>
      <c r="C65673" s="14" t="s">
        <v>218</v>
      </c>
      <c r="D65673" s="14" t="s">
        <v>153</v>
      </c>
      <c r="E65673" s="15">
        <v>45714</v>
      </c>
      <c r="F65673" s="14" t="s">
        <v>25</v>
      </c>
      <c r="G65673" s="16">
        <v>1.104572373175986</v>
      </c>
    </row>
    <row r="65674" spans="1:7" x14ac:dyDescent="0.3">
      <c r="A65674" s="13" t="s">
        <v>349</v>
      </c>
      <c r="B65674" s="14" t="s">
        <v>1</v>
      </c>
      <c r="C65674" s="14" t="s">
        <v>218</v>
      </c>
      <c r="D65674" s="14" t="s">
        <v>153</v>
      </c>
      <c r="E65674" s="15">
        <v>45715</v>
      </c>
      <c r="F65674" s="14" t="s">
        <v>25</v>
      </c>
      <c r="G65674" s="16">
        <v>1.1139266040752906</v>
      </c>
    </row>
    <row r="65675" spans="1:7" x14ac:dyDescent="0.3">
      <c r="A65675" s="13" t="s">
        <v>349</v>
      </c>
      <c r="B65675" s="14" t="s">
        <v>1</v>
      </c>
      <c r="C65675" s="14" t="s">
        <v>218</v>
      </c>
      <c r="D65675" s="14" t="s">
        <v>153</v>
      </c>
      <c r="E65675" s="15">
        <v>45716</v>
      </c>
      <c r="F65675" s="14" t="s">
        <v>25</v>
      </c>
      <c r="G65675" s="16">
        <v>1.1154925345665878</v>
      </c>
    </row>
    <row r="65676" spans="1:7" x14ac:dyDescent="0.3">
      <c r="A65676" s="13" t="s">
        <v>349</v>
      </c>
      <c r="B65676" s="14" t="s">
        <v>1</v>
      </c>
      <c r="C65676" s="14" t="s">
        <v>218</v>
      </c>
      <c r="D65676" s="14" t="s">
        <v>153</v>
      </c>
      <c r="E65676" s="15">
        <v>45717</v>
      </c>
      <c r="F65676" s="14" t="s">
        <v>25</v>
      </c>
      <c r="G65676" s="16">
        <v>1.1154925345665878</v>
      </c>
    </row>
    <row r="65677" spans="1:7" x14ac:dyDescent="0.3">
      <c r="A65677" s="13" t="s">
        <v>349</v>
      </c>
      <c r="B65677" s="14" t="s">
        <v>1</v>
      </c>
      <c r="C65677" s="14" t="s">
        <v>218</v>
      </c>
      <c r="D65677" s="14" t="s">
        <v>153</v>
      </c>
      <c r="E65677" s="15">
        <v>45718</v>
      </c>
      <c r="F65677" s="14" t="s">
        <v>25</v>
      </c>
      <c r="G65677" s="16">
        <v>1.1154925345665878</v>
      </c>
    </row>
    <row r="65678" spans="1:7" x14ac:dyDescent="0.3">
      <c r="A65678" s="13" t="s">
        <v>349</v>
      </c>
      <c r="B65678" s="14" t="s">
        <v>1</v>
      </c>
      <c r="C65678" s="14" t="s">
        <v>218</v>
      </c>
      <c r="D65678" s="14" t="s">
        <v>153</v>
      </c>
      <c r="E65678" s="15">
        <v>45719</v>
      </c>
      <c r="F65678" s="14" t="s">
        <v>25</v>
      </c>
      <c r="G65678" s="16">
        <v>1.1185662884799106</v>
      </c>
    </row>
    <row r="65679" spans="1:7" x14ac:dyDescent="0.3">
      <c r="A65679" s="13" t="s">
        <v>349</v>
      </c>
      <c r="B65679" s="14" t="s">
        <v>1</v>
      </c>
      <c r="C65679" s="14" t="s">
        <v>218</v>
      </c>
      <c r="D65679" s="14" t="s">
        <v>153</v>
      </c>
      <c r="E65679" s="15">
        <v>45720</v>
      </c>
      <c r="F65679" s="14" t="s">
        <v>25</v>
      </c>
      <c r="G65679" s="16">
        <v>1.123928306898025</v>
      </c>
    </row>
    <row r="65680" spans="1:7" x14ac:dyDescent="0.3">
      <c r="A65680" s="13" t="s">
        <v>349</v>
      </c>
      <c r="B65680" s="14" t="s">
        <v>1</v>
      </c>
      <c r="C65680" s="14" t="s">
        <v>218</v>
      </c>
      <c r="D65680" s="14" t="s">
        <v>153</v>
      </c>
      <c r="E65680" s="15">
        <v>45721</v>
      </c>
      <c r="F65680" s="14" t="s">
        <v>25</v>
      </c>
      <c r="G65680" s="16">
        <v>1.1251599690297212</v>
      </c>
    </row>
    <row r="65681" spans="1:7" x14ac:dyDescent="0.3">
      <c r="A65681" s="13" t="s">
        <v>349</v>
      </c>
      <c r="B65681" s="14" t="s">
        <v>1</v>
      </c>
      <c r="C65681" s="14" t="s">
        <v>218</v>
      </c>
      <c r="D65681" s="14" t="s">
        <v>153</v>
      </c>
      <c r="E65681" s="15">
        <v>45722</v>
      </c>
      <c r="F65681" s="14" t="s">
        <v>25</v>
      </c>
      <c r="G65681" s="16">
        <v>1.1305856104935372</v>
      </c>
    </row>
    <row r="65682" spans="1:7" x14ac:dyDescent="0.3">
      <c r="A65682" s="13" t="s">
        <v>349</v>
      </c>
      <c r="B65682" s="14" t="s">
        <v>1</v>
      </c>
      <c r="C65682" s="14" t="s">
        <v>218</v>
      </c>
      <c r="D65682" s="14" t="s">
        <v>153</v>
      </c>
      <c r="E65682" s="15">
        <v>45723</v>
      </c>
      <c r="F65682" s="14" t="s">
        <v>25</v>
      </c>
      <c r="G65682" s="16">
        <v>1.1318262384194526</v>
      </c>
    </row>
    <row r="65683" spans="1:7" x14ac:dyDescent="0.3">
      <c r="A65683" s="13" t="s">
        <v>349</v>
      </c>
      <c r="B65683" s="14" t="s">
        <v>1</v>
      </c>
      <c r="C65683" s="14" t="s">
        <v>218</v>
      </c>
      <c r="D65683" s="14" t="s">
        <v>153</v>
      </c>
      <c r="E65683" s="15">
        <v>45724</v>
      </c>
      <c r="F65683" s="14" t="s">
        <v>25</v>
      </c>
      <c r="G65683" s="16">
        <v>1.1318262384194526</v>
      </c>
    </row>
    <row r="65684" spans="1:7" x14ac:dyDescent="0.3">
      <c r="A65684" s="13" t="s">
        <v>349</v>
      </c>
      <c r="B65684" s="14" t="s">
        <v>1</v>
      </c>
      <c r="C65684" s="14" t="s">
        <v>218</v>
      </c>
      <c r="D65684" s="14" t="s">
        <v>153</v>
      </c>
      <c r="E65684" s="15">
        <v>45725</v>
      </c>
      <c r="F65684" s="14" t="s">
        <v>25</v>
      </c>
      <c r="G65684" s="16">
        <v>1.1318262384194526</v>
      </c>
    </row>
    <row r="65685" spans="1:7" x14ac:dyDescent="0.3">
      <c r="A65685" s="13" t="s">
        <v>349</v>
      </c>
      <c r="B65685" s="14" t="s">
        <v>1</v>
      </c>
      <c r="C65685" s="14" t="s">
        <v>218</v>
      </c>
      <c r="D65685" s="14" t="s">
        <v>153</v>
      </c>
      <c r="E65685" s="15">
        <v>45726</v>
      </c>
      <c r="F65685" s="14" t="s">
        <v>25</v>
      </c>
      <c r="G65685" s="16">
        <v>1.1330438557920939</v>
      </c>
    </row>
    <row r="65686" spans="1:7" x14ac:dyDescent="0.3">
      <c r="A65686" s="13" t="s">
        <v>349</v>
      </c>
      <c r="B65686" s="14" t="s">
        <v>1</v>
      </c>
      <c r="C65686" s="14" t="s">
        <v>218</v>
      </c>
      <c r="D65686" s="14" t="s">
        <v>153</v>
      </c>
      <c r="E65686" s="15">
        <v>45727</v>
      </c>
      <c r="F65686" s="14" t="s">
        <v>25</v>
      </c>
      <c r="G65686" s="16">
        <v>1.136779222966265</v>
      </c>
    </row>
    <row r="65687" spans="1:7" x14ac:dyDescent="0.3">
      <c r="A65687" s="13" t="s">
        <v>349</v>
      </c>
      <c r="B65687" s="14" t="s">
        <v>1</v>
      </c>
      <c r="C65687" s="14" t="s">
        <v>218</v>
      </c>
      <c r="D65687" s="14" t="s">
        <v>153</v>
      </c>
      <c r="E65687" s="15">
        <v>45728</v>
      </c>
      <c r="F65687" s="14" t="s">
        <v>25</v>
      </c>
      <c r="G65687" s="16">
        <v>1.1380539177340567</v>
      </c>
    </row>
    <row r="65688" spans="1:7" x14ac:dyDescent="0.3">
      <c r="A65688" s="13" t="s">
        <v>349</v>
      </c>
      <c r="B65688" s="14" t="s">
        <v>1</v>
      </c>
      <c r="C65688" s="14" t="s">
        <v>218</v>
      </c>
      <c r="D65688" s="14" t="s">
        <v>153</v>
      </c>
      <c r="E65688" s="15">
        <v>45729</v>
      </c>
      <c r="F65688" s="14" t="s">
        <v>25</v>
      </c>
      <c r="G65688" s="16">
        <v>1.1393832016061565</v>
      </c>
    </row>
    <row r="65689" spans="1:7" x14ac:dyDescent="0.3">
      <c r="A65689" s="13" t="s">
        <v>349</v>
      </c>
      <c r="B65689" s="14" t="s">
        <v>1</v>
      </c>
      <c r="C65689" s="14" t="s">
        <v>218</v>
      </c>
      <c r="D65689" s="14" t="s">
        <v>153</v>
      </c>
      <c r="E65689" s="15">
        <v>45730</v>
      </c>
      <c r="F65689" s="14" t="s">
        <v>25</v>
      </c>
      <c r="G65689" s="16">
        <v>1.1407090296256219</v>
      </c>
    </row>
    <row r="65690" spans="1:7" x14ac:dyDescent="0.3">
      <c r="A65690" s="13" t="s">
        <v>349</v>
      </c>
      <c r="B65690" s="14" t="s">
        <v>1</v>
      </c>
      <c r="C65690" s="14" t="s">
        <v>218</v>
      </c>
      <c r="D65690" s="14" t="s">
        <v>153</v>
      </c>
      <c r="E65690" s="15">
        <v>45731</v>
      </c>
      <c r="F65690" s="14" t="s">
        <v>25</v>
      </c>
      <c r="G65690" s="16">
        <v>1.1407090296256219</v>
      </c>
    </row>
    <row r="65691" spans="1:7" x14ac:dyDescent="0.3">
      <c r="A65691" s="13" t="s">
        <v>349</v>
      </c>
      <c r="B65691" s="14" t="s">
        <v>1</v>
      </c>
      <c r="C65691" s="14" t="s">
        <v>218</v>
      </c>
      <c r="D65691" s="14" t="s">
        <v>153</v>
      </c>
      <c r="E65691" s="15">
        <v>45732</v>
      </c>
      <c r="F65691" s="14" t="s">
        <v>25</v>
      </c>
      <c r="G65691" s="16">
        <v>1.1407090296256219</v>
      </c>
    </row>
    <row r="65692" spans="1:7" x14ac:dyDescent="0.3">
      <c r="A65692" s="13" t="s">
        <v>349</v>
      </c>
      <c r="B65692" s="14" t="s">
        <v>1</v>
      </c>
      <c r="C65692" s="14" t="s">
        <v>218</v>
      </c>
      <c r="D65692" s="14" t="s">
        <v>153</v>
      </c>
      <c r="E65692" s="15">
        <v>45733</v>
      </c>
      <c r="F65692" s="14" t="s">
        <v>25</v>
      </c>
      <c r="G65692" s="16">
        <v>1.1407090296256219</v>
      </c>
    </row>
    <row r="65693" spans="1:7" x14ac:dyDescent="0.3">
      <c r="A65693" s="13" t="s">
        <v>349</v>
      </c>
      <c r="B65693" s="14" t="s">
        <v>1</v>
      </c>
      <c r="C65693" s="14" t="s">
        <v>218</v>
      </c>
      <c r="D65693" s="14" t="s">
        <v>153</v>
      </c>
      <c r="E65693" s="15">
        <v>45734</v>
      </c>
      <c r="F65693" s="14" t="s">
        <v>25</v>
      </c>
      <c r="G65693" s="16">
        <v>1.1418124367034073</v>
      </c>
    </row>
    <row r="65694" spans="1:7" x14ac:dyDescent="0.3">
      <c r="A65694" s="13" t="s">
        <v>349</v>
      </c>
      <c r="B65694" s="14" t="s">
        <v>1</v>
      </c>
      <c r="C65694" s="14" t="s">
        <v>218</v>
      </c>
      <c r="D65694" s="14" t="s">
        <v>153</v>
      </c>
      <c r="E65694" s="15">
        <v>45735</v>
      </c>
      <c r="F65694" s="14" t="s">
        <v>25</v>
      </c>
      <c r="G65694" s="16">
        <v>1.1457635115037148</v>
      </c>
    </row>
    <row r="65695" spans="1:7" x14ac:dyDescent="0.3">
      <c r="A65695" s="13" t="s">
        <v>349</v>
      </c>
      <c r="B65695" s="14" t="s">
        <v>1</v>
      </c>
      <c r="C65695" s="14" t="s">
        <v>218</v>
      </c>
      <c r="D65695" s="14" t="s">
        <v>153</v>
      </c>
      <c r="E65695" s="15">
        <v>45736</v>
      </c>
      <c r="F65695" s="14" t="s">
        <v>25</v>
      </c>
      <c r="G65695" s="16">
        <v>1.1468045592241531</v>
      </c>
    </row>
    <row r="65696" spans="1:7" x14ac:dyDescent="0.3">
      <c r="A65696" s="13" t="s">
        <v>349</v>
      </c>
      <c r="B65696" s="14" t="s">
        <v>1</v>
      </c>
      <c r="C65696" s="14" t="s">
        <v>218</v>
      </c>
      <c r="D65696" s="14" t="s">
        <v>153</v>
      </c>
      <c r="E65696" s="15">
        <v>45737</v>
      </c>
      <c r="F65696" s="14" t="s">
        <v>25</v>
      </c>
      <c r="G65696" s="16">
        <v>1.1478474215471448</v>
      </c>
    </row>
    <row r="65697" spans="1:7" x14ac:dyDescent="0.3">
      <c r="A65697" s="13" t="s">
        <v>349</v>
      </c>
      <c r="B65697" s="14" t="s">
        <v>1</v>
      </c>
      <c r="C65697" s="14" t="s">
        <v>218</v>
      </c>
      <c r="D65697" s="14" t="s">
        <v>153</v>
      </c>
      <c r="E65697" s="15">
        <v>45738</v>
      </c>
      <c r="F65697" s="14" t="s">
        <v>25</v>
      </c>
      <c r="G65697" s="16">
        <v>1.1478474215471448</v>
      </c>
    </row>
    <row r="65698" spans="1:7" x14ac:dyDescent="0.3">
      <c r="A65698" s="13" t="s">
        <v>349</v>
      </c>
      <c r="B65698" s="14" t="s">
        <v>1</v>
      </c>
      <c r="C65698" s="14" t="s">
        <v>218</v>
      </c>
      <c r="D65698" s="14" t="s">
        <v>153</v>
      </c>
      <c r="E65698" s="15">
        <v>45739</v>
      </c>
      <c r="F65698" s="14" t="s">
        <v>25</v>
      </c>
      <c r="G65698" s="16">
        <v>1.1478474215471448</v>
      </c>
    </row>
    <row r="65699" spans="1:7" x14ac:dyDescent="0.3">
      <c r="A65699" s="13" t="s">
        <v>349</v>
      </c>
      <c r="B65699" s="14" t="s">
        <v>1</v>
      </c>
      <c r="C65699" s="14" t="s">
        <v>218</v>
      </c>
      <c r="D65699" s="14" t="s">
        <v>153</v>
      </c>
      <c r="E65699" s="15">
        <v>45740</v>
      </c>
      <c r="F65699" s="14" t="s">
        <v>25</v>
      </c>
      <c r="G65699" s="16">
        <v>1.1478955009209357</v>
      </c>
    </row>
    <row r="65700" spans="1:7" x14ac:dyDescent="0.3">
      <c r="A65700" s="13" t="s">
        <v>349</v>
      </c>
      <c r="B65700" s="14" t="s">
        <v>1</v>
      </c>
      <c r="C65700" s="14" t="s">
        <v>218</v>
      </c>
      <c r="D65700" s="14" t="s">
        <v>153</v>
      </c>
      <c r="E65700" s="15">
        <v>45741</v>
      </c>
      <c r="F65700" s="14" t="s">
        <v>25</v>
      </c>
      <c r="G65700" s="16">
        <v>1.1786289403425261</v>
      </c>
    </row>
    <row r="65701" spans="1:7" x14ac:dyDescent="0.3">
      <c r="A65701" s="13" t="s">
        <v>349</v>
      </c>
      <c r="B65701" s="14" t="s">
        <v>1</v>
      </c>
      <c r="C65701" s="14" t="s">
        <v>218</v>
      </c>
      <c r="D65701" s="14" t="s">
        <v>153</v>
      </c>
      <c r="E65701" s="15">
        <v>45742</v>
      </c>
      <c r="F65701" s="14" t="s">
        <v>25</v>
      </c>
      <c r="G65701" s="16">
        <v>1.1794657560455808</v>
      </c>
    </row>
    <row r="65702" spans="1:7" x14ac:dyDescent="0.3">
      <c r="A65702" s="13" t="s">
        <v>349</v>
      </c>
      <c r="B65702" s="14" t="s">
        <v>1</v>
      </c>
      <c r="C65702" s="14" t="s">
        <v>218</v>
      </c>
      <c r="D65702" s="14" t="s">
        <v>153</v>
      </c>
      <c r="E65702" s="15">
        <v>45743</v>
      </c>
      <c r="F65702" s="14" t="s">
        <v>25</v>
      </c>
      <c r="G65702" s="16">
        <v>1.181994838619526</v>
      </c>
    </row>
    <row r="65703" spans="1:7" x14ac:dyDescent="0.3">
      <c r="A65703" s="13" t="s">
        <v>349</v>
      </c>
      <c r="B65703" s="14" t="s">
        <v>1</v>
      </c>
      <c r="C65703" s="14" t="s">
        <v>218</v>
      </c>
      <c r="D65703" s="14" t="s">
        <v>153</v>
      </c>
      <c r="E65703" s="15">
        <v>45744</v>
      </c>
      <c r="F65703" s="14" t="s">
        <v>25</v>
      </c>
      <c r="G65703" s="16">
        <v>1.1830452635779101</v>
      </c>
    </row>
    <row r="65704" spans="1:7" x14ac:dyDescent="0.3">
      <c r="A65704" s="13" t="s">
        <v>349</v>
      </c>
      <c r="B65704" s="14" t="s">
        <v>1</v>
      </c>
      <c r="C65704" s="14" t="s">
        <v>218</v>
      </c>
      <c r="D65704" s="14" t="s">
        <v>153</v>
      </c>
      <c r="E65704" s="15">
        <v>45745</v>
      </c>
      <c r="F65704" s="14" t="s">
        <v>25</v>
      </c>
      <c r="G65704" s="16">
        <v>1.1830452635779101</v>
      </c>
    </row>
    <row r="65705" spans="1:7" x14ac:dyDescent="0.3">
      <c r="A65705" s="13" t="s">
        <v>349</v>
      </c>
      <c r="B65705" s="14" t="s">
        <v>1</v>
      </c>
      <c r="C65705" s="14" t="s">
        <v>218</v>
      </c>
      <c r="D65705" s="14" t="s">
        <v>153</v>
      </c>
      <c r="E65705" s="15">
        <v>45746</v>
      </c>
      <c r="F65705" s="14" t="s">
        <v>25</v>
      </c>
      <c r="G65705" s="16">
        <v>1.1830452635779101</v>
      </c>
    </row>
    <row r="65706" spans="1:7" x14ac:dyDescent="0.3">
      <c r="A65706" s="13" t="s">
        <v>349</v>
      </c>
      <c r="B65706" s="14" t="s">
        <v>1</v>
      </c>
      <c r="C65706" s="14" t="s">
        <v>218</v>
      </c>
      <c r="D65706" s="14" t="s">
        <v>153</v>
      </c>
      <c r="E65706" s="15">
        <v>45747</v>
      </c>
      <c r="F65706" s="14" t="s">
        <v>25</v>
      </c>
      <c r="G65706" s="16">
        <v>1.1840974469859378</v>
      </c>
    </row>
    <row r="65707" spans="1:7" x14ac:dyDescent="0.3">
      <c r="A65707" s="13" t="s">
        <v>350</v>
      </c>
      <c r="B65707" s="14" t="s">
        <v>1</v>
      </c>
      <c r="C65707" s="14" t="s">
        <v>38</v>
      </c>
      <c r="D65707" s="14" t="s">
        <v>197</v>
      </c>
      <c r="E65707" s="15">
        <v>45383</v>
      </c>
      <c r="F65707" s="14" t="s">
        <v>15</v>
      </c>
      <c r="G65707" s="16">
        <v>0</v>
      </c>
    </row>
    <row r="65708" spans="1:7" x14ac:dyDescent="0.3">
      <c r="A65708" s="13" t="s">
        <v>350</v>
      </c>
      <c r="B65708" s="14" t="s">
        <v>1</v>
      </c>
      <c r="C65708" s="14" t="s">
        <v>38</v>
      </c>
      <c r="D65708" s="14" t="s">
        <v>197</v>
      </c>
      <c r="E65708" s="15">
        <v>45384</v>
      </c>
      <c r="F65708" s="14" t="s">
        <v>15</v>
      </c>
      <c r="G65708" s="16">
        <v>0</v>
      </c>
    </row>
    <row r="65709" spans="1:7" x14ac:dyDescent="0.3">
      <c r="A65709" s="13" t="s">
        <v>350</v>
      </c>
      <c r="B65709" s="14" t="s">
        <v>1</v>
      </c>
      <c r="C65709" s="14" t="s">
        <v>38</v>
      </c>
      <c r="D65709" s="14" t="s">
        <v>197</v>
      </c>
      <c r="E65709" s="15">
        <v>45385</v>
      </c>
      <c r="F65709" s="14" t="s">
        <v>15</v>
      </c>
      <c r="G65709" s="16">
        <v>0</v>
      </c>
    </row>
    <row r="65710" spans="1:7" x14ac:dyDescent="0.3">
      <c r="A65710" s="13" t="s">
        <v>350</v>
      </c>
      <c r="B65710" s="14" t="s">
        <v>1</v>
      </c>
      <c r="C65710" s="14" t="s">
        <v>38</v>
      </c>
      <c r="D65710" s="14" t="s">
        <v>197</v>
      </c>
      <c r="E65710" s="15">
        <v>45386</v>
      </c>
      <c r="F65710" s="14" t="s">
        <v>15</v>
      </c>
      <c r="G65710" s="16">
        <v>0</v>
      </c>
    </row>
    <row r="65711" spans="1:7" x14ac:dyDescent="0.3">
      <c r="A65711" s="13" t="s">
        <v>350</v>
      </c>
      <c r="B65711" s="14" t="s">
        <v>1</v>
      </c>
      <c r="C65711" s="14" t="s">
        <v>38</v>
      </c>
      <c r="D65711" s="14" t="s">
        <v>197</v>
      </c>
      <c r="E65711" s="15">
        <v>45387</v>
      </c>
      <c r="F65711" s="14" t="s">
        <v>15</v>
      </c>
      <c r="G65711" s="16">
        <v>0</v>
      </c>
    </row>
    <row r="65712" spans="1:7" x14ac:dyDescent="0.3">
      <c r="A65712" s="13" t="s">
        <v>350</v>
      </c>
      <c r="B65712" s="14" t="s">
        <v>1</v>
      </c>
      <c r="C65712" s="14" t="s">
        <v>38</v>
      </c>
      <c r="D65712" s="14" t="s">
        <v>197</v>
      </c>
      <c r="E65712" s="15">
        <v>45388</v>
      </c>
      <c r="F65712" s="14" t="s">
        <v>15</v>
      </c>
      <c r="G65712" s="16">
        <v>0</v>
      </c>
    </row>
    <row r="65713" spans="1:7" x14ac:dyDescent="0.3">
      <c r="A65713" s="13" t="s">
        <v>350</v>
      </c>
      <c r="B65713" s="14" t="s">
        <v>1</v>
      </c>
      <c r="C65713" s="14" t="s">
        <v>38</v>
      </c>
      <c r="D65713" s="14" t="s">
        <v>197</v>
      </c>
      <c r="E65713" s="15">
        <v>45389</v>
      </c>
      <c r="F65713" s="14" t="s">
        <v>15</v>
      </c>
      <c r="G65713" s="16">
        <v>0</v>
      </c>
    </row>
    <row r="65714" spans="1:7" x14ac:dyDescent="0.3">
      <c r="A65714" s="13" t="s">
        <v>350</v>
      </c>
      <c r="B65714" s="14" t="s">
        <v>1</v>
      </c>
      <c r="C65714" s="14" t="s">
        <v>38</v>
      </c>
      <c r="D65714" s="14" t="s">
        <v>197</v>
      </c>
      <c r="E65714" s="15">
        <v>45390</v>
      </c>
      <c r="F65714" s="14" t="s">
        <v>15</v>
      </c>
      <c r="G65714" s="16">
        <v>5.8219219502825825E-2</v>
      </c>
    </row>
    <row r="65715" spans="1:7" x14ac:dyDescent="0.3">
      <c r="A65715" s="13" t="s">
        <v>350</v>
      </c>
      <c r="B65715" s="14" t="s">
        <v>1</v>
      </c>
      <c r="C65715" s="14" t="s">
        <v>38</v>
      </c>
      <c r="D65715" s="14" t="s">
        <v>197</v>
      </c>
      <c r="E65715" s="15">
        <v>45391</v>
      </c>
      <c r="F65715" s="14" t="s">
        <v>15</v>
      </c>
      <c r="G65715" s="16">
        <v>4.4653994534847682E-2</v>
      </c>
    </row>
    <row r="65716" spans="1:7" x14ac:dyDescent="0.3">
      <c r="A65716" s="13" t="s">
        <v>350</v>
      </c>
      <c r="B65716" s="14" t="s">
        <v>1</v>
      </c>
      <c r="C65716" s="14" t="s">
        <v>38</v>
      </c>
      <c r="D65716" s="14" t="s">
        <v>197</v>
      </c>
      <c r="E65716" s="15">
        <v>45392</v>
      </c>
      <c r="F65716" s="14" t="s">
        <v>15</v>
      </c>
      <c r="G65716" s="16">
        <v>4.4653994534847682E-2</v>
      </c>
    </row>
    <row r="65717" spans="1:7" x14ac:dyDescent="0.3">
      <c r="A65717" s="13" t="s">
        <v>350</v>
      </c>
      <c r="B65717" s="14" t="s">
        <v>1</v>
      </c>
      <c r="C65717" s="14" t="s">
        <v>38</v>
      </c>
      <c r="D65717" s="14" t="s">
        <v>197</v>
      </c>
      <c r="E65717" s="15">
        <v>45393</v>
      </c>
      <c r="F65717" s="14" t="s">
        <v>15</v>
      </c>
      <c r="G65717" s="16">
        <v>4.0101926264411072E-2</v>
      </c>
    </row>
    <row r="65718" spans="1:7" x14ac:dyDescent="0.3">
      <c r="A65718" s="13" t="s">
        <v>350</v>
      </c>
      <c r="B65718" s="14" t="s">
        <v>1</v>
      </c>
      <c r="C65718" s="14" t="s">
        <v>38</v>
      </c>
      <c r="D65718" s="14" t="s">
        <v>197</v>
      </c>
      <c r="E65718" s="15">
        <v>45394</v>
      </c>
      <c r="F65718" s="14" t="s">
        <v>15</v>
      </c>
      <c r="G65718" s="16">
        <v>0.13506344232967951</v>
      </c>
    </row>
    <row r="65719" spans="1:7" x14ac:dyDescent="0.3">
      <c r="A65719" s="13" t="s">
        <v>350</v>
      </c>
      <c r="B65719" s="14" t="s">
        <v>1</v>
      </c>
      <c r="C65719" s="14" t="s">
        <v>38</v>
      </c>
      <c r="D65719" s="14" t="s">
        <v>197</v>
      </c>
      <c r="E65719" s="15">
        <v>45395</v>
      </c>
      <c r="F65719" s="14" t="s">
        <v>15</v>
      </c>
      <c r="G65719" s="16">
        <v>0.13506344232967951</v>
      </c>
    </row>
    <row r="65720" spans="1:7" x14ac:dyDescent="0.3">
      <c r="A65720" s="13" t="s">
        <v>350</v>
      </c>
      <c r="B65720" s="14" t="s">
        <v>1</v>
      </c>
      <c r="C65720" s="14" t="s">
        <v>38</v>
      </c>
      <c r="D65720" s="14" t="s">
        <v>197</v>
      </c>
      <c r="E65720" s="15">
        <v>45396</v>
      </c>
      <c r="F65720" s="14" t="s">
        <v>15</v>
      </c>
      <c r="G65720" s="16">
        <v>0.13506344232967951</v>
      </c>
    </row>
    <row r="65721" spans="1:7" x14ac:dyDescent="0.3">
      <c r="A65721" s="13" t="s">
        <v>350</v>
      </c>
      <c r="B65721" s="14" t="s">
        <v>1</v>
      </c>
      <c r="C65721" s="14" t="s">
        <v>38</v>
      </c>
      <c r="D65721" s="14" t="s">
        <v>197</v>
      </c>
      <c r="E65721" s="15">
        <v>45397</v>
      </c>
      <c r="F65721" s="14" t="s">
        <v>15</v>
      </c>
      <c r="G65721" s="16">
        <v>0.1304818943220129</v>
      </c>
    </row>
    <row r="65722" spans="1:7" x14ac:dyDescent="0.3">
      <c r="A65722" s="13" t="s">
        <v>350</v>
      </c>
      <c r="B65722" s="14" t="s">
        <v>1</v>
      </c>
      <c r="C65722" s="14" t="s">
        <v>38</v>
      </c>
      <c r="D65722" s="14" t="s">
        <v>197</v>
      </c>
      <c r="E65722" s="15">
        <v>45398</v>
      </c>
      <c r="F65722" s="14" t="s">
        <v>15</v>
      </c>
      <c r="G65722" s="16">
        <v>0.11687044803763713</v>
      </c>
    </row>
    <row r="65723" spans="1:7" x14ac:dyDescent="0.3">
      <c r="A65723" s="13" t="s">
        <v>350</v>
      </c>
      <c r="B65723" s="14" t="s">
        <v>1</v>
      </c>
      <c r="C65723" s="14" t="s">
        <v>38</v>
      </c>
      <c r="D65723" s="14" t="s">
        <v>197</v>
      </c>
      <c r="E65723" s="15">
        <v>45399</v>
      </c>
      <c r="F65723" s="14" t="s">
        <v>15</v>
      </c>
      <c r="G65723" s="16">
        <v>0.11239935805773972</v>
      </c>
    </row>
    <row r="65724" spans="1:7" x14ac:dyDescent="0.3">
      <c r="A65724" s="13" t="s">
        <v>350</v>
      </c>
      <c r="B65724" s="14" t="s">
        <v>1</v>
      </c>
      <c r="C65724" s="14" t="s">
        <v>38</v>
      </c>
      <c r="D65724" s="14" t="s">
        <v>197</v>
      </c>
      <c r="E65724" s="15">
        <v>45400</v>
      </c>
      <c r="F65724" s="14" t="s">
        <v>15</v>
      </c>
      <c r="G65724" s="16">
        <v>0.10804636900044888</v>
      </c>
    </row>
    <row r="65725" spans="1:7" x14ac:dyDescent="0.3">
      <c r="A65725" s="13" t="s">
        <v>350</v>
      </c>
      <c r="B65725" s="14" t="s">
        <v>1</v>
      </c>
      <c r="C65725" s="14" t="s">
        <v>38</v>
      </c>
      <c r="D65725" s="14" t="s">
        <v>197</v>
      </c>
      <c r="E65725" s="15">
        <v>45401</v>
      </c>
      <c r="F65725" s="14" t="s">
        <v>15</v>
      </c>
      <c r="G65725" s="16">
        <v>8.8249455134685351E-2</v>
      </c>
    </row>
    <row r="65726" spans="1:7" x14ac:dyDescent="0.3">
      <c r="A65726" s="13" t="s">
        <v>350</v>
      </c>
      <c r="B65726" s="14" t="s">
        <v>1</v>
      </c>
      <c r="C65726" s="14" t="s">
        <v>38</v>
      </c>
      <c r="D65726" s="14" t="s">
        <v>197</v>
      </c>
      <c r="E65726" s="15">
        <v>45402</v>
      </c>
      <c r="F65726" s="14" t="s">
        <v>15</v>
      </c>
      <c r="G65726" s="16">
        <v>8.8249455134685351E-2</v>
      </c>
    </row>
    <row r="65727" spans="1:7" x14ac:dyDescent="0.3">
      <c r="A65727" s="13" t="s">
        <v>350</v>
      </c>
      <c r="B65727" s="14" t="s">
        <v>1</v>
      </c>
      <c r="C65727" s="14" t="s">
        <v>38</v>
      </c>
      <c r="D65727" s="14" t="s">
        <v>197</v>
      </c>
      <c r="E65727" s="15">
        <v>45403</v>
      </c>
      <c r="F65727" s="14" t="s">
        <v>15</v>
      </c>
      <c r="G65727" s="16">
        <v>8.8249455134685351E-2</v>
      </c>
    </row>
    <row r="65728" spans="1:7" x14ac:dyDescent="0.3">
      <c r="A65728" s="13" t="s">
        <v>350</v>
      </c>
      <c r="B65728" s="14" t="s">
        <v>1</v>
      </c>
      <c r="C65728" s="14" t="s">
        <v>38</v>
      </c>
      <c r="D65728" s="14" t="s">
        <v>197</v>
      </c>
      <c r="E65728" s="15">
        <v>45404</v>
      </c>
      <c r="F65728" s="14" t="s">
        <v>15</v>
      </c>
      <c r="G65728" s="16">
        <v>8.3839690287173793E-2</v>
      </c>
    </row>
    <row r="65729" spans="1:7" x14ac:dyDescent="0.3">
      <c r="A65729" s="13" t="s">
        <v>350</v>
      </c>
      <c r="B65729" s="14" t="s">
        <v>1</v>
      </c>
      <c r="C65729" s="14" t="s">
        <v>38</v>
      </c>
      <c r="D65729" s="14" t="s">
        <v>197</v>
      </c>
      <c r="E65729" s="15">
        <v>45405</v>
      </c>
      <c r="F65729" s="14" t="s">
        <v>15</v>
      </c>
      <c r="G65729" s="16">
        <v>7.090300243272904E-2</v>
      </c>
    </row>
    <row r="65730" spans="1:7" x14ac:dyDescent="0.3">
      <c r="A65730" s="13" t="s">
        <v>350</v>
      </c>
      <c r="B65730" s="14" t="s">
        <v>1</v>
      </c>
      <c r="C65730" s="14" t="s">
        <v>38</v>
      </c>
      <c r="D65730" s="14" t="s">
        <v>197</v>
      </c>
      <c r="E65730" s="15">
        <v>45406</v>
      </c>
      <c r="F65730" s="14" t="s">
        <v>15</v>
      </c>
      <c r="G65730" s="16">
        <v>6.6592231270730551E-2</v>
      </c>
    </row>
    <row r="65731" spans="1:7" x14ac:dyDescent="0.3">
      <c r="A65731" s="13" t="s">
        <v>350</v>
      </c>
      <c r="B65731" s="14" t="s">
        <v>1</v>
      </c>
      <c r="C65731" s="14" t="s">
        <v>38</v>
      </c>
      <c r="D65731" s="14" t="s">
        <v>197</v>
      </c>
      <c r="E65731" s="15">
        <v>45407</v>
      </c>
      <c r="F65731" s="14" t="s">
        <v>15</v>
      </c>
      <c r="G65731" s="16">
        <v>6.0846233642479076E-2</v>
      </c>
    </row>
    <row r="65732" spans="1:7" x14ac:dyDescent="0.3">
      <c r="A65732" s="13" t="s">
        <v>350</v>
      </c>
      <c r="B65732" s="14" t="s">
        <v>1</v>
      </c>
      <c r="C65732" s="14" t="s">
        <v>38</v>
      </c>
      <c r="D65732" s="14" t="s">
        <v>197</v>
      </c>
      <c r="E65732" s="15">
        <v>45408</v>
      </c>
      <c r="F65732" s="14" t="s">
        <v>15</v>
      </c>
      <c r="G65732" s="16">
        <v>0.13429136297726876</v>
      </c>
    </row>
    <row r="65733" spans="1:7" x14ac:dyDescent="0.3">
      <c r="A65733" s="13" t="s">
        <v>350</v>
      </c>
      <c r="B65733" s="14" t="s">
        <v>1</v>
      </c>
      <c r="C65733" s="14" t="s">
        <v>38</v>
      </c>
      <c r="D65733" s="14" t="s">
        <v>197</v>
      </c>
      <c r="E65733" s="15">
        <v>45409</v>
      </c>
      <c r="F65733" s="14" t="s">
        <v>15</v>
      </c>
      <c r="G65733" s="16">
        <v>0.13429136297726876</v>
      </c>
    </row>
    <row r="65734" spans="1:7" x14ac:dyDescent="0.3">
      <c r="A65734" s="13" t="s">
        <v>350</v>
      </c>
      <c r="B65734" s="14" t="s">
        <v>1</v>
      </c>
      <c r="C65734" s="14" t="s">
        <v>38</v>
      </c>
      <c r="D65734" s="14" t="s">
        <v>197</v>
      </c>
      <c r="E65734" s="15">
        <v>45410</v>
      </c>
      <c r="F65734" s="14" t="s">
        <v>15</v>
      </c>
      <c r="G65734" s="16">
        <v>0.13429136297726876</v>
      </c>
    </row>
    <row r="65735" spans="1:7" x14ac:dyDescent="0.3">
      <c r="A65735" s="13" t="s">
        <v>350</v>
      </c>
      <c r="B65735" s="14" t="s">
        <v>1</v>
      </c>
      <c r="C65735" s="14" t="s">
        <v>38</v>
      </c>
      <c r="D65735" s="14" t="s">
        <v>197</v>
      </c>
      <c r="E65735" s="15">
        <v>45411</v>
      </c>
      <c r="F65735" s="14" t="s">
        <v>15</v>
      </c>
      <c r="G65735" s="16">
        <v>0.12782147402370292</v>
      </c>
    </row>
    <row r="65736" spans="1:7" x14ac:dyDescent="0.3">
      <c r="A65736" s="13" t="s">
        <v>350</v>
      </c>
      <c r="B65736" s="14" t="s">
        <v>1</v>
      </c>
      <c r="C65736" s="14" t="s">
        <v>38</v>
      </c>
      <c r="D65736" s="14" t="s">
        <v>197</v>
      </c>
      <c r="E65736" s="15">
        <v>45412</v>
      </c>
      <c r="F65736" s="14" t="s">
        <v>15</v>
      </c>
      <c r="G65736" s="16">
        <v>0.19197193336777324</v>
      </c>
    </row>
    <row r="65737" spans="1:7" x14ac:dyDescent="0.3">
      <c r="A65737" s="13" t="s">
        <v>350</v>
      </c>
      <c r="B65737" s="14" t="s">
        <v>1</v>
      </c>
      <c r="C65737" s="14" t="s">
        <v>38</v>
      </c>
      <c r="D65737" s="14" t="s">
        <v>197</v>
      </c>
      <c r="E65737" s="15">
        <v>45413</v>
      </c>
      <c r="F65737" s="14" t="s">
        <v>15</v>
      </c>
      <c r="G65737" s="16">
        <v>0.19197193336777324</v>
      </c>
    </row>
    <row r="65738" spans="1:7" x14ac:dyDescent="0.3">
      <c r="A65738" s="13" t="s">
        <v>350</v>
      </c>
      <c r="B65738" s="14" t="s">
        <v>1</v>
      </c>
      <c r="C65738" s="14" t="s">
        <v>38</v>
      </c>
      <c r="D65738" s="14" t="s">
        <v>197</v>
      </c>
      <c r="E65738" s="15">
        <v>45414</v>
      </c>
      <c r="F65738" s="14" t="s">
        <v>15</v>
      </c>
      <c r="G65738" s="16">
        <v>0.18749265457197861</v>
      </c>
    </row>
    <row r="65739" spans="1:7" x14ac:dyDescent="0.3">
      <c r="A65739" s="13" t="s">
        <v>350</v>
      </c>
      <c r="B65739" s="14" t="s">
        <v>1</v>
      </c>
      <c r="C65739" s="14" t="s">
        <v>38</v>
      </c>
      <c r="D65739" s="14" t="s">
        <v>197</v>
      </c>
      <c r="E65739" s="15">
        <v>45415</v>
      </c>
      <c r="F65739" s="14" t="s">
        <v>15</v>
      </c>
      <c r="G65739" s="16">
        <v>0.18182927299744581</v>
      </c>
    </row>
    <row r="65740" spans="1:7" x14ac:dyDescent="0.3">
      <c r="A65740" s="13" t="s">
        <v>350</v>
      </c>
      <c r="B65740" s="14" t="s">
        <v>1</v>
      </c>
      <c r="C65740" s="14" t="s">
        <v>38</v>
      </c>
      <c r="D65740" s="14" t="s">
        <v>197</v>
      </c>
      <c r="E65740" s="15">
        <v>45416</v>
      </c>
      <c r="F65740" s="14" t="s">
        <v>15</v>
      </c>
      <c r="G65740" s="16">
        <v>0.18182927299744581</v>
      </c>
    </row>
    <row r="65741" spans="1:7" x14ac:dyDescent="0.3">
      <c r="A65741" s="13" t="s">
        <v>350</v>
      </c>
      <c r="B65741" s="14" t="s">
        <v>1</v>
      </c>
      <c r="C65741" s="14" t="s">
        <v>38</v>
      </c>
      <c r="D65741" s="14" t="s">
        <v>197</v>
      </c>
      <c r="E65741" s="15">
        <v>45417</v>
      </c>
      <c r="F65741" s="14" t="s">
        <v>15</v>
      </c>
      <c r="G65741" s="16">
        <v>0.18182927299744581</v>
      </c>
    </row>
    <row r="65742" spans="1:7" x14ac:dyDescent="0.3">
      <c r="A65742" s="13" t="s">
        <v>350</v>
      </c>
      <c r="B65742" s="14" t="s">
        <v>1</v>
      </c>
      <c r="C65742" s="14" t="s">
        <v>38</v>
      </c>
      <c r="D65742" s="14" t="s">
        <v>197</v>
      </c>
      <c r="E65742" s="15">
        <v>45418</v>
      </c>
      <c r="F65742" s="14" t="s">
        <v>15</v>
      </c>
      <c r="G65742" s="16">
        <v>0.18182927299744581</v>
      </c>
    </row>
    <row r="65743" spans="1:7" x14ac:dyDescent="0.3">
      <c r="A65743" s="13" t="s">
        <v>350</v>
      </c>
      <c r="B65743" s="14" t="s">
        <v>1</v>
      </c>
      <c r="C65743" s="14" t="s">
        <v>38</v>
      </c>
      <c r="D65743" s="14" t="s">
        <v>197</v>
      </c>
      <c r="E65743" s="15">
        <v>45419</v>
      </c>
      <c r="F65743" s="14" t="s">
        <v>15</v>
      </c>
      <c r="G65743" s="16">
        <v>0.17734125946469412</v>
      </c>
    </row>
    <row r="65744" spans="1:7" x14ac:dyDescent="0.3">
      <c r="A65744" s="13" t="s">
        <v>350</v>
      </c>
      <c r="B65744" s="14" t="s">
        <v>1</v>
      </c>
      <c r="C65744" s="14" t="s">
        <v>38</v>
      </c>
      <c r="D65744" s="14" t="s">
        <v>197</v>
      </c>
      <c r="E65744" s="15">
        <v>45420</v>
      </c>
      <c r="F65744" s="14" t="s">
        <v>15</v>
      </c>
      <c r="G65744" s="16">
        <v>0.15931003628005808</v>
      </c>
    </row>
    <row r="65745" spans="1:7" x14ac:dyDescent="0.3">
      <c r="A65745" s="13" t="s">
        <v>350</v>
      </c>
      <c r="B65745" s="14" t="s">
        <v>1</v>
      </c>
      <c r="C65745" s="14" t="s">
        <v>38</v>
      </c>
      <c r="D65745" s="14" t="s">
        <v>197</v>
      </c>
      <c r="E65745" s="15">
        <v>45421</v>
      </c>
      <c r="F65745" s="14" t="s">
        <v>15</v>
      </c>
      <c r="G65745" s="16">
        <v>0.2444103982682061</v>
      </c>
    </row>
    <row r="65746" spans="1:7" x14ac:dyDescent="0.3">
      <c r="A65746" s="13" t="s">
        <v>350</v>
      </c>
      <c r="B65746" s="14" t="s">
        <v>1</v>
      </c>
      <c r="C65746" s="14" t="s">
        <v>38</v>
      </c>
      <c r="D65746" s="14" t="s">
        <v>197</v>
      </c>
      <c r="E65746" s="15">
        <v>45422</v>
      </c>
      <c r="F65746" s="14" t="s">
        <v>15</v>
      </c>
      <c r="G65746" s="16">
        <v>0.44761623220511026</v>
      </c>
    </row>
    <row r="65747" spans="1:7" x14ac:dyDescent="0.3">
      <c r="A65747" s="13" t="s">
        <v>350</v>
      </c>
      <c r="B65747" s="14" t="s">
        <v>1</v>
      </c>
      <c r="C65747" s="14" t="s">
        <v>38</v>
      </c>
      <c r="D65747" s="14" t="s">
        <v>197</v>
      </c>
      <c r="E65747" s="15">
        <v>45423</v>
      </c>
      <c r="F65747" s="14" t="s">
        <v>15</v>
      </c>
      <c r="G65747" s="16">
        <v>0.44761623220511026</v>
      </c>
    </row>
    <row r="65748" spans="1:7" x14ac:dyDescent="0.3">
      <c r="A65748" s="13" t="s">
        <v>350</v>
      </c>
      <c r="B65748" s="14" t="s">
        <v>1</v>
      </c>
      <c r="C65748" s="14" t="s">
        <v>38</v>
      </c>
      <c r="D65748" s="14" t="s">
        <v>197</v>
      </c>
      <c r="E65748" s="15">
        <v>45424</v>
      </c>
      <c r="F65748" s="14" t="s">
        <v>15</v>
      </c>
      <c r="G65748" s="16">
        <v>0.44761623220511026</v>
      </c>
    </row>
    <row r="65749" spans="1:7" x14ac:dyDescent="0.3">
      <c r="A65749" s="13" t="s">
        <v>350</v>
      </c>
      <c r="B65749" s="14" t="s">
        <v>1</v>
      </c>
      <c r="C65749" s="14" t="s">
        <v>38</v>
      </c>
      <c r="D65749" s="14" t="s">
        <v>197</v>
      </c>
      <c r="E65749" s="15">
        <v>45425</v>
      </c>
      <c r="F65749" s="14" t="s">
        <v>15</v>
      </c>
      <c r="G65749" s="16">
        <v>0.44311657235641588</v>
      </c>
    </row>
    <row r="65750" spans="1:7" x14ac:dyDescent="0.3">
      <c r="A65750" s="13" t="s">
        <v>350</v>
      </c>
      <c r="B65750" s="14" t="s">
        <v>1</v>
      </c>
      <c r="C65750" s="14" t="s">
        <v>38</v>
      </c>
      <c r="D65750" s="14" t="s">
        <v>197</v>
      </c>
      <c r="E65750" s="15">
        <v>45426</v>
      </c>
      <c r="F65750" s="14" t="s">
        <v>15</v>
      </c>
      <c r="G65750" s="16">
        <v>0.45933279699082524</v>
      </c>
    </row>
    <row r="65751" spans="1:7" x14ac:dyDescent="0.3">
      <c r="A65751" s="13" t="s">
        <v>350</v>
      </c>
      <c r="B65751" s="14" t="s">
        <v>1</v>
      </c>
      <c r="C65751" s="14" t="s">
        <v>38</v>
      </c>
      <c r="D65751" s="14" t="s">
        <v>197</v>
      </c>
      <c r="E65751" s="15">
        <v>45427</v>
      </c>
      <c r="F65751" s="14" t="s">
        <v>15</v>
      </c>
      <c r="G65751" s="16">
        <v>0.56716986125182456</v>
      </c>
    </row>
    <row r="65752" spans="1:7" x14ac:dyDescent="0.3">
      <c r="A65752" s="13" t="s">
        <v>350</v>
      </c>
      <c r="B65752" s="14" t="s">
        <v>1</v>
      </c>
      <c r="C65752" s="14" t="s">
        <v>38</v>
      </c>
      <c r="D65752" s="14" t="s">
        <v>197</v>
      </c>
      <c r="E65752" s="15">
        <v>45428</v>
      </c>
      <c r="F65752" s="14" t="s">
        <v>15</v>
      </c>
      <c r="G65752" s="16">
        <v>0.5626094221918041</v>
      </c>
    </row>
    <row r="65753" spans="1:7" x14ac:dyDescent="0.3">
      <c r="A65753" s="13" t="s">
        <v>350</v>
      </c>
      <c r="B65753" s="14" t="s">
        <v>1</v>
      </c>
      <c r="C65753" s="14" t="s">
        <v>38</v>
      </c>
      <c r="D65753" s="14" t="s">
        <v>197</v>
      </c>
      <c r="E65753" s="15">
        <v>45429</v>
      </c>
      <c r="F65753" s="14" t="s">
        <v>15</v>
      </c>
      <c r="G65753" s="16">
        <v>0.55802459865777865</v>
      </c>
    </row>
    <row r="65754" spans="1:7" x14ac:dyDescent="0.3">
      <c r="A65754" s="13" t="s">
        <v>350</v>
      </c>
      <c r="B65754" s="14" t="s">
        <v>1</v>
      </c>
      <c r="C65754" s="14" t="s">
        <v>38</v>
      </c>
      <c r="D65754" s="14" t="s">
        <v>197</v>
      </c>
      <c r="E65754" s="15">
        <v>45430</v>
      </c>
      <c r="F65754" s="14" t="s">
        <v>15</v>
      </c>
      <c r="G65754" s="16">
        <v>0.55802459865777865</v>
      </c>
    </row>
    <row r="65755" spans="1:7" x14ac:dyDescent="0.3">
      <c r="A65755" s="13" t="s">
        <v>350</v>
      </c>
      <c r="B65755" s="14" t="s">
        <v>1</v>
      </c>
      <c r="C65755" s="14" t="s">
        <v>38</v>
      </c>
      <c r="D65755" s="14" t="s">
        <v>197</v>
      </c>
      <c r="E65755" s="15">
        <v>45431</v>
      </c>
      <c r="F65755" s="14" t="s">
        <v>15</v>
      </c>
      <c r="G65755" s="16">
        <v>0.55802459865777865</v>
      </c>
    </row>
    <row r="65756" spans="1:7" x14ac:dyDescent="0.3">
      <c r="A65756" s="13" t="s">
        <v>350</v>
      </c>
      <c r="B65756" s="14" t="s">
        <v>1</v>
      </c>
      <c r="C65756" s="14" t="s">
        <v>38</v>
      </c>
      <c r="D65756" s="14" t="s">
        <v>197</v>
      </c>
      <c r="E65756" s="15">
        <v>45432</v>
      </c>
      <c r="F65756" s="14" t="s">
        <v>15</v>
      </c>
      <c r="G65756" s="16">
        <v>0.55340190001095846</v>
      </c>
    </row>
    <row r="65757" spans="1:7" x14ac:dyDescent="0.3">
      <c r="A65757" s="13" t="s">
        <v>350</v>
      </c>
      <c r="B65757" s="14" t="s">
        <v>1</v>
      </c>
      <c r="C65757" s="14" t="s">
        <v>38</v>
      </c>
      <c r="D65757" s="14" t="s">
        <v>197</v>
      </c>
      <c r="E65757" s="15">
        <v>45433</v>
      </c>
      <c r="F65757" s="14" t="s">
        <v>15</v>
      </c>
      <c r="G65757" s="16">
        <v>0.53946364482914488</v>
      </c>
    </row>
    <row r="65758" spans="1:7" x14ac:dyDescent="0.3">
      <c r="A65758" s="13" t="s">
        <v>350</v>
      </c>
      <c r="B65758" s="14" t="s">
        <v>1</v>
      </c>
      <c r="C65758" s="14" t="s">
        <v>38</v>
      </c>
      <c r="D65758" s="14" t="s">
        <v>197</v>
      </c>
      <c r="E65758" s="15">
        <v>45434</v>
      </c>
      <c r="F65758" s="14" t="s">
        <v>15</v>
      </c>
      <c r="G65758" s="16">
        <v>0.53946364482914488</v>
      </c>
    </row>
    <row r="65759" spans="1:7" x14ac:dyDescent="0.3">
      <c r="A65759" s="13" t="s">
        <v>350</v>
      </c>
      <c r="B65759" s="14" t="s">
        <v>1</v>
      </c>
      <c r="C65759" s="14" t="s">
        <v>38</v>
      </c>
      <c r="D65759" s="14" t="s">
        <v>197</v>
      </c>
      <c r="E65759" s="15">
        <v>45435</v>
      </c>
      <c r="F65759" s="14" t="s">
        <v>15</v>
      </c>
      <c r="G65759" s="16">
        <v>0.53483066208411167</v>
      </c>
    </row>
    <row r="65760" spans="1:7" x14ac:dyDescent="0.3">
      <c r="A65760" s="13" t="s">
        <v>350</v>
      </c>
      <c r="B65760" s="14" t="s">
        <v>1</v>
      </c>
      <c r="C65760" s="14" t="s">
        <v>38</v>
      </c>
      <c r="D65760" s="14" t="s">
        <v>197</v>
      </c>
      <c r="E65760" s="15">
        <v>45436</v>
      </c>
      <c r="F65760" s="14" t="s">
        <v>15</v>
      </c>
      <c r="G65760" s="16">
        <v>0.57992037597654555</v>
      </c>
    </row>
    <row r="65761" spans="1:7" x14ac:dyDescent="0.3">
      <c r="A65761" s="13" t="s">
        <v>350</v>
      </c>
      <c r="B65761" s="14" t="s">
        <v>1</v>
      </c>
      <c r="C65761" s="14" t="s">
        <v>38</v>
      </c>
      <c r="D65761" s="14" t="s">
        <v>197</v>
      </c>
      <c r="E65761" s="15">
        <v>45437</v>
      </c>
      <c r="F65761" s="14" t="s">
        <v>15</v>
      </c>
      <c r="G65761" s="16">
        <v>0.57992037597654555</v>
      </c>
    </row>
    <row r="65762" spans="1:7" x14ac:dyDescent="0.3">
      <c r="A65762" s="13" t="s">
        <v>350</v>
      </c>
      <c r="B65762" s="14" t="s">
        <v>1</v>
      </c>
      <c r="C65762" s="14" t="s">
        <v>38</v>
      </c>
      <c r="D65762" s="14" t="s">
        <v>197</v>
      </c>
      <c r="E65762" s="15">
        <v>45438</v>
      </c>
      <c r="F65762" s="14" t="s">
        <v>15</v>
      </c>
      <c r="G65762" s="16">
        <v>0.57992037597654555</v>
      </c>
    </row>
    <row r="65763" spans="1:7" x14ac:dyDescent="0.3">
      <c r="A65763" s="13" t="s">
        <v>350</v>
      </c>
      <c r="B65763" s="14" t="s">
        <v>1</v>
      </c>
      <c r="C65763" s="14" t="s">
        <v>38</v>
      </c>
      <c r="D65763" s="14" t="s">
        <v>197</v>
      </c>
      <c r="E65763" s="15">
        <v>45439</v>
      </c>
      <c r="F65763" s="14" t="s">
        <v>15</v>
      </c>
      <c r="G65763" s="16">
        <v>0.5753160417908203</v>
      </c>
    </row>
    <row r="65764" spans="1:7" x14ac:dyDescent="0.3">
      <c r="A65764" s="13" t="s">
        <v>350</v>
      </c>
      <c r="B65764" s="14" t="s">
        <v>1</v>
      </c>
      <c r="C65764" s="14" t="s">
        <v>38</v>
      </c>
      <c r="D65764" s="14" t="s">
        <v>197</v>
      </c>
      <c r="E65764" s="15">
        <v>45440</v>
      </c>
      <c r="F65764" s="14" t="s">
        <v>15</v>
      </c>
      <c r="G65764" s="16">
        <v>0.56162570683378776</v>
      </c>
    </row>
    <row r="65765" spans="1:7" x14ac:dyDescent="0.3">
      <c r="A65765" s="13" t="s">
        <v>350</v>
      </c>
      <c r="B65765" s="14" t="s">
        <v>1</v>
      </c>
      <c r="C65765" s="14" t="s">
        <v>38</v>
      </c>
      <c r="D65765" s="14" t="s">
        <v>197</v>
      </c>
      <c r="E65765" s="15">
        <v>45441</v>
      </c>
      <c r="F65765" s="14" t="s">
        <v>15</v>
      </c>
      <c r="G65765" s="16">
        <v>0.64552430177960729</v>
      </c>
    </row>
    <row r="65766" spans="1:7" x14ac:dyDescent="0.3">
      <c r="A65766" s="13" t="s">
        <v>350</v>
      </c>
      <c r="B65766" s="14" t="s">
        <v>1</v>
      </c>
      <c r="C65766" s="14" t="s">
        <v>38</v>
      </c>
      <c r="D65766" s="14" t="s">
        <v>197</v>
      </c>
      <c r="E65766" s="15">
        <v>45442</v>
      </c>
      <c r="F65766" s="14" t="s">
        <v>15</v>
      </c>
      <c r="G65766" s="16">
        <v>0.68529823876351459</v>
      </c>
    </row>
    <row r="65767" spans="1:7" x14ac:dyDescent="0.3">
      <c r="A65767" s="13" t="s">
        <v>350</v>
      </c>
      <c r="B65767" s="14" t="s">
        <v>1</v>
      </c>
      <c r="C65767" s="14" t="s">
        <v>38</v>
      </c>
      <c r="D65767" s="14" t="s">
        <v>197</v>
      </c>
      <c r="E65767" s="15">
        <v>45443</v>
      </c>
      <c r="F65767" s="14" t="s">
        <v>15</v>
      </c>
      <c r="G65767" s="16">
        <v>0.68080574414585726</v>
      </c>
    </row>
    <row r="65768" spans="1:7" x14ac:dyDescent="0.3">
      <c r="A65768" s="13" t="s">
        <v>350</v>
      </c>
      <c r="B65768" s="14" t="s">
        <v>1</v>
      </c>
      <c r="C65768" s="14" t="s">
        <v>38</v>
      </c>
      <c r="D65768" s="14" t="s">
        <v>197</v>
      </c>
      <c r="E65768" s="15">
        <v>45444</v>
      </c>
      <c r="F65768" s="14" t="s">
        <v>15</v>
      </c>
      <c r="G65768" s="16">
        <v>0.68080574414585726</v>
      </c>
    </row>
    <row r="65769" spans="1:7" x14ac:dyDescent="0.3">
      <c r="A65769" s="13" t="s">
        <v>350</v>
      </c>
      <c r="B65769" s="14" t="s">
        <v>1</v>
      </c>
      <c r="C65769" s="14" t="s">
        <v>38</v>
      </c>
      <c r="D65769" s="14" t="s">
        <v>197</v>
      </c>
      <c r="E65769" s="15">
        <v>45445</v>
      </c>
      <c r="F65769" s="14" t="s">
        <v>15</v>
      </c>
      <c r="G65769" s="16">
        <v>0.68080574414585726</v>
      </c>
    </row>
    <row r="65770" spans="1:7" x14ac:dyDescent="0.3">
      <c r="A65770" s="13" t="s">
        <v>350</v>
      </c>
      <c r="B65770" s="14" t="s">
        <v>1</v>
      </c>
      <c r="C65770" s="14" t="s">
        <v>38</v>
      </c>
      <c r="D65770" s="14" t="s">
        <v>197</v>
      </c>
      <c r="E65770" s="15">
        <v>45446</v>
      </c>
      <c r="F65770" s="14" t="s">
        <v>15</v>
      </c>
      <c r="G65770" s="16">
        <v>0.68080574414585726</v>
      </c>
    </row>
    <row r="65771" spans="1:7" x14ac:dyDescent="0.3">
      <c r="A65771" s="13" t="s">
        <v>350</v>
      </c>
      <c r="B65771" s="14" t="s">
        <v>1</v>
      </c>
      <c r="C65771" s="14" t="s">
        <v>38</v>
      </c>
      <c r="D65771" s="14" t="s">
        <v>197</v>
      </c>
      <c r="E65771" s="15">
        <v>45447</v>
      </c>
      <c r="F65771" s="14" t="s">
        <v>15</v>
      </c>
      <c r="G65771" s="16">
        <v>0.67629855795932392</v>
      </c>
    </row>
    <row r="65772" spans="1:7" x14ac:dyDescent="0.3">
      <c r="A65772" s="13" t="s">
        <v>350</v>
      </c>
      <c r="B65772" s="14" t="s">
        <v>1</v>
      </c>
      <c r="C65772" s="14" t="s">
        <v>38</v>
      </c>
      <c r="D65772" s="14" t="s">
        <v>197</v>
      </c>
      <c r="E65772" s="15">
        <v>45448</v>
      </c>
      <c r="F65772" s="14" t="s">
        <v>15</v>
      </c>
      <c r="G65772" s="16">
        <v>0.65939278950918723</v>
      </c>
    </row>
    <row r="65773" spans="1:7" x14ac:dyDescent="0.3">
      <c r="A65773" s="13" t="s">
        <v>350</v>
      </c>
      <c r="B65773" s="14" t="s">
        <v>1</v>
      </c>
      <c r="C65773" s="14" t="s">
        <v>38</v>
      </c>
      <c r="D65773" s="14" t="s">
        <v>197</v>
      </c>
      <c r="E65773" s="15">
        <v>45449</v>
      </c>
      <c r="F65773" s="14" t="s">
        <v>15</v>
      </c>
      <c r="G65773" s="16">
        <v>0.71743587603490122</v>
      </c>
    </row>
    <row r="65774" spans="1:7" x14ac:dyDescent="0.3">
      <c r="A65774" s="13" t="s">
        <v>350</v>
      </c>
      <c r="B65774" s="14" t="s">
        <v>1</v>
      </c>
      <c r="C65774" s="14" t="s">
        <v>38</v>
      </c>
      <c r="D65774" s="14" t="s">
        <v>197</v>
      </c>
      <c r="E65774" s="15">
        <v>45450</v>
      </c>
      <c r="F65774" s="14" t="s">
        <v>15</v>
      </c>
      <c r="G65774" s="16">
        <v>0.71288406420790729</v>
      </c>
    </row>
    <row r="65775" spans="1:7" x14ac:dyDescent="0.3">
      <c r="A65775" s="13" t="s">
        <v>350</v>
      </c>
      <c r="B65775" s="14" t="s">
        <v>1</v>
      </c>
      <c r="C65775" s="14" t="s">
        <v>38</v>
      </c>
      <c r="D65775" s="14" t="s">
        <v>197</v>
      </c>
      <c r="E65775" s="15">
        <v>45451</v>
      </c>
      <c r="F65775" s="14" t="s">
        <v>15</v>
      </c>
      <c r="G65775" s="16">
        <v>0.71288406420790729</v>
      </c>
    </row>
    <row r="65776" spans="1:7" x14ac:dyDescent="0.3">
      <c r="A65776" s="13" t="s">
        <v>350</v>
      </c>
      <c r="B65776" s="14" t="s">
        <v>1</v>
      </c>
      <c r="C65776" s="14" t="s">
        <v>38</v>
      </c>
      <c r="D65776" s="14" t="s">
        <v>197</v>
      </c>
      <c r="E65776" s="15">
        <v>45452</v>
      </c>
      <c r="F65776" s="14" t="s">
        <v>15</v>
      </c>
      <c r="G65776" s="16">
        <v>0.71288406420790729</v>
      </c>
    </row>
    <row r="65777" spans="1:7" x14ac:dyDescent="0.3">
      <c r="A65777" s="13" t="s">
        <v>350</v>
      </c>
      <c r="B65777" s="14" t="s">
        <v>1</v>
      </c>
      <c r="C65777" s="14" t="s">
        <v>38</v>
      </c>
      <c r="D65777" s="14" t="s">
        <v>197</v>
      </c>
      <c r="E65777" s="15">
        <v>45453</v>
      </c>
      <c r="F65777" s="14" t="s">
        <v>15</v>
      </c>
      <c r="G65777" s="16">
        <v>0.71439123902995016</v>
      </c>
    </row>
    <row r="65778" spans="1:7" x14ac:dyDescent="0.3">
      <c r="A65778" s="13" t="s">
        <v>350</v>
      </c>
      <c r="B65778" s="14" t="s">
        <v>1</v>
      </c>
      <c r="C65778" s="14" t="s">
        <v>38</v>
      </c>
      <c r="D65778" s="14" t="s">
        <v>197</v>
      </c>
      <c r="E65778" s="15">
        <v>45454</v>
      </c>
      <c r="F65778" s="14" t="s">
        <v>15</v>
      </c>
      <c r="G65778" s="16">
        <v>0.70065517865564719</v>
      </c>
    </row>
    <row r="65779" spans="1:7" x14ac:dyDescent="0.3">
      <c r="A65779" s="13" t="s">
        <v>350</v>
      </c>
      <c r="B65779" s="14" t="s">
        <v>1</v>
      </c>
      <c r="C65779" s="14" t="s">
        <v>38</v>
      </c>
      <c r="D65779" s="14" t="s">
        <v>197</v>
      </c>
      <c r="E65779" s="15">
        <v>45455</v>
      </c>
      <c r="F65779" s="14" t="s">
        <v>15</v>
      </c>
      <c r="G65779" s="16">
        <v>0.74144269829698539</v>
      </c>
    </row>
    <row r="65780" spans="1:7" x14ac:dyDescent="0.3">
      <c r="A65780" s="13" t="s">
        <v>350</v>
      </c>
      <c r="B65780" s="14" t="s">
        <v>1</v>
      </c>
      <c r="C65780" s="14" t="s">
        <v>38</v>
      </c>
      <c r="D65780" s="14" t="s">
        <v>197</v>
      </c>
      <c r="E65780" s="15">
        <v>45456</v>
      </c>
      <c r="F65780" s="14" t="s">
        <v>15</v>
      </c>
      <c r="G65780" s="16">
        <v>0.7369025225037239</v>
      </c>
    </row>
    <row r="65781" spans="1:7" x14ac:dyDescent="0.3">
      <c r="A65781" s="13" t="s">
        <v>350</v>
      </c>
      <c r="B65781" s="14" t="s">
        <v>1</v>
      </c>
      <c r="C65781" s="14" t="s">
        <v>38</v>
      </c>
      <c r="D65781" s="14" t="s">
        <v>197</v>
      </c>
      <c r="E65781" s="15">
        <v>45457</v>
      </c>
      <c r="F65781" s="14" t="s">
        <v>15</v>
      </c>
      <c r="G65781" s="16">
        <v>0.75331720002415381</v>
      </c>
    </row>
    <row r="65782" spans="1:7" x14ac:dyDescent="0.3">
      <c r="A65782" s="13" t="s">
        <v>350</v>
      </c>
      <c r="B65782" s="14" t="s">
        <v>1</v>
      </c>
      <c r="C65782" s="14" t="s">
        <v>38</v>
      </c>
      <c r="D65782" s="14" t="s">
        <v>197</v>
      </c>
      <c r="E65782" s="15">
        <v>45458</v>
      </c>
      <c r="F65782" s="14" t="s">
        <v>15</v>
      </c>
      <c r="G65782" s="16">
        <v>0.75331720002415381</v>
      </c>
    </row>
    <row r="65783" spans="1:7" x14ac:dyDescent="0.3">
      <c r="A65783" s="13" t="s">
        <v>350</v>
      </c>
      <c r="B65783" s="14" t="s">
        <v>1</v>
      </c>
      <c r="C65783" s="14" t="s">
        <v>38</v>
      </c>
      <c r="D65783" s="14" t="s">
        <v>197</v>
      </c>
      <c r="E65783" s="15">
        <v>45459</v>
      </c>
      <c r="F65783" s="14" t="s">
        <v>15</v>
      </c>
      <c r="G65783" s="16">
        <v>0.75331720002415381</v>
      </c>
    </row>
    <row r="65784" spans="1:7" x14ac:dyDescent="0.3">
      <c r="A65784" s="13" t="s">
        <v>350</v>
      </c>
      <c r="B65784" s="14" t="s">
        <v>1</v>
      </c>
      <c r="C65784" s="14" t="s">
        <v>38</v>
      </c>
      <c r="D65784" s="14" t="s">
        <v>197</v>
      </c>
      <c r="E65784" s="15">
        <v>45460</v>
      </c>
      <c r="F65784" s="14" t="s">
        <v>15</v>
      </c>
      <c r="G65784" s="16">
        <v>0.75331720002415381</v>
      </c>
    </row>
    <row r="65785" spans="1:7" x14ac:dyDescent="0.3">
      <c r="A65785" s="13" t="s">
        <v>350</v>
      </c>
      <c r="B65785" s="14" t="s">
        <v>1</v>
      </c>
      <c r="C65785" s="14" t="s">
        <v>38</v>
      </c>
      <c r="D65785" s="14" t="s">
        <v>197</v>
      </c>
      <c r="E65785" s="15">
        <v>45461</v>
      </c>
      <c r="F65785" s="14" t="s">
        <v>15</v>
      </c>
      <c r="G65785" s="16">
        <v>0.74868324559876687</v>
      </c>
    </row>
    <row r="65786" spans="1:7" x14ac:dyDescent="0.3">
      <c r="A65786" s="13" t="s">
        <v>350</v>
      </c>
      <c r="B65786" s="14" t="s">
        <v>1</v>
      </c>
      <c r="C65786" s="14" t="s">
        <v>38</v>
      </c>
      <c r="D65786" s="14" t="s">
        <v>197</v>
      </c>
      <c r="E65786" s="15">
        <v>45462</v>
      </c>
      <c r="F65786" s="14" t="s">
        <v>15</v>
      </c>
      <c r="G65786" s="16">
        <v>0.77622703940829363</v>
      </c>
    </row>
    <row r="65787" spans="1:7" x14ac:dyDescent="0.3">
      <c r="A65787" s="13" t="s">
        <v>350</v>
      </c>
      <c r="B65787" s="14" t="s">
        <v>1</v>
      </c>
      <c r="C65787" s="14" t="s">
        <v>38</v>
      </c>
      <c r="D65787" s="14" t="s">
        <v>197</v>
      </c>
      <c r="E65787" s="15">
        <v>45463</v>
      </c>
      <c r="F65787" s="14" t="s">
        <v>15</v>
      </c>
      <c r="G65787" s="16">
        <v>0.77157799416854167</v>
      </c>
    </row>
    <row r="65788" spans="1:7" x14ac:dyDescent="0.3">
      <c r="A65788" s="13" t="s">
        <v>350</v>
      </c>
      <c r="B65788" s="14" t="s">
        <v>1</v>
      </c>
      <c r="C65788" s="14" t="s">
        <v>38</v>
      </c>
      <c r="D65788" s="14" t="s">
        <v>197</v>
      </c>
      <c r="E65788" s="15">
        <v>45464</v>
      </c>
      <c r="F65788" s="14" t="s">
        <v>15</v>
      </c>
      <c r="G65788" s="16">
        <v>0.76684954250082138</v>
      </c>
    </row>
    <row r="65789" spans="1:7" x14ac:dyDescent="0.3">
      <c r="A65789" s="13" t="s">
        <v>350</v>
      </c>
      <c r="B65789" s="14" t="s">
        <v>1</v>
      </c>
      <c r="C65789" s="14" t="s">
        <v>38</v>
      </c>
      <c r="D65789" s="14" t="s">
        <v>197</v>
      </c>
      <c r="E65789" s="15">
        <v>45465</v>
      </c>
      <c r="F65789" s="14" t="s">
        <v>15</v>
      </c>
      <c r="G65789" s="16">
        <v>0.76684954250082138</v>
      </c>
    </row>
    <row r="65790" spans="1:7" x14ac:dyDescent="0.3">
      <c r="A65790" s="13" t="s">
        <v>350</v>
      </c>
      <c r="B65790" s="14" t="s">
        <v>1</v>
      </c>
      <c r="C65790" s="14" t="s">
        <v>38</v>
      </c>
      <c r="D65790" s="14" t="s">
        <v>197</v>
      </c>
      <c r="E65790" s="15">
        <v>45466</v>
      </c>
      <c r="F65790" s="14" t="s">
        <v>15</v>
      </c>
      <c r="G65790" s="16">
        <v>0.76684954250082138</v>
      </c>
    </row>
    <row r="65791" spans="1:7" x14ac:dyDescent="0.3">
      <c r="A65791" s="13" t="s">
        <v>350</v>
      </c>
      <c r="B65791" s="14" t="s">
        <v>1</v>
      </c>
      <c r="C65791" s="14" t="s">
        <v>38</v>
      </c>
      <c r="D65791" s="14" t="s">
        <v>197</v>
      </c>
      <c r="E65791" s="15">
        <v>45467</v>
      </c>
      <c r="F65791" s="14" t="s">
        <v>15</v>
      </c>
      <c r="G65791" s="16">
        <v>0.76211875534992557</v>
      </c>
    </row>
    <row r="65792" spans="1:7" x14ac:dyDescent="0.3">
      <c r="A65792" s="13" t="s">
        <v>350</v>
      </c>
      <c r="B65792" s="14" t="s">
        <v>1</v>
      </c>
      <c r="C65792" s="14" t="s">
        <v>38</v>
      </c>
      <c r="D65792" s="14" t="s">
        <v>197</v>
      </c>
      <c r="E65792" s="15">
        <v>45468</v>
      </c>
      <c r="F65792" s="14" t="s">
        <v>15</v>
      </c>
      <c r="G65792" s="16">
        <v>0.74808430149044403</v>
      </c>
    </row>
    <row r="65793" spans="1:7" x14ac:dyDescent="0.3">
      <c r="A65793" s="13" t="s">
        <v>350</v>
      </c>
      <c r="B65793" s="14" t="s">
        <v>1</v>
      </c>
      <c r="C65793" s="14" t="s">
        <v>38</v>
      </c>
      <c r="D65793" s="14" t="s">
        <v>197</v>
      </c>
      <c r="E65793" s="15">
        <v>45469</v>
      </c>
      <c r="F65793" s="14" t="s">
        <v>15</v>
      </c>
      <c r="G65793" s="16">
        <v>0.74343435798793223</v>
      </c>
    </row>
    <row r="65794" spans="1:7" x14ac:dyDescent="0.3">
      <c r="A65794" s="13" t="s">
        <v>350</v>
      </c>
      <c r="B65794" s="14" t="s">
        <v>1</v>
      </c>
      <c r="C65794" s="14" t="s">
        <v>38</v>
      </c>
      <c r="D65794" s="14" t="s">
        <v>197</v>
      </c>
      <c r="E65794" s="15">
        <v>45470</v>
      </c>
      <c r="F65794" s="14" t="s">
        <v>15</v>
      </c>
      <c r="G65794" s="16">
        <v>0.73877381498485462</v>
      </c>
    </row>
    <row r="65795" spans="1:7" x14ac:dyDescent="0.3">
      <c r="A65795" s="13" t="s">
        <v>350</v>
      </c>
      <c r="B65795" s="14" t="s">
        <v>1</v>
      </c>
      <c r="C65795" s="14" t="s">
        <v>38</v>
      </c>
      <c r="D65795" s="14" t="s">
        <v>197</v>
      </c>
      <c r="E65795" s="15">
        <v>45471</v>
      </c>
      <c r="F65795" s="14" t="s">
        <v>15</v>
      </c>
      <c r="G65795" s="16">
        <v>0.75315087326090313</v>
      </c>
    </row>
    <row r="65796" spans="1:7" x14ac:dyDescent="0.3">
      <c r="A65796" s="13" t="s">
        <v>350</v>
      </c>
      <c r="B65796" s="14" t="s">
        <v>1</v>
      </c>
      <c r="C65796" s="14" t="s">
        <v>38</v>
      </c>
      <c r="D65796" s="14" t="s">
        <v>197</v>
      </c>
      <c r="E65796" s="15">
        <v>45472</v>
      </c>
      <c r="F65796" s="14" t="s">
        <v>15</v>
      </c>
      <c r="G65796" s="16">
        <v>0.75315087326090313</v>
      </c>
    </row>
    <row r="65797" spans="1:7" x14ac:dyDescent="0.3">
      <c r="A65797" s="13" t="s">
        <v>350</v>
      </c>
      <c r="B65797" s="14" t="s">
        <v>1</v>
      </c>
      <c r="C65797" s="14" t="s">
        <v>38</v>
      </c>
      <c r="D65797" s="14" t="s">
        <v>197</v>
      </c>
      <c r="E65797" s="15">
        <v>45473</v>
      </c>
      <c r="F65797" s="14" t="s">
        <v>15</v>
      </c>
      <c r="G65797" s="16">
        <v>0.75315087326090313</v>
      </c>
    </row>
    <row r="65798" spans="1:7" x14ac:dyDescent="0.3">
      <c r="A65798" s="13" t="s">
        <v>350</v>
      </c>
      <c r="B65798" s="14" t="s">
        <v>1</v>
      </c>
      <c r="C65798" s="14" t="s">
        <v>38</v>
      </c>
      <c r="D65798" s="14" t="s">
        <v>197</v>
      </c>
      <c r="E65798" s="15">
        <v>45474</v>
      </c>
      <c r="F65798" s="14" t="s">
        <v>15</v>
      </c>
      <c r="G65798" s="16">
        <v>0.74844954912852946</v>
      </c>
    </row>
    <row r="65799" spans="1:7" x14ac:dyDescent="0.3">
      <c r="A65799" s="13" t="s">
        <v>350</v>
      </c>
      <c r="B65799" s="14" t="s">
        <v>1</v>
      </c>
      <c r="C65799" s="14" t="s">
        <v>38</v>
      </c>
      <c r="D65799" s="14" t="s">
        <v>197</v>
      </c>
      <c r="E65799" s="15">
        <v>45475</v>
      </c>
      <c r="F65799" s="14" t="s">
        <v>15</v>
      </c>
      <c r="G65799" s="16">
        <v>0.73426149233711835</v>
      </c>
    </row>
    <row r="65800" spans="1:7" x14ac:dyDescent="0.3">
      <c r="A65800" s="13" t="s">
        <v>350</v>
      </c>
      <c r="B65800" s="14" t="s">
        <v>1</v>
      </c>
      <c r="C65800" s="14" t="s">
        <v>38</v>
      </c>
      <c r="D65800" s="14" t="s">
        <v>197</v>
      </c>
      <c r="E65800" s="15">
        <v>45476</v>
      </c>
      <c r="F65800" s="14" t="s">
        <v>15</v>
      </c>
      <c r="G65800" s="16">
        <v>0.7295019607779083</v>
      </c>
    </row>
    <row r="65801" spans="1:7" x14ac:dyDescent="0.3">
      <c r="A65801" s="13" t="s">
        <v>350</v>
      </c>
      <c r="B65801" s="14" t="s">
        <v>1</v>
      </c>
      <c r="C65801" s="14" t="s">
        <v>38</v>
      </c>
      <c r="D65801" s="14" t="s">
        <v>197</v>
      </c>
      <c r="E65801" s="15">
        <v>45477</v>
      </c>
      <c r="F65801" s="14" t="s">
        <v>15</v>
      </c>
      <c r="G65801" s="16">
        <v>0.72477279049998022</v>
      </c>
    </row>
    <row r="65802" spans="1:7" x14ac:dyDescent="0.3">
      <c r="A65802" s="13" t="s">
        <v>350</v>
      </c>
      <c r="B65802" s="14" t="s">
        <v>1</v>
      </c>
      <c r="C65802" s="14" t="s">
        <v>38</v>
      </c>
      <c r="D65802" s="14" t="s">
        <v>197</v>
      </c>
      <c r="E65802" s="15">
        <v>45478</v>
      </c>
      <c r="F65802" s="14" t="s">
        <v>15</v>
      </c>
      <c r="G65802" s="16">
        <v>0.81509383311032624</v>
      </c>
    </row>
    <row r="65803" spans="1:7" x14ac:dyDescent="0.3">
      <c r="A65803" s="13" t="s">
        <v>350</v>
      </c>
      <c r="B65803" s="14" t="s">
        <v>1</v>
      </c>
      <c r="C65803" s="14" t="s">
        <v>38</v>
      </c>
      <c r="D65803" s="14" t="s">
        <v>197</v>
      </c>
      <c r="E65803" s="15">
        <v>45479</v>
      </c>
      <c r="F65803" s="14" t="s">
        <v>15</v>
      </c>
      <c r="G65803" s="16">
        <v>0.81509383311032624</v>
      </c>
    </row>
    <row r="65804" spans="1:7" x14ac:dyDescent="0.3">
      <c r="A65804" s="13" t="s">
        <v>350</v>
      </c>
      <c r="B65804" s="14" t="s">
        <v>1</v>
      </c>
      <c r="C65804" s="14" t="s">
        <v>38</v>
      </c>
      <c r="D65804" s="14" t="s">
        <v>197</v>
      </c>
      <c r="E65804" s="15">
        <v>45480</v>
      </c>
      <c r="F65804" s="14" t="s">
        <v>15</v>
      </c>
      <c r="G65804" s="16">
        <v>0.81509383311032624</v>
      </c>
    </row>
    <row r="65805" spans="1:7" x14ac:dyDescent="0.3">
      <c r="A65805" s="13" t="s">
        <v>350</v>
      </c>
      <c r="B65805" s="14" t="s">
        <v>1</v>
      </c>
      <c r="C65805" s="14" t="s">
        <v>38</v>
      </c>
      <c r="D65805" s="14" t="s">
        <v>197</v>
      </c>
      <c r="E65805" s="15">
        <v>45481</v>
      </c>
      <c r="F65805" s="14" t="s">
        <v>15</v>
      </c>
      <c r="G65805" s="16">
        <v>0.82268613310888339</v>
      </c>
    </row>
    <row r="65806" spans="1:7" x14ac:dyDescent="0.3">
      <c r="A65806" s="13" t="s">
        <v>350</v>
      </c>
      <c r="B65806" s="14" t="s">
        <v>1</v>
      </c>
      <c r="C65806" s="14" t="s">
        <v>38</v>
      </c>
      <c r="D65806" s="14" t="s">
        <v>197</v>
      </c>
      <c r="E65806" s="15">
        <v>45482</v>
      </c>
      <c r="F65806" s="14" t="s">
        <v>15</v>
      </c>
      <c r="G65806" s="16">
        <v>0.80819015184340526</v>
      </c>
    </row>
    <row r="65807" spans="1:7" x14ac:dyDescent="0.3">
      <c r="A65807" s="13" t="s">
        <v>350</v>
      </c>
      <c r="B65807" s="14" t="s">
        <v>1</v>
      </c>
      <c r="C65807" s="14" t="s">
        <v>38</v>
      </c>
      <c r="D65807" s="14" t="s">
        <v>197</v>
      </c>
      <c r="E65807" s="15">
        <v>45483</v>
      </c>
      <c r="F65807" s="14" t="s">
        <v>15</v>
      </c>
      <c r="G65807" s="16">
        <v>0.80334708184753156</v>
      </c>
    </row>
    <row r="65808" spans="1:7" x14ac:dyDescent="0.3">
      <c r="A65808" s="13" t="s">
        <v>350</v>
      </c>
      <c r="B65808" s="14" t="s">
        <v>1</v>
      </c>
      <c r="C65808" s="14" t="s">
        <v>38</v>
      </c>
      <c r="D65808" s="14" t="s">
        <v>197</v>
      </c>
      <c r="E65808" s="15">
        <v>45484</v>
      </c>
      <c r="F65808" s="14" t="s">
        <v>15</v>
      </c>
      <c r="G65808" s="16">
        <v>0.90669221586509596</v>
      </c>
    </row>
    <row r="65809" spans="1:7" x14ac:dyDescent="0.3">
      <c r="A65809" s="13" t="s">
        <v>350</v>
      </c>
      <c r="B65809" s="14" t="s">
        <v>1</v>
      </c>
      <c r="C65809" s="14" t="s">
        <v>38</v>
      </c>
      <c r="D65809" s="14" t="s">
        <v>197</v>
      </c>
      <c r="E65809" s="15">
        <v>45485</v>
      </c>
      <c r="F65809" s="14" t="s">
        <v>15</v>
      </c>
      <c r="G65809" s="16">
        <v>0.92717207133137858</v>
      </c>
    </row>
    <row r="65810" spans="1:7" x14ac:dyDescent="0.3">
      <c r="A65810" s="13" t="s">
        <v>350</v>
      </c>
      <c r="B65810" s="14" t="s">
        <v>1</v>
      </c>
      <c r="C65810" s="14" t="s">
        <v>38</v>
      </c>
      <c r="D65810" s="14" t="s">
        <v>197</v>
      </c>
      <c r="E65810" s="15">
        <v>45486</v>
      </c>
      <c r="F65810" s="14" t="s">
        <v>15</v>
      </c>
      <c r="G65810" s="16">
        <v>0.92717207133137858</v>
      </c>
    </row>
    <row r="65811" spans="1:7" x14ac:dyDescent="0.3">
      <c r="A65811" s="13" t="s">
        <v>350</v>
      </c>
      <c r="B65811" s="14" t="s">
        <v>1</v>
      </c>
      <c r="C65811" s="14" t="s">
        <v>38</v>
      </c>
      <c r="D65811" s="14" t="s">
        <v>197</v>
      </c>
      <c r="E65811" s="15">
        <v>45487</v>
      </c>
      <c r="F65811" s="14" t="s">
        <v>15</v>
      </c>
      <c r="G65811" s="16">
        <v>0.92717207133137858</v>
      </c>
    </row>
    <row r="65812" spans="1:7" x14ac:dyDescent="0.3">
      <c r="A65812" s="13" t="s">
        <v>350</v>
      </c>
      <c r="B65812" s="14" t="s">
        <v>1</v>
      </c>
      <c r="C65812" s="14" t="s">
        <v>38</v>
      </c>
      <c r="D65812" s="14" t="s">
        <v>197</v>
      </c>
      <c r="E65812" s="15">
        <v>45488</v>
      </c>
      <c r="F65812" s="14" t="s">
        <v>15</v>
      </c>
      <c r="G65812" s="16">
        <v>0.92227025495101267</v>
      </c>
    </row>
    <row r="65813" spans="1:7" x14ac:dyDescent="0.3">
      <c r="A65813" s="13" t="s">
        <v>350</v>
      </c>
      <c r="B65813" s="14" t="s">
        <v>1</v>
      </c>
      <c r="C65813" s="14" t="s">
        <v>38</v>
      </c>
      <c r="D65813" s="14" t="s">
        <v>197</v>
      </c>
      <c r="E65813" s="15">
        <v>45489</v>
      </c>
      <c r="F65813" s="14" t="s">
        <v>15</v>
      </c>
      <c r="G65813" s="16">
        <v>0.90764743898384748</v>
      </c>
    </row>
    <row r="65814" spans="1:7" x14ac:dyDescent="0.3">
      <c r="A65814" s="13" t="s">
        <v>350</v>
      </c>
      <c r="B65814" s="14" t="s">
        <v>1</v>
      </c>
      <c r="C65814" s="14" t="s">
        <v>38</v>
      </c>
      <c r="D65814" s="14" t="s">
        <v>197</v>
      </c>
      <c r="E65814" s="15">
        <v>45490</v>
      </c>
      <c r="F65814" s="14" t="s">
        <v>15</v>
      </c>
      <c r="G65814" s="16">
        <v>0.96245368720653912</v>
      </c>
    </row>
    <row r="65815" spans="1:7" x14ac:dyDescent="0.3">
      <c r="A65815" s="13" t="s">
        <v>350</v>
      </c>
      <c r="B65815" s="14" t="s">
        <v>1</v>
      </c>
      <c r="C65815" s="14" t="s">
        <v>38</v>
      </c>
      <c r="D65815" s="14" t="s">
        <v>197</v>
      </c>
      <c r="E65815" s="15">
        <v>45491</v>
      </c>
      <c r="F65815" s="14" t="s">
        <v>15</v>
      </c>
      <c r="G65815" s="16">
        <v>0.95759624500650831</v>
      </c>
    </row>
    <row r="65816" spans="1:7" x14ac:dyDescent="0.3">
      <c r="A65816" s="13" t="s">
        <v>350</v>
      </c>
      <c r="B65816" s="14" t="s">
        <v>1</v>
      </c>
      <c r="C65816" s="14" t="s">
        <v>38</v>
      </c>
      <c r="D65816" s="14" t="s">
        <v>197</v>
      </c>
      <c r="E65816" s="15">
        <v>45492</v>
      </c>
      <c r="F65816" s="14" t="s">
        <v>15</v>
      </c>
      <c r="G65816" s="16">
        <v>0.95274940230704341</v>
      </c>
    </row>
    <row r="65817" spans="1:7" x14ac:dyDescent="0.3">
      <c r="A65817" s="13" t="s">
        <v>350</v>
      </c>
      <c r="B65817" s="14" t="s">
        <v>1</v>
      </c>
      <c r="C65817" s="14" t="s">
        <v>38</v>
      </c>
      <c r="D65817" s="14" t="s">
        <v>197</v>
      </c>
      <c r="E65817" s="15">
        <v>45493</v>
      </c>
      <c r="F65817" s="14" t="s">
        <v>15</v>
      </c>
      <c r="G65817" s="16">
        <v>0.95274940230704341</v>
      </c>
    </row>
    <row r="65818" spans="1:7" x14ac:dyDescent="0.3">
      <c r="A65818" s="13" t="s">
        <v>350</v>
      </c>
      <c r="B65818" s="14" t="s">
        <v>1</v>
      </c>
      <c r="C65818" s="14" t="s">
        <v>38</v>
      </c>
      <c r="D65818" s="14" t="s">
        <v>197</v>
      </c>
      <c r="E65818" s="15">
        <v>45494</v>
      </c>
      <c r="F65818" s="14" t="s">
        <v>15</v>
      </c>
      <c r="G65818" s="16">
        <v>0.95274940230704341</v>
      </c>
    </row>
    <row r="65819" spans="1:7" x14ac:dyDescent="0.3">
      <c r="A65819" s="13" t="s">
        <v>350</v>
      </c>
      <c r="B65819" s="14" t="s">
        <v>1</v>
      </c>
      <c r="C65819" s="14" t="s">
        <v>38</v>
      </c>
      <c r="D65819" s="14" t="s">
        <v>197</v>
      </c>
      <c r="E65819" s="15">
        <v>45495</v>
      </c>
      <c r="F65819" s="14" t="s">
        <v>15</v>
      </c>
      <c r="G65819" s="16">
        <v>0.94794334073687447</v>
      </c>
    </row>
    <row r="65820" spans="1:7" x14ac:dyDescent="0.3">
      <c r="A65820" s="13" t="s">
        <v>350</v>
      </c>
      <c r="B65820" s="14" t="s">
        <v>1</v>
      </c>
      <c r="C65820" s="14" t="s">
        <v>38</v>
      </c>
      <c r="D65820" s="14" t="s">
        <v>197</v>
      </c>
      <c r="E65820" s="15">
        <v>45496</v>
      </c>
      <c r="F65820" s="14" t="s">
        <v>15</v>
      </c>
      <c r="G65820" s="16">
        <v>0.93378025565018641</v>
      </c>
    </row>
    <row r="65821" spans="1:7" x14ac:dyDescent="0.3">
      <c r="A65821" s="13" t="s">
        <v>350</v>
      </c>
      <c r="B65821" s="14" t="s">
        <v>1</v>
      </c>
      <c r="C65821" s="14" t="s">
        <v>38</v>
      </c>
      <c r="D65821" s="14" t="s">
        <v>197</v>
      </c>
      <c r="E65821" s="15">
        <v>45497</v>
      </c>
      <c r="F65821" s="14" t="s">
        <v>15</v>
      </c>
      <c r="G65821" s="16">
        <v>0.92912905457981088</v>
      </c>
    </row>
    <row r="65822" spans="1:7" x14ac:dyDescent="0.3">
      <c r="A65822" s="13" t="s">
        <v>350</v>
      </c>
      <c r="B65822" s="14" t="s">
        <v>1</v>
      </c>
      <c r="C65822" s="14" t="s">
        <v>38</v>
      </c>
      <c r="D65822" s="14" t="s">
        <v>197</v>
      </c>
      <c r="E65822" s="15">
        <v>45498</v>
      </c>
      <c r="F65822" s="14" t="s">
        <v>15</v>
      </c>
      <c r="G65822" s="16">
        <v>0.9244209036504627</v>
      </c>
    </row>
    <row r="65823" spans="1:7" x14ac:dyDescent="0.3">
      <c r="A65823" s="13" t="s">
        <v>350</v>
      </c>
      <c r="B65823" s="14" t="s">
        <v>1</v>
      </c>
      <c r="C65823" s="14" t="s">
        <v>38</v>
      </c>
      <c r="D65823" s="14" t="s">
        <v>197</v>
      </c>
      <c r="E65823" s="15">
        <v>45499</v>
      </c>
      <c r="F65823" s="14" t="s">
        <v>15</v>
      </c>
      <c r="G65823" s="16">
        <v>0.91977796659747746</v>
      </c>
    </row>
    <row r="65824" spans="1:7" x14ac:dyDescent="0.3">
      <c r="A65824" s="13" t="s">
        <v>350</v>
      </c>
      <c r="B65824" s="14" t="s">
        <v>1</v>
      </c>
      <c r="C65824" s="14" t="s">
        <v>38</v>
      </c>
      <c r="D65824" s="14" t="s">
        <v>197</v>
      </c>
      <c r="E65824" s="15">
        <v>45500</v>
      </c>
      <c r="F65824" s="14" t="s">
        <v>15</v>
      </c>
      <c r="G65824" s="16">
        <v>0.91977796659747746</v>
      </c>
    </row>
    <row r="65825" spans="1:7" x14ac:dyDescent="0.3">
      <c r="A65825" s="13" t="s">
        <v>350</v>
      </c>
      <c r="B65825" s="14" t="s">
        <v>1</v>
      </c>
      <c r="C65825" s="14" t="s">
        <v>38</v>
      </c>
      <c r="D65825" s="14" t="s">
        <v>197</v>
      </c>
      <c r="E65825" s="15">
        <v>45501</v>
      </c>
      <c r="F65825" s="14" t="s">
        <v>15</v>
      </c>
      <c r="G65825" s="16">
        <v>0.91977796659747746</v>
      </c>
    </row>
    <row r="65826" spans="1:7" x14ac:dyDescent="0.3">
      <c r="A65826" s="13" t="s">
        <v>350</v>
      </c>
      <c r="B65826" s="14" t="s">
        <v>1</v>
      </c>
      <c r="C65826" s="14" t="s">
        <v>38</v>
      </c>
      <c r="D65826" s="14" t="s">
        <v>197</v>
      </c>
      <c r="E65826" s="15">
        <v>45502</v>
      </c>
      <c r="F65826" s="14" t="s">
        <v>15</v>
      </c>
      <c r="G65826" s="16">
        <v>0.94917613404838175</v>
      </c>
    </row>
    <row r="65827" spans="1:7" x14ac:dyDescent="0.3">
      <c r="A65827" s="13" t="s">
        <v>350</v>
      </c>
      <c r="B65827" s="14" t="s">
        <v>1</v>
      </c>
      <c r="C65827" s="14" t="s">
        <v>38</v>
      </c>
      <c r="D65827" s="14" t="s">
        <v>197</v>
      </c>
      <c r="E65827" s="15">
        <v>45503</v>
      </c>
      <c r="F65827" s="14" t="s">
        <v>15</v>
      </c>
      <c r="G65827" s="16">
        <v>0.9355692532625759</v>
      </c>
    </row>
    <row r="65828" spans="1:7" x14ac:dyDescent="0.3">
      <c r="A65828" s="13" t="s">
        <v>350</v>
      </c>
      <c r="B65828" s="14" t="s">
        <v>1</v>
      </c>
      <c r="C65828" s="14" t="s">
        <v>38</v>
      </c>
      <c r="D65828" s="14" t="s">
        <v>197</v>
      </c>
      <c r="E65828" s="15">
        <v>45504</v>
      </c>
      <c r="F65828" s="14" t="s">
        <v>15</v>
      </c>
      <c r="G65828" s="16">
        <v>0.93103734148670481</v>
      </c>
    </row>
    <row r="65829" spans="1:7" x14ac:dyDescent="0.3">
      <c r="A65829" s="13" t="s">
        <v>350</v>
      </c>
      <c r="B65829" s="14" t="s">
        <v>1</v>
      </c>
      <c r="C65829" s="14" t="s">
        <v>38</v>
      </c>
      <c r="D65829" s="14" t="s">
        <v>197</v>
      </c>
      <c r="E65829" s="15">
        <v>45505</v>
      </c>
      <c r="F65829" s="14" t="s">
        <v>15</v>
      </c>
      <c r="G65829" s="16">
        <v>0.92651728677926337</v>
      </c>
    </row>
    <row r="65830" spans="1:7" x14ac:dyDescent="0.3">
      <c r="A65830" s="13" t="s">
        <v>350</v>
      </c>
      <c r="B65830" s="14" t="s">
        <v>1</v>
      </c>
      <c r="C65830" s="14" t="s">
        <v>38</v>
      </c>
      <c r="D65830" s="14" t="s">
        <v>197</v>
      </c>
      <c r="E65830" s="15">
        <v>45506</v>
      </c>
      <c r="F65830" s="14" t="s">
        <v>15</v>
      </c>
      <c r="G65830" s="16">
        <v>0.92198106334214514</v>
      </c>
    </row>
    <row r="65831" spans="1:7" x14ac:dyDescent="0.3">
      <c r="A65831" s="13" t="s">
        <v>350</v>
      </c>
      <c r="B65831" s="14" t="s">
        <v>1</v>
      </c>
      <c r="C65831" s="14" t="s">
        <v>38</v>
      </c>
      <c r="D65831" s="14" t="s">
        <v>197</v>
      </c>
      <c r="E65831" s="15">
        <v>45507</v>
      </c>
      <c r="F65831" s="14" t="s">
        <v>15</v>
      </c>
      <c r="G65831" s="16">
        <v>0.92198106334214514</v>
      </c>
    </row>
    <row r="65832" spans="1:7" x14ac:dyDescent="0.3">
      <c r="A65832" s="13" t="s">
        <v>350</v>
      </c>
      <c r="B65832" s="14" t="s">
        <v>1</v>
      </c>
      <c r="C65832" s="14" t="s">
        <v>38</v>
      </c>
      <c r="D65832" s="14" t="s">
        <v>197</v>
      </c>
      <c r="E65832" s="15">
        <v>45508</v>
      </c>
      <c r="F65832" s="14" t="s">
        <v>15</v>
      </c>
      <c r="G65832" s="16">
        <v>0.92198106334214514</v>
      </c>
    </row>
    <row r="65833" spans="1:7" x14ac:dyDescent="0.3">
      <c r="A65833" s="13" t="s">
        <v>350</v>
      </c>
      <c r="B65833" s="14" t="s">
        <v>1</v>
      </c>
      <c r="C65833" s="14" t="s">
        <v>38</v>
      </c>
      <c r="D65833" s="14" t="s">
        <v>197</v>
      </c>
      <c r="E65833" s="15">
        <v>45509</v>
      </c>
      <c r="F65833" s="14" t="s">
        <v>15</v>
      </c>
      <c r="G65833" s="16">
        <v>0.92198106334214514</v>
      </c>
    </row>
    <row r="65834" spans="1:7" x14ac:dyDescent="0.3">
      <c r="A65834" s="13" t="s">
        <v>350</v>
      </c>
      <c r="B65834" s="14" t="s">
        <v>1</v>
      </c>
      <c r="C65834" s="14" t="s">
        <v>38</v>
      </c>
      <c r="D65834" s="14" t="s">
        <v>197</v>
      </c>
      <c r="E65834" s="15">
        <v>45510</v>
      </c>
      <c r="F65834" s="14" t="s">
        <v>15</v>
      </c>
      <c r="G65834" s="16">
        <v>0.91737639228272849</v>
      </c>
    </row>
    <row r="65835" spans="1:7" x14ac:dyDescent="0.3">
      <c r="A65835" s="13" t="s">
        <v>350</v>
      </c>
      <c r="B65835" s="14" t="s">
        <v>1</v>
      </c>
      <c r="C65835" s="14" t="s">
        <v>38</v>
      </c>
      <c r="D65835" s="14" t="s">
        <v>197</v>
      </c>
      <c r="E65835" s="15">
        <v>45511</v>
      </c>
      <c r="F65835" s="14" t="s">
        <v>15</v>
      </c>
      <c r="G65835" s="16">
        <v>0.9101777180254963</v>
      </c>
    </row>
    <row r="65836" spans="1:7" x14ac:dyDescent="0.3">
      <c r="A65836" s="13" t="s">
        <v>350</v>
      </c>
      <c r="B65836" s="14" t="s">
        <v>1</v>
      </c>
      <c r="C65836" s="14" t="s">
        <v>38</v>
      </c>
      <c r="D65836" s="14" t="s">
        <v>197</v>
      </c>
      <c r="E65836" s="15">
        <v>45512</v>
      </c>
      <c r="F65836" s="14" t="s">
        <v>15</v>
      </c>
      <c r="G65836" s="16">
        <v>0.90591690195053964</v>
      </c>
    </row>
    <row r="65837" spans="1:7" x14ac:dyDescent="0.3">
      <c r="A65837" s="13" t="s">
        <v>350</v>
      </c>
      <c r="B65837" s="14" t="s">
        <v>1</v>
      </c>
      <c r="C65837" s="14" t="s">
        <v>38</v>
      </c>
      <c r="D65837" s="14" t="s">
        <v>197</v>
      </c>
      <c r="E65837" s="15">
        <v>45513</v>
      </c>
      <c r="F65837" s="14" t="s">
        <v>15</v>
      </c>
      <c r="G65837" s="16">
        <v>0.90591690195053964</v>
      </c>
    </row>
    <row r="65838" spans="1:7" x14ac:dyDescent="0.3">
      <c r="A65838" s="13" t="s">
        <v>350</v>
      </c>
      <c r="B65838" s="14" t="s">
        <v>1</v>
      </c>
      <c r="C65838" s="14" t="s">
        <v>38</v>
      </c>
      <c r="D65838" s="14" t="s">
        <v>197</v>
      </c>
      <c r="E65838" s="15">
        <v>45514</v>
      </c>
      <c r="F65838" s="14" t="s">
        <v>15</v>
      </c>
      <c r="G65838" s="16">
        <v>0.90591690195053964</v>
      </c>
    </row>
    <row r="65839" spans="1:7" x14ac:dyDescent="0.3">
      <c r="A65839" s="13" t="s">
        <v>350</v>
      </c>
      <c r="B65839" s="14" t="s">
        <v>1</v>
      </c>
      <c r="C65839" s="14" t="s">
        <v>38</v>
      </c>
      <c r="D65839" s="14" t="s">
        <v>197</v>
      </c>
      <c r="E65839" s="15">
        <v>45515</v>
      </c>
      <c r="F65839" s="14" t="s">
        <v>15</v>
      </c>
      <c r="G65839" s="16">
        <v>0.90591690195053964</v>
      </c>
    </row>
    <row r="65840" spans="1:7" x14ac:dyDescent="0.3">
      <c r="A65840" s="13" t="s">
        <v>350</v>
      </c>
      <c r="B65840" s="14" t="s">
        <v>1</v>
      </c>
      <c r="C65840" s="14" t="s">
        <v>38</v>
      </c>
      <c r="D65840" s="14" t="s">
        <v>197</v>
      </c>
      <c r="E65840" s="15">
        <v>45516</v>
      </c>
      <c r="F65840" s="14" t="s">
        <v>15</v>
      </c>
      <c r="G65840" s="16">
        <v>0.90154101192818437</v>
      </c>
    </row>
    <row r="65841" spans="1:7" x14ac:dyDescent="0.3">
      <c r="A65841" s="13" t="s">
        <v>350</v>
      </c>
      <c r="B65841" s="14" t="s">
        <v>1</v>
      </c>
      <c r="C65841" s="14" t="s">
        <v>38</v>
      </c>
      <c r="D65841" s="14" t="s">
        <v>197</v>
      </c>
      <c r="E65841" s="15">
        <v>45517</v>
      </c>
      <c r="F65841" s="14" t="s">
        <v>15</v>
      </c>
      <c r="G65841" s="16">
        <v>0.99487891285683905</v>
      </c>
    </row>
    <row r="65842" spans="1:7" x14ac:dyDescent="0.3">
      <c r="A65842" s="13" t="s">
        <v>350</v>
      </c>
      <c r="B65842" s="14" t="s">
        <v>1</v>
      </c>
      <c r="C65842" s="14" t="s">
        <v>38</v>
      </c>
      <c r="D65842" s="14" t="s">
        <v>197</v>
      </c>
      <c r="E65842" s="15">
        <v>45518</v>
      </c>
      <c r="F65842" s="14" t="s">
        <v>15</v>
      </c>
      <c r="G65842" s="16">
        <v>1.054089193625616</v>
      </c>
    </row>
    <row r="65843" spans="1:7" x14ac:dyDescent="0.3">
      <c r="A65843" s="13" t="s">
        <v>350</v>
      </c>
      <c r="B65843" s="14" t="s">
        <v>1</v>
      </c>
      <c r="C65843" s="14" t="s">
        <v>38</v>
      </c>
      <c r="D65843" s="14" t="s">
        <v>197</v>
      </c>
      <c r="E65843" s="15">
        <v>45519</v>
      </c>
      <c r="F65843" s="14" t="s">
        <v>15</v>
      </c>
      <c r="G65843" s="16">
        <v>1.0496090006010259</v>
      </c>
    </row>
    <row r="65844" spans="1:7" x14ac:dyDescent="0.3">
      <c r="A65844" s="13" t="s">
        <v>350</v>
      </c>
      <c r="B65844" s="14" t="s">
        <v>1</v>
      </c>
      <c r="C65844" s="14" t="s">
        <v>38</v>
      </c>
      <c r="D65844" s="14" t="s">
        <v>197</v>
      </c>
      <c r="E65844" s="15">
        <v>45520</v>
      </c>
      <c r="F65844" s="14" t="s">
        <v>15</v>
      </c>
      <c r="G65844" s="16">
        <v>1.1843187477733628</v>
      </c>
    </row>
    <row r="65845" spans="1:7" x14ac:dyDescent="0.3">
      <c r="A65845" s="13" t="s">
        <v>350</v>
      </c>
      <c r="B65845" s="14" t="s">
        <v>1</v>
      </c>
      <c r="C65845" s="14" t="s">
        <v>38</v>
      </c>
      <c r="D65845" s="14" t="s">
        <v>197</v>
      </c>
      <c r="E65845" s="15">
        <v>45521</v>
      </c>
      <c r="F65845" s="14" t="s">
        <v>15</v>
      </c>
      <c r="G65845" s="16">
        <v>1.1843187477733628</v>
      </c>
    </row>
    <row r="65846" spans="1:7" x14ac:dyDescent="0.3">
      <c r="A65846" s="13" t="s">
        <v>350</v>
      </c>
      <c r="B65846" s="14" t="s">
        <v>1</v>
      </c>
      <c r="C65846" s="14" t="s">
        <v>38</v>
      </c>
      <c r="D65846" s="14" t="s">
        <v>197</v>
      </c>
      <c r="E65846" s="15">
        <v>45522</v>
      </c>
      <c r="F65846" s="14" t="s">
        <v>15</v>
      </c>
      <c r="G65846" s="16">
        <v>1.1843187477733628</v>
      </c>
    </row>
    <row r="65847" spans="1:7" x14ac:dyDescent="0.3">
      <c r="A65847" s="13" t="s">
        <v>350</v>
      </c>
      <c r="B65847" s="14" t="s">
        <v>1</v>
      </c>
      <c r="C65847" s="14" t="s">
        <v>38</v>
      </c>
      <c r="D65847" s="14" t="s">
        <v>197</v>
      </c>
      <c r="E65847" s="15">
        <v>45523</v>
      </c>
      <c r="F65847" s="14" t="s">
        <v>15</v>
      </c>
      <c r="G65847" s="16">
        <v>1.1797916385334815</v>
      </c>
    </row>
    <row r="65848" spans="1:7" x14ac:dyDescent="0.3">
      <c r="A65848" s="13" t="s">
        <v>350</v>
      </c>
      <c r="B65848" s="14" t="s">
        <v>1</v>
      </c>
      <c r="C65848" s="14" t="s">
        <v>38</v>
      </c>
      <c r="D65848" s="14" t="s">
        <v>197</v>
      </c>
      <c r="E65848" s="15">
        <v>45524</v>
      </c>
      <c r="F65848" s="14" t="s">
        <v>15</v>
      </c>
      <c r="G65848" s="16">
        <v>1.1659398811652149</v>
      </c>
    </row>
    <row r="65849" spans="1:7" x14ac:dyDescent="0.3">
      <c r="A65849" s="13" t="s">
        <v>350</v>
      </c>
      <c r="B65849" s="14" t="s">
        <v>1</v>
      </c>
      <c r="C65849" s="14" t="s">
        <v>38</v>
      </c>
      <c r="D65849" s="14" t="s">
        <v>197</v>
      </c>
      <c r="E65849" s="15">
        <v>45525</v>
      </c>
      <c r="F65849" s="14" t="s">
        <v>15</v>
      </c>
      <c r="G65849" s="16">
        <v>1.1612889372798227</v>
      </c>
    </row>
    <row r="65850" spans="1:7" x14ac:dyDescent="0.3">
      <c r="A65850" s="13" t="s">
        <v>350</v>
      </c>
      <c r="B65850" s="14" t="s">
        <v>1</v>
      </c>
      <c r="C65850" s="14" t="s">
        <v>38</v>
      </c>
      <c r="D65850" s="14" t="s">
        <v>197</v>
      </c>
      <c r="E65850" s="15">
        <v>45526</v>
      </c>
      <c r="F65850" s="14" t="s">
        <v>15</v>
      </c>
      <c r="G65850" s="16">
        <v>1.1566194685368909</v>
      </c>
    </row>
    <row r="65851" spans="1:7" x14ac:dyDescent="0.3">
      <c r="A65851" s="13" t="s">
        <v>350</v>
      </c>
      <c r="B65851" s="14" t="s">
        <v>1</v>
      </c>
      <c r="C65851" s="14" t="s">
        <v>38</v>
      </c>
      <c r="D65851" s="14" t="s">
        <v>197</v>
      </c>
      <c r="E65851" s="15">
        <v>45527</v>
      </c>
      <c r="F65851" s="14" t="s">
        <v>15</v>
      </c>
      <c r="G65851" s="16">
        <v>1.1519852042977667</v>
      </c>
    </row>
    <row r="65852" spans="1:7" x14ac:dyDescent="0.3">
      <c r="A65852" s="13" t="s">
        <v>350</v>
      </c>
      <c r="B65852" s="14" t="s">
        <v>1</v>
      </c>
      <c r="C65852" s="14" t="s">
        <v>38</v>
      </c>
      <c r="D65852" s="14" t="s">
        <v>197</v>
      </c>
      <c r="E65852" s="15">
        <v>45528</v>
      </c>
      <c r="F65852" s="14" t="s">
        <v>15</v>
      </c>
      <c r="G65852" s="16">
        <v>1.1519852042977667</v>
      </c>
    </row>
    <row r="65853" spans="1:7" x14ac:dyDescent="0.3">
      <c r="A65853" s="13" t="s">
        <v>350</v>
      </c>
      <c r="B65853" s="14" t="s">
        <v>1</v>
      </c>
      <c r="C65853" s="14" t="s">
        <v>38</v>
      </c>
      <c r="D65853" s="14" t="s">
        <v>197</v>
      </c>
      <c r="E65853" s="15">
        <v>45529</v>
      </c>
      <c r="F65853" s="14" t="s">
        <v>15</v>
      </c>
      <c r="G65853" s="16">
        <v>1.1519852042977667</v>
      </c>
    </row>
    <row r="65854" spans="1:7" x14ac:dyDescent="0.3">
      <c r="A65854" s="13" t="s">
        <v>350</v>
      </c>
      <c r="B65854" s="14" t="s">
        <v>1</v>
      </c>
      <c r="C65854" s="14" t="s">
        <v>38</v>
      </c>
      <c r="D65854" s="14" t="s">
        <v>197</v>
      </c>
      <c r="E65854" s="15">
        <v>45530</v>
      </c>
      <c r="F65854" s="14" t="s">
        <v>15</v>
      </c>
      <c r="G65854" s="16">
        <v>1.1473300353839591</v>
      </c>
    </row>
    <row r="65855" spans="1:7" x14ac:dyDescent="0.3">
      <c r="A65855" s="13" t="s">
        <v>350</v>
      </c>
      <c r="B65855" s="14" t="s">
        <v>1</v>
      </c>
      <c r="C65855" s="14" t="s">
        <v>38</v>
      </c>
      <c r="D65855" s="14" t="s">
        <v>197</v>
      </c>
      <c r="E65855" s="15">
        <v>45531</v>
      </c>
      <c r="F65855" s="14" t="s">
        <v>15</v>
      </c>
      <c r="G65855" s="16">
        <v>1.1770421516497325</v>
      </c>
    </row>
    <row r="65856" spans="1:7" x14ac:dyDescent="0.3">
      <c r="A65856" s="13" t="s">
        <v>350</v>
      </c>
      <c r="B65856" s="14" t="s">
        <v>1</v>
      </c>
      <c r="C65856" s="14" t="s">
        <v>38</v>
      </c>
      <c r="D65856" s="14" t="s">
        <v>197</v>
      </c>
      <c r="E65856" s="15">
        <v>45532</v>
      </c>
      <c r="F65856" s="14" t="s">
        <v>15</v>
      </c>
      <c r="G65856" s="16">
        <v>1.1724108737927059</v>
      </c>
    </row>
    <row r="65857" spans="1:7" x14ac:dyDescent="0.3">
      <c r="A65857" s="13" t="s">
        <v>350</v>
      </c>
      <c r="B65857" s="14" t="s">
        <v>1</v>
      </c>
      <c r="C65857" s="14" t="s">
        <v>38</v>
      </c>
      <c r="D65857" s="14" t="s">
        <v>197</v>
      </c>
      <c r="E65857" s="15">
        <v>45533</v>
      </c>
      <c r="F65857" s="14" t="s">
        <v>15</v>
      </c>
      <c r="G65857" s="16">
        <v>1.1677636685644919</v>
      </c>
    </row>
    <row r="65858" spans="1:7" x14ac:dyDescent="0.3">
      <c r="A65858" s="13" t="s">
        <v>350</v>
      </c>
      <c r="B65858" s="14" t="s">
        <v>1</v>
      </c>
      <c r="C65858" s="14" t="s">
        <v>38</v>
      </c>
      <c r="D65858" s="14" t="s">
        <v>197</v>
      </c>
      <c r="E65858" s="15">
        <v>45534</v>
      </c>
      <c r="F65858" s="14" t="s">
        <v>15</v>
      </c>
      <c r="G65858" s="16">
        <v>1.1631164633362778</v>
      </c>
    </row>
    <row r="65859" spans="1:7" x14ac:dyDescent="0.3">
      <c r="A65859" s="13" t="s">
        <v>350</v>
      </c>
      <c r="B65859" s="14" t="s">
        <v>1</v>
      </c>
      <c r="C65859" s="14" t="s">
        <v>38</v>
      </c>
      <c r="D65859" s="14" t="s">
        <v>197</v>
      </c>
      <c r="E65859" s="15">
        <v>45535</v>
      </c>
      <c r="F65859" s="14" t="s">
        <v>15</v>
      </c>
      <c r="G65859" s="16">
        <v>1.1631164633362778</v>
      </c>
    </row>
    <row r="65860" spans="1:7" x14ac:dyDescent="0.3">
      <c r="A65860" s="13" t="s">
        <v>350</v>
      </c>
      <c r="B65860" s="14" t="s">
        <v>1</v>
      </c>
      <c r="C65860" s="14" t="s">
        <v>38</v>
      </c>
      <c r="D65860" s="14" t="s">
        <v>197</v>
      </c>
      <c r="E65860" s="15">
        <v>45536</v>
      </c>
      <c r="F65860" s="14" t="s">
        <v>15</v>
      </c>
      <c r="G65860" s="16">
        <v>1.1631164633362778</v>
      </c>
    </row>
    <row r="65861" spans="1:7" x14ac:dyDescent="0.3">
      <c r="A65861" s="13" t="s">
        <v>350</v>
      </c>
      <c r="B65861" s="14" t="s">
        <v>1</v>
      </c>
      <c r="C65861" s="14" t="s">
        <v>38</v>
      </c>
      <c r="D65861" s="14" t="s">
        <v>197</v>
      </c>
      <c r="E65861" s="15">
        <v>45537</v>
      </c>
      <c r="F65861" s="14" t="s">
        <v>15</v>
      </c>
      <c r="G65861" s="16">
        <v>1.1584666699102459</v>
      </c>
    </row>
    <row r="65862" spans="1:7" x14ac:dyDescent="0.3">
      <c r="A65862" s="13" t="s">
        <v>350</v>
      </c>
      <c r="B65862" s="14" t="s">
        <v>1</v>
      </c>
      <c r="C65862" s="14" t="s">
        <v>38</v>
      </c>
      <c r="D65862" s="14" t="s">
        <v>197</v>
      </c>
      <c r="E65862" s="15">
        <v>45538</v>
      </c>
      <c r="F65862" s="14" t="s">
        <v>15</v>
      </c>
      <c r="G65862" s="16">
        <v>1.1444910024697199</v>
      </c>
    </row>
    <row r="65863" spans="1:7" x14ac:dyDescent="0.3">
      <c r="A65863" s="13" t="s">
        <v>350</v>
      </c>
      <c r="B65863" s="14" t="s">
        <v>1</v>
      </c>
      <c r="C65863" s="14" t="s">
        <v>38</v>
      </c>
      <c r="D65863" s="14" t="s">
        <v>197</v>
      </c>
      <c r="E65863" s="15">
        <v>45539</v>
      </c>
      <c r="F65863" s="14" t="s">
        <v>15</v>
      </c>
      <c r="G65863" s="16">
        <v>1.1398240871196617</v>
      </c>
    </row>
    <row r="65864" spans="1:7" x14ac:dyDescent="0.3">
      <c r="A65864" s="13" t="s">
        <v>350</v>
      </c>
      <c r="B65864" s="14" t="s">
        <v>1</v>
      </c>
      <c r="C65864" s="14" t="s">
        <v>38</v>
      </c>
      <c r="D65864" s="14" t="s">
        <v>197</v>
      </c>
      <c r="E65864" s="15">
        <v>45540</v>
      </c>
      <c r="F65864" s="14" t="s">
        <v>15</v>
      </c>
      <c r="G65864" s="16">
        <v>1.1351936056311944</v>
      </c>
    </row>
    <row r="65865" spans="1:7" x14ac:dyDescent="0.3">
      <c r="A65865" s="13" t="s">
        <v>350</v>
      </c>
      <c r="B65865" s="14" t="s">
        <v>1</v>
      </c>
      <c r="C65865" s="14" t="s">
        <v>38</v>
      </c>
      <c r="D65865" s="14" t="s">
        <v>197</v>
      </c>
      <c r="E65865" s="15">
        <v>45541</v>
      </c>
      <c r="F65865" s="14" t="s">
        <v>15</v>
      </c>
      <c r="G65865" s="16">
        <v>1.14799622918374</v>
      </c>
    </row>
    <row r="65866" spans="1:7" x14ac:dyDescent="0.3">
      <c r="A65866" s="13" t="s">
        <v>350</v>
      </c>
      <c r="B65866" s="14" t="s">
        <v>1</v>
      </c>
      <c r="C65866" s="14" t="s">
        <v>38</v>
      </c>
      <c r="D65866" s="14" t="s">
        <v>197</v>
      </c>
      <c r="E65866" s="15">
        <v>45542</v>
      </c>
      <c r="F65866" s="14" t="s">
        <v>15</v>
      </c>
      <c r="G65866" s="16">
        <v>1.14799622918374</v>
      </c>
    </row>
    <row r="65867" spans="1:7" x14ac:dyDescent="0.3">
      <c r="A65867" s="13" t="s">
        <v>350</v>
      </c>
      <c r="B65867" s="14" t="s">
        <v>1</v>
      </c>
      <c r="C65867" s="14" t="s">
        <v>38</v>
      </c>
      <c r="D65867" s="14" t="s">
        <v>197</v>
      </c>
      <c r="E65867" s="15">
        <v>45543</v>
      </c>
      <c r="F65867" s="14" t="s">
        <v>15</v>
      </c>
      <c r="G65867" s="16">
        <v>1.14799622918374</v>
      </c>
    </row>
    <row r="65868" spans="1:7" x14ac:dyDescent="0.3">
      <c r="A65868" s="13" t="s">
        <v>350</v>
      </c>
      <c r="B65868" s="14" t="s">
        <v>1</v>
      </c>
      <c r="C65868" s="14" t="s">
        <v>38</v>
      </c>
      <c r="D65868" s="14" t="s">
        <v>197</v>
      </c>
      <c r="E65868" s="15">
        <v>45544</v>
      </c>
      <c r="F65868" s="14" t="s">
        <v>15</v>
      </c>
      <c r="G65868" s="16">
        <v>1.1557689889153095</v>
      </c>
    </row>
    <row r="65869" spans="1:7" x14ac:dyDescent="0.3">
      <c r="A65869" s="13" t="s">
        <v>350</v>
      </c>
      <c r="B65869" s="14" t="s">
        <v>1</v>
      </c>
      <c r="C65869" s="14" t="s">
        <v>38</v>
      </c>
      <c r="D65869" s="14" t="s">
        <v>197</v>
      </c>
      <c r="E65869" s="15">
        <v>45545</v>
      </c>
      <c r="F65869" s="14" t="s">
        <v>15</v>
      </c>
      <c r="G65869" s="16">
        <v>1.2098726796017247</v>
      </c>
    </row>
    <row r="65870" spans="1:7" x14ac:dyDescent="0.3">
      <c r="A65870" s="13" t="s">
        <v>350</v>
      </c>
      <c r="B65870" s="14" t="s">
        <v>1</v>
      </c>
      <c r="C65870" s="14" t="s">
        <v>38</v>
      </c>
      <c r="D65870" s="14" t="s">
        <v>197</v>
      </c>
      <c r="E65870" s="15">
        <v>45546</v>
      </c>
      <c r="F65870" s="14" t="s">
        <v>15</v>
      </c>
      <c r="G65870" s="16">
        <v>1.2053787753211893</v>
      </c>
    </row>
    <row r="65871" spans="1:7" x14ac:dyDescent="0.3">
      <c r="A65871" s="13" t="s">
        <v>350</v>
      </c>
      <c r="B65871" s="14" t="s">
        <v>1</v>
      </c>
      <c r="C65871" s="14" t="s">
        <v>38</v>
      </c>
      <c r="D65871" s="14" t="s">
        <v>197</v>
      </c>
      <c r="E65871" s="15">
        <v>45547</v>
      </c>
      <c r="F65871" s="14" t="s">
        <v>15</v>
      </c>
      <c r="G65871" s="16">
        <v>1.2660871486547338</v>
      </c>
    </row>
    <row r="65872" spans="1:7" x14ac:dyDescent="0.3">
      <c r="A65872" s="13" t="s">
        <v>350</v>
      </c>
      <c r="B65872" s="14" t="s">
        <v>1</v>
      </c>
      <c r="C65872" s="14" t="s">
        <v>38</v>
      </c>
      <c r="D65872" s="14" t="s">
        <v>197</v>
      </c>
      <c r="E65872" s="15">
        <v>45548</v>
      </c>
      <c r="F65872" s="14" t="s">
        <v>15</v>
      </c>
      <c r="G65872" s="16">
        <v>1.3333327124000005</v>
      </c>
    </row>
    <row r="65873" spans="1:7" x14ac:dyDescent="0.3">
      <c r="A65873" s="13" t="s">
        <v>350</v>
      </c>
      <c r="B65873" s="14" t="s">
        <v>1</v>
      </c>
      <c r="C65873" s="14" t="s">
        <v>38</v>
      </c>
      <c r="D65873" s="14" t="s">
        <v>197</v>
      </c>
      <c r="E65873" s="15">
        <v>45549</v>
      </c>
      <c r="F65873" s="14" t="s">
        <v>15</v>
      </c>
      <c r="G65873" s="16">
        <v>1.3333327124000005</v>
      </c>
    </row>
    <row r="65874" spans="1:7" x14ac:dyDescent="0.3">
      <c r="A65874" s="13" t="s">
        <v>350</v>
      </c>
      <c r="B65874" s="14" t="s">
        <v>1</v>
      </c>
      <c r="C65874" s="14" t="s">
        <v>38</v>
      </c>
      <c r="D65874" s="14" t="s">
        <v>197</v>
      </c>
      <c r="E65874" s="15">
        <v>45550</v>
      </c>
      <c r="F65874" s="14" t="s">
        <v>15</v>
      </c>
      <c r="G65874" s="16">
        <v>1.3333327124000005</v>
      </c>
    </row>
    <row r="65875" spans="1:7" x14ac:dyDescent="0.3">
      <c r="A65875" s="13" t="s">
        <v>350</v>
      </c>
      <c r="B65875" s="14" t="s">
        <v>1</v>
      </c>
      <c r="C65875" s="14" t="s">
        <v>38</v>
      </c>
      <c r="D65875" s="14" t="s">
        <v>197</v>
      </c>
      <c r="E65875" s="15">
        <v>45551</v>
      </c>
      <c r="F65875" s="14" t="s">
        <v>15</v>
      </c>
      <c r="G65875" s="16">
        <v>1.3500705911886699</v>
      </c>
    </row>
    <row r="65876" spans="1:7" x14ac:dyDescent="0.3">
      <c r="A65876" s="13" t="s">
        <v>350</v>
      </c>
      <c r="B65876" s="14" t="s">
        <v>1</v>
      </c>
      <c r="C65876" s="14" t="s">
        <v>38</v>
      </c>
      <c r="D65876" s="14" t="s">
        <v>197</v>
      </c>
      <c r="E65876" s="15">
        <v>45552</v>
      </c>
      <c r="F65876" s="14" t="s">
        <v>15</v>
      </c>
      <c r="G65876" s="16">
        <v>1.3363720600068041</v>
      </c>
    </row>
    <row r="65877" spans="1:7" x14ac:dyDescent="0.3">
      <c r="A65877" s="13" t="s">
        <v>350</v>
      </c>
      <c r="B65877" s="14" t="s">
        <v>1</v>
      </c>
      <c r="C65877" s="14" t="s">
        <v>38</v>
      </c>
      <c r="D65877" s="14" t="s">
        <v>197</v>
      </c>
      <c r="E65877" s="15">
        <v>45553</v>
      </c>
      <c r="F65877" s="14" t="s">
        <v>15</v>
      </c>
      <c r="G65877" s="16">
        <v>1.33178816607906</v>
      </c>
    </row>
    <row r="65878" spans="1:7" x14ac:dyDescent="0.3">
      <c r="A65878" s="13" t="s">
        <v>350</v>
      </c>
      <c r="B65878" s="14" t="s">
        <v>1</v>
      </c>
      <c r="C65878" s="14" t="s">
        <v>38</v>
      </c>
      <c r="D65878" s="14" t="s">
        <v>197</v>
      </c>
      <c r="E65878" s="15">
        <v>45554</v>
      </c>
      <c r="F65878" s="14" t="s">
        <v>15</v>
      </c>
      <c r="G65878" s="16">
        <v>1.327185557490171</v>
      </c>
    </row>
    <row r="65879" spans="1:7" x14ac:dyDescent="0.3">
      <c r="A65879" s="13" t="s">
        <v>350</v>
      </c>
      <c r="B65879" s="14" t="s">
        <v>1</v>
      </c>
      <c r="C65879" s="14" t="s">
        <v>38</v>
      </c>
      <c r="D65879" s="14" t="s">
        <v>197</v>
      </c>
      <c r="E65879" s="15">
        <v>45555</v>
      </c>
      <c r="F65879" s="14" t="s">
        <v>15</v>
      </c>
      <c r="G65879" s="16">
        <v>1.3226130118143975</v>
      </c>
    </row>
    <row r="65880" spans="1:7" x14ac:dyDescent="0.3">
      <c r="A65880" s="13" t="s">
        <v>350</v>
      </c>
      <c r="B65880" s="14" t="s">
        <v>1</v>
      </c>
      <c r="C65880" s="14" t="s">
        <v>38</v>
      </c>
      <c r="D65880" s="14" t="s">
        <v>197</v>
      </c>
      <c r="E65880" s="15">
        <v>45556</v>
      </c>
      <c r="F65880" s="14" t="s">
        <v>15</v>
      </c>
      <c r="G65880" s="16">
        <v>1.3226130118143975</v>
      </c>
    </row>
    <row r="65881" spans="1:7" x14ac:dyDescent="0.3">
      <c r="A65881" s="13" t="s">
        <v>350</v>
      </c>
      <c r="B65881" s="14" t="s">
        <v>1</v>
      </c>
      <c r="C65881" s="14" t="s">
        <v>38</v>
      </c>
      <c r="D65881" s="14" t="s">
        <v>197</v>
      </c>
      <c r="E65881" s="15">
        <v>45557</v>
      </c>
      <c r="F65881" s="14" t="s">
        <v>15</v>
      </c>
      <c r="G65881" s="16">
        <v>1.3226130118143975</v>
      </c>
    </row>
    <row r="65882" spans="1:7" x14ac:dyDescent="0.3">
      <c r="A65882" s="13" t="s">
        <v>350</v>
      </c>
      <c r="B65882" s="14" t="s">
        <v>1</v>
      </c>
      <c r="C65882" s="14" t="s">
        <v>38</v>
      </c>
      <c r="D65882" s="14" t="s">
        <v>197</v>
      </c>
      <c r="E65882" s="15">
        <v>45558</v>
      </c>
      <c r="F65882" s="14" t="s">
        <v>15</v>
      </c>
      <c r="G65882" s="16">
        <v>1.3179675984154422</v>
      </c>
    </row>
    <row r="65883" spans="1:7" x14ac:dyDescent="0.3">
      <c r="A65883" s="13" t="s">
        <v>350</v>
      </c>
      <c r="B65883" s="14" t="s">
        <v>1</v>
      </c>
      <c r="C65883" s="14" t="s">
        <v>38</v>
      </c>
      <c r="D65883" s="14" t="s">
        <v>197</v>
      </c>
      <c r="E65883" s="15">
        <v>45559</v>
      </c>
      <c r="F65883" s="14" t="s">
        <v>15</v>
      </c>
      <c r="G65883" s="16">
        <v>1.3039375788207392</v>
      </c>
    </row>
    <row r="65884" spans="1:7" x14ac:dyDescent="0.3">
      <c r="A65884" s="13" t="s">
        <v>350</v>
      </c>
      <c r="B65884" s="14" t="s">
        <v>1</v>
      </c>
      <c r="C65884" s="14" t="s">
        <v>38</v>
      </c>
      <c r="D65884" s="14" t="s">
        <v>197</v>
      </c>
      <c r="E65884" s="15">
        <v>45560</v>
      </c>
      <c r="F65884" s="14" t="s">
        <v>15</v>
      </c>
      <c r="G65884" s="16">
        <v>1.299255134283773</v>
      </c>
    </row>
    <row r="65885" spans="1:7" x14ac:dyDescent="0.3">
      <c r="A65885" s="13" t="s">
        <v>350</v>
      </c>
      <c r="B65885" s="14" t="s">
        <v>1</v>
      </c>
      <c r="C65885" s="14" t="s">
        <v>38</v>
      </c>
      <c r="D65885" s="14" t="s">
        <v>197</v>
      </c>
      <c r="E65885" s="15">
        <v>45561</v>
      </c>
      <c r="F65885" s="14" t="s">
        <v>15</v>
      </c>
      <c r="G65885" s="16">
        <v>1.2945161475790916</v>
      </c>
    </row>
    <row r="65886" spans="1:7" x14ac:dyDescent="0.3">
      <c r="A65886" s="13" t="s">
        <v>350</v>
      </c>
      <c r="B65886" s="14" t="s">
        <v>1</v>
      </c>
      <c r="C65886" s="14" t="s">
        <v>38</v>
      </c>
      <c r="D65886" s="14" t="s">
        <v>197</v>
      </c>
      <c r="E65886" s="15">
        <v>45562</v>
      </c>
      <c r="F65886" s="14" t="s">
        <v>15</v>
      </c>
      <c r="G65886" s="16">
        <v>1.2897693962809564</v>
      </c>
    </row>
    <row r="65887" spans="1:7" x14ac:dyDescent="0.3">
      <c r="A65887" s="13" t="s">
        <v>350</v>
      </c>
      <c r="B65887" s="14" t="s">
        <v>1</v>
      </c>
      <c r="C65887" s="14" t="s">
        <v>38</v>
      </c>
      <c r="D65887" s="14" t="s">
        <v>197</v>
      </c>
      <c r="E65887" s="15">
        <v>45563</v>
      </c>
      <c r="F65887" s="14" t="s">
        <v>15</v>
      </c>
      <c r="G65887" s="16">
        <v>1.2897693962809564</v>
      </c>
    </row>
    <row r="65888" spans="1:7" x14ac:dyDescent="0.3">
      <c r="A65888" s="13" t="s">
        <v>350</v>
      </c>
      <c r="B65888" s="14" t="s">
        <v>1</v>
      </c>
      <c r="C65888" s="14" t="s">
        <v>38</v>
      </c>
      <c r="D65888" s="14" t="s">
        <v>197</v>
      </c>
      <c r="E65888" s="15">
        <v>45564</v>
      </c>
      <c r="F65888" s="14" t="s">
        <v>15</v>
      </c>
      <c r="G65888" s="16">
        <v>1.2897693962809564</v>
      </c>
    </row>
    <row r="65889" spans="1:7" x14ac:dyDescent="0.3">
      <c r="A65889" s="13" t="s">
        <v>350</v>
      </c>
      <c r="B65889" s="14" t="s">
        <v>1</v>
      </c>
      <c r="C65889" s="14" t="s">
        <v>38</v>
      </c>
      <c r="D65889" s="14" t="s">
        <v>197</v>
      </c>
      <c r="E65889" s="15">
        <v>45565</v>
      </c>
      <c r="F65889" s="14" t="s">
        <v>15</v>
      </c>
      <c r="G65889" s="16">
        <v>1.3047425223420632</v>
      </c>
    </row>
    <row r="65890" spans="1:7" x14ac:dyDescent="0.3">
      <c r="A65890" s="13" t="s">
        <v>350</v>
      </c>
      <c r="B65890" s="14" t="s">
        <v>1</v>
      </c>
      <c r="C65890" s="14" t="s">
        <v>38</v>
      </c>
      <c r="D65890" s="14" t="s">
        <v>197</v>
      </c>
      <c r="E65890" s="15">
        <v>45566</v>
      </c>
      <c r="F65890" s="14" t="s">
        <v>15</v>
      </c>
      <c r="G65890" s="16">
        <v>1.2901640039020947</v>
      </c>
    </row>
    <row r="65891" spans="1:7" x14ac:dyDescent="0.3">
      <c r="A65891" s="13" t="s">
        <v>350</v>
      </c>
      <c r="B65891" s="14" t="s">
        <v>1</v>
      </c>
      <c r="C65891" s="14" t="s">
        <v>38</v>
      </c>
      <c r="D65891" s="14" t="s">
        <v>197</v>
      </c>
      <c r="E65891" s="15">
        <v>45567</v>
      </c>
      <c r="F65891" s="14" t="s">
        <v>15</v>
      </c>
      <c r="G65891" s="16">
        <v>1.2853772350838515</v>
      </c>
    </row>
    <row r="65892" spans="1:7" x14ac:dyDescent="0.3">
      <c r="A65892" s="13" t="s">
        <v>350</v>
      </c>
      <c r="B65892" s="14" t="s">
        <v>1</v>
      </c>
      <c r="C65892" s="14" t="s">
        <v>38</v>
      </c>
      <c r="D65892" s="14" t="s">
        <v>197</v>
      </c>
      <c r="E65892" s="15">
        <v>45568</v>
      </c>
      <c r="F65892" s="14" t="s">
        <v>15</v>
      </c>
      <c r="G65892" s="16">
        <v>1.2805468650869825</v>
      </c>
    </row>
    <row r="65893" spans="1:7" x14ac:dyDescent="0.3">
      <c r="A65893" s="13" t="s">
        <v>350</v>
      </c>
      <c r="B65893" s="14" t="s">
        <v>1</v>
      </c>
      <c r="C65893" s="14" t="s">
        <v>38</v>
      </c>
      <c r="D65893" s="14" t="s">
        <v>197</v>
      </c>
      <c r="E65893" s="15">
        <v>45569</v>
      </c>
      <c r="F65893" s="14" t="s">
        <v>15</v>
      </c>
      <c r="G65893" s="16">
        <v>1.2756824503342004</v>
      </c>
    </row>
    <row r="65894" spans="1:7" x14ac:dyDescent="0.3">
      <c r="A65894" s="13" t="s">
        <v>350</v>
      </c>
      <c r="B65894" s="14" t="s">
        <v>1</v>
      </c>
      <c r="C65894" s="14" t="s">
        <v>38</v>
      </c>
      <c r="D65894" s="14" t="s">
        <v>197</v>
      </c>
      <c r="E65894" s="15">
        <v>45570</v>
      </c>
      <c r="F65894" s="14" t="s">
        <v>15</v>
      </c>
      <c r="G65894" s="16">
        <v>1.2756824503342004</v>
      </c>
    </row>
    <row r="65895" spans="1:7" x14ac:dyDescent="0.3">
      <c r="A65895" s="13" t="s">
        <v>350</v>
      </c>
      <c r="B65895" s="14" t="s">
        <v>1</v>
      </c>
      <c r="C65895" s="14" t="s">
        <v>38</v>
      </c>
      <c r="D65895" s="14" t="s">
        <v>197</v>
      </c>
      <c r="E65895" s="15">
        <v>45571</v>
      </c>
      <c r="F65895" s="14" t="s">
        <v>15</v>
      </c>
      <c r="G65895" s="16">
        <v>1.2756824503342004</v>
      </c>
    </row>
    <row r="65896" spans="1:7" x14ac:dyDescent="0.3">
      <c r="A65896" s="13" t="s">
        <v>350</v>
      </c>
      <c r="B65896" s="14" t="s">
        <v>1</v>
      </c>
      <c r="C65896" s="14" t="s">
        <v>38</v>
      </c>
      <c r="D65896" s="14" t="s">
        <v>197</v>
      </c>
      <c r="E65896" s="15">
        <v>45572</v>
      </c>
      <c r="F65896" s="14" t="s">
        <v>15</v>
      </c>
      <c r="G65896" s="16">
        <v>1.270843917559598</v>
      </c>
    </row>
    <row r="65897" spans="1:7" x14ac:dyDescent="0.3">
      <c r="A65897" s="13" t="s">
        <v>350</v>
      </c>
      <c r="B65897" s="14" t="s">
        <v>1</v>
      </c>
      <c r="C65897" s="14" t="s">
        <v>38</v>
      </c>
      <c r="D65897" s="14" t="s">
        <v>197</v>
      </c>
      <c r="E65897" s="15">
        <v>45573</v>
      </c>
      <c r="F65897" s="14" t="s">
        <v>15</v>
      </c>
      <c r="G65897" s="16">
        <v>1.2563209458266456</v>
      </c>
    </row>
    <row r="65898" spans="1:7" x14ac:dyDescent="0.3">
      <c r="A65898" s="13" t="s">
        <v>350</v>
      </c>
      <c r="B65898" s="14" t="s">
        <v>1</v>
      </c>
      <c r="C65898" s="14" t="s">
        <v>38</v>
      </c>
      <c r="D65898" s="14" t="s">
        <v>197</v>
      </c>
      <c r="E65898" s="15">
        <v>45574</v>
      </c>
      <c r="F65898" s="14" t="s">
        <v>15</v>
      </c>
      <c r="G65898" s="16">
        <v>1.308011639778172</v>
      </c>
    </row>
    <row r="65899" spans="1:7" x14ac:dyDescent="0.3">
      <c r="A65899" s="13" t="s">
        <v>350</v>
      </c>
      <c r="B65899" s="14" t="s">
        <v>1</v>
      </c>
      <c r="C65899" s="14" t="s">
        <v>38</v>
      </c>
      <c r="D65899" s="14" t="s">
        <v>197</v>
      </c>
      <c r="E65899" s="15">
        <v>45575</v>
      </c>
      <c r="F65899" s="14" t="s">
        <v>15</v>
      </c>
      <c r="G65899" s="16">
        <v>1.3032881822603986</v>
      </c>
    </row>
    <row r="65900" spans="1:7" x14ac:dyDescent="0.3">
      <c r="A65900" s="13" t="s">
        <v>350</v>
      </c>
      <c r="B65900" s="14" t="s">
        <v>1</v>
      </c>
      <c r="C65900" s="14" t="s">
        <v>38</v>
      </c>
      <c r="D65900" s="14" t="s">
        <v>197</v>
      </c>
      <c r="E65900" s="15">
        <v>45576</v>
      </c>
      <c r="F65900" s="14" t="s">
        <v>15</v>
      </c>
      <c r="G65900" s="16">
        <v>1.2985609419919677</v>
      </c>
    </row>
    <row r="65901" spans="1:7" x14ac:dyDescent="0.3">
      <c r="A65901" s="13" t="s">
        <v>350</v>
      </c>
      <c r="B65901" s="14" t="s">
        <v>1</v>
      </c>
      <c r="C65901" s="14" t="s">
        <v>38</v>
      </c>
      <c r="D65901" s="14" t="s">
        <v>197</v>
      </c>
      <c r="E65901" s="15">
        <v>45577</v>
      </c>
      <c r="F65901" s="14" t="s">
        <v>15</v>
      </c>
      <c r="G65901" s="16">
        <v>1.2985609419919677</v>
      </c>
    </row>
    <row r="65902" spans="1:7" x14ac:dyDescent="0.3">
      <c r="A65902" s="13" t="s">
        <v>350</v>
      </c>
      <c r="B65902" s="14" t="s">
        <v>1</v>
      </c>
      <c r="C65902" s="14" t="s">
        <v>38</v>
      </c>
      <c r="D65902" s="14" t="s">
        <v>197</v>
      </c>
      <c r="E65902" s="15">
        <v>45578</v>
      </c>
      <c r="F65902" s="14" t="s">
        <v>15</v>
      </c>
      <c r="G65902" s="16">
        <v>1.2985609419919677</v>
      </c>
    </row>
    <row r="65903" spans="1:7" x14ac:dyDescent="0.3">
      <c r="A65903" s="13" t="s">
        <v>350</v>
      </c>
      <c r="B65903" s="14" t="s">
        <v>1</v>
      </c>
      <c r="C65903" s="14" t="s">
        <v>38</v>
      </c>
      <c r="D65903" s="14" t="s">
        <v>197</v>
      </c>
      <c r="E65903" s="15">
        <v>45579</v>
      </c>
      <c r="F65903" s="14" t="s">
        <v>15</v>
      </c>
      <c r="G65903" s="16">
        <v>1.2938050324553996</v>
      </c>
    </row>
    <row r="65904" spans="1:7" x14ac:dyDescent="0.3">
      <c r="A65904" s="13" t="s">
        <v>350</v>
      </c>
      <c r="B65904" s="14" t="s">
        <v>1</v>
      </c>
      <c r="C65904" s="14" t="s">
        <v>38</v>
      </c>
      <c r="D65904" s="14" t="s">
        <v>197</v>
      </c>
      <c r="E65904" s="15">
        <v>45580</v>
      </c>
      <c r="F65904" s="14" t="s">
        <v>15</v>
      </c>
      <c r="G65904" s="16">
        <v>1.2794626372932842</v>
      </c>
    </row>
    <row r="65905" spans="1:7" x14ac:dyDescent="0.3">
      <c r="A65905" s="13" t="s">
        <v>350</v>
      </c>
      <c r="B65905" s="14" t="s">
        <v>1</v>
      </c>
      <c r="C65905" s="14" t="s">
        <v>38</v>
      </c>
      <c r="D65905" s="14" t="s">
        <v>197</v>
      </c>
      <c r="E65905" s="15">
        <v>45581</v>
      </c>
      <c r="F65905" s="14" t="s">
        <v>15</v>
      </c>
      <c r="G65905" s="16">
        <v>1.2746665111444682</v>
      </c>
    </row>
    <row r="65906" spans="1:7" x14ac:dyDescent="0.3">
      <c r="A65906" s="13" t="s">
        <v>350</v>
      </c>
      <c r="B65906" s="14" t="s">
        <v>1</v>
      </c>
      <c r="C65906" s="14" t="s">
        <v>38</v>
      </c>
      <c r="D65906" s="14" t="s">
        <v>197</v>
      </c>
      <c r="E65906" s="15">
        <v>45582</v>
      </c>
      <c r="F65906" s="14" t="s">
        <v>15</v>
      </c>
      <c r="G65906" s="16">
        <v>1.26988551599828</v>
      </c>
    </row>
    <row r="65907" spans="1:7" x14ac:dyDescent="0.3">
      <c r="A65907" s="13" t="s">
        <v>350</v>
      </c>
      <c r="B65907" s="14" t="s">
        <v>1</v>
      </c>
      <c r="C65907" s="14" t="s">
        <v>38</v>
      </c>
      <c r="D65907" s="14" t="s">
        <v>197</v>
      </c>
      <c r="E65907" s="15">
        <v>45583</v>
      </c>
      <c r="F65907" s="14" t="s">
        <v>15</v>
      </c>
      <c r="G65907" s="16">
        <v>1.2651484591857927</v>
      </c>
    </row>
    <row r="65908" spans="1:7" x14ac:dyDescent="0.3">
      <c r="A65908" s="13" t="s">
        <v>350</v>
      </c>
      <c r="B65908" s="14" t="s">
        <v>1</v>
      </c>
      <c r="C65908" s="14" t="s">
        <v>38</v>
      </c>
      <c r="D65908" s="14" t="s">
        <v>197</v>
      </c>
      <c r="E65908" s="15">
        <v>45584</v>
      </c>
      <c r="F65908" s="14" t="s">
        <v>15</v>
      </c>
      <c r="G65908" s="16">
        <v>1.2651484591857927</v>
      </c>
    </row>
    <row r="65909" spans="1:7" x14ac:dyDescent="0.3">
      <c r="A65909" s="13" t="s">
        <v>350</v>
      </c>
      <c r="B65909" s="14" t="s">
        <v>1</v>
      </c>
      <c r="C65909" s="14" t="s">
        <v>38</v>
      </c>
      <c r="D65909" s="14" t="s">
        <v>197</v>
      </c>
      <c r="E65909" s="15">
        <v>45585</v>
      </c>
      <c r="F65909" s="14" t="s">
        <v>15</v>
      </c>
      <c r="G65909" s="16">
        <v>1.2651484591857927</v>
      </c>
    </row>
    <row r="65910" spans="1:7" x14ac:dyDescent="0.3">
      <c r="A65910" s="13" t="s">
        <v>350</v>
      </c>
      <c r="B65910" s="14" t="s">
        <v>1</v>
      </c>
      <c r="C65910" s="14" t="s">
        <v>38</v>
      </c>
      <c r="D65910" s="14" t="s">
        <v>197</v>
      </c>
      <c r="E65910" s="15">
        <v>45586</v>
      </c>
      <c r="F65910" s="14" t="s">
        <v>15</v>
      </c>
      <c r="G65910" s="16">
        <v>1.2604207852833167</v>
      </c>
    </row>
    <row r="65911" spans="1:7" x14ac:dyDescent="0.3">
      <c r="A65911" s="13" t="s">
        <v>350</v>
      </c>
      <c r="B65911" s="14" t="s">
        <v>1</v>
      </c>
      <c r="C65911" s="14" t="s">
        <v>38</v>
      </c>
      <c r="D65911" s="14" t="s">
        <v>197</v>
      </c>
      <c r="E65911" s="15">
        <v>45587</v>
      </c>
      <c r="F65911" s="14" t="s">
        <v>15</v>
      </c>
      <c r="G65911" s="16">
        <v>1.2460001289247002</v>
      </c>
    </row>
    <row r="65912" spans="1:7" x14ac:dyDescent="0.3">
      <c r="A65912" s="13" t="s">
        <v>350</v>
      </c>
      <c r="B65912" s="14" t="s">
        <v>1</v>
      </c>
      <c r="C65912" s="14" t="s">
        <v>38</v>
      </c>
      <c r="D65912" s="14" t="s">
        <v>197</v>
      </c>
      <c r="E65912" s="15">
        <v>45588</v>
      </c>
      <c r="F65912" s="14" t="s">
        <v>15</v>
      </c>
      <c r="G65912" s="16">
        <v>1.2412218309496048</v>
      </c>
    </row>
    <row r="65913" spans="1:7" x14ac:dyDescent="0.3">
      <c r="A65913" s="13" t="s">
        <v>350</v>
      </c>
      <c r="B65913" s="14" t="s">
        <v>1</v>
      </c>
      <c r="C65913" s="14" t="s">
        <v>38</v>
      </c>
      <c r="D65913" s="14" t="s">
        <v>197</v>
      </c>
      <c r="E65913" s="15">
        <v>45589</v>
      </c>
      <c r="F65913" s="14" t="s">
        <v>15</v>
      </c>
      <c r="G65913" s="16">
        <v>1.2364684085963999</v>
      </c>
    </row>
    <row r="65914" spans="1:7" x14ac:dyDescent="0.3">
      <c r="A65914" s="13" t="s">
        <v>350</v>
      </c>
      <c r="B65914" s="14" t="s">
        <v>1</v>
      </c>
      <c r="C65914" s="14" t="s">
        <v>38</v>
      </c>
      <c r="D65914" s="14" t="s">
        <v>197</v>
      </c>
      <c r="E65914" s="15">
        <v>45590</v>
      </c>
      <c r="F65914" s="14" t="s">
        <v>15</v>
      </c>
      <c r="G65914" s="16">
        <v>1.2317097492701656</v>
      </c>
    </row>
    <row r="65915" spans="1:7" x14ac:dyDescent="0.3">
      <c r="A65915" s="13" t="s">
        <v>350</v>
      </c>
      <c r="B65915" s="14" t="s">
        <v>1</v>
      </c>
      <c r="C65915" s="14" t="s">
        <v>38</v>
      </c>
      <c r="D65915" s="14" t="s">
        <v>197</v>
      </c>
      <c r="E65915" s="15">
        <v>45591</v>
      </c>
      <c r="F65915" s="14" t="s">
        <v>15</v>
      </c>
      <c r="G65915" s="16">
        <v>1.2317097492701656</v>
      </c>
    </row>
    <row r="65916" spans="1:7" x14ac:dyDescent="0.3">
      <c r="A65916" s="13" t="s">
        <v>350</v>
      </c>
      <c r="B65916" s="14" t="s">
        <v>1</v>
      </c>
      <c r="C65916" s="14" t="s">
        <v>38</v>
      </c>
      <c r="D65916" s="14" t="s">
        <v>197</v>
      </c>
      <c r="E65916" s="15">
        <v>45592</v>
      </c>
      <c r="F65916" s="14" t="s">
        <v>15</v>
      </c>
      <c r="G65916" s="16">
        <v>1.2317097492701656</v>
      </c>
    </row>
    <row r="65917" spans="1:7" x14ac:dyDescent="0.3">
      <c r="A65917" s="13" t="s">
        <v>350</v>
      </c>
      <c r="B65917" s="14" t="s">
        <v>1</v>
      </c>
      <c r="C65917" s="14" t="s">
        <v>38</v>
      </c>
      <c r="D65917" s="14" t="s">
        <v>197</v>
      </c>
      <c r="E65917" s="15">
        <v>45593</v>
      </c>
      <c r="F65917" s="14" t="s">
        <v>15</v>
      </c>
      <c r="G65917" s="16">
        <v>1.2317097492701656</v>
      </c>
    </row>
    <row r="65918" spans="1:7" x14ac:dyDescent="0.3">
      <c r="A65918" s="13" t="s">
        <v>350</v>
      </c>
      <c r="B65918" s="14" t="s">
        <v>1</v>
      </c>
      <c r="C65918" s="14" t="s">
        <v>38</v>
      </c>
      <c r="D65918" s="14" t="s">
        <v>197</v>
      </c>
      <c r="E65918" s="15">
        <v>45594</v>
      </c>
      <c r="F65918" s="14" t="s">
        <v>15</v>
      </c>
      <c r="G65918" s="16">
        <v>1.2270992526392266</v>
      </c>
    </row>
    <row r="65919" spans="1:7" x14ac:dyDescent="0.3">
      <c r="A65919" s="13" t="s">
        <v>350</v>
      </c>
      <c r="B65919" s="14" t="s">
        <v>1</v>
      </c>
      <c r="C65919" s="14" t="s">
        <v>38</v>
      </c>
      <c r="D65919" s="14" t="s">
        <v>197</v>
      </c>
      <c r="E65919" s="15">
        <v>45595</v>
      </c>
      <c r="F65919" s="14" t="s">
        <v>15</v>
      </c>
      <c r="G65919" s="16">
        <v>1.2081680350516673</v>
      </c>
    </row>
    <row r="65920" spans="1:7" x14ac:dyDescent="0.3">
      <c r="A65920" s="13" t="s">
        <v>350</v>
      </c>
      <c r="B65920" s="14" t="s">
        <v>1</v>
      </c>
      <c r="C65920" s="14" t="s">
        <v>38</v>
      </c>
      <c r="D65920" s="14" t="s">
        <v>197</v>
      </c>
      <c r="E65920" s="15">
        <v>45596</v>
      </c>
      <c r="F65920" s="14" t="s">
        <v>15</v>
      </c>
      <c r="G65920" s="16">
        <v>1.2081680350516673</v>
      </c>
    </row>
    <row r="65921" spans="1:7" x14ac:dyDescent="0.3">
      <c r="A65921" s="13" t="s">
        <v>350</v>
      </c>
      <c r="B65921" s="14" t="s">
        <v>1</v>
      </c>
      <c r="C65921" s="14" t="s">
        <v>38</v>
      </c>
      <c r="D65921" s="14" t="s">
        <v>197</v>
      </c>
      <c r="E65921" s="15">
        <v>45597</v>
      </c>
      <c r="F65921" s="14" t="s">
        <v>15</v>
      </c>
      <c r="G65921" s="16">
        <v>1.2034373062482573</v>
      </c>
    </row>
    <row r="65922" spans="1:7" x14ac:dyDescent="0.3">
      <c r="A65922" s="13" t="s">
        <v>350</v>
      </c>
      <c r="B65922" s="14" t="s">
        <v>1</v>
      </c>
      <c r="C65922" s="14" t="s">
        <v>38</v>
      </c>
      <c r="D65922" s="14" t="s">
        <v>197</v>
      </c>
      <c r="E65922" s="15">
        <v>45598</v>
      </c>
      <c r="F65922" s="14" t="s">
        <v>15</v>
      </c>
      <c r="G65922" s="16">
        <v>1.2034373062482573</v>
      </c>
    </row>
    <row r="65923" spans="1:7" x14ac:dyDescent="0.3">
      <c r="A65923" s="13" t="s">
        <v>350</v>
      </c>
      <c r="B65923" s="14" t="s">
        <v>1</v>
      </c>
      <c r="C65923" s="14" t="s">
        <v>38</v>
      </c>
      <c r="D65923" s="14" t="s">
        <v>197</v>
      </c>
      <c r="E65923" s="15">
        <v>45599</v>
      </c>
      <c r="F65923" s="14" t="s">
        <v>15</v>
      </c>
      <c r="G65923" s="16">
        <v>1.2034373062482573</v>
      </c>
    </row>
    <row r="65924" spans="1:7" x14ac:dyDescent="0.3">
      <c r="A65924" s="13" t="s">
        <v>350</v>
      </c>
      <c r="B65924" s="14" t="s">
        <v>1</v>
      </c>
      <c r="C65924" s="14" t="s">
        <v>38</v>
      </c>
      <c r="D65924" s="14" t="s">
        <v>197</v>
      </c>
      <c r="E65924" s="15">
        <v>45600</v>
      </c>
      <c r="F65924" s="14" t="s">
        <v>15</v>
      </c>
      <c r="G65924" s="16">
        <v>1.1940919313769414</v>
      </c>
    </row>
    <row r="65925" spans="1:7" x14ac:dyDescent="0.3">
      <c r="A65925" s="13" t="s">
        <v>350</v>
      </c>
      <c r="B65925" s="14" t="s">
        <v>1</v>
      </c>
      <c r="C65925" s="14" t="s">
        <v>38</v>
      </c>
      <c r="D65925" s="14" t="s">
        <v>197</v>
      </c>
      <c r="E65925" s="15">
        <v>45601</v>
      </c>
      <c r="F65925" s="14" t="s">
        <v>15</v>
      </c>
      <c r="G65925" s="16">
        <v>1.1800614295090295</v>
      </c>
    </row>
    <row r="65926" spans="1:7" x14ac:dyDescent="0.3">
      <c r="A65926" s="13" t="s">
        <v>350</v>
      </c>
      <c r="B65926" s="14" t="s">
        <v>1</v>
      </c>
      <c r="C65926" s="14" t="s">
        <v>38</v>
      </c>
      <c r="D65926" s="14" t="s">
        <v>197</v>
      </c>
      <c r="E65926" s="15">
        <v>45602</v>
      </c>
      <c r="F65926" s="14" t="s">
        <v>15</v>
      </c>
      <c r="G65926" s="16">
        <v>1.1753529578409951</v>
      </c>
    </row>
    <row r="65927" spans="1:7" x14ac:dyDescent="0.3">
      <c r="A65927" s="13" t="s">
        <v>350</v>
      </c>
      <c r="B65927" s="14" t="s">
        <v>1</v>
      </c>
      <c r="C65927" s="14" t="s">
        <v>38</v>
      </c>
      <c r="D65927" s="14" t="s">
        <v>197</v>
      </c>
      <c r="E65927" s="15">
        <v>45603</v>
      </c>
      <c r="F65927" s="14" t="s">
        <v>15</v>
      </c>
      <c r="G65927" s="16">
        <v>1.1706213562087471</v>
      </c>
    </row>
    <row r="65928" spans="1:7" x14ac:dyDescent="0.3">
      <c r="A65928" s="13" t="s">
        <v>350</v>
      </c>
      <c r="B65928" s="14" t="s">
        <v>1</v>
      </c>
      <c r="C65928" s="14" t="s">
        <v>38</v>
      </c>
      <c r="D65928" s="14" t="s">
        <v>197</v>
      </c>
      <c r="E65928" s="15">
        <v>45604</v>
      </c>
      <c r="F65928" s="14" t="s">
        <v>15</v>
      </c>
      <c r="G65928" s="16">
        <v>1.2012692169139345</v>
      </c>
    </row>
    <row r="65929" spans="1:7" x14ac:dyDescent="0.3">
      <c r="A65929" s="13" t="s">
        <v>350</v>
      </c>
      <c r="B65929" s="14" t="s">
        <v>1</v>
      </c>
      <c r="C65929" s="14" t="s">
        <v>38</v>
      </c>
      <c r="D65929" s="14" t="s">
        <v>197</v>
      </c>
      <c r="E65929" s="15">
        <v>45605</v>
      </c>
      <c r="F65929" s="14" t="s">
        <v>15</v>
      </c>
      <c r="G65929" s="16">
        <v>1.2012692169139345</v>
      </c>
    </row>
    <row r="65930" spans="1:7" x14ac:dyDescent="0.3">
      <c r="A65930" s="13" t="s">
        <v>350</v>
      </c>
      <c r="B65930" s="14" t="s">
        <v>1</v>
      </c>
      <c r="C65930" s="14" t="s">
        <v>38</v>
      </c>
      <c r="D65930" s="14" t="s">
        <v>197</v>
      </c>
      <c r="E65930" s="15">
        <v>45606</v>
      </c>
      <c r="F65930" s="14" t="s">
        <v>15</v>
      </c>
      <c r="G65930" s="16">
        <v>1.2012692169139345</v>
      </c>
    </row>
    <row r="65931" spans="1:7" x14ac:dyDescent="0.3">
      <c r="A65931" s="13" t="s">
        <v>350</v>
      </c>
      <c r="B65931" s="14" t="s">
        <v>1</v>
      </c>
      <c r="C65931" s="14" t="s">
        <v>38</v>
      </c>
      <c r="D65931" s="14" t="s">
        <v>197</v>
      </c>
      <c r="E65931" s="15">
        <v>45607</v>
      </c>
      <c r="F65931" s="14" t="s">
        <v>15</v>
      </c>
      <c r="G65931" s="16">
        <v>1.196543288669135</v>
      </c>
    </row>
    <row r="65932" spans="1:7" x14ac:dyDescent="0.3">
      <c r="A65932" s="13" t="s">
        <v>350</v>
      </c>
      <c r="B65932" s="14" t="s">
        <v>1</v>
      </c>
      <c r="C65932" s="14" t="s">
        <v>38</v>
      </c>
      <c r="D65932" s="14" t="s">
        <v>197</v>
      </c>
      <c r="E65932" s="15">
        <v>45608</v>
      </c>
      <c r="F65932" s="14" t="s">
        <v>15</v>
      </c>
      <c r="G65932" s="16">
        <v>1.1823726977726814</v>
      </c>
    </row>
    <row r="65933" spans="1:7" x14ac:dyDescent="0.3">
      <c r="A65933" s="13" t="s">
        <v>350</v>
      </c>
      <c r="B65933" s="14" t="s">
        <v>1</v>
      </c>
      <c r="C65933" s="14" t="s">
        <v>38</v>
      </c>
      <c r="D65933" s="14" t="s">
        <v>197</v>
      </c>
      <c r="E65933" s="15">
        <v>45609</v>
      </c>
      <c r="F65933" s="14" t="s">
        <v>15</v>
      </c>
      <c r="G65933" s="16">
        <v>1.1912668271345852</v>
      </c>
    </row>
    <row r="65934" spans="1:7" x14ac:dyDescent="0.3">
      <c r="A65934" s="13" t="s">
        <v>350</v>
      </c>
      <c r="B65934" s="14" t="s">
        <v>1</v>
      </c>
      <c r="C65934" s="14" t="s">
        <v>38</v>
      </c>
      <c r="D65934" s="14" t="s">
        <v>197</v>
      </c>
      <c r="E65934" s="15">
        <v>45610</v>
      </c>
      <c r="F65934" s="14" t="s">
        <v>15</v>
      </c>
      <c r="G65934" s="16">
        <v>1.1866670226569151</v>
      </c>
    </row>
    <row r="65935" spans="1:7" x14ac:dyDescent="0.3">
      <c r="A65935" s="13" t="s">
        <v>350</v>
      </c>
      <c r="B65935" s="14" t="s">
        <v>1</v>
      </c>
      <c r="C65935" s="14" t="s">
        <v>38</v>
      </c>
      <c r="D65935" s="14" t="s">
        <v>197</v>
      </c>
      <c r="E65935" s="15">
        <v>45611</v>
      </c>
      <c r="F65935" s="14" t="s">
        <v>15</v>
      </c>
      <c r="G65935" s="16">
        <v>1.2813728828384052</v>
      </c>
    </row>
    <row r="65936" spans="1:7" x14ac:dyDescent="0.3">
      <c r="A65936" s="13" t="s">
        <v>350</v>
      </c>
      <c r="B65936" s="14" t="s">
        <v>1</v>
      </c>
      <c r="C65936" s="14" t="s">
        <v>38</v>
      </c>
      <c r="D65936" s="14" t="s">
        <v>197</v>
      </c>
      <c r="E65936" s="15">
        <v>45612</v>
      </c>
      <c r="F65936" s="14" t="s">
        <v>15</v>
      </c>
      <c r="G65936" s="16">
        <v>1.2813728828384052</v>
      </c>
    </row>
    <row r="65937" spans="1:7" x14ac:dyDescent="0.3">
      <c r="A65937" s="13" t="s">
        <v>350</v>
      </c>
      <c r="B65937" s="14" t="s">
        <v>1</v>
      </c>
      <c r="C65937" s="14" t="s">
        <v>38</v>
      </c>
      <c r="D65937" s="14" t="s">
        <v>197</v>
      </c>
      <c r="E65937" s="15">
        <v>45613</v>
      </c>
      <c r="F65937" s="14" t="s">
        <v>15</v>
      </c>
      <c r="G65937" s="16">
        <v>1.2813728828384052</v>
      </c>
    </row>
    <row r="65938" spans="1:7" x14ac:dyDescent="0.3">
      <c r="A65938" s="13" t="s">
        <v>350</v>
      </c>
      <c r="B65938" s="14" t="s">
        <v>1</v>
      </c>
      <c r="C65938" s="14" t="s">
        <v>38</v>
      </c>
      <c r="D65938" s="14" t="s">
        <v>197</v>
      </c>
      <c r="E65938" s="15">
        <v>45614</v>
      </c>
      <c r="F65938" s="14" t="s">
        <v>15</v>
      </c>
      <c r="G65938" s="16">
        <v>1.2768319943073179</v>
      </c>
    </row>
    <row r="65939" spans="1:7" x14ac:dyDescent="0.3">
      <c r="A65939" s="13" t="s">
        <v>350</v>
      </c>
      <c r="B65939" s="14" t="s">
        <v>1</v>
      </c>
      <c r="C65939" s="14" t="s">
        <v>38</v>
      </c>
      <c r="D65939" s="14" t="s">
        <v>197</v>
      </c>
      <c r="E65939" s="15">
        <v>45615</v>
      </c>
      <c r="F65939" s="14" t="s">
        <v>15</v>
      </c>
      <c r="G65939" s="16">
        <v>1.2631089463976848</v>
      </c>
    </row>
    <row r="65940" spans="1:7" x14ac:dyDescent="0.3">
      <c r="A65940" s="13" t="s">
        <v>350</v>
      </c>
      <c r="B65940" s="14" t="s">
        <v>1</v>
      </c>
      <c r="C65940" s="14" t="s">
        <v>38</v>
      </c>
      <c r="D65940" s="14" t="s">
        <v>197</v>
      </c>
      <c r="E65940" s="15">
        <v>45616</v>
      </c>
      <c r="F65940" s="14" t="s">
        <v>15</v>
      </c>
      <c r="G65940" s="16">
        <v>1.2585180884156069</v>
      </c>
    </row>
    <row r="65941" spans="1:7" x14ac:dyDescent="0.3">
      <c r="A65941" s="13" t="s">
        <v>350</v>
      </c>
      <c r="B65941" s="14" t="s">
        <v>1</v>
      </c>
      <c r="C65941" s="14" t="s">
        <v>38</v>
      </c>
      <c r="D65941" s="14" t="s">
        <v>197</v>
      </c>
      <c r="E65941" s="15">
        <v>45617</v>
      </c>
      <c r="F65941" s="14" t="s">
        <v>15</v>
      </c>
      <c r="G65941" s="16">
        <v>1.2960039084469703</v>
      </c>
    </row>
    <row r="65942" spans="1:7" x14ac:dyDescent="0.3">
      <c r="A65942" s="13" t="s">
        <v>350</v>
      </c>
      <c r="B65942" s="14" t="s">
        <v>1</v>
      </c>
      <c r="C65942" s="14" t="s">
        <v>38</v>
      </c>
      <c r="D65942" s="14" t="s">
        <v>197</v>
      </c>
      <c r="E65942" s="15">
        <v>45618</v>
      </c>
      <c r="F65942" s="14" t="s">
        <v>15</v>
      </c>
      <c r="G65942" s="16">
        <v>1.2913927571944028</v>
      </c>
    </row>
    <row r="65943" spans="1:7" x14ac:dyDescent="0.3">
      <c r="A65943" s="13" t="s">
        <v>350</v>
      </c>
      <c r="B65943" s="14" t="s">
        <v>1</v>
      </c>
      <c r="C65943" s="14" t="s">
        <v>38</v>
      </c>
      <c r="D65943" s="14" t="s">
        <v>197</v>
      </c>
      <c r="E65943" s="15">
        <v>45619</v>
      </c>
      <c r="F65943" s="14" t="s">
        <v>15</v>
      </c>
      <c r="G65943" s="16">
        <v>1.2913927571944028</v>
      </c>
    </row>
    <row r="65944" spans="1:7" x14ac:dyDescent="0.3">
      <c r="A65944" s="13" t="s">
        <v>350</v>
      </c>
      <c r="B65944" s="14" t="s">
        <v>1</v>
      </c>
      <c r="C65944" s="14" t="s">
        <v>38</v>
      </c>
      <c r="D65944" s="14" t="s">
        <v>197</v>
      </c>
      <c r="E65944" s="15">
        <v>45620</v>
      </c>
      <c r="F65944" s="14" t="s">
        <v>15</v>
      </c>
      <c r="G65944" s="16">
        <v>1.2913927571944028</v>
      </c>
    </row>
    <row r="65945" spans="1:7" x14ac:dyDescent="0.3">
      <c r="A65945" s="13" t="s">
        <v>350</v>
      </c>
      <c r="B65945" s="14" t="s">
        <v>1</v>
      </c>
      <c r="C65945" s="14" t="s">
        <v>38</v>
      </c>
      <c r="D65945" s="14" t="s">
        <v>197</v>
      </c>
      <c r="E65945" s="15">
        <v>45621</v>
      </c>
      <c r="F65945" s="14" t="s">
        <v>15</v>
      </c>
      <c r="G65945" s="16">
        <v>1.2868010263834866</v>
      </c>
    </row>
    <row r="65946" spans="1:7" x14ac:dyDescent="0.3">
      <c r="A65946" s="13" t="s">
        <v>350</v>
      </c>
      <c r="B65946" s="14" t="s">
        <v>1</v>
      </c>
      <c r="C65946" s="14" t="s">
        <v>38</v>
      </c>
      <c r="D65946" s="14" t="s">
        <v>197</v>
      </c>
      <c r="E65946" s="15">
        <v>45622</v>
      </c>
      <c r="F65946" s="14" t="s">
        <v>15</v>
      </c>
      <c r="G65946" s="16">
        <v>1.2887033603364699</v>
      </c>
    </row>
    <row r="65947" spans="1:7" x14ac:dyDescent="0.3">
      <c r="A65947" s="13" t="s">
        <v>350</v>
      </c>
      <c r="B65947" s="14" t="s">
        <v>1</v>
      </c>
      <c r="C65947" s="14" t="s">
        <v>38</v>
      </c>
      <c r="D65947" s="14" t="s">
        <v>197</v>
      </c>
      <c r="E65947" s="15">
        <v>45623</v>
      </c>
      <c r="F65947" s="14" t="s">
        <v>15</v>
      </c>
      <c r="G65947" s="16">
        <v>1.282581778779285</v>
      </c>
    </row>
    <row r="65948" spans="1:7" x14ac:dyDescent="0.3">
      <c r="A65948" s="13" t="s">
        <v>350</v>
      </c>
      <c r="B65948" s="14" t="s">
        <v>1</v>
      </c>
      <c r="C65948" s="14" t="s">
        <v>38</v>
      </c>
      <c r="D65948" s="14" t="s">
        <v>197</v>
      </c>
      <c r="E65948" s="15">
        <v>45624</v>
      </c>
      <c r="F65948" s="14" t="s">
        <v>15</v>
      </c>
      <c r="G65948" s="16">
        <v>1.2862138412824999</v>
      </c>
    </row>
    <row r="65949" spans="1:7" x14ac:dyDescent="0.3">
      <c r="A65949" s="13" t="s">
        <v>350</v>
      </c>
      <c r="B65949" s="14" t="s">
        <v>1</v>
      </c>
      <c r="C65949" s="14" t="s">
        <v>38</v>
      </c>
      <c r="D65949" s="14" t="s">
        <v>197</v>
      </c>
      <c r="E65949" s="15">
        <v>45625</v>
      </c>
      <c r="F65949" s="14" t="s">
        <v>15</v>
      </c>
      <c r="G65949" s="16">
        <v>1.2986586383584651</v>
      </c>
    </row>
    <row r="65950" spans="1:7" x14ac:dyDescent="0.3">
      <c r="A65950" s="13" t="s">
        <v>350</v>
      </c>
      <c r="B65950" s="14" t="s">
        <v>1</v>
      </c>
      <c r="C65950" s="14" t="s">
        <v>38</v>
      </c>
      <c r="D65950" s="14" t="s">
        <v>197</v>
      </c>
      <c r="E65950" s="15">
        <v>45626</v>
      </c>
      <c r="F65950" s="14" t="s">
        <v>15</v>
      </c>
      <c r="G65950" s="16">
        <v>1.2986586383584651</v>
      </c>
    </row>
    <row r="65951" spans="1:7" x14ac:dyDescent="0.3">
      <c r="A65951" s="13" t="s">
        <v>350</v>
      </c>
      <c r="B65951" s="14" t="s">
        <v>1</v>
      </c>
      <c r="C65951" s="14" t="s">
        <v>38</v>
      </c>
      <c r="D65951" s="14" t="s">
        <v>197</v>
      </c>
      <c r="E65951" s="15">
        <v>45627</v>
      </c>
      <c r="F65951" s="14" t="s">
        <v>15</v>
      </c>
      <c r="G65951" s="16">
        <v>1.2986586383584651</v>
      </c>
    </row>
    <row r="65952" spans="1:7" x14ac:dyDescent="0.3">
      <c r="A65952" s="13" t="s">
        <v>350</v>
      </c>
      <c r="B65952" s="14" t="s">
        <v>1</v>
      </c>
      <c r="C65952" s="14" t="s">
        <v>38</v>
      </c>
      <c r="D65952" s="14" t="s">
        <v>197</v>
      </c>
      <c r="E65952" s="15">
        <v>45628</v>
      </c>
      <c r="F65952" s="14" t="s">
        <v>15</v>
      </c>
      <c r="G65952" s="16">
        <v>1.2940832730882663</v>
      </c>
    </row>
    <row r="65953" spans="1:7" x14ac:dyDescent="0.3">
      <c r="A65953" s="13" t="s">
        <v>350</v>
      </c>
      <c r="B65953" s="14" t="s">
        <v>1</v>
      </c>
      <c r="C65953" s="14" t="s">
        <v>38</v>
      </c>
      <c r="D65953" s="14" t="s">
        <v>197</v>
      </c>
      <c r="E65953" s="15">
        <v>45629</v>
      </c>
      <c r="F65953" s="14" t="s">
        <v>15</v>
      </c>
      <c r="G65953" s="16">
        <v>1.2803370952144191</v>
      </c>
    </row>
    <row r="65954" spans="1:7" x14ac:dyDescent="0.3">
      <c r="A65954" s="13" t="s">
        <v>350</v>
      </c>
      <c r="B65954" s="14" t="s">
        <v>1</v>
      </c>
      <c r="C65954" s="14" t="s">
        <v>38</v>
      </c>
      <c r="D65954" s="14" t="s">
        <v>197</v>
      </c>
      <c r="E65954" s="15">
        <v>45630</v>
      </c>
      <c r="F65954" s="14" t="s">
        <v>15</v>
      </c>
      <c r="G65954" s="16">
        <v>1.2757468918539698</v>
      </c>
    </row>
    <row r="65955" spans="1:7" x14ac:dyDescent="0.3">
      <c r="A65955" s="13" t="s">
        <v>350</v>
      </c>
      <c r="B65955" s="14" t="s">
        <v>1</v>
      </c>
      <c r="C65955" s="14" t="s">
        <v>38</v>
      </c>
      <c r="D65955" s="14" t="s">
        <v>197</v>
      </c>
      <c r="E65955" s="15">
        <v>45631</v>
      </c>
      <c r="F65955" s="14" t="s">
        <v>15</v>
      </c>
      <c r="G65955" s="16">
        <v>1.2710761700331907</v>
      </c>
    </row>
    <row r="65956" spans="1:7" x14ac:dyDescent="0.3">
      <c r="A65956" s="13" t="s">
        <v>350</v>
      </c>
      <c r="B65956" s="14" t="s">
        <v>1</v>
      </c>
      <c r="C65956" s="14" t="s">
        <v>38</v>
      </c>
      <c r="D65956" s="14" t="s">
        <v>197</v>
      </c>
      <c r="E65956" s="15">
        <v>45632</v>
      </c>
      <c r="F65956" s="14" t="s">
        <v>15</v>
      </c>
      <c r="G65956" s="16">
        <v>1.2663930104014662</v>
      </c>
    </row>
    <row r="65957" spans="1:7" x14ac:dyDescent="0.3">
      <c r="A65957" s="13" t="s">
        <v>350</v>
      </c>
      <c r="B65957" s="14" t="s">
        <v>1</v>
      </c>
      <c r="C65957" s="14" t="s">
        <v>38</v>
      </c>
      <c r="D65957" s="14" t="s">
        <v>197</v>
      </c>
      <c r="E65957" s="15">
        <v>45633</v>
      </c>
      <c r="F65957" s="14" t="s">
        <v>15</v>
      </c>
      <c r="G65957" s="16">
        <v>1.2663930104014662</v>
      </c>
    </row>
    <row r="65958" spans="1:7" x14ac:dyDescent="0.3">
      <c r="A65958" s="13" t="s">
        <v>350</v>
      </c>
      <c r="B65958" s="14" t="s">
        <v>1</v>
      </c>
      <c r="C65958" s="14" t="s">
        <v>38</v>
      </c>
      <c r="D65958" s="14" t="s">
        <v>197</v>
      </c>
      <c r="E65958" s="15">
        <v>45634</v>
      </c>
      <c r="F65958" s="14" t="s">
        <v>15</v>
      </c>
      <c r="G65958" s="16">
        <v>1.2663930104014662</v>
      </c>
    </row>
    <row r="65959" spans="1:7" x14ac:dyDescent="0.3">
      <c r="A65959" s="13" t="s">
        <v>350</v>
      </c>
      <c r="B65959" s="14" t="s">
        <v>1</v>
      </c>
      <c r="C65959" s="14" t="s">
        <v>38</v>
      </c>
      <c r="D65959" s="14" t="s">
        <v>197</v>
      </c>
      <c r="E65959" s="15">
        <v>45635</v>
      </c>
      <c r="F65959" s="14" t="s">
        <v>15</v>
      </c>
      <c r="G65959" s="16">
        <v>1.2745594187194669</v>
      </c>
    </row>
    <row r="65960" spans="1:7" x14ac:dyDescent="0.3">
      <c r="A65960" s="13" t="s">
        <v>350</v>
      </c>
      <c r="B65960" s="14" t="s">
        <v>1</v>
      </c>
      <c r="C65960" s="14" t="s">
        <v>38</v>
      </c>
      <c r="D65960" s="14" t="s">
        <v>197</v>
      </c>
      <c r="E65960" s="15">
        <v>45636</v>
      </c>
      <c r="F65960" s="14" t="s">
        <v>15</v>
      </c>
      <c r="G65960" s="16">
        <v>1.2605116784819992</v>
      </c>
    </row>
    <row r="65961" spans="1:7" x14ac:dyDescent="0.3">
      <c r="A65961" s="13" t="s">
        <v>350</v>
      </c>
      <c r="B65961" s="14" t="s">
        <v>1</v>
      </c>
      <c r="C65961" s="14" t="s">
        <v>38</v>
      </c>
      <c r="D65961" s="14" t="s">
        <v>197</v>
      </c>
      <c r="E65961" s="15">
        <v>45637</v>
      </c>
      <c r="F65961" s="14" t="s">
        <v>15</v>
      </c>
      <c r="G65961" s="16">
        <v>1.2558045160572227</v>
      </c>
    </row>
    <row r="65962" spans="1:7" x14ac:dyDescent="0.3">
      <c r="A65962" s="13" t="s">
        <v>350</v>
      </c>
      <c r="B65962" s="14" t="s">
        <v>1</v>
      </c>
      <c r="C65962" s="14" t="s">
        <v>38</v>
      </c>
      <c r="D65962" s="14" t="s">
        <v>197</v>
      </c>
      <c r="E65962" s="15">
        <v>45638</v>
      </c>
      <c r="F65962" s="14" t="s">
        <v>15</v>
      </c>
      <c r="G65962" s="16">
        <v>1.2510903710017396</v>
      </c>
    </row>
    <row r="65963" spans="1:7" x14ac:dyDescent="0.3">
      <c r="A65963" s="13" t="s">
        <v>350</v>
      </c>
      <c r="B65963" s="14" t="s">
        <v>1</v>
      </c>
      <c r="C65963" s="14" t="s">
        <v>38</v>
      </c>
      <c r="D65963" s="14" t="s">
        <v>197</v>
      </c>
      <c r="E65963" s="15">
        <v>45639</v>
      </c>
      <c r="F65963" s="14" t="s">
        <v>15</v>
      </c>
      <c r="G65963" s="16">
        <v>1.2676405185184834</v>
      </c>
    </row>
    <row r="65964" spans="1:7" x14ac:dyDescent="0.3">
      <c r="A65964" s="13" t="s">
        <v>350</v>
      </c>
      <c r="B65964" s="14" t="s">
        <v>1</v>
      </c>
      <c r="C65964" s="14" t="s">
        <v>38</v>
      </c>
      <c r="D65964" s="14" t="s">
        <v>197</v>
      </c>
      <c r="E65964" s="15">
        <v>45640</v>
      </c>
      <c r="F65964" s="14" t="s">
        <v>15</v>
      </c>
      <c r="G65964" s="16">
        <v>1.2676405185184834</v>
      </c>
    </row>
    <row r="65965" spans="1:7" x14ac:dyDescent="0.3">
      <c r="A65965" s="13" t="s">
        <v>350</v>
      </c>
      <c r="B65965" s="14" t="s">
        <v>1</v>
      </c>
      <c r="C65965" s="14" t="s">
        <v>38</v>
      </c>
      <c r="D65965" s="14" t="s">
        <v>197</v>
      </c>
      <c r="E65965" s="15">
        <v>45641</v>
      </c>
      <c r="F65965" s="14" t="s">
        <v>15</v>
      </c>
      <c r="G65965" s="16">
        <v>1.2676405185184834</v>
      </c>
    </row>
    <row r="65966" spans="1:7" x14ac:dyDescent="0.3">
      <c r="A65966" s="13" t="s">
        <v>350</v>
      </c>
      <c r="B65966" s="14" t="s">
        <v>1</v>
      </c>
      <c r="C65966" s="14" t="s">
        <v>38</v>
      </c>
      <c r="D65966" s="14" t="s">
        <v>197</v>
      </c>
      <c r="E65966" s="15">
        <v>45642</v>
      </c>
      <c r="F65966" s="14" t="s">
        <v>15</v>
      </c>
      <c r="G65966" s="16">
        <v>1.2629250642197429</v>
      </c>
    </row>
    <row r="65967" spans="1:7" x14ac:dyDescent="0.3">
      <c r="A65967" s="13" t="s">
        <v>350</v>
      </c>
      <c r="B65967" s="14" t="s">
        <v>1</v>
      </c>
      <c r="C65967" s="14" t="s">
        <v>38</v>
      </c>
      <c r="D65967" s="14" t="s">
        <v>197</v>
      </c>
      <c r="E65967" s="15">
        <v>45643</v>
      </c>
      <c r="F65967" s="14" t="s">
        <v>15</v>
      </c>
      <c r="G65967" s="16">
        <v>1.2488280814918622</v>
      </c>
    </row>
    <row r="65968" spans="1:7" x14ac:dyDescent="0.3">
      <c r="A65968" s="13" t="s">
        <v>350</v>
      </c>
      <c r="B65968" s="14" t="s">
        <v>1</v>
      </c>
      <c r="C65968" s="14" t="s">
        <v>38</v>
      </c>
      <c r="D65968" s="14" t="s">
        <v>197</v>
      </c>
      <c r="E65968" s="15">
        <v>45644</v>
      </c>
      <c r="F65968" s="14" t="s">
        <v>15</v>
      </c>
      <c r="G65968" s="16">
        <v>1.2441448887836559</v>
      </c>
    </row>
    <row r="65969" spans="1:7" x14ac:dyDescent="0.3">
      <c r="A65969" s="13" t="s">
        <v>350</v>
      </c>
      <c r="B65969" s="14" t="s">
        <v>1</v>
      </c>
      <c r="C65969" s="14" t="s">
        <v>38</v>
      </c>
      <c r="D65969" s="14" t="s">
        <v>197</v>
      </c>
      <c r="E65969" s="15">
        <v>45645</v>
      </c>
      <c r="F65969" s="14" t="s">
        <v>15</v>
      </c>
      <c r="G65969" s="16">
        <v>1.2382360655978963</v>
      </c>
    </row>
    <row r="65970" spans="1:7" x14ac:dyDescent="0.3">
      <c r="A65970" s="13" t="s">
        <v>350</v>
      </c>
      <c r="B65970" s="14" t="s">
        <v>1</v>
      </c>
      <c r="C65970" s="14" t="s">
        <v>38</v>
      </c>
      <c r="D65970" s="14" t="s">
        <v>197</v>
      </c>
      <c r="E65970" s="15">
        <v>45646</v>
      </c>
      <c r="F65970" s="14" t="s">
        <v>15</v>
      </c>
      <c r="G65970" s="16">
        <v>1.2335461656816771</v>
      </c>
    </row>
    <row r="65971" spans="1:7" x14ac:dyDescent="0.3">
      <c r="A65971" s="13" t="s">
        <v>350</v>
      </c>
      <c r="B65971" s="14" t="s">
        <v>1</v>
      </c>
      <c r="C65971" s="14" t="s">
        <v>38</v>
      </c>
      <c r="D65971" s="14" t="s">
        <v>197</v>
      </c>
      <c r="E65971" s="15">
        <v>45647</v>
      </c>
      <c r="F65971" s="14" t="s">
        <v>15</v>
      </c>
      <c r="G65971" s="16">
        <v>1.2335461656816771</v>
      </c>
    </row>
    <row r="65972" spans="1:7" x14ac:dyDescent="0.3">
      <c r="A65972" s="13" t="s">
        <v>350</v>
      </c>
      <c r="B65972" s="14" t="s">
        <v>1</v>
      </c>
      <c r="C65972" s="14" t="s">
        <v>38</v>
      </c>
      <c r="D65972" s="14" t="s">
        <v>197</v>
      </c>
      <c r="E65972" s="15">
        <v>45648</v>
      </c>
      <c r="F65972" s="14" t="s">
        <v>15</v>
      </c>
      <c r="G65972" s="16">
        <v>1.2335461656816771</v>
      </c>
    </row>
    <row r="65973" spans="1:7" x14ac:dyDescent="0.3">
      <c r="A65973" s="13" t="s">
        <v>350</v>
      </c>
      <c r="B65973" s="14" t="s">
        <v>1</v>
      </c>
      <c r="C65973" s="14" t="s">
        <v>38</v>
      </c>
      <c r="D65973" s="14" t="s">
        <v>197</v>
      </c>
      <c r="E65973" s="15">
        <v>45649</v>
      </c>
      <c r="F65973" s="14" t="s">
        <v>15</v>
      </c>
      <c r="G65973" s="16">
        <v>1.2289135006071676</v>
      </c>
    </row>
    <row r="65974" spans="1:7" x14ac:dyDescent="0.3">
      <c r="A65974" s="13" t="s">
        <v>350</v>
      </c>
      <c r="B65974" s="14" t="s">
        <v>1</v>
      </c>
      <c r="C65974" s="14" t="s">
        <v>38</v>
      </c>
      <c r="D65974" s="14" t="s">
        <v>197</v>
      </c>
      <c r="E65974" s="15">
        <v>45650</v>
      </c>
      <c r="F65974" s="14" t="s">
        <v>15</v>
      </c>
      <c r="G65974" s="16">
        <v>1.2151257201686805</v>
      </c>
    </row>
    <row r="65975" spans="1:7" x14ac:dyDescent="0.3">
      <c r="A65975" s="13" t="s">
        <v>350</v>
      </c>
      <c r="B65975" s="14" t="s">
        <v>1</v>
      </c>
      <c r="C65975" s="14" t="s">
        <v>38</v>
      </c>
      <c r="D65975" s="14" t="s">
        <v>197</v>
      </c>
      <c r="E65975" s="15">
        <v>45651</v>
      </c>
      <c r="F65975" s="14" t="s">
        <v>15</v>
      </c>
      <c r="G65975" s="16">
        <v>1.2151257201686805</v>
      </c>
    </row>
    <row r="65976" spans="1:7" x14ac:dyDescent="0.3">
      <c r="A65976" s="13" t="s">
        <v>350</v>
      </c>
      <c r="B65976" s="14" t="s">
        <v>1</v>
      </c>
      <c r="C65976" s="14" t="s">
        <v>38</v>
      </c>
      <c r="D65976" s="14" t="s">
        <v>197</v>
      </c>
      <c r="E65976" s="15">
        <v>45652</v>
      </c>
      <c r="F65976" s="14" t="s">
        <v>15</v>
      </c>
      <c r="G65976" s="16">
        <v>1.2151257201686805</v>
      </c>
    </row>
    <row r="65977" spans="1:7" x14ac:dyDescent="0.3">
      <c r="A65977" s="13" t="s">
        <v>350</v>
      </c>
      <c r="B65977" s="14" t="s">
        <v>1</v>
      </c>
      <c r="C65977" s="14" t="s">
        <v>38</v>
      </c>
      <c r="D65977" s="14" t="s">
        <v>197</v>
      </c>
      <c r="E65977" s="15">
        <v>45653</v>
      </c>
      <c r="F65977" s="14" t="s">
        <v>15</v>
      </c>
      <c r="G65977" s="16">
        <v>1.2151257201686805</v>
      </c>
    </row>
    <row r="65978" spans="1:7" x14ac:dyDescent="0.3">
      <c r="A65978" s="13" t="s">
        <v>350</v>
      </c>
      <c r="B65978" s="14" t="s">
        <v>1</v>
      </c>
      <c r="C65978" s="14" t="s">
        <v>38</v>
      </c>
      <c r="D65978" s="14" t="s">
        <v>197</v>
      </c>
      <c r="E65978" s="15">
        <v>45654</v>
      </c>
      <c r="F65978" s="14" t="s">
        <v>15</v>
      </c>
      <c r="G65978" s="16">
        <v>1.2151257201686805</v>
      </c>
    </row>
    <row r="65979" spans="1:7" x14ac:dyDescent="0.3">
      <c r="A65979" s="13" t="s">
        <v>350</v>
      </c>
      <c r="B65979" s="14" t="s">
        <v>1</v>
      </c>
      <c r="C65979" s="14" t="s">
        <v>38</v>
      </c>
      <c r="D65979" s="14" t="s">
        <v>197</v>
      </c>
      <c r="E65979" s="15">
        <v>45655</v>
      </c>
      <c r="F65979" s="14" t="s">
        <v>15</v>
      </c>
      <c r="G65979" s="16">
        <v>1.2151257201686805</v>
      </c>
    </row>
    <row r="65980" spans="1:7" x14ac:dyDescent="0.3">
      <c r="A65980" s="13" t="s">
        <v>350</v>
      </c>
      <c r="B65980" s="14" t="s">
        <v>1</v>
      </c>
      <c r="C65980" s="14" t="s">
        <v>38</v>
      </c>
      <c r="D65980" s="14" t="s">
        <v>197</v>
      </c>
      <c r="E65980" s="15">
        <v>45656</v>
      </c>
      <c r="F65980" s="14" t="s">
        <v>15</v>
      </c>
      <c r="G65980" s="16">
        <v>1.2104646612469168</v>
      </c>
    </row>
    <row r="65981" spans="1:7" x14ac:dyDescent="0.3">
      <c r="A65981" s="13" t="s">
        <v>350</v>
      </c>
      <c r="B65981" s="14" t="s">
        <v>1</v>
      </c>
      <c r="C65981" s="14" t="s">
        <v>38</v>
      </c>
      <c r="D65981" s="14" t="s">
        <v>197</v>
      </c>
      <c r="E65981" s="15">
        <v>45657</v>
      </c>
      <c r="F65981" s="14" t="s">
        <v>15</v>
      </c>
      <c r="G65981" s="16">
        <v>1.2406493365408566</v>
      </c>
    </row>
    <row r="65982" spans="1:7" x14ac:dyDescent="0.3">
      <c r="A65982" s="13" t="s">
        <v>350</v>
      </c>
      <c r="B65982" s="14" t="s">
        <v>1</v>
      </c>
      <c r="C65982" s="14" t="s">
        <v>38</v>
      </c>
      <c r="D65982" s="14" t="s">
        <v>197</v>
      </c>
      <c r="E65982" s="15">
        <v>45658</v>
      </c>
      <c r="F65982" s="14" t="s">
        <v>15</v>
      </c>
      <c r="G65982" s="16">
        <v>1.2406493365408566</v>
      </c>
    </row>
    <row r="65983" spans="1:7" x14ac:dyDescent="0.3">
      <c r="A65983" s="13" t="s">
        <v>350</v>
      </c>
      <c r="B65983" s="14" t="s">
        <v>1</v>
      </c>
      <c r="C65983" s="14" t="s">
        <v>38</v>
      </c>
      <c r="D65983" s="14" t="s">
        <v>197</v>
      </c>
      <c r="E65983" s="15">
        <v>45659</v>
      </c>
      <c r="F65983" s="14" t="s">
        <v>15</v>
      </c>
      <c r="G65983" s="16">
        <v>1.2359735217614645</v>
      </c>
    </row>
    <row r="65984" spans="1:7" x14ac:dyDescent="0.3">
      <c r="A65984" s="13" t="s">
        <v>350</v>
      </c>
      <c r="B65984" s="14" t="s">
        <v>1</v>
      </c>
      <c r="C65984" s="14" t="s">
        <v>38</v>
      </c>
      <c r="D65984" s="14" t="s">
        <v>197</v>
      </c>
      <c r="E65984" s="15">
        <v>45660</v>
      </c>
      <c r="F65984" s="14" t="s">
        <v>15</v>
      </c>
      <c r="G65984" s="16">
        <v>1.3995012931026234</v>
      </c>
    </row>
    <row r="65985" spans="1:7" x14ac:dyDescent="0.3">
      <c r="A65985" s="13" t="s">
        <v>350</v>
      </c>
      <c r="B65985" s="14" t="s">
        <v>1</v>
      </c>
      <c r="C65985" s="14" t="s">
        <v>38</v>
      </c>
      <c r="D65985" s="14" t="s">
        <v>197</v>
      </c>
      <c r="E65985" s="15">
        <v>45661</v>
      </c>
      <c r="F65985" s="14" t="s">
        <v>15</v>
      </c>
      <c r="G65985" s="16">
        <v>1.3995012931026234</v>
      </c>
    </row>
    <row r="65986" spans="1:7" x14ac:dyDescent="0.3">
      <c r="A65986" s="13" t="s">
        <v>350</v>
      </c>
      <c r="B65986" s="14" t="s">
        <v>1</v>
      </c>
      <c r="C65986" s="14" t="s">
        <v>38</v>
      </c>
      <c r="D65986" s="14" t="s">
        <v>197</v>
      </c>
      <c r="E65986" s="15">
        <v>45662</v>
      </c>
      <c r="F65986" s="14" t="s">
        <v>15</v>
      </c>
      <c r="G65986" s="16">
        <v>1.3995012931026234</v>
      </c>
    </row>
    <row r="65987" spans="1:7" x14ac:dyDescent="0.3">
      <c r="A65987" s="13" t="s">
        <v>350</v>
      </c>
      <c r="B65987" s="14" t="s">
        <v>1</v>
      </c>
      <c r="C65987" s="14" t="s">
        <v>38</v>
      </c>
      <c r="D65987" s="14" t="s">
        <v>197</v>
      </c>
      <c r="E65987" s="15">
        <v>45663</v>
      </c>
      <c r="F65987" s="14" t="s">
        <v>15</v>
      </c>
      <c r="G65987" s="16">
        <v>1.3948704166169175</v>
      </c>
    </row>
    <row r="65988" spans="1:7" x14ac:dyDescent="0.3">
      <c r="A65988" s="13" t="s">
        <v>350</v>
      </c>
      <c r="B65988" s="14" t="s">
        <v>1</v>
      </c>
      <c r="C65988" s="14" t="s">
        <v>38</v>
      </c>
      <c r="D65988" s="14" t="s">
        <v>197</v>
      </c>
      <c r="E65988" s="15">
        <v>45664</v>
      </c>
      <c r="F65988" s="14" t="s">
        <v>15</v>
      </c>
      <c r="G65988" s="16">
        <v>1.3810160112455023</v>
      </c>
    </row>
    <row r="65989" spans="1:7" x14ac:dyDescent="0.3">
      <c r="A65989" s="13" t="s">
        <v>350</v>
      </c>
      <c r="B65989" s="14" t="s">
        <v>1</v>
      </c>
      <c r="C65989" s="14" t="s">
        <v>38</v>
      </c>
      <c r="D65989" s="14" t="s">
        <v>197</v>
      </c>
      <c r="E65989" s="15">
        <v>45665</v>
      </c>
      <c r="F65989" s="14" t="s">
        <v>15</v>
      </c>
      <c r="G65989" s="16">
        <v>1.3763477979685248</v>
      </c>
    </row>
    <row r="65990" spans="1:7" x14ac:dyDescent="0.3">
      <c r="A65990" s="13" t="s">
        <v>350</v>
      </c>
      <c r="B65990" s="14" t="s">
        <v>1</v>
      </c>
      <c r="C65990" s="14" t="s">
        <v>38</v>
      </c>
      <c r="D65990" s="14" t="s">
        <v>197</v>
      </c>
      <c r="E65990" s="15">
        <v>45666</v>
      </c>
      <c r="F65990" s="14" t="s">
        <v>15</v>
      </c>
      <c r="G65990" s="16">
        <v>1.3716619223771132</v>
      </c>
    </row>
    <row r="65991" spans="1:7" x14ac:dyDescent="0.3">
      <c r="A65991" s="13" t="s">
        <v>350</v>
      </c>
      <c r="B65991" s="14" t="s">
        <v>1</v>
      </c>
      <c r="C65991" s="14" t="s">
        <v>38</v>
      </c>
      <c r="D65991" s="14" t="s">
        <v>197</v>
      </c>
      <c r="E65991" s="15">
        <v>45667</v>
      </c>
      <c r="F65991" s="14" t="s">
        <v>15</v>
      </c>
      <c r="G65991" s="16">
        <v>1.378806890999617</v>
      </c>
    </row>
    <row r="65992" spans="1:7" x14ac:dyDescent="0.3">
      <c r="A65992" s="13" t="s">
        <v>350</v>
      </c>
      <c r="B65992" s="14" t="s">
        <v>1</v>
      </c>
      <c r="C65992" s="14" t="s">
        <v>38</v>
      </c>
      <c r="D65992" s="14" t="s">
        <v>197</v>
      </c>
      <c r="E65992" s="15">
        <v>45668</v>
      </c>
      <c r="F65992" s="14" t="s">
        <v>15</v>
      </c>
      <c r="G65992" s="16">
        <v>1.378806890999617</v>
      </c>
    </row>
    <row r="65993" spans="1:7" x14ac:dyDescent="0.3">
      <c r="A65993" s="13" t="s">
        <v>350</v>
      </c>
      <c r="B65993" s="14" t="s">
        <v>1</v>
      </c>
      <c r="C65993" s="14" t="s">
        <v>38</v>
      </c>
      <c r="D65993" s="14" t="s">
        <v>197</v>
      </c>
      <c r="E65993" s="15">
        <v>45669</v>
      </c>
      <c r="F65993" s="14" t="s">
        <v>15</v>
      </c>
      <c r="G65993" s="16">
        <v>1.378806890999617</v>
      </c>
    </row>
    <row r="65994" spans="1:7" x14ac:dyDescent="0.3">
      <c r="A65994" s="13" t="s">
        <v>350</v>
      </c>
      <c r="B65994" s="14" t="s">
        <v>1</v>
      </c>
      <c r="C65994" s="14" t="s">
        <v>38</v>
      </c>
      <c r="D65994" s="14" t="s">
        <v>197</v>
      </c>
      <c r="E65994" s="15">
        <v>45670</v>
      </c>
      <c r="F65994" s="14" t="s">
        <v>15</v>
      </c>
      <c r="G65994" s="16">
        <v>1.374165730128291</v>
      </c>
    </row>
    <row r="65995" spans="1:7" x14ac:dyDescent="0.3">
      <c r="A65995" s="13" t="s">
        <v>350</v>
      </c>
      <c r="B65995" s="14" t="s">
        <v>1</v>
      </c>
      <c r="C65995" s="14" t="s">
        <v>38</v>
      </c>
      <c r="D65995" s="14" t="s">
        <v>197</v>
      </c>
      <c r="E65995" s="15">
        <v>45671</v>
      </c>
      <c r="F65995" s="14" t="s">
        <v>15</v>
      </c>
      <c r="G65995" s="16">
        <v>1.3604143921866738</v>
      </c>
    </row>
    <row r="65996" spans="1:7" x14ac:dyDescent="0.3">
      <c r="A65996" s="13" t="s">
        <v>350</v>
      </c>
      <c r="B65996" s="14" t="s">
        <v>1</v>
      </c>
      <c r="C65996" s="14" t="s">
        <v>38</v>
      </c>
      <c r="D65996" s="14" t="s">
        <v>197</v>
      </c>
      <c r="E65996" s="15">
        <v>45672</v>
      </c>
      <c r="F65996" s="14" t="s">
        <v>15</v>
      </c>
      <c r="G65996" s="16">
        <v>1.3558682500955306</v>
      </c>
    </row>
    <row r="65997" spans="1:7" x14ac:dyDescent="0.3">
      <c r="A65997" s="13" t="s">
        <v>350</v>
      </c>
      <c r="B65997" s="14" t="s">
        <v>1</v>
      </c>
      <c r="C65997" s="14" t="s">
        <v>38</v>
      </c>
      <c r="D65997" s="14" t="s">
        <v>197</v>
      </c>
      <c r="E65997" s="15">
        <v>45673</v>
      </c>
      <c r="F65997" s="14" t="s">
        <v>15</v>
      </c>
      <c r="G65997" s="16">
        <v>1.3512802997411069</v>
      </c>
    </row>
    <row r="65998" spans="1:7" x14ac:dyDescent="0.3">
      <c r="A65998" s="13" t="s">
        <v>350</v>
      </c>
      <c r="B65998" s="14" t="s">
        <v>1</v>
      </c>
      <c r="C65998" s="14" t="s">
        <v>38</v>
      </c>
      <c r="D65998" s="14" t="s">
        <v>197</v>
      </c>
      <c r="E65998" s="15">
        <v>45674</v>
      </c>
      <c r="F65998" s="14" t="s">
        <v>15</v>
      </c>
      <c r="G65998" s="16">
        <v>1.3466950322698885</v>
      </c>
    </row>
    <row r="65999" spans="1:7" x14ac:dyDescent="0.3">
      <c r="A65999" s="13" t="s">
        <v>350</v>
      </c>
      <c r="B65999" s="14" t="s">
        <v>1</v>
      </c>
      <c r="C65999" s="14" t="s">
        <v>38</v>
      </c>
      <c r="D65999" s="14" t="s">
        <v>197</v>
      </c>
      <c r="E65999" s="15">
        <v>45675</v>
      </c>
      <c r="F65999" s="14" t="s">
        <v>15</v>
      </c>
      <c r="G65999" s="16">
        <v>1.3466950322698885</v>
      </c>
    </row>
    <row r="66000" spans="1:7" x14ac:dyDescent="0.3">
      <c r="A66000" s="13" t="s">
        <v>350</v>
      </c>
      <c r="B66000" s="14" t="s">
        <v>1</v>
      </c>
      <c r="C66000" s="14" t="s">
        <v>38</v>
      </c>
      <c r="D66000" s="14" t="s">
        <v>197</v>
      </c>
      <c r="E66000" s="15">
        <v>45676</v>
      </c>
      <c r="F66000" s="14" t="s">
        <v>15</v>
      </c>
      <c r="G66000" s="16">
        <v>1.3466950322698885</v>
      </c>
    </row>
    <row r="66001" spans="1:7" x14ac:dyDescent="0.3">
      <c r="A66001" s="13" t="s">
        <v>350</v>
      </c>
      <c r="B66001" s="14" t="s">
        <v>1</v>
      </c>
      <c r="C66001" s="14" t="s">
        <v>38</v>
      </c>
      <c r="D66001" s="14" t="s">
        <v>197</v>
      </c>
      <c r="E66001" s="15">
        <v>45677</v>
      </c>
      <c r="F66001" s="14" t="s">
        <v>15</v>
      </c>
      <c r="G66001" s="16">
        <v>1.3562434170970068</v>
      </c>
    </row>
    <row r="66002" spans="1:7" x14ac:dyDescent="0.3">
      <c r="A66002" s="13" t="s">
        <v>350</v>
      </c>
      <c r="B66002" s="14" t="s">
        <v>1</v>
      </c>
      <c r="C66002" s="14" t="s">
        <v>38</v>
      </c>
      <c r="D66002" s="14" t="s">
        <v>197</v>
      </c>
      <c r="E66002" s="15">
        <v>45678</v>
      </c>
      <c r="F66002" s="14" t="s">
        <v>15</v>
      </c>
      <c r="G66002" s="16">
        <v>1.3422924279302064</v>
      </c>
    </row>
    <row r="66003" spans="1:7" x14ac:dyDescent="0.3">
      <c r="A66003" s="13" t="s">
        <v>350</v>
      </c>
      <c r="B66003" s="14" t="s">
        <v>1</v>
      </c>
      <c r="C66003" s="14" t="s">
        <v>38</v>
      </c>
      <c r="D66003" s="14" t="s">
        <v>197</v>
      </c>
      <c r="E66003" s="15">
        <v>45679</v>
      </c>
      <c r="F66003" s="14" t="s">
        <v>15</v>
      </c>
      <c r="G66003" s="16">
        <v>1.3376094587956004</v>
      </c>
    </row>
    <row r="66004" spans="1:7" x14ac:dyDescent="0.3">
      <c r="A66004" s="13" t="s">
        <v>350</v>
      </c>
      <c r="B66004" s="14" t="s">
        <v>1</v>
      </c>
      <c r="C66004" s="14" t="s">
        <v>38</v>
      </c>
      <c r="D66004" s="14" t="s">
        <v>197</v>
      </c>
      <c r="E66004" s="15">
        <v>45680</v>
      </c>
      <c r="F66004" s="14" t="s">
        <v>15</v>
      </c>
      <c r="G66004" s="16">
        <v>1.3329126280977679</v>
      </c>
    </row>
    <row r="66005" spans="1:7" x14ac:dyDescent="0.3">
      <c r="A66005" s="13" t="s">
        <v>350</v>
      </c>
      <c r="B66005" s="14" t="s">
        <v>1</v>
      </c>
      <c r="C66005" s="14" t="s">
        <v>38</v>
      </c>
      <c r="D66005" s="14" t="s">
        <v>197</v>
      </c>
      <c r="E66005" s="15">
        <v>45681</v>
      </c>
      <c r="F66005" s="14" t="s">
        <v>15</v>
      </c>
      <c r="G66005" s="16">
        <v>1.3282178095623394</v>
      </c>
    </row>
    <row r="66006" spans="1:7" x14ac:dyDescent="0.3">
      <c r="A66006" s="13" t="s">
        <v>350</v>
      </c>
      <c r="B66006" s="14" t="s">
        <v>1</v>
      </c>
      <c r="C66006" s="14" t="s">
        <v>38</v>
      </c>
      <c r="D66006" s="14" t="s">
        <v>197</v>
      </c>
      <c r="E66006" s="15">
        <v>45682</v>
      </c>
      <c r="F66006" s="14" t="s">
        <v>15</v>
      </c>
      <c r="G66006" s="16">
        <v>1.3282178095623394</v>
      </c>
    </row>
    <row r="66007" spans="1:7" x14ac:dyDescent="0.3">
      <c r="A66007" s="13" t="s">
        <v>350</v>
      </c>
      <c r="B66007" s="14" t="s">
        <v>1</v>
      </c>
      <c r="C66007" s="14" t="s">
        <v>38</v>
      </c>
      <c r="D66007" s="14" t="s">
        <v>197</v>
      </c>
      <c r="E66007" s="15">
        <v>45683</v>
      </c>
      <c r="F66007" s="14" t="s">
        <v>15</v>
      </c>
      <c r="G66007" s="16">
        <v>1.3282178095623394</v>
      </c>
    </row>
    <row r="66008" spans="1:7" x14ac:dyDescent="0.3">
      <c r="A66008" s="13" t="s">
        <v>350</v>
      </c>
      <c r="B66008" s="14" t="s">
        <v>1</v>
      </c>
      <c r="C66008" s="14" t="s">
        <v>38</v>
      </c>
      <c r="D66008" s="14" t="s">
        <v>197</v>
      </c>
      <c r="E66008" s="15">
        <v>45684</v>
      </c>
      <c r="F66008" s="14" t="s">
        <v>15</v>
      </c>
      <c r="G66008" s="16">
        <v>1.3236553465983647</v>
      </c>
    </row>
    <row r="66009" spans="1:7" x14ac:dyDescent="0.3">
      <c r="A66009" s="13" t="s">
        <v>350</v>
      </c>
      <c r="B66009" s="14" t="s">
        <v>1</v>
      </c>
      <c r="C66009" s="14" t="s">
        <v>38</v>
      </c>
      <c r="D66009" s="14" t="s">
        <v>197</v>
      </c>
      <c r="E66009" s="15">
        <v>45685</v>
      </c>
      <c r="F66009" s="14" t="s">
        <v>15</v>
      </c>
      <c r="G66009" s="16">
        <v>1.3094606622070961</v>
      </c>
    </row>
    <row r="66010" spans="1:7" x14ac:dyDescent="0.3">
      <c r="A66010" s="13" t="s">
        <v>350</v>
      </c>
      <c r="B66010" s="14" t="s">
        <v>1</v>
      </c>
      <c r="C66010" s="14" t="s">
        <v>38</v>
      </c>
      <c r="D66010" s="14" t="s">
        <v>197</v>
      </c>
      <c r="E66010" s="15">
        <v>45686</v>
      </c>
      <c r="F66010" s="14" t="s">
        <v>15</v>
      </c>
      <c r="G66010" s="16">
        <v>1.3094606622070961</v>
      </c>
    </row>
    <row r="66011" spans="1:7" x14ac:dyDescent="0.3">
      <c r="A66011" s="13" t="s">
        <v>350</v>
      </c>
      <c r="B66011" s="14" t="s">
        <v>1</v>
      </c>
      <c r="C66011" s="14" t="s">
        <v>38</v>
      </c>
      <c r="D66011" s="14" t="s">
        <v>197</v>
      </c>
      <c r="E66011" s="15">
        <v>45687</v>
      </c>
      <c r="F66011" s="14" t="s">
        <v>15</v>
      </c>
      <c r="G66011" s="16">
        <v>1.3094606622070961</v>
      </c>
    </row>
    <row r="66012" spans="1:7" x14ac:dyDescent="0.3">
      <c r="A66012" s="13" t="s">
        <v>350</v>
      </c>
      <c r="B66012" s="14" t="s">
        <v>1</v>
      </c>
      <c r="C66012" s="14" t="s">
        <v>38</v>
      </c>
      <c r="D66012" s="14" t="s">
        <v>197</v>
      </c>
      <c r="E66012" s="15">
        <v>45688</v>
      </c>
      <c r="F66012" s="14" t="s">
        <v>15</v>
      </c>
      <c r="G66012" s="16">
        <v>1.3047222468195838</v>
      </c>
    </row>
    <row r="66013" spans="1:7" x14ac:dyDescent="0.3">
      <c r="A66013" s="13" t="s">
        <v>350</v>
      </c>
      <c r="B66013" s="14" t="s">
        <v>1</v>
      </c>
      <c r="C66013" s="14" t="s">
        <v>38</v>
      </c>
      <c r="D66013" s="14" t="s">
        <v>197</v>
      </c>
      <c r="E66013" s="15">
        <v>45689</v>
      </c>
      <c r="F66013" s="14" t="s">
        <v>15</v>
      </c>
      <c r="G66013" s="16">
        <v>1.3047222468195838</v>
      </c>
    </row>
    <row r="66014" spans="1:7" x14ac:dyDescent="0.3">
      <c r="A66014" s="13" t="s">
        <v>350</v>
      </c>
      <c r="B66014" s="14" t="s">
        <v>1</v>
      </c>
      <c r="C66014" s="14" t="s">
        <v>38</v>
      </c>
      <c r="D66014" s="14" t="s">
        <v>197</v>
      </c>
      <c r="E66014" s="15">
        <v>45690</v>
      </c>
      <c r="F66014" s="14" t="s">
        <v>15</v>
      </c>
      <c r="G66014" s="16">
        <v>1.3047222468195838</v>
      </c>
    </row>
    <row r="66015" spans="1:7" x14ac:dyDescent="0.3">
      <c r="A66015" s="13" t="s">
        <v>350</v>
      </c>
      <c r="B66015" s="14" t="s">
        <v>1</v>
      </c>
      <c r="C66015" s="14" t="s">
        <v>38</v>
      </c>
      <c r="D66015" s="14" t="s">
        <v>197</v>
      </c>
      <c r="E66015" s="15">
        <v>45691</v>
      </c>
      <c r="F66015" s="14" t="s">
        <v>15</v>
      </c>
      <c r="G66015" s="16">
        <v>1.3047222468195838</v>
      </c>
    </row>
    <row r="66016" spans="1:7" x14ac:dyDescent="0.3">
      <c r="A66016" s="13" t="s">
        <v>350</v>
      </c>
      <c r="B66016" s="14" t="s">
        <v>1</v>
      </c>
      <c r="C66016" s="14" t="s">
        <v>38</v>
      </c>
      <c r="D66016" s="14" t="s">
        <v>197</v>
      </c>
      <c r="E66016" s="15">
        <v>45692</v>
      </c>
      <c r="F66016" s="14" t="s">
        <v>15</v>
      </c>
      <c r="G66016" s="16">
        <v>1.2906400199493311</v>
      </c>
    </row>
    <row r="66017" spans="1:7" x14ac:dyDescent="0.3">
      <c r="A66017" s="13" t="s">
        <v>350</v>
      </c>
      <c r="B66017" s="14" t="s">
        <v>1</v>
      </c>
      <c r="C66017" s="14" t="s">
        <v>38</v>
      </c>
      <c r="D66017" s="14" t="s">
        <v>197</v>
      </c>
      <c r="E66017" s="15">
        <v>45693</v>
      </c>
      <c r="F66017" s="14" t="s">
        <v>15</v>
      </c>
      <c r="G66017" s="16">
        <v>1.2716720391888978</v>
      </c>
    </row>
    <row r="66018" spans="1:7" x14ac:dyDescent="0.3">
      <c r="A66018" s="13" t="s">
        <v>350</v>
      </c>
      <c r="B66018" s="14" t="s">
        <v>1</v>
      </c>
      <c r="C66018" s="14" t="s">
        <v>38</v>
      </c>
      <c r="D66018" s="14" t="s">
        <v>197</v>
      </c>
      <c r="E66018" s="15">
        <v>45694</v>
      </c>
      <c r="F66018" s="14" t="s">
        <v>15</v>
      </c>
      <c r="G66018" s="16">
        <v>1.266996895130307</v>
      </c>
    </row>
    <row r="66019" spans="1:7" x14ac:dyDescent="0.3">
      <c r="A66019" s="13" t="s">
        <v>350</v>
      </c>
      <c r="B66019" s="14" t="s">
        <v>1</v>
      </c>
      <c r="C66019" s="14" t="s">
        <v>38</v>
      </c>
      <c r="D66019" s="14" t="s">
        <v>197</v>
      </c>
      <c r="E66019" s="15">
        <v>45695</v>
      </c>
      <c r="F66019" s="14" t="s">
        <v>15</v>
      </c>
      <c r="G66019" s="16">
        <v>1.2623130317012996</v>
      </c>
    </row>
    <row r="66020" spans="1:7" x14ac:dyDescent="0.3">
      <c r="A66020" s="13" t="s">
        <v>350</v>
      </c>
      <c r="B66020" s="14" t="s">
        <v>1</v>
      </c>
      <c r="C66020" s="14" t="s">
        <v>38</v>
      </c>
      <c r="D66020" s="14" t="s">
        <v>197</v>
      </c>
      <c r="E66020" s="15">
        <v>45696</v>
      </c>
      <c r="F66020" s="14" t="s">
        <v>15</v>
      </c>
      <c r="G66020" s="16">
        <v>1.2623130317012996</v>
      </c>
    </row>
    <row r="66021" spans="1:7" x14ac:dyDescent="0.3">
      <c r="A66021" s="13" t="s">
        <v>350</v>
      </c>
      <c r="B66021" s="14" t="s">
        <v>1</v>
      </c>
      <c r="C66021" s="14" t="s">
        <v>38</v>
      </c>
      <c r="D66021" s="14" t="s">
        <v>197</v>
      </c>
      <c r="E66021" s="15">
        <v>45697</v>
      </c>
      <c r="F66021" s="14" t="s">
        <v>15</v>
      </c>
      <c r="G66021" s="16">
        <v>1.2623130317012996</v>
      </c>
    </row>
    <row r="66022" spans="1:7" x14ac:dyDescent="0.3">
      <c r="A66022" s="13" t="s">
        <v>350</v>
      </c>
      <c r="B66022" s="14" t="s">
        <v>1</v>
      </c>
      <c r="C66022" s="14" t="s">
        <v>38</v>
      </c>
      <c r="D66022" s="14" t="s">
        <v>197</v>
      </c>
      <c r="E66022" s="15">
        <v>45698</v>
      </c>
      <c r="F66022" s="14" t="s">
        <v>15</v>
      </c>
      <c r="G66022" s="16">
        <v>1.2678692863191527</v>
      </c>
    </row>
    <row r="66023" spans="1:7" x14ac:dyDescent="0.3">
      <c r="A66023" s="13" t="s">
        <v>350</v>
      </c>
      <c r="B66023" s="14" t="s">
        <v>1</v>
      </c>
      <c r="C66023" s="14" t="s">
        <v>38</v>
      </c>
      <c r="D66023" s="14" t="s">
        <v>197</v>
      </c>
      <c r="E66023" s="15">
        <v>45699</v>
      </c>
      <c r="F66023" s="14" t="s">
        <v>15</v>
      </c>
      <c r="G66023" s="16">
        <v>1.2536947235519231</v>
      </c>
    </row>
    <row r="66024" spans="1:7" x14ac:dyDescent="0.3">
      <c r="A66024" s="13" t="s">
        <v>350</v>
      </c>
      <c r="B66024" s="14" t="s">
        <v>1</v>
      </c>
      <c r="C66024" s="14" t="s">
        <v>38</v>
      </c>
      <c r="D66024" s="14" t="s">
        <v>197</v>
      </c>
      <c r="E66024" s="15">
        <v>45700</v>
      </c>
      <c r="F66024" s="14" t="s">
        <v>15</v>
      </c>
      <c r="G66024" s="16">
        <v>1.2495628633423754</v>
      </c>
    </row>
    <row r="66025" spans="1:7" x14ac:dyDescent="0.3">
      <c r="A66025" s="13" t="s">
        <v>350</v>
      </c>
      <c r="B66025" s="14" t="s">
        <v>1</v>
      </c>
      <c r="C66025" s="14" t="s">
        <v>38</v>
      </c>
      <c r="D66025" s="14" t="s">
        <v>197</v>
      </c>
      <c r="E66025" s="15">
        <v>45701</v>
      </c>
      <c r="F66025" s="14" t="s">
        <v>15</v>
      </c>
      <c r="G66025" s="16">
        <v>1.2695662204463671</v>
      </c>
    </row>
    <row r="66026" spans="1:7" x14ac:dyDescent="0.3">
      <c r="A66026" s="13" t="s">
        <v>350</v>
      </c>
      <c r="B66026" s="14" t="s">
        <v>1</v>
      </c>
      <c r="C66026" s="14" t="s">
        <v>38</v>
      </c>
      <c r="D66026" s="14" t="s">
        <v>197</v>
      </c>
      <c r="E66026" s="15">
        <v>45702</v>
      </c>
      <c r="F66026" s="14" t="s">
        <v>15</v>
      </c>
      <c r="G66026" s="16">
        <v>1.264853516022904</v>
      </c>
    </row>
    <row r="66027" spans="1:7" x14ac:dyDescent="0.3">
      <c r="A66027" s="13" t="s">
        <v>350</v>
      </c>
      <c r="B66027" s="14" t="s">
        <v>1</v>
      </c>
      <c r="C66027" s="14" t="s">
        <v>38</v>
      </c>
      <c r="D66027" s="14" t="s">
        <v>197</v>
      </c>
      <c r="E66027" s="15">
        <v>45703</v>
      </c>
      <c r="F66027" s="14" t="s">
        <v>15</v>
      </c>
      <c r="G66027" s="16">
        <v>1.264853516022904</v>
      </c>
    </row>
    <row r="66028" spans="1:7" x14ac:dyDescent="0.3">
      <c r="A66028" s="13" t="s">
        <v>350</v>
      </c>
      <c r="B66028" s="14" t="s">
        <v>1</v>
      </c>
      <c r="C66028" s="14" t="s">
        <v>38</v>
      </c>
      <c r="D66028" s="14" t="s">
        <v>197</v>
      </c>
      <c r="E66028" s="15">
        <v>45704</v>
      </c>
      <c r="F66028" s="14" t="s">
        <v>15</v>
      </c>
      <c r="G66028" s="16">
        <v>1.264853516022904</v>
      </c>
    </row>
    <row r="66029" spans="1:7" x14ac:dyDescent="0.3">
      <c r="A66029" s="13" t="s">
        <v>350</v>
      </c>
      <c r="B66029" s="14" t="s">
        <v>1</v>
      </c>
      <c r="C66029" s="14" t="s">
        <v>38</v>
      </c>
      <c r="D66029" s="14" t="s">
        <v>197</v>
      </c>
      <c r="E66029" s="15">
        <v>45705</v>
      </c>
      <c r="F66029" s="14" t="s">
        <v>15</v>
      </c>
      <c r="G66029" s="16">
        <v>1.2601320922290242</v>
      </c>
    </row>
    <row r="66030" spans="1:7" x14ac:dyDescent="0.3">
      <c r="A66030" s="13" t="s">
        <v>350</v>
      </c>
      <c r="B66030" s="14" t="s">
        <v>1</v>
      </c>
      <c r="C66030" s="14" t="s">
        <v>38</v>
      </c>
      <c r="D66030" s="14" t="s">
        <v>197</v>
      </c>
      <c r="E66030" s="15">
        <v>45706</v>
      </c>
      <c r="F66030" s="14" t="s">
        <v>15</v>
      </c>
      <c r="G66030" s="16">
        <v>1.245826515331943</v>
      </c>
    </row>
    <row r="66031" spans="1:7" x14ac:dyDescent="0.3">
      <c r="A66031" s="13" t="s">
        <v>350</v>
      </c>
      <c r="B66031" s="14" t="s">
        <v>1</v>
      </c>
      <c r="C66031" s="14" t="s">
        <v>38</v>
      </c>
      <c r="D66031" s="14" t="s">
        <v>197</v>
      </c>
      <c r="E66031" s="15">
        <v>45707</v>
      </c>
      <c r="F66031" s="14" t="s">
        <v>15</v>
      </c>
      <c r="G66031" s="16">
        <v>1.2467181303504402</v>
      </c>
    </row>
    <row r="66032" spans="1:7" x14ac:dyDescent="0.3">
      <c r="A66032" s="13" t="s">
        <v>350</v>
      </c>
      <c r="B66032" s="14" t="s">
        <v>1</v>
      </c>
      <c r="C66032" s="14" t="s">
        <v>38</v>
      </c>
      <c r="D66032" s="14" t="s">
        <v>197</v>
      </c>
      <c r="E66032" s="15">
        <v>45708</v>
      </c>
      <c r="F66032" s="14" t="s">
        <v>15</v>
      </c>
      <c r="G66032" s="16">
        <v>1.2419090662791412</v>
      </c>
    </row>
    <row r="66033" spans="1:7" x14ac:dyDescent="0.3">
      <c r="A66033" s="13" t="s">
        <v>350</v>
      </c>
      <c r="B66033" s="14" t="s">
        <v>1</v>
      </c>
      <c r="C66033" s="14" t="s">
        <v>38</v>
      </c>
      <c r="D66033" s="14" t="s">
        <v>197</v>
      </c>
      <c r="E66033" s="15">
        <v>45709</v>
      </c>
      <c r="F66033" s="14" t="s">
        <v>15</v>
      </c>
      <c r="G66033" s="16">
        <v>1.2371009190502369</v>
      </c>
    </row>
    <row r="66034" spans="1:7" x14ac:dyDescent="0.3">
      <c r="A66034" s="13" t="s">
        <v>350</v>
      </c>
      <c r="B66034" s="14" t="s">
        <v>1</v>
      </c>
      <c r="C66034" s="14" t="s">
        <v>38</v>
      </c>
      <c r="D66034" s="14" t="s">
        <v>197</v>
      </c>
      <c r="E66034" s="15">
        <v>45710</v>
      </c>
      <c r="F66034" s="14" t="s">
        <v>15</v>
      </c>
      <c r="G66034" s="16">
        <v>1.2371009190502369</v>
      </c>
    </row>
    <row r="66035" spans="1:7" x14ac:dyDescent="0.3">
      <c r="A66035" s="13" t="s">
        <v>350</v>
      </c>
      <c r="B66035" s="14" t="s">
        <v>1</v>
      </c>
      <c r="C66035" s="14" t="s">
        <v>38</v>
      </c>
      <c r="D66035" s="14" t="s">
        <v>197</v>
      </c>
      <c r="E66035" s="15">
        <v>45711</v>
      </c>
      <c r="F66035" s="14" t="s">
        <v>15</v>
      </c>
      <c r="G66035" s="16">
        <v>1.2371009190502369</v>
      </c>
    </row>
    <row r="66036" spans="1:7" x14ac:dyDescent="0.3">
      <c r="A66036" s="13" t="s">
        <v>350</v>
      </c>
      <c r="B66036" s="14" t="s">
        <v>1</v>
      </c>
      <c r="C66036" s="14" t="s">
        <v>38</v>
      </c>
      <c r="D66036" s="14" t="s">
        <v>197</v>
      </c>
      <c r="E66036" s="15">
        <v>45712</v>
      </c>
      <c r="F66036" s="14" t="s">
        <v>15</v>
      </c>
      <c r="G66036" s="16">
        <v>1.2323305915701179</v>
      </c>
    </row>
    <row r="66037" spans="1:7" x14ac:dyDescent="0.3">
      <c r="A66037" s="13" t="s">
        <v>350</v>
      </c>
      <c r="B66037" s="14" t="s">
        <v>1</v>
      </c>
      <c r="C66037" s="14" t="s">
        <v>38</v>
      </c>
      <c r="D66037" s="14" t="s">
        <v>197</v>
      </c>
      <c r="E66037" s="15">
        <v>45713</v>
      </c>
      <c r="F66037" s="14" t="s">
        <v>15</v>
      </c>
      <c r="G66037" s="16">
        <v>1.2178778046005196</v>
      </c>
    </row>
    <row r="66038" spans="1:7" x14ac:dyDescent="0.3">
      <c r="A66038" s="13" t="s">
        <v>350</v>
      </c>
      <c r="B66038" s="14" t="s">
        <v>1</v>
      </c>
      <c r="C66038" s="14" t="s">
        <v>38</v>
      </c>
      <c r="D66038" s="14" t="s">
        <v>197</v>
      </c>
      <c r="E66038" s="15">
        <v>45714</v>
      </c>
      <c r="F66038" s="14" t="s">
        <v>15</v>
      </c>
      <c r="G66038" s="16">
        <v>1.2130731290104877</v>
      </c>
    </row>
    <row r="66039" spans="1:7" x14ac:dyDescent="0.3">
      <c r="A66039" s="13" t="s">
        <v>350</v>
      </c>
      <c r="B66039" s="14" t="s">
        <v>1</v>
      </c>
      <c r="C66039" s="14" t="s">
        <v>38</v>
      </c>
      <c r="D66039" s="14" t="s">
        <v>197</v>
      </c>
      <c r="E66039" s="15">
        <v>45715</v>
      </c>
      <c r="F66039" s="14" t="s">
        <v>15</v>
      </c>
      <c r="G66039" s="16">
        <v>1.208316296876667</v>
      </c>
    </row>
    <row r="66040" spans="1:7" x14ac:dyDescent="0.3">
      <c r="A66040" s="13" t="s">
        <v>350</v>
      </c>
      <c r="B66040" s="14" t="s">
        <v>1</v>
      </c>
      <c r="C66040" s="14" t="s">
        <v>38</v>
      </c>
      <c r="D66040" s="14" t="s">
        <v>197</v>
      </c>
      <c r="E66040" s="15">
        <v>45716</v>
      </c>
      <c r="F66040" s="14" t="s">
        <v>15</v>
      </c>
      <c r="G66040" s="16">
        <v>1.2341197116150802</v>
      </c>
    </row>
    <row r="66041" spans="1:7" x14ac:dyDescent="0.3">
      <c r="A66041" s="13" t="s">
        <v>350</v>
      </c>
      <c r="B66041" s="14" t="s">
        <v>1</v>
      </c>
      <c r="C66041" s="14" t="s">
        <v>38</v>
      </c>
      <c r="D66041" s="14" t="s">
        <v>197</v>
      </c>
      <c r="E66041" s="15">
        <v>45717</v>
      </c>
      <c r="F66041" s="14" t="s">
        <v>15</v>
      </c>
      <c r="G66041" s="16">
        <v>1.2341197116150802</v>
      </c>
    </row>
    <row r="66042" spans="1:7" x14ac:dyDescent="0.3">
      <c r="A66042" s="13" t="s">
        <v>350</v>
      </c>
      <c r="B66042" s="14" t="s">
        <v>1</v>
      </c>
      <c r="C66042" s="14" t="s">
        <v>38</v>
      </c>
      <c r="D66042" s="14" t="s">
        <v>197</v>
      </c>
      <c r="E66042" s="15">
        <v>45718</v>
      </c>
      <c r="F66042" s="14" t="s">
        <v>15</v>
      </c>
      <c r="G66042" s="16">
        <v>1.2341197116150802</v>
      </c>
    </row>
    <row r="66043" spans="1:7" x14ac:dyDescent="0.3">
      <c r="A66043" s="13" t="s">
        <v>350</v>
      </c>
      <c r="B66043" s="14" t="s">
        <v>1</v>
      </c>
      <c r="C66043" s="14" t="s">
        <v>38</v>
      </c>
      <c r="D66043" s="14" t="s">
        <v>197</v>
      </c>
      <c r="E66043" s="15">
        <v>45719</v>
      </c>
      <c r="F66043" s="14" t="s">
        <v>15</v>
      </c>
      <c r="G66043" s="16">
        <v>1.2293478087925529</v>
      </c>
    </row>
    <row r="66044" spans="1:7" x14ac:dyDescent="0.3">
      <c r="A66044" s="13" t="s">
        <v>350</v>
      </c>
      <c r="B66044" s="14" t="s">
        <v>1</v>
      </c>
      <c r="C66044" s="14" t="s">
        <v>38</v>
      </c>
      <c r="D66044" s="14" t="s">
        <v>197</v>
      </c>
      <c r="E66044" s="15">
        <v>45720</v>
      </c>
      <c r="F66044" s="14" t="s">
        <v>15</v>
      </c>
      <c r="G66044" s="16">
        <v>1.2155052651069296</v>
      </c>
    </row>
    <row r="66045" spans="1:7" x14ac:dyDescent="0.3">
      <c r="A66045" s="13" t="s">
        <v>350</v>
      </c>
      <c r="B66045" s="14" t="s">
        <v>1</v>
      </c>
      <c r="C66045" s="14" t="s">
        <v>38</v>
      </c>
      <c r="D66045" s="14" t="s">
        <v>197</v>
      </c>
      <c r="E66045" s="15">
        <v>45721</v>
      </c>
      <c r="F66045" s="14" t="s">
        <v>15</v>
      </c>
      <c r="G66045" s="16">
        <v>1.2108950731663963</v>
      </c>
    </row>
    <row r="66046" spans="1:7" x14ac:dyDescent="0.3">
      <c r="A66046" s="13" t="s">
        <v>350</v>
      </c>
      <c r="B66046" s="14" t="s">
        <v>1</v>
      </c>
      <c r="C66046" s="14" t="s">
        <v>38</v>
      </c>
      <c r="D66046" s="14" t="s">
        <v>197</v>
      </c>
      <c r="E66046" s="15">
        <v>45722</v>
      </c>
      <c r="F66046" s="14" t="s">
        <v>15</v>
      </c>
      <c r="G66046" s="16">
        <v>1.253848931652866</v>
      </c>
    </row>
    <row r="66047" spans="1:7" x14ac:dyDescent="0.3">
      <c r="A66047" s="13" t="s">
        <v>350</v>
      </c>
      <c r="B66047" s="14" t="s">
        <v>1</v>
      </c>
      <c r="C66047" s="14" t="s">
        <v>38</v>
      </c>
      <c r="D66047" s="14" t="s">
        <v>197</v>
      </c>
      <c r="E66047" s="15">
        <v>45723</v>
      </c>
      <c r="F66047" s="14" t="s">
        <v>15</v>
      </c>
      <c r="G66047" s="16">
        <v>1.3496652641244564</v>
      </c>
    </row>
    <row r="66048" spans="1:7" x14ac:dyDescent="0.3">
      <c r="A66048" s="13" t="s">
        <v>350</v>
      </c>
      <c r="B66048" s="14" t="s">
        <v>1</v>
      </c>
      <c r="C66048" s="14" t="s">
        <v>38</v>
      </c>
      <c r="D66048" s="14" t="s">
        <v>197</v>
      </c>
      <c r="E66048" s="15">
        <v>45724</v>
      </c>
      <c r="F66048" s="14" t="s">
        <v>15</v>
      </c>
      <c r="G66048" s="16">
        <v>1.3496652641244564</v>
      </c>
    </row>
    <row r="66049" spans="1:7" x14ac:dyDescent="0.3">
      <c r="A66049" s="13" t="s">
        <v>350</v>
      </c>
      <c r="B66049" s="14" t="s">
        <v>1</v>
      </c>
      <c r="C66049" s="14" t="s">
        <v>38</v>
      </c>
      <c r="D66049" s="14" t="s">
        <v>197</v>
      </c>
      <c r="E66049" s="15">
        <v>45725</v>
      </c>
      <c r="F66049" s="14" t="s">
        <v>15</v>
      </c>
      <c r="G66049" s="16">
        <v>1.3496652641244564</v>
      </c>
    </row>
    <row r="66050" spans="1:7" x14ac:dyDescent="0.3">
      <c r="A66050" s="13" t="s">
        <v>350</v>
      </c>
      <c r="B66050" s="14" t="s">
        <v>1</v>
      </c>
      <c r="C66050" s="14" t="s">
        <v>38</v>
      </c>
      <c r="D66050" s="14" t="s">
        <v>197</v>
      </c>
      <c r="E66050" s="15">
        <v>45726</v>
      </c>
      <c r="F66050" s="14" t="s">
        <v>15</v>
      </c>
      <c r="G66050" s="16">
        <v>1.3526294089540116</v>
      </c>
    </row>
    <row r="66051" spans="1:7" x14ac:dyDescent="0.3">
      <c r="A66051" s="13" t="s">
        <v>350</v>
      </c>
      <c r="B66051" s="14" t="s">
        <v>1</v>
      </c>
      <c r="C66051" s="14" t="s">
        <v>38</v>
      </c>
      <c r="D66051" s="14" t="s">
        <v>197</v>
      </c>
      <c r="E66051" s="15">
        <v>45727</v>
      </c>
      <c r="F66051" s="14" t="s">
        <v>15</v>
      </c>
      <c r="G66051" s="16">
        <v>1.3384469375120072</v>
      </c>
    </row>
    <row r="66052" spans="1:7" x14ac:dyDescent="0.3">
      <c r="A66052" s="13" t="s">
        <v>350</v>
      </c>
      <c r="B66052" s="14" t="s">
        <v>1</v>
      </c>
      <c r="C66052" s="14" t="s">
        <v>38</v>
      </c>
      <c r="D66052" s="14" t="s">
        <v>197</v>
      </c>
      <c r="E66052" s="15">
        <v>45728</v>
      </c>
      <c r="F66052" s="14" t="s">
        <v>15</v>
      </c>
      <c r="G66052" s="16">
        <v>1.3337424939627376</v>
      </c>
    </row>
    <row r="66053" spans="1:7" x14ac:dyDescent="0.3">
      <c r="A66053" s="13" t="s">
        <v>350</v>
      </c>
      <c r="B66053" s="14" t="s">
        <v>1</v>
      </c>
      <c r="C66053" s="14" t="s">
        <v>38</v>
      </c>
      <c r="D66053" s="14" t="s">
        <v>197</v>
      </c>
      <c r="E66053" s="15">
        <v>45729</v>
      </c>
      <c r="F66053" s="14" t="s">
        <v>15</v>
      </c>
      <c r="G66053" s="16">
        <v>1.3290777604821236</v>
      </c>
    </row>
    <row r="66054" spans="1:7" x14ac:dyDescent="0.3">
      <c r="A66054" s="13" t="s">
        <v>350</v>
      </c>
      <c r="B66054" s="14" t="s">
        <v>1</v>
      </c>
      <c r="C66054" s="14" t="s">
        <v>38</v>
      </c>
      <c r="D66054" s="14" t="s">
        <v>197</v>
      </c>
      <c r="E66054" s="15">
        <v>45730</v>
      </c>
      <c r="F66054" s="14" t="s">
        <v>15</v>
      </c>
      <c r="G66054" s="16">
        <v>1.3854600810406932</v>
      </c>
    </row>
    <row r="66055" spans="1:7" x14ac:dyDescent="0.3">
      <c r="A66055" s="13" t="s">
        <v>350</v>
      </c>
      <c r="B66055" s="14" t="s">
        <v>1</v>
      </c>
      <c r="C66055" s="14" t="s">
        <v>38</v>
      </c>
      <c r="D66055" s="14" t="s">
        <v>197</v>
      </c>
      <c r="E66055" s="15">
        <v>45731</v>
      </c>
      <c r="F66055" s="14" t="s">
        <v>15</v>
      </c>
      <c r="G66055" s="16">
        <v>1.3854600810406932</v>
      </c>
    </row>
    <row r="66056" spans="1:7" x14ac:dyDescent="0.3">
      <c r="A66056" s="13" t="s">
        <v>350</v>
      </c>
      <c r="B66056" s="14" t="s">
        <v>1</v>
      </c>
      <c r="C66056" s="14" t="s">
        <v>38</v>
      </c>
      <c r="D66056" s="14" t="s">
        <v>197</v>
      </c>
      <c r="E66056" s="15">
        <v>45732</v>
      </c>
      <c r="F66056" s="14" t="s">
        <v>15</v>
      </c>
      <c r="G66056" s="16">
        <v>1.3854600810406932</v>
      </c>
    </row>
    <row r="66057" spans="1:7" x14ac:dyDescent="0.3">
      <c r="A66057" s="13" t="s">
        <v>350</v>
      </c>
      <c r="B66057" s="14" t="s">
        <v>1</v>
      </c>
      <c r="C66057" s="14" t="s">
        <v>38</v>
      </c>
      <c r="D66057" s="14" t="s">
        <v>197</v>
      </c>
      <c r="E66057" s="15">
        <v>45733</v>
      </c>
      <c r="F66057" s="14" t="s">
        <v>15</v>
      </c>
      <c r="G66057" s="16">
        <v>1.3854600810406932</v>
      </c>
    </row>
    <row r="66058" spans="1:7" x14ac:dyDescent="0.3">
      <c r="A66058" s="13" t="s">
        <v>350</v>
      </c>
      <c r="B66058" s="14" t="s">
        <v>1</v>
      </c>
      <c r="C66058" s="14" t="s">
        <v>38</v>
      </c>
      <c r="D66058" s="14" t="s">
        <v>197</v>
      </c>
      <c r="E66058" s="15">
        <v>45734</v>
      </c>
      <c r="F66058" s="14" t="s">
        <v>15</v>
      </c>
      <c r="G66058" s="16">
        <v>1.3812254602314185</v>
      </c>
    </row>
    <row r="66059" spans="1:7" x14ac:dyDescent="0.3">
      <c r="A66059" s="13" t="s">
        <v>350</v>
      </c>
      <c r="B66059" s="14" t="s">
        <v>1</v>
      </c>
      <c r="C66059" s="14" t="s">
        <v>38</v>
      </c>
      <c r="D66059" s="14" t="s">
        <v>197</v>
      </c>
      <c r="E66059" s="15">
        <v>45735</v>
      </c>
      <c r="F66059" s="14" t="s">
        <v>15</v>
      </c>
      <c r="G66059" s="16">
        <v>1.5216510312744032</v>
      </c>
    </row>
    <row r="66060" spans="1:7" x14ac:dyDescent="0.3">
      <c r="A66060" s="13" t="s">
        <v>350</v>
      </c>
      <c r="B66060" s="14" t="s">
        <v>1</v>
      </c>
      <c r="C66060" s="14" t="s">
        <v>38</v>
      </c>
      <c r="D66060" s="14" t="s">
        <v>197</v>
      </c>
      <c r="E66060" s="15">
        <v>45736</v>
      </c>
      <c r="F66060" s="14" t="s">
        <v>15</v>
      </c>
      <c r="G66060" s="16">
        <v>1.5169102266984134</v>
      </c>
    </row>
    <row r="66061" spans="1:7" x14ac:dyDescent="0.3">
      <c r="A66061" s="13" t="s">
        <v>350</v>
      </c>
      <c r="B66061" s="14" t="s">
        <v>1</v>
      </c>
      <c r="C66061" s="14" t="s">
        <v>38</v>
      </c>
      <c r="D66061" s="14" t="s">
        <v>197</v>
      </c>
      <c r="E66061" s="15">
        <v>45737</v>
      </c>
      <c r="F66061" s="14" t="s">
        <v>15</v>
      </c>
      <c r="G66061" s="16">
        <v>1.512177077075417</v>
      </c>
    </row>
    <row r="66062" spans="1:7" x14ac:dyDescent="0.3">
      <c r="A66062" s="13" t="s">
        <v>350</v>
      </c>
      <c r="B66062" s="14" t="s">
        <v>1</v>
      </c>
      <c r="C66062" s="14" t="s">
        <v>38</v>
      </c>
      <c r="D66062" s="14" t="s">
        <v>197</v>
      </c>
      <c r="E66062" s="15">
        <v>45738</v>
      </c>
      <c r="F66062" s="14" t="s">
        <v>15</v>
      </c>
      <c r="G66062" s="16">
        <v>1.512177077075417</v>
      </c>
    </row>
    <row r="66063" spans="1:7" x14ac:dyDescent="0.3">
      <c r="A66063" s="13" t="s">
        <v>350</v>
      </c>
      <c r="B66063" s="14" t="s">
        <v>1</v>
      </c>
      <c r="C66063" s="14" t="s">
        <v>38</v>
      </c>
      <c r="D66063" s="14" t="s">
        <v>197</v>
      </c>
      <c r="E66063" s="15">
        <v>45739</v>
      </c>
      <c r="F66063" s="14" t="s">
        <v>15</v>
      </c>
      <c r="G66063" s="16">
        <v>1.512177077075417</v>
      </c>
    </row>
    <row r="66064" spans="1:7" x14ac:dyDescent="0.3">
      <c r="A66064" s="13" t="s">
        <v>350</v>
      </c>
      <c r="B66064" s="14" t="s">
        <v>1</v>
      </c>
      <c r="C66064" s="14" t="s">
        <v>38</v>
      </c>
      <c r="D66064" s="14" t="s">
        <v>197</v>
      </c>
      <c r="E66064" s="15">
        <v>45740</v>
      </c>
      <c r="F66064" s="14" t="s">
        <v>15</v>
      </c>
      <c r="G66064" s="16">
        <v>1.5074527784918199</v>
      </c>
    </row>
    <row r="66065" spans="1:7" x14ac:dyDescent="0.3">
      <c r="A66065" s="13" t="s">
        <v>350</v>
      </c>
      <c r="B66065" s="14" t="s">
        <v>1</v>
      </c>
      <c r="C66065" s="14" t="s">
        <v>38</v>
      </c>
      <c r="D66065" s="14" t="s">
        <v>197</v>
      </c>
      <c r="E66065" s="15">
        <v>45741</v>
      </c>
      <c r="F66065" s="14" t="s">
        <v>15</v>
      </c>
      <c r="G66065" s="16">
        <v>1.4933903941249056</v>
      </c>
    </row>
    <row r="66066" spans="1:7" x14ac:dyDescent="0.3">
      <c r="A66066" s="13" t="s">
        <v>350</v>
      </c>
      <c r="B66066" s="14" t="s">
        <v>1</v>
      </c>
      <c r="C66066" s="14" t="s">
        <v>38</v>
      </c>
      <c r="D66066" s="14" t="s">
        <v>197</v>
      </c>
      <c r="E66066" s="15">
        <v>45742</v>
      </c>
      <c r="F66066" s="14" t="s">
        <v>15</v>
      </c>
      <c r="G66066" s="16">
        <v>1.5936145442172407</v>
      </c>
    </row>
    <row r="66067" spans="1:7" x14ac:dyDescent="0.3">
      <c r="A66067" s="13" t="s">
        <v>350</v>
      </c>
      <c r="B66067" s="14" t="s">
        <v>1</v>
      </c>
      <c r="C66067" s="14" t="s">
        <v>38</v>
      </c>
      <c r="D66067" s="14" t="s">
        <v>197</v>
      </c>
      <c r="E66067" s="15">
        <v>45743</v>
      </c>
      <c r="F66067" s="14" t="s">
        <v>15</v>
      </c>
      <c r="G66067" s="16">
        <v>1.5889397636108222</v>
      </c>
    </row>
    <row r="66068" spans="1:7" x14ac:dyDescent="0.3">
      <c r="A66068" s="13" t="s">
        <v>350</v>
      </c>
      <c r="B66068" s="14" t="s">
        <v>1</v>
      </c>
      <c r="C66068" s="14" t="s">
        <v>38</v>
      </c>
      <c r="D66068" s="14" t="s">
        <v>197</v>
      </c>
      <c r="E66068" s="15">
        <v>45744</v>
      </c>
      <c r="F66068" s="14" t="s">
        <v>15</v>
      </c>
      <c r="G66068" s="16">
        <v>1.5846515581305909</v>
      </c>
    </row>
    <row r="66069" spans="1:7" x14ac:dyDescent="0.3">
      <c r="A66069" s="13" t="s">
        <v>350</v>
      </c>
      <c r="B66069" s="14" t="s">
        <v>1</v>
      </c>
      <c r="C66069" s="14" t="s">
        <v>38</v>
      </c>
      <c r="D66069" s="14" t="s">
        <v>197</v>
      </c>
      <c r="E66069" s="15">
        <v>45745</v>
      </c>
      <c r="F66069" s="14" t="s">
        <v>15</v>
      </c>
      <c r="G66069" s="16">
        <v>1.5846515581305909</v>
      </c>
    </row>
    <row r="66070" spans="1:7" x14ac:dyDescent="0.3">
      <c r="A66070" s="13" t="s">
        <v>350</v>
      </c>
      <c r="B66070" s="14" t="s">
        <v>1</v>
      </c>
      <c r="C66070" s="14" t="s">
        <v>38</v>
      </c>
      <c r="D66070" s="14" t="s">
        <v>197</v>
      </c>
      <c r="E66070" s="15">
        <v>45746</v>
      </c>
      <c r="F66070" s="14" t="s">
        <v>15</v>
      </c>
      <c r="G66070" s="16">
        <v>1.5846515581305909</v>
      </c>
    </row>
    <row r="66071" spans="1:7" x14ac:dyDescent="0.3">
      <c r="A66071" s="13" t="s">
        <v>350</v>
      </c>
      <c r="B66071" s="14" t="s">
        <v>1</v>
      </c>
      <c r="C66071" s="14" t="s">
        <v>38</v>
      </c>
      <c r="D66071" s="14" t="s">
        <v>197</v>
      </c>
      <c r="E66071" s="15">
        <v>45747</v>
      </c>
      <c r="F66071" s="14" t="s">
        <v>15</v>
      </c>
      <c r="G66071" s="16">
        <v>1.5846515581305909</v>
      </c>
    </row>
    <row r="66072" spans="1:7" x14ac:dyDescent="0.3">
      <c r="A66072" s="13" t="s">
        <v>351</v>
      </c>
      <c r="B66072" s="14" t="s">
        <v>1</v>
      </c>
      <c r="C66072" s="14" t="s">
        <v>200</v>
      </c>
      <c r="D66072" s="14" t="s">
        <v>146</v>
      </c>
      <c r="E66072" s="15">
        <v>45383</v>
      </c>
      <c r="F66072" s="14" t="s">
        <v>61</v>
      </c>
      <c r="G66072" s="16">
        <v>0</v>
      </c>
    </row>
    <row r="66073" spans="1:7" x14ac:dyDescent="0.3">
      <c r="A66073" s="13" t="s">
        <v>351</v>
      </c>
      <c r="B66073" s="14" t="s">
        <v>1</v>
      </c>
      <c r="C66073" s="14" t="s">
        <v>200</v>
      </c>
      <c r="D66073" s="14" t="s">
        <v>146</v>
      </c>
      <c r="E66073" s="15">
        <v>45384</v>
      </c>
      <c r="F66073" s="14" t="s">
        <v>61</v>
      </c>
      <c r="G66073" s="16">
        <v>0</v>
      </c>
    </row>
    <row r="66074" spans="1:7" x14ac:dyDescent="0.3">
      <c r="A66074" s="13" t="s">
        <v>351</v>
      </c>
      <c r="B66074" s="14" t="s">
        <v>1</v>
      </c>
      <c r="C66074" s="14" t="s">
        <v>200</v>
      </c>
      <c r="D66074" s="14" t="s">
        <v>146</v>
      </c>
      <c r="E66074" s="15">
        <v>45385</v>
      </c>
      <c r="F66074" s="14" t="s">
        <v>61</v>
      </c>
      <c r="G66074" s="16">
        <v>3.4325174286171559E-2</v>
      </c>
    </row>
    <row r="66075" spans="1:7" x14ac:dyDescent="0.3">
      <c r="A66075" s="13" t="s">
        <v>351</v>
      </c>
      <c r="B66075" s="14" t="s">
        <v>1</v>
      </c>
      <c r="C66075" s="14" t="s">
        <v>200</v>
      </c>
      <c r="D66075" s="14" t="s">
        <v>146</v>
      </c>
      <c r="E66075" s="15">
        <v>45386</v>
      </c>
      <c r="F66075" s="14" t="s">
        <v>61</v>
      </c>
      <c r="G66075" s="16">
        <v>4.383437329667652E-2</v>
      </c>
    </row>
    <row r="66076" spans="1:7" x14ac:dyDescent="0.3">
      <c r="A66076" s="13" t="s">
        <v>351</v>
      </c>
      <c r="B66076" s="14" t="s">
        <v>1</v>
      </c>
      <c r="C66076" s="14" t="s">
        <v>200</v>
      </c>
      <c r="D66076" s="14" t="s">
        <v>146</v>
      </c>
      <c r="E66076" s="15">
        <v>45387</v>
      </c>
      <c r="F66076" s="14" t="s">
        <v>61</v>
      </c>
      <c r="G66076" s="16">
        <v>5.1234068345895133E-2</v>
      </c>
    </row>
    <row r="66077" spans="1:7" x14ac:dyDescent="0.3">
      <c r="A66077" s="13" t="s">
        <v>351</v>
      </c>
      <c r="B66077" s="14" t="s">
        <v>1</v>
      </c>
      <c r="C66077" s="14" t="s">
        <v>200</v>
      </c>
      <c r="D66077" s="14" t="s">
        <v>146</v>
      </c>
      <c r="E66077" s="15">
        <v>45388</v>
      </c>
      <c r="F66077" s="14" t="s">
        <v>61</v>
      </c>
      <c r="G66077" s="16">
        <v>5.1234068345895133E-2</v>
      </c>
    </row>
    <row r="66078" spans="1:7" x14ac:dyDescent="0.3">
      <c r="A66078" s="13" t="s">
        <v>351</v>
      </c>
      <c r="B66078" s="14" t="s">
        <v>1</v>
      </c>
      <c r="C66078" s="14" t="s">
        <v>200</v>
      </c>
      <c r="D66078" s="14" t="s">
        <v>146</v>
      </c>
      <c r="E66078" s="15">
        <v>45389</v>
      </c>
      <c r="F66078" s="14" t="s">
        <v>61</v>
      </c>
      <c r="G66078" s="16">
        <v>5.1234068345895133E-2</v>
      </c>
    </row>
    <row r="66079" spans="1:7" x14ac:dyDescent="0.3">
      <c r="A66079" s="13" t="s">
        <v>351</v>
      </c>
      <c r="B66079" s="14" t="s">
        <v>1</v>
      </c>
      <c r="C66079" s="14" t="s">
        <v>200</v>
      </c>
      <c r="D66079" s="14" t="s">
        <v>146</v>
      </c>
      <c r="E66079" s="15">
        <v>45390</v>
      </c>
      <c r="F66079" s="14" t="s">
        <v>61</v>
      </c>
      <c r="G66079" s="16">
        <v>5.0868272397343033E-2</v>
      </c>
    </row>
    <row r="66080" spans="1:7" x14ac:dyDescent="0.3">
      <c r="A66080" s="13" t="s">
        <v>351</v>
      </c>
      <c r="B66080" s="14" t="s">
        <v>1</v>
      </c>
      <c r="C66080" s="14" t="s">
        <v>200</v>
      </c>
      <c r="D66080" s="14" t="s">
        <v>146</v>
      </c>
      <c r="E66080" s="15">
        <v>45391</v>
      </c>
      <c r="F66080" s="14" t="s">
        <v>61</v>
      </c>
      <c r="G66080" s="16">
        <v>7.0740712861056002E-2</v>
      </c>
    </row>
    <row r="66081" spans="1:7" x14ac:dyDescent="0.3">
      <c r="A66081" s="13" t="s">
        <v>351</v>
      </c>
      <c r="B66081" s="14" t="s">
        <v>1</v>
      </c>
      <c r="C66081" s="14" t="s">
        <v>200</v>
      </c>
      <c r="D66081" s="14" t="s">
        <v>146</v>
      </c>
      <c r="E66081" s="15">
        <v>45392</v>
      </c>
      <c r="F66081" s="14" t="s">
        <v>61</v>
      </c>
      <c r="G66081" s="16">
        <v>8.9981971222809778E-2</v>
      </c>
    </row>
    <row r="66082" spans="1:7" x14ac:dyDescent="0.3">
      <c r="A66082" s="13" t="s">
        <v>351</v>
      </c>
      <c r="B66082" s="14" t="s">
        <v>1</v>
      </c>
      <c r="C66082" s="14" t="s">
        <v>200</v>
      </c>
      <c r="D66082" s="14" t="s">
        <v>146</v>
      </c>
      <c r="E66082" s="15">
        <v>45393</v>
      </c>
      <c r="F66082" s="14" t="s">
        <v>61</v>
      </c>
      <c r="G66082" s="16">
        <v>0.11542697710457471</v>
      </c>
    </row>
    <row r="66083" spans="1:7" x14ac:dyDescent="0.3">
      <c r="A66083" s="13" t="s">
        <v>351</v>
      </c>
      <c r="B66083" s="14" t="s">
        <v>1</v>
      </c>
      <c r="C66083" s="14" t="s">
        <v>200</v>
      </c>
      <c r="D66083" s="14" t="s">
        <v>146</v>
      </c>
      <c r="E66083" s="15">
        <v>45394</v>
      </c>
      <c r="F66083" s="14" t="s">
        <v>61</v>
      </c>
      <c r="G66083" s="16">
        <v>0.12111586044052143</v>
      </c>
    </row>
    <row r="66084" spans="1:7" x14ac:dyDescent="0.3">
      <c r="A66084" s="13" t="s">
        <v>351</v>
      </c>
      <c r="B66084" s="14" t="s">
        <v>1</v>
      </c>
      <c r="C66084" s="14" t="s">
        <v>200</v>
      </c>
      <c r="D66084" s="14" t="s">
        <v>146</v>
      </c>
      <c r="E66084" s="15">
        <v>45395</v>
      </c>
      <c r="F66084" s="14" t="s">
        <v>61</v>
      </c>
      <c r="G66084" s="16">
        <v>0.12111586044052143</v>
      </c>
    </row>
    <row r="66085" spans="1:7" x14ac:dyDescent="0.3">
      <c r="A66085" s="13" t="s">
        <v>351</v>
      </c>
      <c r="B66085" s="14" t="s">
        <v>1</v>
      </c>
      <c r="C66085" s="14" t="s">
        <v>200</v>
      </c>
      <c r="D66085" s="14" t="s">
        <v>146</v>
      </c>
      <c r="E66085" s="15">
        <v>45396</v>
      </c>
      <c r="F66085" s="14" t="s">
        <v>61</v>
      </c>
      <c r="G66085" s="16">
        <v>0.12111586044052143</v>
      </c>
    </row>
    <row r="66086" spans="1:7" x14ac:dyDescent="0.3">
      <c r="A66086" s="13" t="s">
        <v>351</v>
      </c>
      <c r="B66086" s="14" t="s">
        <v>1</v>
      </c>
      <c r="C66086" s="14" t="s">
        <v>200</v>
      </c>
      <c r="D66086" s="14" t="s">
        <v>146</v>
      </c>
      <c r="E66086" s="15">
        <v>45397</v>
      </c>
      <c r="F66086" s="14" t="s">
        <v>61</v>
      </c>
      <c r="G66086" s="16">
        <v>0.12905920437077714</v>
      </c>
    </row>
    <row r="66087" spans="1:7" x14ac:dyDescent="0.3">
      <c r="A66087" s="13" t="s">
        <v>351</v>
      </c>
      <c r="B66087" s="14" t="s">
        <v>1</v>
      </c>
      <c r="C66087" s="14" t="s">
        <v>200</v>
      </c>
      <c r="D66087" s="14" t="s">
        <v>146</v>
      </c>
      <c r="E66087" s="15">
        <v>45398</v>
      </c>
      <c r="F66087" s="14" t="s">
        <v>61</v>
      </c>
      <c r="G66087" s="16">
        <v>0.15253650717320938</v>
      </c>
    </row>
    <row r="66088" spans="1:7" x14ac:dyDescent="0.3">
      <c r="A66088" s="13" t="s">
        <v>351</v>
      </c>
      <c r="B66088" s="14" t="s">
        <v>1</v>
      </c>
      <c r="C66088" s="14" t="s">
        <v>200</v>
      </c>
      <c r="D66088" s="14" t="s">
        <v>146</v>
      </c>
      <c r="E66088" s="15">
        <v>45399</v>
      </c>
      <c r="F66088" s="14" t="s">
        <v>61</v>
      </c>
      <c r="G66088" s="16">
        <v>0.15893510669114655</v>
      </c>
    </row>
    <row r="66089" spans="1:7" x14ac:dyDescent="0.3">
      <c r="A66089" s="13" t="s">
        <v>351</v>
      </c>
      <c r="B66089" s="14" t="s">
        <v>1</v>
      </c>
      <c r="C66089" s="14" t="s">
        <v>200</v>
      </c>
      <c r="D66089" s="14" t="s">
        <v>146</v>
      </c>
      <c r="E66089" s="15">
        <v>45400</v>
      </c>
      <c r="F66089" s="14" t="s">
        <v>61</v>
      </c>
      <c r="G66089" s="16">
        <v>0.16641924648134038</v>
      </c>
    </row>
    <row r="66090" spans="1:7" x14ac:dyDescent="0.3">
      <c r="A66090" s="13" t="s">
        <v>351</v>
      </c>
      <c r="B66090" s="14" t="s">
        <v>1</v>
      </c>
      <c r="C66090" s="14" t="s">
        <v>200</v>
      </c>
      <c r="D66090" s="14" t="s">
        <v>146</v>
      </c>
      <c r="E66090" s="15">
        <v>45401</v>
      </c>
      <c r="F66090" s="14" t="s">
        <v>61</v>
      </c>
      <c r="G66090" s="16">
        <v>0.16133467250907288</v>
      </c>
    </row>
    <row r="66091" spans="1:7" x14ac:dyDescent="0.3">
      <c r="A66091" s="13" t="s">
        <v>351</v>
      </c>
      <c r="B66091" s="14" t="s">
        <v>1</v>
      </c>
      <c r="C66091" s="14" t="s">
        <v>200</v>
      </c>
      <c r="D66091" s="14" t="s">
        <v>146</v>
      </c>
      <c r="E66091" s="15">
        <v>45402</v>
      </c>
      <c r="F66091" s="14" t="s">
        <v>61</v>
      </c>
      <c r="G66091" s="16">
        <v>0.16133467250907288</v>
      </c>
    </row>
    <row r="66092" spans="1:7" x14ac:dyDescent="0.3">
      <c r="A66092" s="13" t="s">
        <v>351</v>
      </c>
      <c r="B66092" s="14" t="s">
        <v>1</v>
      </c>
      <c r="C66092" s="14" t="s">
        <v>200</v>
      </c>
      <c r="D66092" s="14" t="s">
        <v>146</v>
      </c>
      <c r="E66092" s="15">
        <v>45403</v>
      </c>
      <c r="F66092" s="14" t="s">
        <v>61</v>
      </c>
      <c r="G66092" s="16">
        <v>0.16133467250907288</v>
      </c>
    </row>
    <row r="66093" spans="1:7" x14ac:dyDescent="0.3">
      <c r="A66093" s="13" t="s">
        <v>351</v>
      </c>
      <c r="B66093" s="14" t="s">
        <v>1</v>
      </c>
      <c r="C66093" s="14" t="s">
        <v>200</v>
      </c>
      <c r="D66093" s="14" t="s">
        <v>146</v>
      </c>
      <c r="E66093" s="15">
        <v>45404</v>
      </c>
      <c r="F66093" s="14" t="s">
        <v>61</v>
      </c>
      <c r="G66093" s="16">
        <v>0.15654814874410561</v>
      </c>
    </row>
    <row r="66094" spans="1:7" x14ac:dyDescent="0.3">
      <c r="A66094" s="13" t="s">
        <v>351</v>
      </c>
      <c r="B66094" s="14" t="s">
        <v>1</v>
      </c>
      <c r="C66094" s="14" t="s">
        <v>200</v>
      </c>
      <c r="D66094" s="14" t="s">
        <v>146</v>
      </c>
      <c r="E66094" s="15">
        <v>45405</v>
      </c>
      <c r="F66094" s="14" t="s">
        <v>61</v>
      </c>
      <c r="G66094" s="16">
        <v>0.17946283007077218</v>
      </c>
    </row>
    <row r="66095" spans="1:7" x14ac:dyDescent="0.3">
      <c r="A66095" s="13" t="s">
        <v>351</v>
      </c>
      <c r="B66095" s="14" t="s">
        <v>1</v>
      </c>
      <c r="C66095" s="14" t="s">
        <v>200</v>
      </c>
      <c r="D66095" s="14" t="s">
        <v>146</v>
      </c>
      <c r="E66095" s="15">
        <v>45406</v>
      </c>
      <c r="F66095" s="14" t="s">
        <v>61</v>
      </c>
      <c r="G66095" s="16">
        <v>0.18823593096770921</v>
      </c>
    </row>
    <row r="66096" spans="1:7" x14ac:dyDescent="0.3">
      <c r="A66096" s="13" t="s">
        <v>351</v>
      </c>
      <c r="B66096" s="14" t="s">
        <v>1</v>
      </c>
      <c r="C66096" s="14" t="s">
        <v>200</v>
      </c>
      <c r="D66096" s="14" t="s">
        <v>146</v>
      </c>
      <c r="E66096" s="15">
        <v>45407</v>
      </c>
      <c r="F66096" s="14" t="s">
        <v>61</v>
      </c>
      <c r="G66096" s="16">
        <v>0.19407252486307744</v>
      </c>
    </row>
    <row r="66097" spans="1:7" x14ac:dyDescent="0.3">
      <c r="A66097" s="13" t="s">
        <v>351</v>
      </c>
      <c r="B66097" s="14" t="s">
        <v>1</v>
      </c>
      <c r="C66097" s="14" t="s">
        <v>200</v>
      </c>
      <c r="D66097" s="14" t="s">
        <v>146</v>
      </c>
      <c r="E66097" s="15">
        <v>45408</v>
      </c>
      <c r="F66097" s="14" t="s">
        <v>61</v>
      </c>
      <c r="G66097" s="16">
        <v>0.2012051675853086</v>
      </c>
    </row>
    <row r="66098" spans="1:7" x14ac:dyDescent="0.3">
      <c r="A66098" s="13" t="s">
        <v>351</v>
      </c>
      <c r="B66098" s="14" t="s">
        <v>1</v>
      </c>
      <c r="C66098" s="14" t="s">
        <v>200</v>
      </c>
      <c r="D66098" s="14" t="s">
        <v>146</v>
      </c>
      <c r="E66098" s="15">
        <v>45409</v>
      </c>
      <c r="F66098" s="14" t="s">
        <v>61</v>
      </c>
      <c r="G66098" s="16">
        <v>0.2012051675853086</v>
      </c>
    </row>
    <row r="66099" spans="1:7" x14ac:dyDescent="0.3">
      <c r="A66099" s="13" t="s">
        <v>351</v>
      </c>
      <c r="B66099" s="14" t="s">
        <v>1</v>
      </c>
      <c r="C66099" s="14" t="s">
        <v>200</v>
      </c>
      <c r="D66099" s="14" t="s">
        <v>146</v>
      </c>
      <c r="E66099" s="15">
        <v>45410</v>
      </c>
      <c r="F66099" s="14" t="s">
        <v>61</v>
      </c>
      <c r="G66099" s="16">
        <v>0.2012051675853086</v>
      </c>
    </row>
    <row r="66100" spans="1:7" x14ac:dyDescent="0.3">
      <c r="A66100" s="13" t="s">
        <v>351</v>
      </c>
      <c r="B66100" s="14" t="s">
        <v>1</v>
      </c>
      <c r="C66100" s="14" t="s">
        <v>200</v>
      </c>
      <c r="D66100" s="14" t="s">
        <v>146</v>
      </c>
      <c r="E66100" s="15">
        <v>45411</v>
      </c>
      <c r="F66100" s="14" t="s">
        <v>61</v>
      </c>
      <c r="G66100" s="16">
        <v>0.20745591600744764</v>
      </c>
    </row>
    <row r="66101" spans="1:7" x14ac:dyDescent="0.3">
      <c r="A66101" s="13" t="s">
        <v>351</v>
      </c>
      <c r="B66101" s="14" t="s">
        <v>1</v>
      </c>
      <c r="C66101" s="14" t="s">
        <v>200</v>
      </c>
      <c r="D66101" s="14" t="s">
        <v>146</v>
      </c>
      <c r="E66101" s="15">
        <v>45412</v>
      </c>
      <c r="F66101" s="14" t="s">
        <v>61</v>
      </c>
      <c r="G66101" s="16">
        <v>0.22778133239190676</v>
      </c>
    </row>
    <row r="66102" spans="1:7" x14ac:dyDescent="0.3">
      <c r="A66102" s="13" t="s">
        <v>351</v>
      </c>
      <c r="B66102" s="14" t="s">
        <v>1</v>
      </c>
      <c r="C66102" s="14" t="s">
        <v>200</v>
      </c>
      <c r="D66102" s="14" t="s">
        <v>146</v>
      </c>
      <c r="E66102" s="15">
        <v>45413</v>
      </c>
      <c r="F66102" s="14" t="s">
        <v>61</v>
      </c>
      <c r="G66102" s="16">
        <v>0.23235762908383167</v>
      </c>
    </row>
    <row r="66103" spans="1:7" x14ac:dyDescent="0.3">
      <c r="A66103" s="13" t="s">
        <v>351</v>
      </c>
      <c r="B66103" s="14" t="s">
        <v>1</v>
      </c>
      <c r="C66103" s="14" t="s">
        <v>200</v>
      </c>
      <c r="D66103" s="14" t="s">
        <v>146</v>
      </c>
      <c r="E66103" s="15">
        <v>45414</v>
      </c>
      <c r="F66103" s="14" t="s">
        <v>61</v>
      </c>
      <c r="G66103" s="16">
        <v>0.24116230313017861</v>
      </c>
    </row>
    <row r="66104" spans="1:7" x14ac:dyDescent="0.3">
      <c r="A66104" s="13" t="s">
        <v>351</v>
      </c>
      <c r="B66104" s="14" t="s">
        <v>1</v>
      </c>
      <c r="C66104" s="14" t="s">
        <v>200</v>
      </c>
      <c r="D66104" s="14" t="s">
        <v>146</v>
      </c>
      <c r="E66104" s="15">
        <v>45415</v>
      </c>
      <c r="F66104" s="14" t="s">
        <v>61</v>
      </c>
      <c r="G66104" s="16">
        <v>0.24655578538288495</v>
      </c>
    </row>
    <row r="66105" spans="1:7" x14ac:dyDescent="0.3">
      <c r="A66105" s="13" t="s">
        <v>351</v>
      </c>
      <c r="B66105" s="14" t="s">
        <v>1</v>
      </c>
      <c r="C66105" s="14" t="s">
        <v>200</v>
      </c>
      <c r="D66105" s="14" t="s">
        <v>146</v>
      </c>
      <c r="E66105" s="15">
        <v>45416</v>
      </c>
      <c r="F66105" s="14" t="s">
        <v>61</v>
      </c>
      <c r="G66105" s="16">
        <v>0.24655578538288495</v>
      </c>
    </row>
    <row r="66106" spans="1:7" x14ac:dyDescent="0.3">
      <c r="A66106" s="13" t="s">
        <v>351</v>
      </c>
      <c r="B66106" s="14" t="s">
        <v>1</v>
      </c>
      <c r="C66106" s="14" t="s">
        <v>200</v>
      </c>
      <c r="D66106" s="14" t="s">
        <v>146</v>
      </c>
      <c r="E66106" s="15">
        <v>45417</v>
      </c>
      <c r="F66106" s="14" t="s">
        <v>61</v>
      </c>
      <c r="G66106" s="16">
        <v>0.24655578538288495</v>
      </c>
    </row>
    <row r="66107" spans="1:7" x14ac:dyDescent="0.3">
      <c r="A66107" s="13" t="s">
        <v>351</v>
      </c>
      <c r="B66107" s="14" t="s">
        <v>1</v>
      </c>
      <c r="C66107" s="14" t="s">
        <v>200</v>
      </c>
      <c r="D66107" s="14" t="s">
        <v>146</v>
      </c>
      <c r="E66107" s="15">
        <v>45418</v>
      </c>
      <c r="F66107" s="14" t="s">
        <v>61</v>
      </c>
      <c r="G66107" s="16">
        <v>0.24655578538288495</v>
      </c>
    </row>
    <row r="66108" spans="1:7" x14ac:dyDescent="0.3">
      <c r="A66108" s="13" t="s">
        <v>351</v>
      </c>
      <c r="B66108" s="14" t="s">
        <v>1</v>
      </c>
      <c r="C66108" s="14" t="s">
        <v>200</v>
      </c>
      <c r="D66108" s="14" t="s">
        <v>146</v>
      </c>
      <c r="E66108" s="15">
        <v>45419</v>
      </c>
      <c r="F66108" s="14" t="s">
        <v>61</v>
      </c>
      <c r="G66108" s="16">
        <v>0.25099672178273563</v>
      </c>
    </row>
    <row r="66109" spans="1:7" x14ac:dyDescent="0.3">
      <c r="A66109" s="13" t="s">
        <v>351</v>
      </c>
      <c r="B66109" s="14" t="s">
        <v>1</v>
      </c>
      <c r="C66109" s="14" t="s">
        <v>200</v>
      </c>
      <c r="D66109" s="14" t="s">
        <v>146</v>
      </c>
      <c r="E66109" s="15">
        <v>45420</v>
      </c>
      <c r="F66109" s="14" t="s">
        <v>61</v>
      </c>
      <c r="G66109" s="16">
        <v>0.27397099606710512</v>
      </c>
    </row>
    <row r="66110" spans="1:7" x14ac:dyDescent="0.3">
      <c r="A66110" s="13" t="s">
        <v>351</v>
      </c>
      <c r="B66110" s="14" t="s">
        <v>1</v>
      </c>
      <c r="C66110" s="14" t="s">
        <v>200</v>
      </c>
      <c r="D66110" s="14" t="s">
        <v>146</v>
      </c>
      <c r="E66110" s="15">
        <v>45421</v>
      </c>
      <c r="F66110" s="14" t="s">
        <v>61</v>
      </c>
      <c r="G66110" s="16">
        <v>0.27975388522797279</v>
      </c>
    </row>
    <row r="66111" spans="1:7" x14ac:dyDescent="0.3">
      <c r="A66111" s="13" t="s">
        <v>351</v>
      </c>
      <c r="B66111" s="14" t="s">
        <v>1</v>
      </c>
      <c r="C66111" s="14" t="s">
        <v>200</v>
      </c>
      <c r="D66111" s="14" t="s">
        <v>146</v>
      </c>
      <c r="E66111" s="15">
        <v>45422</v>
      </c>
      <c r="F66111" s="14" t="s">
        <v>61</v>
      </c>
      <c r="G66111" s="16">
        <v>0.28586657668526216</v>
      </c>
    </row>
    <row r="66112" spans="1:7" x14ac:dyDescent="0.3">
      <c r="A66112" s="13" t="s">
        <v>351</v>
      </c>
      <c r="B66112" s="14" t="s">
        <v>1</v>
      </c>
      <c r="C66112" s="14" t="s">
        <v>200</v>
      </c>
      <c r="D66112" s="14" t="s">
        <v>146</v>
      </c>
      <c r="E66112" s="15">
        <v>45423</v>
      </c>
      <c r="F66112" s="14" t="s">
        <v>61</v>
      </c>
      <c r="G66112" s="16">
        <v>0.28586657668526216</v>
      </c>
    </row>
    <row r="66113" spans="1:7" x14ac:dyDescent="0.3">
      <c r="A66113" s="13" t="s">
        <v>351</v>
      </c>
      <c r="B66113" s="14" t="s">
        <v>1</v>
      </c>
      <c r="C66113" s="14" t="s">
        <v>200</v>
      </c>
      <c r="D66113" s="14" t="s">
        <v>146</v>
      </c>
      <c r="E66113" s="15">
        <v>45424</v>
      </c>
      <c r="F66113" s="14" t="s">
        <v>61</v>
      </c>
      <c r="G66113" s="16">
        <v>0.28586657668526216</v>
      </c>
    </row>
    <row r="66114" spans="1:7" x14ac:dyDescent="0.3">
      <c r="A66114" s="13" t="s">
        <v>351</v>
      </c>
      <c r="B66114" s="14" t="s">
        <v>1</v>
      </c>
      <c r="C66114" s="14" t="s">
        <v>200</v>
      </c>
      <c r="D66114" s="14" t="s">
        <v>146</v>
      </c>
      <c r="E66114" s="15">
        <v>45425</v>
      </c>
      <c r="F66114" s="14" t="s">
        <v>61</v>
      </c>
      <c r="G66114" s="16">
        <v>0.28992237692822276</v>
      </c>
    </row>
    <row r="66115" spans="1:7" x14ac:dyDescent="0.3">
      <c r="A66115" s="13" t="s">
        <v>351</v>
      </c>
      <c r="B66115" s="14" t="s">
        <v>1</v>
      </c>
      <c r="C66115" s="14" t="s">
        <v>200</v>
      </c>
      <c r="D66115" s="14" t="s">
        <v>146</v>
      </c>
      <c r="E66115" s="15">
        <v>45426</v>
      </c>
      <c r="F66115" s="14" t="s">
        <v>61</v>
      </c>
      <c r="G66115" s="16">
        <v>0.31239732472166082</v>
      </c>
    </row>
    <row r="66116" spans="1:7" x14ac:dyDescent="0.3">
      <c r="A66116" s="13" t="s">
        <v>351</v>
      </c>
      <c r="B66116" s="14" t="s">
        <v>1</v>
      </c>
      <c r="C66116" s="14" t="s">
        <v>200</v>
      </c>
      <c r="D66116" s="14" t="s">
        <v>146</v>
      </c>
      <c r="E66116" s="15">
        <v>45427</v>
      </c>
      <c r="F66116" s="14" t="s">
        <v>61</v>
      </c>
      <c r="G66116" s="16">
        <v>0.31676047850334677</v>
      </c>
    </row>
    <row r="66117" spans="1:7" x14ac:dyDescent="0.3">
      <c r="A66117" s="13" t="s">
        <v>351</v>
      </c>
      <c r="B66117" s="14" t="s">
        <v>1</v>
      </c>
      <c r="C66117" s="14" t="s">
        <v>200</v>
      </c>
      <c r="D66117" s="14" t="s">
        <v>146</v>
      </c>
      <c r="E66117" s="15">
        <v>45428</v>
      </c>
      <c r="F66117" s="14" t="s">
        <v>61</v>
      </c>
      <c r="G66117" s="16">
        <v>0.32454652214474583</v>
      </c>
    </row>
    <row r="66118" spans="1:7" x14ac:dyDescent="0.3">
      <c r="A66118" s="13" t="s">
        <v>351</v>
      </c>
      <c r="B66118" s="14" t="s">
        <v>1</v>
      </c>
      <c r="C66118" s="14" t="s">
        <v>200</v>
      </c>
      <c r="D66118" s="14" t="s">
        <v>146</v>
      </c>
      <c r="E66118" s="15">
        <v>45429</v>
      </c>
      <c r="F66118" s="14" t="s">
        <v>61</v>
      </c>
      <c r="G66118" s="16">
        <v>0.33101936366988166</v>
      </c>
    </row>
    <row r="66119" spans="1:7" x14ac:dyDescent="0.3">
      <c r="A66119" s="13" t="s">
        <v>351</v>
      </c>
      <c r="B66119" s="14" t="s">
        <v>1</v>
      </c>
      <c r="C66119" s="14" t="s">
        <v>200</v>
      </c>
      <c r="D66119" s="14" t="s">
        <v>146</v>
      </c>
      <c r="E66119" s="15">
        <v>45430</v>
      </c>
      <c r="F66119" s="14" t="s">
        <v>61</v>
      </c>
      <c r="G66119" s="16">
        <v>0.33101936366988166</v>
      </c>
    </row>
    <row r="66120" spans="1:7" x14ac:dyDescent="0.3">
      <c r="A66120" s="13" t="s">
        <v>351</v>
      </c>
      <c r="B66120" s="14" t="s">
        <v>1</v>
      </c>
      <c r="C66120" s="14" t="s">
        <v>200</v>
      </c>
      <c r="D66120" s="14" t="s">
        <v>146</v>
      </c>
      <c r="E66120" s="15">
        <v>45431</v>
      </c>
      <c r="F66120" s="14" t="s">
        <v>61</v>
      </c>
      <c r="G66120" s="16">
        <v>0.33101936366988166</v>
      </c>
    </row>
    <row r="66121" spans="1:7" x14ac:dyDescent="0.3">
      <c r="A66121" s="13" t="s">
        <v>351</v>
      </c>
      <c r="B66121" s="14" t="s">
        <v>1</v>
      </c>
      <c r="C66121" s="14" t="s">
        <v>200</v>
      </c>
      <c r="D66121" s="14" t="s">
        <v>146</v>
      </c>
      <c r="E66121" s="15">
        <v>45432</v>
      </c>
      <c r="F66121" s="14" t="s">
        <v>61</v>
      </c>
      <c r="G66121" s="16">
        <v>0.33574743344059477</v>
      </c>
    </row>
    <row r="66122" spans="1:7" x14ac:dyDescent="0.3">
      <c r="A66122" s="13" t="s">
        <v>351</v>
      </c>
      <c r="B66122" s="14" t="s">
        <v>1</v>
      </c>
      <c r="C66122" s="14" t="s">
        <v>200</v>
      </c>
      <c r="D66122" s="14" t="s">
        <v>146</v>
      </c>
      <c r="E66122" s="15">
        <v>45433</v>
      </c>
      <c r="F66122" s="14" t="s">
        <v>61</v>
      </c>
      <c r="G66122" s="16">
        <v>0.35631064998698736</v>
      </c>
    </row>
    <row r="66123" spans="1:7" x14ac:dyDescent="0.3">
      <c r="A66123" s="13" t="s">
        <v>351</v>
      </c>
      <c r="B66123" s="14" t="s">
        <v>1</v>
      </c>
      <c r="C66123" s="14" t="s">
        <v>200</v>
      </c>
      <c r="D66123" s="14" t="s">
        <v>146</v>
      </c>
      <c r="E66123" s="15">
        <v>45434</v>
      </c>
      <c r="F66123" s="14" t="s">
        <v>61</v>
      </c>
      <c r="G66123" s="16">
        <v>0.36483521523471768</v>
      </c>
    </row>
    <row r="66124" spans="1:7" x14ac:dyDescent="0.3">
      <c r="A66124" s="13" t="s">
        <v>351</v>
      </c>
      <c r="B66124" s="14" t="s">
        <v>1</v>
      </c>
      <c r="C66124" s="14" t="s">
        <v>200</v>
      </c>
      <c r="D66124" s="14" t="s">
        <v>146</v>
      </c>
      <c r="E66124" s="15">
        <v>45435</v>
      </c>
      <c r="F66124" s="14" t="s">
        <v>61</v>
      </c>
      <c r="G66124" s="16">
        <v>0.37160998365231296</v>
      </c>
    </row>
    <row r="66125" spans="1:7" x14ac:dyDescent="0.3">
      <c r="A66125" s="13" t="s">
        <v>351</v>
      </c>
      <c r="B66125" s="14" t="s">
        <v>1</v>
      </c>
      <c r="C66125" s="14" t="s">
        <v>200</v>
      </c>
      <c r="D66125" s="14" t="s">
        <v>146</v>
      </c>
      <c r="E66125" s="15">
        <v>45436</v>
      </c>
      <c r="F66125" s="14" t="s">
        <v>61</v>
      </c>
      <c r="G66125" s="16">
        <v>0.37672764285494792</v>
      </c>
    </row>
    <row r="66126" spans="1:7" x14ac:dyDescent="0.3">
      <c r="A66126" s="13" t="s">
        <v>351</v>
      </c>
      <c r="B66126" s="14" t="s">
        <v>1</v>
      </c>
      <c r="C66126" s="14" t="s">
        <v>200</v>
      </c>
      <c r="D66126" s="14" t="s">
        <v>146</v>
      </c>
      <c r="E66126" s="15">
        <v>45437</v>
      </c>
      <c r="F66126" s="14" t="s">
        <v>61</v>
      </c>
      <c r="G66126" s="16">
        <v>0.37672764285494792</v>
      </c>
    </row>
    <row r="66127" spans="1:7" x14ac:dyDescent="0.3">
      <c r="A66127" s="13" t="s">
        <v>351</v>
      </c>
      <c r="B66127" s="14" t="s">
        <v>1</v>
      </c>
      <c r="C66127" s="14" t="s">
        <v>200</v>
      </c>
      <c r="D66127" s="14" t="s">
        <v>146</v>
      </c>
      <c r="E66127" s="15">
        <v>45438</v>
      </c>
      <c r="F66127" s="14" t="s">
        <v>61</v>
      </c>
      <c r="G66127" s="16">
        <v>0.37672764285494792</v>
      </c>
    </row>
    <row r="66128" spans="1:7" x14ac:dyDescent="0.3">
      <c r="A66128" s="13" t="s">
        <v>351</v>
      </c>
      <c r="B66128" s="14" t="s">
        <v>1</v>
      </c>
      <c r="C66128" s="14" t="s">
        <v>200</v>
      </c>
      <c r="D66128" s="14" t="s">
        <v>146</v>
      </c>
      <c r="E66128" s="15">
        <v>45439</v>
      </c>
      <c r="F66128" s="14" t="s">
        <v>61</v>
      </c>
      <c r="G66128" s="16">
        <v>0.37672764285494792</v>
      </c>
    </row>
    <row r="66129" spans="1:7" x14ac:dyDescent="0.3">
      <c r="A66129" s="13" t="s">
        <v>351</v>
      </c>
      <c r="B66129" s="14" t="s">
        <v>1</v>
      </c>
      <c r="C66129" s="14" t="s">
        <v>200</v>
      </c>
      <c r="D66129" s="14" t="s">
        <v>146</v>
      </c>
      <c r="E66129" s="15">
        <v>45440</v>
      </c>
      <c r="F66129" s="14" t="s">
        <v>61</v>
      </c>
      <c r="G66129" s="16">
        <v>0.38278914640901029</v>
      </c>
    </row>
    <row r="66130" spans="1:7" x14ac:dyDescent="0.3">
      <c r="A66130" s="13" t="s">
        <v>351</v>
      </c>
      <c r="B66130" s="14" t="s">
        <v>1</v>
      </c>
      <c r="C66130" s="14" t="s">
        <v>200</v>
      </c>
      <c r="D66130" s="14" t="s">
        <v>146</v>
      </c>
      <c r="E66130" s="15">
        <v>45441</v>
      </c>
      <c r="F66130" s="14" t="s">
        <v>61</v>
      </c>
      <c r="G66130" s="16">
        <v>0.39690981643372447</v>
      </c>
    </row>
    <row r="66131" spans="1:7" x14ac:dyDescent="0.3">
      <c r="A66131" s="13" t="s">
        <v>351</v>
      </c>
      <c r="B66131" s="14" t="s">
        <v>1</v>
      </c>
      <c r="C66131" s="14" t="s">
        <v>200</v>
      </c>
      <c r="D66131" s="14" t="s">
        <v>146</v>
      </c>
      <c r="E66131" s="15">
        <v>45442</v>
      </c>
      <c r="F66131" s="14" t="s">
        <v>61</v>
      </c>
      <c r="G66131" s="16">
        <v>0.39794464674923324</v>
      </c>
    </row>
    <row r="66132" spans="1:7" x14ac:dyDescent="0.3">
      <c r="A66132" s="13" t="s">
        <v>351</v>
      </c>
      <c r="B66132" s="14" t="s">
        <v>1</v>
      </c>
      <c r="C66132" s="14" t="s">
        <v>200</v>
      </c>
      <c r="D66132" s="14" t="s">
        <v>146</v>
      </c>
      <c r="E66132" s="15">
        <v>45443</v>
      </c>
      <c r="F66132" s="14" t="s">
        <v>61</v>
      </c>
      <c r="G66132" s="16">
        <v>0.40307657290595211</v>
      </c>
    </row>
    <row r="66133" spans="1:7" x14ac:dyDescent="0.3">
      <c r="A66133" s="13" t="s">
        <v>351</v>
      </c>
      <c r="B66133" s="14" t="s">
        <v>1</v>
      </c>
      <c r="C66133" s="14" t="s">
        <v>200</v>
      </c>
      <c r="D66133" s="14" t="s">
        <v>146</v>
      </c>
      <c r="E66133" s="15">
        <v>45444</v>
      </c>
      <c r="F66133" s="14" t="s">
        <v>61</v>
      </c>
      <c r="G66133" s="16">
        <v>0.40307657290595211</v>
      </c>
    </row>
    <row r="66134" spans="1:7" x14ac:dyDescent="0.3">
      <c r="A66134" s="13" t="s">
        <v>351</v>
      </c>
      <c r="B66134" s="14" t="s">
        <v>1</v>
      </c>
      <c r="C66134" s="14" t="s">
        <v>200</v>
      </c>
      <c r="D66134" s="14" t="s">
        <v>146</v>
      </c>
      <c r="E66134" s="15">
        <v>45445</v>
      </c>
      <c r="F66134" s="14" t="s">
        <v>61</v>
      </c>
      <c r="G66134" s="16">
        <v>0.40307657290595211</v>
      </c>
    </row>
    <row r="66135" spans="1:7" x14ac:dyDescent="0.3">
      <c r="A66135" s="13" t="s">
        <v>351</v>
      </c>
      <c r="B66135" s="14" t="s">
        <v>1</v>
      </c>
      <c r="C66135" s="14" t="s">
        <v>200</v>
      </c>
      <c r="D66135" s="14" t="s">
        <v>146</v>
      </c>
      <c r="E66135" s="15">
        <v>45446</v>
      </c>
      <c r="F66135" s="14" t="s">
        <v>61</v>
      </c>
      <c r="G66135" s="16">
        <v>0.40307657290595211</v>
      </c>
    </row>
    <row r="66136" spans="1:7" x14ac:dyDescent="0.3">
      <c r="A66136" s="13" t="s">
        <v>351</v>
      </c>
      <c r="B66136" s="14" t="s">
        <v>1</v>
      </c>
      <c r="C66136" s="14" t="s">
        <v>200</v>
      </c>
      <c r="D66136" s="14" t="s">
        <v>146</v>
      </c>
      <c r="E66136" s="15">
        <v>45447</v>
      </c>
      <c r="F66136" s="14" t="s">
        <v>61</v>
      </c>
      <c r="G66136" s="16">
        <v>0.40914075976068343</v>
      </c>
    </row>
    <row r="66137" spans="1:7" x14ac:dyDescent="0.3">
      <c r="A66137" s="13" t="s">
        <v>351</v>
      </c>
      <c r="B66137" s="14" t="s">
        <v>1</v>
      </c>
      <c r="C66137" s="14" t="s">
        <v>200</v>
      </c>
      <c r="D66137" s="14" t="s">
        <v>146</v>
      </c>
      <c r="E66137" s="15">
        <v>45448</v>
      </c>
      <c r="F66137" s="14" t="s">
        <v>61</v>
      </c>
      <c r="G66137" s="16">
        <v>0.43363066472925188</v>
      </c>
    </row>
    <row r="66138" spans="1:7" x14ac:dyDescent="0.3">
      <c r="A66138" s="13" t="s">
        <v>351</v>
      </c>
      <c r="B66138" s="14" t="s">
        <v>1</v>
      </c>
      <c r="C66138" s="14" t="s">
        <v>200</v>
      </c>
      <c r="D66138" s="14" t="s">
        <v>146</v>
      </c>
      <c r="E66138" s="15">
        <v>45449</v>
      </c>
      <c r="F66138" s="14" t="s">
        <v>61</v>
      </c>
      <c r="G66138" s="16">
        <v>0.43877635072082533</v>
      </c>
    </row>
    <row r="66139" spans="1:7" x14ac:dyDescent="0.3">
      <c r="A66139" s="13" t="s">
        <v>351</v>
      </c>
      <c r="B66139" s="14" t="s">
        <v>1</v>
      </c>
      <c r="C66139" s="14" t="s">
        <v>200</v>
      </c>
      <c r="D66139" s="14" t="s">
        <v>146</v>
      </c>
      <c r="E66139" s="15">
        <v>45450</v>
      </c>
      <c r="F66139" s="14" t="s">
        <v>61</v>
      </c>
      <c r="G66139" s="16">
        <v>0.44838273501236725</v>
      </c>
    </row>
    <row r="66140" spans="1:7" x14ac:dyDescent="0.3">
      <c r="A66140" s="13" t="s">
        <v>351</v>
      </c>
      <c r="B66140" s="14" t="s">
        <v>1</v>
      </c>
      <c r="C66140" s="14" t="s">
        <v>200</v>
      </c>
      <c r="D66140" s="14" t="s">
        <v>146</v>
      </c>
      <c r="E66140" s="15">
        <v>45451</v>
      </c>
      <c r="F66140" s="14" t="s">
        <v>61</v>
      </c>
      <c r="G66140" s="16">
        <v>0.44838273501236725</v>
      </c>
    </row>
    <row r="66141" spans="1:7" x14ac:dyDescent="0.3">
      <c r="A66141" s="13" t="s">
        <v>351</v>
      </c>
      <c r="B66141" s="14" t="s">
        <v>1</v>
      </c>
      <c r="C66141" s="14" t="s">
        <v>200</v>
      </c>
      <c r="D66141" s="14" t="s">
        <v>146</v>
      </c>
      <c r="E66141" s="15">
        <v>45452</v>
      </c>
      <c r="F66141" s="14" t="s">
        <v>61</v>
      </c>
      <c r="G66141" s="16">
        <v>0.44838273501236725</v>
      </c>
    </row>
    <row r="66142" spans="1:7" x14ac:dyDescent="0.3">
      <c r="A66142" s="13" t="s">
        <v>351</v>
      </c>
      <c r="B66142" s="14" t="s">
        <v>1</v>
      </c>
      <c r="C66142" s="14" t="s">
        <v>200</v>
      </c>
      <c r="D66142" s="14" t="s">
        <v>146</v>
      </c>
      <c r="E66142" s="15">
        <v>45453</v>
      </c>
      <c r="F66142" s="14" t="s">
        <v>61</v>
      </c>
      <c r="G66142" s="16">
        <v>0.45629167899347706</v>
      </c>
    </row>
    <row r="66143" spans="1:7" x14ac:dyDescent="0.3">
      <c r="A66143" s="13" t="s">
        <v>351</v>
      </c>
      <c r="B66143" s="14" t="s">
        <v>1</v>
      </c>
      <c r="C66143" s="14" t="s">
        <v>200</v>
      </c>
      <c r="D66143" s="14" t="s">
        <v>146</v>
      </c>
      <c r="E66143" s="15">
        <v>45454</v>
      </c>
      <c r="F66143" s="14" t="s">
        <v>61</v>
      </c>
      <c r="G66143" s="16">
        <v>0.47516792378473061</v>
      </c>
    </row>
    <row r="66144" spans="1:7" x14ac:dyDescent="0.3">
      <c r="A66144" s="13" t="s">
        <v>351</v>
      </c>
      <c r="B66144" s="14" t="s">
        <v>1</v>
      </c>
      <c r="C66144" s="14" t="s">
        <v>200</v>
      </c>
      <c r="D66144" s="14" t="s">
        <v>146</v>
      </c>
      <c r="E66144" s="15">
        <v>45455</v>
      </c>
      <c r="F66144" s="14" t="s">
        <v>61</v>
      </c>
      <c r="G66144" s="16">
        <v>0.48021281895026702</v>
      </c>
    </row>
    <row r="66145" spans="1:7" x14ac:dyDescent="0.3">
      <c r="A66145" s="13" t="s">
        <v>351</v>
      </c>
      <c r="B66145" s="14" t="s">
        <v>1</v>
      </c>
      <c r="C66145" s="14" t="s">
        <v>200</v>
      </c>
      <c r="D66145" s="14" t="s">
        <v>146</v>
      </c>
      <c r="E66145" s="15">
        <v>45456</v>
      </c>
      <c r="F66145" s="14" t="s">
        <v>61</v>
      </c>
      <c r="G66145" s="16">
        <v>0.48761466405272058</v>
      </c>
    </row>
    <row r="66146" spans="1:7" x14ac:dyDescent="0.3">
      <c r="A66146" s="13" t="s">
        <v>351</v>
      </c>
      <c r="B66146" s="14" t="s">
        <v>1</v>
      </c>
      <c r="C66146" s="14" t="s">
        <v>200</v>
      </c>
      <c r="D66146" s="14" t="s">
        <v>146</v>
      </c>
      <c r="E66146" s="15">
        <v>45457</v>
      </c>
      <c r="F66146" s="14" t="s">
        <v>61</v>
      </c>
      <c r="G66146" s="16">
        <v>0.49520493160413404</v>
      </c>
    </row>
    <row r="66147" spans="1:7" x14ac:dyDescent="0.3">
      <c r="A66147" s="13" t="s">
        <v>351</v>
      </c>
      <c r="B66147" s="14" t="s">
        <v>1</v>
      </c>
      <c r="C66147" s="14" t="s">
        <v>200</v>
      </c>
      <c r="D66147" s="14" t="s">
        <v>146</v>
      </c>
      <c r="E66147" s="15">
        <v>45458</v>
      </c>
      <c r="F66147" s="14" t="s">
        <v>61</v>
      </c>
      <c r="G66147" s="16">
        <v>0.49520493160413404</v>
      </c>
    </row>
    <row r="66148" spans="1:7" x14ac:dyDescent="0.3">
      <c r="A66148" s="13" t="s">
        <v>351</v>
      </c>
      <c r="B66148" s="14" t="s">
        <v>1</v>
      </c>
      <c r="C66148" s="14" t="s">
        <v>200</v>
      </c>
      <c r="D66148" s="14" t="s">
        <v>146</v>
      </c>
      <c r="E66148" s="15">
        <v>45459</v>
      </c>
      <c r="F66148" s="14" t="s">
        <v>61</v>
      </c>
      <c r="G66148" s="16">
        <v>0.49520493160413404</v>
      </c>
    </row>
    <row r="66149" spans="1:7" x14ac:dyDescent="0.3">
      <c r="A66149" s="13" t="s">
        <v>351</v>
      </c>
      <c r="B66149" s="14" t="s">
        <v>1</v>
      </c>
      <c r="C66149" s="14" t="s">
        <v>200</v>
      </c>
      <c r="D66149" s="14" t="s">
        <v>146</v>
      </c>
      <c r="E66149" s="15">
        <v>45460</v>
      </c>
      <c r="F66149" s="14" t="s">
        <v>61</v>
      </c>
      <c r="G66149" s="16">
        <v>0.50874981230654848</v>
      </c>
    </row>
    <row r="66150" spans="1:7" x14ac:dyDescent="0.3">
      <c r="A66150" s="13" t="s">
        <v>351</v>
      </c>
      <c r="B66150" s="14" t="s">
        <v>1</v>
      </c>
      <c r="C66150" s="14" t="s">
        <v>200</v>
      </c>
      <c r="D66150" s="14" t="s">
        <v>146</v>
      </c>
      <c r="E66150" s="15">
        <v>45461</v>
      </c>
      <c r="F66150" s="14" t="s">
        <v>61</v>
      </c>
      <c r="G66150" s="16">
        <v>0.52491309304911449</v>
      </c>
    </row>
    <row r="66151" spans="1:7" x14ac:dyDescent="0.3">
      <c r="A66151" s="13" t="s">
        <v>351</v>
      </c>
      <c r="B66151" s="14" t="s">
        <v>1</v>
      </c>
      <c r="C66151" s="14" t="s">
        <v>200</v>
      </c>
      <c r="D66151" s="14" t="s">
        <v>146</v>
      </c>
      <c r="E66151" s="15">
        <v>45462</v>
      </c>
      <c r="F66151" s="14" t="s">
        <v>61</v>
      </c>
      <c r="G66151" s="16">
        <v>0.52491309304911449</v>
      </c>
    </row>
    <row r="66152" spans="1:7" x14ac:dyDescent="0.3">
      <c r="A66152" s="13" t="s">
        <v>351</v>
      </c>
      <c r="B66152" s="14" t="s">
        <v>1</v>
      </c>
      <c r="C66152" s="14" t="s">
        <v>200</v>
      </c>
      <c r="D66152" s="14" t="s">
        <v>146</v>
      </c>
      <c r="E66152" s="15">
        <v>45463</v>
      </c>
      <c r="F66152" s="14" t="s">
        <v>61</v>
      </c>
      <c r="G66152" s="16">
        <v>0.53239636314420702</v>
      </c>
    </row>
    <row r="66153" spans="1:7" x14ac:dyDescent="0.3">
      <c r="A66153" s="13" t="s">
        <v>351</v>
      </c>
      <c r="B66153" s="14" t="s">
        <v>1</v>
      </c>
      <c r="C66153" s="14" t="s">
        <v>200</v>
      </c>
      <c r="D66153" s="14" t="s">
        <v>146</v>
      </c>
      <c r="E66153" s="15">
        <v>45464</v>
      </c>
      <c r="F66153" s="14" t="s">
        <v>61</v>
      </c>
      <c r="G66153" s="16">
        <v>0.54404087981204086</v>
      </c>
    </row>
    <row r="66154" spans="1:7" x14ac:dyDescent="0.3">
      <c r="A66154" s="13" t="s">
        <v>351</v>
      </c>
      <c r="B66154" s="14" t="s">
        <v>1</v>
      </c>
      <c r="C66154" s="14" t="s">
        <v>200</v>
      </c>
      <c r="D66154" s="14" t="s">
        <v>146</v>
      </c>
      <c r="E66154" s="15">
        <v>45465</v>
      </c>
      <c r="F66154" s="14" t="s">
        <v>61</v>
      </c>
      <c r="G66154" s="16">
        <v>0.54404087981204086</v>
      </c>
    </row>
    <row r="66155" spans="1:7" x14ac:dyDescent="0.3">
      <c r="A66155" s="13" t="s">
        <v>351</v>
      </c>
      <c r="B66155" s="14" t="s">
        <v>1</v>
      </c>
      <c r="C66155" s="14" t="s">
        <v>200</v>
      </c>
      <c r="D66155" s="14" t="s">
        <v>146</v>
      </c>
      <c r="E66155" s="15">
        <v>45466</v>
      </c>
      <c r="F66155" s="14" t="s">
        <v>61</v>
      </c>
      <c r="G66155" s="16">
        <v>0.54404087981204086</v>
      </c>
    </row>
    <row r="66156" spans="1:7" x14ac:dyDescent="0.3">
      <c r="A66156" s="13" t="s">
        <v>351</v>
      </c>
      <c r="B66156" s="14" t="s">
        <v>1</v>
      </c>
      <c r="C66156" s="14" t="s">
        <v>200</v>
      </c>
      <c r="D66156" s="14" t="s">
        <v>146</v>
      </c>
      <c r="E66156" s="15">
        <v>45467</v>
      </c>
      <c r="F66156" s="14" t="s">
        <v>61</v>
      </c>
      <c r="G66156" s="16">
        <v>0.54851913561549881</v>
      </c>
    </row>
    <row r="66157" spans="1:7" x14ac:dyDescent="0.3">
      <c r="A66157" s="13" t="s">
        <v>351</v>
      </c>
      <c r="B66157" s="14" t="s">
        <v>1</v>
      </c>
      <c r="C66157" s="14" t="s">
        <v>200</v>
      </c>
      <c r="D66157" s="14" t="s">
        <v>146</v>
      </c>
      <c r="E66157" s="15">
        <v>45468</v>
      </c>
      <c r="F66157" s="14" t="s">
        <v>61</v>
      </c>
      <c r="G66157" s="16">
        <v>0.56758459297958475</v>
      </c>
    </row>
    <row r="66158" spans="1:7" x14ac:dyDescent="0.3">
      <c r="A66158" s="13" t="s">
        <v>351</v>
      </c>
      <c r="B66158" s="14" t="s">
        <v>1</v>
      </c>
      <c r="C66158" s="14" t="s">
        <v>200</v>
      </c>
      <c r="D66158" s="14" t="s">
        <v>146</v>
      </c>
      <c r="E66158" s="15">
        <v>45469</v>
      </c>
      <c r="F66158" s="14" t="s">
        <v>61</v>
      </c>
      <c r="G66158" s="16">
        <v>0.57557718982802186</v>
      </c>
    </row>
    <row r="66159" spans="1:7" x14ac:dyDescent="0.3">
      <c r="A66159" s="13" t="s">
        <v>351</v>
      </c>
      <c r="B66159" s="14" t="s">
        <v>1</v>
      </c>
      <c r="C66159" s="14" t="s">
        <v>200</v>
      </c>
      <c r="D66159" s="14" t="s">
        <v>146</v>
      </c>
      <c r="E66159" s="15">
        <v>45470</v>
      </c>
      <c r="F66159" s="14" t="s">
        <v>61</v>
      </c>
      <c r="G66159" s="16">
        <v>0.581508805830658</v>
      </c>
    </row>
    <row r="66160" spans="1:7" x14ac:dyDescent="0.3">
      <c r="A66160" s="13" t="s">
        <v>351</v>
      </c>
      <c r="B66160" s="14" t="s">
        <v>1</v>
      </c>
      <c r="C66160" s="14" t="s">
        <v>200</v>
      </c>
      <c r="D66160" s="14" t="s">
        <v>146</v>
      </c>
      <c r="E66160" s="15">
        <v>45471</v>
      </c>
      <c r="F66160" s="14" t="s">
        <v>61</v>
      </c>
      <c r="G66160" s="16">
        <v>0.58495828233670788</v>
      </c>
    </row>
    <row r="66161" spans="1:7" x14ac:dyDescent="0.3">
      <c r="A66161" s="13" t="s">
        <v>351</v>
      </c>
      <c r="B66161" s="14" t="s">
        <v>1</v>
      </c>
      <c r="C66161" s="14" t="s">
        <v>200</v>
      </c>
      <c r="D66161" s="14" t="s">
        <v>146</v>
      </c>
      <c r="E66161" s="15">
        <v>45472</v>
      </c>
      <c r="F66161" s="14" t="s">
        <v>61</v>
      </c>
      <c r="G66161" s="16">
        <v>0.58495828233670788</v>
      </c>
    </row>
    <row r="66162" spans="1:7" x14ac:dyDescent="0.3">
      <c r="A66162" s="13" t="s">
        <v>351</v>
      </c>
      <c r="B66162" s="14" t="s">
        <v>1</v>
      </c>
      <c r="C66162" s="14" t="s">
        <v>200</v>
      </c>
      <c r="D66162" s="14" t="s">
        <v>146</v>
      </c>
      <c r="E66162" s="15">
        <v>45473</v>
      </c>
      <c r="F66162" s="14" t="s">
        <v>61</v>
      </c>
      <c r="G66162" s="16">
        <v>0.58495828233670788</v>
      </c>
    </row>
    <row r="66163" spans="1:7" x14ac:dyDescent="0.3">
      <c r="A66163" s="13" t="s">
        <v>351</v>
      </c>
      <c r="B66163" s="14" t="s">
        <v>1</v>
      </c>
      <c r="C66163" s="14" t="s">
        <v>200</v>
      </c>
      <c r="D66163" s="14" t="s">
        <v>146</v>
      </c>
      <c r="E66163" s="15">
        <v>45474</v>
      </c>
      <c r="F66163" s="14" t="s">
        <v>61</v>
      </c>
      <c r="G66163" s="16">
        <v>0.58956944873358608</v>
      </c>
    </row>
    <row r="66164" spans="1:7" x14ac:dyDescent="0.3">
      <c r="A66164" s="13" t="s">
        <v>351</v>
      </c>
      <c r="B66164" s="14" t="s">
        <v>1</v>
      </c>
      <c r="C66164" s="14" t="s">
        <v>200</v>
      </c>
      <c r="D66164" s="14" t="s">
        <v>146</v>
      </c>
      <c r="E66164" s="15">
        <v>45475</v>
      </c>
      <c r="F66164" s="14" t="s">
        <v>61</v>
      </c>
      <c r="G66164" s="16">
        <v>0.60934634942933397</v>
      </c>
    </row>
    <row r="66165" spans="1:7" x14ac:dyDescent="0.3">
      <c r="A66165" s="13" t="s">
        <v>351</v>
      </c>
      <c r="B66165" s="14" t="s">
        <v>1</v>
      </c>
      <c r="C66165" s="14" t="s">
        <v>200</v>
      </c>
      <c r="D66165" s="14" t="s">
        <v>146</v>
      </c>
      <c r="E66165" s="15">
        <v>45476</v>
      </c>
      <c r="F66165" s="14" t="s">
        <v>61</v>
      </c>
      <c r="G66165" s="16">
        <v>0.61244098949103321</v>
      </c>
    </row>
    <row r="66166" spans="1:7" x14ac:dyDescent="0.3">
      <c r="A66166" s="13" t="s">
        <v>351</v>
      </c>
      <c r="B66166" s="14" t="s">
        <v>1</v>
      </c>
      <c r="C66166" s="14" t="s">
        <v>200</v>
      </c>
      <c r="D66166" s="14" t="s">
        <v>146</v>
      </c>
      <c r="E66166" s="15">
        <v>45477</v>
      </c>
      <c r="F66166" s="14" t="s">
        <v>61</v>
      </c>
      <c r="G66166" s="16">
        <v>0.61244098949103321</v>
      </c>
    </row>
    <row r="66167" spans="1:7" x14ac:dyDescent="0.3">
      <c r="A66167" s="13" t="s">
        <v>351</v>
      </c>
      <c r="B66167" s="14" t="s">
        <v>1</v>
      </c>
      <c r="C66167" s="14" t="s">
        <v>200</v>
      </c>
      <c r="D66167" s="14" t="s">
        <v>146</v>
      </c>
      <c r="E66167" s="15">
        <v>45478</v>
      </c>
      <c r="F66167" s="14" t="s">
        <v>61</v>
      </c>
      <c r="G66167" s="16">
        <v>0.61544478092397292</v>
      </c>
    </row>
    <row r="66168" spans="1:7" x14ac:dyDescent="0.3">
      <c r="A66168" s="13" t="s">
        <v>351</v>
      </c>
      <c r="B66168" s="14" t="s">
        <v>1</v>
      </c>
      <c r="C66168" s="14" t="s">
        <v>200</v>
      </c>
      <c r="D66168" s="14" t="s">
        <v>146</v>
      </c>
      <c r="E66168" s="15">
        <v>45479</v>
      </c>
      <c r="F66168" s="14" t="s">
        <v>61</v>
      </c>
      <c r="G66168" s="16">
        <v>0.61544478092397292</v>
      </c>
    </row>
    <row r="66169" spans="1:7" x14ac:dyDescent="0.3">
      <c r="A66169" s="13" t="s">
        <v>351</v>
      </c>
      <c r="B66169" s="14" t="s">
        <v>1</v>
      </c>
      <c r="C66169" s="14" t="s">
        <v>200</v>
      </c>
      <c r="D66169" s="14" t="s">
        <v>146</v>
      </c>
      <c r="E66169" s="15">
        <v>45480</v>
      </c>
      <c r="F66169" s="14" t="s">
        <v>61</v>
      </c>
      <c r="G66169" s="16">
        <v>0.61544478092397292</v>
      </c>
    </row>
    <row r="66170" spans="1:7" x14ac:dyDescent="0.3">
      <c r="A66170" s="13" t="s">
        <v>351</v>
      </c>
      <c r="B66170" s="14" t="s">
        <v>1</v>
      </c>
      <c r="C66170" s="14" t="s">
        <v>200</v>
      </c>
      <c r="D66170" s="14" t="s">
        <v>146</v>
      </c>
      <c r="E66170" s="15">
        <v>45481</v>
      </c>
      <c r="F66170" s="14" t="s">
        <v>61</v>
      </c>
      <c r="G66170" s="16">
        <v>0.62646707064883034</v>
      </c>
    </row>
    <row r="66171" spans="1:7" x14ac:dyDescent="0.3">
      <c r="A66171" s="13" t="s">
        <v>351</v>
      </c>
      <c r="B66171" s="14" t="s">
        <v>1</v>
      </c>
      <c r="C66171" s="14" t="s">
        <v>200</v>
      </c>
      <c r="D66171" s="14" t="s">
        <v>146</v>
      </c>
      <c r="E66171" s="15">
        <v>45482</v>
      </c>
      <c r="F66171" s="14" t="s">
        <v>61</v>
      </c>
      <c r="G66171" s="16">
        <v>0.64601950014873544</v>
      </c>
    </row>
    <row r="66172" spans="1:7" x14ac:dyDescent="0.3">
      <c r="A66172" s="13" t="s">
        <v>351</v>
      </c>
      <c r="B66172" s="14" t="s">
        <v>1</v>
      </c>
      <c r="C66172" s="14" t="s">
        <v>200</v>
      </c>
      <c r="D66172" s="14" t="s">
        <v>146</v>
      </c>
      <c r="E66172" s="15">
        <v>45483</v>
      </c>
      <c r="F66172" s="14" t="s">
        <v>61</v>
      </c>
      <c r="G66172" s="16">
        <v>0.65153841359241982</v>
      </c>
    </row>
    <row r="66173" spans="1:7" x14ac:dyDescent="0.3">
      <c r="A66173" s="13" t="s">
        <v>351</v>
      </c>
      <c r="B66173" s="14" t="s">
        <v>1</v>
      </c>
      <c r="C66173" s="14" t="s">
        <v>200</v>
      </c>
      <c r="D66173" s="14" t="s">
        <v>146</v>
      </c>
      <c r="E66173" s="15">
        <v>45484</v>
      </c>
      <c r="F66173" s="14" t="s">
        <v>61</v>
      </c>
      <c r="G66173" s="16">
        <v>0.65394616391725469</v>
      </c>
    </row>
    <row r="66174" spans="1:7" x14ac:dyDescent="0.3">
      <c r="A66174" s="13" t="s">
        <v>351</v>
      </c>
      <c r="B66174" s="14" t="s">
        <v>1</v>
      </c>
      <c r="C66174" s="14" t="s">
        <v>200</v>
      </c>
      <c r="D66174" s="14" t="s">
        <v>146</v>
      </c>
      <c r="E66174" s="15">
        <v>45485</v>
      </c>
      <c r="F66174" s="14" t="s">
        <v>61</v>
      </c>
      <c r="G66174" s="16">
        <v>0.65756726454733272</v>
      </c>
    </row>
    <row r="66175" spans="1:7" x14ac:dyDescent="0.3">
      <c r="A66175" s="13" t="s">
        <v>351</v>
      </c>
      <c r="B66175" s="14" t="s">
        <v>1</v>
      </c>
      <c r="C66175" s="14" t="s">
        <v>200</v>
      </c>
      <c r="D66175" s="14" t="s">
        <v>146</v>
      </c>
      <c r="E66175" s="15">
        <v>45486</v>
      </c>
      <c r="F66175" s="14" t="s">
        <v>61</v>
      </c>
      <c r="G66175" s="16">
        <v>0.65756726454733272</v>
      </c>
    </row>
    <row r="66176" spans="1:7" x14ac:dyDescent="0.3">
      <c r="A66176" s="13" t="s">
        <v>351</v>
      </c>
      <c r="B66176" s="14" t="s">
        <v>1</v>
      </c>
      <c r="C66176" s="14" t="s">
        <v>200</v>
      </c>
      <c r="D66176" s="14" t="s">
        <v>146</v>
      </c>
      <c r="E66176" s="15">
        <v>45487</v>
      </c>
      <c r="F66176" s="14" t="s">
        <v>61</v>
      </c>
      <c r="G66176" s="16">
        <v>0.65756726454733272</v>
      </c>
    </row>
    <row r="66177" spans="1:7" x14ac:dyDescent="0.3">
      <c r="A66177" s="13" t="s">
        <v>351</v>
      </c>
      <c r="B66177" s="14" t="s">
        <v>1</v>
      </c>
      <c r="C66177" s="14" t="s">
        <v>200</v>
      </c>
      <c r="D66177" s="14" t="s">
        <v>146</v>
      </c>
      <c r="E66177" s="15">
        <v>45488</v>
      </c>
      <c r="F66177" s="14" t="s">
        <v>61</v>
      </c>
      <c r="G66177" s="16">
        <v>0.65936286508279929</v>
      </c>
    </row>
    <row r="66178" spans="1:7" x14ac:dyDescent="0.3">
      <c r="A66178" s="13" t="s">
        <v>351</v>
      </c>
      <c r="B66178" s="14" t="s">
        <v>1</v>
      </c>
      <c r="C66178" s="14" t="s">
        <v>200</v>
      </c>
      <c r="D66178" s="14" t="s">
        <v>146</v>
      </c>
      <c r="E66178" s="15">
        <v>45489</v>
      </c>
      <c r="F66178" s="14" t="s">
        <v>61</v>
      </c>
      <c r="G66178" s="16">
        <v>0.67806066143348487</v>
      </c>
    </row>
    <row r="66179" spans="1:7" x14ac:dyDescent="0.3">
      <c r="A66179" s="13" t="s">
        <v>351</v>
      </c>
      <c r="B66179" s="14" t="s">
        <v>1</v>
      </c>
      <c r="C66179" s="14" t="s">
        <v>200</v>
      </c>
      <c r="D66179" s="14" t="s">
        <v>146</v>
      </c>
      <c r="E66179" s="15">
        <v>45490</v>
      </c>
      <c r="F66179" s="14" t="s">
        <v>61</v>
      </c>
      <c r="G66179" s="16">
        <v>0.67143915672222509</v>
      </c>
    </row>
    <row r="66180" spans="1:7" x14ac:dyDescent="0.3">
      <c r="A66180" s="13" t="s">
        <v>351</v>
      </c>
      <c r="B66180" s="14" t="s">
        <v>1</v>
      </c>
      <c r="C66180" s="14" t="s">
        <v>200</v>
      </c>
      <c r="D66180" s="14" t="s">
        <v>146</v>
      </c>
      <c r="E66180" s="15">
        <v>45491</v>
      </c>
      <c r="F66180" s="14" t="s">
        <v>61</v>
      </c>
      <c r="G66180" s="16">
        <v>0.68058038606248927</v>
      </c>
    </row>
    <row r="66181" spans="1:7" x14ac:dyDescent="0.3">
      <c r="A66181" s="13" t="s">
        <v>351</v>
      </c>
      <c r="B66181" s="14" t="s">
        <v>1</v>
      </c>
      <c r="C66181" s="14" t="s">
        <v>200</v>
      </c>
      <c r="D66181" s="14" t="s">
        <v>146</v>
      </c>
      <c r="E66181" s="15">
        <v>45492</v>
      </c>
      <c r="F66181" s="14" t="s">
        <v>61</v>
      </c>
      <c r="G66181" s="16">
        <v>0.68818427745368527</v>
      </c>
    </row>
    <row r="66182" spans="1:7" x14ac:dyDescent="0.3">
      <c r="A66182" s="13" t="s">
        <v>351</v>
      </c>
      <c r="B66182" s="14" t="s">
        <v>1</v>
      </c>
      <c r="C66182" s="14" t="s">
        <v>200</v>
      </c>
      <c r="D66182" s="14" t="s">
        <v>146</v>
      </c>
      <c r="E66182" s="15">
        <v>45493</v>
      </c>
      <c r="F66182" s="14" t="s">
        <v>61</v>
      </c>
      <c r="G66182" s="16">
        <v>0.68818427745368527</v>
      </c>
    </row>
    <row r="66183" spans="1:7" x14ac:dyDescent="0.3">
      <c r="A66183" s="13" t="s">
        <v>351</v>
      </c>
      <c r="B66183" s="14" t="s">
        <v>1</v>
      </c>
      <c r="C66183" s="14" t="s">
        <v>200</v>
      </c>
      <c r="D66183" s="14" t="s">
        <v>146</v>
      </c>
      <c r="E66183" s="15">
        <v>45494</v>
      </c>
      <c r="F66183" s="14" t="s">
        <v>61</v>
      </c>
      <c r="G66183" s="16">
        <v>0.68818427745368527</v>
      </c>
    </row>
    <row r="66184" spans="1:7" x14ac:dyDescent="0.3">
      <c r="A66184" s="13" t="s">
        <v>351</v>
      </c>
      <c r="B66184" s="14" t="s">
        <v>1</v>
      </c>
      <c r="C66184" s="14" t="s">
        <v>200</v>
      </c>
      <c r="D66184" s="14" t="s">
        <v>146</v>
      </c>
      <c r="E66184" s="15">
        <v>45495</v>
      </c>
      <c r="F66184" s="14" t="s">
        <v>61</v>
      </c>
      <c r="G66184" s="16">
        <v>0.69353820864094839</v>
      </c>
    </row>
    <row r="66185" spans="1:7" x14ac:dyDescent="0.3">
      <c r="A66185" s="13" t="s">
        <v>351</v>
      </c>
      <c r="B66185" s="14" t="s">
        <v>1</v>
      </c>
      <c r="C66185" s="14" t="s">
        <v>200</v>
      </c>
      <c r="D66185" s="14" t="s">
        <v>146</v>
      </c>
      <c r="E66185" s="15">
        <v>45496</v>
      </c>
      <c r="F66185" s="14" t="s">
        <v>61</v>
      </c>
      <c r="G66185" s="16">
        <v>0.7151680366660681</v>
      </c>
    </row>
    <row r="66186" spans="1:7" x14ac:dyDescent="0.3">
      <c r="A66186" s="13" t="s">
        <v>351</v>
      </c>
      <c r="B66186" s="14" t="s">
        <v>1</v>
      </c>
      <c r="C66186" s="14" t="s">
        <v>200</v>
      </c>
      <c r="D66186" s="14" t="s">
        <v>146</v>
      </c>
      <c r="E66186" s="15">
        <v>45497</v>
      </c>
      <c r="F66186" s="14" t="s">
        <v>61</v>
      </c>
      <c r="G66186" s="16">
        <v>0.72216937170819961</v>
      </c>
    </row>
    <row r="66187" spans="1:7" x14ac:dyDescent="0.3">
      <c r="A66187" s="13" t="s">
        <v>351</v>
      </c>
      <c r="B66187" s="14" t="s">
        <v>1</v>
      </c>
      <c r="C66187" s="14" t="s">
        <v>200</v>
      </c>
      <c r="D66187" s="14" t="s">
        <v>146</v>
      </c>
      <c r="E66187" s="15">
        <v>45498</v>
      </c>
      <c r="F66187" s="14" t="s">
        <v>61</v>
      </c>
      <c r="G66187" s="16">
        <v>0.72794320055466066</v>
      </c>
    </row>
    <row r="66188" spans="1:7" x14ac:dyDescent="0.3">
      <c r="A66188" s="13" t="s">
        <v>351</v>
      </c>
      <c r="B66188" s="14" t="s">
        <v>1</v>
      </c>
      <c r="C66188" s="14" t="s">
        <v>200</v>
      </c>
      <c r="D66188" s="14" t="s">
        <v>146</v>
      </c>
      <c r="E66188" s="15">
        <v>45499</v>
      </c>
      <c r="F66188" s="14" t="s">
        <v>61</v>
      </c>
      <c r="G66188" s="16">
        <v>0.73337536820262417</v>
      </c>
    </row>
    <row r="66189" spans="1:7" x14ac:dyDescent="0.3">
      <c r="A66189" s="13" t="s">
        <v>351</v>
      </c>
      <c r="B66189" s="14" t="s">
        <v>1</v>
      </c>
      <c r="C66189" s="14" t="s">
        <v>200</v>
      </c>
      <c r="D66189" s="14" t="s">
        <v>146</v>
      </c>
      <c r="E66189" s="15">
        <v>45500</v>
      </c>
      <c r="F66189" s="14" t="s">
        <v>61</v>
      </c>
      <c r="G66189" s="16">
        <v>0.73337536820262417</v>
      </c>
    </row>
    <row r="66190" spans="1:7" x14ac:dyDescent="0.3">
      <c r="A66190" s="13" t="s">
        <v>351</v>
      </c>
      <c r="B66190" s="14" t="s">
        <v>1</v>
      </c>
      <c r="C66190" s="14" t="s">
        <v>200</v>
      </c>
      <c r="D66190" s="14" t="s">
        <v>146</v>
      </c>
      <c r="E66190" s="15">
        <v>45501</v>
      </c>
      <c r="F66190" s="14" t="s">
        <v>61</v>
      </c>
      <c r="G66190" s="16">
        <v>0.73337536820262417</v>
      </c>
    </row>
    <row r="66191" spans="1:7" x14ac:dyDescent="0.3">
      <c r="A66191" s="13" t="s">
        <v>351</v>
      </c>
      <c r="B66191" s="14" t="s">
        <v>1</v>
      </c>
      <c r="C66191" s="14" t="s">
        <v>200</v>
      </c>
      <c r="D66191" s="14" t="s">
        <v>146</v>
      </c>
      <c r="E66191" s="15">
        <v>45502</v>
      </c>
      <c r="F66191" s="14" t="s">
        <v>61</v>
      </c>
      <c r="G66191" s="16">
        <v>0.74654998494767011</v>
      </c>
    </row>
    <row r="66192" spans="1:7" x14ac:dyDescent="0.3">
      <c r="A66192" s="13" t="s">
        <v>351</v>
      </c>
      <c r="B66192" s="14" t="s">
        <v>1</v>
      </c>
      <c r="C66192" s="14" t="s">
        <v>200</v>
      </c>
      <c r="D66192" s="14" t="s">
        <v>146</v>
      </c>
      <c r="E66192" s="15">
        <v>45503</v>
      </c>
      <c r="F66192" s="14" t="s">
        <v>61</v>
      </c>
      <c r="G66192" s="16">
        <v>0.76449471500360622</v>
      </c>
    </row>
    <row r="66193" spans="1:7" x14ac:dyDescent="0.3">
      <c r="A66193" s="13" t="s">
        <v>351</v>
      </c>
      <c r="B66193" s="14" t="s">
        <v>1</v>
      </c>
      <c r="C66193" s="14" t="s">
        <v>200</v>
      </c>
      <c r="D66193" s="14" t="s">
        <v>146</v>
      </c>
      <c r="E66193" s="15">
        <v>45504</v>
      </c>
      <c r="F66193" s="14" t="s">
        <v>61</v>
      </c>
      <c r="G66193" s="16">
        <v>0.76982183546266258</v>
      </c>
    </row>
    <row r="66194" spans="1:7" x14ac:dyDescent="0.3">
      <c r="A66194" s="13" t="s">
        <v>351</v>
      </c>
      <c r="B66194" s="14" t="s">
        <v>1</v>
      </c>
      <c r="C66194" s="14" t="s">
        <v>200</v>
      </c>
      <c r="D66194" s="14" t="s">
        <v>146</v>
      </c>
      <c r="E66194" s="15">
        <v>45505</v>
      </c>
      <c r="F66194" s="14" t="s">
        <v>61</v>
      </c>
      <c r="G66194" s="16">
        <v>0.77904857205888467</v>
      </c>
    </row>
    <row r="66195" spans="1:7" x14ac:dyDescent="0.3">
      <c r="A66195" s="13" t="s">
        <v>351</v>
      </c>
      <c r="B66195" s="14" t="s">
        <v>1</v>
      </c>
      <c r="C66195" s="14" t="s">
        <v>200</v>
      </c>
      <c r="D66195" s="14" t="s">
        <v>146</v>
      </c>
      <c r="E66195" s="15">
        <v>45506</v>
      </c>
      <c r="F66195" s="14" t="s">
        <v>61</v>
      </c>
      <c r="G66195" s="16">
        <v>0.78403165569942224</v>
      </c>
    </row>
    <row r="66196" spans="1:7" x14ac:dyDescent="0.3">
      <c r="A66196" s="13" t="s">
        <v>351</v>
      </c>
      <c r="B66196" s="14" t="s">
        <v>1</v>
      </c>
      <c r="C66196" s="14" t="s">
        <v>200</v>
      </c>
      <c r="D66196" s="14" t="s">
        <v>146</v>
      </c>
      <c r="E66196" s="15">
        <v>45507</v>
      </c>
      <c r="F66196" s="14" t="s">
        <v>61</v>
      </c>
      <c r="G66196" s="16">
        <v>0.78403165569942224</v>
      </c>
    </row>
    <row r="66197" spans="1:7" x14ac:dyDescent="0.3">
      <c r="A66197" s="13" t="s">
        <v>351</v>
      </c>
      <c r="B66197" s="14" t="s">
        <v>1</v>
      </c>
      <c r="C66197" s="14" t="s">
        <v>200</v>
      </c>
      <c r="D66197" s="14" t="s">
        <v>146</v>
      </c>
      <c r="E66197" s="15">
        <v>45508</v>
      </c>
      <c r="F66197" s="14" t="s">
        <v>61</v>
      </c>
      <c r="G66197" s="16">
        <v>0.78403165569942224</v>
      </c>
    </row>
    <row r="66198" spans="1:7" x14ac:dyDescent="0.3">
      <c r="A66198" s="13" t="s">
        <v>351</v>
      </c>
      <c r="B66198" s="14" t="s">
        <v>1</v>
      </c>
      <c r="C66198" s="14" t="s">
        <v>200</v>
      </c>
      <c r="D66198" s="14" t="s">
        <v>146</v>
      </c>
      <c r="E66198" s="15">
        <v>45509</v>
      </c>
      <c r="F66198" s="14" t="s">
        <v>61</v>
      </c>
      <c r="G66198" s="16">
        <v>0.78403165569942224</v>
      </c>
    </row>
    <row r="66199" spans="1:7" x14ac:dyDescent="0.3">
      <c r="A66199" s="13" t="s">
        <v>351</v>
      </c>
      <c r="B66199" s="14" t="s">
        <v>1</v>
      </c>
      <c r="C66199" s="14" t="s">
        <v>200</v>
      </c>
      <c r="D66199" s="14" t="s">
        <v>146</v>
      </c>
      <c r="E66199" s="15">
        <v>45510</v>
      </c>
      <c r="F66199" s="14" t="s">
        <v>61</v>
      </c>
      <c r="G66199" s="16">
        <v>0.79556154414370894</v>
      </c>
    </row>
    <row r="66200" spans="1:7" x14ac:dyDescent="0.3">
      <c r="A66200" s="13" t="s">
        <v>351</v>
      </c>
      <c r="B66200" s="14" t="s">
        <v>1</v>
      </c>
      <c r="C66200" s="14" t="s">
        <v>200</v>
      </c>
      <c r="D66200" s="14" t="s">
        <v>146</v>
      </c>
      <c r="E66200" s="15">
        <v>45511</v>
      </c>
      <c r="F66200" s="14" t="s">
        <v>61</v>
      </c>
      <c r="G66200" s="16">
        <v>0.82069265833087346</v>
      </c>
    </row>
    <row r="66201" spans="1:7" x14ac:dyDescent="0.3">
      <c r="A66201" s="13" t="s">
        <v>351</v>
      </c>
      <c r="B66201" s="14" t="s">
        <v>1</v>
      </c>
      <c r="C66201" s="14" t="s">
        <v>200</v>
      </c>
      <c r="D66201" s="14" t="s">
        <v>146</v>
      </c>
      <c r="E66201" s="15">
        <v>45512</v>
      </c>
      <c r="F66201" s="14" t="s">
        <v>61</v>
      </c>
      <c r="G66201" s="16">
        <v>0.82655625768975427</v>
      </c>
    </row>
    <row r="66202" spans="1:7" x14ac:dyDescent="0.3">
      <c r="A66202" s="13" t="s">
        <v>351</v>
      </c>
      <c r="B66202" s="14" t="s">
        <v>1</v>
      </c>
      <c r="C66202" s="14" t="s">
        <v>200</v>
      </c>
      <c r="D66202" s="14" t="s">
        <v>146</v>
      </c>
      <c r="E66202" s="15">
        <v>45513</v>
      </c>
      <c r="F66202" s="14" t="s">
        <v>61</v>
      </c>
      <c r="G66202" s="16">
        <v>0.83204551975269958</v>
      </c>
    </row>
    <row r="66203" spans="1:7" x14ac:dyDescent="0.3">
      <c r="A66203" s="13" t="s">
        <v>351</v>
      </c>
      <c r="B66203" s="14" t="s">
        <v>1</v>
      </c>
      <c r="C66203" s="14" t="s">
        <v>200</v>
      </c>
      <c r="D66203" s="14" t="s">
        <v>146</v>
      </c>
      <c r="E66203" s="15">
        <v>45514</v>
      </c>
      <c r="F66203" s="14" t="s">
        <v>61</v>
      </c>
      <c r="G66203" s="16">
        <v>0.83204551975269958</v>
      </c>
    </row>
    <row r="66204" spans="1:7" x14ac:dyDescent="0.3">
      <c r="A66204" s="13" t="s">
        <v>351</v>
      </c>
      <c r="B66204" s="14" t="s">
        <v>1</v>
      </c>
      <c r="C66204" s="14" t="s">
        <v>200</v>
      </c>
      <c r="D66204" s="14" t="s">
        <v>146</v>
      </c>
      <c r="E66204" s="15">
        <v>45515</v>
      </c>
      <c r="F66204" s="14" t="s">
        <v>61</v>
      </c>
      <c r="G66204" s="16">
        <v>0.83204551975269958</v>
      </c>
    </row>
    <row r="66205" spans="1:7" x14ac:dyDescent="0.3">
      <c r="A66205" s="13" t="s">
        <v>351</v>
      </c>
      <c r="B66205" s="14" t="s">
        <v>1</v>
      </c>
      <c r="C66205" s="14" t="s">
        <v>200</v>
      </c>
      <c r="D66205" s="14" t="s">
        <v>146</v>
      </c>
      <c r="E66205" s="15">
        <v>45516</v>
      </c>
      <c r="F66205" s="14" t="s">
        <v>61</v>
      </c>
      <c r="G66205" s="16">
        <v>0.83512025550830771</v>
      </c>
    </row>
    <row r="66206" spans="1:7" x14ac:dyDescent="0.3">
      <c r="A66206" s="13" t="s">
        <v>351</v>
      </c>
      <c r="B66206" s="14" t="s">
        <v>1</v>
      </c>
      <c r="C66206" s="14" t="s">
        <v>200</v>
      </c>
      <c r="D66206" s="14" t="s">
        <v>146</v>
      </c>
      <c r="E66206" s="15">
        <v>45517</v>
      </c>
      <c r="F66206" s="14" t="s">
        <v>61</v>
      </c>
      <c r="G66206" s="16">
        <v>0.84645976608274298</v>
      </c>
    </row>
    <row r="66207" spans="1:7" x14ac:dyDescent="0.3">
      <c r="A66207" s="13" t="s">
        <v>351</v>
      </c>
      <c r="B66207" s="14" t="s">
        <v>1</v>
      </c>
      <c r="C66207" s="14" t="s">
        <v>200</v>
      </c>
      <c r="D66207" s="14" t="s">
        <v>146</v>
      </c>
      <c r="E66207" s="15">
        <v>45518</v>
      </c>
      <c r="F66207" s="14" t="s">
        <v>61</v>
      </c>
      <c r="G66207" s="16">
        <v>0.85144079199521527</v>
      </c>
    </row>
    <row r="66208" spans="1:7" x14ac:dyDescent="0.3">
      <c r="A66208" s="13" t="s">
        <v>351</v>
      </c>
      <c r="B66208" s="14" t="s">
        <v>1</v>
      </c>
      <c r="C66208" s="14" t="s">
        <v>200</v>
      </c>
      <c r="D66208" s="14" t="s">
        <v>146</v>
      </c>
      <c r="E66208" s="15">
        <v>45519</v>
      </c>
      <c r="F66208" s="14" t="s">
        <v>61</v>
      </c>
      <c r="G66208" s="16">
        <v>0.86018899526243164</v>
      </c>
    </row>
    <row r="66209" spans="1:7" x14ac:dyDescent="0.3">
      <c r="A66209" s="13" t="s">
        <v>351</v>
      </c>
      <c r="B66209" s="14" t="s">
        <v>1</v>
      </c>
      <c r="C66209" s="14" t="s">
        <v>200</v>
      </c>
      <c r="D66209" s="14" t="s">
        <v>146</v>
      </c>
      <c r="E66209" s="15">
        <v>45520</v>
      </c>
      <c r="F66209" s="14" t="s">
        <v>61</v>
      </c>
      <c r="G66209" s="16">
        <v>0.86146864795500377</v>
      </c>
    </row>
    <row r="66210" spans="1:7" x14ac:dyDescent="0.3">
      <c r="A66210" s="13" t="s">
        <v>351</v>
      </c>
      <c r="B66210" s="14" t="s">
        <v>1</v>
      </c>
      <c r="C66210" s="14" t="s">
        <v>200</v>
      </c>
      <c r="D66210" s="14" t="s">
        <v>146</v>
      </c>
      <c r="E66210" s="15">
        <v>45521</v>
      </c>
      <c r="F66210" s="14" t="s">
        <v>61</v>
      </c>
      <c r="G66210" s="16">
        <v>0.86146864795500377</v>
      </c>
    </row>
    <row r="66211" spans="1:7" x14ac:dyDescent="0.3">
      <c r="A66211" s="13" t="s">
        <v>351</v>
      </c>
      <c r="B66211" s="14" t="s">
        <v>1</v>
      </c>
      <c r="C66211" s="14" t="s">
        <v>200</v>
      </c>
      <c r="D66211" s="14" t="s">
        <v>146</v>
      </c>
      <c r="E66211" s="15">
        <v>45522</v>
      </c>
      <c r="F66211" s="14" t="s">
        <v>61</v>
      </c>
      <c r="G66211" s="16">
        <v>0.86146864795500377</v>
      </c>
    </row>
    <row r="66212" spans="1:7" x14ac:dyDescent="0.3">
      <c r="A66212" s="13" t="s">
        <v>351</v>
      </c>
      <c r="B66212" s="14" t="s">
        <v>1</v>
      </c>
      <c r="C66212" s="14" t="s">
        <v>200</v>
      </c>
      <c r="D66212" s="14" t="s">
        <v>146</v>
      </c>
      <c r="E66212" s="15">
        <v>45523</v>
      </c>
      <c r="F66212" s="14" t="s">
        <v>61</v>
      </c>
      <c r="G66212" s="16">
        <v>0.8624828206645766</v>
      </c>
    </row>
    <row r="66213" spans="1:7" x14ac:dyDescent="0.3">
      <c r="A66213" s="13" t="s">
        <v>351</v>
      </c>
      <c r="B66213" s="14" t="s">
        <v>1</v>
      </c>
      <c r="C66213" s="14" t="s">
        <v>200</v>
      </c>
      <c r="D66213" s="14" t="s">
        <v>146</v>
      </c>
      <c r="E66213" s="15">
        <v>45524</v>
      </c>
      <c r="F66213" s="14" t="s">
        <v>61</v>
      </c>
      <c r="G66213" s="16">
        <v>0.87488154660901774</v>
      </c>
    </row>
    <row r="66214" spans="1:7" x14ac:dyDescent="0.3">
      <c r="A66214" s="13" t="s">
        <v>351</v>
      </c>
      <c r="B66214" s="14" t="s">
        <v>1</v>
      </c>
      <c r="C66214" s="14" t="s">
        <v>200</v>
      </c>
      <c r="D66214" s="14" t="s">
        <v>146</v>
      </c>
      <c r="E66214" s="15">
        <v>45525</v>
      </c>
      <c r="F66214" s="14" t="s">
        <v>61</v>
      </c>
      <c r="G66214" s="16">
        <v>0.87775799190400006</v>
      </c>
    </row>
    <row r="66215" spans="1:7" x14ac:dyDescent="0.3">
      <c r="A66215" s="13" t="s">
        <v>351</v>
      </c>
      <c r="B66215" s="14" t="s">
        <v>1</v>
      </c>
      <c r="C66215" s="14" t="s">
        <v>200</v>
      </c>
      <c r="D66215" s="14" t="s">
        <v>146</v>
      </c>
      <c r="E66215" s="15">
        <v>45526</v>
      </c>
      <c r="F66215" s="14" t="s">
        <v>61</v>
      </c>
      <c r="G66215" s="16">
        <v>0.88977685192692757</v>
      </c>
    </row>
    <row r="66216" spans="1:7" x14ac:dyDescent="0.3">
      <c r="A66216" s="13" t="s">
        <v>351</v>
      </c>
      <c r="B66216" s="14" t="s">
        <v>1</v>
      </c>
      <c r="C66216" s="14" t="s">
        <v>200</v>
      </c>
      <c r="D66216" s="14" t="s">
        <v>146</v>
      </c>
      <c r="E66216" s="15">
        <v>45527</v>
      </c>
      <c r="F66216" s="14" t="s">
        <v>61</v>
      </c>
      <c r="G66216" s="16">
        <v>0.88655856721364412</v>
      </c>
    </row>
    <row r="66217" spans="1:7" x14ac:dyDescent="0.3">
      <c r="A66217" s="13" t="s">
        <v>351</v>
      </c>
      <c r="B66217" s="14" t="s">
        <v>1</v>
      </c>
      <c r="C66217" s="14" t="s">
        <v>200</v>
      </c>
      <c r="D66217" s="14" t="s">
        <v>146</v>
      </c>
      <c r="E66217" s="15">
        <v>45528</v>
      </c>
      <c r="F66217" s="14" t="s">
        <v>61</v>
      </c>
      <c r="G66217" s="16">
        <v>0.88655856721364412</v>
      </c>
    </row>
    <row r="66218" spans="1:7" x14ac:dyDescent="0.3">
      <c r="A66218" s="13" t="s">
        <v>351</v>
      </c>
      <c r="B66218" s="14" t="s">
        <v>1</v>
      </c>
      <c r="C66218" s="14" t="s">
        <v>200</v>
      </c>
      <c r="D66218" s="14" t="s">
        <v>146</v>
      </c>
      <c r="E66218" s="15">
        <v>45529</v>
      </c>
      <c r="F66218" s="14" t="s">
        <v>61</v>
      </c>
      <c r="G66218" s="16">
        <v>0.88655856721364412</v>
      </c>
    </row>
    <row r="66219" spans="1:7" x14ac:dyDescent="0.3">
      <c r="A66219" s="13" t="s">
        <v>351</v>
      </c>
      <c r="B66219" s="14" t="s">
        <v>1</v>
      </c>
      <c r="C66219" s="14" t="s">
        <v>200</v>
      </c>
      <c r="D66219" s="14" t="s">
        <v>146</v>
      </c>
      <c r="E66219" s="15">
        <v>45530</v>
      </c>
      <c r="F66219" s="14" t="s">
        <v>61</v>
      </c>
      <c r="G66219" s="16">
        <v>0.90259786771110373</v>
      </c>
    </row>
    <row r="66220" spans="1:7" x14ac:dyDescent="0.3">
      <c r="A66220" s="13" t="s">
        <v>351</v>
      </c>
      <c r="B66220" s="14" t="s">
        <v>1</v>
      </c>
      <c r="C66220" s="14" t="s">
        <v>200</v>
      </c>
      <c r="D66220" s="14" t="s">
        <v>146</v>
      </c>
      <c r="E66220" s="15">
        <v>45531</v>
      </c>
      <c r="F66220" s="14" t="s">
        <v>61</v>
      </c>
      <c r="G66220" s="16">
        <v>0.91671136447331614</v>
      </c>
    </row>
    <row r="66221" spans="1:7" x14ac:dyDescent="0.3">
      <c r="A66221" s="13" t="s">
        <v>351</v>
      </c>
      <c r="B66221" s="14" t="s">
        <v>1</v>
      </c>
      <c r="C66221" s="14" t="s">
        <v>200</v>
      </c>
      <c r="D66221" s="14" t="s">
        <v>146</v>
      </c>
      <c r="E66221" s="15">
        <v>45532</v>
      </c>
      <c r="F66221" s="14" t="s">
        <v>61</v>
      </c>
      <c r="G66221" s="16">
        <v>0.92676181059666873</v>
      </c>
    </row>
    <row r="66222" spans="1:7" x14ac:dyDescent="0.3">
      <c r="A66222" s="13" t="s">
        <v>351</v>
      </c>
      <c r="B66222" s="14" t="s">
        <v>1</v>
      </c>
      <c r="C66222" s="14" t="s">
        <v>200</v>
      </c>
      <c r="D66222" s="14" t="s">
        <v>146</v>
      </c>
      <c r="E66222" s="15">
        <v>45533</v>
      </c>
      <c r="F66222" s="14" t="s">
        <v>61</v>
      </c>
      <c r="G66222" s="16">
        <v>0.93497662786097113</v>
      </c>
    </row>
    <row r="66223" spans="1:7" x14ac:dyDescent="0.3">
      <c r="A66223" s="13" t="s">
        <v>351</v>
      </c>
      <c r="B66223" s="14" t="s">
        <v>1</v>
      </c>
      <c r="C66223" s="14" t="s">
        <v>200</v>
      </c>
      <c r="D66223" s="14" t="s">
        <v>146</v>
      </c>
      <c r="E66223" s="15">
        <v>45534</v>
      </c>
      <c r="F66223" s="14" t="s">
        <v>61</v>
      </c>
      <c r="G66223" s="16">
        <v>0.94645239005331983</v>
      </c>
    </row>
    <row r="66224" spans="1:7" x14ac:dyDescent="0.3">
      <c r="A66224" s="13" t="s">
        <v>351</v>
      </c>
      <c r="B66224" s="14" t="s">
        <v>1</v>
      </c>
      <c r="C66224" s="14" t="s">
        <v>200</v>
      </c>
      <c r="D66224" s="14" t="s">
        <v>146</v>
      </c>
      <c r="E66224" s="15">
        <v>45535</v>
      </c>
      <c r="F66224" s="14" t="s">
        <v>61</v>
      </c>
      <c r="G66224" s="16">
        <v>0.94645239005331983</v>
      </c>
    </row>
    <row r="66225" spans="1:7" x14ac:dyDescent="0.3">
      <c r="A66225" s="13" t="s">
        <v>351</v>
      </c>
      <c r="B66225" s="14" t="s">
        <v>1</v>
      </c>
      <c r="C66225" s="14" t="s">
        <v>200</v>
      </c>
      <c r="D66225" s="14" t="s">
        <v>146</v>
      </c>
      <c r="E66225" s="15">
        <v>45536</v>
      </c>
      <c r="F66225" s="14" t="s">
        <v>61</v>
      </c>
      <c r="G66225" s="16">
        <v>0.94645239005331983</v>
      </c>
    </row>
    <row r="66226" spans="1:7" x14ac:dyDescent="0.3">
      <c r="A66226" s="13" t="s">
        <v>351</v>
      </c>
      <c r="B66226" s="14" t="s">
        <v>1</v>
      </c>
      <c r="C66226" s="14" t="s">
        <v>200</v>
      </c>
      <c r="D66226" s="14" t="s">
        <v>146</v>
      </c>
      <c r="E66226" s="15">
        <v>45537</v>
      </c>
      <c r="F66226" s="14" t="s">
        <v>61</v>
      </c>
      <c r="G66226" s="16">
        <v>0.94645239005331983</v>
      </c>
    </row>
    <row r="66227" spans="1:7" x14ac:dyDescent="0.3">
      <c r="A66227" s="13" t="s">
        <v>351</v>
      </c>
      <c r="B66227" s="14" t="s">
        <v>1</v>
      </c>
      <c r="C66227" s="14" t="s">
        <v>200</v>
      </c>
      <c r="D66227" s="14" t="s">
        <v>146</v>
      </c>
      <c r="E66227" s="15">
        <v>45538</v>
      </c>
      <c r="F66227" s="14" t="s">
        <v>61</v>
      </c>
      <c r="G66227" s="16">
        <v>0.95209880951995496</v>
      </c>
    </row>
    <row r="66228" spans="1:7" x14ac:dyDescent="0.3">
      <c r="A66228" s="13" t="s">
        <v>351</v>
      </c>
      <c r="B66228" s="14" t="s">
        <v>1</v>
      </c>
      <c r="C66228" s="14" t="s">
        <v>200</v>
      </c>
      <c r="D66228" s="14" t="s">
        <v>146</v>
      </c>
      <c r="E66228" s="15">
        <v>45539</v>
      </c>
      <c r="F66228" s="14" t="s">
        <v>61</v>
      </c>
      <c r="G66228" s="16">
        <v>0.96659121709913998</v>
      </c>
    </row>
    <row r="66229" spans="1:7" x14ac:dyDescent="0.3">
      <c r="A66229" s="13" t="s">
        <v>351</v>
      </c>
      <c r="B66229" s="14" t="s">
        <v>1</v>
      </c>
      <c r="C66229" s="14" t="s">
        <v>200</v>
      </c>
      <c r="D66229" s="14" t="s">
        <v>146</v>
      </c>
      <c r="E66229" s="15">
        <v>45540</v>
      </c>
      <c r="F66229" s="14" t="s">
        <v>61</v>
      </c>
      <c r="G66229" s="16">
        <v>0.96939200926471158</v>
      </c>
    </row>
    <row r="66230" spans="1:7" x14ac:dyDescent="0.3">
      <c r="A66230" s="13" t="s">
        <v>351</v>
      </c>
      <c r="B66230" s="14" t="s">
        <v>1</v>
      </c>
      <c r="C66230" s="14" t="s">
        <v>200</v>
      </c>
      <c r="D66230" s="14" t="s">
        <v>146</v>
      </c>
      <c r="E66230" s="15">
        <v>45541</v>
      </c>
      <c r="F66230" s="14" t="s">
        <v>61</v>
      </c>
      <c r="G66230" s="16">
        <v>0.97735255597314596</v>
      </c>
    </row>
    <row r="66231" spans="1:7" x14ac:dyDescent="0.3">
      <c r="A66231" s="13" t="s">
        <v>351</v>
      </c>
      <c r="B66231" s="14" t="s">
        <v>1</v>
      </c>
      <c r="C66231" s="14" t="s">
        <v>200</v>
      </c>
      <c r="D66231" s="14" t="s">
        <v>146</v>
      </c>
      <c r="E66231" s="15">
        <v>45542</v>
      </c>
      <c r="F66231" s="14" t="s">
        <v>61</v>
      </c>
      <c r="G66231" s="16">
        <v>0.97735255597314596</v>
      </c>
    </row>
    <row r="66232" spans="1:7" x14ac:dyDescent="0.3">
      <c r="A66232" s="13" t="s">
        <v>351</v>
      </c>
      <c r="B66232" s="14" t="s">
        <v>1</v>
      </c>
      <c r="C66232" s="14" t="s">
        <v>200</v>
      </c>
      <c r="D66232" s="14" t="s">
        <v>146</v>
      </c>
      <c r="E66232" s="15">
        <v>45543</v>
      </c>
      <c r="F66232" s="14" t="s">
        <v>61</v>
      </c>
      <c r="G66232" s="16">
        <v>0.97735255597314596</v>
      </c>
    </row>
    <row r="66233" spans="1:7" x14ac:dyDescent="0.3">
      <c r="A66233" s="13" t="s">
        <v>351</v>
      </c>
      <c r="B66233" s="14" t="s">
        <v>1</v>
      </c>
      <c r="C66233" s="14" t="s">
        <v>200</v>
      </c>
      <c r="D66233" s="14" t="s">
        <v>146</v>
      </c>
      <c r="E66233" s="15">
        <v>45544</v>
      </c>
      <c r="F66233" s="14" t="s">
        <v>61</v>
      </c>
      <c r="G66233" s="16">
        <v>0.98968037302083234</v>
      </c>
    </row>
    <row r="66234" spans="1:7" x14ac:dyDescent="0.3">
      <c r="A66234" s="13" t="s">
        <v>351</v>
      </c>
      <c r="B66234" s="14" t="s">
        <v>1</v>
      </c>
      <c r="C66234" s="14" t="s">
        <v>200</v>
      </c>
      <c r="D66234" s="14" t="s">
        <v>146</v>
      </c>
      <c r="E66234" s="15">
        <v>45545</v>
      </c>
      <c r="F66234" s="14" t="s">
        <v>61</v>
      </c>
      <c r="G66234" s="16">
        <v>1.0056397614493848</v>
      </c>
    </row>
    <row r="66235" spans="1:7" x14ac:dyDescent="0.3">
      <c r="A66235" s="13" t="s">
        <v>351</v>
      </c>
      <c r="B66235" s="14" t="s">
        <v>1</v>
      </c>
      <c r="C66235" s="14" t="s">
        <v>200</v>
      </c>
      <c r="D66235" s="14" t="s">
        <v>146</v>
      </c>
      <c r="E66235" s="15">
        <v>45546</v>
      </c>
      <c r="F66235" s="14" t="s">
        <v>61</v>
      </c>
      <c r="G66235" s="16">
        <v>1.0130891122846639</v>
      </c>
    </row>
    <row r="66236" spans="1:7" x14ac:dyDescent="0.3">
      <c r="A66236" s="13" t="s">
        <v>351</v>
      </c>
      <c r="B66236" s="14" t="s">
        <v>1</v>
      </c>
      <c r="C66236" s="14" t="s">
        <v>200</v>
      </c>
      <c r="D66236" s="14" t="s">
        <v>146</v>
      </c>
      <c r="E66236" s="15">
        <v>45547</v>
      </c>
      <c r="F66236" s="14" t="s">
        <v>61</v>
      </c>
      <c r="G66236" s="16">
        <v>1.0126624882352204</v>
      </c>
    </row>
    <row r="66237" spans="1:7" x14ac:dyDescent="0.3">
      <c r="A66237" s="13" t="s">
        <v>351</v>
      </c>
      <c r="B66237" s="14" t="s">
        <v>1</v>
      </c>
      <c r="C66237" s="14" t="s">
        <v>200</v>
      </c>
      <c r="D66237" s="14" t="s">
        <v>146</v>
      </c>
      <c r="E66237" s="15">
        <v>45548</v>
      </c>
      <c r="F66237" s="14" t="s">
        <v>61</v>
      </c>
      <c r="G66237" s="16">
        <v>1.0173226070582946</v>
      </c>
    </row>
    <row r="66238" spans="1:7" x14ac:dyDescent="0.3">
      <c r="A66238" s="13" t="s">
        <v>351</v>
      </c>
      <c r="B66238" s="14" t="s">
        <v>1</v>
      </c>
      <c r="C66238" s="14" t="s">
        <v>200</v>
      </c>
      <c r="D66238" s="14" t="s">
        <v>146</v>
      </c>
      <c r="E66238" s="15">
        <v>45549</v>
      </c>
      <c r="F66238" s="14" t="s">
        <v>61</v>
      </c>
      <c r="G66238" s="16">
        <v>1.0173226070582946</v>
      </c>
    </row>
    <row r="66239" spans="1:7" x14ac:dyDescent="0.3">
      <c r="A66239" s="13" t="s">
        <v>351</v>
      </c>
      <c r="B66239" s="14" t="s">
        <v>1</v>
      </c>
      <c r="C66239" s="14" t="s">
        <v>200</v>
      </c>
      <c r="D66239" s="14" t="s">
        <v>146</v>
      </c>
      <c r="E66239" s="15">
        <v>45550</v>
      </c>
      <c r="F66239" s="14" t="s">
        <v>61</v>
      </c>
      <c r="G66239" s="16">
        <v>1.0173226070582946</v>
      </c>
    </row>
    <row r="66240" spans="1:7" x14ac:dyDescent="0.3">
      <c r="A66240" s="13" t="s">
        <v>351</v>
      </c>
      <c r="B66240" s="14" t="s">
        <v>1</v>
      </c>
      <c r="C66240" s="14" t="s">
        <v>200</v>
      </c>
      <c r="D66240" s="14" t="s">
        <v>146</v>
      </c>
      <c r="E66240" s="15">
        <v>45551</v>
      </c>
      <c r="F66240" s="14" t="s">
        <v>61</v>
      </c>
      <c r="G66240" s="16">
        <v>1.017246874305975</v>
      </c>
    </row>
    <row r="66241" spans="1:7" x14ac:dyDescent="0.3">
      <c r="A66241" s="13" t="s">
        <v>351</v>
      </c>
      <c r="B66241" s="14" t="s">
        <v>1</v>
      </c>
      <c r="C66241" s="14" t="s">
        <v>200</v>
      </c>
      <c r="D66241" s="14" t="s">
        <v>146</v>
      </c>
      <c r="E66241" s="15">
        <v>45552</v>
      </c>
      <c r="F66241" s="14" t="s">
        <v>61</v>
      </c>
      <c r="G66241" s="16">
        <v>1.032528966923147</v>
      </c>
    </row>
    <row r="66242" spans="1:7" x14ac:dyDescent="0.3">
      <c r="A66242" s="13" t="s">
        <v>351</v>
      </c>
      <c r="B66242" s="14" t="s">
        <v>1</v>
      </c>
      <c r="C66242" s="14" t="s">
        <v>200</v>
      </c>
      <c r="D66242" s="14" t="s">
        <v>146</v>
      </c>
      <c r="E66242" s="15">
        <v>45553</v>
      </c>
      <c r="F66242" s="14" t="s">
        <v>61</v>
      </c>
      <c r="G66242" s="16">
        <v>1.0375089182309081</v>
      </c>
    </row>
    <row r="66243" spans="1:7" x14ac:dyDescent="0.3">
      <c r="A66243" s="13" t="s">
        <v>351</v>
      </c>
      <c r="B66243" s="14" t="s">
        <v>1</v>
      </c>
      <c r="C66243" s="14" t="s">
        <v>200</v>
      </c>
      <c r="D66243" s="14" t="s">
        <v>146</v>
      </c>
      <c r="E66243" s="15">
        <v>45554</v>
      </c>
      <c r="F66243" s="14" t="s">
        <v>61</v>
      </c>
      <c r="G66243" s="16">
        <v>1.0388225140199021</v>
      </c>
    </row>
    <row r="66244" spans="1:7" x14ac:dyDescent="0.3">
      <c r="A66244" s="13" t="s">
        <v>351</v>
      </c>
      <c r="B66244" s="14" t="s">
        <v>1</v>
      </c>
      <c r="C66244" s="14" t="s">
        <v>200</v>
      </c>
      <c r="D66244" s="14" t="s">
        <v>146</v>
      </c>
      <c r="E66244" s="15">
        <v>45555</v>
      </c>
      <c r="F66244" s="14" t="s">
        <v>61</v>
      </c>
      <c r="G66244" s="16">
        <v>1.0455362920810831</v>
      </c>
    </row>
    <row r="66245" spans="1:7" x14ac:dyDescent="0.3">
      <c r="A66245" s="13" t="s">
        <v>351</v>
      </c>
      <c r="B66245" s="14" t="s">
        <v>1</v>
      </c>
      <c r="C66245" s="14" t="s">
        <v>200</v>
      </c>
      <c r="D66245" s="14" t="s">
        <v>146</v>
      </c>
      <c r="E66245" s="15">
        <v>45556</v>
      </c>
      <c r="F66245" s="14" t="s">
        <v>61</v>
      </c>
      <c r="G66245" s="16">
        <v>1.0455362920810831</v>
      </c>
    </row>
    <row r="66246" spans="1:7" x14ac:dyDescent="0.3">
      <c r="A66246" s="13" t="s">
        <v>351</v>
      </c>
      <c r="B66246" s="14" t="s">
        <v>1</v>
      </c>
      <c r="C66246" s="14" t="s">
        <v>200</v>
      </c>
      <c r="D66246" s="14" t="s">
        <v>146</v>
      </c>
      <c r="E66246" s="15">
        <v>45557</v>
      </c>
      <c r="F66246" s="14" t="s">
        <v>61</v>
      </c>
      <c r="G66246" s="16">
        <v>1.0455362920810831</v>
      </c>
    </row>
    <row r="66247" spans="1:7" x14ac:dyDescent="0.3">
      <c r="A66247" s="13" t="s">
        <v>351</v>
      </c>
      <c r="B66247" s="14" t="s">
        <v>1</v>
      </c>
      <c r="C66247" s="14" t="s">
        <v>200</v>
      </c>
      <c r="D66247" s="14" t="s">
        <v>146</v>
      </c>
      <c r="E66247" s="15">
        <v>45558</v>
      </c>
      <c r="F66247" s="14" t="s">
        <v>61</v>
      </c>
      <c r="G66247" s="16">
        <v>1.0560096308373559</v>
      </c>
    </row>
    <row r="66248" spans="1:7" x14ac:dyDescent="0.3">
      <c r="A66248" s="13" t="s">
        <v>351</v>
      </c>
      <c r="B66248" s="14" t="s">
        <v>1</v>
      </c>
      <c r="C66248" s="14" t="s">
        <v>200</v>
      </c>
      <c r="D66248" s="14" t="s">
        <v>146</v>
      </c>
      <c r="E66248" s="15">
        <v>45559</v>
      </c>
      <c r="F66248" s="14" t="s">
        <v>61</v>
      </c>
      <c r="G66248" s="16">
        <v>1.0660602676559834</v>
      </c>
    </row>
    <row r="66249" spans="1:7" x14ac:dyDescent="0.3">
      <c r="A66249" s="13" t="s">
        <v>351</v>
      </c>
      <c r="B66249" s="14" t="s">
        <v>1</v>
      </c>
      <c r="C66249" s="14" t="s">
        <v>200</v>
      </c>
      <c r="D66249" s="14" t="s">
        <v>146</v>
      </c>
      <c r="E66249" s="15">
        <v>45560</v>
      </c>
      <c r="F66249" s="14" t="s">
        <v>61</v>
      </c>
      <c r="G66249" s="16">
        <v>1.0757245752483939</v>
      </c>
    </row>
    <row r="66250" spans="1:7" x14ac:dyDescent="0.3">
      <c r="A66250" s="13" t="s">
        <v>351</v>
      </c>
      <c r="B66250" s="14" t="s">
        <v>1</v>
      </c>
      <c r="C66250" s="14" t="s">
        <v>200</v>
      </c>
      <c r="D66250" s="14" t="s">
        <v>146</v>
      </c>
      <c r="E66250" s="15">
        <v>45561</v>
      </c>
      <c r="F66250" s="14" t="s">
        <v>61</v>
      </c>
      <c r="G66250" s="16">
        <v>1.0771172544391228</v>
      </c>
    </row>
    <row r="66251" spans="1:7" x14ac:dyDescent="0.3">
      <c r="A66251" s="13" t="s">
        <v>351</v>
      </c>
      <c r="B66251" s="14" t="s">
        <v>1</v>
      </c>
      <c r="C66251" s="14" t="s">
        <v>200</v>
      </c>
      <c r="D66251" s="14" t="s">
        <v>146</v>
      </c>
      <c r="E66251" s="15">
        <v>45562</v>
      </c>
      <c r="F66251" s="14" t="s">
        <v>61</v>
      </c>
      <c r="G66251" s="16">
        <v>1.0837708813764957</v>
      </c>
    </row>
    <row r="66252" spans="1:7" x14ac:dyDescent="0.3">
      <c r="A66252" s="13" t="s">
        <v>351</v>
      </c>
      <c r="B66252" s="14" t="s">
        <v>1</v>
      </c>
      <c r="C66252" s="14" t="s">
        <v>200</v>
      </c>
      <c r="D66252" s="14" t="s">
        <v>146</v>
      </c>
      <c r="E66252" s="15">
        <v>45563</v>
      </c>
      <c r="F66252" s="14" t="s">
        <v>61</v>
      </c>
      <c r="G66252" s="16">
        <v>1.0837708813764957</v>
      </c>
    </row>
    <row r="66253" spans="1:7" x14ac:dyDescent="0.3">
      <c r="A66253" s="13" t="s">
        <v>351</v>
      </c>
      <c r="B66253" s="14" t="s">
        <v>1</v>
      </c>
      <c r="C66253" s="14" t="s">
        <v>200</v>
      </c>
      <c r="D66253" s="14" t="s">
        <v>146</v>
      </c>
      <c r="E66253" s="15">
        <v>45564</v>
      </c>
      <c r="F66253" s="14" t="s">
        <v>61</v>
      </c>
      <c r="G66253" s="16">
        <v>1.0837708813764957</v>
      </c>
    </row>
    <row r="66254" spans="1:7" x14ac:dyDescent="0.3">
      <c r="A66254" s="13" t="s">
        <v>351</v>
      </c>
      <c r="B66254" s="14" t="s">
        <v>1</v>
      </c>
      <c r="C66254" s="14" t="s">
        <v>200</v>
      </c>
      <c r="D66254" s="14" t="s">
        <v>146</v>
      </c>
      <c r="E66254" s="15">
        <v>45565</v>
      </c>
      <c r="F66254" s="14" t="s">
        <v>61</v>
      </c>
      <c r="G66254" s="16">
        <v>1.0929268748344898</v>
      </c>
    </row>
    <row r="66255" spans="1:7" x14ac:dyDescent="0.3">
      <c r="A66255" s="13" t="s">
        <v>351</v>
      </c>
      <c r="B66255" s="14" t="s">
        <v>1</v>
      </c>
      <c r="C66255" s="14" t="s">
        <v>200</v>
      </c>
      <c r="D66255" s="14" t="s">
        <v>146</v>
      </c>
      <c r="E66255" s="15">
        <v>45566</v>
      </c>
      <c r="F66255" s="14" t="s">
        <v>61</v>
      </c>
      <c r="G66255" s="16">
        <v>1.1067899216489021</v>
      </c>
    </row>
    <row r="66256" spans="1:7" x14ac:dyDescent="0.3">
      <c r="A66256" s="13" t="s">
        <v>351</v>
      </c>
      <c r="B66256" s="14" t="s">
        <v>1</v>
      </c>
      <c r="C66256" s="14" t="s">
        <v>200</v>
      </c>
      <c r="D66256" s="14" t="s">
        <v>146</v>
      </c>
      <c r="E66256" s="15">
        <v>45567</v>
      </c>
      <c r="F66256" s="14" t="s">
        <v>61</v>
      </c>
      <c r="G66256" s="16">
        <v>1.1174825423402788</v>
      </c>
    </row>
    <row r="66257" spans="1:7" x14ac:dyDescent="0.3">
      <c r="A66257" s="13" t="s">
        <v>351</v>
      </c>
      <c r="B66257" s="14" t="s">
        <v>1</v>
      </c>
      <c r="C66257" s="14" t="s">
        <v>200</v>
      </c>
      <c r="D66257" s="14" t="s">
        <v>146</v>
      </c>
      <c r="E66257" s="15">
        <v>45568</v>
      </c>
      <c r="F66257" s="14" t="s">
        <v>61</v>
      </c>
      <c r="G66257" s="16">
        <v>1.1241834198897511</v>
      </c>
    </row>
    <row r="66258" spans="1:7" x14ac:dyDescent="0.3">
      <c r="A66258" s="13" t="s">
        <v>351</v>
      </c>
      <c r="B66258" s="14" t="s">
        <v>1</v>
      </c>
      <c r="C66258" s="14" t="s">
        <v>200</v>
      </c>
      <c r="D66258" s="14" t="s">
        <v>146</v>
      </c>
      <c r="E66258" s="15">
        <v>45569</v>
      </c>
      <c r="F66258" s="14" t="s">
        <v>61</v>
      </c>
      <c r="G66258" s="16">
        <v>1.1349341054641848</v>
      </c>
    </row>
    <row r="66259" spans="1:7" x14ac:dyDescent="0.3">
      <c r="A66259" s="13" t="s">
        <v>351</v>
      </c>
      <c r="B66259" s="14" t="s">
        <v>1</v>
      </c>
      <c r="C66259" s="14" t="s">
        <v>200</v>
      </c>
      <c r="D66259" s="14" t="s">
        <v>146</v>
      </c>
      <c r="E66259" s="15">
        <v>45570</v>
      </c>
      <c r="F66259" s="14" t="s">
        <v>61</v>
      </c>
      <c r="G66259" s="16">
        <v>1.1349341054641848</v>
      </c>
    </row>
    <row r="66260" spans="1:7" x14ac:dyDescent="0.3">
      <c r="A66260" s="13" t="s">
        <v>351</v>
      </c>
      <c r="B66260" s="14" t="s">
        <v>1</v>
      </c>
      <c r="C66260" s="14" t="s">
        <v>200</v>
      </c>
      <c r="D66260" s="14" t="s">
        <v>146</v>
      </c>
      <c r="E66260" s="15">
        <v>45571</v>
      </c>
      <c r="F66260" s="14" t="s">
        <v>61</v>
      </c>
      <c r="G66260" s="16">
        <v>1.1349341054641848</v>
      </c>
    </row>
    <row r="66261" spans="1:7" x14ac:dyDescent="0.3">
      <c r="A66261" s="13" t="s">
        <v>351</v>
      </c>
      <c r="B66261" s="14" t="s">
        <v>1</v>
      </c>
      <c r="C66261" s="14" t="s">
        <v>200</v>
      </c>
      <c r="D66261" s="14" t="s">
        <v>146</v>
      </c>
      <c r="E66261" s="15">
        <v>45572</v>
      </c>
      <c r="F66261" s="14" t="s">
        <v>61</v>
      </c>
      <c r="G66261" s="16">
        <v>1.1463906843563421</v>
      </c>
    </row>
    <row r="66262" spans="1:7" x14ac:dyDescent="0.3">
      <c r="A66262" s="13" t="s">
        <v>351</v>
      </c>
      <c r="B66262" s="14" t="s">
        <v>1</v>
      </c>
      <c r="C66262" s="14" t="s">
        <v>200</v>
      </c>
      <c r="D66262" s="14" t="s">
        <v>146</v>
      </c>
      <c r="E66262" s="15">
        <v>45573</v>
      </c>
      <c r="F66262" s="14" t="s">
        <v>61</v>
      </c>
      <c r="G66262" s="16">
        <v>1.1611285120249264</v>
      </c>
    </row>
    <row r="66263" spans="1:7" x14ac:dyDescent="0.3">
      <c r="A66263" s="13" t="s">
        <v>351</v>
      </c>
      <c r="B66263" s="14" t="s">
        <v>1</v>
      </c>
      <c r="C66263" s="14" t="s">
        <v>200</v>
      </c>
      <c r="D66263" s="14" t="s">
        <v>146</v>
      </c>
      <c r="E66263" s="15">
        <v>45574</v>
      </c>
      <c r="F66263" s="14" t="s">
        <v>61</v>
      </c>
      <c r="G66263" s="16">
        <v>1.1708878004740784</v>
      </c>
    </row>
    <row r="66264" spans="1:7" x14ac:dyDescent="0.3">
      <c r="A66264" s="13" t="s">
        <v>351</v>
      </c>
      <c r="B66264" s="14" t="s">
        <v>1</v>
      </c>
      <c r="C66264" s="14" t="s">
        <v>200</v>
      </c>
      <c r="D66264" s="14" t="s">
        <v>146</v>
      </c>
      <c r="E66264" s="15">
        <v>45575</v>
      </c>
      <c r="F66264" s="14" t="s">
        <v>61</v>
      </c>
      <c r="G66264" s="16">
        <v>1.1754353023829385</v>
      </c>
    </row>
    <row r="66265" spans="1:7" x14ac:dyDescent="0.3">
      <c r="A66265" s="13" t="s">
        <v>351</v>
      </c>
      <c r="B66265" s="14" t="s">
        <v>1</v>
      </c>
      <c r="C66265" s="14" t="s">
        <v>200</v>
      </c>
      <c r="D66265" s="14" t="s">
        <v>146</v>
      </c>
      <c r="E66265" s="15">
        <v>45576</v>
      </c>
      <c r="F66265" s="14" t="s">
        <v>61</v>
      </c>
      <c r="G66265" s="16">
        <v>1.1799819136660237</v>
      </c>
    </row>
    <row r="66266" spans="1:7" x14ac:dyDescent="0.3">
      <c r="A66266" s="13" t="s">
        <v>351</v>
      </c>
      <c r="B66266" s="14" t="s">
        <v>1</v>
      </c>
      <c r="C66266" s="14" t="s">
        <v>200</v>
      </c>
      <c r="D66266" s="14" t="s">
        <v>146</v>
      </c>
      <c r="E66266" s="15">
        <v>45577</v>
      </c>
      <c r="F66266" s="14" t="s">
        <v>61</v>
      </c>
      <c r="G66266" s="16">
        <v>1.1799819136660237</v>
      </c>
    </row>
    <row r="66267" spans="1:7" x14ac:dyDescent="0.3">
      <c r="A66267" s="13" t="s">
        <v>351</v>
      </c>
      <c r="B66267" s="14" t="s">
        <v>1</v>
      </c>
      <c r="C66267" s="14" t="s">
        <v>200</v>
      </c>
      <c r="D66267" s="14" t="s">
        <v>146</v>
      </c>
      <c r="E66267" s="15">
        <v>45578</v>
      </c>
      <c r="F66267" s="14" t="s">
        <v>61</v>
      </c>
      <c r="G66267" s="16">
        <v>1.1799819136660237</v>
      </c>
    </row>
    <row r="66268" spans="1:7" x14ac:dyDescent="0.3">
      <c r="A66268" s="13" t="s">
        <v>351</v>
      </c>
      <c r="B66268" s="14" t="s">
        <v>1</v>
      </c>
      <c r="C66268" s="14" t="s">
        <v>200</v>
      </c>
      <c r="D66268" s="14" t="s">
        <v>146</v>
      </c>
      <c r="E66268" s="15">
        <v>45579</v>
      </c>
      <c r="F66268" s="14" t="s">
        <v>61</v>
      </c>
      <c r="G66268" s="16">
        <v>1.1799819136660237</v>
      </c>
    </row>
    <row r="66269" spans="1:7" x14ac:dyDescent="0.3">
      <c r="A66269" s="13" t="s">
        <v>351</v>
      </c>
      <c r="B66269" s="14" t="s">
        <v>1</v>
      </c>
      <c r="C66269" s="14" t="s">
        <v>200</v>
      </c>
      <c r="D66269" s="14" t="s">
        <v>146</v>
      </c>
      <c r="E66269" s="15">
        <v>45580</v>
      </c>
      <c r="F66269" s="14" t="s">
        <v>61</v>
      </c>
      <c r="G66269" s="16">
        <v>1.1900621901074715</v>
      </c>
    </row>
    <row r="66270" spans="1:7" x14ac:dyDescent="0.3">
      <c r="A66270" s="13" t="s">
        <v>351</v>
      </c>
      <c r="B66270" s="14" t="s">
        <v>1</v>
      </c>
      <c r="C66270" s="14" t="s">
        <v>200</v>
      </c>
      <c r="D66270" s="14" t="s">
        <v>146</v>
      </c>
      <c r="E66270" s="15">
        <v>45581</v>
      </c>
      <c r="F66270" s="14" t="s">
        <v>61</v>
      </c>
      <c r="G66270" s="16">
        <v>1.2139584149016793</v>
      </c>
    </row>
    <row r="66271" spans="1:7" x14ac:dyDescent="0.3">
      <c r="A66271" s="13" t="s">
        <v>351</v>
      </c>
      <c r="B66271" s="14" t="s">
        <v>1</v>
      </c>
      <c r="C66271" s="14" t="s">
        <v>200</v>
      </c>
      <c r="D66271" s="14" t="s">
        <v>146</v>
      </c>
      <c r="E66271" s="15">
        <v>45582</v>
      </c>
      <c r="F66271" s="14" t="s">
        <v>61</v>
      </c>
      <c r="G66271" s="16">
        <v>1.2249160317567791</v>
      </c>
    </row>
    <row r="66272" spans="1:7" x14ac:dyDescent="0.3">
      <c r="A66272" s="13" t="s">
        <v>351</v>
      </c>
      <c r="B66272" s="14" t="s">
        <v>1</v>
      </c>
      <c r="C66272" s="14" t="s">
        <v>200</v>
      </c>
      <c r="D66272" s="14" t="s">
        <v>146</v>
      </c>
      <c r="E66272" s="15">
        <v>45583</v>
      </c>
      <c r="F66272" s="14" t="s">
        <v>61</v>
      </c>
      <c r="G66272" s="16">
        <v>1.2335930268440665</v>
      </c>
    </row>
    <row r="66273" spans="1:7" x14ac:dyDescent="0.3">
      <c r="A66273" s="13" t="s">
        <v>351</v>
      </c>
      <c r="B66273" s="14" t="s">
        <v>1</v>
      </c>
      <c r="C66273" s="14" t="s">
        <v>200</v>
      </c>
      <c r="D66273" s="14" t="s">
        <v>146</v>
      </c>
      <c r="E66273" s="15">
        <v>45584</v>
      </c>
      <c r="F66273" s="14" t="s">
        <v>61</v>
      </c>
      <c r="G66273" s="16">
        <v>1.2335930268440665</v>
      </c>
    </row>
    <row r="66274" spans="1:7" x14ac:dyDescent="0.3">
      <c r="A66274" s="13" t="s">
        <v>351</v>
      </c>
      <c r="B66274" s="14" t="s">
        <v>1</v>
      </c>
      <c r="C66274" s="14" t="s">
        <v>200</v>
      </c>
      <c r="D66274" s="14" t="s">
        <v>146</v>
      </c>
      <c r="E66274" s="15">
        <v>45585</v>
      </c>
      <c r="F66274" s="14" t="s">
        <v>61</v>
      </c>
      <c r="G66274" s="16">
        <v>1.2335930268440665</v>
      </c>
    </row>
    <row r="66275" spans="1:7" x14ac:dyDescent="0.3">
      <c r="A66275" s="13" t="s">
        <v>351</v>
      </c>
      <c r="B66275" s="14" t="s">
        <v>1</v>
      </c>
      <c r="C66275" s="14" t="s">
        <v>200</v>
      </c>
      <c r="D66275" s="14" t="s">
        <v>146</v>
      </c>
      <c r="E66275" s="15">
        <v>45586</v>
      </c>
      <c r="F66275" s="14" t="s">
        <v>61</v>
      </c>
      <c r="G66275" s="16">
        <v>1.250007657716079</v>
      </c>
    </row>
    <row r="66276" spans="1:7" x14ac:dyDescent="0.3">
      <c r="A66276" s="13" t="s">
        <v>351</v>
      </c>
      <c r="B66276" s="14" t="s">
        <v>1</v>
      </c>
      <c r="C66276" s="14" t="s">
        <v>200</v>
      </c>
      <c r="D66276" s="14" t="s">
        <v>146</v>
      </c>
      <c r="E66276" s="15">
        <v>45587</v>
      </c>
      <c r="F66276" s="14" t="s">
        <v>61</v>
      </c>
      <c r="G66276" s="16">
        <v>1.2682672138472728</v>
      </c>
    </row>
    <row r="66277" spans="1:7" x14ac:dyDescent="0.3">
      <c r="A66277" s="13" t="s">
        <v>351</v>
      </c>
      <c r="B66277" s="14" t="s">
        <v>1</v>
      </c>
      <c r="C66277" s="14" t="s">
        <v>200</v>
      </c>
      <c r="D66277" s="14" t="s">
        <v>146</v>
      </c>
      <c r="E66277" s="15">
        <v>45588</v>
      </c>
      <c r="F66277" s="14" t="s">
        <v>61</v>
      </c>
      <c r="G66277" s="16">
        <v>1.2761249964572579</v>
      </c>
    </row>
    <row r="66278" spans="1:7" x14ac:dyDescent="0.3">
      <c r="A66278" s="13" t="s">
        <v>351</v>
      </c>
      <c r="B66278" s="14" t="s">
        <v>1</v>
      </c>
      <c r="C66278" s="14" t="s">
        <v>200</v>
      </c>
      <c r="D66278" s="14" t="s">
        <v>146</v>
      </c>
      <c r="E66278" s="15">
        <v>45589</v>
      </c>
      <c r="F66278" s="14" t="s">
        <v>61</v>
      </c>
      <c r="G66278" s="16">
        <v>1.276484061078478</v>
      </c>
    </row>
    <row r="66279" spans="1:7" x14ac:dyDescent="0.3">
      <c r="A66279" s="13" t="s">
        <v>351</v>
      </c>
      <c r="B66279" s="14" t="s">
        <v>1</v>
      </c>
      <c r="C66279" s="14" t="s">
        <v>200</v>
      </c>
      <c r="D66279" s="14" t="s">
        <v>146</v>
      </c>
      <c r="E66279" s="15">
        <v>45590</v>
      </c>
      <c r="F66279" s="14" t="s">
        <v>61</v>
      </c>
      <c r="G66279" s="16">
        <v>1.285743225141182</v>
      </c>
    </row>
    <row r="66280" spans="1:7" x14ac:dyDescent="0.3">
      <c r="A66280" s="13" t="s">
        <v>351</v>
      </c>
      <c r="B66280" s="14" t="s">
        <v>1</v>
      </c>
      <c r="C66280" s="14" t="s">
        <v>200</v>
      </c>
      <c r="D66280" s="14" t="s">
        <v>146</v>
      </c>
      <c r="E66280" s="15">
        <v>45591</v>
      </c>
      <c r="F66280" s="14" t="s">
        <v>61</v>
      </c>
      <c r="G66280" s="16">
        <v>1.285743225141182</v>
      </c>
    </row>
    <row r="66281" spans="1:7" x14ac:dyDescent="0.3">
      <c r="A66281" s="13" t="s">
        <v>351</v>
      </c>
      <c r="B66281" s="14" t="s">
        <v>1</v>
      </c>
      <c r="C66281" s="14" t="s">
        <v>200</v>
      </c>
      <c r="D66281" s="14" t="s">
        <v>146</v>
      </c>
      <c r="E66281" s="15">
        <v>45592</v>
      </c>
      <c r="F66281" s="14" t="s">
        <v>61</v>
      </c>
      <c r="G66281" s="16">
        <v>1.285743225141182</v>
      </c>
    </row>
    <row r="66282" spans="1:7" x14ac:dyDescent="0.3">
      <c r="A66282" s="13" t="s">
        <v>351</v>
      </c>
      <c r="B66282" s="14" t="s">
        <v>1</v>
      </c>
      <c r="C66282" s="14" t="s">
        <v>200</v>
      </c>
      <c r="D66282" s="14" t="s">
        <v>146</v>
      </c>
      <c r="E66282" s="15">
        <v>45593</v>
      </c>
      <c r="F66282" s="14" t="s">
        <v>61</v>
      </c>
      <c r="G66282" s="16">
        <v>1.285743225141182</v>
      </c>
    </row>
    <row r="66283" spans="1:7" x14ac:dyDescent="0.3">
      <c r="A66283" s="13" t="s">
        <v>351</v>
      </c>
      <c r="B66283" s="14" t="s">
        <v>1</v>
      </c>
      <c r="C66283" s="14" t="s">
        <v>200</v>
      </c>
      <c r="D66283" s="14" t="s">
        <v>146</v>
      </c>
      <c r="E66283" s="15">
        <v>45594</v>
      </c>
      <c r="F66283" s="14" t="s">
        <v>61</v>
      </c>
      <c r="G66283" s="16">
        <v>1.2890355338242154</v>
      </c>
    </row>
    <row r="66284" spans="1:7" x14ac:dyDescent="0.3">
      <c r="A66284" s="13" t="s">
        <v>351</v>
      </c>
      <c r="B66284" s="14" t="s">
        <v>1</v>
      </c>
      <c r="C66284" s="14" t="s">
        <v>200</v>
      </c>
      <c r="D66284" s="14" t="s">
        <v>146</v>
      </c>
      <c r="E66284" s="15">
        <v>45595</v>
      </c>
      <c r="F66284" s="14" t="s">
        <v>61</v>
      </c>
      <c r="G66284" s="16">
        <v>1.3072636070357817</v>
      </c>
    </row>
    <row r="66285" spans="1:7" x14ac:dyDescent="0.3">
      <c r="A66285" s="13" t="s">
        <v>351</v>
      </c>
      <c r="B66285" s="14" t="s">
        <v>1</v>
      </c>
      <c r="C66285" s="14" t="s">
        <v>200</v>
      </c>
      <c r="D66285" s="14" t="s">
        <v>146</v>
      </c>
      <c r="E66285" s="15">
        <v>45596</v>
      </c>
      <c r="F66285" s="14" t="s">
        <v>61</v>
      </c>
      <c r="G66285" s="16">
        <v>1.3094932170668918</v>
      </c>
    </row>
    <row r="66286" spans="1:7" x14ac:dyDescent="0.3">
      <c r="A66286" s="13" t="s">
        <v>351</v>
      </c>
      <c r="B66286" s="14" t="s">
        <v>1</v>
      </c>
      <c r="C66286" s="14" t="s">
        <v>200</v>
      </c>
      <c r="D66286" s="14" t="s">
        <v>146</v>
      </c>
      <c r="E66286" s="15">
        <v>45597</v>
      </c>
      <c r="F66286" s="14" t="s">
        <v>61</v>
      </c>
      <c r="G66286" s="16">
        <v>1.3204280172982508</v>
      </c>
    </row>
    <row r="66287" spans="1:7" x14ac:dyDescent="0.3">
      <c r="A66287" s="13" t="s">
        <v>351</v>
      </c>
      <c r="B66287" s="14" t="s">
        <v>1</v>
      </c>
      <c r="C66287" s="14" t="s">
        <v>200</v>
      </c>
      <c r="D66287" s="14" t="s">
        <v>146</v>
      </c>
      <c r="E66287" s="15">
        <v>45598</v>
      </c>
      <c r="F66287" s="14" t="s">
        <v>61</v>
      </c>
      <c r="G66287" s="16">
        <v>1.3204280172982508</v>
      </c>
    </row>
    <row r="66288" spans="1:7" x14ac:dyDescent="0.3">
      <c r="A66288" s="13" t="s">
        <v>351</v>
      </c>
      <c r="B66288" s="14" t="s">
        <v>1</v>
      </c>
      <c r="C66288" s="14" t="s">
        <v>200</v>
      </c>
      <c r="D66288" s="14" t="s">
        <v>146</v>
      </c>
      <c r="E66288" s="15">
        <v>45599</v>
      </c>
      <c r="F66288" s="14" t="s">
        <v>61</v>
      </c>
      <c r="G66288" s="16">
        <v>1.3204280172982508</v>
      </c>
    </row>
    <row r="66289" spans="1:7" x14ac:dyDescent="0.3">
      <c r="A66289" s="13" t="s">
        <v>351</v>
      </c>
      <c r="B66289" s="14" t="s">
        <v>1</v>
      </c>
      <c r="C66289" s="14" t="s">
        <v>200</v>
      </c>
      <c r="D66289" s="14" t="s">
        <v>146</v>
      </c>
      <c r="E66289" s="15">
        <v>45600</v>
      </c>
      <c r="F66289" s="14" t="s">
        <v>61</v>
      </c>
      <c r="G66289" s="16">
        <v>1.322626844478634</v>
      </c>
    </row>
    <row r="66290" spans="1:7" x14ac:dyDescent="0.3">
      <c r="A66290" s="13" t="s">
        <v>351</v>
      </c>
      <c r="B66290" s="14" t="s">
        <v>1</v>
      </c>
      <c r="C66290" s="14" t="s">
        <v>200</v>
      </c>
      <c r="D66290" s="14" t="s">
        <v>146</v>
      </c>
      <c r="E66290" s="15">
        <v>45601</v>
      </c>
      <c r="F66290" s="14" t="s">
        <v>61</v>
      </c>
      <c r="G66290" s="16">
        <v>1.3409051567230492</v>
      </c>
    </row>
    <row r="66291" spans="1:7" x14ac:dyDescent="0.3">
      <c r="A66291" s="13" t="s">
        <v>351</v>
      </c>
      <c r="B66291" s="14" t="s">
        <v>1</v>
      </c>
      <c r="C66291" s="14" t="s">
        <v>200</v>
      </c>
      <c r="D66291" s="14" t="s">
        <v>146</v>
      </c>
      <c r="E66291" s="15">
        <v>45602</v>
      </c>
      <c r="F66291" s="14" t="s">
        <v>61</v>
      </c>
      <c r="G66291" s="16">
        <v>1.3714816623867077</v>
      </c>
    </row>
    <row r="66292" spans="1:7" x14ac:dyDescent="0.3">
      <c r="A66292" s="13" t="s">
        <v>351</v>
      </c>
      <c r="B66292" s="14" t="s">
        <v>1</v>
      </c>
      <c r="C66292" s="14" t="s">
        <v>200</v>
      </c>
      <c r="D66292" s="14" t="s">
        <v>146</v>
      </c>
      <c r="E66292" s="15">
        <v>45603</v>
      </c>
      <c r="F66292" s="14" t="s">
        <v>61</v>
      </c>
      <c r="G66292" s="16">
        <v>1.3604748920257397</v>
      </c>
    </row>
    <row r="66293" spans="1:7" x14ac:dyDescent="0.3">
      <c r="A66293" s="13" t="s">
        <v>351</v>
      </c>
      <c r="B66293" s="14" t="s">
        <v>1</v>
      </c>
      <c r="C66293" s="14" t="s">
        <v>200</v>
      </c>
      <c r="D66293" s="14" t="s">
        <v>146</v>
      </c>
      <c r="E66293" s="15">
        <v>45604</v>
      </c>
      <c r="F66293" s="14" t="s">
        <v>61</v>
      </c>
      <c r="G66293" s="16">
        <v>1.3787781200437885</v>
      </c>
    </row>
    <row r="66294" spans="1:7" x14ac:dyDescent="0.3">
      <c r="A66294" s="13" t="s">
        <v>351</v>
      </c>
      <c r="B66294" s="14" t="s">
        <v>1</v>
      </c>
      <c r="C66294" s="14" t="s">
        <v>200</v>
      </c>
      <c r="D66294" s="14" t="s">
        <v>146</v>
      </c>
      <c r="E66294" s="15">
        <v>45605</v>
      </c>
      <c r="F66294" s="14" t="s">
        <v>61</v>
      </c>
      <c r="G66294" s="16">
        <v>1.3787781200437885</v>
      </c>
    </row>
    <row r="66295" spans="1:7" x14ac:dyDescent="0.3">
      <c r="A66295" s="13" t="s">
        <v>351</v>
      </c>
      <c r="B66295" s="14" t="s">
        <v>1</v>
      </c>
      <c r="C66295" s="14" t="s">
        <v>200</v>
      </c>
      <c r="D66295" s="14" t="s">
        <v>146</v>
      </c>
      <c r="E66295" s="15">
        <v>45606</v>
      </c>
      <c r="F66295" s="14" t="s">
        <v>61</v>
      </c>
      <c r="G66295" s="16">
        <v>1.3787781200437885</v>
      </c>
    </row>
    <row r="66296" spans="1:7" x14ac:dyDescent="0.3">
      <c r="A66296" s="13" t="s">
        <v>351</v>
      </c>
      <c r="B66296" s="14" t="s">
        <v>1</v>
      </c>
      <c r="C66296" s="14" t="s">
        <v>200</v>
      </c>
      <c r="D66296" s="14" t="s">
        <v>146</v>
      </c>
      <c r="E66296" s="15">
        <v>45607</v>
      </c>
      <c r="F66296" s="14" t="s">
        <v>61</v>
      </c>
      <c r="G66296" s="16">
        <v>1.3787781200437885</v>
      </c>
    </row>
    <row r="66297" spans="1:7" x14ac:dyDescent="0.3">
      <c r="A66297" s="13" t="s">
        <v>351</v>
      </c>
      <c r="B66297" s="14" t="s">
        <v>1</v>
      </c>
      <c r="C66297" s="14" t="s">
        <v>200</v>
      </c>
      <c r="D66297" s="14" t="s">
        <v>146</v>
      </c>
      <c r="E66297" s="15">
        <v>45608</v>
      </c>
      <c r="F66297" s="14" t="s">
        <v>61</v>
      </c>
      <c r="G66297" s="16">
        <v>1.3980776746781582</v>
      </c>
    </row>
    <row r="66298" spans="1:7" x14ac:dyDescent="0.3">
      <c r="A66298" s="13" t="s">
        <v>351</v>
      </c>
      <c r="B66298" s="14" t="s">
        <v>1</v>
      </c>
      <c r="C66298" s="14" t="s">
        <v>200</v>
      </c>
      <c r="D66298" s="14" t="s">
        <v>146</v>
      </c>
      <c r="E66298" s="15">
        <v>45609</v>
      </c>
      <c r="F66298" s="14" t="s">
        <v>61</v>
      </c>
      <c r="G66298" s="16">
        <v>1.4214874299226798</v>
      </c>
    </row>
    <row r="66299" spans="1:7" x14ac:dyDescent="0.3">
      <c r="A66299" s="13" t="s">
        <v>351</v>
      </c>
      <c r="B66299" s="14" t="s">
        <v>1</v>
      </c>
      <c r="C66299" s="14" t="s">
        <v>200</v>
      </c>
      <c r="D66299" s="14" t="s">
        <v>146</v>
      </c>
      <c r="E66299" s="15">
        <v>45610</v>
      </c>
      <c r="F66299" s="14" t="s">
        <v>61</v>
      </c>
      <c r="G66299" s="16">
        <v>1.431575098484968</v>
      </c>
    </row>
    <row r="66300" spans="1:7" x14ac:dyDescent="0.3">
      <c r="A66300" s="13" t="s">
        <v>351</v>
      </c>
      <c r="B66300" s="14" t="s">
        <v>1</v>
      </c>
      <c r="C66300" s="14" t="s">
        <v>200</v>
      </c>
      <c r="D66300" s="14" t="s">
        <v>146</v>
      </c>
      <c r="E66300" s="15">
        <v>45611</v>
      </c>
      <c r="F66300" s="14" t="s">
        <v>61</v>
      </c>
      <c r="G66300" s="16">
        <v>1.4366774403042346</v>
      </c>
    </row>
    <row r="66301" spans="1:7" x14ac:dyDescent="0.3">
      <c r="A66301" s="13" t="s">
        <v>351</v>
      </c>
      <c r="B66301" s="14" t="s">
        <v>1</v>
      </c>
      <c r="C66301" s="14" t="s">
        <v>200</v>
      </c>
      <c r="D66301" s="14" t="s">
        <v>146</v>
      </c>
      <c r="E66301" s="15">
        <v>45612</v>
      </c>
      <c r="F66301" s="14" t="s">
        <v>61</v>
      </c>
      <c r="G66301" s="16">
        <v>1.4366774403042346</v>
      </c>
    </row>
    <row r="66302" spans="1:7" x14ac:dyDescent="0.3">
      <c r="A66302" s="13" t="s">
        <v>351</v>
      </c>
      <c r="B66302" s="14" t="s">
        <v>1</v>
      </c>
      <c r="C66302" s="14" t="s">
        <v>200</v>
      </c>
      <c r="D66302" s="14" t="s">
        <v>146</v>
      </c>
      <c r="E66302" s="15">
        <v>45613</v>
      </c>
      <c r="F66302" s="14" t="s">
        <v>61</v>
      </c>
      <c r="G66302" s="16">
        <v>1.4366774403042346</v>
      </c>
    </row>
    <row r="66303" spans="1:7" x14ac:dyDescent="0.3">
      <c r="A66303" s="13" t="s">
        <v>351</v>
      </c>
      <c r="B66303" s="14" t="s">
        <v>1</v>
      </c>
      <c r="C66303" s="14" t="s">
        <v>200</v>
      </c>
      <c r="D66303" s="14" t="s">
        <v>146</v>
      </c>
      <c r="E66303" s="15">
        <v>45614</v>
      </c>
      <c r="F66303" s="14" t="s">
        <v>61</v>
      </c>
      <c r="G66303" s="16">
        <v>1.4338052113851032</v>
      </c>
    </row>
    <row r="66304" spans="1:7" x14ac:dyDescent="0.3">
      <c r="A66304" s="13" t="s">
        <v>351</v>
      </c>
      <c r="B66304" s="14" t="s">
        <v>1</v>
      </c>
      <c r="C66304" s="14" t="s">
        <v>200</v>
      </c>
      <c r="D66304" s="14" t="s">
        <v>146</v>
      </c>
      <c r="E66304" s="15">
        <v>45615</v>
      </c>
      <c r="F66304" s="14" t="s">
        <v>61</v>
      </c>
      <c r="G66304" s="16">
        <v>1.4505669371428327</v>
      </c>
    </row>
    <row r="66305" spans="1:7" x14ac:dyDescent="0.3">
      <c r="A66305" s="13" t="s">
        <v>351</v>
      </c>
      <c r="B66305" s="14" t="s">
        <v>1</v>
      </c>
      <c r="C66305" s="14" t="s">
        <v>200</v>
      </c>
      <c r="D66305" s="14" t="s">
        <v>146</v>
      </c>
      <c r="E66305" s="15">
        <v>45616</v>
      </c>
      <c r="F66305" s="14" t="s">
        <v>61</v>
      </c>
      <c r="G66305" s="16">
        <v>1.4656687258484304</v>
      </c>
    </row>
    <row r="66306" spans="1:7" x14ac:dyDescent="0.3">
      <c r="A66306" s="13" t="s">
        <v>351</v>
      </c>
      <c r="B66306" s="14" t="s">
        <v>1</v>
      </c>
      <c r="C66306" s="14" t="s">
        <v>200</v>
      </c>
      <c r="D66306" s="14" t="s">
        <v>146</v>
      </c>
      <c r="E66306" s="15">
        <v>45617</v>
      </c>
      <c r="F66306" s="14" t="s">
        <v>61</v>
      </c>
      <c r="G66306" s="16">
        <v>1.4809497996838803</v>
      </c>
    </row>
    <row r="66307" spans="1:7" x14ac:dyDescent="0.3">
      <c r="A66307" s="13" t="s">
        <v>351</v>
      </c>
      <c r="B66307" s="14" t="s">
        <v>1</v>
      </c>
      <c r="C66307" s="14" t="s">
        <v>200</v>
      </c>
      <c r="D66307" s="14" t="s">
        <v>146</v>
      </c>
      <c r="E66307" s="15">
        <v>45618</v>
      </c>
      <c r="F66307" s="14" t="s">
        <v>61</v>
      </c>
      <c r="G66307" s="16">
        <v>1.4972546923572261</v>
      </c>
    </row>
    <row r="66308" spans="1:7" x14ac:dyDescent="0.3">
      <c r="A66308" s="13" t="s">
        <v>351</v>
      </c>
      <c r="B66308" s="14" t="s">
        <v>1</v>
      </c>
      <c r="C66308" s="14" t="s">
        <v>200</v>
      </c>
      <c r="D66308" s="14" t="s">
        <v>146</v>
      </c>
      <c r="E66308" s="15">
        <v>45619</v>
      </c>
      <c r="F66308" s="14" t="s">
        <v>61</v>
      </c>
      <c r="G66308" s="16">
        <v>1.4972546923572261</v>
      </c>
    </row>
    <row r="66309" spans="1:7" x14ac:dyDescent="0.3">
      <c r="A66309" s="13" t="s">
        <v>351</v>
      </c>
      <c r="B66309" s="14" t="s">
        <v>1</v>
      </c>
      <c r="C66309" s="14" t="s">
        <v>200</v>
      </c>
      <c r="D66309" s="14" t="s">
        <v>146</v>
      </c>
      <c r="E66309" s="15">
        <v>45620</v>
      </c>
      <c r="F66309" s="14" t="s">
        <v>61</v>
      </c>
      <c r="G66309" s="16">
        <v>1.4972546923572261</v>
      </c>
    </row>
    <row r="66310" spans="1:7" x14ac:dyDescent="0.3">
      <c r="A66310" s="13" t="s">
        <v>351</v>
      </c>
      <c r="B66310" s="14" t="s">
        <v>1</v>
      </c>
      <c r="C66310" s="14" t="s">
        <v>200</v>
      </c>
      <c r="D66310" s="14" t="s">
        <v>146</v>
      </c>
      <c r="E66310" s="15">
        <v>45621</v>
      </c>
      <c r="F66310" s="14" t="s">
        <v>61</v>
      </c>
      <c r="G66310" s="16">
        <v>1.4908814668051704</v>
      </c>
    </row>
    <row r="66311" spans="1:7" x14ac:dyDescent="0.3">
      <c r="A66311" s="13" t="s">
        <v>351</v>
      </c>
      <c r="B66311" s="14" t="s">
        <v>1</v>
      </c>
      <c r="C66311" s="14" t="s">
        <v>200</v>
      </c>
      <c r="D66311" s="14" t="s">
        <v>146</v>
      </c>
      <c r="E66311" s="15">
        <v>45622</v>
      </c>
      <c r="F66311" s="14" t="s">
        <v>61</v>
      </c>
      <c r="G66311" s="16">
        <v>1.5107852308239906</v>
      </c>
    </row>
    <row r="66312" spans="1:7" x14ac:dyDescent="0.3">
      <c r="A66312" s="13" t="s">
        <v>351</v>
      </c>
      <c r="B66312" s="14" t="s">
        <v>1</v>
      </c>
      <c r="C66312" s="14" t="s">
        <v>200</v>
      </c>
      <c r="D66312" s="14" t="s">
        <v>146</v>
      </c>
      <c r="E66312" s="15">
        <v>45623</v>
      </c>
      <c r="F66312" s="14" t="s">
        <v>61</v>
      </c>
      <c r="G66312" s="16">
        <v>1.5052359378853679</v>
      </c>
    </row>
    <row r="66313" spans="1:7" x14ac:dyDescent="0.3">
      <c r="A66313" s="13" t="s">
        <v>351</v>
      </c>
      <c r="B66313" s="14" t="s">
        <v>1</v>
      </c>
      <c r="C66313" s="14" t="s">
        <v>200</v>
      </c>
      <c r="D66313" s="14" t="s">
        <v>146</v>
      </c>
      <c r="E66313" s="15">
        <v>45624</v>
      </c>
      <c r="F66313" s="14" t="s">
        <v>61</v>
      </c>
      <c r="G66313" s="16">
        <v>1.5052359378853679</v>
      </c>
    </row>
    <row r="66314" spans="1:7" x14ac:dyDescent="0.3">
      <c r="A66314" s="13" t="s">
        <v>351</v>
      </c>
      <c r="B66314" s="14" t="s">
        <v>1</v>
      </c>
      <c r="C66314" s="14" t="s">
        <v>200</v>
      </c>
      <c r="D66314" s="14" t="s">
        <v>146</v>
      </c>
      <c r="E66314" s="15">
        <v>45625</v>
      </c>
      <c r="F66314" s="14" t="s">
        <v>61</v>
      </c>
      <c r="G66314" s="16">
        <v>1.5112446420791454</v>
      </c>
    </row>
    <row r="66315" spans="1:7" x14ac:dyDescent="0.3">
      <c r="A66315" s="13" t="s">
        <v>351</v>
      </c>
      <c r="B66315" s="14" t="s">
        <v>1</v>
      </c>
      <c r="C66315" s="14" t="s">
        <v>200</v>
      </c>
      <c r="D66315" s="14" t="s">
        <v>146</v>
      </c>
      <c r="E66315" s="15">
        <v>45626</v>
      </c>
      <c r="F66315" s="14" t="s">
        <v>61</v>
      </c>
      <c r="G66315" s="16">
        <v>1.5112446420791454</v>
      </c>
    </row>
    <row r="66316" spans="1:7" x14ac:dyDescent="0.3">
      <c r="A66316" s="13" t="s">
        <v>351</v>
      </c>
      <c r="B66316" s="14" t="s">
        <v>1</v>
      </c>
      <c r="C66316" s="14" t="s">
        <v>200</v>
      </c>
      <c r="D66316" s="14" t="s">
        <v>146</v>
      </c>
      <c r="E66316" s="15">
        <v>45627</v>
      </c>
      <c r="F66316" s="14" t="s">
        <v>61</v>
      </c>
      <c r="G66316" s="16">
        <v>1.5112446420791454</v>
      </c>
    </row>
    <row r="66317" spans="1:7" x14ac:dyDescent="0.3">
      <c r="A66317" s="13" t="s">
        <v>351</v>
      </c>
      <c r="B66317" s="14" t="s">
        <v>1</v>
      </c>
      <c r="C66317" s="14" t="s">
        <v>200</v>
      </c>
      <c r="D66317" s="14" t="s">
        <v>146</v>
      </c>
      <c r="E66317" s="15">
        <v>45628</v>
      </c>
      <c r="F66317" s="14" t="s">
        <v>61</v>
      </c>
      <c r="G66317" s="16">
        <v>1.5348761274689513</v>
      </c>
    </row>
    <row r="66318" spans="1:7" x14ac:dyDescent="0.3">
      <c r="A66318" s="13" t="s">
        <v>351</v>
      </c>
      <c r="B66318" s="14" t="s">
        <v>1</v>
      </c>
      <c r="C66318" s="14" t="s">
        <v>200</v>
      </c>
      <c r="D66318" s="14" t="s">
        <v>146</v>
      </c>
      <c r="E66318" s="15">
        <v>45629</v>
      </c>
      <c r="F66318" s="14" t="s">
        <v>61</v>
      </c>
      <c r="G66318" s="16">
        <v>1.5501558444474377</v>
      </c>
    </row>
    <row r="66319" spans="1:7" x14ac:dyDescent="0.3">
      <c r="A66319" s="13" t="s">
        <v>351</v>
      </c>
      <c r="B66319" s="14" t="s">
        <v>1</v>
      </c>
      <c r="C66319" s="14" t="s">
        <v>200</v>
      </c>
      <c r="D66319" s="14" t="s">
        <v>146</v>
      </c>
      <c r="E66319" s="15">
        <v>45630</v>
      </c>
      <c r="F66319" s="14" t="s">
        <v>61</v>
      </c>
      <c r="G66319" s="16">
        <v>1.5543116812791156</v>
      </c>
    </row>
    <row r="66320" spans="1:7" x14ac:dyDescent="0.3">
      <c r="A66320" s="13" t="s">
        <v>351</v>
      </c>
      <c r="B66320" s="14" t="s">
        <v>1</v>
      </c>
      <c r="C66320" s="14" t="s">
        <v>200</v>
      </c>
      <c r="D66320" s="14" t="s">
        <v>146</v>
      </c>
      <c r="E66320" s="15">
        <v>45631</v>
      </c>
      <c r="F66320" s="14" t="s">
        <v>61</v>
      </c>
      <c r="G66320" s="16">
        <v>1.5463392629200718</v>
      </c>
    </row>
    <row r="66321" spans="1:7" x14ac:dyDescent="0.3">
      <c r="A66321" s="13" t="s">
        <v>351</v>
      </c>
      <c r="B66321" s="14" t="s">
        <v>1</v>
      </c>
      <c r="C66321" s="14" t="s">
        <v>200</v>
      </c>
      <c r="D66321" s="14" t="s">
        <v>146</v>
      </c>
      <c r="E66321" s="15">
        <v>45632</v>
      </c>
      <c r="F66321" s="14" t="s">
        <v>61</v>
      </c>
      <c r="G66321" s="16">
        <v>1.5547480318257549</v>
      </c>
    </row>
    <row r="66322" spans="1:7" x14ac:dyDescent="0.3">
      <c r="A66322" s="13" t="s">
        <v>351</v>
      </c>
      <c r="B66322" s="14" t="s">
        <v>1</v>
      </c>
      <c r="C66322" s="14" t="s">
        <v>200</v>
      </c>
      <c r="D66322" s="14" t="s">
        <v>146</v>
      </c>
      <c r="E66322" s="15">
        <v>45633</v>
      </c>
      <c r="F66322" s="14" t="s">
        <v>61</v>
      </c>
      <c r="G66322" s="16">
        <v>1.5547480318257549</v>
      </c>
    </row>
    <row r="66323" spans="1:7" x14ac:dyDescent="0.3">
      <c r="A66323" s="13" t="s">
        <v>351</v>
      </c>
      <c r="B66323" s="14" t="s">
        <v>1</v>
      </c>
      <c r="C66323" s="14" t="s">
        <v>200</v>
      </c>
      <c r="D66323" s="14" t="s">
        <v>146</v>
      </c>
      <c r="E66323" s="15">
        <v>45634</v>
      </c>
      <c r="F66323" s="14" t="s">
        <v>61</v>
      </c>
      <c r="G66323" s="16">
        <v>1.5547480318257549</v>
      </c>
    </row>
    <row r="66324" spans="1:7" x14ac:dyDescent="0.3">
      <c r="A66324" s="13" t="s">
        <v>351</v>
      </c>
      <c r="B66324" s="14" t="s">
        <v>1</v>
      </c>
      <c r="C66324" s="14" t="s">
        <v>200</v>
      </c>
      <c r="D66324" s="14" t="s">
        <v>146</v>
      </c>
      <c r="E66324" s="15">
        <v>45635</v>
      </c>
      <c r="F66324" s="14" t="s">
        <v>61</v>
      </c>
      <c r="G66324" s="16">
        <v>1.5627010226479234</v>
      </c>
    </row>
    <row r="66325" spans="1:7" x14ac:dyDescent="0.3">
      <c r="A66325" s="13" t="s">
        <v>351</v>
      </c>
      <c r="B66325" s="14" t="s">
        <v>1</v>
      </c>
      <c r="C66325" s="14" t="s">
        <v>200</v>
      </c>
      <c r="D66325" s="14" t="s">
        <v>146</v>
      </c>
      <c r="E66325" s="15">
        <v>45636</v>
      </c>
      <c r="F66325" s="14" t="s">
        <v>61</v>
      </c>
      <c r="G66325" s="16">
        <v>1.5865475713583128</v>
      </c>
    </row>
    <row r="66326" spans="1:7" x14ac:dyDescent="0.3">
      <c r="A66326" s="13" t="s">
        <v>351</v>
      </c>
      <c r="B66326" s="14" t="s">
        <v>1</v>
      </c>
      <c r="C66326" s="14" t="s">
        <v>200</v>
      </c>
      <c r="D66326" s="14" t="s">
        <v>146</v>
      </c>
      <c r="E66326" s="15">
        <v>45637</v>
      </c>
      <c r="F66326" s="14" t="s">
        <v>61</v>
      </c>
      <c r="G66326" s="16">
        <v>1.5971477265331004</v>
      </c>
    </row>
    <row r="66327" spans="1:7" x14ac:dyDescent="0.3">
      <c r="A66327" s="13" t="s">
        <v>351</v>
      </c>
      <c r="B66327" s="14" t="s">
        <v>1</v>
      </c>
      <c r="C66327" s="14" t="s">
        <v>200</v>
      </c>
      <c r="D66327" s="14" t="s">
        <v>146</v>
      </c>
      <c r="E66327" s="15">
        <v>45638</v>
      </c>
      <c r="F66327" s="14" t="s">
        <v>61</v>
      </c>
      <c r="G66327" s="16">
        <v>1.6074537685381256</v>
      </c>
    </row>
    <row r="66328" spans="1:7" x14ac:dyDescent="0.3">
      <c r="A66328" s="13" t="s">
        <v>351</v>
      </c>
      <c r="B66328" s="14" t="s">
        <v>1</v>
      </c>
      <c r="C66328" s="14" t="s">
        <v>200</v>
      </c>
      <c r="D66328" s="14" t="s">
        <v>146</v>
      </c>
      <c r="E66328" s="15">
        <v>45639</v>
      </c>
      <c r="F66328" s="14" t="s">
        <v>61</v>
      </c>
      <c r="G66328" s="16">
        <v>1.6090749189232036</v>
      </c>
    </row>
    <row r="66329" spans="1:7" x14ac:dyDescent="0.3">
      <c r="A66329" s="13" t="s">
        <v>351</v>
      </c>
      <c r="B66329" s="14" t="s">
        <v>1</v>
      </c>
      <c r="C66329" s="14" t="s">
        <v>200</v>
      </c>
      <c r="D66329" s="14" t="s">
        <v>146</v>
      </c>
      <c r="E66329" s="15">
        <v>45640</v>
      </c>
      <c r="F66329" s="14" t="s">
        <v>61</v>
      </c>
      <c r="G66329" s="16">
        <v>1.6090749189232036</v>
      </c>
    </row>
    <row r="66330" spans="1:7" x14ac:dyDescent="0.3">
      <c r="A66330" s="13" t="s">
        <v>351</v>
      </c>
      <c r="B66330" s="14" t="s">
        <v>1</v>
      </c>
      <c r="C66330" s="14" t="s">
        <v>200</v>
      </c>
      <c r="D66330" s="14" t="s">
        <v>146</v>
      </c>
      <c r="E66330" s="15">
        <v>45641</v>
      </c>
      <c r="F66330" s="14" t="s">
        <v>61</v>
      </c>
      <c r="G66330" s="16">
        <v>1.6090749189232036</v>
      </c>
    </row>
    <row r="66331" spans="1:7" x14ac:dyDescent="0.3">
      <c r="A66331" s="13" t="s">
        <v>351</v>
      </c>
      <c r="B66331" s="14" t="s">
        <v>1</v>
      </c>
      <c r="C66331" s="14" t="s">
        <v>200</v>
      </c>
      <c r="D66331" s="14" t="s">
        <v>146</v>
      </c>
      <c r="E66331" s="15">
        <v>45642</v>
      </c>
      <c r="F66331" s="14" t="s">
        <v>61</v>
      </c>
      <c r="G66331" s="16">
        <v>1.613419609336936</v>
      </c>
    </row>
    <row r="66332" spans="1:7" x14ac:dyDescent="0.3">
      <c r="A66332" s="13" t="s">
        <v>351</v>
      </c>
      <c r="B66332" s="14" t="s">
        <v>1</v>
      </c>
      <c r="C66332" s="14" t="s">
        <v>200</v>
      </c>
      <c r="D66332" s="14" t="s">
        <v>146</v>
      </c>
      <c r="E66332" s="15">
        <v>45643</v>
      </c>
      <c r="F66332" s="14" t="s">
        <v>61</v>
      </c>
      <c r="G66332" s="16">
        <v>1.6336471598753988</v>
      </c>
    </row>
    <row r="66333" spans="1:7" x14ac:dyDescent="0.3">
      <c r="A66333" s="13" t="s">
        <v>351</v>
      </c>
      <c r="B66333" s="14" t="s">
        <v>1</v>
      </c>
      <c r="C66333" s="14" t="s">
        <v>200</v>
      </c>
      <c r="D66333" s="14" t="s">
        <v>146</v>
      </c>
      <c r="E66333" s="15">
        <v>45644</v>
      </c>
      <c r="F66333" s="14" t="s">
        <v>61</v>
      </c>
      <c r="G66333" s="16">
        <v>1.6617369522316956</v>
      </c>
    </row>
    <row r="66334" spans="1:7" x14ac:dyDescent="0.3">
      <c r="A66334" s="13" t="s">
        <v>351</v>
      </c>
      <c r="B66334" s="14" t="s">
        <v>1</v>
      </c>
      <c r="C66334" s="14" t="s">
        <v>200</v>
      </c>
      <c r="D66334" s="14" t="s">
        <v>146</v>
      </c>
      <c r="E66334" s="15">
        <v>45645</v>
      </c>
      <c r="F66334" s="14" t="s">
        <v>61</v>
      </c>
      <c r="G66334" s="16">
        <v>1.6680427364839292</v>
      </c>
    </row>
    <row r="66335" spans="1:7" x14ac:dyDescent="0.3">
      <c r="A66335" s="13" t="s">
        <v>351</v>
      </c>
      <c r="B66335" s="14" t="s">
        <v>1</v>
      </c>
      <c r="C66335" s="14" t="s">
        <v>200</v>
      </c>
      <c r="D66335" s="14" t="s">
        <v>146</v>
      </c>
      <c r="E66335" s="15">
        <v>45646</v>
      </c>
      <c r="F66335" s="14" t="s">
        <v>61</v>
      </c>
      <c r="G66335" s="16">
        <v>1.6664860960600056</v>
      </c>
    </row>
    <row r="66336" spans="1:7" x14ac:dyDescent="0.3">
      <c r="A66336" s="13" t="s">
        <v>351</v>
      </c>
      <c r="B66336" s="14" t="s">
        <v>1</v>
      </c>
      <c r="C66336" s="14" t="s">
        <v>200</v>
      </c>
      <c r="D66336" s="14" t="s">
        <v>146</v>
      </c>
      <c r="E66336" s="15">
        <v>45647</v>
      </c>
      <c r="F66336" s="14" t="s">
        <v>61</v>
      </c>
      <c r="G66336" s="16">
        <v>1.6664860960600056</v>
      </c>
    </row>
    <row r="66337" spans="1:7" x14ac:dyDescent="0.3">
      <c r="A66337" s="13" t="s">
        <v>351</v>
      </c>
      <c r="B66337" s="14" t="s">
        <v>1</v>
      </c>
      <c r="C66337" s="14" t="s">
        <v>200</v>
      </c>
      <c r="D66337" s="14" t="s">
        <v>146</v>
      </c>
      <c r="E66337" s="15">
        <v>45648</v>
      </c>
      <c r="F66337" s="14" t="s">
        <v>61</v>
      </c>
      <c r="G66337" s="16">
        <v>1.6664860960600056</v>
      </c>
    </row>
    <row r="66338" spans="1:7" x14ac:dyDescent="0.3">
      <c r="A66338" s="13" t="s">
        <v>351</v>
      </c>
      <c r="B66338" s="14" t="s">
        <v>1</v>
      </c>
      <c r="C66338" s="14" t="s">
        <v>200</v>
      </c>
      <c r="D66338" s="14" t="s">
        <v>146</v>
      </c>
      <c r="E66338" s="15">
        <v>45649</v>
      </c>
      <c r="F66338" s="14" t="s">
        <v>61</v>
      </c>
      <c r="G66338" s="16">
        <v>1.6771196802093737</v>
      </c>
    </row>
    <row r="66339" spans="1:7" x14ac:dyDescent="0.3">
      <c r="A66339" s="13" t="s">
        <v>351</v>
      </c>
      <c r="B66339" s="14" t="s">
        <v>1</v>
      </c>
      <c r="C66339" s="14" t="s">
        <v>200</v>
      </c>
      <c r="D66339" s="14" t="s">
        <v>146</v>
      </c>
      <c r="E66339" s="15">
        <v>45650</v>
      </c>
      <c r="F66339" s="14" t="s">
        <v>61</v>
      </c>
      <c r="G66339" s="16">
        <v>1.6957198333132759</v>
      </c>
    </row>
    <row r="66340" spans="1:7" x14ac:dyDescent="0.3">
      <c r="A66340" s="13" t="s">
        <v>351</v>
      </c>
      <c r="B66340" s="14" t="s">
        <v>1</v>
      </c>
      <c r="C66340" s="14" t="s">
        <v>200</v>
      </c>
      <c r="D66340" s="14" t="s">
        <v>146</v>
      </c>
      <c r="E66340" s="15">
        <v>45651</v>
      </c>
      <c r="F66340" s="14" t="s">
        <v>61</v>
      </c>
      <c r="G66340" s="16">
        <v>1.6957198333132759</v>
      </c>
    </row>
    <row r="66341" spans="1:7" x14ac:dyDescent="0.3">
      <c r="A66341" s="13" t="s">
        <v>351</v>
      </c>
      <c r="B66341" s="14" t="s">
        <v>1</v>
      </c>
      <c r="C66341" s="14" t="s">
        <v>200</v>
      </c>
      <c r="D66341" s="14" t="s">
        <v>146</v>
      </c>
      <c r="E66341" s="15">
        <v>45652</v>
      </c>
      <c r="F66341" s="14" t="s">
        <v>61</v>
      </c>
      <c r="G66341" s="16">
        <v>1.6957198333132759</v>
      </c>
    </row>
    <row r="66342" spans="1:7" x14ac:dyDescent="0.3">
      <c r="A66342" s="13" t="s">
        <v>351</v>
      </c>
      <c r="B66342" s="14" t="s">
        <v>1</v>
      </c>
      <c r="C66342" s="14" t="s">
        <v>200</v>
      </c>
      <c r="D66342" s="14" t="s">
        <v>146</v>
      </c>
      <c r="E66342" s="15">
        <v>45653</v>
      </c>
      <c r="F66342" s="14" t="s">
        <v>61</v>
      </c>
      <c r="G66342" s="16">
        <v>1.6957198333132759</v>
      </c>
    </row>
    <row r="66343" spans="1:7" x14ac:dyDescent="0.3">
      <c r="A66343" s="13" t="s">
        <v>351</v>
      </c>
      <c r="B66343" s="14" t="s">
        <v>1</v>
      </c>
      <c r="C66343" s="14" t="s">
        <v>200</v>
      </c>
      <c r="D66343" s="14" t="s">
        <v>146</v>
      </c>
      <c r="E66343" s="15">
        <v>45654</v>
      </c>
      <c r="F66343" s="14" t="s">
        <v>61</v>
      </c>
      <c r="G66343" s="16">
        <v>1.6957198333132759</v>
      </c>
    </row>
    <row r="66344" spans="1:7" x14ac:dyDescent="0.3">
      <c r="A66344" s="13" t="s">
        <v>351</v>
      </c>
      <c r="B66344" s="14" t="s">
        <v>1</v>
      </c>
      <c r="C66344" s="14" t="s">
        <v>200</v>
      </c>
      <c r="D66344" s="14" t="s">
        <v>146</v>
      </c>
      <c r="E66344" s="15">
        <v>45655</v>
      </c>
      <c r="F66344" s="14" t="s">
        <v>61</v>
      </c>
      <c r="G66344" s="16">
        <v>1.6957198333132759</v>
      </c>
    </row>
    <row r="66345" spans="1:7" x14ac:dyDescent="0.3">
      <c r="A66345" s="13" t="s">
        <v>351</v>
      </c>
      <c r="B66345" s="14" t="s">
        <v>1</v>
      </c>
      <c r="C66345" s="14" t="s">
        <v>200</v>
      </c>
      <c r="D66345" s="14" t="s">
        <v>146</v>
      </c>
      <c r="E66345" s="15">
        <v>45656</v>
      </c>
      <c r="F66345" s="14" t="s">
        <v>61</v>
      </c>
      <c r="G66345" s="16">
        <v>1.7001131132561129</v>
      </c>
    </row>
    <row r="66346" spans="1:7" x14ac:dyDescent="0.3">
      <c r="A66346" s="13" t="s">
        <v>351</v>
      </c>
      <c r="B66346" s="14" t="s">
        <v>1</v>
      </c>
      <c r="C66346" s="14" t="s">
        <v>200</v>
      </c>
      <c r="D66346" s="14" t="s">
        <v>146</v>
      </c>
      <c r="E66346" s="15">
        <v>45657</v>
      </c>
      <c r="F66346" s="14" t="s">
        <v>61</v>
      </c>
      <c r="G66346" s="16">
        <v>1.7477926694630561</v>
      </c>
    </row>
    <row r="66347" spans="1:7" x14ac:dyDescent="0.3">
      <c r="A66347" s="13" t="s">
        <v>351</v>
      </c>
      <c r="B66347" s="14" t="s">
        <v>1</v>
      </c>
      <c r="C66347" s="14" t="s">
        <v>200</v>
      </c>
      <c r="D66347" s="14" t="s">
        <v>146</v>
      </c>
      <c r="E66347" s="15">
        <v>45658</v>
      </c>
      <c r="F66347" s="14" t="s">
        <v>61</v>
      </c>
      <c r="G66347" s="16">
        <v>1.7477926694630561</v>
      </c>
    </row>
    <row r="66348" spans="1:7" x14ac:dyDescent="0.3">
      <c r="A66348" s="13" t="s">
        <v>351</v>
      </c>
      <c r="B66348" s="14" t="s">
        <v>1</v>
      </c>
      <c r="C66348" s="14" t="s">
        <v>200</v>
      </c>
      <c r="D66348" s="14" t="s">
        <v>146</v>
      </c>
      <c r="E66348" s="15">
        <v>45659</v>
      </c>
      <c r="F66348" s="14" t="s">
        <v>61</v>
      </c>
      <c r="G66348" s="16">
        <v>1.7697462529005383</v>
      </c>
    </row>
    <row r="66349" spans="1:7" x14ac:dyDescent="0.3">
      <c r="A66349" s="13" t="s">
        <v>351</v>
      </c>
      <c r="B66349" s="14" t="s">
        <v>1</v>
      </c>
      <c r="C66349" s="14" t="s">
        <v>200</v>
      </c>
      <c r="D66349" s="14" t="s">
        <v>146</v>
      </c>
      <c r="E66349" s="15">
        <v>45660</v>
      </c>
      <c r="F66349" s="14" t="s">
        <v>61</v>
      </c>
      <c r="G66349" s="16">
        <v>1.7699552305594146</v>
      </c>
    </row>
    <row r="66350" spans="1:7" x14ac:dyDescent="0.3">
      <c r="A66350" s="13" t="s">
        <v>351</v>
      </c>
      <c r="B66350" s="14" t="s">
        <v>1</v>
      </c>
      <c r="C66350" s="14" t="s">
        <v>200</v>
      </c>
      <c r="D66350" s="14" t="s">
        <v>146</v>
      </c>
      <c r="E66350" s="15">
        <v>45661</v>
      </c>
      <c r="F66350" s="14" t="s">
        <v>61</v>
      </c>
      <c r="G66350" s="16">
        <v>1.7699552305594146</v>
      </c>
    </row>
    <row r="66351" spans="1:7" x14ac:dyDescent="0.3">
      <c r="A66351" s="13" t="s">
        <v>351</v>
      </c>
      <c r="B66351" s="14" t="s">
        <v>1</v>
      </c>
      <c r="C66351" s="14" t="s">
        <v>200</v>
      </c>
      <c r="D66351" s="14" t="s">
        <v>146</v>
      </c>
      <c r="E66351" s="15">
        <v>45662</v>
      </c>
      <c r="F66351" s="14" t="s">
        <v>61</v>
      </c>
      <c r="G66351" s="16">
        <v>1.7699552305594146</v>
      </c>
    </row>
    <row r="66352" spans="1:7" x14ac:dyDescent="0.3">
      <c r="A66352" s="13" t="s">
        <v>351</v>
      </c>
      <c r="B66352" s="14" t="s">
        <v>1</v>
      </c>
      <c r="C66352" s="14" t="s">
        <v>200</v>
      </c>
      <c r="D66352" s="14" t="s">
        <v>146</v>
      </c>
      <c r="E66352" s="15">
        <v>45663</v>
      </c>
      <c r="F66352" s="14" t="s">
        <v>61</v>
      </c>
      <c r="G66352" s="16">
        <v>1.7619731187750076</v>
      </c>
    </row>
    <row r="66353" spans="1:7" x14ac:dyDescent="0.3">
      <c r="A66353" s="13" t="s">
        <v>351</v>
      </c>
      <c r="B66353" s="14" t="s">
        <v>1</v>
      </c>
      <c r="C66353" s="14" t="s">
        <v>200</v>
      </c>
      <c r="D66353" s="14" t="s">
        <v>146</v>
      </c>
      <c r="E66353" s="15">
        <v>45664</v>
      </c>
      <c r="F66353" s="14" t="s">
        <v>61</v>
      </c>
      <c r="G66353" s="16">
        <v>1.7895806985202412</v>
      </c>
    </row>
    <row r="66354" spans="1:7" x14ac:dyDescent="0.3">
      <c r="A66354" s="13" t="s">
        <v>351</v>
      </c>
      <c r="B66354" s="14" t="s">
        <v>1</v>
      </c>
      <c r="C66354" s="14" t="s">
        <v>200</v>
      </c>
      <c r="D66354" s="14" t="s">
        <v>146</v>
      </c>
      <c r="E66354" s="15">
        <v>45665</v>
      </c>
      <c r="F66354" s="14" t="s">
        <v>61</v>
      </c>
      <c r="G66354" s="16">
        <v>1.7988018117525293</v>
      </c>
    </row>
    <row r="66355" spans="1:7" x14ac:dyDescent="0.3">
      <c r="A66355" s="13" t="s">
        <v>351</v>
      </c>
      <c r="B66355" s="14" t="s">
        <v>1</v>
      </c>
      <c r="C66355" s="14" t="s">
        <v>200</v>
      </c>
      <c r="D66355" s="14" t="s">
        <v>146</v>
      </c>
      <c r="E66355" s="15">
        <v>45666</v>
      </c>
      <c r="F66355" s="14" t="s">
        <v>61</v>
      </c>
      <c r="G66355" s="16">
        <v>1.7988018117525293</v>
      </c>
    </row>
    <row r="66356" spans="1:7" x14ac:dyDescent="0.3">
      <c r="A66356" s="13" t="s">
        <v>351</v>
      </c>
      <c r="B66356" s="14" t="s">
        <v>1</v>
      </c>
      <c r="C66356" s="14" t="s">
        <v>200</v>
      </c>
      <c r="D66356" s="14" t="s">
        <v>146</v>
      </c>
      <c r="E66356" s="15">
        <v>45667</v>
      </c>
      <c r="F66356" s="14" t="s">
        <v>61</v>
      </c>
      <c r="G66356" s="16">
        <v>1.8235996389208358</v>
      </c>
    </row>
    <row r="66357" spans="1:7" x14ac:dyDescent="0.3">
      <c r="A66357" s="13" t="s">
        <v>351</v>
      </c>
      <c r="B66357" s="14" t="s">
        <v>1</v>
      </c>
      <c r="C66357" s="14" t="s">
        <v>200</v>
      </c>
      <c r="D66357" s="14" t="s">
        <v>146</v>
      </c>
      <c r="E66357" s="15">
        <v>45668</v>
      </c>
      <c r="F66357" s="14" t="s">
        <v>61</v>
      </c>
      <c r="G66357" s="16">
        <v>1.8235996389208358</v>
      </c>
    </row>
    <row r="66358" spans="1:7" x14ac:dyDescent="0.3">
      <c r="A66358" s="13" t="s">
        <v>351</v>
      </c>
      <c r="B66358" s="14" t="s">
        <v>1</v>
      </c>
      <c r="C66358" s="14" t="s">
        <v>200</v>
      </c>
      <c r="D66358" s="14" t="s">
        <v>146</v>
      </c>
      <c r="E66358" s="15">
        <v>45669</v>
      </c>
      <c r="F66358" s="14" t="s">
        <v>61</v>
      </c>
      <c r="G66358" s="16">
        <v>1.8235996389208358</v>
      </c>
    </row>
    <row r="66359" spans="1:7" x14ac:dyDescent="0.3">
      <c r="A66359" s="13" t="s">
        <v>351</v>
      </c>
      <c r="B66359" s="14" t="s">
        <v>1</v>
      </c>
      <c r="C66359" s="14" t="s">
        <v>200</v>
      </c>
      <c r="D66359" s="14" t="s">
        <v>146</v>
      </c>
      <c r="E66359" s="15">
        <v>45670</v>
      </c>
      <c r="F66359" s="14" t="s">
        <v>61</v>
      </c>
      <c r="G66359" s="16">
        <v>1.8339626923695878</v>
      </c>
    </row>
    <row r="66360" spans="1:7" x14ac:dyDescent="0.3">
      <c r="A66360" s="13" t="s">
        <v>351</v>
      </c>
      <c r="B66360" s="14" t="s">
        <v>1</v>
      </c>
      <c r="C66360" s="14" t="s">
        <v>200</v>
      </c>
      <c r="D66360" s="14" t="s">
        <v>146</v>
      </c>
      <c r="E66360" s="15">
        <v>45671</v>
      </c>
      <c r="F66360" s="14" t="s">
        <v>61</v>
      </c>
      <c r="G66360" s="16">
        <v>1.8377659204448333</v>
      </c>
    </row>
    <row r="66361" spans="1:7" x14ac:dyDescent="0.3">
      <c r="A66361" s="13" t="s">
        <v>351</v>
      </c>
      <c r="B66361" s="14" t="s">
        <v>1</v>
      </c>
      <c r="C66361" s="14" t="s">
        <v>200</v>
      </c>
      <c r="D66361" s="14" t="s">
        <v>146</v>
      </c>
      <c r="E66361" s="15">
        <v>45672</v>
      </c>
      <c r="F66361" s="14" t="s">
        <v>61</v>
      </c>
      <c r="G66361" s="16">
        <v>1.8470208041054899</v>
      </c>
    </row>
    <row r="66362" spans="1:7" x14ac:dyDescent="0.3">
      <c r="A66362" s="13" t="s">
        <v>351</v>
      </c>
      <c r="B66362" s="14" t="s">
        <v>1</v>
      </c>
      <c r="C66362" s="14" t="s">
        <v>200</v>
      </c>
      <c r="D66362" s="14" t="s">
        <v>146</v>
      </c>
      <c r="E66362" s="15">
        <v>45673</v>
      </c>
      <c r="F66362" s="14" t="s">
        <v>61</v>
      </c>
      <c r="G66362" s="16">
        <v>1.8495496199168482</v>
      </c>
    </row>
    <row r="66363" spans="1:7" x14ac:dyDescent="0.3">
      <c r="A66363" s="13" t="s">
        <v>351</v>
      </c>
      <c r="B66363" s="14" t="s">
        <v>1</v>
      </c>
      <c r="C66363" s="14" t="s">
        <v>200</v>
      </c>
      <c r="D66363" s="14" t="s">
        <v>146</v>
      </c>
      <c r="E66363" s="15">
        <v>45674</v>
      </c>
      <c r="F66363" s="14" t="s">
        <v>61</v>
      </c>
      <c r="G66363" s="16">
        <v>1.8594615246817001</v>
      </c>
    </row>
    <row r="66364" spans="1:7" x14ac:dyDescent="0.3">
      <c r="A66364" s="13" t="s">
        <v>351</v>
      </c>
      <c r="B66364" s="14" t="s">
        <v>1</v>
      </c>
      <c r="C66364" s="14" t="s">
        <v>200</v>
      </c>
      <c r="D66364" s="14" t="s">
        <v>146</v>
      </c>
      <c r="E66364" s="15">
        <v>45675</v>
      </c>
      <c r="F66364" s="14" t="s">
        <v>61</v>
      </c>
      <c r="G66364" s="16">
        <v>1.8594615246817001</v>
      </c>
    </row>
    <row r="66365" spans="1:7" x14ac:dyDescent="0.3">
      <c r="A66365" s="13" t="s">
        <v>351</v>
      </c>
      <c r="B66365" s="14" t="s">
        <v>1</v>
      </c>
      <c r="C66365" s="14" t="s">
        <v>200</v>
      </c>
      <c r="D66365" s="14" t="s">
        <v>146</v>
      </c>
      <c r="E66365" s="15">
        <v>45676</v>
      </c>
      <c r="F66365" s="14" t="s">
        <v>61</v>
      </c>
      <c r="G66365" s="16">
        <v>1.8594615246817001</v>
      </c>
    </row>
    <row r="66366" spans="1:7" x14ac:dyDescent="0.3">
      <c r="A66366" s="13" t="s">
        <v>351</v>
      </c>
      <c r="B66366" s="14" t="s">
        <v>1</v>
      </c>
      <c r="C66366" s="14" t="s">
        <v>200</v>
      </c>
      <c r="D66366" s="14" t="s">
        <v>146</v>
      </c>
      <c r="E66366" s="15">
        <v>45677</v>
      </c>
      <c r="F66366" s="14" t="s">
        <v>61</v>
      </c>
      <c r="G66366" s="16">
        <v>1.8594615246817001</v>
      </c>
    </row>
    <row r="66367" spans="1:7" x14ac:dyDescent="0.3">
      <c r="A66367" s="13" t="s">
        <v>351</v>
      </c>
      <c r="B66367" s="14" t="s">
        <v>1</v>
      </c>
      <c r="C66367" s="14" t="s">
        <v>200</v>
      </c>
      <c r="D66367" s="14" t="s">
        <v>146</v>
      </c>
      <c r="E66367" s="15">
        <v>45678</v>
      </c>
      <c r="F66367" s="14" t="s">
        <v>61</v>
      </c>
      <c r="G66367" s="16">
        <v>1.8376716883409359</v>
      </c>
    </row>
    <row r="66368" spans="1:7" x14ac:dyDescent="0.3">
      <c r="A66368" s="13" t="s">
        <v>351</v>
      </c>
      <c r="B66368" s="14" t="s">
        <v>1</v>
      </c>
      <c r="C66368" s="14" t="s">
        <v>200</v>
      </c>
      <c r="D66368" s="14" t="s">
        <v>146</v>
      </c>
      <c r="E66368" s="15">
        <v>45679</v>
      </c>
      <c r="F66368" s="14" t="s">
        <v>61</v>
      </c>
      <c r="G66368" s="16">
        <v>1.8606679092192304</v>
      </c>
    </row>
    <row r="66369" spans="1:7" x14ac:dyDescent="0.3">
      <c r="A66369" s="13" t="s">
        <v>351</v>
      </c>
      <c r="B66369" s="14" t="s">
        <v>1</v>
      </c>
      <c r="C66369" s="14" t="s">
        <v>200</v>
      </c>
      <c r="D66369" s="14" t="s">
        <v>146</v>
      </c>
      <c r="E66369" s="15">
        <v>45680</v>
      </c>
      <c r="F66369" s="14" t="s">
        <v>61</v>
      </c>
      <c r="G66369" s="16">
        <v>1.8648160126615965</v>
      </c>
    </row>
    <row r="66370" spans="1:7" x14ac:dyDescent="0.3">
      <c r="A66370" s="13" t="s">
        <v>351</v>
      </c>
      <c r="B66370" s="14" t="s">
        <v>1</v>
      </c>
      <c r="C66370" s="14" t="s">
        <v>200</v>
      </c>
      <c r="D66370" s="14" t="s">
        <v>146</v>
      </c>
      <c r="E66370" s="15">
        <v>45681</v>
      </c>
      <c r="F66370" s="14" t="s">
        <v>61</v>
      </c>
      <c r="G66370" s="16">
        <v>1.8555205323943407</v>
      </c>
    </row>
    <row r="66371" spans="1:7" x14ac:dyDescent="0.3">
      <c r="A66371" s="13" t="s">
        <v>351</v>
      </c>
      <c r="B66371" s="14" t="s">
        <v>1</v>
      </c>
      <c r="C66371" s="14" t="s">
        <v>200</v>
      </c>
      <c r="D66371" s="14" t="s">
        <v>146</v>
      </c>
      <c r="E66371" s="15">
        <v>45682</v>
      </c>
      <c r="F66371" s="14" t="s">
        <v>61</v>
      </c>
      <c r="G66371" s="16">
        <v>1.8555205323943407</v>
      </c>
    </row>
    <row r="66372" spans="1:7" x14ac:dyDescent="0.3">
      <c r="A66372" s="13" t="s">
        <v>351</v>
      </c>
      <c r="B66372" s="14" t="s">
        <v>1</v>
      </c>
      <c r="C66372" s="14" t="s">
        <v>200</v>
      </c>
      <c r="D66372" s="14" t="s">
        <v>146</v>
      </c>
      <c r="E66372" s="15">
        <v>45683</v>
      </c>
      <c r="F66372" s="14" t="s">
        <v>61</v>
      </c>
      <c r="G66372" s="16">
        <v>1.8555205323943407</v>
      </c>
    </row>
    <row r="66373" spans="1:7" x14ac:dyDescent="0.3">
      <c r="A66373" s="13" t="s">
        <v>351</v>
      </c>
      <c r="B66373" s="14" t="s">
        <v>1</v>
      </c>
      <c r="C66373" s="14" t="s">
        <v>200</v>
      </c>
      <c r="D66373" s="14" t="s">
        <v>146</v>
      </c>
      <c r="E66373" s="15">
        <v>45684</v>
      </c>
      <c r="F66373" s="14" t="s">
        <v>61</v>
      </c>
      <c r="G66373" s="16">
        <v>1.8597664197439066</v>
      </c>
    </row>
    <row r="66374" spans="1:7" x14ac:dyDescent="0.3">
      <c r="A66374" s="13" t="s">
        <v>351</v>
      </c>
      <c r="B66374" s="14" t="s">
        <v>1</v>
      </c>
      <c r="C66374" s="14" t="s">
        <v>200</v>
      </c>
      <c r="D66374" s="14" t="s">
        <v>146</v>
      </c>
      <c r="E66374" s="15">
        <v>45685</v>
      </c>
      <c r="F66374" s="14" t="s">
        <v>61</v>
      </c>
      <c r="G66374" s="16">
        <v>1.8870047631540405</v>
      </c>
    </row>
    <row r="66375" spans="1:7" x14ac:dyDescent="0.3">
      <c r="A66375" s="13" t="s">
        <v>351</v>
      </c>
      <c r="B66375" s="14" t="s">
        <v>1</v>
      </c>
      <c r="C66375" s="14" t="s">
        <v>200</v>
      </c>
      <c r="D66375" s="14" t="s">
        <v>146</v>
      </c>
      <c r="E66375" s="15">
        <v>45686</v>
      </c>
      <c r="F66375" s="14" t="s">
        <v>61</v>
      </c>
      <c r="G66375" s="16">
        <v>1.8943433597882167</v>
      </c>
    </row>
    <row r="66376" spans="1:7" x14ac:dyDescent="0.3">
      <c r="A66376" s="13" t="s">
        <v>351</v>
      </c>
      <c r="B66376" s="14" t="s">
        <v>1</v>
      </c>
      <c r="C66376" s="14" t="s">
        <v>200</v>
      </c>
      <c r="D66376" s="14" t="s">
        <v>146</v>
      </c>
      <c r="E66376" s="15">
        <v>45687</v>
      </c>
      <c r="F66376" s="14" t="s">
        <v>61</v>
      </c>
      <c r="G66376" s="16">
        <v>1.9038436881647856</v>
      </c>
    </row>
    <row r="66377" spans="1:7" x14ac:dyDescent="0.3">
      <c r="A66377" s="13" t="s">
        <v>351</v>
      </c>
      <c r="B66377" s="14" t="s">
        <v>1</v>
      </c>
      <c r="C66377" s="14" t="s">
        <v>200</v>
      </c>
      <c r="D66377" s="14" t="s">
        <v>146</v>
      </c>
      <c r="E66377" s="15">
        <v>45688</v>
      </c>
      <c r="F66377" s="14" t="s">
        <v>61</v>
      </c>
      <c r="G66377" s="16">
        <v>1.9138790264828645</v>
      </c>
    </row>
    <row r="66378" spans="1:7" x14ac:dyDescent="0.3">
      <c r="A66378" s="13" t="s">
        <v>351</v>
      </c>
      <c r="B66378" s="14" t="s">
        <v>1</v>
      </c>
      <c r="C66378" s="14" t="s">
        <v>200</v>
      </c>
      <c r="D66378" s="14" t="s">
        <v>146</v>
      </c>
      <c r="E66378" s="15">
        <v>45689</v>
      </c>
      <c r="F66378" s="14" t="s">
        <v>61</v>
      </c>
      <c r="G66378" s="16">
        <v>1.9138790264828645</v>
      </c>
    </row>
    <row r="66379" spans="1:7" x14ac:dyDescent="0.3">
      <c r="A66379" s="13" t="s">
        <v>351</v>
      </c>
      <c r="B66379" s="14" t="s">
        <v>1</v>
      </c>
      <c r="C66379" s="14" t="s">
        <v>200</v>
      </c>
      <c r="D66379" s="14" t="s">
        <v>146</v>
      </c>
      <c r="E66379" s="15">
        <v>45690</v>
      </c>
      <c r="F66379" s="14" t="s">
        <v>61</v>
      </c>
      <c r="G66379" s="16">
        <v>1.9138790264828645</v>
      </c>
    </row>
    <row r="66380" spans="1:7" x14ac:dyDescent="0.3">
      <c r="A66380" s="13" t="s">
        <v>351</v>
      </c>
      <c r="B66380" s="14" t="s">
        <v>1</v>
      </c>
      <c r="C66380" s="14" t="s">
        <v>200</v>
      </c>
      <c r="D66380" s="14" t="s">
        <v>146</v>
      </c>
      <c r="E66380" s="15">
        <v>45691</v>
      </c>
      <c r="F66380" s="14" t="s">
        <v>61</v>
      </c>
      <c r="G66380" s="16">
        <v>1.9138790264828645</v>
      </c>
    </row>
    <row r="66381" spans="1:7" x14ac:dyDescent="0.3">
      <c r="A66381" s="13" t="s">
        <v>351</v>
      </c>
      <c r="B66381" s="14" t="s">
        <v>1</v>
      </c>
      <c r="C66381" s="14" t="s">
        <v>200</v>
      </c>
      <c r="D66381" s="14" t="s">
        <v>146</v>
      </c>
      <c r="E66381" s="15">
        <v>45692</v>
      </c>
      <c r="F66381" s="14" t="s">
        <v>61</v>
      </c>
      <c r="G66381" s="16">
        <v>1.9163765976594052</v>
      </c>
    </row>
    <row r="66382" spans="1:7" x14ac:dyDescent="0.3">
      <c r="A66382" s="13" t="s">
        <v>351</v>
      </c>
      <c r="B66382" s="14" t="s">
        <v>1</v>
      </c>
      <c r="C66382" s="14" t="s">
        <v>200</v>
      </c>
      <c r="D66382" s="14" t="s">
        <v>146</v>
      </c>
      <c r="E66382" s="15">
        <v>45693</v>
      </c>
      <c r="F66382" s="14" t="s">
        <v>61</v>
      </c>
      <c r="G66382" s="16">
        <v>1.9350143423099395</v>
      </c>
    </row>
    <row r="66383" spans="1:7" x14ac:dyDescent="0.3">
      <c r="A66383" s="13" t="s">
        <v>351</v>
      </c>
      <c r="B66383" s="14" t="s">
        <v>1</v>
      </c>
      <c r="C66383" s="14" t="s">
        <v>200</v>
      </c>
      <c r="D66383" s="14" t="s">
        <v>146</v>
      </c>
      <c r="E66383" s="15">
        <v>45694</v>
      </c>
      <c r="F66383" s="14" t="s">
        <v>61</v>
      </c>
      <c r="G66383" s="16">
        <v>1.944226226221569</v>
      </c>
    </row>
    <row r="66384" spans="1:7" x14ac:dyDescent="0.3">
      <c r="A66384" s="13" t="s">
        <v>351</v>
      </c>
      <c r="B66384" s="14" t="s">
        <v>1</v>
      </c>
      <c r="C66384" s="14" t="s">
        <v>200</v>
      </c>
      <c r="D66384" s="14" t="s">
        <v>146</v>
      </c>
      <c r="E66384" s="15">
        <v>45695</v>
      </c>
      <c r="F66384" s="14" t="s">
        <v>61</v>
      </c>
      <c r="G66384" s="16">
        <v>1.9606773097721699</v>
      </c>
    </row>
    <row r="66385" spans="1:7" x14ac:dyDescent="0.3">
      <c r="A66385" s="13" t="s">
        <v>351</v>
      </c>
      <c r="B66385" s="14" t="s">
        <v>1</v>
      </c>
      <c r="C66385" s="14" t="s">
        <v>200</v>
      </c>
      <c r="D66385" s="14" t="s">
        <v>146</v>
      </c>
      <c r="E66385" s="15">
        <v>45696</v>
      </c>
      <c r="F66385" s="14" t="s">
        <v>61</v>
      </c>
      <c r="G66385" s="16">
        <v>1.9606773097721699</v>
      </c>
    </row>
    <row r="66386" spans="1:7" x14ac:dyDescent="0.3">
      <c r="A66386" s="13" t="s">
        <v>351</v>
      </c>
      <c r="B66386" s="14" t="s">
        <v>1</v>
      </c>
      <c r="C66386" s="14" t="s">
        <v>200</v>
      </c>
      <c r="D66386" s="14" t="s">
        <v>146</v>
      </c>
      <c r="E66386" s="15">
        <v>45697</v>
      </c>
      <c r="F66386" s="14" t="s">
        <v>61</v>
      </c>
      <c r="G66386" s="16">
        <v>1.9606773097721699</v>
      </c>
    </row>
    <row r="66387" spans="1:7" x14ac:dyDescent="0.3">
      <c r="A66387" s="13" t="s">
        <v>351</v>
      </c>
      <c r="B66387" s="14" t="s">
        <v>1</v>
      </c>
      <c r="C66387" s="14" t="s">
        <v>200</v>
      </c>
      <c r="D66387" s="14" t="s">
        <v>146</v>
      </c>
      <c r="E66387" s="15">
        <v>45698</v>
      </c>
      <c r="F66387" s="14" t="s">
        <v>61</v>
      </c>
      <c r="G66387" s="16">
        <v>1.9702233849060138</v>
      </c>
    </row>
    <row r="66388" spans="1:7" x14ac:dyDescent="0.3">
      <c r="A66388" s="13" t="s">
        <v>351</v>
      </c>
      <c r="B66388" s="14" t="s">
        <v>1</v>
      </c>
      <c r="C66388" s="14" t="s">
        <v>200</v>
      </c>
      <c r="D66388" s="14" t="s">
        <v>146</v>
      </c>
      <c r="E66388" s="15">
        <v>45699</v>
      </c>
      <c r="F66388" s="14" t="s">
        <v>61</v>
      </c>
      <c r="G66388" s="16">
        <v>1.9779402882968835</v>
      </c>
    </row>
    <row r="66389" spans="1:7" x14ac:dyDescent="0.3">
      <c r="A66389" s="13" t="s">
        <v>351</v>
      </c>
      <c r="B66389" s="14" t="s">
        <v>1</v>
      </c>
      <c r="C66389" s="14" t="s">
        <v>200</v>
      </c>
      <c r="D66389" s="14" t="s">
        <v>146</v>
      </c>
      <c r="E66389" s="15">
        <v>45700</v>
      </c>
      <c r="F66389" s="14" t="s">
        <v>61</v>
      </c>
      <c r="G66389" s="16">
        <v>1.9800516688035876</v>
      </c>
    </row>
    <row r="66390" spans="1:7" x14ac:dyDescent="0.3">
      <c r="A66390" s="13" t="s">
        <v>351</v>
      </c>
      <c r="B66390" s="14" t="s">
        <v>1</v>
      </c>
      <c r="C66390" s="14" t="s">
        <v>200</v>
      </c>
      <c r="D66390" s="14" t="s">
        <v>146</v>
      </c>
      <c r="E66390" s="15">
        <v>45701</v>
      </c>
      <c r="F66390" s="14" t="s">
        <v>61</v>
      </c>
      <c r="G66390" s="16">
        <v>1.9727306012626755</v>
      </c>
    </row>
    <row r="66391" spans="1:7" x14ac:dyDescent="0.3">
      <c r="A66391" s="13" t="s">
        <v>351</v>
      </c>
      <c r="B66391" s="14" t="s">
        <v>1</v>
      </c>
      <c r="C66391" s="14" t="s">
        <v>200</v>
      </c>
      <c r="D66391" s="14" t="s">
        <v>146</v>
      </c>
      <c r="E66391" s="15">
        <v>45702</v>
      </c>
      <c r="F66391" s="14" t="s">
        <v>61</v>
      </c>
      <c r="G66391" s="16">
        <v>1.9728313927639101</v>
      </c>
    </row>
    <row r="66392" spans="1:7" x14ac:dyDescent="0.3">
      <c r="A66392" s="13" t="s">
        <v>351</v>
      </c>
      <c r="B66392" s="14" t="s">
        <v>1</v>
      </c>
      <c r="C66392" s="14" t="s">
        <v>200</v>
      </c>
      <c r="D66392" s="14" t="s">
        <v>146</v>
      </c>
      <c r="E66392" s="15">
        <v>45703</v>
      </c>
      <c r="F66392" s="14" t="s">
        <v>61</v>
      </c>
      <c r="G66392" s="16">
        <v>1.9728313927639101</v>
      </c>
    </row>
    <row r="66393" spans="1:7" x14ac:dyDescent="0.3">
      <c r="A66393" s="13" t="s">
        <v>351</v>
      </c>
      <c r="B66393" s="14" t="s">
        <v>1</v>
      </c>
      <c r="C66393" s="14" t="s">
        <v>200</v>
      </c>
      <c r="D66393" s="14" t="s">
        <v>146</v>
      </c>
      <c r="E66393" s="15">
        <v>45704</v>
      </c>
      <c r="F66393" s="14" t="s">
        <v>61</v>
      </c>
      <c r="G66393" s="16">
        <v>1.9728313927639101</v>
      </c>
    </row>
    <row r="66394" spans="1:7" x14ac:dyDescent="0.3">
      <c r="A66394" s="13" t="s">
        <v>351</v>
      </c>
      <c r="B66394" s="14" t="s">
        <v>1</v>
      </c>
      <c r="C66394" s="14" t="s">
        <v>200</v>
      </c>
      <c r="D66394" s="14" t="s">
        <v>146</v>
      </c>
      <c r="E66394" s="15">
        <v>45705</v>
      </c>
      <c r="F66394" s="14" t="s">
        <v>61</v>
      </c>
      <c r="G66394" s="16">
        <v>1.9728313927639101</v>
      </c>
    </row>
    <row r="66395" spans="1:7" x14ac:dyDescent="0.3">
      <c r="A66395" s="13" t="s">
        <v>351</v>
      </c>
      <c r="B66395" s="14" t="s">
        <v>1</v>
      </c>
      <c r="C66395" s="14" t="s">
        <v>200</v>
      </c>
      <c r="D66395" s="14" t="s">
        <v>146</v>
      </c>
      <c r="E66395" s="15">
        <v>45706</v>
      </c>
      <c r="F66395" s="14" t="s">
        <v>61</v>
      </c>
      <c r="G66395" s="16">
        <v>1.98801646075495</v>
      </c>
    </row>
    <row r="66396" spans="1:7" x14ac:dyDescent="0.3">
      <c r="A66396" s="13" t="s">
        <v>351</v>
      </c>
      <c r="B66396" s="14" t="s">
        <v>1</v>
      </c>
      <c r="C66396" s="14" t="s">
        <v>200</v>
      </c>
      <c r="D66396" s="14" t="s">
        <v>146</v>
      </c>
      <c r="E66396" s="15">
        <v>45707</v>
      </c>
      <c r="F66396" s="14" t="s">
        <v>61</v>
      </c>
      <c r="G66396" s="16">
        <v>2.0154198047458096</v>
      </c>
    </row>
    <row r="66397" spans="1:7" x14ac:dyDescent="0.3">
      <c r="A66397" s="13" t="s">
        <v>351</v>
      </c>
      <c r="B66397" s="14" t="s">
        <v>1</v>
      </c>
      <c r="C66397" s="14" t="s">
        <v>200</v>
      </c>
      <c r="D66397" s="14" t="s">
        <v>146</v>
      </c>
      <c r="E66397" s="15">
        <v>45708</v>
      </c>
      <c r="F66397" s="14" t="s">
        <v>61</v>
      </c>
      <c r="G66397" s="16">
        <v>2.0064217373809963</v>
      </c>
    </row>
    <row r="66398" spans="1:7" x14ac:dyDescent="0.3">
      <c r="A66398" s="13" t="s">
        <v>351</v>
      </c>
      <c r="B66398" s="14" t="s">
        <v>1</v>
      </c>
      <c r="C66398" s="14" t="s">
        <v>200</v>
      </c>
      <c r="D66398" s="14" t="s">
        <v>146</v>
      </c>
      <c r="E66398" s="15">
        <v>45709</v>
      </c>
      <c r="F66398" s="14" t="s">
        <v>61</v>
      </c>
      <c r="G66398" s="16">
        <v>2.0208595740839934</v>
      </c>
    </row>
    <row r="66399" spans="1:7" x14ac:dyDescent="0.3">
      <c r="A66399" s="13" t="s">
        <v>351</v>
      </c>
      <c r="B66399" s="14" t="s">
        <v>1</v>
      </c>
      <c r="C66399" s="14" t="s">
        <v>200</v>
      </c>
      <c r="D66399" s="14" t="s">
        <v>146</v>
      </c>
      <c r="E66399" s="15">
        <v>45710</v>
      </c>
      <c r="F66399" s="14" t="s">
        <v>61</v>
      </c>
      <c r="G66399" s="16">
        <v>2.0208595740839934</v>
      </c>
    </row>
    <row r="66400" spans="1:7" x14ac:dyDescent="0.3">
      <c r="A66400" s="13" t="s">
        <v>351</v>
      </c>
      <c r="B66400" s="14" t="s">
        <v>1</v>
      </c>
      <c r="C66400" s="14" t="s">
        <v>200</v>
      </c>
      <c r="D66400" s="14" t="s">
        <v>146</v>
      </c>
      <c r="E66400" s="15">
        <v>45711</v>
      </c>
      <c r="F66400" s="14" t="s">
        <v>61</v>
      </c>
      <c r="G66400" s="16">
        <v>2.0208595740839934</v>
      </c>
    </row>
    <row r="66401" spans="1:7" x14ac:dyDescent="0.3">
      <c r="A66401" s="13" t="s">
        <v>351</v>
      </c>
      <c r="B66401" s="14" t="s">
        <v>1</v>
      </c>
      <c r="C66401" s="14" t="s">
        <v>200</v>
      </c>
      <c r="D66401" s="14" t="s">
        <v>146</v>
      </c>
      <c r="E66401" s="15">
        <v>45712</v>
      </c>
      <c r="F66401" s="14" t="s">
        <v>61</v>
      </c>
      <c r="G66401" s="16">
        <v>2.0259901474028448</v>
      </c>
    </row>
    <row r="66402" spans="1:7" x14ac:dyDescent="0.3">
      <c r="A66402" s="13" t="s">
        <v>351</v>
      </c>
      <c r="B66402" s="14" t="s">
        <v>1</v>
      </c>
      <c r="C66402" s="14" t="s">
        <v>200</v>
      </c>
      <c r="D66402" s="14" t="s">
        <v>146</v>
      </c>
      <c r="E66402" s="15">
        <v>45713</v>
      </c>
      <c r="F66402" s="14" t="s">
        <v>61</v>
      </c>
      <c r="G66402" s="16">
        <v>2.034869325994936</v>
      </c>
    </row>
    <row r="66403" spans="1:7" x14ac:dyDescent="0.3">
      <c r="A66403" s="13" t="s">
        <v>351</v>
      </c>
      <c r="B66403" s="14" t="s">
        <v>1</v>
      </c>
      <c r="C66403" s="14" t="s">
        <v>200</v>
      </c>
      <c r="D66403" s="14" t="s">
        <v>146</v>
      </c>
      <c r="E66403" s="15">
        <v>45714</v>
      </c>
      <c r="F66403" s="14" t="s">
        <v>61</v>
      </c>
      <c r="G66403" s="16">
        <v>2.0465720917760812</v>
      </c>
    </row>
    <row r="66404" spans="1:7" x14ac:dyDescent="0.3">
      <c r="A66404" s="13" t="s">
        <v>351</v>
      </c>
      <c r="B66404" s="14" t="s">
        <v>1</v>
      </c>
      <c r="C66404" s="14" t="s">
        <v>200</v>
      </c>
      <c r="D66404" s="14" t="s">
        <v>146</v>
      </c>
      <c r="E66404" s="15">
        <v>45715</v>
      </c>
      <c r="F66404" s="14" t="s">
        <v>61</v>
      </c>
      <c r="G66404" s="16">
        <v>2.0697724210528072</v>
      </c>
    </row>
    <row r="66405" spans="1:7" x14ac:dyDescent="0.3">
      <c r="A66405" s="13" t="s">
        <v>351</v>
      </c>
      <c r="B66405" s="14" t="s">
        <v>1</v>
      </c>
      <c r="C66405" s="14" t="s">
        <v>200</v>
      </c>
      <c r="D66405" s="14" t="s">
        <v>146</v>
      </c>
      <c r="E66405" s="15">
        <v>45716</v>
      </c>
      <c r="F66405" s="14" t="s">
        <v>61</v>
      </c>
      <c r="G66405" s="16">
        <v>2.0807710086802484</v>
      </c>
    </row>
    <row r="66406" spans="1:7" x14ac:dyDescent="0.3">
      <c r="A66406" s="13" t="s">
        <v>351</v>
      </c>
      <c r="B66406" s="14" t="s">
        <v>1</v>
      </c>
      <c r="C66406" s="14" t="s">
        <v>200</v>
      </c>
      <c r="D66406" s="14" t="s">
        <v>146</v>
      </c>
      <c r="E66406" s="15">
        <v>45717</v>
      </c>
      <c r="F66406" s="14" t="s">
        <v>61</v>
      </c>
      <c r="G66406" s="16">
        <v>2.0807710086802484</v>
      </c>
    </row>
    <row r="66407" spans="1:7" x14ac:dyDescent="0.3">
      <c r="A66407" s="13" t="s">
        <v>351</v>
      </c>
      <c r="B66407" s="14" t="s">
        <v>1</v>
      </c>
      <c r="C66407" s="14" t="s">
        <v>200</v>
      </c>
      <c r="D66407" s="14" t="s">
        <v>146</v>
      </c>
      <c r="E66407" s="15">
        <v>45718</v>
      </c>
      <c r="F66407" s="14" t="s">
        <v>61</v>
      </c>
      <c r="G66407" s="16">
        <v>2.0807710086802484</v>
      </c>
    </row>
    <row r="66408" spans="1:7" x14ac:dyDescent="0.3">
      <c r="A66408" s="13" t="s">
        <v>351</v>
      </c>
      <c r="B66408" s="14" t="s">
        <v>1</v>
      </c>
      <c r="C66408" s="14" t="s">
        <v>200</v>
      </c>
      <c r="D66408" s="14" t="s">
        <v>146</v>
      </c>
      <c r="E66408" s="15">
        <v>45719</v>
      </c>
      <c r="F66408" s="14" t="s">
        <v>61</v>
      </c>
      <c r="G66408" s="16">
        <v>2.0673924982321026</v>
      </c>
    </row>
    <row r="66409" spans="1:7" x14ac:dyDescent="0.3">
      <c r="A66409" s="13" t="s">
        <v>351</v>
      </c>
      <c r="B66409" s="14" t="s">
        <v>1</v>
      </c>
      <c r="C66409" s="14" t="s">
        <v>200</v>
      </c>
      <c r="D66409" s="14" t="s">
        <v>146</v>
      </c>
      <c r="E66409" s="15">
        <v>45720</v>
      </c>
      <c r="F66409" s="14" t="s">
        <v>61</v>
      </c>
      <c r="G66409" s="16">
        <v>2.0579624588542136</v>
      </c>
    </row>
    <row r="66410" spans="1:7" x14ac:dyDescent="0.3">
      <c r="A66410" s="13" t="s">
        <v>351</v>
      </c>
      <c r="B66410" s="14" t="s">
        <v>1</v>
      </c>
      <c r="C66410" s="14" t="s">
        <v>200</v>
      </c>
      <c r="D66410" s="14" t="s">
        <v>146</v>
      </c>
      <c r="E66410" s="15">
        <v>45721</v>
      </c>
      <c r="F66410" s="14" t="s">
        <v>61</v>
      </c>
      <c r="G66410" s="16">
        <v>2.0326486376922546</v>
      </c>
    </row>
    <row r="66411" spans="1:7" x14ac:dyDescent="0.3">
      <c r="A66411" s="13" t="s">
        <v>351</v>
      </c>
      <c r="B66411" s="14" t="s">
        <v>1</v>
      </c>
      <c r="C66411" s="14" t="s">
        <v>200</v>
      </c>
      <c r="D66411" s="14" t="s">
        <v>146</v>
      </c>
      <c r="E66411" s="15">
        <v>45722</v>
      </c>
      <c r="F66411" s="14" t="s">
        <v>61</v>
      </c>
      <c r="G66411" s="16">
        <v>2.0393925394379235</v>
      </c>
    </row>
    <row r="66412" spans="1:7" x14ac:dyDescent="0.3">
      <c r="A66412" s="13" t="s">
        <v>351</v>
      </c>
      <c r="B66412" s="14" t="s">
        <v>1</v>
      </c>
      <c r="C66412" s="14" t="s">
        <v>200</v>
      </c>
      <c r="D66412" s="14" t="s">
        <v>146</v>
      </c>
      <c r="E66412" s="15">
        <v>45723</v>
      </c>
      <c r="F66412" s="14" t="s">
        <v>61</v>
      </c>
      <c r="G66412" s="16">
        <v>2.0360133453672651</v>
      </c>
    </row>
    <row r="66413" spans="1:7" x14ac:dyDescent="0.3">
      <c r="A66413" s="13" t="s">
        <v>351</v>
      </c>
      <c r="B66413" s="14" t="s">
        <v>1</v>
      </c>
      <c r="C66413" s="14" t="s">
        <v>200</v>
      </c>
      <c r="D66413" s="14" t="s">
        <v>146</v>
      </c>
      <c r="E66413" s="15">
        <v>45724</v>
      </c>
      <c r="F66413" s="14" t="s">
        <v>61</v>
      </c>
      <c r="G66413" s="16">
        <v>2.0360133453672651</v>
      </c>
    </row>
    <row r="66414" spans="1:7" x14ac:dyDescent="0.3">
      <c r="A66414" s="13" t="s">
        <v>351</v>
      </c>
      <c r="B66414" s="14" t="s">
        <v>1</v>
      </c>
      <c r="C66414" s="14" t="s">
        <v>200</v>
      </c>
      <c r="D66414" s="14" t="s">
        <v>146</v>
      </c>
      <c r="E66414" s="15">
        <v>45725</v>
      </c>
      <c r="F66414" s="14" t="s">
        <v>61</v>
      </c>
      <c r="G66414" s="16">
        <v>2.0360133453672651</v>
      </c>
    </row>
    <row r="66415" spans="1:7" x14ac:dyDescent="0.3">
      <c r="A66415" s="13" t="s">
        <v>351</v>
      </c>
      <c r="B66415" s="14" t="s">
        <v>1</v>
      </c>
      <c r="C66415" s="14" t="s">
        <v>200</v>
      </c>
      <c r="D66415" s="14" t="s">
        <v>146</v>
      </c>
      <c r="E66415" s="15">
        <v>45726</v>
      </c>
      <c r="F66415" s="14" t="s">
        <v>61</v>
      </c>
      <c r="G66415" s="16">
        <v>2.0417518827237875</v>
      </c>
    </row>
    <row r="66416" spans="1:7" x14ac:dyDescent="0.3">
      <c r="A66416" s="13" t="s">
        <v>351</v>
      </c>
      <c r="B66416" s="14" t="s">
        <v>1</v>
      </c>
      <c r="C66416" s="14" t="s">
        <v>200</v>
      </c>
      <c r="D66416" s="14" t="s">
        <v>146</v>
      </c>
      <c r="E66416" s="15">
        <v>45727</v>
      </c>
      <c r="F66416" s="14" t="s">
        <v>61</v>
      </c>
      <c r="G66416" s="16">
        <v>2.044545083776709</v>
      </c>
    </row>
    <row r="66417" spans="1:7" x14ac:dyDescent="0.3">
      <c r="A66417" s="13" t="s">
        <v>351</v>
      </c>
      <c r="B66417" s="14" t="s">
        <v>1</v>
      </c>
      <c r="C66417" s="14" t="s">
        <v>200</v>
      </c>
      <c r="D66417" s="14" t="s">
        <v>146</v>
      </c>
      <c r="E66417" s="15">
        <v>45728</v>
      </c>
      <c r="F66417" s="14" t="s">
        <v>61</v>
      </c>
      <c r="G66417" s="16">
        <v>2.0576078284042998</v>
      </c>
    </row>
    <row r="66418" spans="1:7" x14ac:dyDescent="0.3">
      <c r="A66418" s="13" t="s">
        <v>351</v>
      </c>
      <c r="B66418" s="14" t="s">
        <v>1</v>
      </c>
      <c r="C66418" s="14" t="s">
        <v>200</v>
      </c>
      <c r="D66418" s="14" t="s">
        <v>146</v>
      </c>
      <c r="E66418" s="15">
        <v>45729</v>
      </c>
      <c r="F66418" s="14" t="s">
        <v>61</v>
      </c>
      <c r="G66418" s="16">
        <v>2.0708801679331468</v>
      </c>
    </row>
    <row r="66419" spans="1:7" x14ac:dyDescent="0.3">
      <c r="A66419" s="13" t="s">
        <v>351</v>
      </c>
      <c r="B66419" s="14" t="s">
        <v>1</v>
      </c>
      <c r="C66419" s="14" t="s">
        <v>200</v>
      </c>
      <c r="D66419" s="14" t="s">
        <v>146</v>
      </c>
      <c r="E66419" s="15">
        <v>45730</v>
      </c>
      <c r="F66419" s="14" t="s">
        <v>61</v>
      </c>
      <c r="G66419" s="16">
        <v>2.0710315079551735</v>
      </c>
    </row>
    <row r="66420" spans="1:7" x14ac:dyDescent="0.3">
      <c r="A66420" s="13" t="s">
        <v>351</v>
      </c>
      <c r="B66420" s="14" t="s">
        <v>1</v>
      </c>
      <c r="C66420" s="14" t="s">
        <v>200</v>
      </c>
      <c r="D66420" s="14" t="s">
        <v>146</v>
      </c>
      <c r="E66420" s="15">
        <v>45731</v>
      </c>
      <c r="F66420" s="14" t="s">
        <v>61</v>
      </c>
      <c r="G66420" s="16">
        <v>2.0710315079551735</v>
      </c>
    </row>
    <row r="66421" spans="1:7" x14ac:dyDescent="0.3">
      <c r="A66421" s="13" t="s">
        <v>351</v>
      </c>
      <c r="B66421" s="14" t="s">
        <v>1</v>
      </c>
      <c r="C66421" s="14" t="s">
        <v>200</v>
      </c>
      <c r="D66421" s="14" t="s">
        <v>146</v>
      </c>
      <c r="E66421" s="15">
        <v>45732</v>
      </c>
      <c r="F66421" s="14" t="s">
        <v>61</v>
      </c>
      <c r="G66421" s="16">
        <v>2.0710315079551735</v>
      </c>
    </row>
    <row r="66422" spans="1:7" x14ac:dyDescent="0.3">
      <c r="A66422" s="13" t="s">
        <v>351</v>
      </c>
      <c r="B66422" s="14" t="s">
        <v>1</v>
      </c>
      <c r="C66422" s="14" t="s">
        <v>200</v>
      </c>
      <c r="D66422" s="14" t="s">
        <v>146</v>
      </c>
      <c r="E66422" s="15">
        <v>45733</v>
      </c>
      <c r="F66422" s="14" t="s">
        <v>61</v>
      </c>
      <c r="G66422" s="16">
        <v>2.0710315079551735</v>
      </c>
    </row>
    <row r="66423" spans="1:7" x14ac:dyDescent="0.3">
      <c r="A66423" s="13" t="s">
        <v>351</v>
      </c>
      <c r="B66423" s="14" t="s">
        <v>1</v>
      </c>
      <c r="C66423" s="14" t="s">
        <v>200</v>
      </c>
      <c r="D66423" s="14" t="s">
        <v>146</v>
      </c>
      <c r="E66423" s="15">
        <v>45734</v>
      </c>
      <c r="F66423" s="14" t="s">
        <v>61</v>
      </c>
      <c r="G66423" s="16">
        <v>2.0651973863541282</v>
      </c>
    </row>
    <row r="66424" spans="1:7" x14ac:dyDescent="0.3">
      <c r="A66424" s="13" t="s">
        <v>351</v>
      </c>
      <c r="B66424" s="14" t="s">
        <v>1</v>
      </c>
      <c r="C66424" s="14" t="s">
        <v>200</v>
      </c>
      <c r="D66424" s="14" t="s">
        <v>146</v>
      </c>
      <c r="E66424" s="15">
        <v>45735</v>
      </c>
      <c r="F66424" s="14" t="s">
        <v>61</v>
      </c>
      <c r="G66424" s="16">
        <v>2.0947531558108081</v>
      </c>
    </row>
    <row r="66425" spans="1:7" x14ac:dyDescent="0.3">
      <c r="A66425" s="13" t="s">
        <v>351</v>
      </c>
      <c r="B66425" s="14" t="s">
        <v>1</v>
      </c>
      <c r="C66425" s="14" t="s">
        <v>200</v>
      </c>
      <c r="D66425" s="14" t="s">
        <v>146</v>
      </c>
      <c r="E66425" s="15">
        <v>45736</v>
      </c>
      <c r="F66425" s="14" t="s">
        <v>61</v>
      </c>
      <c r="G66425" s="16">
        <v>2.1108606661504359</v>
      </c>
    </row>
    <row r="66426" spans="1:7" x14ac:dyDescent="0.3">
      <c r="A66426" s="13" t="s">
        <v>351</v>
      </c>
      <c r="B66426" s="14" t="s">
        <v>1</v>
      </c>
      <c r="C66426" s="14" t="s">
        <v>200</v>
      </c>
      <c r="D66426" s="14" t="s">
        <v>146</v>
      </c>
      <c r="E66426" s="15">
        <v>45737</v>
      </c>
      <c r="F66426" s="14" t="s">
        <v>61</v>
      </c>
      <c r="G66426" s="16">
        <v>2.1199415631285796</v>
      </c>
    </row>
    <row r="66427" spans="1:7" x14ac:dyDescent="0.3">
      <c r="A66427" s="13" t="s">
        <v>351</v>
      </c>
      <c r="B66427" s="14" t="s">
        <v>1</v>
      </c>
      <c r="C66427" s="14" t="s">
        <v>200</v>
      </c>
      <c r="D66427" s="14" t="s">
        <v>146</v>
      </c>
      <c r="E66427" s="15">
        <v>45738</v>
      </c>
      <c r="F66427" s="14" t="s">
        <v>61</v>
      </c>
      <c r="G66427" s="16">
        <v>2.1199415631285796</v>
      </c>
    </row>
    <row r="66428" spans="1:7" x14ac:dyDescent="0.3">
      <c r="A66428" s="13" t="s">
        <v>351</v>
      </c>
      <c r="B66428" s="14" t="s">
        <v>1</v>
      </c>
      <c r="C66428" s="14" t="s">
        <v>200</v>
      </c>
      <c r="D66428" s="14" t="s">
        <v>146</v>
      </c>
      <c r="E66428" s="15">
        <v>45739</v>
      </c>
      <c r="F66428" s="14" t="s">
        <v>61</v>
      </c>
      <c r="G66428" s="16">
        <v>2.1199415631285796</v>
      </c>
    </row>
    <row r="66429" spans="1:7" x14ac:dyDescent="0.3">
      <c r="A66429" s="13" t="s">
        <v>351</v>
      </c>
      <c r="B66429" s="14" t="s">
        <v>1</v>
      </c>
      <c r="C66429" s="14" t="s">
        <v>200</v>
      </c>
      <c r="D66429" s="14" t="s">
        <v>146</v>
      </c>
      <c r="E66429" s="15">
        <v>45740</v>
      </c>
      <c r="F66429" s="14" t="s">
        <v>61</v>
      </c>
      <c r="G66429" s="16">
        <v>2.1282696422492502</v>
      </c>
    </row>
    <row r="66430" spans="1:7" x14ac:dyDescent="0.3">
      <c r="A66430" s="13" t="s">
        <v>351</v>
      </c>
      <c r="B66430" s="14" t="s">
        <v>1</v>
      </c>
      <c r="C66430" s="14" t="s">
        <v>200</v>
      </c>
      <c r="D66430" s="14" t="s">
        <v>146</v>
      </c>
      <c r="E66430" s="15">
        <v>45741</v>
      </c>
      <c r="F66430" s="14" t="s">
        <v>61</v>
      </c>
      <c r="G66430" s="16">
        <v>2.147578494523096</v>
      </c>
    </row>
    <row r="66431" spans="1:7" x14ac:dyDescent="0.3">
      <c r="A66431" s="13" t="s">
        <v>351</v>
      </c>
      <c r="B66431" s="14" t="s">
        <v>1</v>
      </c>
      <c r="C66431" s="14" t="s">
        <v>200</v>
      </c>
      <c r="D66431" s="14" t="s">
        <v>146</v>
      </c>
      <c r="E66431" s="15">
        <v>45742</v>
      </c>
      <c r="F66431" s="14" t="s">
        <v>61</v>
      </c>
      <c r="G66431" s="16">
        <v>2.1604257915051877</v>
      </c>
    </row>
    <row r="66432" spans="1:7" x14ac:dyDescent="0.3">
      <c r="A66432" s="13" t="s">
        <v>351</v>
      </c>
      <c r="B66432" s="14" t="s">
        <v>1</v>
      </c>
      <c r="C66432" s="14" t="s">
        <v>200</v>
      </c>
      <c r="D66432" s="14" t="s">
        <v>146</v>
      </c>
      <c r="E66432" s="15">
        <v>45743</v>
      </c>
      <c r="F66432" s="14" t="s">
        <v>61</v>
      </c>
      <c r="G66432" s="16">
        <v>2.1565400810337549</v>
      </c>
    </row>
    <row r="66433" spans="1:7" x14ac:dyDescent="0.3">
      <c r="A66433" s="13" t="s">
        <v>351</v>
      </c>
      <c r="B66433" s="14" t="s">
        <v>1</v>
      </c>
      <c r="C66433" s="14" t="s">
        <v>200</v>
      </c>
      <c r="D66433" s="14" t="s">
        <v>146</v>
      </c>
      <c r="E66433" s="15">
        <v>45744</v>
      </c>
      <c r="F66433" s="14" t="s">
        <v>61</v>
      </c>
      <c r="G66433" s="16">
        <v>2.1564103893942486</v>
      </c>
    </row>
    <row r="66434" spans="1:7" x14ac:dyDescent="0.3">
      <c r="A66434" s="13" t="s">
        <v>351</v>
      </c>
      <c r="B66434" s="14" t="s">
        <v>1</v>
      </c>
      <c r="C66434" s="14" t="s">
        <v>200</v>
      </c>
      <c r="D66434" s="14" t="s">
        <v>146</v>
      </c>
      <c r="E66434" s="15">
        <v>45745</v>
      </c>
      <c r="F66434" s="14" t="s">
        <v>61</v>
      </c>
      <c r="G66434" s="16">
        <v>2.1564103893942486</v>
      </c>
    </row>
    <row r="66435" spans="1:7" x14ac:dyDescent="0.3">
      <c r="A66435" s="13" t="s">
        <v>351</v>
      </c>
      <c r="B66435" s="14" t="s">
        <v>1</v>
      </c>
      <c r="C66435" s="14" t="s">
        <v>200</v>
      </c>
      <c r="D66435" s="14" t="s">
        <v>146</v>
      </c>
      <c r="E66435" s="15">
        <v>45746</v>
      </c>
      <c r="F66435" s="14" t="s">
        <v>61</v>
      </c>
      <c r="G66435" s="16">
        <v>2.1564103893942486</v>
      </c>
    </row>
    <row r="66436" spans="1:7" x14ac:dyDescent="0.3">
      <c r="A66436" s="13" t="s">
        <v>351</v>
      </c>
      <c r="B66436" s="14" t="s">
        <v>1</v>
      </c>
      <c r="C66436" s="14" t="s">
        <v>200</v>
      </c>
      <c r="D66436" s="14" t="s">
        <v>146</v>
      </c>
      <c r="E66436" s="15">
        <v>45747</v>
      </c>
      <c r="F66436" s="14" t="s">
        <v>61</v>
      </c>
      <c r="G66436" s="16">
        <v>2.1643376196065098</v>
      </c>
    </row>
    <row r="66437" spans="1:7" x14ac:dyDescent="0.3">
      <c r="A66437" s="13" t="s">
        <v>352</v>
      </c>
      <c r="B66437" s="14" t="s">
        <v>1</v>
      </c>
      <c r="C66437" s="14" t="s">
        <v>109</v>
      </c>
      <c r="D66437" s="14" t="s">
        <v>353</v>
      </c>
      <c r="E66437" s="15">
        <v>45383</v>
      </c>
      <c r="F66437" s="14" t="s">
        <v>25</v>
      </c>
      <c r="G66437" s="16">
        <v>0</v>
      </c>
    </row>
    <row r="66438" spans="1:7" x14ac:dyDescent="0.3">
      <c r="A66438" s="13" t="s">
        <v>352</v>
      </c>
      <c r="B66438" s="14" t="s">
        <v>1</v>
      </c>
      <c r="C66438" s="14" t="s">
        <v>109</v>
      </c>
      <c r="D66438" s="14" t="s">
        <v>353</v>
      </c>
      <c r="E66438" s="15">
        <v>45384</v>
      </c>
      <c r="F66438" s="14" t="s">
        <v>25</v>
      </c>
      <c r="G66438" s="16">
        <v>0</v>
      </c>
    </row>
    <row r="66439" spans="1:7" x14ac:dyDescent="0.3">
      <c r="A66439" s="13" t="s">
        <v>352</v>
      </c>
      <c r="B66439" s="14" t="s">
        <v>1</v>
      </c>
      <c r="C66439" s="14" t="s">
        <v>109</v>
      </c>
      <c r="D66439" s="14" t="s">
        <v>353</v>
      </c>
      <c r="E66439" s="15">
        <v>45385</v>
      </c>
      <c r="F66439" s="14" t="s">
        <v>25</v>
      </c>
      <c r="G66439" s="16">
        <v>0</v>
      </c>
    </row>
    <row r="66440" spans="1:7" x14ac:dyDescent="0.3">
      <c r="A66440" s="13" t="s">
        <v>352</v>
      </c>
      <c r="B66440" s="14" t="s">
        <v>1</v>
      </c>
      <c r="C66440" s="14" t="s">
        <v>109</v>
      </c>
      <c r="D66440" s="14" t="s">
        <v>353</v>
      </c>
      <c r="E66440" s="15">
        <v>45386</v>
      </c>
      <c r="F66440" s="14" t="s">
        <v>25</v>
      </c>
      <c r="G66440" s="16">
        <v>0</v>
      </c>
    </row>
    <row r="66441" spans="1:7" x14ac:dyDescent="0.3">
      <c r="A66441" s="13" t="s">
        <v>352</v>
      </c>
      <c r="B66441" s="14" t="s">
        <v>1</v>
      </c>
      <c r="C66441" s="14" t="s">
        <v>109</v>
      </c>
      <c r="D66441" s="14" t="s">
        <v>353</v>
      </c>
      <c r="E66441" s="15">
        <v>45387</v>
      </c>
      <c r="F66441" s="14" t="s">
        <v>25</v>
      </c>
      <c r="G66441" s="16">
        <v>0</v>
      </c>
    </row>
    <row r="66442" spans="1:7" x14ac:dyDescent="0.3">
      <c r="A66442" s="13" t="s">
        <v>352</v>
      </c>
      <c r="B66442" s="14" t="s">
        <v>1</v>
      </c>
      <c r="C66442" s="14" t="s">
        <v>109</v>
      </c>
      <c r="D66442" s="14" t="s">
        <v>353</v>
      </c>
      <c r="E66442" s="15">
        <v>45388</v>
      </c>
      <c r="F66442" s="14" t="s">
        <v>25</v>
      </c>
      <c r="G66442" s="16">
        <v>0</v>
      </c>
    </row>
    <row r="66443" spans="1:7" x14ac:dyDescent="0.3">
      <c r="A66443" s="13" t="s">
        <v>352</v>
      </c>
      <c r="B66443" s="14" t="s">
        <v>1</v>
      </c>
      <c r="C66443" s="14" t="s">
        <v>109</v>
      </c>
      <c r="D66443" s="14" t="s">
        <v>353</v>
      </c>
      <c r="E66443" s="15">
        <v>45389</v>
      </c>
      <c r="F66443" s="14" t="s">
        <v>25</v>
      </c>
      <c r="G66443" s="16">
        <v>0</v>
      </c>
    </row>
    <row r="66444" spans="1:7" x14ac:dyDescent="0.3">
      <c r="A66444" s="13" t="s">
        <v>352</v>
      </c>
      <c r="B66444" s="14" t="s">
        <v>1</v>
      </c>
      <c r="C66444" s="14" t="s">
        <v>109</v>
      </c>
      <c r="D66444" s="14" t="s">
        <v>353</v>
      </c>
      <c r="E66444" s="15">
        <v>45390</v>
      </c>
      <c r="F66444" s="14" t="s">
        <v>25</v>
      </c>
      <c r="G66444" s="16">
        <v>0</v>
      </c>
    </row>
    <row r="66445" spans="1:7" x14ac:dyDescent="0.3">
      <c r="A66445" s="13" t="s">
        <v>352</v>
      </c>
      <c r="B66445" s="14" t="s">
        <v>1</v>
      </c>
      <c r="C66445" s="14" t="s">
        <v>109</v>
      </c>
      <c r="D66445" s="14" t="s">
        <v>353</v>
      </c>
      <c r="E66445" s="15">
        <v>45391</v>
      </c>
      <c r="F66445" s="14" t="s">
        <v>25</v>
      </c>
      <c r="G66445" s="16">
        <v>0</v>
      </c>
    </row>
    <row r="66446" spans="1:7" x14ac:dyDescent="0.3">
      <c r="A66446" s="13" t="s">
        <v>352</v>
      </c>
      <c r="B66446" s="14" t="s">
        <v>1</v>
      </c>
      <c r="C66446" s="14" t="s">
        <v>109</v>
      </c>
      <c r="D66446" s="14" t="s">
        <v>353</v>
      </c>
      <c r="E66446" s="15">
        <v>45392</v>
      </c>
      <c r="F66446" s="14" t="s">
        <v>25</v>
      </c>
      <c r="G66446" s="16">
        <v>0</v>
      </c>
    </row>
    <row r="66447" spans="1:7" x14ac:dyDescent="0.3">
      <c r="A66447" s="13" t="s">
        <v>352</v>
      </c>
      <c r="B66447" s="14" t="s">
        <v>1</v>
      </c>
      <c r="C66447" s="14" t="s">
        <v>109</v>
      </c>
      <c r="D66447" s="14" t="s">
        <v>353</v>
      </c>
      <c r="E66447" s="15">
        <v>45393</v>
      </c>
      <c r="F66447" s="14" t="s">
        <v>25</v>
      </c>
      <c r="G66447" s="16">
        <v>0</v>
      </c>
    </row>
    <row r="66448" spans="1:7" x14ac:dyDescent="0.3">
      <c r="A66448" s="13" t="s">
        <v>352</v>
      </c>
      <c r="B66448" s="14" t="s">
        <v>1</v>
      </c>
      <c r="C66448" s="14" t="s">
        <v>109</v>
      </c>
      <c r="D66448" s="14" t="s">
        <v>353</v>
      </c>
      <c r="E66448" s="15">
        <v>45394</v>
      </c>
      <c r="F66448" s="14" t="s">
        <v>25</v>
      </c>
      <c r="G66448" s="16">
        <v>0</v>
      </c>
    </row>
    <row r="66449" spans="1:7" x14ac:dyDescent="0.3">
      <c r="A66449" s="13" t="s">
        <v>352</v>
      </c>
      <c r="B66449" s="14" t="s">
        <v>1</v>
      </c>
      <c r="C66449" s="14" t="s">
        <v>109</v>
      </c>
      <c r="D66449" s="14" t="s">
        <v>353</v>
      </c>
      <c r="E66449" s="15">
        <v>45395</v>
      </c>
      <c r="F66449" s="14" t="s">
        <v>25</v>
      </c>
      <c r="G66449" s="16">
        <v>0</v>
      </c>
    </row>
    <row r="66450" spans="1:7" x14ac:dyDescent="0.3">
      <c r="A66450" s="13" t="s">
        <v>352</v>
      </c>
      <c r="B66450" s="14" t="s">
        <v>1</v>
      </c>
      <c r="C66450" s="14" t="s">
        <v>109</v>
      </c>
      <c r="D66450" s="14" t="s">
        <v>353</v>
      </c>
      <c r="E66450" s="15">
        <v>45396</v>
      </c>
      <c r="F66450" s="14" t="s">
        <v>25</v>
      </c>
      <c r="G66450" s="16">
        <v>0</v>
      </c>
    </row>
    <row r="66451" spans="1:7" x14ac:dyDescent="0.3">
      <c r="A66451" s="13" t="s">
        <v>352</v>
      </c>
      <c r="B66451" s="14" t="s">
        <v>1</v>
      </c>
      <c r="C66451" s="14" t="s">
        <v>109</v>
      </c>
      <c r="D66451" s="14" t="s">
        <v>353</v>
      </c>
      <c r="E66451" s="15">
        <v>45397</v>
      </c>
      <c r="F66451" s="14" t="s">
        <v>25</v>
      </c>
      <c r="G66451" s="16">
        <v>0</v>
      </c>
    </row>
    <row r="66452" spans="1:7" x14ac:dyDescent="0.3">
      <c r="A66452" s="13" t="s">
        <v>352</v>
      </c>
      <c r="B66452" s="14" t="s">
        <v>1</v>
      </c>
      <c r="C66452" s="14" t="s">
        <v>109</v>
      </c>
      <c r="D66452" s="14" t="s">
        <v>353</v>
      </c>
      <c r="E66452" s="15">
        <v>45398</v>
      </c>
      <c r="F66452" s="14" t="s">
        <v>25</v>
      </c>
      <c r="G66452" s="16">
        <v>0</v>
      </c>
    </row>
    <row r="66453" spans="1:7" x14ac:dyDescent="0.3">
      <c r="A66453" s="13" t="s">
        <v>352</v>
      </c>
      <c r="B66453" s="14" t="s">
        <v>1</v>
      </c>
      <c r="C66453" s="14" t="s">
        <v>109</v>
      </c>
      <c r="D66453" s="14" t="s">
        <v>353</v>
      </c>
      <c r="E66453" s="15">
        <v>45399</v>
      </c>
      <c r="F66453" s="14" t="s">
        <v>25</v>
      </c>
      <c r="G66453" s="16">
        <v>0</v>
      </c>
    </row>
    <row r="66454" spans="1:7" x14ac:dyDescent="0.3">
      <c r="A66454" s="13" t="s">
        <v>352</v>
      </c>
      <c r="B66454" s="14" t="s">
        <v>1</v>
      </c>
      <c r="C66454" s="14" t="s">
        <v>109</v>
      </c>
      <c r="D66454" s="14" t="s">
        <v>353</v>
      </c>
      <c r="E66454" s="15">
        <v>45400</v>
      </c>
      <c r="F66454" s="14" t="s">
        <v>25</v>
      </c>
      <c r="G66454" s="16">
        <v>0</v>
      </c>
    </row>
    <row r="66455" spans="1:7" x14ac:dyDescent="0.3">
      <c r="A66455" s="13" t="s">
        <v>352</v>
      </c>
      <c r="B66455" s="14" t="s">
        <v>1</v>
      </c>
      <c r="C66455" s="14" t="s">
        <v>109</v>
      </c>
      <c r="D66455" s="14" t="s">
        <v>353</v>
      </c>
      <c r="E66455" s="15">
        <v>45401</v>
      </c>
      <c r="F66455" s="14" t="s">
        <v>25</v>
      </c>
      <c r="G66455" s="16">
        <v>0</v>
      </c>
    </row>
    <row r="66456" spans="1:7" x14ac:dyDescent="0.3">
      <c r="A66456" s="13" t="s">
        <v>352</v>
      </c>
      <c r="B66456" s="14" t="s">
        <v>1</v>
      </c>
      <c r="C66456" s="14" t="s">
        <v>109</v>
      </c>
      <c r="D66456" s="14" t="s">
        <v>353</v>
      </c>
      <c r="E66456" s="15">
        <v>45402</v>
      </c>
      <c r="F66456" s="14" t="s">
        <v>25</v>
      </c>
      <c r="G66456" s="16">
        <v>0</v>
      </c>
    </row>
    <row r="66457" spans="1:7" x14ac:dyDescent="0.3">
      <c r="A66457" s="13" t="s">
        <v>352</v>
      </c>
      <c r="B66457" s="14" t="s">
        <v>1</v>
      </c>
      <c r="C66457" s="14" t="s">
        <v>109</v>
      </c>
      <c r="D66457" s="14" t="s">
        <v>353</v>
      </c>
      <c r="E66457" s="15">
        <v>45403</v>
      </c>
      <c r="F66457" s="14" t="s">
        <v>25</v>
      </c>
      <c r="G66457" s="16">
        <v>0</v>
      </c>
    </row>
    <row r="66458" spans="1:7" x14ac:dyDescent="0.3">
      <c r="A66458" s="13" t="s">
        <v>352</v>
      </c>
      <c r="B66458" s="14" t="s">
        <v>1</v>
      </c>
      <c r="C66458" s="14" t="s">
        <v>109</v>
      </c>
      <c r="D66458" s="14" t="s">
        <v>353</v>
      </c>
      <c r="E66458" s="15">
        <v>45404</v>
      </c>
      <c r="F66458" s="14" t="s">
        <v>25</v>
      </c>
      <c r="G66458" s="16">
        <v>0</v>
      </c>
    </row>
    <row r="66459" spans="1:7" x14ac:dyDescent="0.3">
      <c r="A66459" s="13" t="s">
        <v>352</v>
      </c>
      <c r="B66459" s="14" t="s">
        <v>1</v>
      </c>
      <c r="C66459" s="14" t="s">
        <v>109</v>
      </c>
      <c r="D66459" s="14" t="s">
        <v>353</v>
      </c>
      <c r="E66459" s="15">
        <v>45405</v>
      </c>
      <c r="F66459" s="14" t="s">
        <v>25</v>
      </c>
      <c r="G66459" s="16">
        <v>0</v>
      </c>
    </row>
    <row r="66460" spans="1:7" x14ac:dyDescent="0.3">
      <c r="A66460" s="13" t="s">
        <v>352</v>
      </c>
      <c r="B66460" s="14" t="s">
        <v>1</v>
      </c>
      <c r="C66460" s="14" t="s">
        <v>109</v>
      </c>
      <c r="D66460" s="14" t="s">
        <v>353</v>
      </c>
      <c r="E66460" s="15">
        <v>45406</v>
      </c>
      <c r="F66460" s="14" t="s">
        <v>25</v>
      </c>
      <c r="G66460" s="16">
        <v>0</v>
      </c>
    </row>
    <row r="66461" spans="1:7" x14ac:dyDescent="0.3">
      <c r="A66461" s="13" t="s">
        <v>352</v>
      </c>
      <c r="B66461" s="14" t="s">
        <v>1</v>
      </c>
      <c r="C66461" s="14" t="s">
        <v>109</v>
      </c>
      <c r="D66461" s="14" t="s">
        <v>353</v>
      </c>
      <c r="E66461" s="15">
        <v>45407</v>
      </c>
      <c r="F66461" s="14" t="s">
        <v>25</v>
      </c>
      <c r="G66461" s="16">
        <v>0</v>
      </c>
    </row>
    <row r="66462" spans="1:7" x14ac:dyDescent="0.3">
      <c r="A66462" s="13" t="s">
        <v>352</v>
      </c>
      <c r="B66462" s="14" t="s">
        <v>1</v>
      </c>
      <c r="C66462" s="14" t="s">
        <v>109</v>
      </c>
      <c r="D66462" s="14" t="s">
        <v>353</v>
      </c>
      <c r="E66462" s="15">
        <v>45408</v>
      </c>
      <c r="F66462" s="14" t="s">
        <v>25</v>
      </c>
      <c r="G66462" s="16">
        <v>0</v>
      </c>
    </row>
    <row r="66463" spans="1:7" x14ac:dyDescent="0.3">
      <c r="A66463" s="13" t="s">
        <v>352</v>
      </c>
      <c r="B66463" s="14" t="s">
        <v>1</v>
      </c>
      <c r="C66463" s="14" t="s">
        <v>109</v>
      </c>
      <c r="D66463" s="14" t="s">
        <v>353</v>
      </c>
      <c r="E66463" s="15">
        <v>45409</v>
      </c>
      <c r="F66463" s="14" t="s">
        <v>25</v>
      </c>
      <c r="G66463" s="16">
        <v>0</v>
      </c>
    </row>
    <row r="66464" spans="1:7" x14ac:dyDescent="0.3">
      <c r="A66464" s="13" t="s">
        <v>352</v>
      </c>
      <c r="B66464" s="14" t="s">
        <v>1</v>
      </c>
      <c r="C66464" s="14" t="s">
        <v>109</v>
      </c>
      <c r="D66464" s="14" t="s">
        <v>353</v>
      </c>
      <c r="E66464" s="15">
        <v>45410</v>
      </c>
      <c r="F66464" s="14" t="s">
        <v>25</v>
      </c>
      <c r="G66464" s="16">
        <v>0</v>
      </c>
    </row>
    <row r="66465" spans="1:7" x14ac:dyDescent="0.3">
      <c r="A66465" s="13" t="s">
        <v>352</v>
      </c>
      <c r="B66465" s="14" t="s">
        <v>1</v>
      </c>
      <c r="C66465" s="14" t="s">
        <v>109</v>
      </c>
      <c r="D66465" s="14" t="s">
        <v>353</v>
      </c>
      <c r="E66465" s="15">
        <v>45411</v>
      </c>
      <c r="F66465" s="14" t="s">
        <v>25</v>
      </c>
      <c r="G66465" s="16">
        <v>0</v>
      </c>
    </row>
    <row r="66466" spans="1:7" x14ac:dyDescent="0.3">
      <c r="A66466" s="13" t="s">
        <v>352</v>
      </c>
      <c r="B66466" s="14" t="s">
        <v>1</v>
      </c>
      <c r="C66466" s="14" t="s">
        <v>109</v>
      </c>
      <c r="D66466" s="14" t="s">
        <v>353</v>
      </c>
      <c r="E66466" s="15">
        <v>45412</v>
      </c>
      <c r="F66466" s="14" t="s">
        <v>25</v>
      </c>
      <c r="G66466" s="16">
        <v>0</v>
      </c>
    </row>
    <row r="66467" spans="1:7" x14ac:dyDescent="0.3">
      <c r="A66467" s="13" t="s">
        <v>352</v>
      </c>
      <c r="B66467" s="14" t="s">
        <v>1</v>
      </c>
      <c r="C66467" s="14" t="s">
        <v>109</v>
      </c>
      <c r="D66467" s="14" t="s">
        <v>353</v>
      </c>
      <c r="E66467" s="15">
        <v>45413</v>
      </c>
      <c r="F66467" s="14" t="s">
        <v>25</v>
      </c>
      <c r="G66467" s="16">
        <v>0</v>
      </c>
    </row>
    <row r="66468" spans="1:7" x14ac:dyDescent="0.3">
      <c r="A66468" s="13" t="s">
        <v>352</v>
      </c>
      <c r="B66468" s="14" t="s">
        <v>1</v>
      </c>
      <c r="C66468" s="14" t="s">
        <v>109</v>
      </c>
      <c r="D66468" s="14" t="s">
        <v>353</v>
      </c>
      <c r="E66468" s="15">
        <v>45414</v>
      </c>
      <c r="F66468" s="14" t="s">
        <v>25</v>
      </c>
      <c r="G66468" s="16">
        <v>0</v>
      </c>
    </row>
    <row r="66469" spans="1:7" x14ac:dyDescent="0.3">
      <c r="A66469" s="13" t="s">
        <v>352</v>
      </c>
      <c r="B66469" s="14" t="s">
        <v>1</v>
      </c>
      <c r="C66469" s="14" t="s">
        <v>109</v>
      </c>
      <c r="D66469" s="14" t="s">
        <v>353</v>
      </c>
      <c r="E66469" s="15">
        <v>45415</v>
      </c>
      <c r="F66469" s="14" t="s">
        <v>25</v>
      </c>
      <c r="G66469" s="16">
        <v>0</v>
      </c>
    </row>
    <row r="66470" spans="1:7" x14ac:dyDescent="0.3">
      <c r="A66470" s="13" t="s">
        <v>352</v>
      </c>
      <c r="B66470" s="14" t="s">
        <v>1</v>
      </c>
      <c r="C66470" s="14" t="s">
        <v>109</v>
      </c>
      <c r="D66470" s="14" t="s">
        <v>353</v>
      </c>
      <c r="E66470" s="15">
        <v>45416</v>
      </c>
      <c r="F66470" s="14" t="s">
        <v>25</v>
      </c>
      <c r="G66470" s="16">
        <v>0</v>
      </c>
    </row>
    <row r="66471" spans="1:7" x14ac:dyDescent="0.3">
      <c r="A66471" s="13" t="s">
        <v>352</v>
      </c>
      <c r="B66471" s="14" t="s">
        <v>1</v>
      </c>
      <c r="C66471" s="14" t="s">
        <v>109</v>
      </c>
      <c r="D66471" s="14" t="s">
        <v>353</v>
      </c>
      <c r="E66471" s="15">
        <v>45417</v>
      </c>
      <c r="F66471" s="14" t="s">
        <v>25</v>
      </c>
      <c r="G66471" s="16">
        <v>0</v>
      </c>
    </row>
    <row r="66472" spans="1:7" x14ac:dyDescent="0.3">
      <c r="A66472" s="13" t="s">
        <v>352</v>
      </c>
      <c r="B66472" s="14" t="s">
        <v>1</v>
      </c>
      <c r="C66472" s="14" t="s">
        <v>109</v>
      </c>
      <c r="D66472" s="14" t="s">
        <v>353</v>
      </c>
      <c r="E66472" s="15">
        <v>45418</v>
      </c>
      <c r="F66472" s="14" t="s">
        <v>25</v>
      </c>
      <c r="G66472" s="16">
        <v>0</v>
      </c>
    </row>
    <row r="66473" spans="1:7" x14ac:dyDescent="0.3">
      <c r="A66473" s="13" t="s">
        <v>352</v>
      </c>
      <c r="B66473" s="14" t="s">
        <v>1</v>
      </c>
      <c r="C66473" s="14" t="s">
        <v>109</v>
      </c>
      <c r="D66473" s="14" t="s">
        <v>353</v>
      </c>
      <c r="E66473" s="15">
        <v>45419</v>
      </c>
      <c r="F66473" s="14" t="s">
        <v>25</v>
      </c>
      <c r="G66473" s="16">
        <v>0</v>
      </c>
    </row>
    <row r="66474" spans="1:7" x14ac:dyDescent="0.3">
      <c r="A66474" s="13" t="s">
        <v>352</v>
      </c>
      <c r="B66474" s="14" t="s">
        <v>1</v>
      </c>
      <c r="C66474" s="14" t="s">
        <v>109</v>
      </c>
      <c r="D66474" s="14" t="s">
        <v>353</v>
      </c>
      <c r="E66474" s="15">
        <v>45420</v>
      </c>
      <c r="F66474" s="14" t="s">
        <v>25</v>
      </c>
      <c r="G66474" s="16">
        <v>0</v>
      </c>
    </row>
    <row r="66475" spans="1:7" x14ac:dyDescent="0.3">
      <c r="A66475" s="13" t="s">
        <v>352</v>
      </c>
      <c r="B66475" s="14" t="s">
        <v>1</v>
      </c>
      <c r="C66475" s="14" t="s">
        <v>109</v>
      </c>
      <c r="D66475" s="14" t="s">
        <v>353</v>
      </c>
      <c r="E66475" s="15">
        <v>45421</v>
      </c>
      <c r="F66475" s="14" t="s">
        <v>25</v>
      </c>
      <c r="G66475" s="16">
        <v>0</v>
      </c>
    </row>
    <row r="66476" spans="1:7" x14ac:dyDescent="0.3">
      <c r="A66476" s="13" t="s">
        <v>352</v>
      </c>
      <c r="B66476" s="14" t="s">
        <v>1</v>
      </c>
      <c r="C66476" s="14" t="s">
        <v>109</v>
      </c>
      <c r="D66476" s="14" t="s">
        <v>353</v>
      </c>
      <c r="E66476" s="15">
        <v>45422</v>
      </c>
      <c r="F66476" s="14" t="s">
        <v>25</v>
      </c>
      <c r="G66476" s="16">
        <v>0</v>
      </c>
    </row>
    <row r="66477" spans="1:7" x14ac:dyDescent="0.3">
      <c r="A66477" s="13" t="s">
        <v>352</v>
      </c>
      <c r="B66477" s="14" t="s">
        <v>1</v>
      </c>
      <c r="C66477" s="14" t="s">
        <v>109</v>
      </c>
      <c r="D66477" s="14" t="s">
        <v>353</v>
      </c>
      <c r="E66477" s="15">
        <v>45423</v>
      </c>
      <c r="F66477" s="14" t="s">
        <v>25</v>
      </c>
      <c r="G66477" s="16">
        <v>0</v>
      </c>
    </row>
    <row r="66478" spans="1:7" x14ac:dyDescent="0.3">
      <c r="A66478" s="13" t="s">
        <v>352</v>
      </c>
      <c r="B66478" s="14" t="s">
        <v>1</v>
      </c>
      <c r="C66478" s="14" t="s">
        <v>109</v>
      </c>
      <c r="D66478" s="14" t="s">
        <v>353</v>
      </c>
      <c r="E66478" s="15">
        <v>45424</v>
      </c>
      <c r="F66478" s="14" t="s">
        <v>25</v>
      </c>
      <c r="G66478" s="16">
        <v>0</v>
      </c>
    </row>
    <row r="66479" spans="1:7" x14ac:dyDescent="0.3">
      <c r="A66479" s="13" t="s">
        <v>352</v>
      </c>
      <c r="B66479" s="14" t="s">
        <v>1</v>
      </c>
      <c r="C66479" s="14" t="s">
        <v>109</v>
      </c>
      <c r="D66479" s="14" t="s">
        <v>353</v>
      </c>
      <c r="E66479" s="15">
        <v>45425</v>
      </c>
      <c r="F66479" s="14" t="s">
        <v>25</v>
      </c>
      <c r="G66479" s="16">
        <v>0</v>
      </c>
    </row>
    <row r="66480" spans="1:7" x14ac:dyDescent="0.3">
      <c r="A66480" s="13" t="s">
        <v>352</v>
      </c>
      <c r="B66480" s="14" t="s">
        <v>1</v>
      </c>
      <c r="C66480" s="14" t="s">
        <v>109</v>
      </c>
      <c r="D66480" s="14" t="s">
        <v>353</v>
      </c>
      <c r="E66480" s="15">
        <v>45426</v>
      </c>
      <c r="F66480" s="14" t="s">
        <v>25</v>
      </c>
      <c r="G66480" s="16">
        <v>0</v>
      </c>
    </row>
    <row r="66481" spans="1:7" x14ac:dyDescent="0.3">
      <c r="A66481" s="13" t="s">
        <v>352</v>
      </c>
      <c r="B66481" s="14" t="s">
        <v>1</v>
      </c>
      <c r="C66481" s="14" t="s">
        <v>109</v>
      </c>
      <c r="D66481" s="14" t="s">
        <v>353</v>
      </c>
      <c r="E66481" s="15">
        <v>45427</v>
      </c>
      <c r="F66481" s="14" t="s">
        <v>25</v>
      </c>
      <c r="G66481" s="16">
        <v>0</v>
      </c>
    </row>
    <row r="66482" spans="1:7" x14ac:dyDescent="0.3">
      <c r="A66482" s="13" t="s">
        <v>352</v>
      </c>
      <c r="B66482" s="14" t="s">
        <v>1</v>
      </c>
      <c r="C66482" s="14" t="s">
        <v>109</v>
      </c>
      <c r="D66482" s="14" t="s">
        <v>353</v>
      </c>
      <c r="E66482" s="15">
        <v>45428</v>
      </c>
      <c r="F66482" s="14" t="s">
        <v>25</v>
      </c>
      <c r="G66482" s="16">
        <v>0</v>
      </c>
    </row>
    <row r="66483" spans="1:7" x14ac:dyDescent="0.3">
      <c r="A66483" s="13" t="s">
        <v>352</v>
      </c>
      <c r="B66483" s="14" t="s">
        <v>1</v>
      </c>
      <c r="C66483" s="14" t="s">
        <v>109</v>
      </c>
      <c r="D66483" s="14" t="s">
        <v>353</v>
      </c>
      <c r="E66483" s="15">
        <v>45429</v>
      </c>
      <c r="F66483" s="14" t="s">
        <v>25</v>
      </c>
      <c r="G66483" s="16">
        <v>0</v>
      </c>
    </row>
    <row r="66484" spans="1:7" x14ac:dyDescent="0.3">
      <c r="A66484" s="13" t="s">
        <v>352</v>
      </c>
      <c r="B66484" s="14" t="s">
        <v>1</v>
      </c>
      <c r="C66484" s="14" t="s">
        <v>109</v>
      </c>
      <c r="D66484" s="14" t="s">
        <v>353</v>
      </c>
      <c r="E66484" s="15">
        <v>45430</v>
      </c>
      <c r="F66484" s="14" t="s">
        <v>25</v>
      </c>
      <c r="G66484" s="16">
        <v>0</v>
      </c>
    </row>
    <row r="66485" spans="1:7" x14ac:dyDescent="0.3">
      <c r="A66485" s="13" t="s">
        <v>352</v>
      </c>
      <c r="B66485" s="14" t="s">
        <v>1</v>
      </c>
      <c r="C66485" s="14" t="s">
        <v>109</v>
      </c>
      <c r="D66485" s="14" t="s">
        <v>353</v>
      </c>
      <c r="E66485" s="15">
        <v>45431</v>
      </c>
      <c r="F66485" s="14" t="s">
        <v>25</v>
      </c>
      <c r="G66485" s="16">
        <v>0</v>
      </c>
    </row>
    <row r="66486" spans="1:7" x14ac:dyDescent="0.3">
      <c r="A66486" s="13" t="s">
        <v>352</v>
      </c>
      <c r="B66486" s="14" t="s">
        <v>1</v>
      </c>
      <c r="C66486" s="14" t="s">
        <v>109</v>
      </c>
      <c r="D66486" s="14" t="s">
        <v>353</v>
      </c>
      <c r="E66486" s="15">
        <v>45432</v>
      </c>
      <c r="F66486" s="14" t="s">
        <v>25</v>
      </c>
      <c r="G66486" s="16">
        <v>0</v>
      </c>
    </row>
    <row r="66487" spans="1:7" x14ac:dyDescent="0.3">
      <c r="A66487" s="13" t="s">
        <v>352</v>
      </c>
      <c r="B66487" s="14" t="s">
        <v>1</v>
      </c>
      <c r="C66487" s="14" t="s">
        <v>109</v>
      </c>
      <c r="D66487" s="14" t="s">
        <v>353</v>
      </c>
      <c r="E66487" s="15">
        <v>45433</v>
      </c>
      <c r="F66487" s="14" t="s">
        <v>25</v>
      </c>
      <c r="G66487" s="16">
        <v>0</v>
      </c>
    </row>
    <row r="66488" spans="1:7" x14ac:dyDescent="0.3">
      <c r="A66488" s="13" t="s">
        <v>352</v>
      </c>
      <c r="B66488" s="14" t="s">
        <v>1</v>
      </c>
      <c r="C66488" s="14" t="s">
        <v>109</v>
      </c>
      <c r="D66488" s="14" t="s">
        <v>353</v>
      </c>
      <c r="E66488" s="15">
        <v>45434</v>
      </c>
      <c r="F66488" s="14" t="s">
        <v>25</v>
      </c>
      <c r="G66488" s="16">
        <v>0</v>
      </c>
    </row>
    <row r="66489" spans="1:7" x14ac:dyDescent="0.3">
      <c r="A66489" s="13" t="s">
        <v>352</v>
      </c>
      <c r="B66489" s="14" t="s">
        <v>1</v>
      </c>
      <c r="C66489" s="14" t="s">
        <v>109</v>
      </c>
      <c r="D66489" s="14" t="s">
        <v>353</v>
      </c>
      <c r="E66489" s="15">
        <v>45435</v>
      </c>
      <c r="F66489" s="14" t="s">
        <v>25</v>
      </c>
      <c r="G66489" s="16">
        <v>0</v>
      </c>
    </row>
    <row r="66490" spans="1:7" x14ac:dyDescent="0.3">
      <c r="A66490" s="13" t="s">
        <v>352</v>
      </c>
      <c r="B66490" s="14" t="s">
        <v>1</v>
      </c>
      <c r="C66490" s="14" t="s">
        <v>109</v>
      </c>
      <c r="D66490" s="14" t="s">
        <v>353</v>
      </c>
      <c r="E66490" s="15">
        <v>45436</v>
      </c>
      <c r="F66490" s="14" t="s">
        <v>25</v>
      </c>
      <c r="G66490" s="16">
        <v>0</v>
      </c>
    </row>
    <row r="66491" spans="1:7" x14ac:dyDescent="0.3">
      <c r="A66491" s="13" t="s">
        <v>352</v>
      </c>
      <c r="B66491" s="14" t="s">
        <v>1</v>
      </c>
      <c r="C66491" s="14" t="s">
        <v>109</v>
      </c>
      <c r="D66491" s="14" t="s">
        <v>353</v>
      </c>
      <c r="E66491" s="15">
        <v>45437</v>
      </c>
      <c r="F66491" s="14" t="s">
        <v>25</v>
      </c>
      <c r="G66491" s="16">
        <v>0</v>
      </c>
    </row>
    <row r="66492" spans="1:7" x14ac:dyDescent="0.3">
      <c r="A66492" s="13" t="s">
        <v>352</v>
      </c>
      <c r="B66492" s="14" t="s">
        <v>1</v>
      </c>
      <c r="C66492" s="14" t="s">
        <v>109</v>
      </c>
      <c r="D66492" s="14" t="s">
        <v>353</v>
      </c>
      <c r="E66492" s="15">
        <v>45438</v>
      </c>
      <c r="F66492" s="14" t="s">
        <v>25</v>
      </c>
      <c r="G66492" s="16">
        <v>0</v>
      </c>
    </row>
    <row r="66493" spans="1:7" x14ac:dyDescent="0.3">
      <c r="A66493" s="13" t="s">
        <v>352</v>
      </c>
      <c r="B66493" s="14" t="s">
        <v>1</v>
      </c>
      <c r="C66493" s="14" t="s">
        <v>109</v>
      </c>
      <c r="D66493" s="14" t="s">
        <v>353</v>
      </c>
      <c r="E66493" s="15">
        <v>45439</v>
      </c>
      <c r="F66493" s="14" t="s">
        <v>25</v>
      </c>
      <c r="G66493" s="16">
        <v>0</v>
      </c>
    </row>
    <row r="66494" spans="1:7" x14ac:dyDescent="0.3">
      <c r="A66494" s="13" t="s">
        <v>352</v>
      </c>
      <c r="B66494" s="14" t="s">
        <v>1</v>
      </c>
      <c r="C66494" s="14" t="s">
        <v>109</v>
      </c>
      <c r="D66494" s="14" t="s">
        <v>353</v>
      </c>
      <c r="E66494" s="15">
        <v>45440</v>
      </c>
      <c r="F66494" s="14" t="s">
        <v>25</v>
      </c>
      <c r="G66494" s="16">
        <v>0</v>
      </c>
    </row>
    <row r="66495" spans="1:7" x14ac:dyDescent="0.3">
      <c r="A66495" s="13" t="s">
        <v>352</v>
      </c>
      <c r="B66495" s="14" t="s">
        <v>1</v>
      </c>
      <c r="C66495" s="14" t="s">
        <v>109</v>
      </c>
      <c r="D66495" s="14" t="s">
        <v>353</v>
      </c>
      <c r="E66495" s="15">
        <v>45441</v>
      </c>
      <c r="F66495" s="14" t="s">
        <v>25</v>
      </c>
      <c r="G66495" s="16">
        <v>0</v>
      </c>
    </row>
    <row r="66496" spans="1:7" x14ac:dyDescent="0.3">
      <c r="A66496" s="13" t="s">
        <v>352</v>
      </c>
      <c r="B66496" s="14" t="s">
        <v>1</v>
      </c>
      <c r="C66496" s="14" t="s">
        <v>109</v>
      </c>
      <c r="D66496" s="14" t="s">
        <v>353</v>
      </c>
      <c r="E66496" s="15">
        <v>45442</v>
      </c>
      <c r="F66496" s="14" t="s">
        <v>25</v>
      </c>
      <c r="G66496" s="16">
        <v>0</v>
      </c>
    </row>
    <row r="66497" spans="1:7" x14ac:dyDescent="0.3">
      <c r="A66497" s="13" t="s">
        <v>352</v>
      </c>
      <c r="B66497" s="14" t="s">
        <v>1</v>
      </c>
      <c r="C66497" s="14" t="s">
        <v>109</v>
      </c>
      <c r="D66497" s="14" t="s">
        <v>353</v>
      </c>
      <c r="E66497" s="15">
        <v>45443</v>
      </c>
      <c r="F66497" s="14" t="s">
        <v>25</v>
      </c>
      <c r="G66497" s="16">
        <v>0</v>
      </c>
    </row>
    <row r="66498" spans="1:7" x14ac:dyDescent="0.3">
      <c r="A66498" s="13" t="s">
        <v>352</v>
      </c>
      <c r="B66498" s="14" t="s">
        <v>1</v>
      </c>
      <c r="C66498" s="14" t="s">
        <v>109</v>
      </c>
      <c r="D66498" s="14" t="s">
        <v>353</v>
      </c>
      <c r="E66498" s="15">
        <v>45444</v>
      </c>
      <c r="F66498" s="14" t="s">
        <v>25</v>
      </c>
      <c r="G66498" s="16">
        <v>0</v>
      </c>
    </row>
    <row r="66499" spans="1:7" x14ac:dyDescent="0.3">
      <c r="A66499" s="13" t="s">
        <v>352</v>
      </c>
      <c r="B66499" s="14" t="s">
        <v>1</v>
      </c>
      <c r="C66499" s="14" t="s">
        <v>109</v>
      </c>
      <c r="D66499" s="14" t="s">
        <v>353</v>
      </c>
      <c r="E66499" s="15">
        <v>45445</v>
      </c>
      <c r="F66499" s="14" t="s">
        <v>25</v>
      </c>
      <c r="G66499" s="16">
        <v>0</v>
      </c>
    </row>
    <row r="66500" spans="1:7" x14ac:dyDescent="0.3">
      <c r="A66500" s="13" t="s">
        <v>352</v>
      </c>
      <c r="B66500" s="14" t="s">
        <v>1</v>
      </c>
      <c r="C66500" s="14" t="s">
        <v>109</v>
      </c>
      <c r="D66500" s="14" t="s">
        <v>353</v>
      </c>
      <c r="E66500" s="15">
        <v>45446</v>
      </c>
      <c r="F66500" s="14" t="s">
        <v>25</v>
      </c>
      <c r="G66500" s="16">
        <v>0</v>
      </c>
    </row>
    <row r="66501" spans="1:7" x14ac:dyDescent="0.3">
      <c r="A66501" s="13" t="s">
        <v>352</v>
      </c>
      <c r="B66501" s="14" t="s">
        <v>1</v>
      </c>
      <c r="C66501" s="14" t="s">
        <v>109</v>
      </c>
      <c r="D66501" s="14" t="s">
        <v>353</v>
      </c>
      <c r="E66501" s="15">
        <v>45447</v>
      </c>
      <c r="F66501" s="14" t="s">
        <v>25</v>
      </c>
      <c r="G66501" s="16">
        <v>0</v>
      </c>
    </row>
    <row r="66502" spans="1:7" x14ac:dyDescent="0.3">
      <c r="A66502" s="13" t="s">
        <v>352</v>
      </c>
      <c r="B66502" s="14" t="s">
        <v>1</v>
      </c>
      <c r="C66502" s="14" t="s">
        <v>109</v>
      </c>
      <c r="D66502" s="14" t="s">
        <v>353</v>
      </c>
      <c r="E66502" s="15">
        <v>45448</v>
      </c>
      <c r="F66502" s="14" t="s">
        <v>25</v>
      </c>
      <c r="G66502" s="16">
        <v>0</v>
      </c>
    </row>
    <row r="66503" spans="1:7" x14ac:dyDescent="0.3">
      <c r="A66503" s="13" t="s">
        <v>352</v>
      </c>
      <c r="B66503" s="14" t="s">
        <v>1</v>
      </c>
      <c r="C66503" s="14" t="s">
        <v>109</v>
      </c>
      <c r="D66503" s="14" t="s">
        <v>353</v>
      </c>
      <c r="E66503" s="15">
        <v>45449</v>
      </c>
      <c r="F66503" s="14" t="s">
        <v>25</v>
      </c>
      <c r="G66503" s="16">
        <v>0</v>
      </c>
    </row>
    <row r="66504" spans="1:7" x14ac:dyDescent="0.3">
      <c r="A66504" s="13" t="s">
        <v>352</v>
      </c>
      <c r="B66504" s="14" t="s">
        <v>1</v>
      </c>
      <c r="C66504" s="14" t="s">
        <v>109</v>
      </c>
      <c r="D66504" s="14" t="s">
        <v>353</v>
      </c>
      <c r="E66504" s="15">
        <v>45450</v>
      </c>
      <c r="F66504" s="14" t="s">
        <v>25</v>
      </c>
      <c r="G66504" s="16">
        <v>0</v>
      </c>
    </row>
    <row r="66505" spans="1:7" x14ac:dyDescent="0.3">
      <c r="A66505" s="13" t="s">
        <v>352</v>
      </c>
      <c r="B66505" s="14" t="s">
        <v>1</v>
      </c>
      <c r="C66505" s="14" t="s">
        <v>109</v>
      </c>
      <c r="D66505" s="14" t="s">
        <v>353</v>
      </c>
      <c r="E66505" s="15">
        <v>45451</v>
      </c>
      <c r="F66505" s="14" t="s">
        <v>25</v>
      </c>
      <c r="G66505" s="16">
        <v>0</v>
      </c>
    </row>
    <row r="66506" spans="1:7" x14ac:dyDescent="0.3">
      <c r="A66506" s="13" t="s">
        <v>352</v>
      </c>
      <c r="B66506" s="14" t="s">
        <v>1</v>
      </c>
      <c r="C66506" s="14" t="s">
        <v>109</v>
      </c>
      <c r="D66506" s="14" t="s">
        <v>353</v>
      </c>
      <c r="E66506" s="15">
        <v>45452</v>
      </c>
      <c r="F66506" s="14" t="s">
        <v>25</v>
      </c>
      <c r="G66506" s="16">
        <v>0</v>
      </c>
    </row>
    <row r="66507" spans="1:7" x14ac:dyDescent="0.3">
      <c r="A66507" s="13" t="s">
        <v>352</v>
      </c>
      <c r="B66507" s="14" t="s">
        <v>1</v>
      </c>
      <c r="C66507" s="14" t="s">
        <v>109</v>
      </c>
      <c r="D66507" s="14" t="s">
        <v>353</v>
      </c>
      <c r="E66507" s="15">
        <v>45453</v>
      </c>
      <c r="F66507" s="14" t="s">
        <v>25</v>
      </c>
      <c r="G66507" s="16">
        <v>0</v>
      </c>
    </row>
    <row r="66508" spans="1:7" x14ac:dyDescent="0.3">
      <c r="A66508" s="13" t="s">
        <v>352</v>
      </c>
      <c r="B66508" s="14" t="s">
        <v>1</v>
      </c>
      <c r="C66508" s="14" t="s">
        <v>109</v>
      </c>
      <c r="D66508" s="14" t="s">
        <v>353</v>
      </c>
      <c r="E66508" s="15">
        <v>45454</v>
      </c>
      <c r="F66508" s="14" t="s">
        <v>25</v>
      </c>
      <c r="G66508" s="16">
        <v>0</v>
      </c>
    </row>
    <row r="66509" spans="1:7" x14ac:dyDescent="0.3">
      <c r="A66509" s="13" t="s">
        <v>352</v>
      </c>
      <c r="B66509" s="14" t="s">
        <v>1</v>
      </c>
      <c r="C66509" s="14" t="s">
        <v>109</v>
      </c>
      <c r="D66509" s="14" t="s">
        <v>353</v>
      </c>
      <c r="E66509" s="15">
        <v>45455</v>
      </c>
      <c r="F66509" s="14" t="s">
        <v>25</v>
      </c>
      <c r="G66509" s="16">
        <v>0</v>
      </c>
    </row>
    <row r="66510" spans="1:7" x14ac:dyDescent="0.3">
      <c r="A66510" s="13" t="s">
        <v>352</v>
      </c>
      <c r="B66510" s="14" t="s">
        <v>1</v>
      </c>
      <c r="C66510" s="14" t="s">
        <v>109</v>
      </c>
      <c r="D66510" s="14" t="s">
        <v>353</v>
      </c>
      <c r="E66510" s="15">
        <v>45456</v>
      </c>
      <c r="F66510" s="14" t="s">
        <v>25</v>
      </c>
      <c r="G66510" s="16">
        <v>0</v>
      </c>
    </row>
    <row r="66511" spans="1:7" x14ac:dyDescent="0.3">
      <c r="A66511" s="13" t="s">
        <v>352</v>
      </c>
      <c r="B66511" s="14" t="s">
        <v>1</v>
      </c>
      <c r="C66511" s="14" t="s">
        <v>109</v>
      </c>
      <c r="D66511" s="14" t="s">
        <v>353</v>
      </c>
      <c r="E66511" s="15">
        <v>45457</v>
      </c>
      <c r="F66511" s="14" t="s">
        <v>25</v>
      </c>
      <c r="G66511" s="16">
        <v>0</v>
      </c>
    </row>
    <row r="66512" spans="1:7" x14ac:dyDescent="0.3">
      <c r="A66512" s="13" t="s">
        <v>352</v>
      </c>
      <c r="B66512" s="14" t="s">
        <v>1</v>
      </c>
      <c r="C66512" s="14" t="s">
        <v>109</v>
      </c>
      <c r="D66512" s="14" t="s">
        <v>353</v>
      </c>
      <c r="E66512" s="15">
        <v>45458</v>
      </c>
      <c r="F66512" s="14" t="s">
        <v>25</v>
      </c>
      <c r="G66512" s="16">
        <v>0</v>
      </c>
    </row>
    <row r="66513" spans="1:7" x14ac:dyDescent="0.3">
      <c r="A66513" s="13" t="s">
        <v>352</v>
      </c>
      <c r="B66513" s="14" t="s">
        <v>1</v>
      </c>
      <c r="C66513" s="14" t="s">
        <v>109</v>
      </c>
      <c r="D66513" s="14" t="s">
        <v>353</v>
      </c>
      <c r="E66513" s="15">
        <v>45459</v>
      </c>
      <c r="F66513" s="14" t="s">
        <v>25</v>
      </c>
      <c r="G66513" s="16">
        <v>0</v>
      </c>
    </row>
    <row r="66514" spans="1:7" x14ac:dyDescent="0.3">
      <c r="A66514" s="13" t="s">
        <v>352</v>
      </c>
      <c r="B66514" s="14" t="s">
        <v>1</v>
      </c>
      <c r="C66514" s="14" t="s">
        <v>109</v>
      </c>
      <c r="D66514" s="14" t="s">
        <v>353</v>
      </c>
      <c r="E66514" s="15">
        <v>45460</v>
      </c>
      <c r="F66514" s="14" t="s">
        <v>25</v>
      </c>
      <c r="G66514" s="16">
        <v>0</v>
      </c>
    </row>
    <row r="66515" spans="1:7" x14ac:dyDescent="0.3">
      <c r="A66515" s="13" t="s">
        <v>352</v>
      </c>
      <c r="B66515" s="14" t="s">
        <v>1</v>
      </c>
      <c r="C66515" s="14" t="s">
        <v>109</v>
      </c>
      <c r="D66515" s="14" t="s">
        <v>353</v>
      </c>
      <c r="E66515" s="15">
        <v>45461</v>
      </c>
      <c r="F66515" s="14" t="s">
        <v>25</v>
      </c>
      <c r="G66515" s="16">
        <v>0</v>
      </c>
    </row>
    <row r="66516" spans="1:7" x14ac:dyDescent="0.3">
      <c r="A66516" s="13" t="s">
        <v>352</v>
      </c>
      <c r="B66516" s="14" t="s">
        <v>1</v>
      </c>
      <c r="C66516" s="14" t="s">
        <v>109</v>
      </c>
      <c r="D66516" s="14" t="s">
        <v>353</v>
      </c>
      <c r="E66516" s="15">
        <v>45462</v>
      </c>
      <c r="F66516" s="14" t="s">
        <v>25</v>
      </c>
      <c r="G66516" s="16">
        <v>0</v>
      </c>
    </row>
    <row r="66517" spans="1:7" x14ac:dyDescent="0.3">
      <c r="A66517" s="13" t="s">
        <v>352</v>
      </c>
      <c r="B66517" s="14" t="s">
        <v>1</v>
      </c>
      <c r="C66517" s="14" t="s">
        <v>109</v>
      </c>
      <c r="D66517" s="14" t="s">
        <v>353</v>
      </c>
      <c r="E66517" s="15">
        <v>45463</v>
      </c>
      <c r="F66517" s="14" t="s">
        <v>25</v>
      </c>
      <c r="G66517" s="16">
        <v>0</v>
      </c>
    </row>
    <row r="66518" spans="1:7" x14ac:dyDescent="0.3">
      <c r="A66518" s="13" t="s">
        <v>352</v>
      </c>
      <c r="B66518" s="14" t="s">
        <v>1</v>
      </c>
      <c r="C66518" s="14" t="s">
        <v>109</v>
      </c>
      <c r="D66518" s="14" t="s">
        <v>353</v>
      </c>
      <c r="E66518" s="15">
        <v>45464</v>
      </c>
      <c r="F66518" s="14" t="s">
        <v>25</v>
      </c>
      <c r="G66518" s="16">
        <v>0</v>
      </c>
    </row>
    <row r="66519" spans="1:7" x14ac:dyDescent="0.3">
      <c r="A66519" s="13" t="s">
        <v>352</v>
      </c>
      <c r="B66519" s="14" t="s">
        <v>1</v>
      </c>
      <c r="C66519" s="14" t="s">
        <v>109</v>
      </c>
      <c r="D66519" s="14" t="s">
        <v>353</v>
      </c>
      <c r="E66519" s="15">
        <v>45465</v>
      </c>
      <c r="F66519" s="14" t="s">
        <v>25</v>
      </c>
      <c r="G66519" s="16">
        <v>0</v>
      </c>
    </row>
    <row r="66520" spans="1:7" x14ac:dyDescent="0.3">
      <c r="A66520" s="13" t="s">
        <v>352</v>
      </c>
      <c r="B66520" s="14" t="s">
        <v>1</v>
      </c>
      <c r="C66520" s="14" t="s">
        <v>109</v>
      </c>
      <c r="D66520" s="14" t="s">
        <v>353</v>
      </c>
      <c r="E66520" s="15">
        <v>45466</v>
      </c>
      <c r="F66520" s="14" t="s">
        <v>25</v>
      </c>
      <c r="G66520" s="16">
        <v>0</v>
      </c>
    </row>
    <row r="66521" spans="1:7" x14ac:dyDescent="0.3">
      <c r="A66521" s="13" t="s">
        <v>352</v>
      </c>
      <c r="B66521" s="14" t="s">
        <v>1</v>
      </c>
      <c r="C66521" s="14" t="s">
        <v>109</v>
      </c>
      <c r="D66521" s="14" t="s">
        <v>353</v>
      </c>
      <c r="E66521" s="15">
        <v>45467</v>
      </c>
      <c r="F66521" s="14" t="s">
        <v>25</v>
      </c>
      <c r="G66521" s="16">
        <v>0</v>
      </c>
    </row>
    <row r="66522" spans="1:7" x14ac:dyDescent="0.3">
      <c r="A66522" s="13" t="s">
        <v>352</v>
      </c>
      <c r="B66522" s="14" t="s">
        <v>1</v>
      </c>
      <c r="C66522" s="14" t="s">
        <v>109</v>
      </c>
      <c r="D66522" s="14" t="s">
        <v>353</v>
      </c>
      <c r="E66522" s="15">
        <v>45468</v>
      </c>
      <c r="F66522" s="14" t="s">
        <v>25</v>
      </c>
      <c r="G66522" s="16">
        <v>0</v>
      </c>
    </row>
    <row r="66523" spans="1:7" x14ac:dyDescent="0.3">
      <c r="A66523" s="13" t="s">
        <v>352</v>
      </c>
      <c r="B66523" s="14" t="s">
        <v>1</v>
      </c>
      <c r="C66523" s="14" t="s">
        <v>109</v>
      </c>
      <c r="D66523" s="14" t="s">
        <v>353</v>
      </c>
      <c r="E66523" s="15">
        <v>45469</v>
      </c>
      <c r="F66523" s="14" t="s">
        <v>25</v>
      </c>
      <c r="G66523" s="16">
        <v>0</v>
      </c>
    </row>
    <row r="66524" spans="1:7" x14ac:dyDescent="0.3">
      <c r="A66524" s="13" t="s">
        <v>352</v>
      </c>
      <c r="B66524" s="14" t="s">
        <v>1</v>
      </c>
      <c r="C66524" s="14" t="s">
        <v>109</v>
      </c>
      <c r="D66524" s="14" t="s">
        <v>353</v>
      </c>
      <c r="E66524" s="15">
        <v>45470</v>
      </c>
      <c r="F66524" s="14" t="s">
        <v>25</v>
      </c>
      <c r="G66524" s="16">
        <v>0</v>
      </c>
    </row>
    <row r="66525" spans="1:7" x14ac:dyDescent="0.3">
      <c r="A66525" s="13" t="s">
        <v>352</v>
      </c>
      <c r="B66525" s="14" t="s">
        <v>1</v>
      </c>
      <c r="C66525" s="14" t="s">
        <v>109</v>
      </c>
      <c r="D66525" s="14" t="s">
        <v>353</v>
      </c>
      <c r="E66525" s="15">
        <v>45471</v>
      </c>
      <c r="F66525" s="14" t="s">
        <v>25</v>
      </c>
      <c r="G66525" s="16">
        <v>0</v>
      </c>
    </row>
    <row r="66526" spans="1:7" x14ac:dyDescent="0.3">
      <c r="A66526" s="13" t="s">
        <v>352</v>
      </c>
      <c r="B66526" s="14" t="s">
        <v>1</v>
      </c>
      <c r="C66526" s="14" t="s">
        <v>109</v>
      </c>
      <c r="D66526" s="14" t="s">
        <v>353</v>
      </c>
      <c r="E66526" s="15">
        <v>45472</v>
      </c>
      <c r="F66526" s="14" t="s">
        <v>25</v>
      </c>
      <c r="G66526" s="16">
        <v>0</v>
      </c>
    </row>
    <row r="66527" spans="1:7" x14ac:dyDescent="0.3">
      <c r="A66527" s="13" t="s">
        <v>352</v>
      </c>
      <c r="B66527" s="14" t="s">
        <v>1</v>
      </c>
      <c r="C66527" s="14" t="s">
        <v>109</v>
      </c>
      <c r="D66527" s="14" t="s">
        <v>353</v>
      </c>
      <c r="E66527" s="15">
        <v>45473</v>
      </c>
      <c r="F66527" s="14" t="s">
        <v>25</v>
      </c>
      <c r="G66527" s="16">
        <v>0</v>
      </c>
    </row>
    <row r="66528" spans="1:7" x14ac:dyDescent="0.3">
      <c r="A66528" s="13" t="s">
        <v>352</v>
      </c>
      <c r="B66528" s="14" t="s">
        <v>1</v>
      </c>
      <c r="C66528" s="14" t="s">
        <v>109</v>
      </c>
      <c r="D66528" s="14" t="s">
        <v>353</v>
      </c>
      <c r="E66528" s="15">
        <v>45474</v>
      </c>
      <c r="F66528" s="14" t="s">
        <v>25</v>
      </c>
      <c r="G66528" s="16">
        <v>0</v>
      </c>
    </row>
    <row r="66529" spans="1:7" x14ac:dyDescent="0.3">
      <c r="A66529" s="13" t="s">
        <v>352</v>
      </c>
      <c r="B66529" s="14" t="s">
        <v>1</v>
      </c>
      <c r="C66529" s="14" t="s">
        <v>109</v>
      </c>
      <c r="D66529" s="14" t="s">
        <v>353</v>
      </c>
      <c r="E66529" s="15">
        <v>45475</v>
      </c>
      <c r="F66529" s="14" t="s">
        <v>25</v>
      </c>
      <c r="G66529" s="16">
        <v>0</v>
      </c>
    </row>
    <row r="66530" spans="1:7" x14ac:dyDescent="0.3">
      <c r="A66530" s="13" t="s">
        <v>352</v>
      </c>
      <c r="B66530" s="14" t="s">
        <v>1</v>
      </c>
      <c r="C66530" s="14" t="s">
        <v>109</v>
      </c>
      <c r="D66530" s="14" t="s">
        <v>353</v>
      </c>
      <c r="E66530" s="15">
        <v>45476</v>
      </c>
      <c r="F66530" s="14" t="s">
        <v>25</v>
      </c>
      <c r="G66530" s="16">
        <v>0</v>
      </c>
    </row>
    <row r="66531" spans="1:7" x14ac:dyDescent="0.3">
      <c r="A66531" s="13" t="s">
        <v>352</v>
      </c>
      <c r="B66531" s="14" t="s">
        <v>1</v>
      </c>
      <c r="C66531" s="14" t="s">
        <v>109</v>
      </c>
      <c r="D66531" s="14" t="s">
        <v>353</v>
      </c>
      <c r="E66531" s="15">
        <v>45477</v>
      </c>
      <c r="F66531" s="14" t="s">
        <v>25</v>
      </c>
      <c r="G66531" s="16">
        <v>0</v>
      </c>
    </row>
    <row r="66532" spans="1:7" x14ac:dyDescent="0.3">
      <c r="A66532" s="13" t="s">
        <v>352</v>
      </c>
      <c r="B66532" s="14" t="s">
        <v>1</v>
      </c>
      <c r="C66532" s="14" t="s">
        <v>109</v>
      </c>
      <c r="D66532" s="14" t="s">
        <v>353</v>
      </c>
      <c r="E66532" s="15">
        <v>45478</v>
      </c>
      <c r="F66532" s="14" t="s">
        <v>25</v>
      </c>
      <c r="G66532" s="16">
        <v>0</v>
      </c>
    </row>
    <row r="66533" spans="1:7" x14ac:dyDescent="0.3">
      <c r="A66533" s="13" t="s">
        <v>352</v>
      </c>
      <c r="B66533" s="14" t="s">
        <v>1</v>
      </c>
      <c r="C66533" s="14" t="s">
        <v>109</v>
      </c>
      <c r="D66533" s="14" t="s">
        <v>353</v>
      </c>
      <c r="E66533" s="15">
        <v>45479</v>
      </c>
      <c r="F66533" s="14" t="s">
        <v>25</v>
      </c>
      <c r="G66533" s="16">
        <v>0</v>
      </c>
    </row>
    <row r="66534" spans="1:7" x14ac:dyDescent="0.3">
      <c r="A66534" s="13" t="s">
        <v>352</v>
      </c>
      <c r="B66534" s="14" t="s">
        <v>1</v>
      </c>
      <c r="C66534" s="14" t="s">
        <v>109</v>
      </c>
      <c r="D66534" s="14" t="s">
        <v>353</v>
      </c>
      <c r="E66534" s="15">
        <v>45480</v>
      </c>
      <c r="F66534" s="14" t="s">
        <v>25</v>
      </c>
      <c r="G66534" s="16">
        <v>0</v>
      </c>
    </row>
    <row r="66535" spans="1:7" x14ac:dyDescent="0.3">
      <c r="A66535" s="13" t="s">
        <v>352</v>
      </c>
      <c r="B66535" s="14" t="s">
        <v>1</v>
      </c>
      <c r="C66535" s="14" t="s">
        <v>109</v>
      </c>
      <c r="D66535" s="14" t="s">
        <v>353</v>
      </c>
      <c r="E66535" s="15">
        <v>45481</v>
      </c>
      <c r="F66535" s="14" t="s">
        <v>25</v>
      </c>
      <c r="G66535" s="16">
        <v>0</v>
      </c>
    </row>
    <row r="66536" spans="1:7" x14ac:dyDescent="0.3">
      <c r="A66536" s="13" t="s">
        <v>352</v>
      </c>
      <c r="B66536" s="14" t="s">
        <v>1</v>
      </c>
      <c r="C66536" s="14" t="s">
        <v>109</v>
      </c>
      <c r="D66536" s="14" t="s">
        <v>353</v>
      </c>
      <c r="E66536" s="15">
        <v>45482</v>
      </c>
      <c r="F66536" s="14" t="s">
        <v>25</v>
      </c>
      <c r="G66536" s="16">
        <v>0</v>
      </c>
    </row>
    <row r="66537" spans="1:7" x14ac:dyDescent="0.3">
      <c r="A66537" s="13" t="s">
        <v>352</v>
      </c>
      <c r="B66537" s="14" t="s">
        <v>1</v>
      </c>
      <c r="C66537" s="14" t="s">
        <v>109</v>
      </c>
      <c r="D66537" s="14" t="s">
        <v>353</v>
      </c>
      <c r="E66537" s="15">
        <v>45483</v>
      </c>
      <c r="F66537" s="14" t="s">
        <v>25</v>
      </c>
      <c r="G66537" s="16">
        <v>0</v>
      </c>
    </row>
    <row r="66538" spans="1:7" x14ac:dyDescent="0.3">
      <c r="A66538" s="13" t="s">
        <v>352</v>
      </c>
      <c r="B66538" s="14" t="s">
        <v>1</v>
      </c>
      <c r="C66538" s="14" t="s">
        <v>109</v>
      </c>
      <c r="D66538" s="14" t="s">
        <v>353</v>
      </c>
      <c r="E66538" s="15">
        <v>45484</v>
      </c>
      <c r="F66538" s="14" t="s">
        <v>25</v>
      </c>
      <c r="G66538" s="16">
        <v>0</v>
      </c>
    </row>
    <row r="66539" spans="1:7" x14ac:dyDescent="0.3">
      <c r="A66539" s="13" t="s">
        <v>352</v>
      </c>
      <c r="B66539" s="14" t="s">
        <v>1</v>
      </c>
      <c r="C66539" s="14" t="s">
        <v>109</v>
      </c>
      <c r="D66539" s="14" t="s">
        <v>353</v>
      </c>
      <c r="E66539" s="15">
        <v>45485</v>
      </c>
      <c r="F66539" s="14" t="s">
        <v>25</v>
      </c>
      <c r="G66539" s="16">
        <v>0</v>
      </c>
    </row>
    <row r="66540" spans="1:7" x14ac:dyDescent="0.3">
      <c r="A66540" s="13" t="s">
        <v>352</v>
      </c>
      <c r="B66540" s="14" t="s">
        <v>1</v>
      </c>
      <c r="C66540" s="14" t="s">
        <v>109</v>
      </c>
      <c r="D66540" s="14" t="s">
        <v>353</v>
      </c>
      <c r="E66540" s="15">
        <v>45486</v>
      </c>
      <c r="F66540" s="14" t="s">
        <v>25</v>
      </c>
      <c r="G66540" s="16">
        <v>0</v>
      </c>
    </row>
    <row r="66541" spans="1:7" x14ac:dyDescent="0.3">
      <c r="A66541" s="13" t="s">
        <v>352</v>
      </c>
      <c r="B66541" s="14" t="s">
        <v>1</v>
      </c>
      <c r="C66541" s="14" t="s">
        <v>109</v>
      </c>
      <c r="D66541" s="14" t="s">
        <v>353</v>
      </c>
      <c r="E66541" s="15">
        <v>45487</v>
      </c>
      <c r="F66541" s="14" t="s">
        <v>25</v>
      </c>
      <c r="G66541" s="16">
        <v>0</v>
      </c>
    </row>
    <row r="66542" spans="1:7" x14ac:dyDescent="0.3">
      <c r="A66542" s="13" t="s">
        <v>352</v>
      </c>
      <c r="B66542" s="14" t="s">
        <v>1</v>
      </c>
      <c r="C66542" s="14" t="s">
        <v>109</v>
      </c>
      <c r="D66542" s="14" t="s">
        <v>353</v>
      </c>
      <c r="E66542" s="15">
        <v>45488</v>
      </c>
      <c r="F66542" s="14" t="s">
        <v>25</v>
      </c>
      <c r="G66542" s="16">
        <v>0</v>
      </c>
    </row>
    <row r="66543" spans="1:7" x14ac:dyDescent="0.3">
      <c r="A66543" s="13" t="s">
        <v>352</v>
      </c>
      <c r="B66543" s="14" t="s">
        <v>1</v>
      </c>
      <c r="C66543" s="14" t="s">
        <v>109</v>
      </c>
      <c r="D66543" s="14" t="s">
        <v>353</v>
      </c>
      <c r="E66543" s="15">
        <v>45489</v>
      </c>
      <c r="F66543" s="14" t="s">
        <v>25</v>
      </c>
      <c r="G66543" s="16">
        <v>0</v>
      </c>
    </row>
    <row r="66544" spans="1:7" x14ac:dyDescent="0.3">
      <c r="A66544" s="13" t="s">
        <v>352</v>
      </c>
      <c r="B66544" s="14" t="s">
        <v>1</v>
      </c>
      <c r="C66544" s="14" t="s">
        <v>109</v>
      </c>
      <c r="D66544" s="14" t="s">
        <v>353</v>
      </c>
      <c r="E66544" s="15">
        <v>45490</v>
      </c>
      <c r="F66544" s="14" t="s">
        <v>25</v>
      </c>
      <c r="G66544" s="16">
        <v>0</v>
      </c>
    </row>
    <row r="66545" spans="1:7" x14ac:dyDescent="0.3">
      <c r="A66545" s="13" t="s">
        <v>352</v>
      </c>
      <c r="B66545" s="14" t="s">
        <v>1</v>
      </c>
      <c r="C66545" s="14" t="s">
        <v>109</v>
      </c>
      <c r="D66545" s="14" t="s">
        <v>353</v>
      </c>
      <c r="E66545" s="15">
        <v>45491</v>
      </c>
      <c r="F66545" s="14" t="s">
        <v>25</v>
      </c>
      <c r="G66545" s="16">
        <v>0</v>
      </c>
    </row>
    <row r="66546" spans="1:7" x14ac:dyDescent="0.3">
      <c r="A66546" s="13" t="s">
        <v>352</v>
      </c>
      <c r="B66546" s="14" t="s">
        <v>1</v>
      </c>
      <c r="C66546" s="14" t="s">
        <v>109</v>
      </c>
      <c r="D66546" s="14" t="s">
        <v>353</v>
      </c>
      <c r="E66546" s="15">
        <v>45492</v>
      </c>
      <c r="F66546" s="14" t="s">
        <v>25</v>
      </c>
      <c r="G66546" s="16">
        <v>0</v>
      </c>
    </row>
    <row r="66547" spans="1:7" x14ac:dyDescent="0.3">
      <c r="A66547" s="13" t="s">
        <v>352</v>
      </c>
      <c r="B66547" s="14" t="s">
        <v>1</v>
      </c>
      <c r="C66547" s="14" t="s">
        <v>109</v>
      </c>
      <c r="D66547" s="14" t="s">
        <v>353</v>
      </c>
      <c r="E66547" s="15">
        <v>45493</v>
      </c>
      <c r="F66547" s="14" t="s">
        <v>25</v>
      </c>
      <c r="G66547" s="16">
        <v>0</v>
      </c>
    </row>
    <row r="66548" spans="1:7" x14ac:dyDescent="0.3">
      <c r="A66548" s="13" t="s">
        <v>352</v>
      </c>
      <c r="B66548" s="14" t="s">
        <v>1</v>
      </c>
      <c r="C66548" s="14" t="s">
        <v>109</v>
      </c>
      <c r="D66548" s="14" t="s">
        <v>353</v>
      </c>
      <c r="E66548" s="15">
        <v>45494</v>
      </c>
      <c r="F66548" s="14" t="s">
        <v>25</v>
      </c>
      <c r="G66548" s="16">
        <v>0</v>
      </c>
    </row>
    <row r="66549" spans="1:7" x14ac:dyDescent="0.3">
      <c r="A66549" s="13" t="s">
        <v>352</v>
      </c>
      <c r="B66549" s="14" t="s">
        <v>1</v>
      </c>
      <c r="C66549" s="14" t="s">
        <v>109</v>
      </c>
      <c r="D66549" s="14" t="s">
        <v>353</v>
      </c>
      <c r="E66549" s="15">
        <v>45495</v>
      </c>
      <c r="F66549" s="14" t="s">
        <v>25</v>
      </c>
      <c r="G66549" s="16">
        <v>0</v>
      </c>
    </row>
    <row r="66550" spans="1:7" x14ac:dyDescent="0.3">
      <c r="A66550" s="13" t="s">
        <v>352</v>
      </c>
      <c r="B66550" s="14" t="s">
        <v>1</v>
      </c>
      <c r="C66550" s="14" t="s">
        <v>109</v>
      </c>
      <c r="D66550" s="14" t="s">
        <v>353</v>
      </c>
      <c r="E66550" s="15">
        <v>45496</v>
      </c>
      <c r="F66550" s="14" t="s">
        <v>25</v>
      </c>
      <c r="G66550" s="16">
        <v>0</v>
      </c>
    </row>
    <row r="66551" spans="1:7" x14ac:dyDescent="0.3">
      <c r="A66551" s="13" t="s">
        <v>352</v>
      </c>
      <c r="B66551" s="14" t="s">
        <v>1</v>
      </c>
      <c r="C66551" s="14" t="s">
        <v>109</v>
      </c>
      <c r="D66551" s="14" t="s">
        <v>353</v>
      </c>
      <c r="E66551" s="15">
        <v>45497</v>
      </c>
      <c r="F66551" s="14" t="s">
        <v>25</v>
      </c>
      <c r="G66551" s="16">
        <v>0</v>
      </c>
    </row>
    <row r="66552" spans="1:7" x14ac:dyDescent="0.3">
      <c r="A66552" s="13" t="s">
        <v>352</v>
      </c>
      <c r="B66552" s="14" t="s">
        <v>1</v>
      </c>
      <c r="C66552" s="14" t="s">
        <v>109</v>
      </c>
      <c r="D66552" s="14" t="s">
        <v>353</v>
      </c>
      <c r="E66552" s="15">
        <v>45498</v>
      </c>
      <c r="F66552" s="14" t="s">
        <v>25</v>
      </c>
      <c r="G66552" s="16">
        <v>0</v>
      </c>
    </row>
    <row r="66553" spans="1:7" x14ac:dyDescent="0.3">
      <c r="A66553" s="13" t="s">
        <v>352</v>
      </c>
      <c r="B66553" s="14" t="s">
        <v>1</v>
      </c>
      <c r="C66553" s="14" t="s">
        <v>109</v>
      </c>
      <c r="D66553" s="14" t="s">
        <v>353</v>
      </c>
      <c r="E66553" s="15">
        <v>45499</v>
      </c>
      <c r="F66553" s="14" t="s">
        <v>25</v>
      </c>
      <c r="G66553" s="16">
        <v>0</v>
      </c>
    </row>
    <row r="66554" spans="1:7" x14ac:dyDescent="0.3">
      <c r="A66554" s="13" t="s">
        <v>352</v>
      </c>
      <c r="B66554" s="14" t="s">
        <v>1</v>
      </c>
      <c r="C66554" s="14" t="s">
        <v>109</v>
      </c>
      <c r="D66554" s="14" t="s">
        <v>353</v>
      </c>
      <c r="E66554" s="15">
        <v>45500</v>
      </c>
      <c r="F66554" s="14" t="s">
        <v>25</v>
      </c>
      <c r="G66554" s="16">
        <v>0</v>
      </c>
    </row>
    <row r="66555" spans="1:7" x14ac:dyDescent="0.3">
      <c r="A66555" s="13" t="s">
        <v>352</v>
      </c>
      <c r="B66555" s="14" t="s">
        <v>1</v>
      </c>
      <c r="C66555" s="14" t="s">
        <v>109</v>
      </c>
      <c r="D66555" s="14" t="s">
        <v>353</v>
      </c>
      <c r="E66555" s="15">
        <v>45501</v>
      </c>
      <c r="F66555" s="14" t="s">
        <v>25</v>
      </c>
      <c r="G66555" s="16">
        <v>0</v>
      </c>
    </row>
    <row r="66556" spans="1:7" x14ac:dyDescent="0.3">
      <c r="A66556" s="13" t="s">
        <v>352</v>
      </c>
      <c r="B66556" s="14" t="s">
        <v>1</v>
      </c>
      <c r="C66556" s="14" t="s">
        <v>109</v>
      </c>
      <c r="D66556" s="14" t="s">
        <v>353</v>
      </c>
      <c r="E66556" s="15">
        <v>45502</v>
      </c>
      <c r="F66556" s="14" t="s">
        <v>25</v>
      </c>
      <c r="G66556" s="16">
        <v>0</v>
      </c>
    </row>
    <row r="66557" spans="1:7" x14ac:dyDescent="0.3">
      <c r="A66557" s="13" t="s">
        <v>352</v>
      </c>
      <c r="B66557" s="14" t="s">
        <v>1</v>
      </c>
      <c r="C66557" s="14" t="s">
        <v>109</v>
      </c>
      <c r="D66557" s="14" t="s">
        <v>353</v>
      </c>
      <c r="E66557" s="15">
        <v>45503</v>
      </c>
      <c r="F66557" s="14" t="s">
        <v>25</v>
      </c>
      <c r="G66557" s="16">
        <v>0</v>
      </c>
    </row>
    <row r="66558" spans="1:7" x14ac:dyDescent="0.3">
      <c r="A66558" s="13" t="s">
        <v>352</v>
      </c>
      <c r="B66558" s="14" t="s">
        <v>1</v>
      </c>
      <c r="C66558" s="14" t="s">
        <v>109</v>
      </c>
      <c r="D66558" s="14" t="s">
        <v>353</v>
      </c>
      <c r="E66558" s="15">
        <v>45504</v>
      </c>
      <c r="F66558" s="14" t="s">
        <v>25</v>
      </c>
      <c r="G66558" s="16">
        <v>0</v>
      </c>
    </row>
    <row r="66559" spans="1:7" x14ac:dyDescent="0.3">
      <c r="A66559" s="13" t="s">
        <v>352</v>
      </c>
      <c r="B66559" s="14" t="s">
        <v>1</v>
      </c>
      <c r="C66559" s="14" t="s">
        <v>109</v>
      </c>
      <c r="D66559" s="14" t="s">
        <v>353</v>
      </c>
      <c r="E66559" s="15">
        <v>45505</v>
      </c>
      <c r="F66559" s="14" t="s">
        <v>25</v>
      </c>
      <c r="G66559" s="16">
        <v>0</v>
      </c>
    </row>
    <row r="66560" spans="1:7" x14ac:dyDescent="0.3">
      <c r="A66560" s="13" t="s">
        <v>352</v>
      </c>
      <c r="B66560" s="14" t="s">
        <v>1</v>
      </c>
      <c r="C66560" s="14" t="s">
        <v>109</v>
      </c>
      <c r="D66560" s="14" t="s">
        <v>353</v>
      </c>
      <c r="E66560" s="15">
        <v>45506</v>
      </c>
      <c r="F66560" s="14" t="s">
        <v>25</v>
      </c>
      <c r="G66560" s="16">
        <v>0</v>
      </c>
    </row>
    <row r="66561" spans="1:7" x14ac:dyDescent="0.3">
      <c r="A66561" s="13" t="s">
        <v>352</v>
      </c>
      <c r="B66561" s="14" t="s">
        <v>1</v>
      </c>
      <c r="C66561" s="14" t="s">
        <v>109</v>
      </c>
      <c r="D66561" s="14" t="s">
        <v>353</v>
      </c>
      <c r="E66561" s="15">
        <v>45507</v>
      </c>
      <c r="F66561" s="14" t="s">
        <v>25</v>
      </c>
      <c r="G66561" s="16">
        <v>0</v>
      </c>
    </row>
    <row r="66562" spans="1:7" x14ac:dyDescent="0.3">
      <c r="A66562" s="13" t="s">
        <v>352</v>
      </c>
      <c r="B66562" s="14" t="s">
        <v>1</v>
      </c>
      <c r="C66562" s="14" t="s">
        <v>109</v>
      </c>
      <c r="D66562" s="14" t="s">
        <v>353</v>
      </c>
      <c r="E66562" s="15">
        <v>45508</v>
      </c>
      <c r="F66562" s="14" t="s">
        <v>25</v>
      </c>
      <c r="G66562" s="16">
        <v>0</v>
      </c>
    </row>
    <row r="66563" spans="1:7" x14ac:dyDescent="0.3">
      <c r="A66563" s="13" t="s">
        <v>352</v>
      </c>
      <c r="B66563" s="14" t="s">
        <v>1</v>
      </c>
      <c r="C66563" s="14" t="s">
        <v>109</v>
      </c>
      <c r="D66563" s="14" t="s">
        <v>353</v>
      </c>
      <c r="E66563" s="15">
        <v>45509</v>
      </c>
      <c r="F66563" s="14" t="s">
        <v>25</v>
      </c>
      <c r="G66563" s="16">
        <v>0</v>
      </c>
    </row>
    <row r="66564" spans="1:7" x14ac:dyDescent="0.3">
      <c r="A66564" s="13" t="s">
        <v>352</v>
      </c>
      <c r="B66564" s="14" t="s">
        <v>1</v>
      </c>
      <c r="C66564" s="14" t="s">
        <v>109</v>
      </c>
      <c r="D66564" s="14" t="s">
        <v>353</v>
      </c>
      <c r="E66564" s="15">
        <v>45510</v>
      </c>
      <c r="F66564" s="14" t="s">
        <v>25</v>
      </c>
      <c r="G66564" s="16">
        <v>0</v>
      </c>
    </row>
    <row r="66565" spans="1:7" x14ac:dyDescent="0.3">
      <c r="A66565" s="13" t="s">
        <v>352</v>
      </c>
      <c r="B66565" s="14" t="s">
        <v>1</v>
      </c>
      <c r="C66565" s="14" t="s">
        <v>109</v>
      </c>
      <c r="D66565" s="14" t="s">
        <v>353</v>
      </c>
      <c r="E66565" s="15">
        <v>45511</v>
      </c>
      <c r="F66565" s="14" t="s">
        <v>25</v>
      </c>
      <c r="G66565" s="16">
        <v>0</v>
      </c>
    </row>
    <row r="66566" spans="1:7" x14ac:dyDescent="0.3">
      <c r="A66566" s="13" t="s">
        <v>352</v>
      </c>
      <c r="B66566" s="14" t="s">
        <v>1</v>
      </c>
      <c r="C66566" s="14" t="s">
        <v>109</v>
      </c>
      <c r="D66566" s="14" t="s">
        <v>353</v>
      </c>
      <c r="E66566" s="15">
        <v>45512</v>
      </c>
      <c r="F66566" s="14" t="s">
        <v>25</v>
      </c>
      <c r="G66566" s="16">
        <v>0</v>
      </c>
    </row>
    <row r="66567" spans="1:7" x14ac:dyDescent="0.3">
      <c r="A66567" s="13" t="s">
        <v>352</v>
      </c>
      <c r="B66567" s="14" t="s">
        <v>1</v>
      </c>
      <c r="C66567" s="14" t="s">
        <v>109</v>
      </c>
      <c r="D66567" s="14" t="s">
        <v>353</v>
      </c>
      <c r="E66567" s="15">
        <v>45513</v>
      </c>
      <c r="F66567" s="14" t="s">
        <v>25</v>
      </c>
      <c r="G66567" s="16">
        <v>0</v>
      </c>
    </row>
    <row r="66568" spans="1:7" x14ac:dyDescent="0.3">
      <c r="A66568" s="13" t="s">
        <v>352</v>
      </c>
      <c r="B66568" s="14" t="s">
        <v>1</v>
      </c>
      <c r="C66568" s="14" t="s">
        <v>109</v>
      </c>
      <c r="D66568" s="14" t="s">
        <v>353</v>
      </c>
      <c r="E66568" s="15">
        <v>45514</v>
      </c>
      <c r="F66568" s="14" t="s">
        <v>25</v>
      </c>
      <c r="G66568" s="16">
        <v>0</v>
      </c>
    </row>
    <row r="66569" spans="1:7" x14ac:dyDescent="0.3">
      <c r="A66569" s="13" t="s">
        <v>352</v>
      </c>
      <c r="B66569" s="14" t="s">
        <v>1</v>
      </c>
      <c r="C66569" s="14" t="s">
        <v>109</v>
      </c>
      <c r="D66569" s="14" t="s">
        <v>353</v>
      </c>
      <c r="E66569" s="15">
        <v>45515</v>
      </c>
      <c r="F66569" s="14" t="s">
        <v>25</v>
      </c>
      <c r="G66569" s="16">
        <v>0</v>
      </c>
    </row>
    <row r="66570" spans="1:7" x14ac:dyDescent="0.3">
      <c r="A66570" s="13" t="s">
        <v>352</v>
      </c>
      <c r="B66570" s="14" t="s">
        <v>1</v>
      </c>
      <c r="C66570" s="14" t="s">
        <v>109</v>
      </c>
      <c r="D66570" s="14" t="s">
        <v>353</v>
      </c>
      <c r="E66570" s="15">
        <v>45516</v>
      </c>
      <c r="F66570" s="14" t="s">
        <v>25</v>
      </c>
      <c r="G66570" s="16">
        <v>0</v>
      </c>
    </row>
    <row r="66571" spans="1:7" x14ac:dyDescent="0.3">
      <c r="A66571" s="13" t="s">
        <v>352</v>
      </c>
      <c r="B66571" s="14" t="s">
        <v>1</v>
      </c>
      <c r="C66571" s="14" t="s">
        <v>109</v>
      </c>
      <c r="D66571" s="14" t="s">
        <v>353</v>
      </c>
      <c r="E66571" s="15">
        <v>45517</v>
      </c>
      <c r="F66571" s="14" t="s">
        <v>25</v>
      </c>
      <c r="G66571" s="16">
        <v>0</v>
      </c>
    </row>
    <row r="66572" spans="1:7" x14ac:dyDescent="0.3">
      <c r="A66572" s="13" t="s">
        <v>352</v>
      </c>
      <c r="B66572" s="14" t="s">
        <v>1</v>
      </c>
      <c r="C66572" s="14" t="s">
        <v>109</v>
      </c>
      <c r="D66572" s="14" t="s">
        <v>353</v>
      </c>
      <c r="E66572" s="15">
        <v>45518</v>
      </c>
      <c r="F66572" s="14" t="s">
        <v>25</v>
      </c>
      <c r="G66572" s="16">
        <v>0</v>
      </c>
    </row>
    <row r="66573" spans="1:7" x14ac:dyDescent="0.3">
      <c r="A66573" s="13" t="s">
        <v>352</v>
      </c>
      <c r="B66573" s="14" t="s">
        <v>1</v>
      </c>
      <c r="C66573" s="14" t="s">
        <v>109</v>
      </c>
      <c r="D66573" s="14" t="s">
        <v>353</v>
      </c>
      <c r="E66573" s="15">
        <v>45519</v>
      </c>
      <c r="F66573" s="14" t="s">
        <v>25</v>
      </c>
      <c r="G66573" s="16">
        <v>0</v>
      </c>
    </row>
    <row r="66574" spans="1:7" x14ac:dyDescent="0.3">
      <c r="A66574" s="13" t="s">
        <v>352</v>
      </c>
      <c r="B66574" s="14" t="s">
        <v>1</v>
      </c>
      <c r="C66574" s="14" t="s">
        <v>109</v>
      </c>
      <c r="D66574" s="14" t="s">
        <v>353</v>
      </c>
      <c r="E66574" s="15">
        <v>45520</v>
      </c>
      <c r="F66574" s="14" t="s">
        <v>25</v>
      </c>
      <c r="G66574" s="16">
        <v>0</v>
      </c>
    </row>
    <row r="66575" spans="1:7" x14ac:dyDescent="0.3">
      <c r="A66575" s="13" t="s">
        <v>352</v>
      </c>
      <c r="B66575" s="14" t="s">
        <v>1</v>
      </c>
      <c r="C66575" s="14" t="s">
        <v>109</v>
      </c>
      <c r="D66575" s="14" t="s">
        <v>353</v>
      </c>
      <c r="E66575" s="15">
        <v>45521</v>
      </c>
      <c r="F66575" s="14" t="s">
        <v>25</v>
      </c>
      <c r="G66575" s="16">
        <v>0</v>
      </c>
    </row>
    <row r="66576" spans="1:7" x14ac:dyDescent="0.3">
      <c r="A66576" s="13" t="s">
        <v>352</v>
      </c>
      <c r="B66576" s="14" t="s">
        <v>1</v>
      </c>
      <c r="C66576" s="14" t="s">
        <v>109</v>
      </c>
      <c r="D66576" s="14" t="s">
        <v>353</v>
      </c>
      <c r="E66576" s="15">
        <v>45522</v>
      </c>
      <c r="F66576" s="14" t="s">
        <v>25</v>
      </c>
      <c r="G66576" s="16">
        <v>0</v>
      </c>
    </row>
    <row r="66577" spans="1:7" x14ac:dyDescent="0.3">
      <c r="A66577" s="13" t="s">
        <v>352</v>
      </c>
      <c r="B66577" s="14" t="s">
        <v>1</v>
      </c>
      <c r="C66577" s="14" t="s">
        <v>109</v>
      </c>
      <c r="D66577" s="14" t="s">
        <v>353</v>
      </c>
      <c r="E66577" s="15">
        <v>45523</v>
      </c>
      <c r="F66577" s="14" t="s">
        <v>25</v>
      </c>
      <c r="G66577" s="16">
        <v>0</v>
      </c>
    </row>
    <row r="66578" spans="1:7" x14ac:dyDescent="0.3">
      <c r="A66578" s="13" t="s">
        <v>352</v>
      </c>
      <c r="B66578" s="14" t="s">
        <v>1</v>
      </c>
      <c r="C66578" s="14" t="s">
        <v>109</v>
      </c>
      <c r="D66578" s="14" t="s">
        <v>353</v>
      </c>
      <c r="E66578" s="15">
        <v>45524</v>
      </c>
      <c r="F66578" s="14" t="s">
        <v>25</v>
      </c>
      <c r="G66578" s="16">
        <v>0</v>
      </c>
    </row>
    <row r="66579" spans="1:7" x14ac:dyDescent="0.3">
      <c r="A66579" s="13" t="s">
        <v>352</v>
      </c>
      <c r="B66579" s="14" t="s">
        <v>1</v>
      </c>
      <c r="C66579" s="14" t="s">
        <v>109</v>
      </c>
      <c r="D66579" s="14" t="s">
        <v>353</v>
      </c>
      <c r="E66579" s="15">
        <v>45525</v>
      </c>
      <c r="F66579" s="14" t="s">
        <v>25</v>
      </c>
      <c r="G66579" s="16">
        <v>0</v>
      </c>
    </row>
    <row r="66580" spans="1:7" x14ac:dyDescent="0.3">
      <c r="A66580" s="13" t="s">
        <v>352</v>
      </c>
      <c r="B66580" s="14" t="s">
        <v>1</v>
      </c>
      <c r="C66580" s="14" t="s">
        <v>109</v>
      </c>
      <c r="D66580" s="14" t="s">
        <v>353</v>
      </c>
      <c r="E66580" s="15">
        <v>45526</v>
      </c>
      <c r="F66580" s="14" t="s">
        <v>25</v>
      </c>
      <c r="G66580" s="16">
        <v>0</v>
      </c>
    </row>
    <row r="66581" spans="1:7" x14ac:dyDescent="0.3">
      <c r="A66581" s="13" t="s">
        <v>352</v>
      </c>
      <c r="B66581" s="14" t="s">
        <v>1</v>
      </c>
      <c r="C66581" s="14" t="s">
        <v>109</v>
      </c>
      <c r="D66581" s="14" t="s">
        <v>353</v>
      </c>
      <c r="E66581" s="15">
        <v>45527</v>
      </c>
      <c r="F66581" s="14" t="s">
        <v>25</v>
      </c>
      <c r="G66581" s="16">
        <v>0</v>
      </c>
    </row>
    <row r="66582" spans="1:7" x14ac:dyDescent="0.3">
      <c r="A66582" s="13" t="s">
        <v>352</v>
      </c>
      <c r="B66582" s="14" t="s">
        <v>1</v>
      </c>
      <c r="C66582" s="14" t="s">
        <v>109</v>
      </c>
      <c r="D66582" s="14" t="s">
        <v>353</v>
      </c>
      <c r="E66582" s="15">
        <v>45528</v>
      </c>
      <c r="F66582" s="14" t="s">
        <v>25</v>
      </c>
      <c r="G66582" s="16">
        <v>0</v>
      </c>
    </row>
    <row r="66583" spans="1:7" x14ac:dyDescent="0.3">
      <c r="A66583" s="13" t="s">
        <v>352</v>
      </c>
      <c r="B66583" s="14" t="s">
        <v>1</v>
      </c>
      <c r="C66583" s="14" t="s">
        <v>109</v>
      </c>
      <c r="D66583" s="14" t="s">
        <v>353</v>
      </c>
      <c r="E66583" s="15">
        <v>45529</v>
      </c>
      <c r="F66583" s="14" t="s">
        <v>25</v>
      </c>
      <c r="G66583" s="16">
        <v>0</v>
      </c>
    </row>
    <row r="66584" spans="1:7" x14ac:dyDescent="0.3">
      <c r="A66584" s="13" t="s">
        <v>352</v>
      </c>
      <c r="B66584" s="14" t="s">
        <v>1</v>
      </c>
      <c r="C66584" s="14" t="s">
        <v>109</v>
      </c>
      <c r="D66584" s="14" t="s">
        <v>353</v>
      </c>
      <c r="E66584" s="15">
        <v>45530</v>
      </c>
      <c r="F66584" s="14" t="s">
        <v>25</v>
      </c>
      <c r="G66584" s="16">
        <v>0</v>
      </c>
    </row>
    <row r="66585" spans="1:7" x14ac:dyDescent="0.3">
      <c r="A66585" s="13" t="s">
        <v>352</v>
      </c>
      <c r="B66585" s="14" t="s">
        <v>1</v>
      </c>
      <c r="C66585" s="14" t="s">
        <v>109</v>
      </c>
      <c r="D66585" s="14" t="s">
        <v>353</v>
      </c>
      <c r="E66585" s="15">
        <v>45531</v>
      </c>
      <c r="F66585" s="14" t="s">
        <v>25</v>
      </c>
      <c r="G66585" s="16">
        <v>0</v>
      </c>
    </row>
    <row r="66586" spans="1:7" x14ac:dyDescent="0.3">
      <c r="A66586" s="13" t="s">
        <v>352</v>
      </c>
      <c r="B66586" s="14" t="s">
        <v>1</v>
      </c>
      <c r="C66586" s="14" t="s">
        <v>109</v>
      </c>
      <c r="D66586" s="14" t="s">
        <v>353</v>
      </c>
      <c r="E66586" s="15">
        <v>45532</v>
      </c>
      <c r="F66586" s="14" t="s">
        <v>25</v>
      </c>
      <c r="G66586" s="16">
        <v>0</v>
      </c>
    </row>
    <row r="66587" spans="1:7" x14ac:dyDescent="0.3">
      <c r="A66587" s="13" t="s">
        <v>352</v>
      </c>
      <c r="B66587" s="14" t="s">
        <v>1</v>
      </c>
      <c r="C66587" s="14" t="s">
        <v>109</v>
      </c>
      <c r="D66587" s="14" t="s">
        <v>353</v>
      </c>
      <c r="E66587" s="15">
        <v>45533</v>
      </c>
      <c r="F66587" s="14" t="s">
        <v>25</v>
      </c>
      <c r="G66587" s="16">
        <v>0</v>
      </c>
    </row>
    <row r="66588" spans="1:7" x14ac:dyDescent="0.3">
      <c r="A66588" s="13" t="s">
        <v>352</v>
      </c>
      <c r="B66588" s="14" t="s">
        <v>1</v>
      </c>
      <c r="C66588" s="14" t="s">
        <v>109</v>
      </c>
      <c r="D66588" s="14" t="s">
        <v>353</v>
      </c>
      <c r="E66588" s="15">
        <v>45534</v>
      </c>
      <c r="F66588" s="14" t="s">
        <v>25</v>
      </c>
      <c r="G66588" s="16">
        <v>0</v>
      </c>
    </row>
    <row r="66589" spans="1:7" x14ac:dyDescent="0.3">
      <c r="A66589" s="13" t="s">
        <v>352</v>
      </c>
      <c r="B66589" s="14" t="s">
        <v>1</v>
      </c>
      <c r="C66589" s="14" t="s">
        <v>109</v>
      </c>
      <c r="D66589" s="14" t="s">
        <v>353</v>
      </c>
      <c r="E66589" s="15">
        <v>45535</v>
      </c>
      <c r="F66589" s="14" t="s">
        <v>25</v>
      </c>
      <c r="G66589" s="16">
        <v>0</v>
      </c>
    </row>
    <row r="66590" spans="1:7" x14ac:dyDescent="0.3">
      <c r="A66590" s="13" t="s">
        <v>352</v>
      </c>
      <c r="B66590" s="14" t="s">
        <v>1</v>
      </c>
      <c r="C66590" s="14" t="s">
        <v>109</v>
      </c>
      <c r="D66590" s="14" t="s">
        <v>353</v>
      </c>
      <c r="E66590" s="15">
        <v>45536</v>
      </c>
      <c r="F66590" s="14" t="s">
        <v>25</v>
      </c>
      <c r="G66590" s="16">
        <v>0</v>
      </c>
    </row>
    <row r="66591" spans="1:7" x14ac:dyDescent="0.3">
      <c r="A66591" s="13" t="s">
        <v>352</v>
      </c>
      <c r="B66591" s="14" t="s">
        <v>1</v>
      </c>
      <c r="C66591" s="14" t="s">
        <v>109</v>
      </c>
      <c r="D66591" s="14" t="s">
        <v>353</v>
      </c>
      <c r="E66591" s="15">
        <v>45537</v>
      </c>
      <c r="F66591" s="14" t="s">
        <v>25</v>
      </c>
      <c r="G66591" s="16">
        <v>0</v>
      </c>
    </row>
    <row r="66592" spans="1:7" x14ac:dyDescent="0.3">
      <c r="A66592" s="13" t="s">
        <v>352</v>
      </c>
      <c r="B66592" s="14" t="s">
        <v>1</v>
      </c>
      <c r="C66592" s="14" t="s">
        <v>109</v>
      </c>
      <c r="D66592" s="14" t="s">
        <v>353</v>
      </c>
      <c r="E66592" s="15">
        <v>45538</v>
      </c>
      <c r="F66592" s="14" t="s">
        <v>25</v>
      </c>
      <c r="G66592" s="16">
        <v>0</v>
      </c>
    </row>
    <row r="66593" spans="1:7" x14ac:dyDescent="0.3">
      <c r="A66593" s="13" t="s">
        <v>352</v>
      </c>
      <c r="B66593" s="14" t="s">
        <v>1</v>
      </c>
      <c r="C66593" s="14" t="s">
        <v>109</v>
      </c>
      <c r="D66593" s="14" t="s">
        <v>353</v>
      </c>
      <c r="E66593" s="15">
        <v>45539</v>
      </c>
      <c r="F66593" s="14" t="s">
        <v>25</v>
      </c>
      <c r="G66593" s="16">
        <v>0</v>
      </c>
    </row>
    <row r="66594" spans="1:7" x14ac:dyDescent="0.3">
      <c r="A66594" s="13" t="s">
        <v>352</v>
      </c>
      <c r="B66594" s="14" t="s">
        <v>1</v>
      </c>
      <c r="C66594" s="14" t="s">
        <v>109</v>
      </c>
      <c r="D66594" s="14" t="s">
        <v>353</v>
      </c>
      <c r="E66594" s="15">
        <v>45540</v>
      </c>
      <c r="F66594" s="14" t="s">
        <v>25</v>
      </c>
      <c r="G66594" s="16">
        <v>0</v>
      </c>
    </row>
    <row r="66595" spans="1:7" x14ac:dyDescent="0.3">
      <c r="A66595" s="13" t="s">
        <v>352</v>
      </c>
      <c r="B66595" s="14" t="s">
        <v>1</v>
      </c>
      <c r="C66595" s="14" t="s">
        <v>109</v>
      </c>
      <c r="D66595" s="14" t="s">
        <v>353</v>
      </c>
      <c r="E66595" s="15">
        <v>45541</v>
      </c>
      <c r="F66595" s="14" t="s">
        <v>25</v>
      </c>
      <c r="G66595" s="16">
        <v>0</v>
      </c>
    </row>
    <row r="66596" spans="1:7" x14ac:dyDescent="0.3">
      <c r="A66596" s="13" t="s">
        <v>352</v>
      </c>
      <c r="B66596" s="14" t="s">
        <v>1</v>
      </c>
      <c r="C66596" s="14" t="s">
        <v>109</v>
      </c>
      <c r="D66596" s="14" t="s">
        <v>353</v>
      </c>
      <c r="E66596" s="15">
        <v>45542</v>
      </c>
      <c r="F66596" s="14" t="s">
        <v>25</v>
      </c>
      <c r="G66596" s="16">
        <v>0</v>
      </c>
    </row>
    <row r="66597" spans="1:7" x14ac:dyDescent="0.3">
      <c r="A66597" s="13" t="s">
        <v>352</v>
      </c>
      <c r="B66597" s="14" t="s">
        <v>1</v>
      </c>
      <c r="C66597" s="14" t="s">
        <v>109</v>
      </c>
      <c r="D66597" s="14" t="s">
        <v>353</v>
      </c>
      <c r="E66597" s="15">
        <v>45543</v>
      </c>
      <c r="F66597" s="14" t="s">
        <v>25</v>
      </c>
      <c r="G66597" s="16">
        <v>0</v>
      </c>
    </row>
    <row r="66598" spans="1:7" x14ac:dyDescent="0.3">
      <c r="A66598" s="13" t="s">
        <v>352</v>
      </c>
      <c r="B66598" s="14" t="s">
        <v>1</v>
      </c>
      <c r="C66598" s="14" t="s">
        <v>109</v>
      </c>
      <c r="D66598" s="14" t="s">
        <v>353</v>
      </c>
      <c r="E66598" s="15">
        <v>45544</v>
      </c>
      <c r="F66598" s="14" t="s">
        <v>25</v>
      </c>
      <c r="G66598" s="16">
        <v>0</v>
      </c>
    </row>
    <row r="66599" spans="1:7" x14ac:dyDescent="0.3">
      <c r="A66599" s="13" t="s">
        <v>352</v>
      </c>
      <c r="B66599" s="14" t="s">
        <v>1</v>
      </c>
      <c r="C66599" s="14" t="s">
        <v>109</v>
      </c>
      <c r="D66599" s="14" t="s">
        <v>353</v>
      </c>
      <c r="E66599" s="15">
        <v>45545</v>
      </c>
      <c r="F66599" s="14" t="s">
        <v>25</v>
      </c>
      <c r="G66599" s="16">
        <v>0</v>
      </c>
    </row>
    <row r="66600" spans="1:7" x14ac:dyDescent="0.3">
      <c r="A66600" s="13" t="s">
        <v>352</v>
      </c>
      <c r="B66600" s="14" t="s">
        <v>1</v>
      </c>
      <c r="C66600" s="14" t="s">
        <v>109</v>
      </c>
      <c r="D66600" s="14" t="s">
        <v>353</v>
      </c>
      <c r="E66600" s="15">
        <v>45546</v>
      </c>
      <c r="F66600" s="14" t="s">
        <v>25</v>
      </c>
      <c r="G66600" s="16">
        <v>0</v>
      </c>
    </row>
    <row r="66601" spans="1:7" x14ac:dyDescent="0.3">
      <c r="A66601" s="13" t="s">
        <v>352</v>
      </c>
      <c r="B66601" s="14" t="s">
        <v>1</v>
      </c>
      <c r="C66601" s="14" t="s">
        <v>109</v>
      </c>
      <c r="D66601" s="14" t="s">
        <v>353</v>
      </c>
      <c r="E66601" s="15">
        <v>45547</v>
      </c>
      <c r="F66601" s="14" t="s">
        <v>25</v>
      </c>
      <c r="G66601" s="16">
        <v>0</v>
      </c>
    </row>
    <row r="66602" spans="1:7" x14ac:dyDescent="0.3">
      <c r="A66602" s="13" t="s">
        <v>352</v>
      </c>
      <c r="B66602" s="14" t="s">
        <v>1</v>
      </c>
      <c r="C66602" s="14" t="s">
        <v>109</v>
      </c>
      <c r="D66602" s="14" t="s">
        <v>353</v>
      </c>
      <c r="E66602" s="15">
        <v>45548</v>
      </c>
      <c r="F66602" s="14" t="s">
        <v>25</v>
      </c>
      <c r="G66602" s="16">
        <v>0</v>
      </c>
    </row>
    <row r="66603" spans="1:7" x14ac:dyDescent="0.3">
      <c r="A66603" s="13" t="s">
        <v>352</v>
      </c>
      <c r="B66603" s="14" t="s">
        <v>1</v>
      </c>
      <c r="C66603" s="14" t="s">
        <v>109</v>
      </c>
      <c r="D66603" s="14" t="s">
        <v>353</v>
      </c>
      <c r="E66603" s="15">
        <v>45549</v>
      </c>
      <c r="F66603" s="14" t="s">
        <v>25</v>
      </c>
      <c r="G66603" s="16">
        <v>0</v>
      </c>
    </row>
    <row r="66604" spans="1:7" x14ac:dyDescent="0.3">
      <c r="A66604" s="13" t="s">
        <v>352</v>
      </c>
      <c r="B66604" s="14" t="s">
        <v>1</v>
      </c>
      <c r="C66604" s="14" t="s">
        <v>109</v>
      </c>
      <c r="D66604" s="14" t="s">
        <v>353</v>
      </c>
      <c r="E66604" s="15">
        <v>45550</v>
      </c>
      <c r="F66604" s="14" t="s">
        <v>25</v>
      </c>
      <c r="G66604" s="16">
        <v>0</v>
      </c>
    </row>
    <row r="66605" spans="1:7" x14ac:dyDescent="0.3">
      <c r="A66605" s="13" t="s">
        <v>352</v>
      </c>
      <c r="B66605" s="14" t="s">
        <v>1</v>
      </c>
      <c r="C66605" s="14" t="s">
        <v>109</v>
      </c>
      <c r="D66605" s="14" t="s">
        <v>353</v>
      </c>
      <c r="E66605" s="15">
        <v>45551</v>
      </c>
      <c r="F66605" s="14" t="s">
        <v>25</v>
      </c>
      <c r="G66605" s="16">
        <v>0</v>
      </c>
    </row>
    <row r="66606" spans="1:7" x14ac:dyDescent="0.3">
      <c r="A66606" s="13" t="s">
        <v>352</v>
      </c>
      <c r="B66606" s="14" t="s">
        <v>1</v>
      </c>
      <c r="C66606" s="14" t="s">
        <v>109</v>
      </c>
      <c r="D66606" s="14" t="s">
        <v>353</v>
      </c>
      <c r="E66606" s="15">
        <v>45552</v>
      </c>
      <c r="F66606" s="14" t="s">
        <v>25</v>
      </c>
      <c r="G66606" s="16">
        <v>0</v>
      </c>
    </row>
    <row r="66607" spans="1:7" x14ac:dyDescent="0.3">
      <c r="A66607" s="13" t="s">
        <v>352</v>
      </c>
      <c r="B66607" s="14" t="s">
        <v>1</v>
      </c>
      <c r="C66607" s="14" t="s">
        <v>109</v>
      </c>
      <c r="D66607" s="14" t="s">
        <v>353</v>
      </c>
      <c r="E66607" s="15">
        <v>45553</v>
      </c>
      <c r="F66607" s="14" t="s">
        <v>25</v>
      </c>
      <c r="G66607" s="16">
        <v>0</v>
      </c>
    </row>
    <row r="66608" spans="1:7" x14ac:dyDescent="0.3">
      <c r="A66608" s="13" t="s">
        <v>352</v>
      </c>
      <c r="B66608" s="14" t="s">
        <v>1</v>
      </c>
      <c r="C66608" s="14" t="s">
        <v>109</v>
      </c>
      <c r="D66608" s="14" t="s">
        <v>353</v>
      </c>
      <c r="E66608" s="15">
        <v>45554</v>
      </c>
      <c r="F66608" s="14" t="s">
        <v>25</v>
      </c>
      <c r="G66608" s="16">
        <v>0</v>
      </c>
    </row>
    <row r="66609" spans="1:7" x14ac:dyDescent="0.3">
      <c r="A66609" s="13" t="s">
        <v>352</v>
      </c>
      <c r="B66609" s="14" t="s">
        <v>1</v>
      </c>
      <c r="C66609" s="14" t="s">
        <v>109</v>
      </c>
      <c r="D66609" s="14" t="s">
        <v>353</v>
      </c>
      <c r="E66609" s="15">
        <v>45555</v>
      </c>
      <c r="F66609" s="14" t="s">
        <v>25</v>
      </c>
      <c r="G66609" s="16">
        <v>0</v>
      </c>
    </row>
    <row r="66610" spans="1:7" x14ac:dyDescent="0.3">
      <c r="A66610" s="13" t="s">
        <v>352</v>
      </c>
      <c r="B66610" s="14" t="s">
        <v>1</v>
      </c>
      <c r="C66610" s="14" t="s">
        <v>109</v>
      </c>
      <c r="D66610" s="14" t="s">
        <v>353</v>
      </c>
      <c r="E66610" s="15">
        <v>45556</v>
      </c>
      <c r="F66610" s="14" t="s">
        <v>25</v>
      </c>
      <c r="G66610" s="16">
        <v>0</v>
      </c>
    </row>
    <row r="66611" spans="1:7" x14ac:dyDescent="0.3">
      <c r="A66611" s="13" t="s">
        <v>352</v>
      </c>
      <c r="B66611" s="14" t="s">
        <v>1</v>
      </c>
      <c r="C66611" s="14" t="s">
        <v>109</v>
      </c>
      <c r="D66611" s="14" t="s">
        <v>353</v>
      </c>
      <c r="E66611" s="15">
        <v>45557</v>
      </c>
      <c r="F66611" s="14" t="s">
        <v>25</v>
      </c>
      <c r="G66611" s="16">
        <v>0</v>
      </c>
    </row>
    <row r="66612" spans="1:7" x14ac:dyDescent="0.3">
      <c r="A66612" s="13" t="s">
        <v>352</v>
      </c>
      <c r="B66612" s="14" t="s">
        <v>1</v>
      </c>
      <c r="C66612" s="14" t="s">
        <v>109</v>
      </c>
      <c r="D66612" s="14" t="s">
        <v>353</v>
      </c>
      <c r="E66612" s="15">
        <v>45558</v>
      </c>
      <c r="F66612" s="14" t="s">
        <v>25</v>
      </c>
      <c r="G66612" s="16">
        <v>0</v>
      </c>
    </row>
    <row r="66613" spans="1:7" x14ac:dyDescent="0.3">
      <c r="A66613" s="13" t="s">
        <v>352</v>
      </c>
      <c r="B66613" s="14" t="s">
        <v>1</v>
      </c>
      <c r="C66613" s="14" t="s">
        <v>109</v>
      </c>
      <c r="D66613" s="14" t="s">
        <v>353</v>
      </c>
      <c r="E66613" s="15">
        <v>45559</v>
      </c>
      <c r="F66613" s="14" t="s">
        <v>25</v>
      </c>
      <c r="G66613" s="16">
        <v>0</v>
      </c>
    </row>
    <row r="66614" spans="1:7" x14ac:dyDescent="0.3">
      <c r="A66614" s="13" t="s">
        <v>352</v>
      </c>
      <c r="B66614" s="14" t="s">
        <v>1</v>
      </c>
      <c r="C66614" s="14" t="s">
        <v>109</v>
      </c>
      <c r="D66614" s="14" t="s">
        <v>353</v>
      </c>
      <c r="E66614" s="15">
        <v>45560</v>
      </c>
      <c r="F66614" s="14" t="s">
        <v>25</v>
      </c>
      <c r="G66614" s="16">
        <v>0</v>
      </c>
    </row>
    <row r="66615" spans="1:7" x14ac:dyDescent="0.3">
      <c r="A66615" s="13" t="s">
        <v>352</v>
      </c>
      <c r="B66615" s="14" t="s">
        <v>1</v>
      </c>
      <c r="C66615" s="14" t="s">
        <v>109</v>
      </c>
      <c r="D66615" s="14" t="s">
        <v>353</v>
      </c>
      <c r="E66615" s="15">
        <v>45561</v>
      </c>
      <c r="F66615" s="14" t="s">
        <v>25</v>
      </c>
      <c r="G66615" s="16">
        <v>0</v>
      </c>
    </row>
    <row r="66616" spans="1:7" x14ac:dyDescent="0.3">
      <c r="A66616" s="13" t="s">
        <v>352</v>
      </c>
      <c r="B66616" s="14" t="s">
        <v>1</v>
      </c>
      <c r="C66616" s="14" t="s">
        <v>109</v>
      </c>
      <c r="D66616" s="14" t="s">
        <v>353</v>
      </c>
      <c r="E66616" s="15">
        <v>45562</v>
      </c>
      <c r="F66616" s="14" t="s">
        <v>25</v>
      </c>
      <c r="G66616" s="16">
        <v>0</v>
      </c>
    </row>
    <row r="66617" spans="1:7" x14ac:dyDescent="0.3">
      <c r="A66617" s="13" t="s">
        <v>352</v>
      </c>
      <c r="B66617" s="14" t="s">
        <v>1</v>
      </c>
      <c r="C66617" s="14" t="s">
        <v>109</v>
      </c>
      <c r="D66617" s="14" t="s">
        <v>353</v>
      </c>
      <c r="E66617" s="15">
        <v>45563</v>
      </c>
      <c r="F66617" s="14" t="s">
        <v>25</v>
      </c>
      <c r="G66617" s="16">
        <v>0</v>
      </c>
    </row>
    <row r="66618" spans="1:7" x14ac:dyDescent="0.3">
      <c r="A66618" s="13" t="s">
        <v>352</v>
      </c>
      <c r="B66618" s="14" t="s">
        <v>1</v>
      </c>
      <c r="C66618" s="14" t="s">
        <v>109</v>
      </c>
      <c r="D66618" s="14" t="s">
        <v>353</v>
      </c>
      <c r="E66618" s="15">
        <v>45564</v>
      </c>
      <c r="F66618" s="14" t="s">
        <v>25</v>
      </c>
      <c r="G66618" s="16">
        <v>0</v>
      </c>
    </row>
    <row r="66619" spans="1:7" x14ac:dyDescent="0.3">
      <c r="A66619" s="13" t="s">
        <v>352</v>
      </c>
      <c r="B66619" s="14" t="s">
        <v>1</v>
      </c>
      <c r="C66619" s="14" t="s">
        <v>109</v>
      </c>
      <c r="D66619" s="14" t="s">
        <v>353</v>
      </c>
      <c r="E66619" s="15">
        <v>45565</v>
      </c>
      <c r="F66619" s="14" t="s">
        <v>25</v>
      </c>
      <c r="G66619" s="16">
        <v>0</v>
      </c>
    </row>
    <row r="66620" spans="1:7" x14ac:dyDescent="0.3">
      <c r="A66620" s="13" t="s">
        <v>352</v>
      </c>
      <c r="B66620" s="14" t="s">
        <v>1</v>
      </c>
      <c r="C66620" s="14" t="s">
        <v>109</v>
      </c>
      <c r="D66620" s="14" t="s">
        <v>353</v>
      </c>
      <c r="E66620" s="15">
        <v>45566</v>
      </c>
      <c r="F66620" s="14" t="s">
        <v>25</v>
      </c>
      <c r="G66620" s="16">
        <v>0</v>
      </c>
    </row>
    <row r="66621" spans="1:7" x14ac:dyDescent="0.3">
      <c r="A66621" s="13" t="s">
        <v>352</v>
      </c>
      <c r="B66621" s="14" t="s">
        <v>1</v>
      </c>
      <c r="C66621" s="14" t="s">
        <v>109</v>
      </c>
      <c r="D66621" s="14" t="s">
        <v>353</v>
      </c>
      <c r="E66621" s="15">
        <v>45567</v>
      </c>
      <c r="F66621" s="14" t="s">
        <v>25</v>
      </c>
      <c r="G66621" s="16">
        <v>0</v>
      </c>
    </row>
    <row r="66622" spans="1:7" x14ac:dyDescent="0.3">
      <c r="A66622" s="13" t="s">
        <v>352</v>
      </c>
      <c r="B66622" s="14" t="s">
        <v>1</v>
      </c>
      <c r="C66622" s="14" t="s">
        <v>109</v>
      </c>
      <c r="D66622" s="14" t="s">
        <v>353</v>
      </c>
      <c r="E66622" s="15">
        <v>45568</v>
      </c>
      <c r="F66622" s="14" t="s">
        <v>25</v>
      </c>
      <c r="G66622" s="16">
        <v>0</v>
      </c>
    </row>
    <row r="66623" spans="1:7" x14ac:dyDescent="0.3">
      <c r="A66623" s="13" t="s">
        <v>352</v>
      </c>
      <c r="B66623" s="14" t="s">
        <v>1</v>
      </c>
      <c r="C66623" s="14" t="s">
        <v>109</v>
      </c>
      <c r="D66623" s="14" t="s">
        <v>353</v>
      </c>
      <c r="E66623" s="15">
        <v>45569</v>
      </c>
      <c r="F66623" s="14" t="s">
        <v>25</v>
      </c>
      <c r="G66623" s="16">
        <v>0</v>
      </c>
    </row>
    <row r="66624" spans="1:7" x14ac:dyDescent="0.3">
      <c r="A66624" s="13" t="s">
        <v>352</v>
      </c>
      <c r="B66624" s="14" t="s">
        <v>1</v>
      </c>
      <c r="C66624" s="14" t="s">
        <v>109</v>
      </c>
      <c r="D66624" s="14" t="s">
        <v>353</v>
      </c>
      <c r="E66624" s="15">
        <v>45570</v>
      </c>
      <c r="F66624" s="14" t="s">
        <v>25</v>
      </c>
      <c r="G66624" s="16">
        <v>0</v>
      </c>
    </row>
    <row r="66625" spans="1:7" x14ac:dyDescent="0.3">
      <c r="A66625" s="13" t="s">
        <v>352</v>
      </c>
      <c r="B66625" s="14" t="s">
        <v>1</v>
      </c>
      <c r="C66625" s="14" t="s">
        <v>109</v>
      </c>
      <c r="D66625" s="14" t="s">
        <v>353</v>
      </c>
      <c r="E66625" s="15">
        <v>45571</v>
      </c>
      <c r="F66625" s="14" t="s">
        <v>25</v>
      </c>
      <c r="G66625" s="16">
        <v>0</v>
      </c>
    </row>
    <row r="66626" spans="1:7" x14ac:dyDescent="0.3">
      <c r="A66626" s="13" t="s">
        <v>352</v>
      </c>
      <c r="B66626" s="14" t="s">
        <v>1</v>
      </c>
      <c r="C66626" s="14" t="s">
        <v>109</v>
      </c>
      <c r="D66626" s="14" t="s">
        <v>353</v>
      </c>
      <c r="E66626" s="15">
        <v>45572</v>
      </c>
      <c r="F66626" s="14" t="s">
        <v>25</v>
      </c>
      <c r="G66626" s="16">
        <v>0</v>
      </c>
    </row>
    <row r="66627" spans="1:7" x14ac:dyDescent="0.3">
      <c r="A66627" s="13" t="s">
        <v>352</v>
      </c>
      <c r="B66627" s="14" t="s">
        <v>1</v>
      </c>
      <c r="C66627" s="14" t="s">
        <v>109</v>
      </c>
      <c r="D66627" s="14" t="s">
        <v>353</v>
      </c>
      <c r="E66627" s="15">
        <v>45573</v>
      </c>
      <c r="F66627" s="14" t="s">
        <v>25</v>
      </c>
      <c r="G66627" s="16">
        <v>0</v>
      </c>
    </row>
    <row r="66628" spans="1:7" x14ac:dyDescent="0.3">
      <c r="A66628" s="13" t="s">
        <v>352</v>
      </c>
      <c r="B66628" s="14" t="s">
        <v>1</v>
      </c>
      <c r="C66628" s="14" t="s">
        <v>109</v>
      </c>
      <c r="D66628" s="14" t="s">
        <v>353</v>
      </c>
      <c r="E66628" s="15">
        <v>45574</v>
      </c>
      <c r="F66628" s="14" t="s">
        <v>25</v>
      </c>
      <c r="G66628" s="16">
        <v>0</v>
      </c>
    </row>
    <row r="66629" spans="1:7" x14ac:dyDescent="0.3">
      <c r="A66629" s="13" t="s">
        <v>352</v>
      </c>
      <c r="B66629" s="14" t="s">
        <v>1</v>
      </c>
      <c r="C66629" s="14" t="s">
        <v>109</v>
      </c>
      <c r="D66629" s="14" t="s">
        <v>353</v>
      </c>
      <c r="E66629" s="15">
        <v>45575</v>
      </c>
      <c r="F66629" s="14" t="s">
        <v>25</v>
      </c>
      <c r="G66629" s="16">
        <v>0</v>
      </c>
    </row>
    <row r="66630" spans="1:7" x14ac:dyDescent="0.3">
      <c r="A66630" s="13" t="s">
        <v>352</v>
      </c>
      <c r="B66630" s="14" t="s">
        <v>1</v>
      </c>
      <c r="C66630" s="14" t="s">
        <v>109</v>
      </c>
      <c r="D66630" s="14" t="s">
        <v>353</v>
      </c>
      <c r="E66630" s="15">
        <v>45576</v>
      </c>
      <c r="F66630" s="14" t="s">
        <v>25</v>
      </c>
      <c r="G66630" s="16">
        <v>0</v>
      </c>
    </row>
    <row r="66631" spans="1:7" x14ac:dyDescent="0.3">
      <c r="A66631" s="13" t="s">
        <v>352</v>
      </c>
      <c r="B66631" s="14" t="s">
        <v>1</v>
      </c>
      <c r="C66631" s="14" t="s">
        <v>109</v>
      </c>
      <c r="D66631" s="14" t="s">
        <v>353</v>
      </c>
      <c r="E66631" s="15">
        <v>45577</v>
      </c>
      <c r="F66631" s="14" t="s">
        <v>25</v>
      </c>
      <c r="G66631" s="16">
        <v>0</v>
      </c>
    </row>
    <row r="66632" spans="1:7" x14ac:dyDescent="0.3">
      <c r="A66632" s="13" t="s">
        <v>352</v>
      </c>
      <c r="B66632" s="14" t="s">
        <v>1</v>
      </c>
      <c r="C66632" s="14" t="s">
        <v>109</v>
      </c>
      <c r="D66632" s="14" t="s">
        <v>353</v>
      </c>
      <c r="E66632" s="15">
        <v>45578</v>
      </c>
      <c r="F66632" s="14" t="s">
        <v>25</v>
      </c>
      <c r="G66632" s="16">
        <v>0</v>
      </c>
    </row>
    <row r="66633" spans="1:7" x14ac:dyDescent="0.3">
      <c r="A66633" s="13" t="s">
        <v>352</v>
      </c>
      <c r="B66633" s="14" t="s">
        <v>1</v>
      </c>
      <c r="C66633" s="14" t="s">
        <v>109</v>
      </c>
      <c r="D66633" s="14" t="s">
        <v>353</v>
      </c>
      <c r="E66633" s="15">
        <v>45579</v>
      </c>
      <c r="F66633" s="14" t="s">
        <v>25</v>
      </c>
      <c r="G66633" s="16">
        <v>0</v>
      </c>
    </row>
    <row r="66634" spans="1:7" x14ac:dyDescent="0.3">
      <c r="A66634" s="13" t="s">
        <v>352</v>
      </c>
      <c r="B66634" s="14" t="s">
        <v>1</v>
      </c>
      <c r="C66634" s="14" t="s">
        <v>109</v>
      </c>
      <c r="D66634" s="14" t="s">
        <v>353</v>
      </c>
      <c r="E66634" s="15">
        <v>45580</v>
      </c>
      <c r="F66634" s="14" t="s">
        <v>25</v>
      </c>
      <c r="G66634" s="16">
        <v>0</v>
      </c>
    </row>
    <row r="66635" spans="1:7" x14ac:dyDescent="0.3">
      <c r="A66635" s="13" t="s">
        <v>352</v>
      </c>
      <c r="B66635" s="14" t="s">
        <v>1</v>
      </c>
      <c r="C66635" s="14" t="s">
        <v>109</v>
      </c>
      <c r="D66635" s="14" t="s">
        <v>353</v>
      </c>
      <c r="E66635" s="15">
        <v>45581</v>
      </c>
      <c r="F66635" s="14" t="s">
        <v>25</v>
      </c>
      <c r="G66635" s="16">
        <v>0</v>
      </c>
    </row>
    <row r="66636" spans="1:7" x14ac:dyDescent="0.3">
      <c r="A66636" s="13" t="s">
        <v>352</v>
      </c>
      <c r="B66636" s="14" t="s">
        <v>1</v>
      </c>
      <c r="C66636" s="14" t="s">
        <v>109</v>
      </c>
      <c r="D66636" s="14" t="s">
        <v>353</v>
      </c>
      <c r="E66636" s="15">
        <v>45582</v>
      </c>
      <c r="F66636" s="14" t="s">
        <v>25</v>
      </c>
      <c r="G66636" s="16">
        <v>0</v>
      </c>
    </row>
    <row r="66637" spans="1:7" x14ac:dyDescent="0.3">
      <c r="A66637" s="13" t="s">
        <v>352</v>
      </c>
      <c r="B66637" s="14" t="s">
        <v>1</v>
      </c>
      <c r="C66637" s="14" t="s">
        <v>109</v>
      </c>
      <c r="D66637" s="14" t="s">
        <v>353</v>
      </c>
      <c r="E66637" s="15">
        <v>45583</v>
      </c>
      <c r="F66637" s="14" t="s">
        <v>25</v>
      </c>
      <c r="G66637" s="16">
        <v>0</v>
      </c>
    </row>
    <row r="66638" spans="1:7" x14ac:dyDescent="0.3">
      <c r="A66638" s="13" t="s">
        <v>352</v>
      </c>
      <c r="B66638" s="14" t="s">
        <v>1</v>
      </c>
      <c r="C66638" s="14" t="s">
        <v>109</v>
      </c>
      <c r="D66638" s="14" t="s">
        <v>353</v>
      </c>
      <c r="E66638" s="15">
        <v>45584</v>
      </c>
      <c r="F66638" s="14" t="s">
        <v>25</v>
      </c>
      <c r="G66638" s="16">
        <v>0</v>
      </c>
    </row>
    <row r="66639" spans="1:7" x14ac:dyDescent="0.3">
      <c r="A66639" s="13" t="s">
        <v>352</v>
      </c>
      <c r="B66639" s="14" t="s">
        <v>1</v>
      </c>
      <c r="C66639" s="14" t="s">
        <v>109</v>
      </c>
      <c r="D66639" s="14" t="s">
        <v>353</v>
      </c>
      <c r="E66639" s="15">
        <v>45585</v>
      </c>
      <c r="F66639" s="14" t="s">
        <v>25</v>
      </c>
      <c r="G66639" s="16">
        <v>0</v>
      </c>
    </row>
    <row r="66640" spans="1:7" x14ac:dyDescent="0.3">
      <c r="A66640" s="13" t="s">
        <v>352</v>
      </c>
      <c r="B66640" s="14" t="s">
        <v>1</v>
      </c>
      <c r="C66640" s="14" t="s">
        <v>109</v>
      </c>
      <c r="D66640" s="14" t="s">
        <v>353</v>
      </c>
      <c r="E66640" s="15">
        <v>45586</v>
      </c>
      <c r="F66640" s="14" t="s">
        <v>25</v>
      </c>
      <c r="G66640" s="16">
        <v>0</v>
      </c>
    </row>
    <row r="66641" spans="1:7" x14ac:dyDescent="0.3">
      <c r="A66641" s="13" t="s">
        <v>352</v>
      </c>
      <c r="B66641" s="14" t="s">
        <v>1</v>
      </c>
      <c r="C66641" s="14" t="s">
        <v>109</v>
      </c>
      <c r="D66641" s="14" t="s">
        <v>353</v>
      </c>
      <c r="E66641" s="15">
        <v>45587</v>
      </c>
      <c r="F66641" s="14" t="s">
        <v>25</v>
      </c>
      <c r="G66641" s="16">
        <v>0</v>
      </c>
    </row>
    <row r="66642" spans="1:7" x14ac:dyDescent="0.3">
      <c r="A66642" s="13" t="s">
        <v>352</v>
      </c>
      <c r="B66642" s="14" t="s">
        <v>1</v>
      </c>
      <c r="C66642" s="14" t="s">
        <v>109</v>
      </c>
      <c r="D66642" s="14" t="s">
        <v>353</v>
      </c>
      <c r="E66642" s="15">
        <v>45588</v>
      </c>
      <c r="F66642" s="14" t="s">
        <v>25</v>
      </c>
      <c r="G66642" s="16">
        <v>0</v>
      </c>
    </row>
    <row r="66643" spans="1:7" x14ac:dyDescent="0.3">
      <c r="A66643" s="13" t="s">
        <v>352</v>
      </c>
      <c r="B66643" s="14" t="s">
        <v>1</v>
      </c>
      <c r="C66643" s="14" t="s">
        <v>109</v>
      </c>
      <c r="D66643" s="14" t="s">
        <v>353</v>
      </c>
      <c r="E66643" s="15">
        <v>45589</v>
      </c>
      <c r="F66643" s="14" t="s">
        <v>25</v>
      </c>
      <c r="G66643" s="16">
        <v>0</v>
      </c>
    </row>
    <row r="66644" spans="1:7" x14ac:dyDescent="0.3">
      <c r="A66644" s="13" t="s">
        <v>352</v>
      </c>
      <c r="B66644" s="14" t="s">
        <v>1</v>
      </c>
      <c r="C66644" s="14" t="s">
        <v>109</v>
      </c>
      <c r="D66644" s="14" t="s">
        <v>353</v>
      </c>
      <c r="E66644" s="15">
        <v>45590</v>
      </c>
      <c r="F66644" s="14" t="s">
        <v>25</v>
      </c>
      <c r="G66644" s="16">
        <v>0</v>
      </c>
    </row>
    <row r="66645" spans="1:7" x14ac:dyDescent="0.3">
      <c r="A66645" s="13" t="s">
        <v>352</v>
      </c>
      <c r="B66645" s="14" t="s">
        <v>1</v>
      </c>
      <c r="C66645" s="14" t="s">
        <v>109</v>
      </c>
      <c r="D66645" s="14" t="s">
        <v>353</v>
      </c>
      <c r="E66645" s="15">
        <v>45591</v>
      </c>
      <c r="F66645" s="14" t="s">
        <v>25</v>
      </c>
      <c r="G66645" s="16">
        <v>0</v>
      </c>
    </row>
    <row r="66646" spans="1:7" x14ac:dyDescent="0.3">
      <c r="A66646" s="13" t="s">
        <v>352</v>
      </c>
      <c r="B66646" s="14" t="s">
        <v>1</v>
      </c>
      <c r="C66646" s="14" t="s">
        <v>109</v>
      </c>
      <c r="D66646" s="14" t="s">
        <v>353</v>
      </c>
      <c r="E66646" s="15">
        <v>45592</v>
      </c>
      <c r="F66646" s="14" t="s">
        <v>25</v>
      </c>
      <c r="G66646" s="16">
        <v>0</v>
      </c>
    </row>
    <row r="66647" spans="1:7" x14ac:dyDescent="0.3">
      <c r="A66647" s="13" t="s">
        <v>352</v>
      </c>
      <c r="B66647" s="14" t="s">
        <v>1</v>
      </c>
      <c r="C66647" s="14" t="s">
        <v>109</v>
      </c>
      <c r="D66647" s="14" t="s">
        <v>353</v>
      </c>
      <c r="E66647" s="15">
        <v>45593</v>
      </c>
      <c r="F66647" s="14" t="s">
        <v>25</v>
      </c>
      <c r="G66647" s="16">
        <v>0</v>
      </c>
    </row>
    <row r="66648" spans="1:7" x14ac:dyDescent="0.3">
      <c r="A66648" s="13" t="s">
        <v>352</v>
      </c>
      <c r="B66648" s="14" t="s">
        <v>1</v>
      </c>
      <c r="C66648" s="14" t="s">
        <v>109</v>
      </c>
      <c r="D66648" s="14" t="s">
        <v>353</v>
      </c>
      <c r="E66648" s="15">
        <v>45594</v>
      </c>
      <c r="F66648" s="14" t="s">
        <v>25</v>
      </c>
      <c r="G66648" s="16">
        <v>0</v>
      </c>
    </row>
    <row r="66649" spans="1:7" x14ac:dyDescent="0.3">
      <c r="A66649" s="13" t="s">
        <v>352</v>
      </c>
      <c r="B66649" s="14" t="s">
        <v>1</v>
      </c>
      <c r="C66649" s="14" t="s">
        <v>109</v>
      </c>
      <c r="D66649" s="14" t="s">
        <v>353</v>
      </c>
      <c r="E66649" s="15">
        <v>45595</v>
      </c>
      <c r="F66649" s="14" t="s">
        <v>25</v>
      </c>
      <c r="G66649" s="16">
        <v>0</v>
      </c>
    </row>
    <row r="66650" spans="1:7" x14ac:dyDescent="0.3">
      <c r="A66650" s="13" t="s">
        <v>352</v>
      </c>
      <c r="B66650" s="14" t="s">
        <v>1</v>
      </c>
      <c r="C66650" s="14" t="s">
        <v>109</v>
      </c>
      <c r="D66650" s="14" t="s">
        <v>353</v>
      </c>
      <c r="E66650" s="15">
        <v>45596</v>
      </c>
      <c r="F66650" s="14" t="s">
        <v>25</v>
      </c>
      <c r="G66650" s="16">
        <v>0</v>
      </c>
    </row>
    <row r="66651" spans="1:7" x14ac:dyDescent="0.3">
      <c r="A66651" s="13" t="s">
        <v>352</v>
      </c>
      <c r="B66651" s="14" t="s">
        <v>1</v>
      </c>
      <c r="C66651" s="14" t="s">
        <v>109</v>
      </c>
      <c r="D66651" s="14" t="s">
        <v>353</v>
      </c>
      <c r="E66651" s="15">
        <v>45597</v>
      </c>
      <c r="F66651" s="14" t="s">
        <v>25</v>
      </c>
      <c r="G66651" s="16">
        <v>0</v>
      </c>
    </row>
    <row r="66652" spans="1:7" x14ac:dyDescent="0.3">
      <c r="A66652" s="13" t="s">
        <v>352</v>
      </c>
      <c r="B66652" s="14" t="s">
        <v>1</v>
      </c>
      <c r="C66652" s="14" t="s">
        <v>109</v>
      </c>
      <c r="D66652" s="14" t="s">
        <v>353</v>
      </c>
      <c r="E66652" s="15">
        <v>45598</v>
      </c>
      <c r="F66652" s="14" t="s">
        <v>25</v>
      </c>
      <c r="G66652" s="16">
        <v>0</v>
      </c>
    </row>
    <row r="66653" spans="1:7" x14ac:dyDescent="0.3">
      <c r="A66653" s="13" t="s">
        <v>352</v>
      </c>
      <c r="B66653" s="14" t="s">
        <v>1</v>
      </c>
      <c r="C66653" s="14" t="s">
        <v>109</v>
      </c>
      <c r="D66653" s="14" t="s">
        <v>353</v>
      </c>
      <c r="E66653" s="15">
        <v>45599</v>
      </c>
      <c r="F66653" s="14" t="s">
        <v>25</v>
      </c>
      <c r="G66653" s="16">
        <v>0</v>
      </c>
    </row>
    <row r="66654" spans="1:7" x14ac:dyDescent="0.3">
      <c r="A66654" s="13" t="s">
        <v>352</v>
      </c>
      <c r="B66654" s="14" t="s">
        <v>1</v>
      </c>
      <c r="C66654" s="14" t="s">
        <v>109</v>
      </c>
      <c r="D66654" s="14" t="s">
        <v>353</v>
      </c>
      <c r="E66654" s="15">
        <v>45600</v>
      </c>
      <c r="F66654" s="14" t="s">
        <v>25</v>
      </c>
      <c r="G66654" s="16">
        <v>0</v>
      </c>
    </row>
    <row r="66655" spans="1:7" x14ac:dyDescent="0.3">
      <c r="A66655" s="13" t="s">
        <v>352</v>
      </c>
      <c r="B66655" s="14" t="s">
        <v>1</v>
      </c>
      <c r="C66655" s="14" t="s">
        <v>109</v>
      </c>
      <c r="D66655" s="14" t="s">
        <v>353</v>
      </c>
      <c r="E66655" s="15">
        <v>45601</v>
      </c>
      <c r="F66655" s="14" t="s">
        <v>25</v>
      </c>
      <c r="G66655" s="16">
        <v>0</v>
      </c>
    </row>
    <row r="66656" spans="1:7" x14ac:dyDescent="0.3">
      <c r="A66656" s="13" t="s">
        <v>352</v>
      </c>
      <c r="B66656" s="14" t="s">
        <v>1</v>
      </c>
      <c r="C66656" s="14" t="s">
        <v>109</v>
      </c>
      <c r="D66656" s="14" t="s">
        <v>353</v>
      </c>
      <c r="E66656" s="15">
        <v>45602</v>
      </c>
      <c r="F66656" s="14" t="s">
        <v>25</v>
      </c>
      <c r="G66656" s="16">
        <v>0</v>
      </c>
    </row>
    <row r="66657" spans="1:7" x14ac:dyDescent="0.3">
      <c r="A66657" s="13" t="s">
        <v>352</v>
      </c>
      <c r="B66657" s="14" t="s">
        <v>1</v>
      </c>
      <c r="C66657" s="14" t="s">
        <v>109</v>
      </c>
      <c r="D66657" s="14" t="s">
        <v>353</v>
      </c>
      <c r="E66657" s="15">
        <v>45603</v>
      </c>
      <c r="F66657" s="14" t="s">
        <v>25</v>
      </c>
      <c r="G66657" s="16">
        <v>0</v>
      </c>
    </row>
    <row r="66658" spans="1:7" x14ac:dyDescent="0.3">
      <c r="A66658" s="13" t="s">
        <v>352</v>
      </c>
      <c r="B66658" s="14" t="s">
        <v>1</v>
      </c>
      <c r="C66658" s="14" t="s">
        <v>109</v>
      </c>
      <c r="D66658" s="14" t="s">
        <v>353</v>
      </c>
      <c r="E66658" s="15">
        <v>45604</v>
      </c>
      <c r="F66658" s="14" t="s">
        <v>25</v>
      </c>
      <c r="G66658" s="16">
        <v>0</v>
      </c>
    </row>
    <row r="66659" spans="1:7" x14ac:dyDescent="0.3">
      <c r="A66659" s="13" t="s">
        <v>352</v>
      </c>
      <c r="B66659" s="14" t="s">
        <v>1</v>
      </c>
      <c r="C66659" s="14" t="s">
        <v>109</v>
      </c>
      <c r="D66659" s="14" t="s">
        <v>353</v>
      </c>
      <c r="E66659" s="15">
        <v>45605</v>
      </c>
      <c r="F66659" s="14" t="s">
        <v>25</v>
      </c>
      <c r="G66659" s="16">
        <v>0</v>
      </c>
    </row>
    <row r="66660" spans="1:7" x14ac:dyDescent="0.3">
      <c r="A66660" s="13" t="s">
        <v>352</v>
      </c>
      <c r="B66660" s="14" t="s">
        <v>1</v>
      </c>
      <c r="C66660" s="14" t="s">
        <v>109</v>
      </c>
      <c r="D66660" s="14" t="s">
        <v>353</v>
      </c>
      <c r="E66660" s="15">
        <v>45606</v>
      </c>
      <c r="F66660" s="14" t="s">
        <v>25</v>
      </c>
      <c r="G66660" s="16">
        <v>0</v>
      </c>
    </row>
    <row r="66661" spans="1:7" x14ac:dyDescent="0.3">
      <c r="A66661" s="13" t="s">
        <v>352</v>
      </c>
      <c r="B66661" s="14" t="s">
        <v>1</v>
      </c>
      <c r="C66661" s="14" t="s">
        <v>109</v>
      </c>
      <c r="D66661" s="14" t="s">
        <v>353</v>
      </c>
      <c r="E66661" s="15">
        <v>45607</v>
      </c>
      <c r="F66661" s="14" t="s">
        <v>25</v>
      </c>
      <c r="G66661" s="16">
        <v>0</v>
      </c>
    </row>
    <row r="66662" spans="1:7" x14ac:dyDescent="0.3">
      <c r="A66662" s="13" t="s">
        <v>352</v>
      </c>
      <c r="B66662" s="14" t="s">
        <v>1</v>
      </c>
      <c r="C66662" s="14" t="s">
        <v>109</v>
      </c>
      <c r="D66662" s="14" t="s">
        <v>353</v>
      </c>
      <c r="E66662" s="15">
        <v>45608</v>
      </c>
      <c r="F66662" s="14" t="s">
        <v>25</v>
      </c>
      <c r="G66662" s="16">
        <v>0</v>
      </c>
    </row>
    <row r="66663" spans="1:7" x14ac:dyDescent="0.3">
      <c r="A66663" s="13" t="s">
        <v>352</v>
      </c>
      <c r="B66663" s="14" t="s">
        <v>1</v>
      </c>
      <c r="C66663" s="14" t="s">
        <v>109</v>
      </c>
      <c r="D66663" s="14" t="s">
        <v>353</v>
      </c>
      <c r="E66663" s="15">
        <v>45609</v>
      </c>
      <c r="F66663" s="14" t="s">
        <v>25</v>
      </c>
      <c r="G66663" s="16">
        <v>0</v>
      </c>
    </row>
    <row r="66664" spans="1:7" x14ac:dyDescent="0.3">
      <c r="A66664" s="13" t="s">
        <v>352</v>
      </c>
      <c r="B66664" s="14" t="s">
        <v>1</v>
      </c>
      <c r="C66664" s="14" t="s">
        <v>109</v>
      </c>
      <c r="D66664" s="14" t="s">
        <v>353</v>
      </c>
      <c r="E66664" s="15">
        <v>45610</v>
      </c>
      <c r="F66664" s="14" t="s">
        <v>25</v>
      </c>
      <c r="G66664" s="16">
        <v>0</v>
      </c>
    </row>
    <row r="66665" spans="1:7" x14ac:dyDescent="0.3">
      <c r="A66665" s="13" t="s">
        <v>352</v>
      </c>
      <c r="B66665" s="14" t="s">
        <v>1</v>
      </c>
      <c r="C66665" s="14" t="s">
        <v>109</v>
      </c>
      <c r="D66665" s="14" t="s">
        <v>353</v>
      </c>
      <c r="E66665" s="15">
        <v>45611</v>
      </c>
      <c r="F66665" s="14" t="s">
        <v>25</v>
      </c>
      <c r="G66665" s="16">
        <v>0</v>
      </c>
    </row>
    <row r="66666" spans="1:7" x14ac:dyDescent="0.3">
      <c r="A66666" s="13" t="s">
        <v>352</v>
      </c>
      <c r="B66666" s="14" t="s">
        <v>1</v>
      </c>
      <c r="C66666" s="14" t="s">
        <v>109</v>
      </c>
      <c r="D66666" s="14" t="s">
        <v>353</v>
      </c>
      <c r="E66666" s="15">
        <v>45612</v>
      </c>
      <c r="F66666" s="14" t="s">
        <v>25</v>
      </c>
      <c r="G66666" s="16">
        <v>0</v>
      </c>
    </row>
    <row r="66667" spans="1:7" x14ac:dyDescent="0.3">
      <c r="A66667" s="13" t="s">
        <v>352</v>
      </c>
      <c r="B66667" s="14" t="s">
        <v>1</v>
      </c>
      <c r="C66667" s="14" t="s">
        <v>109</v>
      </c>
      <c r="D66667" s="14" t="s">
        <v>353</v>
      </c>
      <c r="E66667" s="15">
        <v>45613</v>
      </c>
      <c r="F66667" s="14" t="s">
        <v>25</v>
      </c>
      <c r="G66667" s="16">
        <v>0</v>
      </c>
    </row>
    <row r="66668" spans="1:7" x14ac:dyDescent="0.3">
      <c r="A66668" s="13" t="s">
        <v>352</v>
      </c>
      <c r="B66668" s="14" t="s">
        <v>1</v>
      </c>
      <c r="C66668" s="14" t="s">
        <v>109</v>
      </c>
      <c r="D66668" s="14" t="s">
        <v>353</v>
      </c>
      <c r="E66668" s="15">
        <v>45614</v>
      </c>
      <c r="F66668" s="14" t="s">
        <v>25</v>
      </c>
      <c r="G66668" s="16">
        <v>0</v>
      </c>
    </row>
    <row r="66669" spans="1:7" x14ac:dyDescent="0.3">
      <c r="A66669" s="13" t="s">
        <v>352</v>
      </c>
      <c r="B66669" s="14" t="s">
        <v>1</v>
      </c>
      <c r="C66669" s="14" t="s">
        <v>109</v>
      </c>
      <c r="D66669" s="14" t="s">
        <v>353</v>
      </c>
      <c r="E66669" s="15">
        <v>45615</v>
      </c>
      <c r="F66669" s="14" t="s">
        <v>25</v>
      </c>
      <c r="G66669" s="16">
        <v>0</v>
      </c>
    </row>
    <row r="66670" spans="1:7" x14ac:dyDescent="0.3">
      <c r="A66670" s="13" t="s">
        <v>352</v>
      </c>
      <c r="B66670" s="14" t="s">
        <v>1</v>
      </c>
      <c r="C66670" s="14" t="s">
        <v>109</v>
      </c>
      <c r="D66670" s="14" t="s">
        <v>353</v>
      </c>
      <c r="E66670" s="15">
        <v>45616</v>
      </c>
      <c r="F66670" s="14" t="s">
        <v>25</v>
      </c>
      <c r="G66670" s="16">
        <v>0</v>
      </c>
    </row>
    <row r="66671" spans="1:7" x14ac:dyDescent="0.3">
      <c r="A66671" s="13" t="s">
        <v>352</v>
      </c>
      <c r="B66671" s="14" t="s">
        <v>1</v>
      </c>
      <c r="C66671" s="14" t="s">
        <v>109</v>
      </c>
      <c r="D66671" s="14" t="s">
        <v>353</v>
      </c>
      <c r="E66671" s="15">
        <v>45617</v>
      </c>
      <c r="F66671" s="14" t="s">
        <v>25</v>
      </c>
      <c r="G66671" s="16">
        <v>0</v>
      </c>
    </row>
    <row r="66672" spans="1:7" x14ac:dyDescent="0.3">
      <c r="A66672" s="13" t="s">
        <v>352</v>
      </c>
      <c r="B66672" s="14" t="s">
        <v>1</v>
      </c>
      <c r="C66672" s="14" t="s">
        <v>109</v>
      </c>
      <c r="D66672" s="14" t="s">
        <v>353</v>
      </c>
      <c r="E66672" s="15">
        <v>45618</v>
      </c>
      <c r="F66672" s="14" t="s">
        <v>25</v>
      </c>
      <c r="G66672" s="16">
        <v>0</v>
      </c>
    </row>
    <row r="66673" spans="1:7" x14ac:dyDescent="0.3">
      <c r="A66673" s="13" t="s">
        <v>352</v>
      </c>
      <c r="B66673" s="14" t="s">
        <v>1</v>
      </c>
      <c r="C66673" s="14" t="s">
        <v>109</v>
      </c>
      <c r="D66673" s="14" t="s">
        <v>353</v>
      </c>
      <c r="E66673" s="15">
        <v>45619</v>
      </c>
      <c r="F66673" s="14" t="s">
        <v>25</v>
      </c>
      <c r="G66673" s="16">
        <v>0</v>
      </c>
    </row>
    <row r="66674" spans="1:7" x14ac:dyDescent="0.3">
      <c r="A66674" s="13" t="s">
        <v>352</v>
      </c>
      <c r="B66674" s="14" t="s">
        <v>1</v>
      </c>
      <c r="C66674" s="14" t="s">
        <v>109</v>
      </c>
      <c r="D66674" s="14" t="s">
        <v>353</v>
      </c>
      <c r="E66674" s="15">
        <v>45620</v>
      </c>
      <c r="F66674" s="14" t="s">
        <v>25</v>
      </c>
      <c r="G66674" s="16">
        <v>0</v>
      </c>
    </row>
    <row r="66675" spans="1:7" x14ac:dyDescent="0.3">
      <c r="A66675" s="13" t="s">
        <v>352</v>
      </c>
      <c r="B66675" s="14" t="s">
        <v>1</v>
      </c>
      <c r="C66675" s="14" t="s">
        <v>109</v>
      </c>
      <c r="D66675" s="14" t="s">
        <v>353</v>
      </c>
      <c r="E66675" s="15">
        <v>45621</v>
      </c>
      <c r="F66675" s="14" t="s">
        <v>25</v>
      </c>
      <c r="G66675" s="16">
        <v>0</v>
      </c>
    </row>
    <row r="66676" spans="1:7" x14ac:dyDescent="0.3">
      <c r="A66676" s="13" t="s">
        <v>352</v>
      </c>
      <c r="B66676" s="14" t="s">
        <v>1</v>
      </c>
      <c r="C66676" s="14" t="s">
        <v>109</v>
      </c>
      <c r="D66676" s="14" t="s">
        <v>353</v>
      </c>
      <c r="E66676" s="15">
        <v>45622</v>
      </c>
      <c r="F66676" s="14" t="s">
        <v>25</v>
      </c>
      <c r="G66676" s="16">
        <v>0</v>
      </c>
    </row>
    <row r="66677" spans="1:7" x14ac:dyDescent="0.3">
      <c r="A66677" s="13" t="s">
        <v>352</v>
      </c>
      <c r="B66677" s="14" t="s">
        <v>1</v>
      </c>
      <c r="C66677" s="14" t="s">
        <v>109</v>
      </c>
      <c r="D66677" s="14" t="s">
        <v>353</v>
      </c>
      <c r="E66677" s="15">
        <v>45623</v>
      </c>
      <c r="F66677" s="14" t="s">
        <v>25</v>
      </c>
      <c r="G66677" s="16">
        <v>0</v>
      </c>
    </row>
    <row r="66678" spans="1:7" x14ac:dyDescent="0.3">
      <c r="A66678" s="13" t="s">
        <v>352</v>
      </c>
      <c r="B66678" s="14" t="s">
        <v>1</v>
      </c>
      <c r="C66678" s="14" t="s">
        <v>109</v>
      </c>
      <c r="D66678" s="14" t="s">
        <v>353</v>
      </c>
      <c r="E66678" s="15">
        <v>45624</v>
      </c>
      <c r="F66678" s="14" t="s">
        <v>25</v>
      </c>
      <c r="G66678" s="16">
        <v>0</v>
      </c>
    </row>
    <row r="66679" spans="1:7" x14ac:dyDescent="0.3">
      <c r="A66679" s="13" t="s">
        <v>352</v>
      </c>
      <c r="B66679" s="14" t="s">
        <v>1</v>
      </c>
      <c r="C66679" s="14" t="s">
        <v>109</v>
      </c>
      <c r="D66679" s="14" t="s">
        <v>353</v>
      </c>
      <c r="E66679" s="15">
        <v>45625</v>
      </c>
      <c r="F66679" s="14" t="s">
        <v>25</v>
      </c>
      <c r="G66679" s="16">
        <v>0</v>
      </c>
    </row>
    <row r="66680" spans="1:7" x14ac:dyDescent="0.3">
      <c r="A66680" s="13" t="s">
        <v>352</v>
      </c>
      <c r="B66680" s="14" t="s">
        <v>1</v>
      </c>
      <c r="C66680" s="14" t="s">
        <v>109</v>
      </c>
      <c r="D66680" s="14" t="s">
        <v>353</v>
      </c>
      <c r="E66680" s="15">
        <v>45626</v>
      </c>
      <c r="F66680" s="14" t="s">
        <v>25</v>
      </c>
      <c r="G66680" s="16">
        <v>0</v>
      </c>
    </row>
    <row r="66681" spans="1:7" x14ac:dyDescent="0.3">
      <c r="A66681" s="13" t="s">
        <v>352</v>
      </c>
      <c r="B66681" s="14" t="s">
        <v>1</v>
      </c>
      <c r="C66681" s="14" t="s">
        <v>109</v>
      </c>
      <c r="D66681" s="14" t="s">
        <v>353</v>
      </c>
      <c r="E66681" s="15">
        <v>45627</v>
      </c>
      <c r="F66681" s="14" t="s">
        <v>25</v>
      </c>
      <c r="G66681" s="16">
        <v>0</v>
      </c>
    </row>
    <row r="66682" spans="1:7" x14ac:dyDescent="0.3">
      <c r="A66682" s="13" t="s">
        <v>352</v>
      </c>
      <c r="B66682" s="14" t="s">
        <v>1</v>
      </c>
      <c r="C66682" s="14" t="s">
        <v>109</v>
      </c>
      <c r="D66682" s="14" t="s">
        <v>353</v>
      </c>
      <c r="E66682" s="15">
        <v>45628</v>
      </c>
      <c r="F66682" s="14" t="s">
        <v>25</v>
      </c>
      <c r="G66682" s="16">
        <v>0</v>
      </c>
    </row>
    <row r="66683" spans="1:7" x14ac:dyDescent="0.3">
      <c r="A66683" s="13" t="s">
        <v>352</v>
      </c>
      <c r="B66683" s="14" t="s">
        <v>1</v>
      </c>
      <c r="C66683" s="14" t="s">
        <v>109</v>
      </c>
      <c r="D66683" s="14" t="s">
        <v>353</v>
      </c>
      <c r="E66683" s="15">
        <v>45629</v>
      </c>
      <c r="F66683" s="14" t="s">
        <v>25</v>
      </c>
      <c r="G66683" s="16">
        <v>0</v>
      </c>
    </row>
    <row r="66684" spans="1:7" x14ac:dyDescent="0.3">
      <c r="A66684" s="13" t="s">
        <v>352</v>
      </c>
      <c r="B66684" s="14" t="s">
        <v>1</v>
      </c>
      <c r="C66684" s="14" t="s">
        <v>109</v>
      </c>
      <c r="D66684" s="14" t="s">
        <v>353</v>
      </c>
      <c r="E66684" s="15">
        <v>45630</v>
      </c>
      <c r="F66684" s="14" t="s">
        <v>25</v>
      </c>
      <c r="G66684" s="16">
        <v>0</v>
      </c>
    </row>
    <row r="66685" spans="1:7" x14ac:dyDescent="0.3">
      <c r="A66685" s="13" t="s">
        <v>352</v>
      </c>
      <c r="B66685" s="14" t="s">
        <v>1</v>
      </c>
      <c r="C66685" s="14" t="s">
        <v>109</v>
      </c>
      <c r="D66685" s="14" t="s">
        <v>353</v>
      </c>
      <c r="E66685" s="15">
        <v>45631</v>
      </c>
      <c r="F66685" s="14" t="s">
        <v>25</v>
      </c>
      <c r="G66685" s="16">
        <v>0</v>
      </c>
    </row>
    <row r="66686" spans="1:7" x14ac:dyDescent="0.3">
      <c r="A66686" s="13" t="s">
        <v>352</v>
      </c>
      <c r="B66686" s="14" t="s">
        <v>1</v>
      </c>
      <c r="C66686" s="14" t="s">
        <v>109</v>
      </c>
      <c r="D66686" s="14" t="s">
        <v>353</v>
      </c>
      <c r="E66686" s="15">
        <v>45632</v>
      </c>
      <c r="F66686" s="14" t="s">
        <v>25</v>
      </c>
      <c r="G66686" s="16">
        <v>0</v>
      </c>
    </row>
    <row r="66687" spans="1:7" x14ac:dyDescent="0.3">
      <c r="A66687" s="13" t="s">
        <v>352</v>
      </c>
      <c r="B66687" s="14" t="s">
        <v>1</v>
      </c>
      <c r="C66687" s="14" t="s">
        <v>109</v>
      </c>
      <c r="D66687" s="14" t="s">
        <v>353</v>
      </c>
      <c r="E66687" s="15">
        <v>45633</v>
      </c>
      <c r="F66687" s="14" t="s">
        <v>25</v>
      </c>
      <c r="G66687" s="16">
        <v>0</v>
      </c>
    </row>
    <row r="66688" spans="1:7" x14ac:dyDescent="0.3">
      <c r="A66688" s="13" t="s">
        <v>352</v>
      </c>
      <c r="B66688" s="14" t="s">
        <v>1</v>
      </c>
      <c r="C66688" s="14" t="s">
        <v>109</v>
      </c>
      <c r="D66688" s="14" t="s">
        <v>353</v>
      </c>
      <c r="E66688" s="15">
        <v>45634</v>
      </c>
      <c r="F66688" s="14" t="s">
        <v>25</v>
      </c>
      <c r="G66688" s="16">
        <v>0</v>
      </c>
    </row>
    <row r="66689" spans="1:7" x14ac:dyDescent="0.3">
      <c r="A66689" s="13" t="s">
        <v>352</v>
      </c>
      <c r="B66689" s="14" t="s">
        <v>1</v>
      </c>
      <c r="C66689" s="14" t="s">
        <v>109</v>
      </c>
      <c r="D66689" s="14" t="s">
        <v>353</v>
      </c>
      <c r="E66689" s="15">
        <v>45635</v>
      </c>
      <c r="F66689" s="14" t="s">
        <v>25</v>
      </c>
      <c r="G66689" s="16">
        <v>0</v>
      </c>
    </row>
    <row r="66690" spans="1:7" x14ac:dyDescent="0.3">
      <c r="A66690" s="13" t="s">
        <v>352</v>
      </c>
      <c r="B66690" s="14" t="s">
        <v>1</v>
      </c>
      <c r="C66690" s="14" t="s">
        <v>109</v>
      </c>
      <c r="D66690" s="14" t="s">
        <v>353</v>
      </c>
      <c r="E66690" s="15">
        <v>45636</v>
      </c>
      <c r="F66690" s="14" t="s">
        <v>25</v>
      </c>
      <c r="G66690" s="16">
        <v>0</v>
      </c>
    </row>
    <row r="66691" spans="1:7" x14ac:dyDescent="0.3">
      <c r="A66691" s="13" t="s">
        <v>352</v>
      </c>
      <c r="B66691" s="14" t="s">
        <v>1</v>
      </c>
      <c r="C66691" s="14" t="s">
        <v>109</v>
      </c>
      <c r="D66691" s="14" t="s">
        <v>353</v>
      </c>
      <c r="E66691" s="15">
        <v>45637</v>
      </c>
      <c r="F66691" s="14" t="s">
        <v>25</v>
      </c>
      <c r="G66691" s="16">
        <v>0</v>
      </c>
    </row>
    <row r="66692" spans="1:7" x14ac:dyDescent="0.3">
      <c r="A66692" s="13" t="s">
        <v>352</v>
      </c>
      <c r="B66692" s="14" t="s">
        <v>1</v>
      </c>
      <c r="C66692" s="14" t="s">
        <v>109</v>
      </c>
      <c r="D66692" s="14" t="s">
        <v>353</v>
      </c>
      <c r="E66692" s="15">
        <v>45638</v>
      </c>
      <c r="F66692" s="14" t="s">
        <v>25</v>
      </c>
      <c r="G66692" s="16">
        <v>0</v>
      </c>
    </row>
    <row r="66693" spans="1:7" x14ac:dyDescent="0.3">
      <c r="A66693" s="13" t="s">
        <v>352</v>
      </c>
      <c r="B66693" s="14" t="s">
        <v>1</v>
      </c>
      <c r="C66693" s="14" t="s">
        <v>109</v>
      </c>
      <c r="D66693" s="14" t="s">
        <v>353</v>
      </c>
      <c r="E66693" s="15">
        <v>45639</v>
      </c>
      <c r="F66693" s="14" t="s">
        <v>25</v>
      </c>
      <c r="G66693" s="16">
        <v>0</v>
      </c>
    </row>
    <row r="66694" spans="1:7" x14ac:dyDescent="0.3">
      <c r="A66694" s="13" t="s">
        <v>352</v>
      </c>
      <c r="B66694" s="14" t="s">
        <v>1</v>
      </c>
      <c r="C66694" s="14" t="s">
        <v>109</v>
      </c>
      <c r="D66694" s="14" t="s">
        <v>353</v>
      </c>
      <c r="E66694" s="15">
        <v>45640</v>
      </c>
      <c r="F66694" s="14" t="s">
        <v>25</v>
      </c>
      <c r="G66694" s="16">
        <v>0</v>
      </c>
    </row>
    <row r="66695" spans="1:7" x14ac:dyDescent="0.3">
      <c r="A66695" s="13" t="s">
        <v>352</v>
      </c>
      <c r="B66695" s="14" t="s">
        <v>1</v>
      </c>
      <c r="C66695" s="14" t="s">
        <v>109</v>
      </c>
      <c r="D66695" s="14" t="s">
        <v>353</v>
      </c>
      <c r="E66695" s="15">
        <v>45641</v>
      </c>
      <c r="F66695" s="14" t="s">
        <v>25</v>
      </c>
      <c r="G66695" s="16">
        <v>0</v>
      </c>
    </row>
    <row r="66696" spans="1:7" x14ac:dyDescent="0.3">
      <c r="A66696" s="13" t="s">
        <v>352</v>
      </c>
      <c r="B66696" s="14" t="s">
        <v>1</v>
      </c>
      <c r="C66696" s="14" t="s">
        <v>109</v>
      </c>
      <c r="D66696" s="14" t="s">
        <v>353</v>
      </c>
      <c r="E66696" s="15">
        <v>45642</v>
      </c>
      <c r="F66696" s="14" t="s">
        <v>25</v>
      </c>
      <c r="G66696" s="16">
        <v>0</v>
      </c>
    </row>
    <row r="66697" spans="1:7" x14ac:dyDescent="0.3">
      <c r="A66697" s="13" t="s">
        <v>352</v>
      </c>
      <c r="B66697" s="14" t="s">
        <v>1</v>
      </c>
      <c r="C66697" s="14" t="s">
        <v>109</v>
      </c>
      <c r="D66697" s="14" t="s">
        <v>353</v>
      </c>
      <c r="E66697" s="15">
        <v>45643</v>
      </c>
      <c r="F66697" s="14" t="s">
        <v>25</v>
      </c>
      <c r="G66697" s="16">
        <v>0</v>
      </c>
    </row>
    <row r="66698" spans="1:7" x14ac:dyDescent="0.3">
      <c r="A66698" s="13" t="s">
        <v>352</v>
      </c>
      <c r="B66698" s="14" t="s">
        <v>1</v>
      </c>
      <c r="C66698" s="14" t="s">
        <v>109</v>
      </c>
      <c r="D66698" s="14" t="s">
        <v>353</v>
      </c>
      <c r="E66698" s="15">
        <v>45644</v>
      </c>
      <c r="F66698" s="14" t="s">
        <v>25</v>
      </c>
      <c r="G66698" s="16">
        <v>0</v>
      </c>
    </row>
    <row r="66699" spans="1:7" x14ac:dyDescent="0.3">
      <c r="A66699" s="13" t="s">
        <v>352</v>
      </c>
      <c r="B66699" s="14" t="s">
        <v>1</v>
      </c>
      <c r="C66699" s="14" t="s">
        <v>109</v>
      </c>
      <c r="D66699" s="14" t="s">
        <v>353</v>
      </c>
      <c r="E66699" s="15">
        <v>45645</v>
      </c>
      <c r="F66699" s="14" t="s">
        <v>25</v>
      </c>
      <c r="G66699" s="16">
        <v>0</v>
      </c>
    </row>
    <row r="66700" spans="1:7" x14ac:dyDescent="0.3">
      <c r="A66700" s="13" t="s">
        <v>352</v>
      </c>
      <c r="B66700" s="14" t="s">
        <v>1</v>
      </c>
      <c r="C66700" s="14" t="s">
        <v>109</v>
      </c>
      <c r="D66700" s="14" t="s">
        <v>353</v>
      </c>
      <c r="E66700" s="15">
        <v>45646</v>
      </c>
      <c r="F66700" s="14" t="s">
        <v>25</v>
      </c>
      <c r="G66700" s="16">
        <v>0</v>
      </c>
    </row>
    <row r="66701" spans="1:7" x14ac:dyDescent="0.3">
      <c r="A66701" s="13" t="s">
        <v>352</v>
      </c>
      <c r="B66701" s="14" t="s">
        <v>1</v>
      </c>
      <c r="C66701" s="14" t="s">
        <v>109</v>
      </c>
      <c r="D66701" s="14" t="s">
        <v>353</v>
      </c>
      <c r="E66701" s="15">
        <v>45647</v>
      </c>
      <c r="F66701" s="14" t="s">
        <v>25</v>
      </c>
      <c r="G66701" s="16">
        <v>0</v>
      </c>
    </row>
    <row r="66702" spans="1:7" x14ac:dyDescent="0.3">
      <c r="A66702" s="13" t="s">
        <v>352</v>
      </c>
      <c r="B66702" s="14" t="s">
        <v>1</v>
      </c>
      <c r="C66702" s="14" t="s">
        <v>109</v>
      </c>
      <c r="D66702" s="14" t="s">
        <v>353</v>
      </c>
      <c r="E66702" s="15">
        <v>45648</v>
      </c>
      <c r="F66702" s="14" t="s">
        <v>25</v>
      </c>
      <c r="G66702" s="16">
        <v>0</v>
      </c>
    </row>
    <row r="66703" spans="1:7" x14ac:dyDescent="0.3">
      <c r="A66703" s="13" t="s">
        <v>352</v>
      </c>
      <c r="B66703" s="14" t="s">
        <v>1</v>
      </c>
      <c r="C66703" s="14" t="s">
        <v>109</v>
      </c>
      <c r="D66703" s="14" t="s">
        <v>353</v>
      </c>
      <c r="E66703" s="15">
        <v>45649</v>
      </c>
      <c r="F66703" s="14" t="s">
        <v>25</v>
      </c>
      <c r="G66703" s="16">
        <v>0</v>
      </c>
    </row>
    <row r="66704" spans="1:7" x14ac:dyDescent="0.3">
      <c r="A66704" s="13" t="s">
        <v>352</v>
      </c>
      <c r="B66704" s="14" t="s">
        <v>1</v>
      </c>
      <c r="C66704" s="14" t="s">
        <v>109</v>
      </c>
      <c r="D66704" s="14" t="s">
        <v>353</v>
      </c>
      <c r="E66704" s="15">
        <v>45650</v>
      </c>
      <c r="F66704" s="14" t="s">
        <v>25</v>
      </c>
      <c r="G66704" s="16">
        <v>0</v>
      </c>
    </row>
    <row r="66705" spans="1:7" x14ac:dyDescent="0.3">
      <c r="A66705" s="13" t="s">
        <v>352</v>
      </c>
      <c r="B66705" s="14" t="s">
        <v>1</v>
      </c>
      <c r="C66705" s="14" t="s">
        <v>109</v>
      </c>
      <c r="D66705" s="14" t="s">
        <v>353</v>
      </c>
      <c r="E66705" s="15">
        <v>45651</v>
      </c>
      <c r="F66705" s="14" t="s">
        <v>25</v>
      </c>
      <c r="G66705" s="16">
        <v>0</v>
      </c>
    </row>
    <row r="66706" spans="1:7" x14ac:dyDescent="0.3">
      <c r="A66706" s="13" t="s">
        <v>352</v>
      </c>
      <c r="B66706" s="14" t="s">
        <v>1</v>
      </c>
      <c r="C66706" s="14" t="s">
        <v>109</v>
      </c>
      <c r="D66706" s="14" t="s">
        <v>353</v>
      </c>
      <c r="E66706" s="15">
        <v>45652</v>
      </c>
      <c r="F66706" s="14" t="s">
        <v>25</v>
      </c>
      <c r="G66706" s="16">
        <v>0</v>
      </c>
    </row>
    <row r="66707" spans="1:7" x14ac:dyDescent="0.3">
      <c r="A66707" s="13" t="s">
        <v>352</v>
      </c>
      <c r="B66707" s="14" t="s">
        <v>1</v>
      </c>
      <c r="C66707" s="14" t="s">
        <v>109</v>
      </c>
      <c r="D66707" s="14" t="s">
        <v>353</v>
      </c>
      <c r="E66707" s="15">
        <v>45653</v>
      </c>
      <c r="F66707" s="14" t="s">
        <v>25</v>
      </c>
      <c r="G66707" s="16">
        <v>0</v>
      </c>
    </row>
    <row r="66708" spans="1:7" x14ac:dyDescent="0.3">
      <c r="A66708" s="13" t="s">
        <v>352</v>
      </c>
      <c r="B66708" s="14" t="s">
        <v>1</v>
      </c>
      <c r="C66708" s="14" t="s">
        <v>109</v>
      </c>
      <c r="D66708" s="14" t="s">
        <v>353</v>
      </c>
      <c r="E66708" s="15">
        <v>45654</v>
      </c>
      <c r="F66708" s="14" t="s">
        <v>25</v>
      </c>
      <c r="G66708" s="16">
        <v>0</v>
      </c>
    </row>
    <row r="66709" spans="1:7" x14ac:dyDescent="0.3">
      <c r="A66709" s="13" t="s">
        <v>352</v>
      </c>
      <c r="B66709" s="14" t="s">
        <v>1</v>
      </c>
      <c r="C66709" s="14" t="s">
        <v>109</v>
      </c>
      <c r="D66709" s="14" t="s">
        <v>353</v>
      </c>
      <c r="E66709" s="15">
        <v>45655</v>
      </c>
      <c r="F66709" s="14" t="s">
        <v>25</v>
      </c>
      <c r="G66709" s="16">
        <v>0</v>
      </c>
    </row>
    <row r="66710" spans="1:7" x14ac:dyDescent="0.3">
      <c r="A66710" s="13" t="s">
        <v>352</v>
      </c>
      <c r="B66710" s="14" t="s">
        <v>1</v>
      </c>
      <c r="C66710" s="14" t="s">
        <v>109</v>
      </c>
      <c r="D66710" s="14" t="s">
        <v>353</v>
      </c>
      <c r="E66710" s="15">
        <v>45656</v>
      </c>
      <c r="F66710" s="14" t="s">
        <v>25</v>
      </c>
      <c r="G66710" s="16">
        <v>0</v>
      </c>
    </row>
    <row r="66711" spans="1:7" x14ac:dyDescent="0.3">
      <c r="A66711" s="13" t="s">
        <v>352</v>
      </c>
      <c r="B66711" s="14" t="s">
        <v>1</v>
      </c>
      <c r="C66711" s="14" t="s">
        <v>109</v>
      </c>
      <c r="D66711" s="14" t="s">
        <v>353</v>
      </c>
      <c r="E66711" s="15">
        <v>45657</v>
      </c>
      <c r="F66711" s="14" t="s">
        <v>25</v>
      </c>
      <c r="G66711" s="16">
        <v>0</v>
      </c>
    </row>
    <row r="66712" spans="1:7" x14ac:dyDescent="0.3">
      <c r="A66712" s="13" t="s">
        <v>352</v>
      </c>
      <c r="B66712" s="14" t="s">
        <v>1</v>
      </c>
      <c r="C66712" s="14" t="s">
        <v>109</v>
      </c>
      <c r="D66712" s="14" t="s">
        <v>353</v>
      </c>
      <c r="E66712" s="15">
        <v>45658</v>
      </c>
      <c r="F66712" s="14" t="s">
        <v>25</v>
      </c>
      <c r="G66712" s="16">
        <v>0</v>
      </c>
    </row>
    <row r="66713" spans="1:7" x14ac:dyDescent="0.3">
      <c r="A66713" s="13" t="s">
        <v>352</v>
      </c>
      <c r="B66713" s="14" t="s">
        <v>1</v>
      </c>
      <c r="C66713" s="14" t="s">
        <v>109</v>
      </c>
      <c r="D66713" s="14" t="s">
        <v>353</v>
      </c>
      <c r="E66713" s="15">
        <v>45659</v>
      </c>
      <c r="F66713" s="14" t="s">
        <v>25</v>
      </c>
      <c r="G66713" s="16">
        <v>0</v>
      </c>
    </row>
    <row r="66714" spans="1:7" x14ac:dyDescent="0.3">
      <c r="A66714" s="13" t="s">
        <v>352</v>
      </c>
      <c r="B66714" s="14" t="s">
        <v>1</v>
      </c>
      <c r="C66714" s="14" t="s">
        <v>109</v>
      </c>
      <c r="D66714" s="14" t="s">
        <v>353</v>
      </c>
      <c r="E66714" s="15">
        <v>45660</v>
      </c>
      <c r="F66714" s="14" t="s">
        <v>25</v>
      </c>
      <c r="G66714" s="16">
        <v>0</v>
      </c>
    </row>
    <row r="66715" spans="1:7" x14ac:dyDescent="0.3">
      <c r="A66715" s="13" t="s">
        <v>352</v>
      </c>
      <c r="B66715" s="14" t="s">
        <v>1</v>
      </c>
      <c r="C66715" s="14" t="s">
        <v>109</v>
      </c>
      <c r="D66715" s="14" t="s">
        <v>353</v>
      </c>
      <c r="E66715" s="15">
        <v>45661</v>
      </c>
      <c r="F66715" s="14" t="s">
        <v>25</v>
      </c>
      <c r="G66715" s="16">
        <v>0</v>
      </c>
    </row>
    <row r="66716" spans="1:7" x14ac:dyDescent="0.3">
      <c r="A66716" s="13" t="s">
        <v>352</v>
      </c>
      <c r="B66716" s="14" t="s">
        <v>1</v>
      </c>
      <c r="C66716" s="14" t="s">
        <v>109</v>
      </c>
      <c r="D66716" s="14" t="s">
        <v>353</v>
      </c>
      <c r="E66716" s="15">
        <v>45662</v>
      </c>
      <c r="F66716" s="14" t="s">
        <v>25</v>
      </c>
      <c r="G66716" s="16">
        <v>0</v>
      </c>
    </row>
    <row r="66717" spans="1:7" x14ac:dyDescent="0.3">
      <c r="A66717" s="13" t="s">
        <v>352</v>
      </c>
      <c r="B66717" s="14" t="s">
        <v>1</v>
      </c>
      <c r="C66717" s="14" t="s">
        <v>109</v>
      </c>
      <c r="D66717" s="14" t="s">
        <v>353</v>
      </c>
      <c r="E66717" s="15">
        <v>45663</v>
      </c>
      <c r="F66717" s="14" t="s">
        <v>25</v>
      </c>
      <c r="G66717" s="16">
        <v>0</v>
      </c>
    </row>
    <row r="66718" spans="1:7" x14ac:dyDescent="0.3">
      <c r="A66718" s="13" t="s">
        <v>352</v>
      </c>
      <c r="B66718" s="14" t="s">
        <v>1</v>
      </c>
      <c r="C66718" s="14" t="s">
        <v>109</v>
      </c>
      <c r="D66718" s="14" t="s">
        <v>353</v>
      </c>
      <c r="E66718" s="15">
        <v>45664</v>
      </c>
      <c r="F66718" s="14" t="s">
        <v>25</v>
      </c>
      <c r="G66718" s="16">
        <v>0</v>
      </c>
    </row>
    <row r="66719" spans="1:7" x14ac:dyDescent="0.3">
      <c r="A66719" s="13" t="s">
        <v>352</v>
      </c>
      <c r="B66719" s="14" t="s">
        <v>1</v>
      </c>
      <c r="C66719" s="14" t="s">
        <v>109</v>
      </c>
      <c r="D66719" s="14" t="s">
        <v>353</v>
      </c>
      <c r="E66719" s="15">
        <v>45665</v>
      </c>
      <c r="F66719" s="14" t="s">
        <v>25</v>
      </c>
      <c r="G66719" s="16">
        <v>0</v>
      </c>
    </row>
    <row r="66720" spans="1:7" x14ac:dyDescent="0.3">
      <c r="A66720" s="13" t="s">
        <v>352</v>
      </c>
      <c r="B66720" s="14" t="s">
        <v>1</v>
      </c>
      <c r="C66720" s="14" t="s">
        <v>109</v>
      </c>
      <c r="D66720" s="14" t="s">
        <v>353</v>
      </c>
      <c r="E66720" s="15">
        <v>45666</v>
      </c>
      <c r="F66720" s="14" t="s">
        <v>25</v>
      </c>
      <c r="G66720" s="16">
        <v>0</v>
      </c>
    </row>
    <row r="66721" spans="1:7" x14ac:dyDescent="0.3">
      <c r="A66721" s="13" t="s">
        <v>352</v>
      </c>
      <c r="B66721" s="14" t="s">
        <v>1</v>
      </c>
      <c r="C66721" s="14" t="s">
        <v>109</v>
      </c>
      <c r="D66721" s="14" t="s">
        <v>353</v>
      </c>
      <c r="E66721" s="15">
        <v>45667</v>
      </c>
      <c r="F66721" s="14" t="s">
        <v>25</v>
      </c>
      <c r="G66721" s="16">
        <v>0</v>
      </c>
    </row>
    <row r="66722" spans="1:7" x14ac:dyDescent="0.3">
      <c r="A66722" s="13" t="s">
        <v>352</v>
      </c>
      <c r="B66722" s="14" t="s">
        <v>1</v>
      </c>
      <c r="C66722" s="14" t="s">
        <v>109</v>
      </c>
      <c r="D66722" s="14" t="s">
        <v>353</v>
      </c>
      <c r="E66722" s="15">
        <v>45668</v>
      </c>
      <c r="F66722" s="14" t="s">
        <v>25</v>
      </c>
      <c r="G66722" s="16">
        <v>0</v>
      </c>
    </row>
    <row r="66723" spans="1:7" x14ac:dyDescent="0.3">
      <c r="A66723" s="13" t="s">
        <v>352</v>
      </c>
      <c r="B66723" s="14" t="s">
        <v>1</v>
      </c>
      <c r="C66723" s="14" t="s">
        <v>109</v>
      </c>
      <c r="D66723" s="14" t="s">
        <v>353</v>
      </c>
      <c r="E66723" s="15">
        <v>45669</v>
      </c>
      <c r="F66723" s="14" t="s">
        <v>25</v>
      </c>
      <c r="G66723" s="16">
        <v>0</v>
      </c>
    </row>
    <row r="66724" spans="1:7" x14ac:dyDescent="0.3">
      <c r="A66724" s="13" t="s">
        <v>352</v>
      </c>
      <c r="B66724" s="14" t="s">
        <v>1</v>
      </c>
      <c r="C66724" s="14" t="s">
        <v>109</v>
      </c>
      <c r="D66724" s="14" t="s">
        <v>353</v>
      </c>
      <c r="E66724" s="15">
        <v>45670</v>
      </c>
      <c r="F66724" s="14" t="s">
        <v>25</v>
      </c>
      <c r="G66724" s="16">
        <v>0</v>
      </c>
    </row>
    <row r="66725" spans="1:7" x14ac:dyDescent="0.3">
      <c r="A66725" s="13" t="s">
        <v>352</v>
      </c>
      <c r="B66725" s="14" t="s">
        <v>1</v>
      </c>
      <c r="C66725" s="14" t="s">
        <v>109</v>
      </c>
      <c r="D66725" s="14" t="s">
        <v>353</v>
      </c>
      <c r="E66725" s="15">
        <v>45671</v>
      </c>
      <c r="F66725" s="14" t="s">
        <v>25</v>
      </c>
      <c r="G66725" s="16">
        <v>0</v>
      </c>
    </row>
    <row r="66726" spans="1:7" x14ac:dyDescent="0.3">
      <c r="A66726" s="13" t="s">
        <v>352</v>
      </c>
      <c r="B66726" s="14" t="s">
        <v>1</v>
      </c>
      <c r="C66726" s="14" t="s">
        <v>109</v>
      </c>
      <c r="D66726" s="14" t="s">
        <v>353</v>
      </c>
      <c r="E66726" s="15">
        <v>45672</v>
      </c>
      <c r="F66726" s="14" t="s">
        <v>25</v>
      </c>
      <c r="G66726" s="16">
        <v>0</v>
      </c>
    </row>
    <row r="66727" spans="1:7" x14ac:dyDescent="0.3">
      <c r="A66727" s="13" t="s">
        <v>352</v>
      </c>
      <c r="B66727" s="14" t="s">
        <v>1</v>
      </c>
      <c r="C66727" s="14" t="s">
        <v>109</v>
      </c>
      <c r="D66727" s="14" t="s">
        <v>353</v>
      </c>
      <c r="E66727" s="15">
        <v>45673</v>
      </c>
      <c r="F66727" s="14" t="s">
        <v>25</v>
      </c>
      <c r="G66727" s="16">
        <v>0</v>
      </c>
    </row>
    <row r="66728" spans="1:7" x14ac:dyDescent="0.3">
      <c r="A66728" s="13" t="s">
        <v>352</v>
      </c>
      <c r="B66728" s="14" t="s">
        <v>1</v>
      </c>
      <c r="C66728" s="14" t="s">
        <v>109</v>
      </c>
      <c r="D66728" s="14" t="s">
        <v>353</v>
      </c>
      <c r="E66728" s="15">
        <v>45674</v>
      </c>
      <c r="F66728" s="14" t="s">
        <v>25</v>
      </c>
      <c r="G66728" s="16">
        <v>0</v>
      </c>
    </row>
    <row r="66729" spans="1:7" x14ac:dyDescent="0.3">
      <c r="A66729" s="13" t="s">
        <v>352</v>
      </c>
      <c r="B66729" s="14" t="s">
        <v>1</v>
      </c>
      <c r="C66729" s="14" t="s">
        <v>109</v>
      </c>
      <c r="D66729" s="14" t="s">
        <v>353</v>
      </c>
      <c r="E66729" s="15">
        <v>45675</v>
      </c>
      <c r="F66729" s="14" t="s">
        <v>25</v>
      </c>
      <c r="G66729" s="16">
        <v>0</v>
      </c>
    </row>
    <row r="66730" spans="1:7" x14ac:dyDescent="0.3">
      <c r="A66730" s="13" t="s">
        <v>352</v>
      </c>
      <c r="B66730" s="14" t="s">
        <v>1</v>
      </c>
      <c r="C66730" s="14" t="s">
        <v>109</v>
      </c>
      <c r="D66730" s="14" t="s">
        <v>353</v>
      </c>
      <c r="E66730" s="15">
        <v>45676</v>
      </c>
      <c r="F66730" s="14" t="s">
        <v>25</v>
      </c>
      <c r="G66730" s="16">
        <v>0</v>
      </c>
    </row>
    <row r="66731" spans="1:7" x14ac:dyDescent="0.3">
      <c r="A66731" s="13" t="s">
        <v>352</v>
      </c>
      <c r="B66731" s="14" t="s">
        <v>1</v>
      </c>
      <c r="C66731" s="14" t="s">
        <v>109</v>
      </c>
      <c r="D66731" s="14" t="s">
        <v>353</v>
      </c>
      <c r="E66731" s="15">
        <v>45677</v>
      </c>
      <c r="F66731" s="14" t="s">
        <v>25</v>
      </c>
      <c r="G66731" s="16">
        <v>0</v>
      </c>
    </row>
    <row r="66732" spans="1:7" x14ac:dyDescent="0.3">
      <c r="A66732" s="13" t="s">
        <v>352</v>
      </c>
      <c r="B66732" s="14" t="s">
        <v>1</v>
      </c>
      <c r="C66732" s="14" t="s">
        <v>109</v>
      </c>
      <c r="D66732" s="14" t="s">
        <v>353</v>
      </c>
      <c r="E66732" s="15">
        <v>45678</v>
      </c>
      <c r="F66732" s="14" t="s">
        <v>25</v>
      </c>
      <c r="G66732" s="16">
        <v>0</v>
      </c>
    </row>
    <row r="66733" spans="1:7" x14ac:dyDescent="0.3">
      <c r="A66733" s="13" t="s">
        <v>352</v>
      </c>
      <c r="B66733" s="14" t="s">
        <v>1</v>
      </c>
      <c r="C66733" s="14" t="s">
        <v>109</v>
      </c>
      <c r="D66733" s="14" t="s">
        <v>353</v>
      </c>
      <c r="E66733" s="15">
        <v>45679</v>
      </c>
      <c r="F66733" s="14" t="s">
        <v>25</v>
      </c>
      <c r="G66733" s="16">
        <v>0</v>
      </c>
    </row>
    <row r="66734" spans="1:7" x14ac:dyDescent="0.3">
      <c r="A66734" s="13" t="s">
        <v>352</v>
      </c>
      <c r="B66734" s="14" t="s">
        <v>1</v>
      </c>
      <c r="C66734" s="14" t="s">
        <v>109</v>
      </c>
      <c r="D66734" s="14" t="s">
        <v>353</v>
      </c>
      <c r="E66734" s="15">
        <v>45680</v>
      </c>
      <c r="F66734" s="14" t="s">
        <v>25</v>
      </c>
      <c r="G66734" s="16">
        <v>0</v>
      </c>
    </row>
    <row r="66735" spans="1:7" x14ac:dyDescent="0.3">
      <c r="A66735" s="13" t="s">
        <v>352</v>
      </c>
      <c r="B66735" s="14" t="s">
        <v>1</v>
      </c>
      <c r="C66735" s="14" t="s">
        <v>109</v>
      </c>
      <c r="D66735" s="14" t="s">
        <v>353</v>
      </c>
      <c r="E66735" s="15">
        <v>45681</v>
      </c>
      <c r="F66735" s="14" t="s">
        <v>25</v>
      </c>
      <c r="G66735" s="16">
        <v>0</v>
      </c>
    </row>
    <row r="66736" spans="1:7" x14ac:dyDescent="0.3">
      <c r="A66736" s="13" t="s">
        <v>352</v>
      </c>
      <c r="B66736" s="14" t="s">
        <v>1</v>
      </c>
      <c r="C66736" s="14" t="s">
        <v>109</v>
      </c>
      <c r="D66736" s="14" t="s">
        <v>353</v>
      </c>
      <c r="E66736" s="15">
        <v>45682</v>
      </c>
      <c r="F66736" s="14" t="s">
        <v>25</v>
      </c>
      <c r="G66736" s="16">
        <v>0</v>
      </c>
    </row>
    <row r="66737" spans="1:7" x14ac:dyDescent="0.3">
      <c r="A66737" s="13" t="s">
        <v>352</v>
      </c>
      <c r="B66737" s="14" t="s">
        <v>1</v>
      </c>
      <c r="C66737" s="14" t="s">
        <v>109</v>
      </c>
      <c r="D66737" s="14" t="s">
        <v>353</v>
      </c>
      <c r="E66737" s="15">
        <v>45683</v>
      </c>
      <c r="F66737" s="14" t="s">
        <v>25</v>
      </c>
      <c r="G66737" s="16">
        <v>0</v>
      </c>
    </row>
    <row r="66738" spans="1:7" x14ac:dyDescent="0.3">
      <c r="A66738" s="13" t="s">
        <v>352</v>
      </c>
      <c r="B66738" s="14" t="s">
        <v>1</v>
      </c>
      <c r="C66738" s="14" t="s">
        <v>109</v>
      </c>
      <c r="D66738" s="14" t="s">
        <v>353</v>
      </c>
      <c r="E66738" s="15">
        <v>45684</v>
      </c>
      <c r="F66738" s="14" t="s">
        <v>25</v>
      </c>
      <c r="G66738" s="16">
        <v>0</v>
      </c>
    </row>
    <row r="66739" spans="1:7" x14ac:dyDescent="0.3">
      <c r="A66739" s="13" t="s">
        <v>352</v>
      </c>
      <c r="B66739" s="14" t="s">
        <v>1</v>
      </c>
      <c r="C66739" s="14" t="s">
        <v>109</v>
      </c>
      <c r="D66739" s="14" t="s">
        <v>353</v>
      </c>
      <c r="E66739" s="15">
        <v>45685</v>
      </c>
      <c r="F66739" s="14" t="s">
        <v>25</v>
      </c>
      <c r="G66739" s="16">
        <v>0</v>
      </c>
    </row>
    <row r="66740" spans="1:7" x14ac:dyDescent="0.3">
      <c r="A66740" s="13" t="s">
        <v>352</v>
      </c>
      <c r="B66740" s="14" t="s">
        <v>1</v>
      </c>
      <c r="C66740" s="14" t="s">
        <v>109</v>
      </c>
      <c r="D66740" s="14" t="s">
        <v>353</v>
      </c>
      <c r="E66740" s="15">
        <v>45686</v>
      </c>
      <c r="F66740" s="14" t="s">
        <v>25</v>
      </c>
      <c r="G66740" s="16">
        <v>0</v>
      </c>
    </row>
    <row r="66741" spans="1:7" x14ac:dyDescent="0.3">
      <c r="A66741" s="13" t="s">
        <v>352</v>
      </c>
      <c r="B66741" s="14" t="s">
        <v>1</v>
      </c>
      <c r="C66741" s="14" t="s">
        <v>109</v>
      </c>
      <c r="D66741" s="14" t="s">
        <v>353</v>
      </c>
      <c r="E66741" s="15">
        <v>45687</v>
      </c>
      <c r="F66741" s="14" t="s">
        <v>25</v>
      </c>
      <c r="G66741" s="16">
        <v>0</v>
      </c>
    </row>
    <row r="66742" spans="1:7" x14ac:dyDescent="0.3">
      <c r="A66742" s="13" t="s">
        <v>352</v>
      </c>
      <c r="B66742" s="14" t="s">
        <v>1</v>
      </c>
      <c r="C66742" s="14" t="s">
        <v>109</v>
      </c>
      <c r="D66742" s="14" t="s">
        <v>353</v>
      </c>
      <c r="E66742" s="15">
        <v>45688</v>
      </c>
      <c r="F66742" s="14" t="s">
        <v>25</v>
      </c>
      <c r="G66742" s="16">
        <v>0</v>
      </c>
    </row>
    <row r="66743" spans="1:7" x14ac:dyDescent="0.3">
      <c r="A66743" s="13" t="s">
        <v>352</v>
      </c>
      <c r="B66743" s="14" t="s">
        <v>1</v>
      </c>
      <c r="C66743" s="14" t="s">
        <v>109</v>
      </c>
      <c r="D66743" s="14" t="s">
        <v>353</v>
      </c>
      <c r="E66743" s="15">
        <v>45689</v>
      </c>
      <c r="F66743" s="14" t="s">
        <v>25</v>
      </c>
      <c r="G66743" s="16">
        <v>0</v>
      </c>
    </row>
    <row r="66744" spans="1:7" x14ac:dyDescent="0.3">
      <c r="A66744" s="13" t="s">
        <v>352</v>
      </c>
      <c r="B66744" s="14" t="s">
        <v>1</v>
      </c>
      <c r="C66744" s="14" t="s">
        <v>109</v>
      </c>
      <c r="D66744" s="14" t="s">
        <v>353</v>
      </c>
      <c r="E66744" s="15">
        <v>45690</v>
      </c>
      <c r="F66744" s="14" t="s">
        <v>25</v>
      </c>
      <c r="G66744" s="16">
        <v>0</v>
      </c>
    </row>
    <row r="66745" spans="1:7" x14ac:dyDescent="0.3">
      <c r="A66745" s="13" t="s">
        <v>352</v>
      </c>
      <c r="B66745" s="14" t="s">
        <v>1</v>
      </c>
      <c r="C66745" s="14" t="s">
        <v>109</v>
      </c>
      <c r="D66745" s="14" t="s">
        <v>353</v>
      </c>
      <c r="E66745" s="15">
        <v>45691</v>
      </c>
      <c r="F66745" s="14" t="s">
        <v>25</v>
      </c>
      <c r="G66745" s="16">
        <v>0</v>
      </c>
    </row>
    <row r="66746" spans="1:7" x14ac:dyDescent="0.3">
      <c r="A66746" s="13" t="s">
        <v>352</v>
      </c>
      <c r="B66746" s="14" t="s">
        <v>1</v>
      </c>
      <c r="C66746" s="14" t="s">
        <v>109</v>
      </c>
      <c r="D66746" s="14" t="s">
        <v>353</v>
      </c>
      <c r="E66746" s="15">
        <v>45692</v>
      </c>
      <c r="F66746" s="14" t="s">
        <v>25</v>
      </c>
      <c r="G66746" s="16">
        <v>0</v>
      </c>
    </row>
    <row r="66747" spans="1:7" x14ac:dyDescent="0.3">
      <c r="A66747" s="13" t="s">
        <v>352</v>
      </c>
      <c r="B66747" s="14" t="s">
        <v>1</v>
      </c>
      <c r="C66747" s="14" t="s">
        <v>109</v>
      </c>
      <c r="D66747" s="14" t="s">
        <v>353</v>
      </c>
      <c r="E66747" s="15">
        <v>45693</v>
      </c>
      <c r="F66747" s="14" t="s">
        <v>25</v>
      </c>
      <c r="G66747" s="16">
        <v>0</v>
      </c>
    </row>
    <row r="66748" spans="1:7" x14ac:dyDescent="0.3">
      <c r="A66748" s="13" t="s">
        <v>352</v>
      </c>
      <c r="B66748" s="14" t="s">
        <v>1</v>
      </c>
      <c r="C66748" s="14" t="s">
        <v>109</v>
      </c>
      <c r="D66748" s="14" t="s">
        <v>353</v>
      </c>
      <c r="E66748" s="15">
        <v>45694</v>
      </c>
      <c r="F66748" s="14" t="s">
        <v>25</v>
      </c>
      <c r="G66748" s="16">
        <v>0</v>
      </c>
    </row>
    <row r="66749" spans="1:7" x14ac:dyDescent="0.3">
      <c r="A66749" s="13" t="s">
        <v>352</v>
      </c>
      <c r="B66749" s="14" t="s">
        <v>1</v>
      </c>
      <c r="C66749" s="14" t="s">
        <v>109</v>
      </c>
      <c r="D66749" s="14" t="s">
        <v>353</v>
      </c>
      <c r="E66749" s="15">
        <v>45695</v>
      </c>
      <c r="F66749" s="14" t="s">
        <v>25</v>
      </c>
      <c r="G66749" s="16">
        <v>0</v>
      </c>
    </row>
    <row r="66750" spans="1:7" x14ac:dyDescent="0.3">
      <c r="A66750" s="13" t="s">
        <v>352</v>
      </c>
      <c r="B66750" s="14" t="s">
        <v>1</v>
      </c>
      <c r="C66750" s="14" t="s">
        <v>109</v>
      </c>
      <c r="D66750" s="14" t="s">
        <v>353</v>
      </c>
      <c r="E66750" s="15">
        <v>45696</v>
      </c>
      <c r="F66750" s="14" t="s">
        <v>25</v>
      </c>
      <c r="G66750" s="16">
        <v>0</v>
      </c>
    </row>
    <row r="66751" spans="1:7" x14ac:dyDescent="0.3">
      <c r="A66751" s="13" t="s">
        <v>352</v>
      </c>
      <c r="B66751" s="14" t="s">
        <v>1</v>
      </c>
      <c r="C66751" s="14" t="s">
        <v>109</v>
      </c>
      <c r="D66751" s="14" t="s">
        <v>353</v>
      </c>
      <c r="E66751" s="15">
        <v>45697</v>
      </c>
      <c r="F66751" s="14" t="s">
        <v>25</v>
      </c>
      <c r="G66751" s="16">
        <v>0</v>
      </c>
    </row>
    <row r="66752" spans="1:7" x14ac:dyDescent="0.3">
      <c r="A66752" s="13" t="s">
        <v>352</v>
      </c>
      <c r="B66752" s="14" t="s">
        <v>1</v>
      </c>
      <c r="C66752" s="14" t="s">
        <v>109</v>
      </c>
      <c r="D66752" s="14" t="s">
        <v>353</v>
      </c>
      <c r="E66752" s="15">
        <v>45698</v>
      </c>
      <c r="F66752" s="14" t="s">
        <v>25</v>
      </c>
      <c r="G66752" s="16">
        <v>0</v>
      </c>
    </row>
    <row r="66753" spans="1:7" x14ac:dyDescent="0.3">
      <c r="A66753" s="13" t="s">
        <v>352</v>
      </c>
      <c r="B66753" s="14" t="s">
        <v>1</v>
      </c>
      <c r="C66753" s="14" t="s">
        <v>109</v>
      </c>
      <c r="D66753" s="14" t="s">
        <v>353</v>
      </c>
      <c r="E66753" s="15">
        <v>45699</v>
      </c>
      <c r="F66753" s="14" t="s">
        <v>25</v>
      </c>
      <c r="G66753" s="16">
        <v>0</v>
      </c>
    </row>
    <row r="66754" spans="1:7" x14ac:dyDescent="0.3">
      <c r="A66754" s="13" t="s">
        <v>352</v>
      </c>
      <c r="B66754" s="14" t="s">
        <v>1</v>
      </c>
      <c r="C66754" s="14" t="s">
        <v>109</v>
      </c>
      <c r="D66754" s="14" t="s">
        <v>353</v>
      </c>
      <c r="E66754" s="15">
        <v>45700</v>
      </c>
      <c r="F66754" s="14" t="s">
        <v>25</v>
      </c>
      <c r="G66754" s="16">
        <v>0</v>
      </c>
    </row>
    <row r="66755" spans="1:7" x14ac:dyDescent="0.3">
      <c r="A66755" s="13" t="s">
        <v>352</v>
      </c>
      <c r="B66755" s="14" t="s">
        <v>1</v>
      </c>
      <c r="C66755" s="14" t="s">
        <v>109</v>
      </c>
      <c r="D66755" s="14" t="s">
        <v>353</v>
      </c>
      <c r="E66755" s="15">
        <v>45701</v>
      </c>
      <c r="F66755" s="14" t="s">
        <v>25</v>
      </c>
      <c r="G66755" s="16">
        <v>0</v>
      </c>
    </row>
    <row r="66756" spans="1:7" x14ac:dyDescent="0.3">
      <c r="A66756" s="13" t="s">
        <v>352</v>
      </c>
      <c r="B66756" s="14" t="s">
        <v>1</v>
      </c>
      <c r="C66756" s="14" t="s">
        <v>109</v>
      </c>
      <c r="D66756" s="14" t="s">
        <v>353</v>
      </c>
      <c r="E66756" s="15">
        <v>45702</v>
      </c>
      <c r="F66756" s="14" t="s">
        <v>25</v>
      </c>
      <c r="G66756" s="16">
        <v>0</v>
      </c>
    </row>
    <row r="66757" spans="1:7" x14ac:dyDescent="0.3">
      <c r="A66757" s="13" t="s">
        <v>352</v>
      </c>
      <c r="B66757" s="14" t="s">
        <v>1</v>
      </c>
      <c r="C66757" s="14" t="s">
        <v>109</v>
      </c>
      <c r="D66757" s="14" t="s">
        <v>353</v>
      </c>
      <c r="E66757" s="15">
        <v>45703</v>
      </c>
      <c r="F66757" s="14" t="s">
        <v>25</v>
      </c>
      <c r="G66757" s="16">
        <v>0</v>
      </c>
    </row>
    <row r="66758" spans="1:7" x14ac:dyDescent="0.3">
      <c r="A66758" s="13" t="s">
        <v>352</v>
      </c>
      <c r="B66758" s="14" t="s">
        <v>1</v>
      </c>
      <c r="C66758" s="14" t="s">
        <v>109</v>
      </c>
      <c r="D66758" s="14" t="s">
        <v>353</v>
      </c>
      <c r="E66758" s="15">
        <v>45704</v>
      </c>
      <c r="F66758" s="14" t="s">
        <v>25</v>
      </c>
      <c r="G66758" s="16">
        <v>0</v>
      </c>
    </row>
    <row r="66759" spans="1:7" x14ac:dyDescent="0.3">
      <c r="A66759" s="13" t="s">
        <v>352</v>
      </c>
      <c r="B66759" s="14" t="s">
        <v>1</v>
      </c>
      <c r="C66759" s="14" t="s">
        <v>109</v>
      </c>
      <c r="D66759" s="14" t="s">
        <v>353</v>
      </c>
      <c r="E66759" s="15">
        <v>45705</v>
      </c>
      <c r="F66759" s="14" t="s">
        <v>25</v>
      </c>
      <c r="G66759" s="16">
        <v>0</v>
      </c>
    </row>
    <row r="66760" spans="1:7" x14ac:dyDescent="0.3">
      <c r="A66760" s="13" t="s">
        <v>352</v>
      </c>
      <c r="B66760" s="14" t="s">
        <v>1</v>
      </c>
      <c r="C66760" s="14" t="s">
        <v>109</v>
      </c>
      <c r="D66760" s="14" t="s">
        <v>353</v>
      </c>
      <c r="E66760" s="15">
        <v>45706</v>
      </c>
      <c r="F66760" s="14" t="s">
        <v>25</v>
      </c>
      <c r="G66760" s="16">
        <v>0</v>
      </c>
    </row>
    <row r="66761" spans="1:7" x14ac:dyDescent="0.3">
      <c r="A66761" s="13" t="s">
        <v>352</v>
      </c>
      <c r="B66761" s="14" t="s">
        <v>1</v>
      </c>
      <c r="C66761" s="14" t="s">
        <v>109</v>
      </c>
      <c r="D66761" s="14" t="s">
        <v>353</v>
      </c>
      <c r="E66761" s="15">
        <v>45707</v>
      </c>
      <c r="F66761" s="14" t="s">
        <v>25</v>
      </c>
      <c r="G66761" s="16">
        <v>0</v>
      </c>
    </row>
    <row r="66762" spans="1:7" x14ac:dyDescent="0.3">
      <c r="A66762" s="13" t="s">
        <v>352</v>
      </c>
      <c r="B66762" s="14" t="s">
        <v>1</v>
      </c>
      <c r="C66762" s="14" t="s">
        <v>109</v>
      </c>
      <c r="D66762" s="14" t="s">
        <v>353</v>
      </c>
      <c r="E66762" s="15">
        <v>45708</v>
      </c>
      <c r="F66762" s="14" t="s">
        <v>25</v>
      </c>
      <c r="G66762" s="16">
        <v>0</v>
      </c>
    </row>
    <row r="66763" spans="1:7" x14ac:dyDescent="0.3">
      <c r="A66763" s="13" t="s">
        <v>352</v>
      </c>
      <c r="B66763" s="14" t="s">
        <v>1</v>
      </c>
      <c r="C66763" s="14" t="s">
        <v>109</v>
      </c>
      <c r="D66763" s="14" t="s">
        <v>353</v>
      </c>
      <c r="E66763" s="15">
        <v>45709</v>
      </c>
      <c r="F66763" s="14" t="s">
        <v>25</v>
      </c>
      <c r="G66763" s="16">
        <v>0</v>
      </c>
    </row>
    <row r="66764" spans="1:7" x14ac:dyDescent="0.3">
      <c r="A66764" s="13" t="s">
        <v>352</v>
      </c>
      <c r="B66764" s="14" t="s">
        <v>1</v>
      </c>
      <c r="C66764" s="14" t="s">
        <v>109</v>
      </c>
      <c r="D66764" s="14" t="s">
        <v>353</v>
      </c>
      <c r="E66764" s="15">
        <v>45710</v>
      </c>
      <c r="F66764" s="14" t="s">
        <v>25</v>
      </c>
      <c r="G66764" s="16">
        <v>0</v>
      </c>
    </row>
    <row r="66765" spans="1:7" x14ac:dyDescent="0.3">
      <c r="A66765" s="13" t="s">
        <v>352</v>
      </c>
      <c r="B66765" s="14" t="s">
        <v>1</v>
      </c>
      <c r="C66765" s="14" t="s">
        <v>109</v>
      </c>
      <c r="D66765" s="14" t="s">
        <v>353</v>
      </c>
      <c r="E66765" s="15">
        <v>45711</v>
      </c>
      <c r="F66765" s="14" t="s">
        <v>25</v>
      </c>
      <c r="G66765" s="16">
        <v>0</v>
      </c>
    </row>
    <row r="66766" spans="1:7" x14ac:dyDescent="0.3">
      <c r="A66766" s="13" t="s">
        <v>352</v>
      </c>
      <c r="B66766" s="14" t="s">
        <v>1</v>
      </c>
      <c r="C66766" s="14" t="s">
        <v>109</v>
      </c>
      <c r="D66766" s="14" t="s">
        <v>353</v>
      </c>
      <c r="E66766" s="15">
        <v>45712</v>
      </c>
      <c r="F66766" s="14" t="s">
        <v>25</v>
      </c>
      <c r="G66766" s="16">
        <v>0</v>
      </c>
    </row>
    <row r="66767" spans="1:7" x14ac:dyDescent="0.3">
      <c r="A66767" s="13" t="s">
        <v>352</v>
      </c>
      <c r="B66767" s="14" t="s">
        <v>1</v>
      </c>
      <c r="C66767" s="14" t="s">
        <v>109</v>
      </c>
      <c r="D66767" s="14" t="s">
        <v>353</v>
      </c>
      <c r="E66767" s="15">
        <v>45713</v>
      </c>
      <c r="F66767" s="14" t="s">
        <v>25</v>
      </c>
      <c r="G66767" s="16">
        <v>0</v>
      </c>
    </row>
    <row r="66768" spans="1:7" x14ac:dyDescent="0.3">
      <c r="A66768" s="13" t="s">
        <v>352</v>
      </c>
      <c r="B66768" s="14" t="s">
        <v>1</v>
      </c>
      <c r="C66768" s="14" t="s">
        <v>109</v>
      </c>
      <c r="D66768" s="14" t="s">
        <v>353</v>
      </c>
      <c r="E66768" s="15">
        <v>45714</v>
      </c>
      <c r="F66768" s="14" t="s">
        <v>25</v>
      </c>
      <c r="G66768" s="16">
        <v>0</v>
      </c>
    </row>
    <row r="66769" spans="1:7" x14ac:dyDescent="0.3">
      <c r="A66769" s="13" t="s">
        <v>352</v>
      </c>
      <c r="B66769" s="14" t="s">
        <v>1</v>
      </c>
      <c r="C66769" s="14" t="s">
        <v>109</v>
      </c>
      <c r="D66769" s="14" t="s">
        <v>353</v>
      </c>
      <c r="E66769" s="15">
        <v>45715</v>
      </c>
      <c r="F66769" s="14" t="s">
        <v>25</v>
      </c>
      <c r="G66769" s="16">
        <v>0</v>
      </c>
    </row>
    <row r="66770" spans="1:7" x14ac:dyDescent="0.3">
      <c r="A66770" s="13" t="s">
        <v>352</v>
      </c>
      <c r="B66770" s="14" t="s">
        <v>1</v>
      </c>
      <c r="C66770" s="14" t="s">
        <v>109</v>
      </c>
      <c r="D66770" s="14" t="s">
        <v>353</v>
      </c>
      <c r="E66770" s="15">
        <v>45716</v>
      </c>
      <c r="F66770" s="14" t="s">
        <v>25</v>
      </c>
      <c r="G66770" s="16">
        <v>0</v>
      </c>
    </row>
    <row r="66771" spans="1:7" x14ac:dyDescent="0.3">
      <c r="A66771" s="13" t="s">
        <v>352</v>
      </c>
      <c r="B66771" s="14" t="s">
        <v>1</v>
      </c>
      <c r="C66771" s="14" t="s">
        <v>109</v>
      </c>
      <c r="D66771" s="14" t="s">
        <v>353</v>
      </c>
      <c r="E66771" s="15">
        <v>45717</v>
      </c>
      <c r="F66771" s="14" t="s">
        <v>25</v>
      </c>
      <c r="G66771" s="16">
        <v>0</v>
      </c>
    </row>
    <row r="66772" spans="1:7" x14ac:dyDescent="0.3">
      <c r="A66772" s="13" t="s">
        <v>352</v>
      </c>
      <c r="B66772" s="14" t="s">
        <v>1</v>
      </c>
      <c r="C66772" s="14" t="s">
        <v>109</v>
      </c>
      <c r="D66772" s="14" t="s">
        <v>353</v>
      </c>
      <c r="E66772" s="15">
        <v>45718</v>
      </c>
      <c r="F66772" s="14" t="s">
        <v>25</v>
      </c>
      <c r="G66772" s="16">
        <v>0</v>
      </c>
    </row>
    <row r="66773" spans="1:7" x14ac:dyDescent="0.3">
      <c r="A66773" s="13" t="s">
        <v>352</v>
      </c>
      <c r="B66773" s="14" t="s">
        <v>1</v>
      </c>
      <c r="C66773" s="14" t="s">
        <v>109</v>
      </c>
      <c r="D66773" s="14" t="s">
        <v>353</v>
      </c>
      <c r="E66773" s="15">
        <v>45719</v>
      </c>
      <c r="F66773" s="14" t="s">
        <v>25</v>
      </c>
      <c r="G66773" s="16">
        <v>0</v>
      </c>
    </row>
    <row r="66774" spans="1:7" x14ac:dyDescent="0.3">
      <c r="A66774" s="13" t="s">
        <v>352</v>
      </c>
      <c r="B66774" s="14" t="s">
        <v>1</v>
      </c>
      <c r="C66774" s="14" t="s">
        <v>109</v>
      </c>
      <c r="D66774" s="14" t="s">
        <v>353</v>
      </c>
      <c r="E66774" s="15">
        <v>45720</v>
      </c>
      <c r="F66774" s="14" t="s">
        <v>25</v>
      </c>
      <c r="G66774" s="16">
        <v>0</v>
      </c>
    </row>
    <row r="66775" spans="1:7" x14ac:dyDescent="0.3">
      <c r="A66775" s="13" t="s">
        <v>352</v>
      </c>
      <c r="B66775" s="14" t="s">
        <v>1</v>
      </c>
      <c r="C66775" s="14" t="s">
        <v>109</v>
      </c>
      <c r="D66775" s="14" t="s">
        <v>353</v>
      </c>
      <c r="E66775" s="15">
        <v>45721</v>
      </c>
      <c r="F66775" s="14" t="s">
        <v>25</v>
      </c>
      <c r="G66775" s="16">
        <v>0</v>
      </c>
    </row>
    <row r="66776" spans="1:7" x14ac:dyDescent="0.3">
      <c r="A66776" s="13" t="s">
        <v>352</v>
      </c>
      <c r="B66776" s="14" t="s">
        <v>1</v>
      </c>
      <c r="C66776" s="14" t="s">
        <v>109</v>
      </c>
      <c r="D66776" s="14" t="s">
        <v>353</v>
      </c>
      <c r="E66776" s="15">
        <v>45722</v>
      </c>
      <c r="F66776" s="14" t="s">
        <v>25</v>
      </c>
      <c r="G66776" s="16">
        <v>0</v>
      </c>
    </row>
    <row r="66777" spans="1:7" x14ac:dyDescent="0.3">
      <c r="A66777" s="13" t="s">
        <v>352</v>
      </c>
      <c r="B66777" s="14" t="s">
        <v>1</v>
      </c>
      <c r="C66777" s="14" t="s">
        <v>109</v>
      </c>
      <c r="D66777" s="14" t="s">
        <v>353</v>
      </c>
      <c r="E66777" s="15">
        <v>45723</v>
      </c>
      <c r="F66777" s="14" t="s">
        <v>25</v>
      </c>
      <c r="G66777" s="16">
        <v>0</v>
      </c>
    </row>
    <row r="66778" spans="1:7" x14ac:dyDescent="0.3">
      <c r="A66778" s="13" t="s">
        <v>352</v>
      </c>
      <c r="B66778" s="14" t="s">
        <v>1</v>
      </c>
      <c r="C66778" s="14" t="s">
        <v>109</v>
      </c>
      <c r="D66778" s="14" t="s">
        <v>353</v>
      </c>
      <c r="E66778" s="15">
        <v>45724</v>
      </c>
      <c r="F66778" s="14" t="s">
        <v>25</v>
      </c>
      <c r="G66778" s="16">
        <v>0</v>
      </c>
    </row>
    <row r="66779" spans="1:7" x14ac:dyDescent="0.3">
      <c r="A66779" s="13" t="s">
        <v>352</v>
      </c>
      <c r="B66779" s="14" t="s">
        <v>1</v>
      </c>
      <c r="C66779" s="14" t="s">
        <v>109</v>
      </c>
      <c r="D66779" s="14" t="s">
        <v>353</v>
      </c>
      <c r="E66779" s="15">
        <v>45725</v>
      </c>
      <c r="F66779" s="14" t="s">
        <v>25</v>
      </c>
      <c r="G66779" s="16">
        <v>0</v>
      </c>
    </row>
    <row r="66780" spans="1:7" x14ac:dyDescent="0.3">
      <c r="A66780" s="13" t="s">
        <v>352</v>
      </c>
      <c r="B66780" s="14" t="s">
        <v>1</v>
      </c>
      <c r="C66780" s="14" t="s">
        <v>109</v>
      </c>
      <c r="D66780" s="14" t="s">
        <v>353</v>
      </c>
      <c r="E66780" s="15">
        <v>45726</v>
      </c>
      <c r="F66780" s="14" t="s">
        <v>25</v>
      </c>
      <c r="G66780" s="16">
        <v>0</v>
      </c>
    </row>
    <row r="66781" spans="1:7" x14ac:dyDescent="0.3">
      <c r="A66781" s="13" t="s">
        <v>352</v>
      </c>
      <c r="B66781" s="14" t="s">
        <v>1</v>
      </c>
      <c r="C66781" s="14" t="s">
        <v>109</v>
      </c>
      <c r="D66781" s="14" t="s">
        <v>353</v>
      </c>
      <c r="E66781" s="15">
        <v>45727</v>
      </c>
      <c r="F66781" s="14" t="s">
        <v>25</v>
      </c>
      <c r="G66781" s="16">
        <v>0</v>
      </c>
    </row>
    <row r="66782" spans="1:7" x14ac:dyDescent="0.3">
      <c r="A66782" s="13" t="s">
        <v>352</v>
      </c>
      <c r="B66782" s="14" t="s">
        <v>1</v>
      </c>
      <c r="C66782" s="14" t="s">
        <v>109</v>
      </c>
      <c r="D66782" s="14" t="s">
        <v>353</v>
      </c>
      <c r="E66782" s="15">
        <v>45728</v>
      </c>
      <c r="F66782" s="14" t="s">
        <v>25</v>
      </c>
      <c r="G66782" s="16">
        <v>0</v>
      </c>
    </row>
    <row r="66783" spans="1:7" x14ac:dyDescent="0.3">
      <c r="A66783" s="13" t="s">
        <v>352</v>
      </c>
      <c r="B66783" s="14" t="s">
        <v>1</v>
      </c>
      <c r="C66783" s="14" t="s">
        <v>109</v>
      </c>
      <c r="D66783" s="14" t="s">
        <v>353</v>
      </c>
      <c r="E66783" s="15">
        <v>45729</v>
      </c>
      <c r="F66783" s="14" t="s">
        <v>25</v>
      </c>
      <c r="G66783" s="16">
        <v>0</v>
      </c>
    </row>
    <row r="66784" spans="1:7" x14ac:dyDescent="0.3">
      <c r="A66784" s="13" t="s">
        <v>352</v>
      </c>
      <c r="B66784" s="14" t="s">
        <v>1</v>
      </c>
      <c r="C66784" s="14" t="s">
        <v>109</v>
      </c>
      <c r="D66784" s="14" t="s">
        <v>353</v>
      </c>
      <c r="E66784" s="15">
        <v>45730</v>
      </c>
      <c r="F66784" s="14" t="s">
        <v>25</v>
      </c>
      <c r="G66784" s="16">
        <v>0</v>
      </c>
    </row>
    <row r="66785" spans="1:7" x14ac:dyDescent="0.3">
      <c r="A66785" s="13" t="s">
        <v>352</v>
      </c>
      <c r="B66785" s="14" t="s">
        <v>1</v>
      </c>
      <c r="C66785" s="14" t="s">
        <v>109</v>
      </c>
      <c r="D66785" s="14" t="s">
        <v>353</v>
      </c>
      <c r="E66785" s="15">
        <v>45731</v>
      </c>
      <c r="F66785" s="14" t="s">
        <v>25</v>
      </c>
      <c r="G66785" s="16">
        <v>0</v>
      </c>
    </row>
    <row r="66786" spans="1:7" x14ac:dyDescent="0.3">
      <c r="A66786" s="13" t="s">
        <v>352</v>
      </c>
      <c r="B66786" s="14" t="s">
        <v>1</v>
      </c>
      <c r="C66786" s="14" t="s">
        <v>109</v>
      </c>
      <c r="D66786" s="14" t="s">
        <v>353</v>
      </c>
      <c r="E66786" s="15">
        <v>45732</v>
      </c>
      <c r="F66786" s="14" t="s">
        <v>25</v>
      </c>
      <c r="G66786" s="16">
        <v>0</v>
      </c>
    </row>
    <row r="66787" spans="1:7" x14ac:dyDescent="0.3">
      <c r="A66787" s="13" t="s">
        <v>352</v>
      </c>
      <c r="B66787" s="14" t="s">
        <v>1</v>
      </c>
      <c r="C66787" s="14" t="s">
        <v>109</v>
      </c>
      <c r="D66787" s="14" t="s">
        <v>353</v>
      </c>
      <c r="E66787" s="15">
        <v>45733</v>
      </c>
      <c r="F66787" s="14" t="s">
        <v>25</v>
      </c>
      <c r="G66787" s="16">
        <v>0</v>
      </c>
    </row>
    <row r="66788" spans="1:7" x14ac:dyDescent="0.3">
      <c r="A66788" s="13" t="s">
        <v>352</v>
      </c>
      <c r="B66788" s="14" t="s">
        <v>1</v>
      </c>
      <c r="C66788" s="14" t="s">
        <v>109</v>
      </c>
      <c r="D66788" s="14" t="s">
        <v>353</v>
      </c>
      <c r="E66788" s="15">
        <v>45734</v>
      </c>
      <c r="F66788" s="14" t="s">
        <v>25</v>
      </c>
      <c r="G66788" s="16">
        <v>0</v>
      </c>
    </row>
    <row r="66789" spans="1:7" x14ac:dyDescent="0.3">
      <c r="A66789" s="13" t="s">
        <v>352</v>
      </c>
      <c r="B66789" s="14" t="s">
        <v>1</v>
      </c>
      <c r="C66789" s="14" t="s">
        <v>109</v>
      </c>
      <c r="D66789" s="14" t="s">
        <v>353</v>
      </c>
      <c r="E66789" s="15">
        <v>45735</v>
      </c>
      <c r="F66789" s="14" t="s">
        <v>25</v>
      </c>
      <c r="G66789" s="16">
        <v>0</v>
      </c>
    </row>
    <row r="66790" spans="1:7" x14ac:dyDescent="0.3">
      <c r="A66790" s="13" t="s">
        <v>352</v>
      </c>
      <c r="B66790" s="14" t="s">
        <v>1</v>
      </c>
      <c r="C66790" s="14" t="s">
        <v>109</v>
      </c>
      <c r="D66790" s="14" t="s">
        <v>353</v>
      </c>
      <c r="E66790" s="15">
        <v>45736</v>
      </c>
      <c r="F66790" s="14" t="s">
        <v>25</v>
      </c>
      <c r="G66790" s="16">
        <v>0</v>
      </c>
    </row>
    <row r="66791" spans="1:7" x14ac:dyDescent="0.3">
      <c r="A66791" s="13" t="s">
        <v>352</v>
      </c>
      <c r="B66791" s="14" t="s">
        <v>1</v>
      </c>
      <c r="C66791" s="14" t="s">
        <v>109</v>
      </c>
      <c r="D66791" s="14" t="s">
        <v>353</v>
      </c>
      <c r="E66791" s="15">
        <v>45737</v>
      </c>
      <c r="F66791" s="14" t="s">
        <v>25</v>
      </c>
      <c r="G66791" s="16">
        <v>0</v>
      </c>
    </row>
    <row r="66792" spans="1:7" x14ac:dyDescent="0.3">
      <c r="A66792" s="13" t="s">
        <v>352</v>
      </c>
      <c r="B66792" s="14" t="s">
        <v>1</v>
      </c>
      <c r="C66792" s="14" t="s">
        <v>109</v>
      </c>
      <c r="D66792" s="14" t="s">
        <v>353</v>
      </c>
      <c r="E66792" s="15">
        <v>45738</v>
      </c>
      <c r="F66792" s="14" t="s">
        <v>25</v>
      </c>
      <c r="G66792" s="16">
        <v>0</v>
      </c>
    </row>
    <row r="66793" spans="1:7" x14ac:dyDescent="0.3">
      <c r="A66793" s="13" t="s">
        <v>352</v>
      </c>
      <c r="B66793" s="14" t="s">
        <v>1</v>
      </c>
      <c r="C66793" s="14" t="s">
        <v>109</v>
      </c>
      <c r="D66793" s="14" t="s">
        <v>353</v>
      </c>
      <c r="E66793" s="15">
        <v>45739</v>
      </c>
      <c r="F66793" s="14" t="s">
        <v>25</v>
      </c>
      <c r="G66793" s="16">
        <v>0</v>
      </c>
    </row>
    <row r="66794" spans="1:7" x14ac:dyDescent="0.3">
      <c r="A66794" s="13" t="s">
        <v>352</v>
      </c>
      <c r="B66794" s="14" t="s">
        <v>1</v>
      </c>
      <c r="C66794" s="14" t="s">
        <v>109</v>
      </c>
      <c r="D66794" s="14" t="s">
        <v>353</v>
      </c>
      <c r="E66794" s="15">
        <v>45740</v>
      </c>
      <c r="F66794" s="14" t="s">
        <v>25</v>
      </c>
      <c r="G66794" s="16">
        <v>0</v>
      </c>
    </row>
    <row r="66795" spans="1:7" x14ac:dyDescent="0.3">
      <c r="A66795" s="13" t="s">
        <v>352</v>
      </c>
      <c r="B66795" s="14" t="s">
        <v>1</v>
      </c>
      <c r="C66795" s="14" t="s">
        <v>109</v>
      </c>
      <c r="D66795" s="14" t="s">
        <v>353</v>
      </c>
      <c r="E66795" s="15">
        <v>45741</v>
      </c>
      <c r="F66795" s="14" t="s">
        <v>25</v>
      </c>
      <c r="G66795" s="16">
        <v>0</v>
      </c>
    </row>
    <row r="66796" spans="1:7" x14ac:dyDescent="0.3">
      <c r="A66796" s="13" t="s">
        <v>352</v>
      </c>
      <c r="B66796" s="14" t="s">
        <v>1</v>
      </c>
      <c r="C66796" s="14" t="s">
        <v>109</v>
      </c>
      <c r="D66796" s="14" t="s">
        <v>353</v>
      </c>
      <c r="E66796" s="15">
        <v>45742</v>
      </c>
      <c r="F66796" s="14" t="s">
        <v>25</v>
      </c>
      <c r="G66796" s="16">
        <v>0</v>
      </c>
    </row>
    <row r="66797" spans="1:7" x14ac:dyDescent="0.3">
      <c r="A66797" s="13" t="s">
        <v>352</v>
      </c>
      <c r="B66797" s="14" t="s">
        <v>1</v>
      </c>
      <c r="C66797" s="14" t="s">
        <v>109</v>
      </c>
      <c r="D66797" s="14" t="s">
        <v>353</v>
      </c>
      <c r="E66797" s="15">
        <v>45743</v>
      </c>
      <c r="F66797" s="14" t="s">
        <v>25</v>
      </c>
      <c r="G66797" s="16">
        <v>0</v>
      </c>
    </row>
    <row r="66798" spans="1:7" x14ac:dyDescent="0.3">
      <c r="A66798" s="13" t="s">
        <v>352</v>
      </c>
      <c r="B66798" s="14" t="s">
        <v>1</v>
      </c>
      <c r="C66798" s="14" t="s">
        <v>109</v>
      </c>
      <c r="D66798" s="14" t="s">
        <v>353</v>
      </c>
      <c r="E66798" s="15">
        <v>45744</v>
      </c>
      <c r="F66798" s="14" t="s">
        <v>25</v>
      </c>
      <c r="G66798" s="16">
        <v>0</v>
      </c>
    </row>
    <row r="66799" spans="1:7" x14ac:dyDescent="0.3">
      <c r="A66799" s="13" t="s">
        <v>352</v>
      </c>
      <c r="B66799" s="14" t="s">
        <v>1</v>
      </c>
      <c r="C66799" s="14" t="s">
        <v>109</v>
      </c>
      <c r="D66799" s="14" t="s">
        <v>353</v>
      </c>
      <c r="E66799" s="15">
        <v>45745</v>
      </c>
      <c r="F66799" s="14" t="s">
        <v>25</v>
      </c>
      <c r="G66799" s="16">
        <v>0</v>
      </c>
    </row>
    <row r="66800" spans="1:7" x14ac:dyDescent="0.3">
      <c r="A66800" s="13" t="s">
        <v>352</v>
      </c>
      <c r="B66800" s="14" t="s">
        <v>1</v>
      </c>
      <c r="C66800" s="14" t="s">
        <v>109</v>
      </c>
      <c r="D66800" s="14" t="s">
        <v>353</v>
      </c>
      <c r="E66800" s="15">
        <v>45746</v>
      </c>
      <c r="F66800" s="14" t="s">
        <v>25</v>
      </c>
      <c r="G66800" s="16">
        <v>0</v>
      </c>
    </row>
    <row r="66801" spans="1:7" x14ac:dyDescent="0.3">
      <c r="A66801" s="13" t="s">
        <v>352</v>
      </c>
      <c r="B66801" s="14" t="s">
        <v>1</v>
      </c>
      <c r="C66801" s="14" t="s">
        <v>109</v>
      </c>
      <c r="D66801" s="14" t="s">
        <v>353</v>
      </c>
      <c r="E66801" s="15">
        <v>45747</v>
      </c>
      <c r="F66801" s="14" t="s">
        <v>25</v>
      </c>
      <c r="G66801" s="16">
        <v>0</v>
      </c>
    </row>
    <row r="66802" spans="1:7" x14ac:dyDescent="0.3">
      <c r="A66802" s="13" t="s">
        <v>354</v>
      </c>
      <c r="B66802" s="14" t="s">
        <v>1</v>
      </c>
      <c r="C66802" s="14" t="s">
        <v>238</v>
      </c>
      <c r="D66802" s="14" t="s">
        <v>313</v>
      </c>
      <c r="E66802" s="15">
        <v>45383</v>
      </c>
      <c r="F66802" s="14" t="s">
        <v>25</v>
      </c>
      <c r="G66802" s="16">
        <v>0</v>
      </c>
    </row>
    <row r="66803" spans="1:7" x14ac:dyDescent="0.3">
      <c r="A66803" s="13" t="s">
        <v>354</v>
      </c>
      <c r="B66803" s="14" t="s">
        <v>1</v>
      </c>
      <c r="C66803" s="14" t="s">
        <v>238</v>
      </c>
      <c r="D66803" s="14" t="s">
        <v>313</v>
      </c>
      <c r="E66803" s="15">
        <v>45384</v>
      </c>
      <c r="F66803" s="14" t="s">
        <v>25</v>
      </c>
      <c r="G66803" s="16">
        <v>0</v>
      </c>
    </row>
    <row r="66804" spans="1:7" x14ac:dyDescent="0.3">
      <c r="A66804" s="13" t="s">
        <v>354</v>
      </c>
      <c r="B66804" s="14" t="s">
        <v>1</v>
      </c>
      <c r="C66804" s="14" t="s">
        <v>238</v>
      </c>
      <c r="D66804" s="14" t="s">
        <v>313</v>
      </c>
      <c r="E66804" s="15">
        <v>45385</v>
      </c>
      <c r="F66804" s="14" t="s">
        <v>25</v>
      </c>
      <c r="G66804" s="16">
        <v>3.5668956837052596E-2</v>
      </c>
    </row>
    <row r="66805" spans="1:7" x14ac:dyDescent="0.3">
      <c r="A66805" s="13" t="s">
        <v>354</v>
      </c>
      <c r="B66805" s="14" t="s">
        <v>1</v>
      </c>
      <c r="C66805" s="14" t="s">
        <v>238</v>
      </c>
      <c r="D66805" s="14" t="s">
        <v>313</v>
      </c>
      <c r="E66805" s="15">
        <v>45386</v>
      </c>
      <c r="F66805" s="14" t="s">
        <v>25</v>
      </c>
      <c r="G66805" s="16">
        <v>4.3374932873633108E-2</v>
      </c>
    </row>
    <row r="66806" spans="1:7" x14ac:dyDescent="0.3">
      <c r="A66806" s="13" t="s">
        <v>354</v>
      </c>
      <c r="B66806" s="14" t="s">
        <v>1</v>
      </c>
      <c r="C66806" s="14" t="s">
        <v>238</v>
      </c>
      <c r="D66806" s="14" t="s">
        <v>313</v>
      </c>
      <c r="E66806" s="15">
        <v>45387</v>
      </c>
      <c r="F66806" s="14" t="s">
        <v>25</v>
      </c>
      <c r="G66806" s="16">
        <v>5.0202825625393493E-2</v>
      </c>
    </row>
    <row r="66807" spans="1:7" x14ac:dyDescent="0.3">
      <c r="A66807" s="13" t="s">
        <v>354</v>
      </c>
      <c r="B66807" s="14" t="s">
        <v>1</v>
      </c>
      <c r="C66807" s="14" t="s">
        <v>238</v>
      </c>
      <c r="D66807" s="14" t="s">
        <v>313</v>
      </c>
      <c r="E66807" s="15">
        <v>45388</v>
      </c>
      <c r="F66807" s="14" t="s">
        <v>25</v>
      </c>
      <c r="G66807" s="16">
        <v>5.0202825625393493E-2</v>
      </c>
    </row>
    <row r="66808" spans="1:7" x14ac:dyDescent="0.3">
      <c r="A66808" s="13" t="s">
        <v>354</v>
      </c>
      <c r="B66808" s="14" t="s">
        <v>1</v>
      </c>
      <c r="C66808" s="14" t="s">
        <v>238</v>
      </c>
      <c r="D66808" s="14" t="s">
        <v>313</v>
      </c>
      <c r="E66808" s="15">
        <v>45389</v>
      </c>
      <c r="F66808" s="14" t="s">
        <v>25</v>
      </c>
      <c r="G66808" s="16">
        <v>5.0202825625393493E-2</v>
      </c>
    </row>
    <row r="66809" spans="1:7" x14ac:dyDescent="0.3">
      <c r="A66809" s="13" t="s">
        <v>354</v>
      </c>
      <c r="B66809" s="14" t="s">
        <v>1</v>
      </c>
      <c r="C66809" s="14" t="s">
        <v>238</v>
      </c>
      <c r="D66809" s="14" t="s">
        <v>313</v>
      </c>
      <c r="E66809" s="15">
        <v>45390</v>
      </c>
      <c r="F66809" s="14" t="s">
        <v>25</v>
      </c>
      <c r="G66809" s="16">
        <v>5.7812076633650802E-2</v>
      </c>
    </row>
    <row r="66810" spans="1:7" x14ac:dyDescent="0.3">
      <c r="A66810" s="13" t="s">
        <v>354</v>
      </c>
      <c r="B66810" s="14" t="s">
        <v>1</v>
      </c>
      <c r="C66810" s="14" t="s">
        <v>238</v>
      </c>
      <c r="D66810" s="14" t="s">
        <v>313</v>
      </c>
      <c r="E66810" s="15">
        <v>45391</v>
      </c>
      <c r="F66810" s="14" t="s">
        <v>25</v>
      </c>
      <c r="G66810" s="16">
        <v>7.8346850827394177E-2</v>
      </c>
    </row>
    <row r="66811" spans="1:7" x14ac:dyDescent="0.3">
      <c r="A66811" s="13" t="s">
        <v>354</v>
      </c>
      <c r="B66811" s="14" t="s">
        <v>1</v>
      </c>
      <c r="C66811" s="14" t="s">
        <v>238</v>
      </c>
      <c r="D66811" s="14" t="s">
        <v>313</v>
      </c>
      <c r="E66811" s="15">
        <v>45392</v>
      </c>
      <c r="F66811" s="14" t="s">
        <v>25</v>
      </c>
      <c r="G66811" s="16">
        <v>8.5149167686011037E-2</v>
      </c>
    </row>
    <row r="66812" spans="1:7" x14ac:dyDescent="0.3">
      <c r="A66812" s="13" t="s">
        <v>354</v>
      </c>
      <c r="B66812" s="14" t="s">
        <v>1</v>
      </c>
      <c r="C66812" s="14" t="s">
        <v>238</v>
      </c>
      <c r="D66812" s="14" t="s">
        <v>313</v>
      </c>
      <c r="E66812" s="15">
        <v>45393</v>
      </c>
      <c r="F66812" s="14" t="s">
        <v>25</v>
      </c>
      <c r="G66812" s="16">
        <v>9.1518842043573106E-2</v>
      </c>
    </row>
    <row r="66813" spans="1:7" x14ac:dyDescent="0.3">
      <c r="A66813" s="13" t="s">
        <v>354</v>
      </c>
      <c r="B66813" s="14" t="s">
        <v>1</v>
      </c>
      <c r="C66813" s="14" t="s">
        <v>238</v>
      </c>
      <c r="D66813" s="14" t="s">
        <v>313</v>
      </c>
      <c r="E66813" s="15">
        <v>45394</v>
      </c>
      <c r="F66813" s="14" t="s">
        <v>25</v>
      </c>
      <c r="G66813" s="16">
        <v>9.7997401935239786E-2</v>
      </c>
    </row>
    <row r="66814" spans="1:7" x14ac:dyDescent="0.3">
      <c r="A66814" s="13" t="s">
        <v>354</v>
      </c>
      <c r="B66814" s="14" t="s">
        <v>1</v>
      </c>
      <c r="C66814" s="14" t="s">
        <v>238</v>
      </c>
      <c r="D66814" s="14" t="s">
        <v>313</v>
      </c>
      <c r="E66814" s="15">
        <v>45395</v>
      </c>
      <c r="F66814" s="14" t="s">
        <v>25</v>
      </c>
      <c r="G66814" s="16">
        <v>9.7997401935239786E-2</v>
      </c>
    </row>
    <row r="66815" spans="1:7" x14ac:dyDescent="0.3">
      <c r="A66815" s="13" t="s">
        <v>354</v>
      </c>
      <c r="B66815" s="14" t="s">
        <v>1</v>
      </c>
      <c r="C66815" s="14" t="s">
        <v>238</v>
      </c>
      <c r="D66815" s="14" t="s">
        <v>313</v>
      </c>
      <c r="E66815" s="15">
        <v>45396</v>
      </c>
      <c r="F66815" s="14" t="s">
        <v>25</v>
      </c>
      <c r="G66815" s="16">
        <v>9.7997401935239786E-2</v>
      </c>
    </row>
    <row r="66816" spans="1:7" x14ac:dyDescent="0.3">
      <c r="A66816" s="13" t="s">
        <v>354</v>
      </c>
      <c r="B66816" s="14" t="s">
        <v>1</v>
      </c>
      <c r="C66816" s="14" t="s">
        <v>238</v>
      </c>
      <c r="D66816" s="14" t="s">
        <v>313</v>
      </c>
      <c r="E66816" s="15">
        <v>45397</v>
      </c>
      <c r="F66816" s="14" t="s">
        <v>25</v>
      </c>
      <c r="G66816" s="16">
        <v>0.10429983924815078</v>
      </c>
    </row>
    <row r="66817" spans="1:7" x14ac:dyDescent="0.3">
      <c r="A66817" s="13" t="s">
        <v>354</v>
      </c>
      <c r="B66817" s="14" t="s">
        <v>1</v>
      </c>
      <c r="C66817" s="14" t="s">
        <v>238</v>
      </c>
      <c r="D66817" s="14" t="s">
        <v>313</v>
      </c>
      <c r="E66817" s="15">
        <v>45398</v>
      </c>
      <c r="F66817" s="14" t="s">
        <v>25</v>
      </c>
      <c r="G66817" s="16">
        <v>0.12474283365214692</v>
      </c>
    </row>
    <row r="66818" spans="1:7" x14ac:dyDescent="0.3">
      <c r="A66818" s="13" t="s">
        <v>354</v>
      </c>
      <c r="B66818" s="14" t="s">
        <v>1</v>
      </c>
      <c r="C66818" s="14" t="s">
        <v>238</v>
      </c>
      <c r="D66818" s="14" t="s">
        <v>313</v>
      </c>
      <c r="E66818" s="15">
        <v>45399</v>
      </c>
      <c r="F66818" s="14" t="s">
        <v>25</v>
      </c>
      <c r="G66818" s="16">
        <v>0.13190857738429904</v>
      </c>
    </row>
    <row r="66819" spans="1:7" x14ac:dyDescent="0.3">
      <c r="A66819" s="13" t="s">
        <v>354</v>
      </c>
      <c r="B66819" s="14" t="s">
        <v>1</v>
      </c>
      <c r="C66819" s="14" t="s">
        <v>238</v>
      </c>
      <c r="D66819" s="14" t="s">
        <v>313</v>
      </c>
      <c r="E66819" s="15">
        <v>45400</v>
      </c>
      <c r="F66819" s="14" t="s">
        <v>25</v>
      </c>
      <c r="G66819" s="16">
        <v>0.13862531903005734</v>
      </c>
    </row>
    <row r="66820" spans="1:7" x14ac:dyDescent="0.3">
      <c r="A66820" s="13" t="s">
        <v>354</v>
      </c>
      <c r="B66820" s="14" t="s">
        <v>1</v>
      </c>
      <c r="C66820" s="14" t="s">
        <v>238</v>
      </c>
      <c r="D66820" s="14" t="s">
        <v>313</v>
      </c>
      <c r="E66820" s="15">
        <v>45401</v>
      </c>
      <c r="F66820" s="14" t="s">
        <v>25</v>
      </c>
      <c r="G66820" s="16">
        <v>0.14535711980220303</v>
      </c>
    </row>
    <row r="66821" spans="1:7" x14ac:dyDescent="0.3">
      <c r="A66821" s="13" t="s">
        <v>354</v>
      </c>
      <c r="B66821" s="14" t="s">
        <v>1</v>
      </c>
      <c r="C66821" s="14" t="s">
        <v>238</v>
      </c>
      <c r="D66821" s="14" t="s">
        <v>313</v>
      </c>
      <c r="E66821" s="15">
        <v>45402</v>
      </c>
      <c r="F66821" s="14" t="s">
        <v>25</v>
      </c>
      <c r="G66821" s="16">
        <v>0.14535711980220303</v>
      </c>
    </row>
    <row r="66822" spans="1:7" x14ac:dyDescent="0.3">
      <c r="A66822" s="13" t="s">
        <v>354</v>
      </c>
      <c r="B66822" s="14" t="s">
        <v>1</v>
      </c>
      <c r="C66822" s="14" t="s">
        <v>238</v>
      </c>
      <c r="D66822" s="14" t="s">
        <v>313</v>
      </c>
      <c r="E66822" s="15">
        <v>45403</v>
      </c>
      <c r="F66822" s="14" t="s">
        <v>25</v>
      </c>
      <c r="G66822" s="16">
        <v>0.14535711980220303</v>
      </c>
    </row>
    <row r="66823" spans="1:7" x14ac:dyDescent="0.3">
      <c r="A66823" s="13" t="s">
        <v>354</v>
      </c>
      <c r="B66823" s="14" t="s">
        <v>1</v>
      </c>
      <c r="C66823" s="14" t="s">
        <v>238</v>
      </c>
      <c r="D66823" s="14" t="s">
        <v>313</v>
      </c>
      <c r="E66823" s="15">
        <v>45404</v>
      </c>
      <c r="F66823" s="14" t="s">
        <v>25</v>
      </c>
      <c r="G66823" s="16">
        <v>0.15249205992609086</v>
      </c>
    </row>
    <row r="66824" spans="1:7" x14ac:dyDescent="0.3">
      <c r="A66824" s="13" t="s">
        <v>354</v>
      </c>
      <c r="B66824" s="14" t="s">
        <v>1</v>
      </c>
      <c r="C66824" s="14" t="s">
        <v>238</v>
      </c>
      <c r="D66824" s="14" t="s">
        <v>313</v>
      </c>
      <c r="E66824" s="15">
        <v>45405</v>
      </c>
      <c r="F66824" s="14" t="s">
        <v>25</v>
      </c>
      <c r="G66824" s="16">
        <v>0.17392219001006634</v>
      </c>
    </row>
    <row r="66825" spans="1:7" x14ac:dyDescent="0.3">
      <c r="A66825" s="13" t="s">
        <v>354</v>
      </c>
      <c r="B66825" s="14" t="s">
        <v>1</v>
      </c>
      <c r="C66825" s="14" t="s">
        <v>238</v>
      </c>
      <c r="D66825" s="14" t="s">
        <v>313</v>
      </c>
      <c r="E66825" s="15">
        <v>45406</v>
      </c>
      <c r="F66825" s="14" t="s">
        <v>25</v>
      </c>
      <c r="G66825" s="16">
        <v>0.18178771056495829</v>
      </c>
    </row>
    <row r="66826" spans="1:7" x14ac:dyDescent="0.3">
      <c r="A66826" s="13" t="s">
        <v>354</v>
      </c>
      <c r="B66826" s="14" t="s">
        <v>1</v>
      </c>
      <c r="C66826" s="14" t="s">
        <v>238</v>
      </c>
      <c r="D66826" s="14" t="s">
        <v>313</v>
      </c>
      <c r="E66826" s="15">
        <v>45407</v>
      </c>
      <c r="F66826" s="14" t="s">
        <v>25</v>
      </c>
      <c r="G66826" s="16">
        <v>0.188660369343084</v>
      </c>
    </row>
    <row r="66827" spans="1:7" x14ac:dyDescent="0.3">
      <c r="A66827" s="13" t="s">
        <v>354</v>
      </c>
      <c r="B66827" s="14" t="s">
        <v>1</v>
      </c>
      <c r="C66827" s="14" t="s">
        <v>238</v>
      </c>
      <c r="D66827" s="14" t="s">
        <v>313</v>
      </c>
      <c r="E66827" s="15">
        <v>45408</v>
      </c>
      <c r="F66827" s="14" t="s">
        <v>25</v>
      </c>
      <c r="G66827" s="16">
        <v>0.19964667968440111</v>
      </c>
    </row>
    <row r="66828" spans="1:7" x14ac:dyDescent="0.3">
      <c r="A66828" s="13" t="s">
        <v>354</v>
      </c>
      <c r="B66828" s="14" t="s">
        <v>1</v>
      </c>
      <c r="C66828" s="14" t="s">
        <v>238</v>
      </c>
      <c r="D66828" s="14" t="s">
        <v>313</v>
      </c>
      <c r="E66828" s="15">
        <v>45409</v>
      </c>
      <c r="F66828" s="14" t="s">
        <v>25</v>
      </c>
      <c r="G66828" s="16">
        <v>0.19964667968440111</v>
      </c>
    </row>
    <row r="66829" spans="1:7" x14ac:dyDescent="0.3">
      <c r="A66829" s="13" t="s">
        <v>354</v>
      </c>
      <c r="B66829" s="14" t="s">
        <v>1</v>
      </c>
      <c r="C66829" s="14" t="s">
        <v>238</v>
      </c>
      <c r="D66829" s="14" t="s">
        <v>313</v>
      </c>
      <c r="E66829" s="15">
        <v>45410</v>
      </c>
      <c r="F66829" s="14" t="s">
        <v>25</v>
      </c>
      <c r="G66829" s="16">
        <v>0.19964667968440111</v>
      </c>
    </row>
    <row r="66830" spans="1:7" x14ac:dyDescent="0.3">
      <c r="A66830" s="13" t="s">
        <v>354</v>
      </c>
      <c r="B66830" s="14" t="s">
        <v>1</v>
      </c>
      <c r="C66830" s="14" t="s">
        <v>238</v>
      </c>
      <c r="D66830" s="14" t="s">
        <v>313</v>
      </c>
      <c r="E66830" s="15">
        <v>45411</v>
      </c>
      <c r="F66830" s="14" t="s">
        <v>25</v>
      </c>
      <c r="G66830" s="16">
        <v>0.20621348205437395</v>
      </c>
    </row>
    <row r="66831" spans="1:7" x14ac:dyDescent="0.3">
      <c r="A66831" s="13" t="s">
        <v>354</v>
      </c>
      <c r="B66831" s="14" t="s">
        <v>1</v>
      </c>
      <c r="C66831" s="14" t="s">
        <v>238</v>
      </c>
      <c r="D66831" s="14" t="s">
        <v>313</v>
      </c>
      <c r="E66831" s="15">
        <v>45412</v>
      </c>
      <c r="F66831" s="14" t="s">
        <v>25</v>
      </c>
      <c r="G66831" s="16">
        <v>0.22782043339816632</v>
      </c>
    </row>
    <row r="66832" spans="1:7" x14ac:dyDescent="0.3">
      <c r="A66832" s="13" t="s">
        <v>354</v>
      </c>
      <c r="B66832" s="14" t="s">
        <v>1</v>
      </c>
      <c r="C66832" s="14" t="s">
        <v>238</v>
      </c>
      <c r="D66832" s="14" t="s">
        <v>313</v>
      </c>
      <c r="E66832" s="15">
        <v>45413</v>
      </c>
      <c r="F66832" s="14" t="s">
        <v>25</v>
      </c>
      <c r="G66832" s="16">
        <v>0.22782043339816632</v>
      </c>
    </row>
    <row r="66833" spans="1:7" x14ac:dyDescent="0.3">
      <c r="A66833" s="13" t="s">
        <v>354</v>
      </c>
      <c r="B66833" s="14" t="s">
        <v>1</v>
      </c>
      <c r="C66833" s="14" t="s">
        <v>238</v>
      </c>
      <c r="D66833" s="14" t="s">
        <v>313</v>
      </c>
      <c r="E66833" s="15">
        <v>45414</v>
      </c>
      <c r="F66833" s="14" t="s">
        <v>25</v>
      </c>
      <c r="G66833" s="16">
        <v>0.2338215879852617</v>
      </c>
    </row>
    <row r="66834" spans="1:7" x14ac:dyDescent="0.3">
      <c r="A66834" s="13" t="s">
        <v>354</v>
      </c>
      <c r="B66834" s="14" t="s">
        <v>1</v>
      </c>
      <c r="C66834" s="14" t="s">
        <v>238</v>
      </c>
      <c r="D66834" s="14" t="s">
        <v>313</v>
      </c>
      <c r="E66834" s="15">
        <v>45415</v>
      </c>
      <c r="F66834" s="14" t="s">
        <v>25</v>
      </c>
      <c r="G66834" s="16">
        <v>0.24714691831335273</v>
      </c>
    </row>
    <row r="66835" spans="1:7" x14ac:dyDescent="0.3">
      <c r="A66835" s="13" t="s">
        <v>354</v>
      </c>
      <c r="B66835" s="14" t="s">
        <v>1</v>
      </c>
      <c r="C66835" s="14" t="s">
        <v>238</v>
      </c>
      <c r="D66835" s="14" t="s">
        <v>313</v>
      </c>
      <c r="E66835" s="15">
        <v>45416</v>
      </c>
      <c r="F66835" s="14" t="s">
        <v>25</v>
      </c>
      <c r="G66835" s="16">
        <v>0.24714691831335273</v>
      </c>
    </row>
    <row r="66836" spans="1:7" x14ac:dyDescent="0.3">
      <c r="A66836" s="13" t="s">
        <v>354</v>
      </c>
      <c r="B66836" s="14" t="s">
        <v>1</v>
      </c>
      <c r="C66836" s="14" t="s">
        <v>238</v>
      </c>
      <c r="D66836" s="14" t="s">
        <v>313</v>
      </c>
      <c r="E66836" s="15">
        <v>45417</v>
      </c>
      <c r="F66836" s="14" t="s">
        <v>25</v>
      </c>
      <c r="G66836" s="16">
        <v>0.24714691831335273</v>
      </c>
    </row>
    <row r="66837" spans="1:7" x14ac:dyDescent="0.3">
      <c r="A66837" s="13" t="s">
        <v>354</v>
      </c>
      <c r="B66837" s="14" t="s">
        <v>1</v>
      </c>
      <c r="C66837" s="14" t="s">
        <v>238</v>
      </c>
      <c r="D66837" s="14" t="s">
        <v>313</v>
      </c>
      <c r="E66837" s="15">
        <v>45418</v>
      </c>
      <c r="F66837" s="14" t="s">
        <v>25</v>
      </c>
      <c r="G66837" s="16">
        <v>0.24714691831335273</v>
      </c>
    </row>
    <row r="66838" spans="1:7" x14ac:dyDescent="0.3">
      <c r="A66838" s="13" t="s">
        <v>354</v>
      </c>
      <c r="B66838" s="14" t="s">
        <v>1</v>
      </c>
      <c r="C66838" s="14" t="s">
        <v>238</v>
      </c>
      <c r="D66838" s="14" t="s">
        <v>313</v>
      </c>
      <c r="E66838" s="15">
        <v>45419</v>
      </c>
      <c r="F66838" s="14" t="s">
        <v>25</v>
      </c>
      <c r="G66838" s="16">
        <v>0.25465160987830582</v>
      </c>
    </row>
    <row r="66839" spans="1:7" x14ac:dyDescent="0.3">
      <c r="A66839" s="13" t="s">
        <v>354</v>
      </c>
      <c r="B66839" s="14" t="s">
        <v>1</v>
      </c>
      <c r="C66839" s="14" t="s">
        <v>238</v>
      </c>
      <c r="D66839" s="14" t="s">
        <v>313</v>
      </c>
      <c r="E66839" s="15">
        <v>45420</v>
      </c>
      <c r="F66839" s="14" t="s">
        <v>25</v>
      </c>
      <c r="G66839" s="16">
        <v>0.28177232151886838</v>
      </c>
    </row>
    <row r="66840" spans="1:7" x14ac:dyDescent="0.3">
      <c r="A66840" s="13" t="s">
        <v>354</v>
      </c>
      <c r="B66840" s="14" t="s">
        <v>1</v>
      </c>
      <c r="C66840" s="14" t="s">
        <v>238</v>
      </c>
      <c r="D66840" s="14" t="s">
        <v>313</v>
      </c>
      <c r="E66840" s="15">
        <v>45421</v>
      </c>
      <c r="F66840" s="14" t="s">
        <v>25</v>
      </c>
      <c r="G66840" s="16">
        <v>0.28177232151886838</v>
      </c>
    </row>
    <row r="66841" spans="1:7" x14ac:dyDescent="0.3">
      <c r="A66841" s="13" t="s">
        <v>354</v>
      </c>
      <c r="B66841" s="14" t="s">
        <v>1</v>
      </c>
      <c r="C66841" s="14" t="s">
        <v>238</v>
      </c>
      <c r="D66841" s="14" t="s">
        <v>313</v>
      </c>
      <c r="E66841" s="15">
        <v>45422</v>
      </c>
      <c r="F66841" s="14" t="s">
        <v>25</v>
      </c>
      <c r="G66841" s="16">
        <v>0.28867920478700193</v>
      </c>
    </row>
    <row r="66842" spans="1:7" x14ac:dyDescent="0.3">
      <c r="A66842" s="13" t="s">
        <v>354</v>
      </c>
      <c r="B66842" s="14" t="s">
        <v>1</v>
      </c>
      <c r="C66842" s="14" t="s">
        <v>238</v>
      </c>
      <c r="D66842" s="14" t="s">
        <v>313</v>
      </c>
      <c r="E66842" s="15">
        <v>45423</v>
      </c>
      <c r="F66842" s="14" t="s">
        <v>25</v>
      </c>
      <c r="G66842" s="16">
        <v>0.28867920478700193</v>
      </c>
    </row>
    <row r="66843" spans="1:7" x14ac:dyDescent="0.3">
      <c r="A66843" s="13" t="s">
        <v>354</v>
      </c>
      <c r="B66843" s="14" t="s">
        <v>1</v>
      </c>
      <c r="C66843" s="14" t="s">
        <v>238</v>
      </c>
      <c r="D66843" s="14" t="s">
        <v>313</v>
      </c>
      <c r="E66843" s="15">
        <v>45424</v>
      </c>
      <c r="F66843" s="14" t="s">
        <v>25</v>
      </c>
      <c r="G66843" s="16">
        <v>0.28867920478700193</v>
      </c>
    </row>
    <row r="66844" spans="1:7" x14ac:dyDescent="0.3">
      <c r="A66844" s="13" t="s">
        <v>354</v>
      </c>
      <c r="B66844" s="14" t="s">
        <v>1</v>
      </c>
      <c r="C66844" s="14" t="s">
        <v>238</v>
      </c>
      <c r="D66844" s="14" t="s">
        <v>313</v>
      </c>
      <c r="E66844" s="15">
        <v>45425</v>
      </c>
      <c r="F66844" s="14" t="s">
        <v>25</v>
      </c>
      <c r="G66844" s="16">
        <v>0.30057350314290737</v>
      </c>
    </row>
    <row r="66845" spans="1:7" x14ac:dyDescent="0.3">
      <c r="A66845" s="13" t="s">
        <v>354</v>
      </c>
      <c r="B66845" s="14" t="s">
        <v>1</v>
      </c>
      <c r="C66845" s="14" t="s">
        <v>238</v>
      </c>
      <c r="D66845" s="14" t="s">
        <v>313</v>
      </c>
      <c r="E66845" s="15">
        <v>45426</v>
      </c>
      <c r="F66845" s="14" t="s">
        <v>25</v>
      </c>
      <c r="G66845" s="16">
        <v>0.32134887534465578</v>
      </c>
    </row>
    <row r="66846" spans="1:7" x14ac:dyDescent="0.3">
      <c r="A66846" s="13" t="s">
        <v>354</v>
      </c>
      <c r="B66846" s="14" t="s">
        <v>1</v>
      </c>
      <c r="C66846" s="14" t="s">
        <v>238</v>
      </c>
      <c r="D66846" s="14" t="s">
        <v>313</v>
      </c>
      <c r="E66846" s="15">
        <v>45427</v>
      </c>
      <c r="F66846" s="14" t="s">
        <v>25</v>
      </c>
      <c r="G66846" s="16">
        <v>0.32854193055534814</v>
      </c>
    </row>
    <row r="66847" spans="1:7" x14ac:dyDescent="0.3">
      <c r="A66847" s="13" t="s">
        <v>354</v>
      </c>
      <c r="B66847" s="14" t="s">
        <v>1</v>
      </c>
      <c r="C66847" s="14" t="s">
        <v>238</v>
      </c>
      <c r="D66847" s="14" t="s">
        <v>313</v>
      </c>
      <c r="E66847" s="15">
        <v>45428</v>
      </c>
      <c r="F66847" s="14" t="s">
        <v>25</v>
      </c>
      <c r="G66847" s="16">
        <v>0.33625689696371652</v>
      </c>
    </row>
    <row r="66848" spans="1:7" x14ac:dyDescent="0.3">
      <c r="A66848" s="13" t="s">
        <v>354</v>
      </c>
      <c r="B66848" s="14" t="s">
        <v>1</v>
      </c>
      <c r="C66848" s="14" t="s">
        <v>238</v>
      </c>
      <c r="D66848" s="14" t="s">
        <v>313</v>
      </c>
      <c r="E66848" s="15">
        <v>45429</v>
      </c>
      <c r="F66848" s="14" t="s">
        <v>25</v>
      </c>
      <c r="G66848" s="16">
        <v>0.34426758732853746</v>
      </c>
    </row>
    <row r="66849" spans="1:7" x14ac:dyDescent="0.3">
      <c r="A66849" s="13" t="s">
        <v>354</v>
      </c>
      <c r="B66849" s="14" t="s">
        <v>1</v>
      </c>
      <c r="C66849" s="14" t="s">
        <v>238</v>
      </c>
      <c r="D66849" s="14" t="s">
        <v>313</v>
      </c>
      <c r="E66849" s="15">
        <v>45430</v>
      </c>
      <c r="F66849" s="14" t="s">
        <v>25</v>
      </c>
      <c r="G66849" s="16">
        <v>0.34426758732853746</v>
      </c>
    </row>
    <row r="66850" spans="1:7" x14ac:dyDescent="0.3">
      <c r="A66850" s="13" t="s">
        <v>354</v>
      </c>
      <c r="B66850" s="14" t="s">
        <v>1</v>
      </c>
      <c r="C66850" s="14" t="s">
        <v>238</v>
      </c>
      <c r="D66850" s="14" t="s">
        <v>313</v>
      </c>
      <c r="E66850" s="15">
        <v>45431</v>
      </c>
      <c r="F66850" s="14" t="s">
        <v>25</v>
      </c>
      <c r="G66850" s="16">
        <v>0.34426758732853746</v>
      </c>
    </row>
    <row r="66851" spans="1:7" x14ac:dyDescent="0.3">
      <c r="A66851" s="13" t="s">
        <v>354</v>
      </c>
      <c r="B66851" s="14" t="s">
        <v>1</v>
      </c>
      <c r="C66851" s="14" t="s">
        <v>238</v>
      </c>
      <c r="D66851" s="14" t="s">
        <v>313</v>
      </c>
      <c r="E66851" s="15">
        <v>45432</v>
      </c>
      <c r="F66851" s="14" t="s">
        <v>25</v>
      </c>
      <c r="G66851" s="16">
        <v>0.34426758732853746</v>
      </c>
    </row>
    <row r="66852" spans="1:7" x14ac:dyDescent="0.3">
      <c r="A66852" s="13" t="s">
        <v>354</v>
      </c>
      <c r="B66852" s="14" t="s">
        <v>1</v>
      </c>
      <c r="C66852" s="14" t="s">
        <v>238</v>
      </c>
      <c r="D66852" s="14" t="s">
        <v>313</v>
      </c>
      <c r="E66852" s="15">
        <v>45433</v>
      </c>
      <c r="F66852" s="14" t="s">
        <v>25</v>
      </c>
      <c r="G66852" s="16">
        <v>0.35129053847246616</v>
      </c>
    </row>
    <row r="66853" spans="1:7" x14ac:dyDescent="0.3">
      <c r="A66853" s="13" t="s">
        <v>354</v>
      </c>
      <c r="B66853" s="14" t="s">
        <v>1</v>
      </c>
      <c r="C66853" s="14" t="s">
        <v>238</v>
      </c>
      <c r="D66853" s="14" t="s">
        <v>313</v>
      </c>
      <c r="E66853" s="15">
        <v>45434</v>
      </c>
      <c r="F66853" s="14" t="s">
        <v>25</v>
      </c>
      <c r="G66853" s="16">
        <v>0.37975061546082212</v>
      </c>
    </row>
    <row r="66854" spans="1:7" x14ac:dyDescent="0.3">
      <c r="A66854" s="13" t="s">
        <v>354</v>
      </c>
      <c r="B66854" s="14" t="s">
        <v>1</v>
      </c>
      <c r="C66854" s="14" t="s">
        <v>238</v>
      </c>
      <c r="D66854" s="14" t="s">
        <v>313</v>
      </c>
      <c r="E66854" s="15">
        <v>45435</v>
      </c>
      <c r="F66854" s="14" t="s">
        <v>25</v>
      </c>
      <c r="G66854" s="16">
        <v>0.38578440462510366</v>
      </c>
    </row>
    <row r="66855" spans="1:7" x14ac:dyDescent="0.3">
      <c r="A66855" s="13" t="s">
        <v>354</v>
      </c>
      <c r="B66855" s="14" t="s">
        <v>1</v>
      </c>
      <c r="C66855" s="14" t="s">
        <v>238</v>
      </c>
      <c r="D66855" s="14" t="s">
        <v>313</v>
      </c>
      <c r="E66855" s="15">
        <v>45436</v>
      </c>
      <c r="F66855" s="14" t="s">
        <v>25</v>
      </c>
      <c r="G66855" s="16">
        <v>0.39395014686864482</v>
      </c>
    </row>
    <row r="66856" spans="1:7" x14ac:dyDescent="0.3">
      <c r="A66856" s="13" t="s">
        <v>354</v>
      </c>
      <c r="B66856" s="14" t="s">
        <v>1</v>
      </c>
      <c r="C66856" s="14" t="s">
        <v>238</v>
      </c>
      <c r="D66856" s="14" t="s">
        <v>313</v>
      </c>
      <c r="E66856" s="15">
        <v>45437</v>
      </c>
      <c r="F66856" s="14" t="s">
        <v>25</v>
      </c>
      <c r="G66856" s="16">
        <v>0.39395014686864482</v>
      </c>
    </row>
    <row r="66857" spans="1:7" x14ac:dyDescent="0.3">
      <c r="A66857" s="13" t="s">
        <v>354</v>
      </c>
      <c r="B66857" s="14" t="s">
        <v>1</v>
      </c>
      <c r="C66857" s="14" t="s">
        <v>238</v>
      </c>
      <c r="D66857" s="14" t="s">
        <v>313</v>
      </c>
      <c r="E66857" s="15">
        <v>45438</v>
      </c>
      <c r="F66857" s="14" t="s">
        <v>25</v>
      </c>
      <c r="G66857" s="16">
        <v>0.39395014686864482</v>
      </c>
    </row>
    <row r="66858" spans="1:7" x14ac:dyDescent="0.3">
      <c r="A66858" s="13" t="s">
        <v>354</v>
      </c>
      <c r="B66858" s="14" t="s">
        <v>1</v>
      </c>
      <c r="C66858" s="14" t="s">
        <v>238</v>
      </c>
      <c r="D66858" s="14" t="s">
        <v>313</v>
      </c>
      <c r="E66858" s="15">
        <v>45439</v>
      </c>
      <c r="F66858" s="14" t="s">
        <v>25</v>
      </c>
      <c r="G66858" s="16">
        <v>0.40093663581938382</v>
      </c>
    </row>
    <row r="66859" spans="1:7" x14ac:dyDescent="0.3">
      <c r="A66859" s="13" t="s">
        <v>354</v>
      </c>
      <c r="B66859" s="14" t="s">
        <v>1</v>
      </c>
      <c r="C66859" s="14" t="s">
        <v>238</v>
      </c>
      <c r="D66859" s="14" t="s">
        <v>313</v>
      </c>
      <c r="E66859" s="15">
        <v>45440</v>
      </c>
      <c r="F66859" s="14" t="s">
        <v>25</v>
      </c>
      <c r="G66859" s="16">
        <v>0.42066728816700422</v>
      </c>
    </row>
    <row r="66860" spans="1:7" x14ac:dyDescent="0.3">
      <c r="A66860" s="13" t="s">
        <v>354</v>
      </c>
      <c r="B66860" s="14" t="s">
        <v>1</v>
      </c>
      <c r="C66860" s="14" t="s">
        <v>238</v>
      </c>
      <c r="D66860" s="14" t="s">
        <v>313</v>
      </c>
      <c r="E66860" s="15">
        <v>45441</v>
      </c>
      <c r="F66860" s="14" t="s">
        <v>25</v>
      </c>
      <c r="G66860" s="16">
        <v>0.42574191118836086</v>
      </c>
    </row>
    <row r="66861" spans="1:7" x14ac:dyDescent="0.3">
      <c r="A66861" s="13" t="s">
        <v>354</v>
      </c>
      <c r="B66861" s="14" t="s">
        <v>1</v>
      </c>
      <c r="C66861" s="14" t="s">
        <v>238</v>
      </c>
      <c r="D66861" s="14" t="s">
        <v>313</v>
      </c>
      <c r="E66861" s="15">
        <v>45442</v>
      </c>
      <c r="F66861" s="14" t="s">
        <v>25</v>
      </c>
      <c r="G66861" s="16">
        <v>0.42406648919502654</v>
      </c>
    </row>
    <row r="66862" spans="1:7" x14ac:dyDescent="0.3">
      <c r="A66862" s="13" t="s">
        <v>354</v>
      </c>
      <c r="B66862" s="14" t="s">
        <v>1</v>
      </c>
      <c r="C66862" s="14" t="s">
        <v>238</v>
      </c>
      <c r="D66862" s="14" t="s">
        <v>313</v>
      </c>
      <c r="E66862" s="15">
        <v>45443</v>
      </c>
      <c r="F66862" s="14" t="s">
        <v>25</v>
      </c>
      <c r="G66862" s="16">
        <v>0.43069958513160983</v>
      </c>
    </row>
    <row r="66863" spans="1:7" x14ac:dyDescent="0.3">
      <c r="A66863" s="13" t="s">
        <v>354</v>
      </c>
      <c r="B66863" s="14" t="s">
        <v>1</v>
      </c>
      <c r="C66863" s="14" t="s">
        <v>238</v>
      </c>
      <c r="D66863" s="14" t="s">
        <v>313</v>
      </c>
      <c r="E66863" s="15">
        <v>45444</v>
      </c>
      <c r="F66863" s="14" t="s">
        <v>25</v>
      </c>
      <c r="G66863" s="16">
        <v>0.43069958513160983</v>
      </c>
    </row>
    <row r="66864" spans="1:7" x14ac:dyDescent="0.3">
      <c r="A66864" s="13" t="s">
        <v>354</v>
      </c>
      <c r="B66864" s="14" t="s">
        <v>1</v>
      </c>
      <c r="C66864" s="14" t="s">
        <v>238</v>
      </c>
      <c r="D66864" s="14" t="s">
        <v>313</v>
      </c>
      <c r="E66864" s="15">
        <v>45445</v>
      </c>
      <c r="F66864" s="14" t="s">
        <v>25</v>
      </c>
      <c r="G66864" s="16">
        <v>0.43069958513160983</v>
      </c>
    </row>
    <row r="66865" spans="1:7" x14ac:dyDescent="0.3">
      <c r="A66865" s="13" t="s">
        <v>354</v>
      </c>
      <c r="B66865" s="14" t="s">
        <v>1</v>
      </c>
      <c r="C66865" s="14" t="s">
        <v>238</v>
      </c>
      <c r="D66865" s="14" t="s">
        <v>313</v>
      </c>
      <c r="E66865" s="15">
        <v>45446</v>
      </c>
      <c r="F66865" s="14" t="s">
        <v>25</v>
      </c>
      <c r="G66865" s="16">
        <v>0.43069958513160983</v>
      </c>
    </row>
    <row r="66866" spans="1:7" x14ac:dyDescent="0.3">
      <c r="A66866" s="13" t="s">
        <v>354</v>
      </c>
      <c r="B66866" s="14" t="s">
        <v>1</v>
      </c>
      <c r="C66866" s="14" t="s">
        <v>238</v>
      </c>
      <c r="D66866" s="14" t="s">
        <v>313</v>
      </c>
      <c r="E66866" s="15">
        <v>45447</v>
      </c>
      <c r="F66866" s="14" t="s">
        <v>25</v>
      </c>
      <c r="G66866" s="16">
        <v>0.43313003831087776</v>
      </c>
    </row>
    <row r="66867" spans="1:7" x14ac:dyDescent="0.3">
      <c r="A66867" s="13" t="s">
        <v>354</v>
      </c>
      <c r="B66867" s="14" t="s">
        <v>1</v>
      </c>
      <c r="C66867" s="14" t="s">
        <v>238</v>
      </c>
      <c r="D66867" s="14" t="s">
        <v>313</v>
      </c>
      <c r="E66867" s="15">
        <v>45448</v>
      </c>
      <c r="F66867" s="14" t="s">
        <v>25</v>
      </c>
      <c r="G66867" s="16">
        <v>0.46197527464681248</v>
      </c>
    </row>
    <row r="66868" spans="1:7" x14ac:dyDescent="0.3">
      <c r="A66868" s="13" t="s">
        <v>354</v>
      </c>
      <c r="B66868" s="14" t="s">
        <v>1</v>
      </c>
      <c r="C66868" s="14" t="s">
        <v>238</v>
      </c>
      <c r="D66868" s="14" t="s">
        <v>313</v>
      </c>
      <c r="E66868" s="15">
        <v>45449</v>
      </c>
      <c r="F66868" s="14" t="s">
        <v>25</v>
      </c>
      <c r="G66868" s="16">
        <v>0.46762245019691806</v>
      </c>
    </row>
    <row r="66869" spans="1:7" x14ac:dyDescent="0.3">
      <c r="A66869" s="13" t="s">
        <v>354</v>
      </c>
      <c r="B66869" s="14" t="s">
        <v>1</v>
      </c>
      <c r="C66869" s="14" t="s">
        <v>238</v>
      </c>
      <c r="D66869" s="14" t="s">
        <v>313</v>
      </c>
      <c r="E66869" s="15">
        <v>45450</v>
      </c>
      <c r="F66869" s="14" t="s">
        <v>25</v>
      </c>
      <c r="G66869" s="16">
        <v>0.47424078201677983</v>
      </c>
    </row>
    <row r="66870" spans="1:7" x14ac:dyDescent="0.3">
      <c r="A66870" s="13" t="s">
        <v>354</v>
      </c>
      <c r="B66870" s="14" t="s">
        <v>1</v>
      </c>
      <c r="C66870" s="14" t="s">
        <v>238</v>
      </c>
      <c r="D66870" s="14" t="s">
        <v>313</v>
      </c>
      <c r="E66870" s="15">
        <v>45451</v>
      </c>
      <c r="F66870" s="14" t="s">
        <v>25</v>
      </c>
      <c r="G66870" s="16">
        <v>0.47424078201677983</v>
      </c>
    </row>
    <row r="66871" spans="1:7" x14ac:dyDescent="0.3">
      <c r="A66871" s="13" t="s">
        <v>354</v>
      </c>
      <c r="B66871" s="14" t="s">
        <v>1</v>
      </c>
      <c r="C66871" s="14" t="s">
        <v>238</v>
      </c>
      <c r="D66871" s="14" t="s">
        <v>313</v>
      </c>
      <c r="E66871" s="15">
        <v>45452</v>
      </c>
      <c r="F66871" s="14" t="s">
        <v>25</v>
      </c>
      <c r="G66871" s="16">
        <v>0.47424078201677983</v>
      </c>
    </row>
    <row r="66872" spans="1:7" x14ac:dyDescent="0.3">
      <c r="A66872" s="13" t="s">
        <v>354</v>
      </c>
      <c r="B66872" s="14" t="s">
        <v>1</v>
      </c>
      <c r="C66872" s="14" t="s">
        <v>238</v>
      </c>
      <c r="D66872" s="14" t="s">
        <v>313</v>
      </c>
      <c r="E66872" s="15">
        <v>45453</v>
      </c>
      <c r="F66872" s="14" t="s">
        <v>25</v>
      </c>
      <c r="G66872" s="16">
        <v>0.48012820130446515</v>
      </c>
    </row>
    <row r="66873" spans="1:7" x14ac:dyDescent="0.3">
      <c r="A66873" s="13" t="s">
        <v>354</v>
      </c>
      <c r="B66873" s="14" t="s">
        <v>1</v>
      </c>
      <c r="C66873" s="14" t="s">
        <v>238</v>
      </c>
      <c r="D66873" s="14" t="s">
        <v>313</v>
      </c>
      <c r="E66873" s="15">
        <v>45454</v>
      </c>
      <c r="F66873" s="14" t="s">
        <v>25</v>
      </c>
      <c r="G66873" s="16">
        <v>0.50017976434352052</v>
      </c>
    </row>
    <row r="66874" spans="1:7" x14ac:dyDescent="0.3">
      <c r="A66874" s="13" t="s">
        <v>354</v>
      </c>
      <c r="B66874" s="14" t="s">
        <v>1</v>
      </c>
      <c r="C66874" s="14" t="s">
        <v>238</v>
      </c>
      <c r="D66874" s="14" t="s">
        <v>313</v>
      </c>
      <c r="E66874" s="15">
        <v>45455</v>
      </c>
      <c r="F66874" s="14" t="s">
        <v>25</v>
      </c>
      <c r="G66874" s="16">
        <v>0.50819129878075886</v>
      </c>
    </row>
    <row r="66875" spans="1:7" x14ac:dyDescent="0.3">
      <c r="A66875" s="13" t="s">
        <v>354</v>
      </c>
      <c r="B66875" s="14" t="s">
        <v>1</v>
      </c>
      <c r="C66875" s="14" t="s">
        <v>238</v>
      </c>
      <c r="D66875" s="14" t="s">
        <v>313</v>
      </c>
      <c r="E66875" s="15">
        <v>45456</v>
      </c>
      <c r="F66875" s="14" t="s">
        <v>25</v>
      </c>
      <c r="G66875" s="16">
        <v>0.51141058749218815</v>
      </c>
    </row>
    <row r="66876" spans="1:7" x14ac:dyDescent="0.3">
      <c r="A66876" s="13" t="s">
        <v>354</v>
      </c>
      <c r="B66876" s="14" t="s">
        <v>1</v>
      </c>
      <c r="C66876" s="14" t="s">
        <v>238</v>
      </c>
      <c r="D66876" s="14" t="s">
        <v>313</v>
      </c>
      <c r="E66876" s="15">
        <v>45457</v>
      </c>
      <c r="F66876" s="14" t="s">
        <v>25</v>
      </c>
      <c r="G66876" s="16">
        <v>0.51446474576784162</v>
      </c>
    </row>
    <row r="66877" spans="1:7" x14ac:dyDescent="0.3">
      <c r="A66877" s="13" t="s">
        <v>354</v>
      </c>
      <c r="B66877" s="14" t="s">
        <v>1</v>
      </c>
      <c r="C66877" s="14" t="s">
        <v>238</v>
      </c>
      <c r="D66877" s="14" t="s">
        <v>313</v>
      </c>
      <c r="E66877" s="15">
        <v>45458</v>
      </c>
      <c r="F66877" s="14" t="s">
        <v>25</v>
      </c>
      <c r="G66877" s="16">
        <v>0.51446474576784162</v>
      </c>
    </row>
    <row r="66878" spans="1:7" x14ac:dyDescent="0.3">
      <c r="A66878" s="13" t="s">
        <v>354</v>
      </c>
      <c r="B66878" s="14" t="s">
        <v>1</v>
      </c>
      <c r="C66878" s="14" t="s">
        <v>238</v>
      </c>
      <c r="D66878" s="14" t="s">
        <v>313</v>
      </c>
      <c r="E66878" s="15">
        <v>45459</v>
      </c>
      <c r="F66878" s="14" t="s">
        <v>25</v>
      </c>
      <c r="G66878" s="16">
        <v>0.51446474576784162</v>
      </c>
    </row>
    <row r="66879" spans="1:7" x14ac:dyDescent="0.3">
      <c r="A66879" s="13" t="s">
        <v>354</v>
      </c>
      <c r="B66879" s="14" t="s">
        <v>1</v>
      </c>
      <c r="C66879" s="14" t="s">
        <v>238</v>
      </c>
      <c r="D66879" s="14" t="s">
        <v>313</v>
      </c>
      <c r="E66879" s="15">
        <v>45460</v>
      </c>
      <c r="F66879" s="14" t="s">
        <v>25</v>
      </c>
      <c r="G66879" s="16">
        <v>0.5224664237935277</v>
      </c>
    </row>
    <row r="66880" spans="1:7" x14ac:dyDescent="0.3">
      <c r="A66880" s="13" t="s">
        <v>354</v>
      </c>
      <c r="B66880" s="14" t="s">
        <v>1</v>
      </c>
      <c r="C66880" s="14" t="s">
        <v>238</v>
      </c>
      <c r="D66880" s="14" t="s">
        <v>313</v>
      </c>
      <c r="E66880" s="15">
        <v>45461</v>
      </c>
      <c r="F66880" s="14" t="s">
        <v>25</v>
      </c>
      <c r="G66880" s="16">
        <v>0.54016084026378663</v>
      </c>
    </row>
    <row r="66881" spans="1:7" x14ac:dyDescent="0.3">
      <c r="A66881" s="13" t="s">
        <v>354</v>
      </c>
      <c r="B66881" s="14" t="s">
        <v>1</v>
      </c>
      <c r="C66881" s="14" t="s">
        <v>238</v>
      </c>
      <c r="D66881" s="14" t="s">
        <v>313</v>
      </c>
      <c r="E66881" s="15">
        <v>45462</v>
      </c>
      <c r="F66881" s="14" t="s">
        <v>25</v>
      </c>
      <c r="G66881" s="16">
        <v>0.54731424723702027</v>
      </c>
    </row>
    <row r="66882" spans="1:7" x14ac:dyDescent="0.3">
      <c r="A66882" s="13" t="s">
        <v>354</v>
      </c>
      <c r="B66882" s="14" t="s">
        <v>1</v>
      </c>
      <c r="C66882" s="14" t="s">
        <v>238</v>
      </c>
      <c r="D66882" s="14" t="s">
        <v>313</v>
      </c>
      <c r="E66882" s="15">
        <v>45463</v>
      </c>
      <c r="F66882" s="14" t="s">
        <v>25</v>
      </c>
      <c r="G66882" s="16">
        <v>0.55626144108811748</v>
      </c>
    </row>
    <row r="66883" spans="1:7" x14ac:dyDescent="0.3">
      <c r="A66883" s="13" t="s">
        <v>354</v>
      </c>
      <c r="B66883" s="14" t="s">
        <v>1</v>
      </c>
      <c r="C66883" s="14" t="s">
        <v>238</v>
      </c>
      <c r="D66883" s="14" t="s">
        <v>313</v>
      </c>
      <c r="E66883" s="15">
        <v>45464</v>
      </c>
      <c r="F66883" s="14" t="s">
        <v>25</v>
      </c>
      <c r="G66883" s="16">
        <v>0.56433372715519348</v>
      </c>
    </row>
    <row r="66884" spans="1:7" x14ac:dyDescent="0.3">
      <c r="A66884" s="13" t="s">
        <v>354</v>
      </c>
      <c r="B66884" s="14" t="s">
        <v>1</v>
      </c>
      <c r="C66884" s="14" t="s">
        <v>238</v>
      </c>
      <c r="D66884" s="14" t="s">
        <v>313</v>
      </c>
      <c r="E66884" s="15">
        <v>45465</v>
      </c>
      <c r="F66884" s="14" t="s">
        <v>25</v>
      </c>
      <c r="G66884" s="16">
        <v>0.56433372715519348</v>
      </c>
    </row>
    <row r="66885" spans="1:7" x14ac:dyDescent="0.3">
      <c r="A66885" s="13" t="s">
        <v>354</v>
      </c>
      <c r="B66885" s="14" t="s">
        <v>1</v>
      </c>
      <c r="C66885" s="14" t="s">
        <v>238</v>
      </c>
      <c r="D66885" s="14" t="s">
        <v>313</v>
      </c>
      <c r="E66885" s="15">
        <v>45466</v>
      </c>
      <c r="F66885" s="14" t="s">
        <v>25</v>
      </c>
      <c r="G66885" s="16">
        <v>0.56433372715519348</v>
      </c>
    </row>
    <row r="66886" spans="1:7" x14ac:dyDescent="0.3">
      <c r="A66886" s="13" t="s">
        <v>354</v>
      </c>
      <c r="B66886" s="14" t="s">
        <v>1</v>
      </c>
      <c r="C66886" s="14" t="s">
        <v>238</v>
      </c>
      <c r="D66886" s="14" t="s">
        <v>313</v>
      </c>
      <c r="E66886" s="15">
        <v>45467</v>
      </c>
      <c r="F66886" s="14" t="s">
        <v>25</v>
      </c>
      <c r="G66886" s="16">
        <v>0.57672718719661276</v>
      </c>
    </row>
    <row r="66887" spans="1:7" x14ac:dyDescent="0.3">
      <c r="A66887" s="13" t="s">
        <v>354</v>
      </c>
      <c r="B66887" s="14" t="s">
        <v>1</v>
      </c>
      <c r="C66887" s="14" t="s">
        <v>238</v>
      </c>
      <c r="D66887" s="14" t="s">
        <v>313</v>
      </c>
      <c r="E66887" s="15">
        <v>45468</v>
      </c>
      <c r="F66887" s="14" t="s">
        <v>25</v>
      </c>
      <c r="G66887" s="16">
        <v>0.59917529380017764</v>
      </c>
    </row>
    <row r="66888" spans="1:7" x14ac:dyDescent="0.3">
      <c r="A66888" s="13" t="s">
        <v>354</v>
      </c>
      <c r="B66888" s="14" t="s">
        <v>1</v>
      </c>
      <c r="C66888" s="14" t="s">
        <v>238</v>
      </c>
      <c r="D66888" s="14" t="s">
        <v>313</v>
      </c>
      <c r="E66888" s="15">
        <v>45469</v>
      </c>
      <c r="F66888" s="14" t="s">
        <v>25</v>
      </c>
      <c r="G66888" s="16">
        <v>0.60586847113890752</v>
      </c>
    </row>
    <row r="66889" spans="1:7" x14ac:dyDescent="0.3">
      <c r="A66889" s="13" t="s">
        <v>354</v>
      </c>
      <c r="B66889" s="14" t="s">
        <v>1</v>
      </c>
      <c r="C66889" s="14" t="s">
        <v>238</v>
      </c>
      <c r="D66889" s="14" t="s">
        <v>313</v>
      </c>
      <c r="E66889" s="15">
        <v>45470</v>
      </c>
      <c r="F66889" s="14" t="s">
        <v>25</v>
      </c>
      <c r="G66889" s="16">
        <v>0.61499564056484979</v>
      </c>
    </row>
    <row r="66890" spans="1:7" x14ac:dyDescent="0.3">
      <c r="A66890" s="13" t="s">
        <v>354</v>
      </c>
      <c r="B66890" s="14" t="s">
        <v>1</v>
      </c>
      <c r="C66890" s="14" t="s">
        <v>238</v>
      </c>
      <c r="D66890" s="14" t="s">
        <v>313</v>
      </c>
      <c r="E66890" s="15">
        <v>45471</v>
      </c>
      <c r="F66890" s="14" t="s">
        <v>25</v>
      </c>
      <c r="G66890" s="16">
        <v>0.62269587979051999</v>
      </c>
    </row>
    <row r="66891" spans="1:7" x14ac:dyDescent="0.3">
      <c r="A66891" s="13" t="s">
        <v>354</v>
      </c>
      <c r="B66891" s="14" t="s">
        <v>1</v>
      </c>
      <c r="C66891" s="14" t="s">
        <v>238</v>
      </c>
      <c r="D66891" s="14" t="s">
        <v>313</v>
      </c>
      <c r="E66891" s="15">
        <v>45472</v>
      </c>
      <c r="F66891" s="14" t="s">
        <v>25</v>
      </c>
      <c r="G66891" s="16">
        <v>0.62269587979051999</v>
      </c>
    </row>
    <row r="66892" spans="1:7" x14ac:dyDescent="0.3">
      <c r="A66892" s="13" t="s">
        <v>354</v>
      </c>
      <c r="B66892" s="14" t="s">
        <v>1</v>
      </c>
      <c r="C66892" s="14" t="s">
        <v>238</v>
      </c>
      <c r="D66892" s="14" t="s">
        <v>313</v>
      </c>
      <c r="E66892" s="15">
        <v>45473</v>
      </c>
      <c r="F66892" s="14" t="s">
        <v>25</v>
      </c>
      <c r="G66892" s="16">
        <v>0.62269587979051999</v>
      </c>
    </row>
    <row r="66893" spans="1:7" x14ac:dyDescent="0.3">
      <c r="A66893" s="13" t="s">
        <v>354</v>
      </c>
      <c r="B66893" s="14" t="s">
        <v>1</v>
      </c>
      <c r="C66893" s="14" t="s">
        <v>238</v>
      </c>
      <c r="D66893" s="14" t="s">
        <v>313</v>
      </c>
      <c r="E66893" s="15">
        <v>45474</v>
      </c>
      <c r="F66893" s="14" t="s">
        <v>25</v>
      </c>
      <c r="G66893" s="16">
        <v>0.63389426506989321</v>
      </c>
    </row>
    <row r="66894" spans="1:7" x14ac:dyDescent="0.3">
      <c r="A66894" s="13" t="s">
        <v>354</v>
      </c>
      <c r="B66894" s="14" t="s">
        <v>1</v>
      </c>
      <c r="C66894" s="14" t="s">
        <v>238</v>
      </c>
      <c r="D66894" s="14" t="s">
        <v>313</v>
      </c>
      <c r="E66894" s="15">
        <v>45475</v>
      </c>
      <c r="F66894" s="14" t="s">
        <v>25</v>
      </c>
      <c r="G66894" s="16">
        <v>0.65579809112444676</v>
      </c>
    </row>
    <row r="66895" spans="1:7" x14ac:dyDescent="0.3">
      <c r="A66895" s="13" t="s">
        <v>354</v>
      </c>
      <c r="B66895" s="14" t="s">
        <v>1</v>
      </c>
      <c r="C66895" s="14" t="s">
        <v>238</v>
      </c>
      <c r="D66895" s="14" t="s">
        <v>313</v>
      </c>
      <c r="E66895" s="15">
        <v>45476</v>
      </c>
      <c r="F66895" s="14" t="s">
        <v>25</v>
      </c>
      <c r="G66895" s="16">
        <v>0.66360501358816271</v>
      </c>
    </row>
    <row r="66896" spans="1:7" x14ac:dyDescent="0.3">
      <c r="A66896" s="13" t="s">
        <v>354</v>
      </c>
      <c r="B66896" s="14" t="s">
        <v>1</v>
      </c>
      <c r="C66896" s="14" t="s">
        <v>238</v>
      </c>
      <c r="D66896" s="14" t="s">
        <v>313</v>
      </c>
      <c r="E66896" s="15">
        <v>45477</v>
      </c>
      <c r="F66896" s="14" t="s">
        <v>25</v>
      </c>
      <c r="G66896" s="16">
        <v>0.67096428238190009</v>
      </c>
    </row>
    <row r="66897" spans="1:7" x14ac:dyDescent="0.3">
      <c r="A66897" s="13" t="s">
        <v>354</v>
      </c>
      <c r="B66897" s="14" t="s">
        <v>1</v>
      </c>
      <c r="C66897" s="14" t="s">
        <v>238</v>
      </c>
      <c r="D66897" s="14" t="s">
        <v>313</v>
      </c>
      <c r="E66897" s="15">
        <v>45478</v>
      </c>
      <c r="F66897" s="14" t="s">
        <v>25</v>
      </c>
      <c r="G66897" s="16">
        <v>0.67638578863545662</v>
      </c>
    </row>
    <row r="66898" spans="1:7" x14ac:dyDescent="0.3">
      <c r="A66898" s="13" t="s">
        <v>354</v>
      </c>
      <c r="B66898" s="14" t="s">
        <v>1</v>
      </c>
      <c r="C66898" s="14" t="s">
        <v>238</v>
      </c>
      <c r="D66898" s="14" t="s">
        <v>313</v>
      </c>
      <c r="E66898" s="15">
        <v>45479</v>
      </c>
      <c r="F66898" s="14" t="s">
        <v>25</v>
      </c>
      <c r="G66898" s="16">
        <v>0.67638578863545662</v>
      </c>
    </row>
    <row r="66899" spans="1:7" x14ac:dyDescent="0.3">
      <c r="A66899" s="13" t="s">
        <v>354</v>
      </c>
      <c r="B66899" s="14" t="s">
        <v>1</v>
      </c>
      <c r="C66899" s="14" t="s">
        <v>238</v>
      </c>
      <c r="D66899" s="14" t="s">
        <v>313</v>
      </c>
      <c r="E66899" s="15">
        <v>45480</v>
      </c>
      <c r="F66899" s="14" t="s">
        <v>25</v>
      </c>
      <c r="G66899" s="16">
        <v>0.67638578863545662</v>
      </c>
    </row>
    <row r="66900" spans="1:7" x14ac:dyDescent="0.3">
      <c r="A66900" s="13" t="s">
        <v>354</v>
      </c>
      <c r="B66900" s="14" t="s">
        <v>1</v>
      </c>
      <c r="C66900" s="14" t="s">
        <v>238</v>
      </c>
      <c r="D66900" s="14" t="s">
        <v>313</v>
      </c>
      <c r="E66900" s="15">
        <v>45481</v>
      </c>
      <c r="F66900" s="14" t="s">
        <v>25</v>
      </c>
      <c r="G66900" s="16">
        <v>0.68346052053313111</v>
      </c>
    </row>
    <row r="66901" spans="1:7" x14ac:dyDescent="0.3">
      <c r="A66901" s="13" t="s">
        <v>354</v>
      </c>
      <c r="B66901" s="14" t="s">
        <v>1</v>
      </c>
      <c r="C66901" s="14" t="s">
        <v>238</v>
      </c>
      <c r="D66901" s="14" t="s">
        <v>313</v>
      </c>
      <c r="E66901" s="15">
        <v>45482</v>
      </c>
      <c r="F66901" s="14" t="s">
        <v>25</v>
      </c>
      <c r="G66901" s="16">
        <v>0.70337133160402188</v>
      </c>
    </row>
    <row r="66902" spans="1:7" x14ac:dyDescent="0.3">
      <c r="A66902" s="13" t="s">
        <v>354</v>
      </c>
      <c r="B66902" s="14" t="s">
        <v>1</v>
      </c>
      <c r="C66902" s="14" t="s">
        <v>238</v>
      </c>
      <c r="D66902" s="14" t="s">
        <v>313</v>
      </c>
      <c r="E66902" s="15">
        <v>45483</v>
      </c>
      <c r="F66902" s="14" t="s">
        <v>25</v>
      </c>
      <c r="G66902" s="16">
        <v>0.71315003886781536</v>
      </c>
    </row>
    <row r="66903" spans="1:7" x14ac:dyDescent="0.3">
      <c r="A66903" s="13" t="s">
        <v>354</v>
      </c>
      <c r="B66903" s="14" t="s">
        <v>1</v>
      </c>
      <c r="C66903" s="14" t="s">
        <v>238</v>
      </c>
      <c r="D66903" s="14" t="s">
        <v>313</v>
      </c>
      <c r="E66903" s="15">
        <v>45484</v>
      </c>
      <c r="F66903" s="14" t="s">
        <v>25</v>
      </c>
      <c r="G66903" s="16">
        <v>0.71997326780562643</v>
      </c>
    </row>
    <row r="66904" spans="1:7" x14ac:dyDescent="0.3">
      <c r="A66904" s="13" t="s">
        <v>354</v>
      </c>
      <c r="B66904" s="14" t="s">
        <v>1</v>
      </c>
      <c r="C66904" s="14" t="s">
        <v>238</v>
      </c>
      <c r="D66904" s="14" t="s">
        <v>313</v>
      </c>
      <c r="E66904" s="15">
        <v>45485</v>
      </c>
      <c r="F66904" s="14" t="s">
        <v>25</v>
      </c>
      <c r="G66904" s="16">
        <v>0.72763996312119916</v>
      </c>
    </row>
    <row r="66905" spans="1:7" x14ac:dyDescent="0.3">
      <c r="A66905" s="13" t="s">
        <v>354</v>
      </c>
      <c r="B66905" s="14" t="s">
        <v>1</v>
      </c>
      <c r="C66905" s="14" t="s">
        <v>238</v>
      </c>
      <c r="D66905" s="14" t="s">
        <v>313</v>
      </c>
      <c r="E66905" s="15">
        <v>45486</v>
      </c>
      <c r="F66905" s="14" t="s">
        <v>25</v>
      </c>
      <c r="G66905" s="16">
        <v>0.72763996312119916</v>
      </c>
    </row>
    <row r="66906" spans="1:7" x14ac:dyDescent="0.3">
      <c r="A66906" s="13" t="s">
        <v>354</v>
      </c>
      <c r="B66906" s="14" t="s">
        <v>1</v>
      </c>
      <c r="C66906" s="14" t="s">
        <v>238</v>
      </c>
      <c r="D66906" s="14" t="s">
        <v>313</v>
      </c>
      <c r="E66906" s="15">
        <v>45487</v>
      </c>
      <c r="F66906" s="14" t="s">
        <v>25</v>
      </c>
      <c r="G66906" s="16">
        <v>0.72763996312119916</v>
      </c>
    </row>
    <row r="66907" spans="1:7" x14ac:dyDescent="0.3">
      <c r="A66907" s="13" t="s">
        <v>354</v>
      </c>
      <c r="B66907" s="14" t="s">
        <v>1</v>
      </c>
      <c r="C66907" s="14" t="s">
        <v>238</v>
      </c>
      <c r="D66907" s="14" t="s">
        <v>313</v>
      </c>
      <c r="E66907" s="15">
        <v>45488</v>
      </c>
      <c r="F66907" s="14" t="s">
        <v>25</v>
      </c>
      <c r="G66907" s="16">
        <v>0.73491430235981103</v>
      </c>
    </row>
    <row r="66908" spans="1:7" x14ac:dyDescent="0.3">
      <c r="A66908" s="13" t="s">
        <v>354</v>
      </c>
      <c r="B66908" s="14" t="s">
        <v>1</v>
      </c>
      <c r="C66908" s="14" t="s">
        <v>238</v>
      </c>
      <c r="D66908" s="14" t="s">
        <v>313</v>
      </c>
      <c r="E66908" s="15">
        <v>45489</v>
      </c>
      <c r="F66908" s="14" t="s">
        <v>25</v>
      </c>
      <c r="G66908" s="16">
        <v>0.75387032506400564</v>
      </c>
    </row>
    <row r="66909" spans="1:7" x14ac:dyDescent="0.3">
      <c r="A66909" s="13" t="s">
        <v>354</v>
      </c>
      <c r="B66909" s="14" t="s">
        <v>1</v>
      </c>
      <c r="C66909" s="14" t="s">
        <v>238</v>
      </c>
      <c r="D66909" s="14" t="s">
        <v>313</v>
      </c>
      <c r="E66909" s="15">
        <v>45490</v>
      </c>
      <c r="F66909" s="14" t="s">
        <v>25</v>
      </c>
      <c r="G66909" s="16">
        <v>0.75485250936968173</v>
      </c>
    </row>
    <row r="66910" spans="1:7" x14ac:dyDescent="0.3">
      <c r="A66910" s="13" t="s">
        <v>354</v>
      </c>
      <c r="B66910" s="14" t="s">
        <v>1</v>
      </c>
      <c r="C66910" s="14" t="s">
        <v>238</v>
      </c>
      <c r="D66910" s="14" t="s">
        <v>313</v>
      </c>
      <c r="E66910" s="15">
        <v>45491</v>
      </c>
      <c r="F66910" s="14" t="s">
        <v>25</v>
      </c>
      <c r="G66910" s="16">
        <v>0.7622967635552349</v>
      </c>
    </row>
    <row r="66911" spans="1:7" x14ac:dyDescent="0.3">
      <c r="A66911" s="13" t="s">
        <v>354</v>
      </c>
      <c r="B66911" s="14" t="s">
        <v>1</v>
      </c>
      <c r="C66911" s="14" t="s">
        <v>238</v>
      </c>
      <c r="D66911" s="14" t="s">
        <v>313</v>
      </c>
      <c r="E66911" s="15">
        <v>45492</v>
      </c>
      <c r="F66911" s="14" t="s">
        <v>25</v>
      </c>
      <c r="G66911" s="16">
        <v>0.76930225971103872</v>
      </c>
    </row>
    <row r="66912" spans="1:7" x14ac:dyDescent="0.3">
      <c r="A66912" s="13" t="s">
        <v>354</v>
      </c>
      <c r="B66912" s="14" t="s">
        <v>1</v>
      </c>
      <c r="C66912" s="14" t="s">
        <v>238</v>
      </c>
      <c r="D66912" s="14" t="s">
        <v>313</v>
      </c>
      <c r="E66912" s="15">
        <v>45493</v>
      </c>
      <c r="F66912" s="14" t="s">
        <v>25</v>
      </c>
      <c r="G66912" s="16">
        <v>0.76930225971103872</v>
      </c>
    </row>
    <row r="66913" spans="1:7" x14ac:dyDescent="0.3">
      <c r="A66913" s="13" t="s">
        <v>354</v>
      </c>
      <c r="B66913" s="14" t="s">
        <v>1</v>
      </c>
      <c r="C66913" s="14" t="s">
        <v>238</v>
      </c>
      <c r="D66913" s="14" t="s">
        <v>313</v>
      </c>
      <c r="E66913" s="15">
        <v>45494</v>
      </c>
      <c r="F66913" s="14" t="s">
        <v>25</v>
      </c>
      <c r="G66913" s="16">
        <v>0.76930225971103872</v>
      </c>
    </row>
    <row r="66914" spans="1:7" x14ac:dyDescent="0.3">
      <c r="A66914" s="13" t="s">
        <v>354</v>
      </c>
      <c r="B66914" s="14" t="s">
        <v>1</v>
      </c>
      <c r="C66914" s="14" t="s">
        <v>238</v>
      </c>
      <c r="D66914" s="14" t="s">
        <v>313</v>
      </c>
      <c r="E66914" s="15">
        <v>45495</v>
      </c>
      <c r="F66914" s="14" t="s">
        <v>25</v>
      </c>
      <c r="G66914" s="16">
        <v>0.77762993854390539</v>
      </c>
    </row>
    <row r="66915" spans="1:7" x14ac:dyDescent="0.3">
      <c r="A66915" s="13" t="s">
        <v>354</v>
      </c>
      <c r="B66915" s="14" t="s">
        <v>1</v>
      </c>
      <c r="C66915" s="14" t="s">
        <v>238</v>
      </c>
      <c r="D66915" s="14" t="s">
        <v>313</v>
      </c>
      <c r="E66915" s="15">
        <v>45496</v>
      </c>
      <c r="F66915" s="14" t="s">
        <v>25</v>
      </c>
      <c r="G66915" s="16">
        <v>0.79438398531928855</v>
      </c>
    </row>
    <row r="66916" spans="1:7" x14ac:dyDescent="0.3">
      <c r="A66916" s="13" t="s">
        <v>354</v>
      </c>
      <c r="B66916" s="14" t="s">
        <v>1</v>
      </c>
      <c r="C66916" s="14" t="s">
        <v>238</v>
      </c>
      <c r="D66916" s="14" t="s">
        <v>313</v>
      </c>
      <c r="E66916" s="15">
        <v>45497</v>
      </c>
      <c r="F66916" s="14" t="s">
        <v>25</v>
      </c>
      <c r="G66916" s="16">
        <v>0.79487387835550405</v>
      </c>
    </row>
    <row r="66917" spans="1:7" x14ac:dyDescent="0.3">
      <c r="A66917" s="13" t="s">
        <v>354</v>
      </c>
      <c r="B66917" s="14" t="s">
        <v>1</v>
      </c>
      <c r="C66917" s="14" t="s">
        <v>238</v>
      </c>
      <c r="D66917" s="14" t="s">
        <v>313</v>
      </c>
      <c r="E66917" s="15">
        <v>45498</v>
      </c>
      <c r="F66917" s="14" t="s">
        <v>25</v>
      </c>
      <c r="G66917" s="16">
        <v>0.79901081664727858</v>
      </c>
    </row>
    <row r="66918" spans="1:7" x14ac:dyDescent="0.3">
      <c r="A66918" s="13" t="s">
        <v>354</v>
      </c>
      <c r="B66918" s="14" t="s">
        <v>1</v>
      </c>
      <c r="C66918" s="14" t="s">
        <v>238</v>
      </c>
      <c r="D66918" s="14" t="s">
        <v>313</v>
      </c>
      <c r="E66918" s="15">
        <v>45499</v>
      </c>
      <c r="F66918" s="14" t="s">
        <v>25</v>
      </c>
      <c r="G66918" s="16">
        <v>0.80859902972304942</v>
      </c>
    </row>
    <row r="66919" spans="1:7" x14ac:dyDescent="0.3">
      <c r="A66919" s="13" t="s">
        <v>354</v>
      </c>
      <c r="B66919" s="14" t="s">
        <v>1</v>
      </c>
      <c r="C66919" s="14" t="s">
        <v>238</v>
      </c>
      <c r="D66919" s="14" t="s">
        <v>313</v>
      </c>
      <c r="E66919" s="15">
        <v>45500</v>
      </c>
      <c r="F66919" s="14" t="s">
        <v>25</v>
      </c>
      <c r="G66919" s="16">
        <v>0.80859902972304942</v>
      </c>
    </row>
    <row r="66920" spans="1:7" x14ac:dyDescent="0.3">
      <c r="A66920" s="13" t="s">
        <v>354</v>
      </c>
      <c r="B66920" s="14" t="s">
        <v>1</v>
      </c>
      <c r="C66920" s="14" t="s">
        <v>238</v>
      </c>
      <c r="D66920" s="14" t="s">
        <v>313</v>
      </c>
      <c r="E66920" s="15">
        <v>45501</v>
      </c>
      <c r="F66920" s="14" t="s">
        <v>25</v>
      </c>
      <c r="G66920" s="16">
        <v>0.80859902972304942</v>
      </c>
    </row>
    <row r="66921" spans="1:7" x14ac:dyDescent="0.3">
      <c r="A66921" s="13" t="s">
        <v>354</v>
      </c>
      <c r="B66921" s="14" t="s">
        <v>1</v>
      </c>
      <c r="C66921" s="14" t="s">
        <v>238</v>
      </c>
      <c r="D66921" s="14" t="s">
        <v>313</v>
      </c>
      <c r="E66921" s="15">
        <v>45502</v>
      </c>
      <c r="F66921" s="14" t="s">
        <v>25</v>
      </c>
      <c r="G66921" s="16">
        <v>0.81352211085838344</v>
      </c>
    </row>
    <row r="66922" spans="1:7" x14ac:dyDescent="0.3">
      <c r="A66922" s="13" t="s">
        <v>354</v>
      </c>
      <c r="B66922" s="14" t="s">
        <v>1</v>
      </c>
      <c r="C66922" s="14" t="s">
        <v>238</v>
      </c>
      <c r="D66922" s="14" t="s">
        <v>313</v>
      </c>
      <c r="E66922" s="15">
        <v>45503</v>
      </c>
      <c r="F66922" s="14" t="s">
        <v>25</v>
      </c>
      <c r="G66922" s="16">
        <v>0.830558836259641</v>
      </c>
    </row>
    <row r="66923" spans="1:7" x14ac:dyDescent="0.3">
      <c r="A66923" s="13" t="s">
        <v>354</v>
      </c>
      <c r="B66923" s="14" t="s">
        <v>1</v>
      </c>
      <c r="C66923" s="14" t="s">
        <v>238</v>
      </c>
      <c r="D66923" s="14" t="s">
        <v>313</v>
      </c>
      <c r="E66923" s="15">
        <v>45504</v>
      </c>
      <c r="F66923" s="14" t="s">
        <v>25</v>
      </c>
      <c r="G66923" s="16">
        <v>0.83379559514523782</v>
      </c>
    </row>
    <row r="66924" spans="1:7" x14ac:dyDescent="0.3">
      <c r="A66924" s="13" t="s">
        <v>354</v>
      </c>
      <c r="B66924" s="14" t="s">
        <v>1</v>
      </c>
      <c r="C66924" s="14" t="s">
        <v>238</v>
      </c>
      <c r="D66924" s="14" t="s">
        <v>313</v>
      </c>
      <c r="E66924" s="15">
        <v>45505</v>
      </c>
      <c r="F66924" s="14" t="s">
        <v>25</v>
      </c>
      <c r="G66924" s="16">
        <v>0.83379559514523782</v>
      </c>
    </row>
    <row r="66925" spans="1:7" x14ac:dyDescent="0.3">
      <c r="A66925" s="13" t="s">
        <v>354</v>
      </c>
      <c r="B66925" s="14" t="s">
        <v>1</v>
      </c>
      <c r="C66925" s="14" t="s">
        <v>238</v>
      </c>
      <c r="D66925" s="14" t="s">
        <v>313</v>
      </c>
      <c r="E66925" s="15">
        <v>45506</v>
      </c>
      <c r="F66925" s="14" t="s">
        <v>25</v>
      </c>
      <c r="G66925" s="16">
        <v>0.82788223591638155</v>
      </c>
    </row>
    <row r="66926" spans="1:7" x14ac:dyDescent="0.3">
      <c r="A66926" s="13" t="s">
        <v>354</v>
      </c>
      <c r="B66926" s="14" t="s">
        <v>1</v>
      </c>
      <c r="C66926" s="14" t="s">
        <v>238</v>
      </c>
      <c r="D66926" s="14" t="s">
        <v>313</v>
      </c>
      <c r="E66926" s="15">
        <v>45507</v>
      </c>
      <c r="F66926" s="14" t="s">
        <v>25</v>
      </c>
      <c r="G66926" s="16">
        <v>0.82788223591638155</v>
      </c>
    </row>
    <row r="66927" spans="1:7" x14ac:dyDescent="0.3">
      <c r="A66927" s="13" t="s">
        <v>354</v>
      </c>
      <c r="B66927" s="14" t="s">
        <v>1</v>
      </c>
      <c r="C66927" s="14" t="s">
        <v>238</v>
      </c>
      <c r="D66927" s="14" t="s">
        <v>313</v>
      </c>
      <c r="E66927" s="15">
        <v>45508</v>
      </c>
      <c r="F66927" s="14" t="s">
        <v>25</v>
      </c>
      <c r="G66927" s="16">
        <v>0.82788223591638155</v>
      </c>
    </row>
    <row r="66928" spans="1:7" x14ac:dyDescent="0.3">
      <c r="A66928" s="13" t="s">
        <v>354</v>
      </c>
      <c r="B66928" s="14" t="s">
        <v>1</v>
      </c>
      <c r="C66928" s="14" t="s">
        <v>238</v>
      </c>
      <c r="D66928" s="14" t="s">
        <v>313</v>
      </c>
      <c r="E66928" s="15">
        <v>45509</v>
      </c>
      <c r="F66928" s="14" t="s">
        <v>25</v>
      </c>
      <c r="G66928" s="16">
        <v>0.82788223591638155</v>
      </c>
    </row>
    <row r="66929" spans="1:7" x14ac:dyDescent="0.3">
      <c r="A66929" s="13" t="s">
        <v>354</v>
      </c>
      <c r="B66929" s="14" t="s">
        <v>1</v>
      </c>
      <c r="C66929" s="14" t="s">
        <v>238</v>
      </c>
      <c r="D66929" s="14" t="s">
        <v>313</v>
      </c>
      <c r="E66929" s="15">
        <v>45510</v>
      </c>
      <c r="F66929" s="14" t="s">
        <v>25</v>
      </c>
      <c r="G66929" s="16">
        <v>0.83713252933632365</v>
      </c>
    </row>
    <row r="66930" spans="1:7" x14ac:dyDescent="0.3">
      <c r="A66930" s="13" t="s">
        <v>354</v>
      </c>
      <c r="B66930" s="14" t="s">
        <v>1</v>
      </c>
      <c r="C66930" s="14" t="s">
        <v>238</v>
      </c>
      <c r="D66930" s="14" t="s">
        <v>313</v>
      </c>
      <c r="E66930" s="15">
        <v>45511</v>
      </c>
      <c r="F66930" s="14" t="s">
        <v>25</v>
      </c>
      <c r="G66930" s="16">
        <v>0.8743691811461104</v>
      </c>
    </row>
    <row r="66931" spans="1:7" x14ac:dyDescent="0.3">
      <c r="A66931" s="13" t="s">
        <v>354</v>
      </c>
      <c r="B66931" s="14" t="s">
        <v>1</v>
      </c>
      <c r="C66931" s="14" t="s">
        <v>238</v>
      </c>
      <c r="D66931" s="14" t="s">
        <v>313</v>
      </c>
      <c r="E66931" s="15">
        <v>45512</v>
      </c>
      <c r="F66931" s="14" t="s">
        <v>25</v>
      </c>
      <c r="G66931" s="16">
        <v>0.88408171368772892</v>
      </c>
    </row>
    <row r="66932" spans="1:7" x14ac:dyDescent="0.3">
      <c r="A66932" s="13" t="s">
        <v>354</v>
      </c>
      <c r="B66932" s="14" t="s">
        <v>1</v>
      </c>
      <c r="C66932" s="14" t="s">
        <v>238</v>
      </c>
      <c r="D66932" s="14" t="s">
        <v>313</v>
      </c>
      <c r="E66932" s="15">
        <v>45513</v>
      </c>
      <c r="F66932" s="14" t="s">
        <v>25</v>
      </c>
      <c r="G66932" s="16">
        <v>0.88962667296470621</v>
      </c>
    </row>
    <row r="66933" spans="1:7" x14ac:dyDescent="0.3">
      <c r="A66933" s="13" t="s">
        <v>354</v>
      </c>
      <c r="B66933" s="14" t="s">
        <v>1</v>
      </c>
      <c r="C66933" s="14" t="s">
        <v>238</v>
      </c>
      <c r="D66933" s="14" t="s">
        <v>313</v>
      </c>
      <c r="E66933" s="15">
        <v>45514</v>
      </c>
      <c r="F66933" s="14" t="s">
        <v>25</v>
      </c>
      <c r="G66933" s="16">
        <v>0.88962667296470621</v>
      </c>
    </row>
    <row r="66934" spans="1:7" x14ac:dyDescent="0.3">
      <c r="A66934" s="13" t="s">
        <v>354</v>
      </c>
      <c r="B66934" s="14" t="s">
        <v>1</v>
      </c>
      <c r="C66934" s="14" t="s">
        <v>238</v>
      </c>
      <c r="D66934" s="14" t="s">
        <v>313</v>
      </c>
      <c r="E66934" s="15">
        <v>45515</v>
      </c>
      <c r="F66934" s="14" t="s">
        <v>25</v>
      </c>
      <c r="G66934" s="16">
        <v>0.88962667296470621</v>
      </c>
    </row>
    <row r="66935" spans="1:7" x14ac:dyDescent="0.3">
      <c r="A66935" s="13" t="s">
        <v>354</v>
      </c>
      <c r="B66935" s="14" t="s">
        <v>1</v>
      </c>
      <c r="C66935" s="14" t="s">
        <v>238</v>
      </c>
      <c r="D66935" s="14" t="s">
        <v>313</v>
      </c>
      <c r="E66935" s="15">
        <v>45516</v>
      </c>
      <c r="F66935" s="14" t="s">
        <v>25</v>
      </c>
      <c r="G66935" s="16">
        <v>0.89752393886780468</v>
      </c>
    </row>
    <row r="66936" spans="1:7" x14ac:dyDescent="0.3">
      <c r="A66936" s="13" t="s">
        <v>354</v>
      </c>
      <c r="B66936" s="14" t="s">
        <v>1</v>
      </c>
      <c r="C66936" s="14" t="s">
        <v>238</v>
      </c>
      <c r="D66936" s="14" t="s">
        <v>313</v>
      </c>
      <c r="E66936" s="15">
        <v>45517</v>
      </c>
      <c r="F66936" s="14" t="s">
        <v>25</v>
      </c>
      <c r="G66936" s="16">
        <v>0.92274954712207091</v>
      </c>
    </row>
    <row r="66937" spans="1:7" x14ac:dyDescent="0.3">
      <c r="A66937" s="13" t="s">
        <v>354</v>
      </c>
      <c r="B66937" s="14" t="s">
        <v>1</v>
      </c>
      <c r="C66937" s="14" t="s">
        <v>238</v>
      </c>
      <c r="D66937" s="14" t="s">
        <v>313</v>
      </c>
      <c r="E66937" s="15">
        <v>45518</v>
      </c>
      <c r="F66937" s="14" t="s">
        <v>25</v>
      </c>
      <c r="G66937" s="16">
        <v>0.93175802807754293</v>
      </c>
    </row>
    <row r="66938" spans="1:7" x14ac:dyDescent="0.3">
      <c r="A66938" s="13" t="s">
        <v>354</v>
      </c>
      <c r="B66938" s="14" t="s">
        <v>1</v>
      </c>
      <c r="C66938" s="14" t="s">
        <v>238</v>
      </c>
      <c r="D66938" s="14" t="s">
        <v>313</v>
      </c>
      <c r="E66938" s="15">
        <v>45519</v>
      </c>
      <c r="F66938" s="14" t="s">
        <v>25</v>
      </c>
      <c r="G66938" s="16">
        <v>0.94316168022706204</v>
      </c>
    </row>
    <row r="66939" spans="1:7" x14ac:dyDescent="0.3">
      <c r="A66939" s="13" t="s">
        <v>354</v>
      </c>
      <c r="B66939" s="14" t="s">
        <v>1</v>
      </c>
      <c r="C66939" s="14" t="s">
        <v>238</v>
      </c>
      <c r="D66939" s="14" t="s">
        <v>313</v>
      </c>
      <c r="E66939" s="15">
        <v>45520</v>
      </c>
      <c r="F66939" s="14" t="s">
        <v>25</v>
      </c>
      <c r="G66939" s="16">
        <v>0.94785268944343914</v>
      </c>
    </row>
    <row r="66940" spans="1:7" x14ac:dyDescent="0.3">
      <c r="A66940" s="13" t="s">
        <v>354</v>
      </c>
      <c r="B66940" s="14" t="s">
        <v>1</v>
      </c>
      <c r="C66940" s="14" t="s">
        <v>238</v>
      </c>
      <c r="D66940" s="14" t="s">
        <v>313</v>
      </c>
      <c r="E66940" s="15">
        <v>45521</v>
      </c>
      <c r="F66940" s="14" t="s">
        <v>25</v>
      </c>
      <c r="G66940" s="16">
        <v>0.94785268944343914</v>
      </c>
    </row>
    <row r="66941" spans="1:7" x14ac:dyDescent="0.3">
      <c r="A66941" s="13" t="s">
        <v>354</v>
      </c>
      <c r="B66941" s="14" t="s">
        <v>1</v>
      </c>
      <c r="C66941" s="14" t="s">
        <v>238</v>
      </c>
      <c r="D66941" s="14" t="s">
        <v>313</v>
      </c>
      <c r="E66941" s="15">
        <v>45522</v>
      </c>
      <c r="F66941" s="14" t="s">
        <v>25</v>
      </c>
      <c r="G66941" s="16">
        <v>0.94785268944343914</v>
      </c>
    </row>
    <row r="66942" spans="1:7" x14ac:dyDescent="0.3">
      <c r="A66942" s="13" t="s">
        <v>354</v>
      </c>
      <c r="B66942" s="14" t="s">
        <v>1</v>
      </c>
      <c r="C66942" s="14" t="s">
        <v>238</v>
      </c>
      <c r="D66942" s="14" t="s">
        <v>313</v>
      </c>
      <c r="E66942" s="15">
        <v>45523</v>
      </c>
      <c r="F66942" s="14" t="s">
        <v>25</v>
      </c>
      <c r="G66942" s="16">
        <v>0.95598461966174508</v>
      </c>
    </row>
    <row r="66943" spans="1:7" x14ac:dyDescent="0.3">
      <c r="A66943" s="13" t="s">
        <v>354</v>
      </c>
      <c r="B66943" s="14" t="s">
        <v>1</v>
      </c>
      <c r="C66943" s="14" t="s">
        <v>238</v>
      </c>
      <c r="D66943" s="14" t="s">
        <v>313</v>
      </c>
      <c r="E66943" s="15">
        <v>45524</v>
      </c>
      <c r="F66943" s="14" t="s">
        <v>25</v>
      </c>
      <c r="G66943" s="16">
        <v>0.97062501934476664</v>
      </c>
    </row>
    <row r="66944" spans="1:7" x14ac:dyDescent="0.3">
      <c r="A66944" s="13" t="s">
        <v>354</v>
      </c>
      <c r="B66944" s="14" t="s">
        <v>1</v>
      </c>
      <c r="C66944" s="14" t="s">
        <v>238</v>
      </c>
      <c r="D66944" s="14" t="s">
        <v>313</v>
      </c>
      <c r="E66944" s="15">
        <v>45525</v>
      </c>
      <c r="F66944" s="14" t="s">
        <v>25</v>
      </c>
      <c r="G66944" s="16">
        <v>0.97609054372213522</v>
      </c>
    </row>
    <row r="66945" spans="1:7" x14ac:dyDescent="0.3">
      <c r="A66945" s="13" t="s">
        <v>354</v>
      </c>
      <c r="B66945" s="14" t="s">
        <v>1</v>
      </c>
      <c r="C66945" s="14" t="s">
        <v>238</v>
      </c>
      <c r="D66945" s="14" t="s">
        <v>313</v>
      </c>
      <c r="E66945" s="15">
        <v>45526</v>
      </c>
      <c r="F66945" s="14" t="s">
        <v>25</v>
      </c>
      <c r="G66945" s="16">
        <v>0.98061915033512848</v>
      </c>
    </row>
    <row r="66946" spans="1:7" x14ac:dyDescent="0.3">
      <c r="A66946" s="13" t="s">
        <v>354</v>
      </c>
      <c r="B66946" s="14" t="s">
        <v>1</v>
      </c>
      <c r="C66946" s="14" t="s">
        <v>238</v>
      </c>
      <c r="D66946" s="14" t="s">
        <v>313</v>
      </c>
      <c r="E66946" s="15">
        <v>45527</v>
      </c>
      <c r="F66946" s="14" t="s">
        <v>25</v>
      </c>
      <c r="G66946" s="16">
        <v>0.98929808673852138</v>
      </c>
    </row>
    <row r="66947" spans="1:7" x14ac:dyDescent="0.3">
      <c r="A66947" s="13" t="s">
        <v>354</v>
      </c>
      <c r="B66947" s="14" t="s">
        <v>1</v>
      </c>
      <c r="C66947" s="14" t="s">
        <v>238</v>
      </c>
      <c r="D66947" s="14" t="s">
        <v>313</v>
      </c>
      <c r="E66947" s="15">
        <v>45528</v>
      </c>
      <c r="F66947" s="14" t="s">
        <v>25</v>
      </c>
      <c r="G66947" s="16">
        <v>0.98929808673852138</v>
      </c>
    </row>
    <row r="66948" spans="1:7" x14ac:dyDescent="0.3">
      <c r="A66948" s="13" t="s">
        <v>354</v>
      </c>
      <c r="B66948" s="14" t="s">
        <v>1</v>
      </c>
      <c r="C66948" s="14" t="s">
        <v>238</v>
      </c>
      <c r="D66948" s="14" t="s">
        <v>313</v>
      </c>
      <c r="E66948" s="15">
        <v>45529</v>
      </c>
      <c r="F66948" s="14" t="s">
        <v>25</v>
      </c>
      <c r="G66948" s="16">
        <v>0.98929808673852138</v>
      </c>
    </row>
    <row r="66949" spans="1:7" x14ac:dyDescent="0.3">
      <c r="A66949" s="13" t="s">
        <v>354</v>
      </c>
      <c r="B66949" s="14" t="s">
        <v>1</v>
      </c>
      <c r="C66949" s="14" t="s">
        <v>238</v>
      </c>
      <c r="D66949" s="14" t="s">
        <v>313</v>
      </c>
      <c r="E66949" s="15">
        <v>45530</v>
      </c>
      <c r="F66949" s="14" t="s">
        <v>25</v>
      </c>
      <c r="G66949" s="16">
        <v>0.99277396022031261</v>
      </c>
    </row>
    <row r="66950" spans="1:7" x14ac:dyDescent="0.3">
      <c r="A66950" s="13" t="s">
        <v>354</v>
      </c>
      <c r="B66950" s="14" t="s">
        <v>1</v>
      </c>
      <c r="C66950" s="14" t="s">
        <v>238</v>
      </c>
      <c r="D66950" s="14" t="s">
        <v>313</v>
      </c>
      <c r="E66950" s="15">
        <v>45531</v>
      </c>
      <c r="F66950" s="14" t="s">
        <v>25</v>
      </c>
      <c r="G66950" s="16">
        <v>1.0083643692951747</v>
      </c>
    </row>
    <row r="66951" spans="1:7" x14ac:dyDescent="0.3">
      <c r="A66951" s="13" t="s">
        <v>354</v>
      </c>
      <c r="B66951" s="14" t="s">
        <v>1</v>
      </c>
      <c r="C66951" s="14" t="s">
        <v>238</v>
      </c>
      <c r="D66951" s="14" t="s">
        <v>313</v>
      </c>
      <c r="E66951" s="15">
        <v>45532</v>
      </c>
      <c r="F66951" s="14" t="s">
        <v>25</v>
      </c>
      <c r="G66951" s="16">
        <v>1.0101868010650243</v>
      </c>
    </row>
    <row r="66952" spans="1:7" x14ac:dyDescent="0.3">
      <c r="A66952" s="13" t="s">
        <v>354</v>
      </c>
      <c r="B66952" s="14" t="s">
        <v>1</v>
      </c>
      <c r="C66952" s="14" t="s">
        <v>238</v>
      </c>
      <c r="D66952" s="14" t="s">
        <v>313</v>
      </c>
      <c r="E66952" s="15">
        <v>45533</v>
      </c>
      <c r="F66952" s="14" t="s">
        <v>25</v>
      </c>
      <c r="G66952" s="16">
        <v>1.0122649410455002</v>
      </c>
    </row>
    <row r="66953" spans="1:7" x14ac:dyDescent="0.3">
      <c r="A66953" s="13" t="s">
        <v>354</v>
      </c>
      <c r="B66953" s="14" t="s">
        <v>1</v>
      </c>
      <c r="C66953" s="14" t="s">
        <v>238</v>
      </c>
      <c r="D66953" s="14" t="s">
        <v>313</v>
      </c>
      <c r="E66953" s="15">
        <v>45534</v>
      </c>
      <c r="F66953" s="14" t="s">
        <v>25</v>
      </c>
      <c r="G66953" s="16">
        <v>1.0194901577114757</v>
      </c>
    </row>
    <row r="66954" spans="1:7" x14ac:dyDescent="0.3">
      <c r="A66954" s="13" t="s">
        <v>354</v>
      </c>
      <c r="B66954" s="14" t="s">
        <v>1</v>
      </c>
      <c r="C66954" s="14" t="s">
        <v>238</v>
      </c>
      <c r="D66954" s="14" t="s">
        <v>313</v>
      </c>
      <c r="E66954" s="15">
        <v>45535</v>
      </c>
      <c r="F66954" s="14" t="s">
        <v>25</v>
      </c>
      <c r="G66954" s="16">
        <v>1.0194901577114757</v>
      </c>
    </row>
    <row r="66955" spans="1:7" x14ac:dyDescent="0.3">
      <c r="A66955" s="13" t="s">
        <v>354</v>
      </c>
      <c r="B66955" s="14" t="s">
        <v>1</v>
      </c>
      <c r="C66955" s="14" t="s">
        <v>238</v>
      </c>
      <c r="D66955" s="14" t="s">
        <v>313</v>
      </c>
      <c r="E66955" s="15">
        <v>45536</v>
      </c>
      <c r="F66955" s="14" t="s">
        <v>25</v>
      </c>
      <c r="G66955" s="16">
        <v>1.0194901577114757</v>
      </c>
    </row>
    <row r="66956" spans="1:7" x14ac:dyDescent="0.3">
      <c r="A66956" s="13" t="s">
        <v>354</v>
      </c>
      <c r="B66956" s="14" t="s">
        <v>1</v>
      </c>
      <c r="C66956" s="14" t="s">
        <v>238</v>
      </c>
      <c r="D66956" s="14" t="s">
        <v>313</v>
      </c>
      <c r="E66956" s="15">
        <v>45537</v>
      </c>
      <c r="F66956" s="14" t="s">
        <v>25</v>
      </c>
      <c r="G66956" s="16">
        <v>1.0305337527183542</v>
      </c>
    </row>
    <row r="66957" spans="1:7" x14ac:dyDescent="0.3">
      <c r="A66957" s="13" t="s">
        <v>354</v>
      </c>
      <c r="B66957" s="14" t="s">
        <v>1</v>
      </c>
      <c r="C66957" s="14" t="s">
        <v>238</v>
      </c>
      <c r="D66957" s="14" t="s">
        <v>313</v>
      </c>
      <c r="E66957" s="15">
        <v>45538</v>
      </c>
      <c r="F66957" s="14" t="s">
        <v>25</v>
      </c>
      <c r="G66957" s="16">
        <v>1.0467621005625234</v>
      </c>
    </row>
    <row r="66958" spans="1:7" x14ac:dyDescent="0.3">
      <c r="A66958" s="13" t="s">
        <v>354</v>
      </c>
      <c r="B66958" s="14" t="s">
        <v>1</v>
      </c>
      <c r="C66958" s="14" t="s">
        <v>238</v>
      </c>
      <c r="D66958" s="14" t="s">
        <v>313</v>
      </c>
      <c r="E66958" s="15">
        <v>45539</v>
      </c>
      <c r="F66958" s="14" t="s">
        <v>25</v>
      </c>
      <c r="G66958" s="16">
        <v>1.0523646106278335</v>
      </c>
    </row>
    <row r="66959" spans="1:7" x14ac:dyDescent="0.3">
      <c r="A66959" s="13" t="s">
        <v>354</v>
      </c>
      <c r="B66959" s="14" t="s">
        <v>1</v>
      </c>
      <c r="C66959" s="14" t="s">
        <v>238</v>
      </c>
      <c r="D66959" s="14" t="s">
        <v>313</v>
      </c>
      <c r="E66959" s="15">
        <v>45540</v>
      </c>
      <c r="F66959" s="14" t="s">
        <v>25</v>
      </c>
      <c r="G66959" s="16">
        <v>1.0592855206445349</v>
      </c>
    </row>
    <row r="66960" spans="1:7" x14ac:dyDescent="0.3">
      <c r="A66960" s="13" t="s">
        <v>354</v>
      </c>
      <c r="B66960" s="14" t="s">
        <v>1</v>
      </c>
      <c r="C66960" s="14" t="s">
        <v>238</v>
      </c>
      <c r="D66960" s="14" t="s">
        <v>313</v>
      </c>
      <c r="E66960" s="15">
        <v>45541</v>
      </c>
      <c r="F66960" s="14" t="s">
        <v>25</v>
      </c>
      <c r="G66960" s="16">
        <v>1.0619871215405006</v>
      </c>
    </row>
    <row r="66961" spans="1:7" x14ac:dyDescent="0.3">
      <c r="A66961" s="13" t="s">
        <v>354</v>
      </c>
      <c r="B66961" s="14" t="s">
        <v>1</v>
      </c>
      <c r="C66961" s="14" t="s">
        <v>238</v>
      </c>
      <c r="D66961" s="14" t="s">
        <v>313</v>
      </c>
      <c r="E66961" s="15">
        <v>45542</v>
      </c>
      <c r="F66961" s="14" t="s">
        <v>25</v>
      </c>
      <c r="G66961" s="16">
        <v>1.0619871215405006</v>
      </c>
    </row>
    <row r="66962" spans="1:7" x14ac:dyDescent="0.3">
      <c r="A66962" s="13" t="s">
        <v>354</v>
      </c>
      <c r="B66962" s="14" t="s">
        <v>1</v>
      </c>
      <c r="C66962" s="14" t="s">
        <v>238</v>
      </c>
      <c r="D66962" s="14" t="s">
        <v>313</v>
      </c>
      <c r="E66962" s="15">
        <v>45543</v>
      </c>
      <c r="F66962" s="14" t="s">
        <v>25</v>
      </c>
      <c r="G66962" s="16">
        <v>1.0619871215405006</v>
      </c>
    </row>
    <row r="66963" spans="1:7" x14ac:dyDescent="0.3">
      <c r="A66963" s="13" t="s">
        <v>354</v>
      </c>
      <c r="B66963" s="14" t="s">
        <v>1</v>
      </c>
      <c r="C66963" s="14" t="s">
        <v>238</v>
      </c>
      <c r="D66963" s="14" t="s">
        <v>313</v>
      </c>
      <c r="E66963" s="15">
        <v>45544</v>
      </c>
      <c r="F66963" s="14" t="s">
        <v>25</v>
      </c>
      <c r="G66963" s="16">
        <v>1.0722373728327155</v>
      </c>
    </row>
    <row r="66964" spans="1:7" x14ac:dyDescent="0.3">
      <c r="A66964" s="13" t="s">
        <v>354</v>
      </c>
      <c r="B66964" s="14" t="s">
        <v>1</v>
      </c>
      <c r="C66964" s="14" t="s">
        <v>238</v>
      </c>
      <c r="D66964" s="14" t="s">
        <v>313</v>
      </c>
      <c r="E66964" s="15">
        <v>45545</v>
      </c>
      <c r="F66964" s="14" t="s">
        <v>25</v>
      </c>
      <c r="G66964" s="16">
        <v>1.0882672098409039</v>
      </c>
    </row>
    <row r="66965" spans="1:7" x14ac:dyDescent="0.3">
      <c r="A66965" s="13" t="s">
        <v>354</v>
      </c>
      <c r="B66965" s="14" t="s">
        <v>1</v>
      </c>
      <c r="C66965" s="14" t="s">
        <v>238</v>
      </c>
      <c r="D66965" s="14" t="s">
        <v>313</v>
      </c>
      <c r="E66965" s="15">
        <v>45546</v>
      </c>
      <c r="F66965" s="14" t="s">
        <v>25</v>
      </c>
      <c r="G66965" s="16">
        <v>1.1008786932183732</v>
      </c>
    </row>
    <row r="66966" spans="1:7" x14ac:dyDescent="0.3">
      <c r="A66966" s="13" t="s">
        <v>354</v>
      </c>
      <c r="B66966" s="14" t="s">
        <v>1</v>
      </c>
      <c r="C66966" s="14" t="s">
        <v>238</v>
      </c>
      <c r="D66966" s="14" t="s">
        <v>313</v>
      </c>
      <c r="E66966" s="15">
        <v>45547</v>
      </c>
      <c r="F66966" s="14" t="s">
        <v>25</v>
      </c>
      <c r="G66966" s="16">
        <v>1.1124787442189144</v>
      </c>
    </row>
    <row r="66967" spans="1:7" x14ac:dyDescent="0.3">
      <c r="A66967" s="13" t="s">
        <v>354</v>
      </c>
      <c r="B66967" s="14" t="s">
        <v>1</v>
      </c>
      <c r="C66967" s="14" t="s">
        <v>238</v>
      </c>
      <c r="D66967" s="14" t="s">
        <v>313</v>
      </c>
      <c r="E66967" s="15">
        <v>45548</v>
      </c>
      <c r="F66967" s="14" t="s">
        <v>25</v>
      </c>
      <c r="G66967" s="16">
        <v>1.1167893905591082</v>
      </c>
    </row>
    <row r="66968" spans="1:7" x14ac:dyDescent="0.3">
      <c r="A66968" s="13" t="s">
        <v>354</v>
      </c>
      <c r="B66968" s="14" t="s">
        <v>1</v>
      </c>
      <c r="C66968" s="14" t="s">
        <v>238</v>
      </c>
      <c r="D66968" s="14" t="s">
        <v>313</v>
      </c>
      <c r="E66968" s="15">
        <v>45549</v>
      </c>
      <c r="F66968" s="14" t="s">
        <v>25</v>
      </c>
      <c r="G66968" s="16">
        <v>1.1167893905591082</v>
      </c>
    </row>
    <row r="66969" spans="1:7" x14ac:dyDescent="0.3">
      <c r="A66969" s="13" t="s">
        <v>354</v>
      </c>
      <c r="B66969" s="14" t="s">
        <v>1</v>
      </c>
      <c r="C66969" s="14" t="s">
        <v>238</v>
      </c>
      <c r="D66969" s="14" t="s">
        <v>313</v>
      </c>
      <c r="E66969" s="15">
        <v>45550</v>
      </c>
      <c r="F66969" s="14" t="s">
        <v>25</v>
      </c>
      <c r="G66969" s="16">
        <v>1.1167893905591082</v>
      </c>
    </row>
    <row r="66970" spans="1:7" x14ac:dyDescent="0.3">
      <c r="A66970" s="13" t="s">
        <v>354</v>
      </c>
      <c r="B66970" s="14" t="s">
        <v>1</v>
      </c>
      <c r="C66970" s="14" t="s">
        <v>238</v>
      </c>
      <c r="D66970" s="14" t="s">
        <v>313</v>
      </c>
      <c r="E66970" s="15">
        <v>45551</v>
      </c>
      <c r="F66970" s="14" t="s">
        <v>25</v>
      </c>
      <c r="G66970" s="16">
        <v>1.1237640853527864</v>
      </c>
    </row>
    <row r="66971" spans="1:7" x14ac:dyDescent="0.3">
      <c r="A66971" s="13" t="s">
        <v>354</v>
      </c>
      <c r="B66971" s="14" t="s">
        <v>1</v>
      </c>
      <c r="C66971" s="14" t="s">
        <v>238</v>
      </c>
      <c r="D66971" s="14" t="s">
        <v>313</v>
      </c>
      <c r="E66971" s="15">
        <v>45552</v>
      </c>
      <c r="F66971" s="14" t="s">
        <v>25</v>
      </c>
      <c r="G66971" s="16">
        <v>1.1458076181948194</v>
      </c>
    </row>
    <row r="66972" spans="1:7" x14ac:dyDescent="0.3">
      <c r="A66972" s="13" t="s">
        <v>354</v>
      </c>
      <c r="B66972" s="14" t="s">
        <v>1</v>
      </c>
      <c r="C66972" s="14" t="s">
        <v>238</v>
      </c>
      <c r="D66972" s="14" t="s">
        <v>313</v>
      </c>
      <c r="E66972" s="15">
        <v>45553</v>
      </c>
      <c r="F66972" s="14" t="s">
        <v>25</v>
      </c>
      <c r="G66972" s="16">
        <v>1.1519816630980488</v>
      </c>
    </row>
    <row r="66973" spans="1:7" x14ac:dyDescent="0.3">
      <c r="A66973" s="13" t="s">
        <v>354</v>
      </c>
      <c r="B66973" s="14" t="s">
        <v>1</v>
      </c>
      <c r="C66973" s="14" t="s">
        <v>238</v>
      </c>
      <c r="D66973" s="14" t="s">
        <v>313</v>
      </c>
      <c r="E66973" s="15">
        <v>45554</v>
      </c>
      <c r="F66973" s="14" t="s">
        <v>25</v>
      </c>
      <c r="G66973" s="16">
        <v>1.1654083750201312</v>
      </c>
    </row>
    <row r="66974" spans="1:7" x14ac:dyDescent="0.3">
      <c r="A66974" s="13" t="s">
        <v>354</v>
      </c>
      <c r="B66974" s="14" t="s">
        <v>1</v>
      </c>
      <c r="C66974" s="14" t="s">
        <v>238</v>
      </c>
      <c r="D66974" s="14" t="s">
        <v>313</v>
      </c>
      <c r="E66974" s="15">
        <v>45555</v>
      </c>
      <c r="F66974" s="14" t="s">
        <v>25</v>
      </c>
      <c r="G66974" s="16">
        <v>1.1757668466786515</v>
      </c>
    </row>
    <row r="66975" spans="1:7" x14ac:dyDescent="0.3">
      <c r="A66975" s="13" t="s">
        <v>354</v>
      </c>
      <c r="B66975" s="14" t="s">
        <v>1</v>
      </c>
      <c r="C66975" s="14" t="s">
        <v>238</v>
      </c>
      <c r="D66975" s="14" t="s">
        <v>313</v>
      </c>
      <c r="E66975" s="15">
        <v>45556</v>
      </c>
      <c r="F66975" s="14" t="s">
        <v>25</v>
      </c>
      <c r="G66975" s="16">
        <v>1.1757668466786515</v>
      </c>
    </row>
    <row r="66976" spans="1:7" x14ac:dyDescent="0.3">
      <c r="A66976" s="13" t="s">
        <v>354</v>
      </c>
      <c r="B66976" s="14" t="s">
        <v>1</v>
      </c>
      <c r="C66976" s="14" t="s">
        <v>238</v>
      </c>
      <c r="D66976" s="14" t="s">
        <v>313</v>
      </c>
      <c r="E66976" s="15">
        <v>45557</v>
      </c>
      <c r="F66976" s="14" t="s">
        <v>25</v>
      </c>
      <c r="G66976" s="16">
        <v>1.1757668466786515</v>
      </c>
    </row>
    <row r="66977" spans="1:7" x14ac:dyDescent="0.3">
      <c r="A66977" s="13" t="s">
        <v>354</v>
      </c>
      <c r="B66977" s="14" t="s">
        <v>1</v>
      </c>
      <c r="C66977" s="14" t="s">
        <v>238</v>
      </c>
      <c r="D66977" s="14" t="s">
        <v>313</v>
      </c>
      <c r="E66977" s="15">
        <v>45558</v>
      </c>
      <c r="F66977" s="14" t="s">
        <v>25</v>
      </c>
      <c r="G66977" s="16">
        <v>1.1734502245633796</v>
      </c>
    </row>
    <row r="66978" spans="1:7" x14ac:dyDescent="0.3">
      <c r="A66978" s="13" t="s">
        <v>354</v>
      </c>
      <c r="B66978" s="14" t="s">
        <v>1</v>
      </c>
      <c r="C66978" s="14" t="s">
        <v>238</v>
      </c>
      <c r="D66978" s="14" t="s">
        <v>313</v>
      </c>
      <c r="E66978" s="15">
        <v>45559</v>
      </c>
      <c r="F66978" s="14" t="s">
        <v>25</v>
      </c>
      <c r="G66978" s="16">
        <v>1.1954501156158321</v>
      </c>
    </row>
    <row r="66979" spans="1:7" x14ac:dyDescent="0.3">
      <c r="A66979" s="13" t="s">
        <v>354</v>
      </c>
      <c r="B66979" s="14" t="s">
        <v>1</v>
      </c>
      <c r="C66979" s="14" t="s">
        <v>238</v>
      </c>
      <c r="D66979" s="14" t="s">
        <v>313</v>
      </c>
      <c r="E66979" s="15">
        <v>45560</v>
      </c>
      <c r="F66979" s="14" t="s">
        <v>25</v>
      </c>
      <c r="G66979" s="16">
        <v>1.2073002356968288</v>
      </c>
    </row>
    <row r="66980" spans="1:7" x14ac:dyDescent="0.3">
      <c r="A66980" s="13" t="s">
        <v>354</v>
      </c>
      <c r="B66980" s="14" t="s">
        <v>1</v>
      </c>
      <c r="C66980" s="14" t="s">
        <v>238</v>
      </c>
      <c r="D66980" s="14" t="s">
        <v>313</v>
      </c>
      <c r="E66980" s="15">
        <v>45561</v>
      </c>
      <c r="F66980" s="14" t="s">
        <v>25</v>
      </c>
      <c r="G66980" s="16">
        <v>1.212782562389366</v>
      </c>
    </row>
    <row r="66981" spans="1:7" x14ac:dyDescent="0.3">
      <c r="A66981" s="13" t="s">
        <v>354</v>
      </c>
      <c r="B66981" s="14" t="s">
        <v>1</v>
      </c>
      <c r="C66981" s="14" t="s">
        <v>238</v>
      </c>
      <c r="D66981" s="14" t="s">
        <v>313</v>
      </c>
      <c r="E66981" s="15">
        <v>45562</v>
      </c>
      <c r="F66981" s="14" t="s">
        <v>25</v>
      </c>
      <c r="G66981" s="16">
        <v>1.2102093874508784</v>
      </c>
    </row>
    <row r="66982" spans="1:7" x14ac:dyDescent="0.3">
      <c r="A66982" s="13" t="s">
        <v>354</v>
      </c>
      <c r="B66982" s="14" t="s">
        <v>1</v>
      </c>
      <c r="C66982" s="14" t="s">
        <v>238</v>
      </c>
      <c r="D66982" s="14" t="s">
        <v>313</v>
      </c>
      <c r="E66982" s="15">
        <v>45563</v>
      </c>
      <c r="F66982" s="14" t="s">
        <v>25</v>
      </c>
      <c r="G66982" s="16">
        <v>1.2102093874508784</v>
      </c>
    </row>
    <row r="66983" spans="1:7" x14ac:dyDescent="0.3">
      <c r="A66983" s="13" t="s">
        <v>354</v>
      </c>
      <c r="B66983" s="14" t="s">
        <v>1</v>
      </c>
      <c r="C66983" s="14" t="s">
        <v>238</v>
      </c>
      <c r="D66983" s="14" t="s">
        <v>313</v>
      </c>
      <c r="E66983" s="15">
        <v>45564</v>
      </c>
      <c r="F66983" s="14" t="s">
        <v>25</v>
      </c>
      <c r="G66983" s="16">
        <v>1.2102093874508784</v>
      </c>
    </row>
    <row r="66984" spans="1:7" x14ac:dyDescent="0.3">
      <c r="A66984" s="13" t="s">
        <v>354</v>
      </c>
      <c r="B66984" s="14" t="s">
        <v>1</v>
      </c>
      <c r="C66984" s="14" t="s">
        <v>238</v>
      </c>
      <c r="D66984" s="14" t="s">
        <v>313</v>
      </c>
      <c r="E66984" s="15">
        <v>45565</v>
      </c>
      <c r="F66984" s="14" t="s">
        <v>25</v>
      </c>
      <c r="G66984" s="16">
        <v>1.220947746209738</v>
      </c>
    </row>
    <row r="66985" spans="1:7" x14ac:dyDescent="0.3">
      <c r="A66985" s="13" t="s">
        <v>354</v>
      </c>
      <c r="B66985" s="14" t="s">
        <v>1</v>
      </c>
      <c r="C66985" s="14" t="s">
        <v>238</v>
      </c>
      <c r="D66985" s="14" t="s">
        <v>313</v>
      </c>
      <c r="E66985" s="15">
        <v>45566</v>
      </c>
      <c r="F66985" s="14" t="s">
        <v>25</v>
      </c>
      <c r="G66985" s="16">
        <v>1.2345376396411607</v>
      </c>
    </row>
    <row r="66986" spans="1:7" x14ac:dyDescent="0.3">
      <c r="A66986" s="13" t="s">
        <v>354</v>
      </c>
      <c r="B66986" s="14" t="s">
        <v>1</v>
      </c>
      <c r="C66986" s="14" t="s">
        <v>238</v>
      </c>
      <c r="D66986" s="14" t="s">
        <v>313</v>
      </c>
      <c r="E66986" s="15">
        <v>45567</v>
      </c>
      <c r="F66986" s="14" t="s">
        <v>25</v>
      </c>
      <c r="G66986" s="16">
        <v>1.2437031779382957</v>
      </c>
    </row>
    <row r="66987" spans="1:7" x14ac:dyDescent="0.3">
      <c r="A66987" s="13" t="s">
        <v>354</v>
      </c>
      <c r="B66987" s="14" t="s">
        <v>1</v>
      </c>
      <c r="C66987" s="14" t="s">
        <v>238</v>
      </c>
      <c r="D66987" s="14" t="s">
        <v>313</v>
      </c>
      <c r="E66987" s="15">
        <v>45568</v>
      </c>
      <c r="F66987" s="14" t="s">
        <v>25</v>
      </c>
      <c r="G66987" s="16">
        <v>1.2534375178200745</v>
      </c>
    </row>
    <row r="66988" spans="1:7" x14ac:dyDescent="0.3">
      <c r="A66988" s="13" t="s">
        <v>354</v>
      </c>
      <c r="B66988" s="14" t="s">
        <v>1</v>
      </c>
      <c r="C66988" s="14" t="s">
        <v>238</v>
      </c>
      <c r="D66988" s="14" t="s">
        <v>313</v>
      </c>
      <c r="E66988" s="15">
        <v>45569</v>
      </c>
      <c r="F66988" s="14" t="s">
        <v>25</v>
      </c>
      <c r="G66988" s="16">
        <v>1.2620645868061708</v>
      </c>
    </row>
    <row r="66989" spans="1:7" x14ac:dyDescent="0.3">
      <c r="A66989" s="13" t="s">
        <v>354</v>
      </c>
      <c r="B66989" s="14" t="s">
        <v>1</v>
      </c>
      <c r="C66989" s="14" t="s">
        <v>238</v>
      </c>
      <c r="D66989" s="14" t="s">
        <v>313</v>
      </c>
      <c r="E66989" s="15">
        <v>45570</v>
      </c>
      <c r="F66989" s="14" t="s">
        <v>25</v>
      </c>
      <c r="G66989" s="16">
        <v>1.2620645868061708</v>
      </c>
    </row>
    <row r="66990" spans="1:7" x14ac:dyDescent="0.3">
      <c r="A66990" s="13" t="s">
        <v>354</v>
      </c>
      <c r="B66990" s="14" t="s">
        <v>1</v>
      </c>
      <c r="C66990" s="14" t="s">
        <v>238</v>
      </c>
      <c r="D66990" s="14" t="s">
        <v>313</v>
      </c>
      <c r="E66990" s="15">
        <v>45571</v>
      </c>
      <c r="F66990" s="14" t="s">
        <v>25</v>
      </c>
      <c r="G66990" s="16">
        <v>1.2620645868061708</v>
      </c>
    </row>
    <row r="66991" spans="1:7" x14ac:dyDescent="0.3">
      <c r="A66991" s="13" t="s">
        <v>354</v>
      </c>
      <c r="B66991" s="14" t="s">
        <v>1</v>
      </c>
      <c r="C66991" s="14" t="s">
        <v>238</v>
      </c>
      <c r="D66991" s="14" t="s">
        <v>313</v>
      </c>
      <c r="E66991" s="15">
        <v>45572</v>
      </c>
      <c r="F66991" s="14" t="s">
        <v>25</v>
      </c>
      <c r="G66991" s="16">
        <v>1.2605211753120871</v>
      </c>
    </row>
    <row r="66992" spans="1:7" x14ac:dyDescent="0.3">
      <c r="A66992" s="13" t="s">
        <v>354</v>
      </c>
      <c r="B66992" s="14" t="s">
        <v>1</v>
      </c>
      <c r="C66992" s="14" t="s">
        <v>238</v>
      </c>
      <c r="D66992" s="14" t="s">
        <v>313</v>
      </c>
      <c r="E66992" s="15">
        <v>45573</v>
      </c>
      <c r="F66992" s="14" t="s">
        <v>25</v>
      </c>
      <c r="G66992" s="16">
        <v>1.2882430759496577</v>
      </c>
    </row>
    <row r="66993" spans="1:7" x14ac:dyDescent="0.3">
      <c r="A66993" s="13" t="s">
        <v>354</v>
      </c>
      <c r="B66993" s="14" t="s">
        <v>1</v>
      </c>
      <c r="C66993" s="14" t="s">
        <v>238</v>
      </c>
      <c r="D66993" s="14" t="s">
        <v>313</v>
      </c>
      <c r="E66993" s="15">
        <v>45574</v>
      </c>
      <c r="F66993" s="14" t="s">
        <v>25</v>
      </c>
      <c r="G66993" s="16">
        <v>1.2958620057103241</v>
      </c>
    </row>
    <row r="66994" spans="1:7" x14ac:dyDescent="0.3">
      <c r="A66994" s="13" t="s">
        <v>354</v>
      </c>
      <c r="B66994" s="14" t="s">
        <v>1</v>
      </c>
      <c r="C66994" s="14" t="s">
        <v>238</v>
      </c>
      <c r="D66994" s="14" t="s">
        <v>313</v>
      </c>
      <c r="E66994" s="15">
        <v>45575</v>
      </c>
      <c r="F66994" s="14" t="s">
        <v>25</v>
      </c>
      <c r="G66994" s="16">
        <v>1.295588875621732</v>
      </c>
    </row>
    <row r="66995" spans="1:7" x14ac:dyDescent="0.3">
      <c r="A66995" s="13" t="s">
        <v>354</v>
      </c>
      <c r="B66995" s="14" t="s">
        <v>1</v>
      </c>
      <c r="C66995" s="14" t="s">
        <v>238</v>
      </c>
      <c r="D66995" s="14" t="s">
        <v>313</v>
      </c>
      <c r="E66995" s="15">
        <v>45576</v>
      </c>
      <c r="F66995" s="14" t="s">
        <v>25</v>
      </c>
      <c r="G66995" s="16">
        <v>1.3042031244128518</v>
      </c>
    </row>
    <row r="66996" spans="1:7" x14ac:dyDescent="0.3">
      <c r="A66996" s="13" t="s">
        <v>354</v>
      </c>
      <c r="B66996" s="14" t="s">
        <v>1</v>
      </c>
      <c r="C66996" s="14" t="s">
        <v>238</v>
      </c>
      <c r="D66996" s="14" t="s">
        <v>313</v>
      </c>
      <c r="E66996" s="15">
        <v>45577</v>
      </c>
      <c r="F66996" s="14" t="s">
        <v>25</v>
      </c>
      <c r="G66996" s="16">
        <v>1.3042031244128518</v>
      </c>
    </row>
    <row r="66997" spans="1:7" x14ac:dyDescent="0.3">
      <c r="A66997" s="13" t="s">
        <v>354</v>
      </c>
      <c r="B66997" s="14" t="s">
        <v>1</v>
      </c>
      <c r="C66997" s="14" t="s">
        <v>238</v>
      </c>
      <c r="D66997" s="14" t="s">
        <v>313</v>
      </c>
      <c r="E66997" s="15">
        <v>45578</v>
      </c>
      <c r="F66997" s="14" t="s">
        <v>25</v>
      </c>
      <c r="G66997" s="16">
        <v>1.3042031244128518</v>
      </c>
    </row>
    <row r="66998" spans="1:7" x14ac:dyDescent="0.3">
      <c r="A66998" s="13" t="s">
        <v>354</v>
      </c>
      <c r="B66998" s="14" t="s">
        <v>1</v>
      </c>
      <c r="C66998" s="14" t="s">
        <v>238</v>
      </c>
      <c r="D66998" s="14" t="s">
        <v>313</v>
      </c>
      <c r="E66998" s="15">
        <v>45579</v>
      </c>
      <c r="F66998" s="14" t="s">
        <v>25</v>
      </c>
      <c r="G66998" s="16">
        <v>1.3161693993430383</v>
      </c>
    </row>
    <row r="66999" spans="1:7" x14ac:dyDescent="0.3">
      <c r="A66999" s="13" t="s">
        <v>354</v>
      </c>
      <c r="B66999" s="14" t="s">
        <v>1</v>
      </c>
      <c r="C66999" s="14" t="s">
        <v>238</v>
      </c>
      <c r="D66999" s="14" t="s">
        <v>313</v>
      </c>
      <c r="E66999" s="15">
        <v>45580</v>
      </c>
      <c r="F66999" s="14" t="s">
        <v>25</v>
      </c>
      <c r="G66999" s="16">
        <v>1.3333270024417603</v>
      </c>
    </row>
    <row r="67000" spans="1:7" x14ac:dyDescent="0.3">
      <c r="A67000" s="13" t="s">
        <v>354</v>
      </c>
      <c r="B67000" s="14" t="s">
        <v>1</v>
      </c>
      <c r="C67000" s="14" t="s">
        <v>238</v>
      </c>
      <c r="D67000" s="14" t="s">
        <v>313</v>
      </c>
      <c r="E67000" s="15">
        <v>45581</v>
      </c>
      <c r="F67000" s="14" t="s">
        <v>25</v>
      </c>
      <c r="G67000" s="16">
        <v>1.3425176076149734</v>
      </c>
    </row>
    <row r="67001" spans="1:7" x14ac:dyDescent="0.3">
      <c r="A67001" s="13" t="s">
        <v>354</v>
      </c>
      <c r="B67001" s="14" t="s">
        <v>1</v>
      </c>
      <c r="C67001" s="14" t="s">
        <v>238</v>
      </c>
      <c r="D67001" s="14" t="s">
        <v>313</v>
      </c>
      <c r="E67001" s="15">
        <v>45582</v>
      </c>
      <c r="F67001" s="14" t="s">
        <v>25</v>
      </c>
      <c r="G67001" s="16">
        <v>1.3462835018167101</v>
      </c>
    </row>
    <row r="67002" spans="1:7" x14ac:dyDescent="0.3">
      <c r="A67002" s="13" t="s">
        <v>354</v>
      </c>
      <c r="B67002" s="14" t="s">
        <v>1</v>
      </c>
      <c r="C67002" s="14" t="s">
        <v>238</v>
      </c>
      <c r="D67002" s="14" t="s">
        <v>313</v>
      </c>
      <c r="E67002" s="15">
        <v>45583</v>
      </c>
      <c r="F67002" s="14" t="s">
        <v>25</v>
      </c>
      <c r="G67002" s="16">
        <v>1.3559248419655119</v>
      </c>
    </row>
    <row r="67003" spans="1:7" x14ac:dyDescent="0.3">
      <c r="A67003" s="13" t="s">
        <v>354</v>
      </c>
      <c r="B67003" s="14" t="s">
        <v>1</v>
      </c>
      <c r="C67003" s="14" t="s">
        <v>238</v>
      </c>
      <c r="D67003" s="14" t="s">
        <v>313</v>
      </c>
      <c r="E67003" s="15">
        <v>45584</v>
      </c>
      <c r="F67003" s="14" t="s">
        <v>25</v>
      </c>
      <c r="G67003" s="16">
        <v>1.3559248419655119</v>
      </c>
    </row>
    <row r="67004" spans="1:7" x14ac:dyDescent="0.3">
      <c r="A67004" s="13" t="s">
        <v>354</v>
      </c>
      <c r="B67004" s="14" t="s">
        <v>1</v>
      </c>
      <c r="C67004" s="14" t="s">
        <v>238</v>
      </c>
      <c r="D67004" s="14" t="s">
        <v>313</v>
      </c>
      <c r="E67004" s="15">
        <v>45585</v>
      </c>
      <c r="F67004" s="14" t="s">
        <v>25</v>
      </c>
      <c r="G67004" s="16">
        <v>1.3559248419655119</v>
      </c>
    </row>
    <row r="67005" spans="1:7" x14ac:dyDescent="0.3">
      <c r="A67005" s="13" t="s">
        <v>354</v>
      </c>
      <c r="B67005" s="14" t="s">
        <v>1</v>
      </c>
      <c r="C67005" s="14" t="s">
        <v>238</v>
      </c>
      <c r="D67005" s="14" t="s">
        <v>313</v>
      </c>
      <c r="E67005" s="15">
        <v>45586</v>
      </c>
      <c r="F67005" s="14" t="s">
        <v>25</v>
      </c>
      <c r="G67005" s="16">
        <v>1.3586528224635652</v>
      </c>
    </row>
    <row r="67006" spans="1:7" x14ac:dyDescent="0.3">
      <c r="A67006" s="13" t="s">
        <v>354</v>
      </c>
      <c r="B67006" s="14" t="s">
        <v>1</v>
      </c>
      <c r="C67006" s="14" t="s">
        <v>238</v>
      </c>
      <c r="D67006" s="14" t="s">
        <v>313</v>
      </c>
      <c r="E67006" s="15">
        <v>45587</v>
      </c>
      <c r="F67006" s="14" t="s">
        <v>25</v>
      </c>
      <c r="G67006" s="16">
        <v>1.3757698291136737</v>
      </c>
    </row>
    <row r="67007" spans="1:7" x14ac:dyDescent="0.3">
      <c r="A67007" s="13" t="s">
        <v>354</v>
      </c>
      <c r="B67007" s="14" t="s">
        <v>1</v>
      </c>
      <c r="C67007" s="14" t="s">
        <v>238</v>
      </c>
      <c r="D67007" s="14" t="s">
        <v>313</v>
      </c>
      <c r="E67007" s="15">
        <v>45588</v>
      </c>
      <c r="F67007" s="14" t="s">
        <v>25</v>
      </c>
      <c r="G67007" s="16">
        <v>1.382180898313871</v>
      </c>
    </row>
    <row r="67008" spans="1:7" x14ac:dyDescent="0.3">
      <c r="A67008" s="13" t="s">
        <v>354</v>
      </c>
      <c r="B67008" s="14" t="s">
        <v>1</v>
      </c>
      <c r="C67008" s="14" t="s">
        <v>238</v>
      </c>
      <c r="D67008" s="14" t="s">
        <v>313</v>
      </c>
      <c r="E67008" s="15">
        <v>45589</v>
      </c>
      <c r="F67008" s="14" t="s">
        <v>25</v>
      </c>
      <c r="G67008" s="16">
        <v>1.3938050072011638</v>
      </c>
    </row>
    <row r="67009" spans="1:7" x14ac:dyDescent="0.3">
      <c r="A67009" s="13" t="s">
        <v>354</v>
      </c>
      <c r="B67009" s="14" t="s">
        <v>1</v>
      </c>
      <c r="C67009" s="14" t="s">
        <v>238</v>
      </c>
      <c r="D67009" s="14" t="s">
        <v>313</v>
      </c>
      <c r="E67009" s="15">
        <v>45590</v>
      </c>
      <c r="F67009" s="14" t="s">
        <v>25</v>
      </c>
      <c r="G67009" s="16">
        <v>1.3977138159774067</v>
      </c>
    </row>
    <row r="67010" spans="1:7" x14ac:dyDescent="0.3">
      <c r="A67010" s="13" t="s">
        <v>354</v>
      </c>
      <c r="B67010" s="14" t="s">
        <v>1</v>
      </c>
      <c r="C67010" s="14" t="s">
        <v>238</v>
      </c>
      <c r="D67010" s="14" t="s">
        <v>313</v>
      </c>
      <c r="E67010" s="15">
        <v>45591</v>
      </c>
      <c r="F67010" s="14" t="s">
        <v>25</v>
      </c>
      <c r="G67010" s="16">
        <v>1.3977138159774067</v>
      </c>
    </row>
    <row r="67011" spans="1:7" x14ac:dyDescent="0.3">
      <c r="A67011" s="13" t="s">
        <v>354</v>
      </c>
      <c r="B67011" s="14" t="s">
        <v>1</v>
      </c>
      <c r="C67011" s="14" t="s">
        <v>238</v>
      </c>
      <c r="D67011" s="14" t="s">
        <v>313</v>
      </c>
      <c r="E67011" s="15">
        <v>45592</v>
      </c>
      <c r="F67011" s="14" t="s">
        <v>25</v>
      </c>
      <c r="G67011" s="16">
        <v>1.3977138159774067</v>
      </c>
    </row>
    <row r="67012" spans="1:7" x14ac:dyDescent="0.3">
      <c r="A67012" s="13" t="s">
        <v>354</v>
      </c>
      <c r="B67012" s="14" t="s">
        <v>1</v>
      </c>
      <c r="C67012" s="14" t="s">
        <v>238</v>
      </c>
      <c r="D67012" s="14" t="s">
        <v>313</v>
      </c>
      <c r="E67012" s="15">
        <v>45593</v>
      </c>
      <c r="F67012" s="14" t="s">
        <v>25</v>
      </c>
      <c r="G67012" s="16">
        <v>1.3977138159774067</v>
      </c>
    </row>
    <row r="67013" spans="1:7" x14ac:dyDescent="0.3">
      <c r="A67013" s="13" t="s">
        <v>354</v>
      </c>
      <c r="B67013" s="14" t="s">
        <v>1</v>
      </c>
      <c r="C67013" s="14" t="s">
        <v>238</v>
      </c>
      <c r="D67013" s="14" t="s">
        <v>313</v>
      </c>
      <c r="E67013" s="15">
        <v>45594</v>
      </c>
      <c r="F67013" s="14" t="s">
        <v>25</v>
      </c>
      <c r="G67013" s="16">
        <v>1.4086487414106152</v>
      </c>
    </row>
    <row r="67014" spans="1:7" x14ac:dyDescent="0.3">
      <c r="A67014" s="13" t="s">
        <v>354</v>
      </c>
      <c r="B67014" s="14" t="s">
        <v>1</v>
      </c>
      <c r="C67014" s="14" t="s">
        <v>238</v>
      </c>
      <c r="D67014" s="14" t="s">
        <v>313</v>
      </c>
      <c r="E67014" s="15">
        <v>45595</v>
      </c>
      <c r="F67014" s="14" t="s">
        <v>25</v>
      </c>
      <c r="G67014" s="16">
        <v>1.4406275643080311</v>
      </c>
    </row>
    <row r="67015" spans="1:7" x14ac:dyDescent="0.3">
      <c r="A67015" s="13" t="s">
        <v>354</v>
      </c>
      <c r="B67015" s="14" t="s">
        <v>1</v>
      </c>
      <c r="C67015" s="14" t="s">
        <v>238</v>
      </c>
      <c r="D67015" s="14" t="s">
        <v>313</v>
      </c>
      <c r="E67015" s="15">
        <v>45596</v>
      </c>
      <c r="F67015" s="14" t="s">
        <v>25</v>
      </c>
      <c r="G67015" s="16">
        <v>1.4461495420620885</v>
      </c>
    </row>
    <row r="67016" spans="1:7" x14ac:dyDescent="0.3">
      <c r="A67016" s="13" t="s">
        <v>354</v>
      </c>
      <c r="B67016" s="14" t="s">
        <v>1</v>
      </c>
      <c r="C67016" s="14" t="s">
        <v>238</v>
      </c>
      <c r="D67016" s="14" t="s">
        <v>313</v>
      </c>
      <c r="E67016" s="15">
        <v>45597</v>
      </c>
      <c r="F67016" s="14" t="s">
        <v>25</v>
      </c>
      <c r="G67016" s="16">
        <v>1.4568960487560052</v>
      </c>
    </row>
    <row r="67017" spans="1:7" x14ac:dyDescent="0.3">
      <c r="A67017" s="13" t="s">
        <v>354</v>
      </c>
      <c r="B67017" s="14" t="s">
        <v>1</v>
      </c>
      <c r="C67017" s="14" t="s">
        <v>238</v>
      </c>
      <c r="D67017" s="14" t="s">
        <v>313</v>
      </c>
      <c r="E67017" s="15">
        <v>45598</v>
      </c>
      <c r="F67017" s="14" t="s">
        <v>25</v>
      </c>
      <c r="G67017" s="16">
        <v>1.4568960487560052</v>
      </c>
    </row>
    <row r="67018" spans="1:7" x14ac:dyDescent="0.3">
      <c r="A67018" s="13" t="s">
        <v>354</v>
      </c>
      <c r="B67018" s="14" t="s">
        <v>1</v>
      </c>
      <c r="C67018" s="14" t="s">
        <v>238</v>
      </c>
      <c r="D67018" s="14" t="s">
        <v>313</v>
      </c>
      <c r="E67018" s="15">
        <v>45599</v>
      </c>
      <c r="F67018" s="14" t="s">
        <v>25</v>
      </c>
      <c r="G67018" s="16">
        <v>1.4568960487560052</v>
      </c>
    </row>
    <row r="67019" spans="1:7" x14ac:dyDescent="0.3">
      <c r="A67019" s="13" t="s">
        <v>354</v>
      </c>
      <c r="B67019" s="14" t="s">
        <v>1</v>
      </c>
      <c r="C67019" s="14" t="s">
        <v>238</v>
      </c>
      <c r="D67019" s="14" t="s">
        <v>313</v>
      </c>
      <c r="E67019" s="15">
        <v>45600</v>
      </c>
      <c r="F67019" s="14" t="s">
        <v>25</v>
      </c>
      <c r="G67019" s="16">
        <v>1.4595071504320098</v>
      </c>
    </row>
    <row r="67020" spans="1:7" x14ac:dyDescent="0.3">
      <c r="A67020" s="13" t="s">
        <v>354</v>
      </c>
      <c r="B67020" s="14" t="s">
        <v>1</v>
      </c>
      <c r="C67020" s="14" t="s">
        <v>238</v>
      </c>
      <c r="D67020" s="14" t="s">
        <v>313</v>
      </c>
      <c r="E67020" s="15">
        <v>45601</v>
      </c>
      <c r="F67020" s="14" t="s">
        <v>25</v>
      </c>
      <c r="G67020" s="16">
        <v>1.4856139432459379</v>
      </c>
    </row>
    <row r="67021" spans="1:7" x14ac:dyDescent="0.3">
      <c r="A67021" s="13" t="s">
        <v>354</v>
      </c>
      <c r="B67021" s="14" t="s">
        <v>1</v>
      </c>
      <c r="C67021" s="14" t="s">
        <v>238</v>
      </c>
      <c r="D67021" s="14" t="s">
        <v>313</v>
      </c>
      <c r="E67021" s="15">
        <v>45602</v>
      </c>
      <c r="F67021" s="14" t="s">
        <v>25</v>
      </c>
      <c r="G67021" s="16">
        <v>1.4877825211022533</v>
      </c>
    </row>
    <row r="67022" spans="1:7" x14ac:dyDescent="0.3">
      <c r="A67022" s="13" t="s">
        <v>354</v>
      </c>
      <c r="B67022" s="14" t="s">
        <v>1</v>
      </c>
      <c r="C67022" s="14" t="s">
        <v>238</v>
      </c>
      <c r="D67022" s="14" t="s">
        <v>313</v>
      </c>
      <c r="E67022" s="15">
        <v>45603</v>
      </c>
      <c r="F67022" s="14" t="s">
        <v>25</v>
      </c>
      <c r="G67022" s="16">
        <v>1.4986452222941231</v>
      </c>
    </row>
    <row r="67023" spans="1:7" x14ac:dyDescent="0.3">
      <c r="A67023" s="13" t="s">
        <v>354</v>
      </c>
      <c r="B67023" s="14" t="s">
        <v>1</v>
      </c>
      <c r="C67023" s="14" t="s">
        <v>238</v>
      </c>
      <c r="D67023" s="14" t="s">
        <v>313</v>
      </c>
      <c r="E67023" s="15">
        <v>45604</v>
      </c>
      <c r="F67023" s="14" t="s">
        <v>25</v>
      </c>
      <c r="G67023" s="16">
        <v>1.50426243637038</v>
      </c>
    </row>
    <row r="67024" spans="1:7" x14ac:dyDescent="0.3">
      <c r="A67024" s="13" t="s">
        <v>354</v>
      </c>
      <c r="B67024" s="14" t="s">
        <v>1</v>
      </c>
      <c r="C67024" s="14" t="s">
        <v>238</v>
      </c>
      <c r="D67024" s="14" t="s">
        <v>313</v>
      </c>
      <c r="E67024" s="15">
        <v>45605</v>
      </c>
      <c r="F67024" s="14" t="s">
        <v>25</v>
      </c>
      <c r="G67024" s="16">
        <v>1.50426243637038</v>
      </c>
    </row>
    <row r="67025" spans="1:7" x14ac:dyDescent="0.3">
      <c r="A67025" s="13" t="s">
        <v>354</v>
      </c>
      <c r="B67025" s="14" t="s">
        <v>1</v>
      </c>
      <c r="C67025" s="14" t="s">
        <v>238</v>
      </c>
      <c r="D67025" s="14" t="s">
        <v>313</v>
      </c>
      <c r="E67025" s="15">
        <v>45606</v>
      </c>
      <c r="F67025" s="14" t="s">
        <v>25</v>
      </c>
      <c r="G67025" s="16">
        <v>1.50426243637038</v>
      </c>
    </row>
    <row r="67026" spans="1:7" x14ac:dyDescent="0.3">
      <c r="A67026" s="13" t="s">
        <v>354</v>
      </c>
      <c r="B67026" s="14" t="s">
        <v>1</v>
      </c>
      <c r="C67026" s="14" t="s">
        <v>238</v>
      </c>
      <c r="D67026" s="14" t="s">
        <v>313</v>
      </c>
      <c r="E67026" s="15">
        <v>45607</v>
      </c>
      <c r="F67026" s="14" t="s">
        <v>25</v>
      </c>
      <c r="G67026" s="16">
        <v>1.5111049812991568</v>
      </c>
    </row>
    <row r="67027" spans="1:7" x14ac:dyDescent="0.3">
      <c r="A67027" s="13" t="s">
        <v>354</v>
      </c>
      <c r="B67027" s="14" t="s">
        <v>1</v>
      </c>
      <c r="C67027" s="14" t="s">
        <v>238</v>
      </c>
      <c r="D67027" s="14" t="s">
        <v>313</v>
      </c>
      <c r="E67027" s="15">
        <v>45608</v>
      </c>
      <c r="F67027" s="14" t="s">
        <v>25</v>
      </c>
      <c r="G67027" s="16">
        <v>1.5289240451846311</v>
      </c>
    </row>
    <row r="67028" spans="1:7" x14ac:dyDescent="0.3">
      <c r="A67028" s="13" t="s">
        <v>354</v>
      </c>
      <c r="B67028" s="14" t="s">
        <v>1</v>
      </c>
      <c r="C67028" s="14" t="s">
        <v>238</v>
      </c>
      <c r="D67028" s="14" t="s">
        <v>313</v>
      </c>
      <c r="E67028" s="15">
        <v>45609</v>
      </c>
      <c r="F67028" s="14" t="s">
        <v>25</v>
      </c>
      <c r="G67028" s="16">
        <v>1.534796282931647</v>
      </c>
    </row>
    <row r="67029" spans="1:7" x14ac:dyDescent="0.3">
      <c r="A67029" s="13" t="s">
        <v>354</v>
      </c>
      <c r="B67029" s="14" t="s">
        <v>1</v>
      </c>
      <c r="C67029" s="14" t="s">
        <v>238</v>
      </c>
      <c r="D67029" s="14" t="s">
        <v>313</v>
      </c>
      <c r="E67029" s="15">
        <v>45610</v>
      </c>
      <c r="F67029" s="14" t="s">
        <v>25</v>
      </c>
      <c r="G67029" s="16">
        <v>1.5441262431439415</v>
      </c>
    </row>
    <row r="67030" spans="1:7" x14ac:dyDescent="0.3">
      <c r="A67030" s="13" t="s">
        <v>354</v>
      </c>
      <c r="B67030" s="14" t="s">
        <v>1</v>
      </c>
      <c r="C67030" s="14" t="s">
        <v>238</v>
      </c>
      <c r="D67030" s="14" t="s">
        <v>313</v>
      </c>
      <c r="E67030" s="15">
        <v>45611</v>
      </c>
      <c r="F67030" s="14" t="s">
        <v>25</v>
      </c>
      <c r="G67030" s="16">
        <v>1.5488486284460259</v>
      </c>
    </row>
    <row r="67031" spans="1:7" x14ac:dyDescent="0.3">
      <c r="A67031" s="13" t="s">
        <v>354</v>
      </c>
      <c r="B67031" s="14" t="s">
        <v>1</v>
      </c>
      <c r="C67031" s="14" t="s">
        <v>238</v>
      </c>
      <c r="D67031" s="14" t="s">
        <v>313</v>
      </c>
      <c r="E67031" s="15">
        <v>45612</v>
      </c>
      <c r="F67031" s="14" t="s">
        <v>25</v>
      </c>
      <c r="G67031" s="16">
        <v>1.5488486284460259</v>
      </c>
    </row>
    <row r="67032" spans="1:7" x14ac:dyDescent="0.3">
      <c r="A67032" s="13" t="s">
        <v>354</v>
      </c>
      <c r="B67032" s="14" t="s">
        <v>1</v>
      </c>
      <c r="C67032" s="14" t="s">
        <v>238</v>
      </c>
      <c r="D67032" s="14" t="s">
        <v>313</v>
      </c>
      <c r="E67032" s="15">
        <v>45613</v>
      </c>
      <c r="F67032" s="14" t="s">
        <v>25</v>
      </c>
      <c r="G67032" s="16">
        <v>1.5488486284460259</v>
      </c>
    </row>
    <row r="67033" spans="1:7" x14ac:dyDescent="0.3">
      <c r="A67033" s="13" t="s">
        <v>354</v>
      </c>
      <c r="B67033" s="14" t="s">
        <v>1</v>
      </c>
      <c r="C67033" s="14" t="s">
        <v>238</v>
      </c>
      <c r="D67033" s="14" t="s">
        <v>313</v>
      </c>
      <c r="E67033" s="15">
        <v>45614</v>
      </c>
      <c r="F67033" s="14" t="s">
        <v>25</v>
      </c>
      <c r="G67033" s="16">
        <v>1.5551852399404869</v>
      </c>
    </row>
    <row r="67034" spans="1:7" x14ac:dyDescent="0.3">
      <c r="A67034" s="13" t="s">
        <v>354</v>
      </c>
      <c r="B67034" s="14" t="s">
        <v>1</v>
      </c>
      <c r="C67034" s="14" t="s">
        <v>238</v>
      </c>
      <c r="D67034" s="14" t="s">
        <v>313</v>
      </c>
      <c r="E67034" s="15">
        <v>45615</v>
      </c>
      <c r="F67034" s="14" t="s">
        <v>25</v>
      </c>
      <c r="G67034" s="16">
        <v>1.5738890240830654</v>
      </c>
    </row>
    <row r="67035" spans="1:7" x14ac:dyDescent="0.3">
      <c r="A67035" s="13" t="s">
        <v>354</v>
      </c>
      <c r="B67035" s="14" t="s">
        <v>1</v>
      </c>
      <c r="C67035" s="14" t="s">
        <v>238</v>
      </c>
      <c r="D67035" s="14" t="s">
        <v>313</v>
      </c>
      <c r="E67035" s="15">
        <v>45616</v>
      </c>
      <c r="F67035" s="14" t="s">
        <v>25</v>
      </c>
      <c r="G67035" s="16">
        <v>1.5761607222661875</v>
      </c>
    </row>
    <row r="67036" spans="1:7" x14ac:dyDescent="0.3">
      <c r="A67036" s="13" t="s">
        <v>354</v>
      </c>
      <c r="B67036" s="14" t="s">
        <v>1</v>
      </c>
      <c r="C67036" s="14" t="s">
        <v>238</v>
      </c>
      <c r="D67036" s="14" t="s">
        <v>313</v>
      </c>
      <c r="E67036" s="15">
        <v>45617</v>
      </c>
      <c r="F67036" s="14" t="s">
        <v>25</v>
      </c>
      <c r="G67036" s="16">
        <v>1.5770659906089575</v>
      </c>
    </row>
    <row r="67037" spans="1:7" x14ac:dyDescent="0.3">
      <c r="A67037" s="13" t="s">
        <v>354</v>
      </c>
      <c r="B67037" s="14" t="s">
        <v>1</v>
      </c>
      <c r="C67037" s="14" t="s">
        <v>238</v>
      </c>
      <c r="D67037" s="14" t="s">
        <v>313</v>
      </c>
      <c r="E67037" s="15">
        <v>45618</v>
      </c>
      <c r="F67037" s="14" t="s">
        <v>25</v>
      </c>
      <c r="G67037" s="16">
        <v>1.5886835289101977</v>
      </c>
    </row>
    <row r="67038" spans="1:7" x14ac:dyDescent="0.3">
      <c r="A67038" s="13" t="s">
        <v>354</v>
      </c>
      <c r="B67038" s="14" t="s">
        <v>1</v>
      </c>
      <c r="C67038" s="14" t="s">
        <v>238</v>
      </c>
      <c r="D67038" s="14" t="s">
        <v>313</v>
      </c>
      <c r="E67038" s="15">
        <v>45619</v>
      </c>
      <c r="F67038" s="14" t="s">
        <v>25</v>
      </c>
      <c r="G67038" s="16">
        <v>1.5886835289101977</v>
      </c>
    </row>
    <row r="67039" spans="1:7" x14ac:dyDescent="0.3">
      <c r="A67039" s="13" t="s">
        <v>354</v>
      </c>
      <c r="B67039" s="14" t="s">
        <v>1</v>
      </c>
      <c r="C67039" s="14" t="s">
        <v>238</v>
      </c>
      <c r="D67039" s="14" t="s">
        <v>313</v>
      </c>
      <c r="E67039" s="15">
        <v>45620</v>
      </c>
      <c r="F67039" s="14" t="s">
        <v>25</v>
      </c>
      <c r="G67039" s="16">
        <v>1.5886835289101977</v>
      </c>
    </row>
    <row r="67040" spans="1:7" x14ac:dyDescent="0.3">
      <c r="A67040" s="13" t="s">
        <v>354</v>
      </c>
      <c r="B67040" s="14" t="s">
        <v>1</v>
      </c>
      <c r="C67040" s="14" t="s">
        <v>238</v>
      </c>
      <c r="D67040" s="14" t="s">
        <v>313</v>
      </c>
      <c r="E67040" s="15">
        <v>45621</v>
      </c>
      <c r="F67040" s="14" t="s">
        <v>25</v>
      </c>
      <c r="G67040" s="16">
        <v>1.5930074325764056</v>
      </c>
    </row>
    <row r="67041" spans="1:7" x14ac:dyDescent="0.3">
      <c r="A67041" s="13" t="s">
        <v>354</v>
      </c>
      <c r="B67041" s="14" t="s">
        <v>1</v>
      </c>
      <c r="C67041" s="14" t="s">
        <v>238</v>
      </c>
      <c r="D67041" s="14" t="s">
        <v>313</v>
      </c>
      <c r="E67041" s="15">
        <v>45622</v>
      </c>
      <c r="F67041" s="14" t="s">
        <v>25</v>
      </c>
      <c r="G67041" s="16">
        <v>1.613293965552659</v>
      </c>
    </row>
    <row r="67042" spans="1:7" x14ac:dyDescent="0.3">
      <c r="A67042" s="13" t="s">
        <v>354</v>
      </c>
      <c r="B67042" s="14" t="s">
        <v>1</v>
      </c>
      <c r="C67042" s="14" t="s">
        <v>238</v>
      </c>
      <c r="D67042" s="14" t="s">
        <v>313</v>
      </c>
      <c r="E67042" s="15">
        <v>45623</v>
      </c>
      <c r="F67042" s="14" t="s">
        <v>25</v>
      </c>
      <c r="G67042" s="16">
        <v>1.62347880361341</v>
      </c>
    </row>
    <row r="67043" spans="1:7" x14ac:dyDescent="0.3">
      <c r="A67043" s="13" t="s">
        <v>354</v>
      </c>
      <c r="B67043" s="14" t="s">
        <v>1</v>
      </c>
      <c r="C67043" s="14" t="s">
        <v>238</v>
      </c>
      <c r="D67043" s="14" t="s">
        <v>313</v>
      </c>
      <c r="E67043" s="15">
        <v>45624</v>
      </c>
      <c r="F67043" s="14" t="s">
        <v>25</v>
      </c>
      <c r="G67043" s="16">
        <v>1.6306144542458343</v>
      </c>
    </row>
    <row r="67044" spans="1:7" x14ac:dyDescent="0.3">
      <c r="A67044" s="13" t="s">
        <v>354</v>
      </c>
      <c r="B67044" s="14" t="s">
        <v>1</v>
      </c>
      <c r="C67044" s="14" t="s">
        <v>238</v>
      </c>
      <c r="D67044" s="14" t="s">
        <v>313</v>
      </c>
      <c r="E67044" s="15">
        <v>45625</v>
      </c>
      <c r="F67044" s="14" t="s">
        <v>25</v>
      </c>
      <c r="G67044" s="16">
        <v>1.6377462908152136</v>
      </c>
    </row>
    <row r="67045" spans="1:7" x14ac:dyDescent="0.3">
      <c r="A67045" s="13" t="s">
        <v>354</v>
      </c>
      <c r="B67045" s="14" t="s">
        <v>1</v>
      </c>
      <c r="C67045" s="14" t="s">
        <v>238</v>
      </c>
      <c r="D67045" s="14" t="s">
        <v>313</v>
      </c>
      <c r="E67045" s="15">
        <v>45626</v>
      </c>
      <c r="F67045" s="14" t="s">
        <v>25</v>
      </c>
      <c r="G67045" s="16">
        <v>1.6377462908152136</v>
      </c>
    </row>
    <row r="67046" spans="1:7" x14ac:dyDescent="0.3">
      <c r="A67046" s="13" t="s">
        <v>354</v>
      </c>
      <c r="B67046" s="14" t="s">
        <v>1</v>
      </c>
      <c r="C67046" s="14" t="s">
        <v>238</v>
      </c>
      <c r="D67046" s="14" t="s">
        <v>313</v>
      </c>
      <c r="E67046" s="15">
        <v>45627</v>
      </c>
      <c r="F67046" s="14" t="s">
        <v>25</v>
      </c>
      <c r="G67046" s="16">
        <v>1.6377462908152136</v>
      </c>
    </row>
    <row r="67047" spans="1:7" x14ac:dyDescent="0.3">
      <c r="A67047" s="13" t="s">
        <v>354</v>
      </c>
      <c r="B67047" s="14" t="s">
        <v>1</v>
      </c>
      <c r="C67047" s="14" t="s">
        <v>238</v>
      </c>
      <c r="D67047" s="14" t="s">
        <v>313</v>
      </c>
      <c r="E67047" s="15">
        <v>45628</v>
      </c>
      <c r="F67047" s="14" t="s">
        <v>25</v>
      </c>
      <c r="G67047" s="16">
        <v>1.6432806284787358</v>
      </c>
    </row>
    <row r="67048" spans="1:7" x14ac:dyDescent="0.3">
      <c r="A67048" s="13" t="s">
        <v>354</v>
      </c>
      <c r="B67048" s="14" t="s">
        <v>1</v>
      </c>
      <c r="C67048" s="14" t="s">
        <v>238</v>
      </c>
      <c r="D67048" s="14" t="s">
        <v>313</v>
      </c>
      <c r="E67048" s="15">
        <v>45629</v>
      </c>
      <c r="F67048" s="14" t="s">
        <v>25</v>
      </c>
      <c r="G67048" s="16">
        <v>1.665159108492287</v>
      </c>
    </row>
    <row r="67049" spans="1:7" x14ac:dyDescent="0.3">
      <c r="A67049" s="13" t="s">
        <v>354</v>
      </c>
      <c r="B67049" s="14" t="s">
        <v>1</v>
      </c>
      <c r="C67049" s="14" t="s">
        <v>238</v>
      </c>
      <c r="D67049" s="14" t="s">
        <v>313</v>
      </c>
      <c r="E67049" s="15">
        <v>45630</v>
      </c>
      <c r="F67049" s="14" t="s">
        <v>25</v>
      </c>
      <c r="G67049" s="16">
        <v>1.6682071655061141</v>
      </c>
    </row>
    <row r="67050" spans="1:7" x14ac:dyDescent="0.3">
      <c r="A67050" s="13" t="s">
        <v>354</v>
      </c>
      <c r="B67050" s="14" t="s">
        <v>1</v>
      </c>
      <c r="C67050" s="14" t="s">
        <v>238</v>
      </c>
      <c r="D67050" s="14" t="s">
        <v>313</v>
      </c>
      <c r="E67050" s="15">
        <v>45631</v>
      </c>
      <c r="F67050" s="14" t="s">
        <v>25</v>
      </c>
      <c r="G67050" s="16">
        <v>1.6768166665132931</v>
      </c>
    </row>
    <row r="67051" spans="1:7" x14ac:dyDescent="0.3">
      <c r="A67051" s="13" t="s">
        <v>354</v>
      </c>
      <c r="B67051" s="14" t="s">
        <v>1</v>
      </c>
      <c r="C67051" s="14" t="s">
        <v>238</v>
      </c>
      <c r="D67051" s="14" t="s">
        <v>313</v>
      </c>
      <c r="E67051" s="15">
        <v>45632</v>
      </c>
      <c r="F67051" s="14" t="s">
        <v>25</v>
      </c>
      <c r="G67051" s="16">
        <v>1.6811629247466906</v>
      </c>
    </row>
    <row r="67052" spans="1:7" x14ac:dyDescent="0.3">
      <c r="A67052" s="13" t="s">
        <v>354</v>
      </c>
      <c r="B67052" s="14" t="s">
        <v>1</v>
      </c>
      <c r="C67052" s="14" t="s">
        <v>238</v>
      </c>
      <c r="D67052" s="14" t="s">
        <v>313</v>
      </c>
      <c r="E67052" s="15">
        <v>45633</v>
      </c>
      <c r="F67052" s="14" t="s">
        <v>25</v>
      </c>
      <c r="G67052" s="16">
        <v>1.6811629247466906</v>
      </c>
    </row>
    <row r="67053" spans="1:7" x14ac:dyDescent="0.3">
      <c r="A67053" s="13" t="s">
        <v>354</v>
      </c>
      <c r="B67053" s="14" t="s">
        <v>1</v>
      </c>
      <c r="C67053" s="14" t="s">
        <v>238</v>
      </c>
      <c r="D67053" s="14" t="s">
        <v>313</v>
      </c>
      <c r="E67053" s="15">
        <v>45634</v>
      </c>
      <c r="F67053" s="14" t="s">
        <v>25</v>
      </c>
      <c r="G67053" s="16">
        <v>1.6811629247466906</v>
      </c>
    </row>
    <row r="67054" spans="1:7" x14ac:dyDescent="0.3">
      <c r="A67054" s="13" t="s">
        <v>354</v>
      </c>
      <c r="B67054" s="14" t="s">
        <v>1</v>
      </c>
      <c r="C67054" s="14" t="s">
        <v>238</v>
      </c>
      <c r="D67054" s="14" t="s">
        <v>313</v>
      </c>
      <c r="E67054" s="15">
        <v>45635</v>
      </c>
      <c r="F67054" s="14" t="s">
        <v>25</v>
      </c>
      <c r="G67054" s="16">
        <v>1.6858980970960589</v>
      </c>
    </row>
    <row r="67055" spans="1:7" x14ac:dyDescent="0.3">
      <c r="A67055" s="13" t="s">
        <v>354</v>
      </c>
      <c r="B67055" s="14" t="s">
        <v>1</v>
      </c>
      <c r="C67055" s="14" t="s">
        <v>238</v>
      </c>
      <c r="D67055" s="14" t="s">
        <v>313</v>
      </c>
      <c r="E67055" s="15">
        <v>45636</v>
      </c>
      <c r="F67055" s="14" t="s">
        <v>25</v>
      </c>
      <c r="G67055" s="16">
        <v>1.7099629805160752</v>
      </c>
    </row>
    <row r="67056" spans="1:7" x14ac:dyDescent="0.3">
      <c r="A67056" s="13" t="s">
        <v>354</v>
      </c>
      <c r="B67056" s="14" t="s">
        <v>1</v>
      </c>
      <c r="C67056" s="14" t="s">
        <v>238</v>
      </c>
      <c r="D67056" s="14" t="s">
        <v>313</v>
      </c>
      <c r="E67056" s="15">
        <v>45637</v>
      </c>
      <c r="F67056" s="14" t="s">
        <v>25</v>
      </c>
      <c r="G67056" s="16">
        <v>1.7148614331438383</v>
      </c>
    </row>
    <row r="67057" spans="1:7" x14ac:dyDescent="0.3">
      <c r="A67057" s="13" t="s">
        <v>354</v>
      </c>
      <c r="B67057" s="14" t="s">
        <v>1</v>
      </c>
      <c r="C67057" s="14" t="s">
        <v>238</v>
      </c>
      <c r="D67057" s="14" t="s">
        <v>313</v>
      </c>
      <c r="E67057" s="15">
        <v>45638</v>
      </c>
      <c r="F67057" s="14" t="s">
        <v>25</v>
      </c>
      <c r="G67057" s="16">
        <v>1.7327256226301648</v>
      </c>
    </row>
    <row r="67058" spans="1:7" x14ac:dyDescent="0.3">
      <c r="A67058" s="13" t="s">
        <v>354</v>
      </c>
      <c r="B67058" s="14" t="s">
        <v>1</v>
      </c>
      <c r="C67058" s="14" t="s">
        <v>238</v>
      </c>
      <c r="D67058" s="14" t="s">
        <v>313</v>
      </c>
      <c r="E67058" s="15">
        <v>45639</v>
      </c>
      <c r="F67058" s="14" t="s">
        <v>25</v>
      </c>
      <c r="G67058" s="16">
        <v>1.7462432230918821</v>
      </c>
    </row>
    <row r="67059" spans="1:7" x14ac:dyDescent="0.3">
      <c r="A67059" s="13" t="s">
        <v>354</v>
      </c>
      <c r="B67059" s="14" t="s">
        <v>1</v>
      </c>
      <c r="C67059" s="14" t="s">
        <v>238</v>
      </c>
      <c r="D67059" s="14" t="s">
        <v>313</v>
      </c>
      <c r="E67059" s="15">
        <v>45640</v>
      </c>
      <c r="F67059" s="14" t="s">
        <v>25</v>
      </c>
      <c r="G67059" s="16">
        <v>1.7462432230918821</v>
      </c>
    </row>
    <row r="67060" spans="1:7" x14ac:dyDescent="0.3">
      <c r="A67060" s="13" t="s">
        <v>354</v>
      </c>
      <c r="B67060" s="14" t="s">
        <v>1</v>
      </c>
      <c r="C67060" s="14" t="s">
        <v>238</v>
      </c>
      <c r="D67060" s="14" t="s">
        <v>313</v>
      </c>
      <c r="E67060" s="15">
        <v>45641</v>
      </c>
      <c r="F67060" s="14" t="s">
        <v>25</v>
      </c>
      <c r="G67060" s="16">
        <v>1.7462432230918821</v>
      </c>
    </row>
    <row r="67061" spans="1:7" x14ac:dyDescent="0.3">
      <c r="A67061" s="13" t="s">
        <v>354</v>
      </c>
      <c r="B67061" s="14" t="s">
        <v>1</v>
      </c>
      <c r="C67061" s="14" t="s">
        <v>238</v>
      </c>
      <c r="D67061" s="14" t="s">
        <v>313</v>
      </c>
      <c r="E67061" s="15">
        <v>45642</v>
      </c>
      <c r="F67061" s="14" t="s">
        <v>25</v>
      </c>
      <c r="G67061" s="16">
        <v>1.7573031539409834</v>
      </c>
    </row>
    <row r="67062" spans="1:7" x14ac:dyDescent="0.3">
      <c r="A67062" s="13" t="s">
        <v>354</v>
      </c>
      <c r="B67062" s="14" t="s">
        <v>1</v>
      </c>
      <c r="C67062" s="14" t="s">
        <v>238</v>
      </c>
      <c r="D67062" s="14" t="s">
        <v>313</v>
      </c>
      <c r="E67062" s="15">
        <v>45643</v>
      </c>
      <c r="F67062" s="14" t="s">
        <v>25</v>
      </c>
      <c r="G67062" s="16">
        <v>1.7720659777829755</v>
      </c>
    </row>
    <row r="67063" spans="1:7" x14ac:dyDescent="0.3">
      <c r="A67063" s="13" t="s">
        <v>354</v>
      </c>
      <c r="B67063" s="14" t="s">
        <v>1</v>
      </c>
      <c r="C67063" s="14" t="s">
        <v>238</v>
      </c>
      <c r="D67063" s="14" t="s">
        <v>313</v>
      </c>
      <c r="E67063" s="15">
        <v>45644</v>
      </c>
      <c r="F67063" s="14" t="s">
        <v>25</v>
      </c>
      <c r="G67063" s="16">
        <v>1.7713849190629045</v>
      </c>
    </row>
    <row r="67064" spans="1:7" x14ac:dyDescent="0.3">
      <c r="A67064" s="13" t="s">
        <v>354</v>
      </c>
      <c r="B67064" s="14" t="s">
        <v>1</v>
      </c>
      <c r="C67064" s="14" t="s">
        <v>238</v>
      </c>
      <c r="D67064" s="14" t="s">
        <v>313</v>
      </c>
      <c r="E67064" s="15">
        <v>45645</v>
      </c>
      <c r="F67064" s="14" t="s">
        <v>25</v>
      </c>
      <c r="G67064" s="16">
        <v>1.7757851765993693</v>
      </c>
    </row>
    <row r="67065" spans="1:7" x14ac:dyDescent="0.3">
      <c r="A67065" s="13" t="s">
        <v>354</v>
      </c>
      <c r="B67065" s="14" t="s">
        <v>1</v>
      </c>
      <c r="C67065" s="14" t="s">
        <v>238</v>
      </c>
      <c r="D67065" s="14" t="s">
        <v>313</v>
      </c>
      <c r="E67065" s="15">
        <v>45646</v>
      </c>
      <c r="F67065" s="14" t="s">
        <v>25</v>
      </c>
      <c r="G67065" s="16">
        <v>1.7830659656107908</v>
      </c>
    </row>
    <row r="67066" spans="1:7" x14ac:dyDescent="0.3">
      <c r="A67066" s="13" t="s">
        <v>354</v>
      </c>
      <c r="B67066" s="14" t="s">
        <v>1</v>
      </c>
      <c r="C67066" s="14" t="s">
        <v>238</v>
      </c>
      <c r="D67066" s="14" t="s">
        <v>313</v>
      </c>
      <c r="E67066" s="15">
        <v>45647</v>
      </c>
      <c r="F67066" s="14" t="s">
        <v>25</v>
      </c>
      <c r="G67066" s="16">
        <v>1.7830659656107908</v>
      </c>
    </row>
    <row r="67067" spans="1:7" x14ac:dyDescent="0.3">
      <c r="A67067" s="13" t="s">
        <v>354</v>
      </c>
      <c r="B67067" s="14" t="s">
        <v>1</v>
      </c>
      <c r="C67067" s="14" t="s">
        <v>238</v>
      </c>
      <c r="D67067" s="14" t="s">
        <v>313</v>
      </c>
      <c r="E67067" s="15">
        <v>45648</v>
      </c>
      <c r="F67067" s="14" t="s">
        <v>25</v>
      </c>
      <c r="G67067" s="16">
        <v>1.7830659656107908</v>
      </c>
    </row>
    <row r="67068" spans="1:7" x14ac:dyDescent="0.3">
      <c r="A67068" s="13" t="s">
        <v>354</v>
      </c>
      <c r="B67068" s="14" t="s">
        <v>1</v>
      </c>
      <c r="C67068" s="14" t="s">
        <v>238</v>
      </c>
      <c r="D67068" s="14" t="s">
        <v>313</v>
      </c>
      <c r="E67068" s="15">
        <v>45649</v>
      </c>
      <c r="F67068" s="14" t="s">
        <v>25</v>
      </c>
      <c r="G67068" s="16">
        <v>1.7969093154354048</v>
      </c>
    </row>
    <row r="67069" spans="1:7" x14ac:dyDescent="0.3">
      <c r="A67069" s="13" t="s">
        <v>354</v>
      </c>
      <c r="B67069" s="14" t="s">
        <v>1</v>
      </c>
      <c r="C67069" s="14" t="s">
        <v>238</v>
      </c>
      <c r="D67069" s="14" t="s">
        <v>313</v>
      </c>
      <c r="E67069" s="15">
        <v>45650</v>
      </c>
      <c r="F67069" s="14" t="s">
        <v>25</v>
      </c>
      <c r="G67069" s="16">
        <v>1.8199405175320968</v>
      </c>
    </row>
    <row r="67070" spans="1:7" x14ac:dyDescent="0.3">
      <c r="A67070" s="13" t="s">
        <v>354</v>
      </c>
      <c r="B67070" s="14" t="s">
        <v>1</v>
      </c>
      <c r="C67070" s="14" t="s">
        <v>238</v>
      </c>
      <c r="D67070" s="14" t="s">
        <v>313</v>
      </c>
      <c r="E67070" s="15">
        <v>45651</v>
      </c>
      <c r="F67070" s="14" t="s">
        <v>25</v>
      </c>
      <c r="G67070" s="16">
        <v>1.8199405175320968</v>
      </c>
    </row>
    <row r="67071" spans="1:7" x14ac:dyDescent="0.3">
      <c r="A67071" s="13" t="s">
        <v>354</v>
      </c>
      <c r="B67071" s="14" t="s">
        <v>1</v>
      </c>
      <c r="C67071" s="14" t="s">
        <v>238</v>
      </c>
      <c r="D67071" s="14" t="s">
        <v>313</v>
      </c>
      <c r="E67071" s="15">
        <v>45652</v>
      </c>
      <c r="F67071" s="14" t="s">
        <v>25</v>
      </c>
      <c r="G67071" s="16">
        <v>1.8199405175320968</v>
      </c>
    </row>
    <row r="67072" spans="1:7" x14ac:dyDescent="0.3">
      <c r="A67072" s="13" t="s">
        <v>354</v>
      </c>
      <c r="B67072" s="14" t="s">
        <v>1</v>
      </c>
      <c r="C67072" s="14" t="s">
        <v>238</v>
      </c>
      <c r="D67072" s="14" t="s">
        <v>313</v>
      </c>
      <c r="E67072" s="15">
        <v>45653</v>
      </c>
      <c r="F67072" s="14" t="s">
        <v>25</v>
      </c>
      <c r="G67072" s="16">
        <v>1.8199405175320968</v>
      </c>
    </row>
    <row r="67073" spans="1:7" x14ac:dyDescent="0.3">
      <c r="A67073" s="13" t="s">
        <v>354</v>
      </c>
      <c r="B67073" s="14" t="s">
        <v>1</v>
      </c>
      <c r="C67073" s="14" t="s">
        <v>238</v>
      </c>
      <c r="D67073" s="14" t="s">
        <v>313</v>
      </c>
      <c r="E67073" s="15">
        <v>45654</v>
      </c>
      <c r="F67073" s="14" t="s">
        <v>25</v>
      </c>
      <c r="G67073" s="16">
        <v>1.8199405175320968</v>
      </c>
    </row>
    <row r="67074" spans="1:7" x14ac:dyDescent="0.3">
      <c r="A67074" s="13" t="s">
        <v>354</v>
      </c>
      <c r="B67074" s="14" t="s">
        <v>1</v>
      </c>
      <c r="C67074" s="14" t="s">
        <v>238</v>
      </c>
      <c r="D67074" s="14" t="s">
        <v>313</v>
      </c>
      <c r="E67074" s="15">
        <v>45655</v>
      </c>
      <c r="F67074" s="14" t="s">
        <v>25</v>
      </c>
      <c r="G67074" s="16">
        <v>1.8199405175320968</v>
      </c>
    </row>
    <row r="67075" spans="1:7" x14ac:dyDescent="0.3">
      <c r="A67075" s="13" t="s">
        <v>354</v>
      </c>
      <c r="B67075" s="14" t="s">
        <v>1</v>
      </c>
      <c r="C67075" s="14" t="s">
        <v>238</v>
      </c>
      <c r="D67075" s="14" t="s">
        <v>313</v>
      </c>
      <c r="E67075" s="15">
        <v>45656</v>
      </c>
      <c r="F67075" s="14" t="s">
        <v>25</v>
      </c>
      <c r="G67075" s="16">
        <v>1.8356872156974222</v>
      </c>
    </row>
    <row r="67076" spans="1:7" x14ac:dyDescent="0.3">
      <c r="A67076" s="13" t="s">
        <v>354</v>
      </c>
      <c r="B67076" s="14" t="s">
        <v>1</v>
      </c>
      <c r="C67076" s="14" t="s">
        <v>238</v>
      </c>
      <c r="D67076" s="14" t="s">
        <v>313</v>
      </c>
      <c r="E67076" s="15">
        <v>45657</v>
      </c>
      <c r="F67076" s="14" t="s">
        <v>25</v>
      </c>
      <c r="G67076" s="16">
        <v>1.875042261866376</v>
      </c>
    </row>
    <row r="67077" spans="1:7" x14ac:dyDescent="0.3">
      <c r="A67077" s="13" t="s">
        <v>354</v>
      </c>
      <c r="B67077" s="14" t="s">
        <v>1</v>
      </c>
      <c r="C67077" s="14" t="s">
        <v>238</v>
      </c>
      <c r="D67077" s="14" t="s">
        <v>313</v>
      </c>
      <c r="E67077" s="15">
        <v>45658</v>
      </c>
      <c r="F67077" s="14" t="s">
        <v>25</v>
      </c>
      <c r="G67077" s="16">
        <v>1.875042261866376</v>
      </c>
    </row>
    <row r="67078" spans="1:7" x14ac:dyDescent="0.3">
      <c r="A67078" s="13" t="s">
        <v>354</v>
      </c>
      <c r="B67078" s="14" t="s">
        <v>1</v>
      </c>
      <c r="C67078" s="14" t="s">
        <v>238</v>
      </c>
      <c r="D67078" s="14" t="s">
        <v>313</v>
      </c>
      <c r="E67078" s="15">
        <v>45659</v>
      </c>
      <c r="F67078" s="14" t="s">
        <v>25</v>
      </c>
      <c r="G67078" s="16">
        <v>1.875042261866376</v>
      </c>
    </row>
    <row r="67079" spans="1:7" x14ac:dyDescent="0.3">
      <c r="A67079" s="13" t="s">
        <v>354</v>
      </c>
      <c r="B67079" s="14" t="s">
        <v>1</v>
      </c>
      <c r="C67079" s="14" t="s">
        <v>238</v>
      </c>
      <c r="D67079" s="14" t="s">
        <v>313</v>
      </c>
      <c r="E67079" s="15">
        <v>45660</v>
      </c>
      <c r="F67079" s="14" t="s">
        <v>25</v>
      </c>
      <c r="G67079" s="16">
        <v>1.8763456496218596</v>
      </c>
    </row>
    <row r="67080" spans="1:7" x14ac:dyDescent="0.3">
      <c r="A67080" s="13" t="s">
        <v>354</v>
      </c>
      <c r="B67080" s="14" t="s">
        <v>1</v>
      </c>
      <c r="C67080" s="14" t="s">
        <v>238</v>
      </c>
      <c r="D67080" s="14" t="s">
        <v>313</v>
      </c>
      <c r="E67080" s="15">
        <v>45661</v>
      </c>
      <c r="F67080" s="14" t="s">
        <v>25</v>
      </c>
      <c r="G67080" s="16">
        <v>1.8763456496218596</v>
      </c>
    </row>
    <row r="67081" spans="1:7" x14ac:dyDescent="0.3">
      <c r="A67081" s="13" t="s">
        <v>354</v>
      </c>
      <c r="B67081" s="14" t="s">
        <v>1</v>
      </c>
      <c r="C67081" s="14" t="s">
        <v>238</v>
      </c>
      <c r="D67081" s="14" t="s">
        <v>313</v>
      </c>
      <c r="E67081" s="15">
        <v>45662</v>
      </c>
      <c r="F67081" s="14" t="s">
        <v>25</v>
      </c>
      <c r="G67081" s="16">
        <v>1.8763456496218596</v>
      </c>
    </row>
    <row r="67082" spans="1:7" x14ac:dyDescent="0.3">
      <c r="A67082" s="13" t="s">
        <v>354</v>
      </c>
      <c r="B67082" s="14" t="s">
        <v>1</v>
      </c>
      <c r="C67082" s="14" t="s">
        <v>238</v>
      </c>
      <c r="D67082" s="14" t="s">
        <v>313</v>
      </c>
      <c r="E67082" s="15">
        <v>45663</v>
      </c>
      <c r="F67082" s="14" t="s">
        <v>25</v>
      </c>
      <c r="G67082" s="16">
        <v>1.9039069567647593</v>
      </c>
    </row>
    <row r="67083" spans="1:7" x14ac:dyDescent="0.3">
      <c r="A67083" s="13" t="s">
        <v>354</v>
      </c>
      <c r="B67083" s="14" t="s">
        <v>1</v>
      </c>
      <c r="C67083" s="14" t="s">
        <v>238</v>
      </c>
      <c r="D67083" s="14" t="s">
        <v>313</v>
      </c>
      <c r="E67083" s="15">
        <v>45664</v>
      </c>
      <c r="F67083" s="14" t="s">
        <v>25</v>
      </c>
      <c r="G67083" s="16">
        <v>1.9258698575718942</v>
      </c>
    </row>
    <row r="67084" spans="1:7" x14ac:dyDescent="0.3">
      <c r="A67084" s="13" t="s">
        <v>354</v>
      </c>
      <c r="B67084" s="14" t="s">
        <v>1</v>
      </c>
      <c r="C67084" s="14" t="s">
        <v>238</v>
      </c>
      <c r="D67084" s="14" t="s">
        <v>313</v>
      </c>
      <c r="E67084" s="15">
        <v>45665</v>
      </c>
      <c r="F67084" s="14" t="s">
        <v>25</v>
      </c>
      <c r="G67084" s="16">
        <v>1.9317722255211685</v>
      </c>
    </row>
    <row r="67085" spans="1:7" x14ac:dyDescent="0.3">
      <c r="A67085" s="13" t="s">
        <v>354</v>
      </c>
      <c r="B67085" s="14" t="s">
        <v>1</v>
      </c>
      <c r="C67085" s="14" t="s">
        <v>238</v>
      </c>
      <c r="D67085" s="14" t="s">
        <v>313</v>
      </c>
      <c r="E67085" s="15">
        <v>45666</v>
      </c>
      <c r="F67085" s="14" t="s">
        <v>25</v>
      </c>
      <c r="G67085" s="16">
        <v>1.937243408434552</v>
      </c>
    </row>
    <row r="67086" spans="1:7" x14ac:dyDescent="0.3">
      <c r="A67086" s="13" t="s">
        <v>354</v>
      </c>
      <c r="B67086" s="14" t="s">
        <v>1</v>
      </c>
      <c r="C67086" s="14" t="s">
        <v>238</v>
      </c>
      <c r="D67086" s="14" t="s">
        <v>313</v>
      </c>
      <c r="E67086" s="15">
        <v>45667</v>
      </c>
      <c r="F67086" s="14" t="s">
        <v>25</v>
      </c>
      <c r="G67086" s="16">
        <v>1.9435446865403925</v>
      </c>
    </row>
    <row r="67087" spans="1:7" x14ac:dyDescent="0.3">
      <c r="A67087" s="13" t="s">
        <v>354</v>
      </c>
      <c r="B67087" s="14" t="s">
        <v>1</v>
      </c>
      <c r="C67087" s="14" t="s">
        <v>238</v>
      </c>
      <c r="D67087" s="14" t="s">
        <v>313</v>
      </c>
      <c r="E67087" s="15">
        <v>45668</v>
      </c>
      <c r="F67087" s="14" t="s">
        <v>25</v>
      </c>
      <c r="G67087" s="16">
        <v>1.9435446865403925</v>
      </c>
    </row>
    <row r="67088" spans="1:7" x14ac:dyDescent="0.3">
      <c r="A67088" s="13" t="s">
        <v>354</v>
      </c>
      <c r="B67088" s="14" t="s">
        <v>1</v>
      </c>
      <c r="C67088" s="14" t="s">
        <v>238</v>
      </c>
      <c r="D67088" s="14" t="s">
        <v>313</v>
      </c>
      <c r="E67088" s="15">
        <v>45669</v>
      </c>
      <c r="F67088" s="14" t="s">
        <v>25</v>
      </c>
      <c r="G67088" s="16">
        <v>1.9435446865403925</v>
      </c>
    </row>
    <row r="67089" spans="1:7" x14ac:dyDescent="0.3">
      <c r="A67089" s="13" t="s">
        <v>354</v>
      </c>
      <c r="B67089" s="14" t="s">
        <v>1</v>
      </c>
      <c r="C67089" s="14" t="s">
        <v>238</v>
      </c>
      <c r="D67089" s="14" t="s">
        <v>313</v>
      </c>
      <c r="E67089" s="15">
        <v>45670</v>
      </c>
      <c r="F67089" s="14" t="s">
        <v>25</v>
      </c>
      <c r="G67089" s="16">
        <v>1.9506704477059109</v>
      </c>
    </row>
    <row r="67090" spans="1:7" x14ac:dyDescent="0.3">
      <c r="A67090" s="13" t="s">
        <v>354</v>
      </c>
      <c r="B67090" s="14" t="s">
        <v>1</v>
      </c>
      <c r="C67090" s="14" t="s">
        <v>238</v>
      </c>
      <c r="D67090" s="14" t="s">
        <v>313</v>
      </c>
      <c r="E67090" s="15">
        <v>45671</v>
      </c>
      <c r="F67090" s="14" t="s">
        <v>25</v>
      </c>
      <c r="G67090" s="16">
        <v>1.9737666600085477</v>
      </c>
    </row>
    <row r="67091" spans="1:7" x14ac:dyDescent="0.3">
      <c r="A67091" s="13" t="s">
        <v>354</v>
      </c>
      <c r="B67091" s="14" t="s">
        <v>1</v>
      </c>
      <c r="C67091" s="14" t="s">
        <v>238</v>
      </c>
      <c r="D67091" s="14" t="s">
        <v>313</v>
      </c>
      <c r="E67091" s="15">
        <v>45672</v>
      </c>
      <c r="F67091" s="14" t="s">
        <v>25</v>
      </c>
      <c r="G67091" s="16">
        <v>1.9785874521237437</v>
      </c>
    </row>
    <row r="67092" spans="1:7" x14ac:dyDescent="0.3">
      <c r="A67092" s="13" t="s">
        <v>354</v>
      </c>
      <c r="B67092" s="14" t="s">
        <v>1</v>
      </c>
      <c r="C67092" s="14" t="s">
        <v>238</v>
      </c>
      <c r="D67092" s="14" t="s">
        <v>313</v>
      </c>
      <c r="E67092" s="15">
        <v>45673</v>
      </c>
      <c r="F67092" s="14" t="s">
        <v>25</v>
      </c>
      <c r="G67092" s="16">
        <v>1.9825233969670262</v>
      </c>
    </row>
    <row r="67093" spans="1:7" x14ac:dyDescent="0.3">
      <c r="A67093" s="13" t="s">
        <v>354</v>
      </c>
      <c r="B67093" s="14" t="s">
        <v>1</v>
      </c>
      <c r="C67093" s="14" t="s">
        <v>238</v>
      </c>
      <c r="D67093" s="14" t="s">
        <v>313</v>
      </c>
      <c r="E67093" s="15">
        <v>45674</v>
      </c>
      <c r="F67093" s="14" t="s">
        <v>25</v>
      </c>
      <c r="G67093" s="16">
        <v>1.9938723431062533</v>
      </c>
    </row>
    <row r="67094" spans="1:7" x14ac:dyDescent="0.3">
      <c r="A67094" s="13" t="s">
        <v>354</v>
      </c>
      <c r="B67094" s="14" t="s">
        <v>1</v>
      </c>
      <c r="C67094" s="14" t="s">
        <v>238</v>
      </c>
      <c r="D67094" s="14" t="s">
        <v>313</v>
      </c>
      <c r="E67094" s="15">
        <v>45675</v>
      </c>
      <c r="F67094" s="14" t="s">
        <v>25</v>
      </c>
      <c r="G67094" s="16">
        <v>1.9938723431062533</v>
      </c>
    </row>
    <row r="67095" spans="1:7" x14ac:dyDescent="0.3">
      <c r="A67095" s="13" t="s">
        <v>354</v>
      </c>
      <c r="B67095" s="14" t="s">
        <v>1</v>
      </c>
      <c r="C67095" s="14" t="s">
        <v>238</v>
      </c>
      <c r="D67095" s="14" t="s">
        <v>313</v>
      </c>
      <c r="E67095" s="15">
        <v>45676</v>
      </c>
      <c r="F67095" s="14" t="s">
        <v>25</v>
      </c>
      <c r="G67095" s="16">
        <v>1.9938723431062533</v>
      </c>
    </row>
    <row r="67096" spans="1:7" x14ac:dyDescent="0.3">
      <c r="A67096" s="13" t="s">
        <v>354</v>
      </c>
      <c r="B67096" s="14" t="s">
        <v>1</v>
      </c>
      <c r="C67096" s="14" t="s">
        <v>238</v>
      </c>
      <c r="D67096" s="14" t="s">
        <v>313</v>
      </c>
      <c r="E67096" s="15">
        <v>45677</v>
      </c>
      <c r="F67096" s="14" t="s">
        <v>25</v>
      </c>
      <c r="G67096" s="16">
        <v>2.0096417606138699</v>
      </c>
    </row>
    <row r="67097" spans="1:7" x14ac:dyDescent="0.3">
      <c r="A67097" s="13" t="s">
        <v>354</v>
      </c>
      <c r="B67097" s="14" t="s">
        <v>1</v>
      </c>
      <c r="C67097" s="14" t="s">
        <v>238</v>
      </c>
      <c r="D67097" s="14" t="s">
        <v>313</v>
      </c>
      <c r="E67097" s="15">
        <v>45678</v>
      </c>
      <c r="F67097" s="14" t="s">
        <v>25</v>
      </c>
      <c r="G67097" s="16">
        <v>2.0325322235608083</v>
      </c>
    </row>
    <row r="67098" spans="1:7" x14ac:dyDescent="0.3">
      <c r="A67098" s="13" t="s">
        <v>354</v>
      </c>
      <c r="B67098" s="14" t="s">
        <v>1</v>
      </c>
      <c r="C67098" s="14" t="s">
        <v>238</v>
      </c>
      <c r="D67098" s="14" t="s">
        <v>313</v>
      </c>
      <c r="E67098" s="15">
        <v>45679</v>
      </c>
      <c r="F67098" s="14" t="s">
        <v>25</v>
      </c>
      <c r="G67098" s="16">
        <v>2.0366169382421178</v>
      </c>
    </row>
    <row r="67099" spans="1:7" x14ac:dyDescent="0.3">
      <c r="A67099" s="13" t="s">
        <v>354</v>
      </c>
      <c r="B67099" s="14" t="s">
        <v>1</v>
      </c>
      <c r="C67099" s="14" t="s">
        <v>238</v>
      </c>
      <c r="D67099" s="14" t="s">
        <v>313</v>
      </c>
      <c r="E67099" s="15">
        <v>45680</v>
      </c>
      <c r="F67099" s="14" t="s">
        <v>25</v>
      </c>
      <c r="G67099" s="16">
        <v>2.0461040682825118</v>
      </c>
    </row>
    <row r="67100" spans="1:7" x14ac:dyDescent="0.3">
      <c r="A67100" s="13" t="s">
        <v>354</v>
      </c>
      <c r="B67100" s="14" t="s">
        <v>1</v>
      </c>
      <c r="C67100" s="14" t="s">
        <v>238</v>
      </c>
      <c r="D67100" s="14" t="s">
        <v>313</v>
      </c>
      <c r="E67100" s="15">
        <v>45681</v>
      </c>
      <c r="F67100" s="14" t="s">
        <v>25</v>
      </c>
      <c r="G67100" s="16">
        <v>2.0656039808505642</v>
      </c>
    </row>
    <row r="67101" spans="1:7" x14ac:dyDescent="0.3">
      <c r="A67101" s="13" t="s">
        <v>354</v>
      </c>
      <c r="B67101" s="14" t="s">
        <v>1</v>
      </c>
      <c r="C67101" s="14" t="s">
        <v>238</v>
      </c>
      <c r="D67101" s="14" t="s">
        <v>313</v>
      </c>
      <c r="E67101" s="15">
        <v>45682</v>
      </c>
      <c r="F67101" s="14" t="s">
        <v>25</v>
      </c>
      <c r="G67101" s="16">
        <v>2.0656039808505642</v>
      </c>
    </row>
    <row r="67102" spans="1:7" x14ac:dyDescent="0.3">
      <c r="A67102" s="13" t="s">
        <v>354</v>
      </c>
      <c r="B67102" s="14" t="s">
        <v>1</v>
      </c>
      <c r="C67102" s="14" t="s">
        <v>238</v>
      </c>
      <c r="D67102" s="14" t="s">
        <v>313</v>
      </c>
      <c r="E67102" s="15">
        <v>45683</v>
      </c>
      <c r="F67102" s="14" t="s">
        <v>25</v>
      </c>
      <c r="G67102" s="16">
        <v>2.0656039808505642</v>
      </c>
    </row>
    <row r="67103" spans="1:7" x14ac:dyDescent="0.3">
      <c r="A67103" s="13" t="s">
        <v>354</v>
      </c>
      <c r="B67103" s="14" t="s">
        <v>1</v>
      </c>
      <c r="C67103" s="14" t="s">
        <v>238</v>
      </c>
      <c r="D67103" s="14" t="s">
        <v>313</v>
      </c>
      <c r="E67103" s="15">
        <v>45684</v>
      </c>
      <c r="F67103" s="14" t="s">
        <v>25</v>
      </c>
      <c r="G67103" s="16">
        <v>2.0633751134598861</v>
      </c>
    </row>
    <row r="67104" spans="1:7" x14ac:dyDescent="0.3">
      <c r="A67104" s="13" t="s">
        <v>354</v>
      </c>
      <c r="B67104" s="14" t="s">
        <v>1</v>
      </c>
      <c r="C67104" s="14" t="s">
        <v>238</v>
      </c>
      <c r="D67104" s="14" t="s">
        <v>313</v>
      </c>
      <c r="E67104" s="15">
        <v>45685</v>
      </c>
      <c r="F67104" s="14" t="s">
        <v>25</v>
      </c>
      <c r="G67104" s="16">
        <v>2.0759152362910904</v>
      </c>
    </row>
    <row r="67105" spans="1:7" x14ac:dyDescent="0.3">
      <c r="A67105" s="13" t="s">
        <v>354</v>
      </c>
      <c r="B67105" s="14" t="s">
        <v>1</v>
      </c>
      <c r="C67105" s="14" t="s">
        <v>238</v>
      </c>
      <c r="D67105" s="14" t="s">
        <v>313</v>
      </c>
      <c r="E67105" s="15">
        <v>45686</v>
      </c>
      <c r="F67105" s="14" t="s">
        <v>25</v>
      </c>
      <c r="G67105" s="16">
        <v>2.0874545095735253</v>
      </c>
    </row>
    <row r="67106" spans="1:7" x14ac:dyDescent="0.3">
      <c r="A67106" s="13" t="s">
        <v>354</v>
      </c>
      <c r="B67106" s="14" t="s">
        <v>1</v>
      </c>
      <c r="C67106" s="14" t="s">
        <v>238</v>
      </c>
      <c r="D67106" s="14" t="s">
        <v>313</v>
      </c>
      <c r="E67106" s="15">
        <v>45687</v>
      </c>
      <c r="F67106" s="14" t="s">
        <v>25</v>
      </c>
      <c r="G67106" s="16">
        <v>2.0883406563067872</v>
      </c>
    </row>
    <row r="67107" spans="1:7" x14ac:dyDescent="0.3">
      <c r="A67107" s="13" t="s">
        <v>354</v>
      </c>
      <c r="B67107" s="14" t="s">
        <v>1</v>
      </c>
      <c r="C67107" s="14" t="s">
        <v>238</v>
      </c>
      <c r="D67107" s="14" t="s">
        <v>313</v>
      </c>
      <c r="E67107" s="15">
        <v>45688</v>
      </c>
      <c r="F67107" s="14" t="s">
        <v>25</v>
      </c>
      <c r="G67107" s="16">
        <v>2.0927920707174579</v>
      </c>
    </row>
    <row r="67108" spans="1:7" x14ac:dyDescent="0.3">
      <c r="A67108" s="13" t="s">
        <v>354</v>
      </c>
      <c r="B67108" s="14" t="s">
        <v>1</v>
      </c>
      <c r="C67108" s="14" t="s">
        <v>238</v>
      </c>
      <c r="D67108" s="14" t="s">
        <v>313</v>
      </c>
      <c r="E67108" s="15">
        <v>45689</v>
      </c>
      <c r="F67108" s="14" t="s">
        <v>25</v>
      </c>
      <c r="G67108" s="16">
        <v>2.0927920707174579</v>
      </c>
    </row>
    <row r="67109" spans="1:7" x14ac:dyDescent="0.3">
      <c r="A67109" s="13" t="s">
        <v>354</v>
      </c>
      <c r="B67109" s="14" t="s">
        <v>1</v>
      </c>
      <c r="C67109" s="14" t="s">
        <v>238</v>
      </c>
      <c r="D67109" s="14" t="s">
        <v>313</v>
      </c>
      <c r="E67109" s="15">
        <v>45690</v>
      </c>
      <c r="F67109" s="14" t="s">
        <v>25</v>
      </c>
      <c r="G67109" s="16">
        <v>2.0927920707174579</v>
      </c>
    </row>
    <row r="67110" spans="1:7" x14ac:dyDescent="0.3">
      <c r="A67110" s="13" t="s">
        <v>354</v>
      </c>
      <c r="B67110" s="14" t="s">
        <v>1</v>
      </c>
      <c r="C67110" s="14" t="s">
        <v>238</v>
      </c>
      <c r="D67110" s="14" t="s">
        <v>313</v>
      </c>
      <c r="E67110" s="15">
        <v>45691</v>
      </c>
      <c r="F67110" s="14" t="s">
        <v>25</v>
      </c>
      <c r="G67110" s="16">
        <v>2.0927920707174579</v>
      </c>
    </row>
    <row r="67111" spans="1:7" x14ac:dyDescent="0.3">
      <c r="A67111" s="13" t="s">
        <v>354</v>
      </c>
      <c r="B67111" s="14" t="s">
        <v>1</v>
      </c>
      <c r="C67111" s="14" t="s">
        <v>238</v>
      </c>
      <c r="D67111" s="14" t="s">
        <v>313</v>
      </c>
      <c r="E67111" s="15">
        <v>45692</v>
      </c>
      <c r="F67111" s="14" t="s">
        <v>25</v>
      </c>
      <c r="G67111" s="16">
        <v>2.0892147443580562</v>
      </c>
    </row>
    <row r="67112" spans="1:7" x14ac:dyDescent="0.3">
      <c r="A67112" s="13" t="s">
        <v>354</v>
      </c>
      <c r="B67112" s="14" t="s">
        <v>1</v>
      </c>
      <c r="C67112" s="14" t="s">
        <v>238</v>
      </c>
      <c r="D67112" s="14" t="s">
        <v>313</v>
      </c>
      <c r="E67112" s="15">
        <v>45693</v>
      </c>
      <c r="F67112" s="14" t="s">
        <v>25</v>
      </c>
      <c r="G67112" s="16">
        <v>2.1134616593646505</v>
      </c>
    </row>
    <row r="67113" spans="1:7" x14ac:dyDescent="0.3">
      <c r="A67113" s="13" t="s">
        <v>354</v>
      </c>
      <c r="B67113" s="14" t="s">
        <v>1</v>
      </c>
      <c r="C67113" s="14" t="s">
        <v>238</v>
      </c>
      <c r="D67113" s="14" t="s">
        <v>313</v>
      </c>
      <c r="E67113" s="15">
        <v>45694</v>
      </c>
      <c r="F67113" s="14" t="s">
        <v>25</v>
      </c>
      <c r="G67113" s="16">
        <v>2.12352465167191</v>
      </c>
    </row>
    <row r="67114" spans="1:7" x14ac:dyDescent="0.3">
      <c r="A67114" s="13" t="s">
        <v>354</v>
      </c>
      <c r="B67114" s="14" t="s">
        <v>1</v>
      </c>
      <c r="C67114" s="14" t="s">
        <v>238</v>
      </c>
      <c r="D67114" s="14" t="s">
        <v>313</v>
      </c>
      <c r="E67114" s="15">
        <v>45695</v>
      </c>
      <c r="F67114" s="14" t="s">
        <v>25</v>
      </c>
      <c r="G67114" s="16">
        <v>2.1302233254186844</v>
      </c>
    </row>
    <row r="67115" spans="1:7" x14ac:dyDescent="0.3">
      <c r="A67115" s="13" t="s">
        <v>354</v>
      </c>
      <c r="B67115" s="14" t="s">
        <v>1</v>
      </c>
      <c r="C67115" s="14" t="s">
        <v>238</v>
      </c>
      <c r="D67115" s="14" t="s">
        <v>313</v>
      </c>
      <c r="E67115" s="15">
        <v>45696</v>
      </c>
      <c r="F67115" s="14" t="s">
        <v>25</v>
      </c>
      <c r="G67115" s="16">
        <v>2.1302233254186844</v>
      </c>
    </row>
    <row r="67116" spans="1:7" x14ac:dyDescent="0.3">
      <c r="A67116" s="13" t="s">
        <v>354</v>
      </c>
      <c r="B67116" s="14" t="s">
        <v>1</v>
      </c>
      <c r="C67116" s="14" t="s">
        <v>238</v>
      </c>
      <c r="D67116" s="14" t="s">
        <v>313</v>
      </c>
      <c r="E67116" s="15">
        <v>45697</v>
      </c>
      <c r="F67116" s="14" t="s">
        <v>25</v>
      </c>
      <c r="G67116" s="16">
        <v>2.1302233254186844</v>
      </c>
    </row>
    <row r="67117" spans="1:7" x14ac:dyDescent="0.3">
      <c r="A67117" s="13" t="s">
        <v>354</v>
      </c>
      <c r="B67117" s="14" t="s">
        <v>1</v>
      </c>
      <c r="C67117" s="14" t="s">
        <v>238</v>
      </c>
      <c r="D67117" s="14" t="s">
        <v>313</v>
      </c>
      <c r="E67117" s="15">
        <v>45698</v>
      </c>
      <c r="F67117" s="14" t="s">
        <v>25</v>
      </c>
      <c r="G67117" s="16">
        <v>2.1366569131803703</v>
      </c>
    </row>
    <row r="67118" spans="1:7" x14ac:dyDescent="0.3">
      <c r="A67118" s="13" t="s">
        <v>354</v>
      </c>
      <c r="B67118" s="14" t="s">
        <v>1</v>
      </c>
      <c r="C67118" s="14" t="s">
        <v>238</v>
      </c>
      <c r="D67118" s="14" t="s">
        <v>313</v>
      </c>
      <c r="E67118" s="15">
        <v>45699</v>
      </c>
      <c r="F67118" s="14" t="s">
        <v>25</v>
      </c>
      <c r="G67118" s="16">
        <v>2.1731461432941801</v>
      </c>
    </row>
    <row r="67119" spans="1:7" x14ac:dyDescent="0.3">
      <c r="A67119" s="13" t="s">
        <v>354</v>
      </c>
      <c r="B67119" s="14" t="s">
        <v>1</v>
      </c>
      <c r="C67119" s="14" t="s">
        <v>238</v>
      </c>
      <c r="D67119" s="14" t="s">
        <v>313</v>
      </c>
      <c r="E67119" s="15">
        <v>45700</v>
      </c>
      <c r="F67119" s="14" t="s">
        <v>25</v>
      </c>
      <c r="G67119" s="16">
        <v>2.1862596314885052</v>
      </c>
    </row>
    <row r="67120" spans="1:7" x14ac:dyDescent="0.3">
      <c r="A67120" s="13" t="s">
        <v>354</v>
      </c>
      <c r="B67120" s="14" t="s">
        <v>1</v>
      </c>
      <c r="C67120" s="14" t="s">
        <v>238</v>
      </c>
      <c r="D67120" s="14" t="s">
        <v>313</v>
      </c>
      <c r="E67120" s="15">
        <v>45701</v>
      </c>
      <c r="F67120" s="14" t="s">
        <v>25</v>
      </c>
      <c r="G67120" s="16">
        <v>2.1841636769977519</v>
      </c>
    </row>
    <row r="67121" spans="1:7" x14ac:dyDescent="0.3">
      <c r="A67121" s="13" t="s">
        <v>354</v>
      </c>
      <c r="B67121" s="14" t="s">
        <v>1</v>
      </c>
      <c r="C67121" s="14" t="s">
        <v>238</v>
      </c>
      <c r="D67121" s="14" t="s">
        <v>313</v>
      </c>
      <c r="E67121" s="15">
        <v>45702</v>
      </c>
      <c r="F67121" s="14" t="s">
        <v>25</v>
      </c>
      <c r="G67121" s="16">
        <v>2.1877940886789435</v>
      </c>
    </row>
    <row r="67122" spans="1:7" x14ac:dyDescent="0.3">
      <c r="A67122" s="13" t="s">
        <v>354</v>
      </c>
      <c r="B67122" s="14" t="s">
        <v>1</v>
      </c>
      <c r="C67122" s="14" t="s">
        <v>238</v>
      </c>
      <c r="D67122" s="14" t="s">
        <v>313</v>
      </c>
      <c r="E67122" s="15">
        <v>45703</v>
      </c>
      <c r="F67122" s="14" t="s">
        <v>25</v>
      </c>
      <c r="G67122" s="16">
        <v>2.1877940886789435</v>
      </c>
    </row>
    <row r="67123" spans="1:7" x14ac:dyDescent="0.3">
      <c r="A67123" s="13" t="s">
        <v>354</v>
      </c>
      <c r="B67123" s="14" t="s">
        <v>1</v>
      </c>
      <c r="C67123" s="14" t="s">
        <v>238</v>
      </c>
      <c r="D67123" s="14" t="s">
        <v>313</v>
      </c>
      <c r="E67123" s="15">
        <v>45704</v>
      </c>
      <c r="F67123" s="14" t="s">
        <v>25</v>
      </c>
      <c r="G67123" s="16">
        <v>2.1877940886789435</v>
      </c>
    </row>
    <row r="67124" spans="1:7" x14ac:dyDescent="0.3">
      <c r="A67124" s="13" t="s">
        <v>354</v>
      </c>
      <c r="B67124" s="14" t="s">
        <v>1</v>
      </c>
      <c r="C67124" s="14" t="s">
        <v>238</v>
      </c>
      <c r="D67124" s="14" t="s">
        <v>313</v>
      </c>
      <c r="E67124" s="15">
        <v>45705</v>
      </c>
      <c r="F67124" s="14" t="s">
        <v>25</v>
      </c>
      <c r="G67124" s="16">
        <v>2.1967681497528457</v>
      </c>
    </row>
    <row r="67125" spans="1:7" x14ac:dyDescent="0.3">
      <c r="A67125" s="13" t="s">
        <v>354</v>
      </c>
      <c r="B67125" s="14" t="s">
        <v>1</v>
      </c>
      <c r="C67125" s="14" t="s">
        <v>238</v>
      </c>
      <c r="D67125" s="14" t="s">
        <v>313</v>
      </c>
      <c r="E67125" s="15">
        <v>45706</v>
      </c>
      <c r="F67125" s="14" t="s">
        <v>25</v>
      </c>
      <c r="G67125" s="16">
        <v>2.2153322422210531</v>
      </c>
    </row>
    <row r="67126" spans="1:7" x14ac:dyDescent="0.3">
      <c r="A67126" s="13" t="s">
        <v>354</v>
      </c>
      <c r="B67126" s="14" t="s">
        <v>1</v>
      </c>
      <c r="C67126" s="14" t="s">
        <v>238</v>
      </c>
      <c r="D67126" s="14" t="s">
        <v>313</v>
      </c>
      <c r="E67126" s="15">
        <v>45707</v>
      </c>
      <c r="F67126" s="14" t="s">
        <v>25</v>
      </c>
      <c r="G67126" s="16">
        <v>2.2203404579380068</v>
      </c>
    </row>
    <row r="67127" spans="1:7" x14ac:dyDescent="0.3">
      <c r="A67127" s="13" t="s">
        <v>354</v>
      </c>
      <c r="B67127" s="14" t="s">
        <v>1</v>
      </c>
      <c r="C67127" s="14" t="s">
        <v>238</v>
      </c>
      <c r="D67127" s="14" t="s">
        <v>313</v>
      </c>
      <c r="E67127" s="15">
        <v>45708</v>
      </c>
      <c r="F67127" s="14" t="s">
        <v>25</v>
      </c>
      <c r="G67127" s="16">
        <v>2.2274585275303824</v>
      </c>
    </row>
    <row r="67128" spans="1:7" x14ac:dyDescent="0.3">
      <c r="A67128" s="13" t="s">
        <v>354</v>
      </c>
      <c r="B67128" s="14" t="s">
        <v>1</v>
      </c>
      <c r="C67128" s="14" t="s">
        <v>238</v>
      </c>
      <c r="D67128" s="14" t="s">
        <v>313</v>
      </c>
      <c r="E67128" s="15">
        <v>45709</v>
      </c>
      <c r="F67128" s="14" t="s">
        <v>25</v>
      </c>
      <c r="G67128" s="16">
        <v>2.2255676654986094</v>
      </c>
    </row>
    <row r="67129" spans="1:7" x14ac:dyDescent="0.3">
      <c r="A67129" s="13" t="s">
        <v>354</v>
      </c>
      <c r="B67129" s="14" t="s">
        <v>1</v>
      </c>
      <c r="C67129" s="14" t="s">
        <v>238</v>
      </c>
      <c r="D67129" s="14" t="s">
        <v>313</v>
      </c>
      <c r="E67129" s="15">
        <v>45710</v>
      </c>
      <c r="F67129" s="14" t="s">
        <v>25</v>
      </c>
      <c r="G67129" s="16">
        <v>2.2255676654986094</v>
      </c>
    </row>
    <row r="67130" spans="1:7" x14ac:dyDescent="0.3">
      <c r="A67130" s="13" t="s">
        <v>354</v>
      </c>
      <c r="B67130" s="14" t="s">
        <v>1</v>
      </c>
      <c r="C67130" s="14" t="s">
        <v>238</v>
      </c>
      <c r="D67130" s="14" t="s">
        <v>313</v>
      </c>
      <c r="E67130" s="15">
        <v>45711</v>
      </c>
      <c r="F67130" s="14" t="s">
        <v>25</v>
      </c>
      <c r="G67130" s="16">
        <v>2.2255676654986094</v>
      </c>
    </row>
    <row r="67131" spans="1:7" x14ac:dyDescent="0.3">
      <c r="A67131" s="13" t="s">
        <v>354</v>
      </c>
      <c r="B67131" s="14" t="s">
        <v>1</v>
      </c>
      <c r="C67131" s="14" t="s">
        <v>238</v>
      </c>
      <c r="D67131" s="14" t="s">
        <v>313</v>
      </c>
      <c r="E67131" s="15">
        <v>45712</v>
      </c>
      <c r="F67131" s="14" t="s">
        <v>25</v>
      </c>
      <c r="G67131" s="16">
        <v>2.231978050513916</v>
      </c>
    </row>
    <row r="67132" spans="1:7" x14ac:dyDescent="0.3">
      <c r="A67132" s="13" t="s">
        <v>354</v>
      </c>
      <c r="B67132" s="14" t="s">
        <v>1</v>
      </c>
      <c r="C67132" s="14" t="s">
        <v>238</v>
      </c>
      <c r="D67132" s="14" t="s">
        <v>313</v>
      </c>
      <c r="E67132" s="15">
        <v>45713</v>
      </c>
      <c r="F67132" s="14" t="s">
        <v>25</v>
      </c>
      <c r="G67132" s="16">
        <v>2.2528728599099774</v>
      </c>
    </row>
    <row r="67133" spans="1:7" x14ac:dyDescent="0.3">
      <c r="A67133" s="13" t="s">
        <v>354</v>
      </c>
      <c r="B67133" s="14" t="s">
        <v>1</v>
      </c>
      <c r="C67133" s="14" t="s">
        <v>238</v>
      </c>
      <c r="D67133" s="14" t="s">
        <v>313</v>
      </c>
      <c r="E67133" s="15">
        <v>45714</v>
      </c>
      <c r="F67133" s="14" t="s">
        <v>25</v>
      </c>
      <c r="G67133" s="16">
        <v>2.2578208067744812</v>
      </c>
    </row>
    <row r="67134" spans="1:7" x14ac:dyDescent="0.3">
      <c r="A67134" s="13" t="s">
        <v>354</v>
      </c>
      <c r="B67134" s="14" t="s">
        <v>1</v>
      </c>
      <c r="C67134" s="14" t="s">
        <v>238</v>
      </c>
      <c r="D67134" s="14" t="s">
        <v>313</v>
      </c>
      <c r="E67134" s="15">
        <v>45715</v>
      </c>
      <c r="F67134" s="14" t="s">
        <v>25</v>
      </c>
      <c r="G67134" s="16">
        <v>2.258396836321837</v>
      </c>
    </row>
    <row r="67135" spans="1:7" x14ac:dyDescent="0.3">
      <c r="A67135" s="13" t="s">
        <v>354</v>
      </c>
      <c r="B67135" s="14" t="s">
        <v>1</v>
      </c>
      <c r="C67135" s="14" t="s">
        <v>238</v>
      </c>
      <c r="D67135" s="14" t="s">
        <v>313</v>
      </c>
      <c r="E67135" s="15">
        <v>45716</v>
      </c>
      <c r="F67135" s="14" t="s">
        <v>25</v>
      </c>
      <c r="G67135" s="16">
        <v>2.2695981643063794</v>
      </c>
    </row>
    <row r="67136" spans="1:7" x14ac:dyDescent="0.3">
      <c r="A67136" s="13" t="s">
        <v>354</v>
      </c>
      <c r="B67136" s="14" t="s">
        <v>1</v>
      </c>
      <c r="C67136" s="14" t="s">
        <v>238</v>
      </c>
      <c r="D67136" s="14" t="s">
        <v>313</v>
      </c>
      <c r="E67136" s="15">
        <v>45717</v>
      </c>
      <c r="F67136" s="14" t="s">
        <v>25</v>
      </c>
      <c r="G67136" s="16">
        <v>2.2695981643063794</v>
      </c>
    </row>
    <row r="67137" spans="1:7" x14ac:dyDescent="0.3">
      <c r="A67137" s="13" t="s">
        <v>354</v>
      </c>
      <c r="B67137" s="14" t="s">
        <v>1</v>
      </c>
      <c r="C67137" s="14" t="s">
        <v>238</v>
      </c>
      <c r="D67137" s="14" t="s">
        <v>313</v>
      </c>
      <c r="E67137" s="15">
        <v>45718</v>
      </c>
      <c r="F67137" s="14" t="s">
        <v>25</v>
      </c>
      <c r="G67137" s="16">
        <v>2.2695981643063794</v>
      </c>
    </row>
    <row r="67138" spans="1:7" x14ac:dyDescent="0.3">
      <c r="A67138" s="13" t="s">
        <v>354</v>
      </c>
      <c r="B67138" s="14" t="s">
        <v>1</v>
      </c>
      <c r="C67138" s="14" t="s">
        <v>238</v>
      </c>
      <c r="D67138" s="14" t="s">
        <v>313</v>
      </c>
      <c r="E67138" s="15">
        <v>45719</v>
      </c>
      <c r="F67138" s="14" t="s">
        <v>25</v>
      </c>
      <c r="G67138" s="16">
        <v>2.2836792537113806</v>
      </c>
    </row>
    <row r="67139" spans="1:7" x14ac:dyDescent="0.3">
      <c r="A67139" s="13" t="s">
        <v>354</v>
      </c>
      <c r="B67139" s="14" t="s">
        <v>1</v>
      </c>
      <c r="C67139" s="14" t="s">
        <v>238</v>
      </c>
      <c r="D67139" s="14" t="s">
        <v>313</v>
      </c>
      <c r="E67139" s="15">
        <v>45720</v>
      </c>
      <c r="F67139" s="14" t="s">
        <v>25</v>
      </c>
      <c r="G67139" s="16">
        <v>2.3161844030596819</v>
      </c>
    </row>
    <row r="67140" spans="1:7" x14ac:dyDescent="0.3">
      <c r="A67140" s="13" t="s">
        <v>354</v>
      </c>
      <c r="B67140" s="14" t="s">
        <v>1</v>
      </c>
      <c r="C67140" s="14" t="s">
        <v>238</v>
      </c>
      <c r="D67140" s="14" t="s">
        <v>313</v>
      </c>
      <c r="E67140" s="15">
        <v>45721</v>
      </c>
      <c r="F67140" s="14" t="s">
        <v>25</v>
      </c>
      <c r="G67140" s="16">
        <v>2.3624498791013862</v>
      </c>
    </row>
    <row r="67141" spans="1:7" x14ac:dyDescent="0.3">
      <c r="A67141" s="13" t="s">
        <v>354</v>
      </c>
      <c r="B67141" s="14" t="s">
        <v>1</v>
      </c>
      <c r="C67141" s="14" t="s">
        <v>238</v>
      </c>
      <c r="D67141" s="14" t="s">
        <v>313</v>
      </c>
      <c r="E67141" s="15">
        <v>45722</v>
      </c>
      <c r="F67141" s="14" t="s">
        <v>25</v>
      </c>
      <c r="G67141" s="16">
        <v>2.3467958441178349</v>
      </c>
    </row>
    <row r="67142" spans="1:7" x14ac:dyDescent="0.3">
      <c r="A67142" s="13" t="s">
        <v>354</v>
      </c>
      <c r="B67142" s="14" t="s">
        <v>1</v>
      </c>
      <c r="C67142" s="14" t="s">
        <v>238</v>
      </c>
      <c r="D67142" s="14" t="s">
        <v>313</v>
      </c>
      <c r="E67142" s="15">
        <v>45723</v>
      </c>
      <c r="F67142" s="14" t="s">
        <v>25</v>
      </c>
      <c r="G67142" s="16">
        <v>2.3600283011316781</v>
      </c>
    </row>
    <row r="67143" spans="1:7" x14ac:dyDescent="0.3">
      <c r="A67143" s="13" t="s">
        <v>354</v>
      </c>
      <c r="B67143" s="14" t="s">
        <v>1</v>
      </c>
      <c r="C67143" s="14" t="s">
        <v>238</v>
      </c>
      <c r="D67143" s="14" t="s">
        <v>313</v>
      </c>
      <c r="E67143" s="15">
        <v>45724</v>
      </c>
      <c r="F67143" s="14" t="s">
        <v>25</v>
      </c>
      <c r="G67143" s="16">
        <v>2.3600283011316781</v>
      </c>
    </row>
    <row r="67144" spans="1:7" x14ac:dyDescent="0.3">
      <c r="A67144" s="13" t="s">
        <v>354</v>
      </c>
      <c r="B67144" s="14" t="s">
        <v>1</v>
      </c>
      <c r="C67144" s="14" t="s">
        <v>238</v>
      </c>
      <c r="D67144" s="14" t="s">
        <v>313</v>
      </c>
      <c r="E67144" s="15">
        <v>45725</v>
      </c>
      <c r="F67144" s="14" t="s">
        <v>25</v>
      </c>
      <c r="G67144" s="16">
        <v>2.3600283011316781</v>
      </c>
    </row>
    <row r="67145" spans="1:7" x14ac:dyDescent="0.3">
      <c r="A67145" s="13" t="s">
        <v>354</v>
      </c>
      <c r="B67145" s="14" t="s">
        <v>1</v>
      </c>
      <c r="C67145" s="14" t="s">
        <v>238</v>
      </c>
      <c r="D67145" s="14" t="s">
        <v>313</v>
      </c>
      <c r="E67145" s="15">
        <v>45726</v>
      </c>
      <c r="F67145" s="14" t="s">
        <v>25</v>
      </c>
      <c r="G67145" s="16">
        <v>2.3704244833642654</v>
      </c>
    </row>
    <row r="67146" spans="1:7" x14ac:dyDescent="0.3">
      <c r="A67146" s="13" t="s">
        <v>354</v>
      </c>
      <c r="B67146" s="14" t="s">
        <v>1</v>
      </c>
      <c r="C67146" s="14" t="s">
        <v>238</v>
      </c>
      <c r="D67146" s="14" t="s">
        <v>313</v>
      </c>
      <c r="E67146" s="15">
        <v>45727</v>
      </c>
      <c r="F67146" s="14" t="s">
        <v>25</v>
      </c>
      <c r="G67146" s="16">
        <v>2.4147657176893458</v>
      </c>
    </row>
    <row r="67147" spans="1:7" x14ac:dyDescent="0.3">
      <c r="A67147" s="13" t="s">
        <v>354</v>
      </c>
      <c r="B67147" s="14" t="s">
        <v>1</v>
      </c>
      <c r="C67147" s="14" t="s">
        <v>238</v>
      </c>
      <c r="D67147" s="14" t="s">
        <v>313</v>
      </c>
      <c r="E67147" s="15">
        <v>45728</v>
      </c>
      <c r="F67147" s="14" t="s">
        <v>25</v>
      </c>
      <c r="G67147" s="16">
        <v>2.4127092776572279</v>
      </c>
    </row>
    <row r="67148" spans="1:7" x14ac:dyDescent="0.3">
      <c r="A67148" s="13" t="s">
        <v>354</v>
      </c>
      <c r="B67148" s="14" t="s">
        <v>1</v>
      </c>
      <c r="C67148" s="14" t="s">
        <v>238</v>
      </c>
      <c r="D67148" s="14" t="s">
        <v>313</v>
      </c>
      <c r="E67148" s="15">
        <v>45729</v>
      </c>
      <c r="F67148" s="14" t="s">
        <v>25</v>
      </c>
      <c r="G67148" s="16">
        <v>2.4120591152029203</v>
      </c>
    </row>
    <row r="67149" spans="1:7" x14ac:dyDescent="0.3">
      <c r="A67149" s="13" t="s">
        <v>354</v>
      </c>
      <c r="B67149" s="14" t="s">
        <v>1</v>
      </c>
      <c r="C67149" s="14" t="s">
        <v>238</v>
      </c>
      <c r="D67149" s="14" t="s">
        <v>313</v>
      </c>
      <c r="E67149" s="15">
        <v>45730</v>
      </c>
      <c r="F67149" s="14" t="s">
        <v>25</v>
      </c>
      <c r="G67149" s="16">
        <v>2.4338705269043817</v>
      </c>
    </row>
    <row r="67150" spans="1:7" x14ac:dyDescent="0.3">
      <c r="A67150" s="13" t="s">
        <v>354</v>
      </c>
      <c r="B67150" s="14" t="s">
        <v>1</v>
      </c>
      <c r="C67150" s="14" t="s">
        <v>238</v>
      </c>
      <c r="D67150" s="14" t="s">
        <v>313</v>
      </c>
      <c r="E67150" s="15">
        <v>45731</v>
      </c>
      <c r="F67150" s="14" t="s">
        <v>25</v>
      </c>
      <c r="G67150" s="16">
        <v>2.4338705269043817</v>
      </c>
    </row>
    <row r="67151" spans="1:7" x14ac:dyDescent="0.3">
      <c r="A67151" s="13" t="s">
        <v>354</v>
      </c>
      <c r="B67151" s="14" t="s">
        <v>1</v>
      </c>
      <c r="C67151" s="14" t="s">
        <v>238</v>
      </c>
      <c r="D67151" s="14" t="s">
        <v>313</v>
      </c>
      <c r="E67151" s="15">
        <v>45732</v>
      </c>
      <c r="F67151" s="14" t="s">
        <v>25</v>
      </c>
      <c r="G67151" s="16">
        <v>2.4338705269043817</v>
      </c>
    </row>
    <row r="67152" spans="1:7" x14ac:dyDescent="0.3">
      <c r="A67152" s="13" t="s">
        <v>354</v>
      </c>
      <c r="B67152" s="14" t="s">
        <v>1</v>
      </c>
      <c r="C67152" s="14" t="s">
        <v>238</v>
      </c>
      <c r="D67152" s="14" t="s">
        <v>313</v>
      </c>
      <c r="E67152" s="15">
        <v>45733</v>
      </c>
      <c r="F67152" s="14" t="s">
        <v>25</v>
      </c>
      <c r="G67152" s="16">
        <v>2.4338705269043817</v>
      </c>
    </row>
    <row r="67153" spans="1:7" x14ac:dyDescent="0.3">
      <c r="A67153" s="13" t="s">
        <v>354</v>
      </c>
      <c r="B67153" s="14" t="s">
        <v>1</v>
      </c>
      <c r="C67153" s="14" t="s">
        <v>238</v>
      </c>
      <c r="D67153" s="14" t="s">
        <v>313</v>
      </c>
      <c r="E67153" s="15">
        <v>45734</v>
      </c>
      <c r="F67153" s="14" t="s">
        <v>25</v>
      </c>
      <c r="G67153" s="16">
        <v>2.4309507669267463</v>
      </c>
    </row>
    <row r="67154" spans="1:7" x14ac:dyDescent="0.3">
      <c r="A67154" s="13" t="s">
        <v>354</v>
      </c>
      <c r="B67154" s="14" t="s">
        <v>1</v>
      </c>
      <c r="C67154" s="14" t="s">
        <v>238</v>
      </c>
      <c r="D67154" s="14" t="s">
        <v>313</v>
      </c>
      <c r="E67154" s="15">
        <v>45735</v>
      </c>
      <c r="F67154" s="14" t="s">
        <v>25</v>
      </c>
      <c r="G67154" s="16">
        <v>2.4489776646802968</v>
      </c>
    </row>
    <row r="67155" spans="1:7" x14ac:dyDescent="0.3">
      <c r="A67155" s="13" t="s">
        <v>354</v>
      </c>
      <c r="B67155" s="14" t="s">
        <v>1</v>
      </c>
      <c r="C67155" s="14" t="s">
        <v>238</v>
      </c>
      <c r="D67155" s="14" t="s">
        <v>313</v>
      </c>
      <c r="E67155" s="15">
        <v>45736</v>
      </c>
      <c r="F67155" s="14" t="s">
        <v>25</v>
      </c>
      <c r="G67155" s="16">
        <v>2.4564002577572728</v>
      </c>
    </row>
    <row r="67156" spans="1:7" x14ac:dyDescent="0.3">
      <c r="A67156" s="13" t="s">
        <v>354</v>
      </c>
      <c r="B67156" s="14" t="s">
        <v>1</v>
      </c>
      <c r="C67156" s="14" t="s">
        <v>238</v>
      </c>
      <c r="D67156" s="14" t="s">
        <v>313</v>
      </c>
      <c r="E67156" s="15">
        <v>45737</v>
      </c>
      <c r="F67156" s="14" t="s">
        <v>25</v>
      </c>
      <c r="G67156" s="16">
        <v>2.4600167886413438</v>
      </c>
    </row>
    <row r="67157" spans="1:7" x14ac:dyDescent="0.3">
      <c r="A67157" s="13" t="s">
        <v>354</v>
      </c>
      <c r="B67157" s="14" t="s">
        <v>1</v>
      </c>
      <c r="C67157" s="14" t="s">
        <v>238</v>
      </c>
      <c r="D67157" s="14" t="s">
        <v>313</v>
      </c>
      <c r="E67157" s="15">
        <v>45738</v>
      </c>
      <c r="F67157" s="14" t="s">
        <v>25</v>
      </c>
      <c r="G67157" s="16">
        <v>2.4600167886413438</v>
      </c>
    </row>
    <row r="67158" spans="1:7" x14ac:dyDescent="0.3">
      <c r="A67158" s="13" t="s">
        <v>354</v>
      </c>
      <c r="B67158" s="14" t="s">
        <v>1</v>
      </c>
      <c r="C67158" s="14" t="s">
        <v>238</v>
      </c>
      <c r="D67158" s="14" t="s">
        <v>313</v>
      </c>
      <c r="E67158" s="15">
        <v>45739</v>
      </c>
      <c r="F67158" s="14" t="s">
        <v>25</v>
      </c>
      <c r="G67158" s="16">
        <v>2.4600167886413438</v>
      </c>
    </row>
    <row r="67159" spans="1:7" x14ac:dyDescent="0.3">
      <c r="A67159" s="13" t="s">
        <v>354</v>
      </c>
      <c r="B67159" s="14" t="s">
        <v>1</v>
      </c>
      <c r="C67159" s="14" t="s">
        <v>238</v>
      </c>
      <c r="D67159" s="14" t="s">
        <v>313</v>
      </c>
      <c r="E67159" s="15">
        <v>45740</v>
      </c>
      <c r="F67159" s="14" t="s">
        <v>25</v>
      </c>
      <c r="G67159" s="16">
        <v>2.4630600186471527</v>
      </c>
    </row>
    <row r="67160" spans="1:7" x14ac:dyDescent="0.3">
      <c r="A67160" s="13" t="s">
        <v>354</v>
      </c>
      <c r="B67160" s="14" t="s">
        <v>1</v>
      </c>
      <c r="C67160" s="14" t="s">
        <v>238</v>
      </c>
      <c r="D67160" s="14" t="s">
        <v>313</v>
      </c>
      <c r="E67160" s="15">
        <v>45741</v>
      </c>
      <c r="F67160" s="14" t="s">
        <v>25</v>
      </c>
      <c r="G67160" s="16">
        <v>2.4807123915774145</v>
      </c>
    </row>
    <row r="67161" spans="1:7" x14ac:dyDescent="0.3">
      <c r="A67161" s="13" t="s">
        <v>354</v>
      </c>
      <c r="B67161" s="14" t="s">
        <v>1</v>
      </c>
      <c r="C67161" s="14" t="s">
        <v>238</v>
      </c>
      <c r="D67161" s="14" t="s">
        <v>313</v>
      </c>
      <c r="E67161" s="15">
        <v>45742</v>
      </c>
      <c r="F67161" s="14" t="s">
        <v>25</v>
      </c>
      <c r="G67161" s="16">
        <v>2.483668748896847</v>
      </c>
    </row>
    <row r="67162" spans="1:7" x14ac:dyDescent="0.3">
      <c r="A67162" s="13" t="s">
        <v>354</v>
      </c>
      <c r="B67162" s="14" t="s">
        <v>1</v>
      </c>
      <c r="C67162" s="14" t="s">
        <v>238</v>
      </c>
      <c r="D67162" s="14" t="s">
        <v>313</v>
      </c>
      <c r="E67162" s="15">
        <v>45743</v>
      </c>
      <c r="F67162" s="14" t="s">
        <v>25</v>
      </c>
      <c r="G67162" s="16">
        <v>2.4958226432670885</v>
      </c>
    </row>
    <row r="67163" spans="1:7" x14ac:dyDescent="0.3">
      <c r="A67163" s="13" t="s">
        <v>354</v>
      </c>
      <c r="B67163" s="14" t="s">
        <v>1</v>
      </c>
      <c r="C67163" s="14" t="s">
        <v>238</v>
      </c>
      <c r="D67163" s="14" t="s">
        <v>313</v>
      </c>
      <c r="E67163" s="15">
        <v>45744</v>
      </c>
      <c r="F67163" s="14" t="s">
        <v>25</v>
      </c>
      <c r="G67163" s="16">
        <v>2.5059017120599347</v>
      </c>
    </row>
    <row r="67164" spans="1:7" x14ac:dyDescent="0.3">
      <c r="A67164" s="13" t="s">
        <v>354</v>
      </c>
      <c r="B67164" s="14" t="s">
        <v>1</v>
      </c>
      <c r="C67164" s="14" t="s">
        <v>238</v>
      </c>
      <c r="D67164" s="14" t="s">
        <v>313</v>
      </c>
      <c r="E67164" s="15">
        <v>45745</v>
      </c>
      <c r="F67164" s="14" t="s">
        <v>25</v>
      </c>
      <c r="G67164" s="16">
        <v>2.5059017120599347</v>
      </c>
    </row>
    <row r="67165" spans="1:7" x14ac:dyDescent="0.3">
      <c r="A67165" s="13" t="s">
        <v>354</v>
      </c>
      <c r="B67165" s="14" t="s">
        <v>1</v>
      </c>
      <c r="C67165" s="14" t="s">
        <v>238</v>
      </c>
      <c r="D67165" s="14" t="s">
        <v>313</v>
      </c>
      <c r="E67165" s="15">
        <v>45746</v>
      </c>
      <c r="F67165" s="14" t="s">
        <v>25</v>
      </c>
      <c r="G67165" s="16">
        <v>2.5059017120599347</v>
      </c>
    </row>
    <row r="67166" spans="1:7" x14ac:dyDescent="0.3">
      <c r="A67166" s="13" t="s">
        <v>354</v>
      </c>
      <c r="B67166" s="14" t="s">
        <v>1</v>
      </c>
      <c r="C67166" s="14" t="s">
        <v>238</v>
      </c>
      <c r="D67166" s="14" t="s">
        <v>313</v>
      </c>
      <c r="E67166" s="15">
        <v>45747</v>
      </c>
      <c r="F67166" s="14" t="s">
        <v>25</v>
      </c>
      <c r="G67166" s="16">
        <v>2.5212731535432056</v>
      </c>
    </row>
    <row r="67167" spans="1:7" x14ac:dyDescent="0.3">
      <c r="A67167" s="13" t="s">
        <v>355</v>
      </c>
      <c r="B67167" s="14" t="s">
        <v>1</v>
      </c>
      <c r="C67167" s="14" t="s">
        <v>238</v>
      </c>
      <c r="D67167" s="14" t="s">
        <v>356</v>
      </c>
      <c r="E67167" s="15">
        <v>45383</v>
      </c>
      <c r="F67167" s="14" t="s">
        <v>61</v>
      </c>
      <c r="G67167" s="16">
        <v>0</v>
      </c>
    </row>
    <row r="67168" spans="1:7" x14ac:dyDescent="0.3">
      <c r="A67168" s="13" t="s">
        <v>355</v>
      </c>
      <c r="B67168" s="14" t="s">
        <v>1</v>
      </c>
      <c r="C67168" s="14" t="s">
        <v>238</v>
      </c>
      <c r="D67168" s="14" t="s">
        <v>356</v>
      </c>
      <c r="E67168" s="15">
        <v>45384</v>
      </c>
      <c r="F67168" s="14" t="s">
        <v>61</v>
      </c>
      <c r="G67168" s="16">
        <v>0</v>
      </c>
    </row>
    <row r="67169" spans="1:7" x14ac:dyDescent="0.3">
      <c r="A67169" s="13" t="s">
        <v>355</v>
      </c>
      <c r="B67169" s="14" t="s">
        <v>1</v>
      </c>
      <c r="C67169" s="14" t="s">
        <v>238</v>
      </c>
      <c r="D67169" s="14" t="s">
        <v>356</v>
      </c>
      <c r="E67169" s="15">
        <v>45385</v>
      </c>
      <c r="F67169" s="14" t="s">
        <v>61</v>
      </c>
      <c r="G67169" s="16">
        <v>3.6659620434915559E-2</v>
      </c>
    </row>
    <row r="67170" spans="1:7" x14ac:dyDescent="0.3">
      <c r="A67170" s="13" t="s">
        <v>355</v>
      </c>
      <c r="B67170" s="14" t="s">
        <v>1</v>
      </c>
      <c r="C67170" s="14" t="s">
        <v>238</v>
      </c>
      <c r="D67170" s="14" t="s">
        <v>356</v>
      </c>
      <c r="E67170" s="15">
        <v>45386</v>
      </c>
      <c r="F67170" s="14" t="s">
        <v>61</v>
      </c>
      <c r="G67170" s="16">
        <v>4.5159636554523264E-2</v>
      </c>
    </row>
    <row r="67171" spans="1:7" x14ac:dyDescent="0.3">
      <c r="A67171" s="13" t="s">
        <v>355</v>
      </c>
      <c r="B67171" s="14" t="s">
        <v>1</v>
      </c>
      <c r="C67171" s="14" t="s">
        <v>238</v>
      </c>
      <c r="D67171" s="14" t="s">
        <v>356</v>
      </c>
      <c r="E67171" s="15">
        <v>45387</v>
      </c>
      <c r="F67171" s="14" t="s">
        <v>61</v>
      </c>
      <c r="G67171" s="16">
        <v>5.2606806310610675E-2</v>
      </c>
    </row>
    <row r="67172" spans="1:7" x14ac:dyDescent="0.3">
      <c r="A67172" s="13" t="s">
        <v>355</v>
      </c>
      <c r="B67172" s="14" t="s">
        <v>1</v>
      </c>
      <c r="C67172" s="14" t="s">
        <v>238</v>
      </c>
      <c r="D67172" s="14" t="s">
        <v>356</v>
      </c>
      <c r="E67172" s="15">
        <v>45388</v>
      </c>
      <c r="F67172" s="14" t="s">
        <v>61</v>
      </c>
      <c r="G67172" s="16">
        <v>5.2606806310610675E-2</v>
      </c>
    </row>
    <row r="67173" spans="1:7" x14ac:dyDescent="0.3">
      <c r="A67173" s="13" t="s">
        <v>355</v>
      </c>
      <c r="B67173" s="14" t="s">
        <v>1</v>
      </c>
      <c r="C67173" s="14" t="s">
        <v>238</v>
      </c>
      <c r="D67173" s="14" t="s">
        <v>356</v>
      </c>
      <c r="E67173" s="15">
        <v>45389</v>
      </c>
      <c r="F67173" s="14" t="s">
        <v>61</v>
      </c>
      <c r="G67173" s="16">
        <v>5.2606806310610675E-2</v>
      </c>
    </row>
    <row r="67174" spans="1:7" x14ac:dyDescent="0.3">
      <c r="A67174" s="13" t="s">
        <v>355</v>
      </c>
      <c r="B67174" s="14" t="s">
        <v>1</v>
      </c>
      <c r="C67174" s="14" t="s">
        <v>238</v>
      </c>
      <c r="D67174" s="14" t="s">
        <v>356</v>
      </c>
      <c r="E67174" s="15">
        <v>45390</v>
      </c>
      <c r="F67174" s="14" t="s">
        <v>61</v>
      </c>
      <c r="G67174" s="16">
        <v>6.0576107881618491E-2</v>
      </c>
    </row>
    <row r="67175" spans="1:7" x14ac:dyDescent="0.3">
      <c r="A67175" s="13" t="s">
        <v>355</v>
      </c>
      <c r="B67175" s="14" t="s">
        <v>1</v>
      </c>
      <c r="C67175" s="14" t="s">
        <v>238</v>
      </c>
      <c r="D67175" s="14" t="s">
        <v>356</v>
      </c>
      <c r="E67175" s="15">
        <v>45391</v>
      </c>
      <c r="F67175" s="14" t="s">
        <v>61</v>
      </c>
      <c r="G67175" s="16">
        <v>8.2925846672684184E-2</v>
      </c>
    </row>
    <row r="67176" spans="1:7" x14ac:dyDescent="0.3">
      <c r="A67176" s="13" t="s">
        <v>355</v>
      </c>
      <c r="B67176" s="14" t="s">
        <v>1</v>
      </c>
      <c r="C67176" s="14" t="s">
        <v>238</v>
      </c>
      <c r="D67176" s="14" t="s">
        <v>356</v>
      </c>
      <c r="E67176" s="15">
        <v>45392</v>
      </c>
      <c r="F67176" s="14" t="s">
        <v>61</v>
      </c>
      <c r="G67176" s="16">
        <v>9.038641720702606E-2</v>
      </c>
    </row>
    <row r="67177" spans="1:7" x14ac:dyDescent="0.3">
      <c r="A67177" s="13" t="s">
        <v>355</v>
      </c>
      <c r="B67177" s="14" t="s">
        <v>1</v>
      </c>
      <c r="C67177" s="14" t="s">
        <v>238</v>
      </c>
      <c r="D67177" s="14" t="s">
        <v>356</v>
      </c>
      <c r="E67177" s="15">
        <v>45393</v>
      </c>
      <c r="F67177" s="14" t="s">
        <v>61</v>
      </c>
      <c r="G67177" s="16">
        <v>9.7778062825828432E-2</v>
      </c>
    </row>
    <row r="67178" spans="1:7" x14ac:dyDescent="0.3">
      <c r="A67178" s="13" t="s">
        <v>355</v>
      </c>
      <c r="B67178" s="14" t="s">
        <v>1</v>
      </c>
      <c r="C67178" s="14" t="s">
        <v>238</v>
      </c>
      <c r="D67178" s="14" t="s">
        <v>356</v>
      </c>
      <c r="E67178" s="15">
        <v>45394</v>
      </c>
      <c r="F67178" s="14" t="s">
        <v>61</v>
      </c>
      <c r="G67178" s="16">
        <v>0.10519157050810153</v>
      </c>
    </row>
    <row r="67179" spans="1:7" x14ac:dyDescent="0.3">
      <c r="A67179" s="13" t="s">
        <v>355</v>
      </c>
      <c r="B67179" s="14" t="s">
        <v>1</v>
      </c>
      <c r="C67179" s="14" t="s">
        <v>238</v>
      </c>
      <c r="D67179" s="14" t="s">
        <v>356</v>
      </c>
      <c r="E67179" s="15">
        <v>45395</v>
      </c>
      <c r="F67179" s="14" t="s">
        <v>61</v>
      </c>
      <c r="G67179" s="16">
        <v>0.10519157050810153</v>
      </c>
    </row>
    <row r="67180" spans="1:7" x14ac:dyDescent="0.3">
      <c r="A67180" s="13" t="s">
        <v>355</v>
      </c>
      <c r="B67180" s="14" t="s">
        <v>1</v>
      </c>
      <c r="C67180" s="14" t="s">
        <v>238</v>
      </c>
      <c r="D67180" s="14" t="s">
        <v>356</v>
      </c>
      <c r="E67180" s="15">
        <v>45396</v>
      </c>
      <c r="F67180" s="14" t="s">
        <v>61</v>
      </c>
      <c r="G67180" s="16">
        <v>0.10519157050810153</v>
      </c>
    </row>
    <row r="67181" spans="1:7" x14ac:dyDescent="0.3">
      <c r="A67181" s="13" t="s">
        <v>355</v>
      </c>
      <c r="B67181" s="14" t="s">
        <v>1</v>
      </c>
      <c r="C67181" s="14" t="s">
        <v>238</v>
      </c>
      <c r="D67181" s="14" t="s">
        <v>356</v>
      </c>
      <c r="E67181" s="15">
        <v>45397</v>
      </c>
      <c r="F67181" s="14" t="s">
        <v>61</v>
      </c>
      <c r="G67181" s="16">
        <v>0.11260959885673336</v>
      </c>
    </row>
    <row r="67182" spans="1:7" x14ac:dyDescent="0.3">
      <c r="A67182" s="13" t="s">
        <v>355</v>
      </c>
      <c r="B67182" s="14" t="s">
        <v>1</v>
      </c>
      <c r="C67182" s="14" t="s">
        <v>238</v>
      </c>
      <c r="D67182" s="14" t="s">
        <v>356</v>
      </c>
      <c r="E67182" s="15">
        <v>45398</v>
      </c>
      <c r="F67182" s="14" t="s">
        <v>61</v>
      </c>
      <c r="G67182" s="16">
        <v>0.13471217518149969</v>
      </c>
    </row>
    <row r="67183" spans="1:7" x14ac:dyDescent="0.3">
      <c r="A67183" s="13" t="s">
        <v>355</v>
      </c>
      <c r="B67183" s="14" t="s">
        <v>1</v>
      </c>
      <c r="C67183" s="14" t="s">
        <v>238</v>
      </c>
      <c r="D67183" s="14" t="s">
        <v>356</v>
      </c>
      <c r="E67183" s="15">
        <v>45399</v>
      </c>
      <c r="F67183" s="14" t="s">
        <v>61</v>
      </c>
      <c r="G67183" s="16">
        <v>0.14212773701448181</v>
      </c>
    </row>
    <row r="67184" spans="1:7" x14ac:dyDescent="0.3">
      <c r="A67184" s="13" t="s">
        <v>355</v>
      </c>
      <c r="B67184" s="14" t="s">
        <v>1</v>
      </c>
      <c r="C67184" s="14" t="s">
        <v>238</v>
      </c>
      <c r="D67184" s="14" t="s">
        <v>356</v>
      </c>
      <c r="E67184" s="15">
        <v>45400</v>
      </c>
      <c r="F67184" s="14" t="s">
        <v>61</v>
      </c>
      <c r="G67184" s="16">
        <v>0.14958569656529355</v>
      </c>
    </row>
    <row r="67185" spans="1:7" x14ac:dyDescent="0.3">
      <c r="A67185" s="13" t="s">
        <v>355</v>
      </c>
      <c r="B67185" s="14" t="s">
        <v>1</v>
      </c>
      <c r="C67185" s="14" t="s">
        <v>238</v>
      </c>
      <c r="D67185" s="14" t="s">
        <v>356</v>
      </c>
      <c r="E67185" s="15">
        <v>45401</v>
      </c>
      <c r="F67185" s="14" t="s">
        <v>61</v>
      </c>
      <c r="G67185" s="16">
        <v>0.15711735707016741</v>
      </c>
    </row>
    <row r="67186" spans="1:7" x14ac:dyDescent="0.3">
      <c r="A67186" s="13" t="s">
        <v>355</v>
      </c>
      <c r="B67186" s="14" t="s">
        <v>1</v>
      </c>
      <c r="C67186" s="14" t="s">
        <v>238</v>
      </c>
      <c r="D67186" s="14" t="s">
        <v>356</v>
      </c>
      <c r="E67186" s="15">
        <v>45402</v>
      </c>
      <c r="F67186" s="14" t="s">
        <v>61</v>
      </c>
      <c r="G67186" s="16">
        <v>0.15711735707016741</v>
      </c>
    </row>
    <row r="67187" spans="1:7" x14ac:dyDescent="0.3">
      <c r="A67187" s="13" t="s">
        <v>355</v>
      </c>
      <c r="B67187" s="14" t="s">
        <v>1</v>
      </c>
      <c r="C67187" s="14" t="s">
        <v>238</v>
      </c>
      <c r="D67187" s="14" t="s">
        <v>356</v>
      </c>
      <c r="E67187" s="15">
        <v>45403</v>
      </c>
      <c r="F67187" s="14" t="s">
        <v>61</v>
      </c>
      <c r="G67187" s="16">
        <v>0.15711735707016741</v>
      </c>
    </row>
    <row r="67188" spans="1:7" x14ac:dyDescent="0.3">
      <c r="A67188" s="13" t="s">
        <v>355</v>
      </c>
      <c r="B67188" s="14" t="s">
        <v>1</v>
      </c>
      <c r="C67188" s="14" t="s">
        <v>238</v>
      </c>
      <c r="D67188" s="14" t="s">
        <v>356</v>
      </c>
      <c r="E67188" s="15">
        <v>45404</v>
      </c>
      <c r="F67188" s="14" t="s">
        <v>61</v>
      </c>
      <c r="G67188" s="16">
        <v>0.16461738692519351</v>
      </c>
    </row>
    <row r="67189" spans="1:7" x14ac:dyDescent="0.3">
      <c r="A67189" s="13" t="s">
        <v>355</v>
      </c>
      <c r="B67189" s="14" t="s">
        <v>1</v>
      </c>
      <c r="C67189" s="14" t="s">
        <v>238</v>
      </c>
      <c r="D67189" s="14" t="s">
        <v>356</v>
      </c>
      <c r="E67189" s="15">
        <v>45405</v>
      </c>
      <c r="F67189" s="14" t="s">
        <v>61</v>
      </c>
      <c r="G67189" s="16">
        <v>0.18712581048097679</v>
      </c>
    </row>
    <row r="67190" spans="1:7" x14ac:dyDescent="0.3">
      <c r="A67190" s="13" t="s">
        <v>355</v>
      </c>
      <c r="B67190" s="14" t="s">
        <v>1</v>
      </c>
      <c r="C67190" s="14" t="s">
        <v>238</v>
      </c>
      <c r="D67190" s="14" t="s">
        <v>356</v>
      </c>
      <c r="E67190" s="15">
        <v>45406</v>
      </c>
      <c r="F67190" s="14" t="s">
        <v>61</v>
      </c>
      <c r="G67190" s="16">
        <v>0.19500621622882636</v>
      </c>
    </row>
    <row r="67191" spans="1:7" x14ac:dyDescent="0.3">
      <c r="A67191" s="13" t="s">
        <v>355</v>
      </c>
      <c r="B67191" s="14" t="s">
        <v>1</v>
      </c>
      <c r="C67191" s="14" t="s">
        <v>238</v>
      </c>
      <c r="D67191" s="14" t="s">
        <v>356</v>
      </c>
      <c r="E67191" s="15">
        <v>45407</v>
      </c>
      <c r="F67191" s="14" t="s">
        <v>61</v>
      </c>
      <c r="G67191" s="16">
        <v>0.20249883579826619</v>
      </c>
    </row>
    <row r="67192" spans="1:7" x14ac:dyDescent="0.3">
      <c r="A67192" s="13" t="s">
        <v>355</v>
      </c>
      <c r="B67192" s="14" t="s">
        <v>1</v>
      </c>
      <c r="C67192" s="14" t="s">
        <v>238</v>
      </c>
      <c r="D67192" s="14" t="s">
        <v>356</v>
      </c>
      <c r="E67192" s="15">
        <v>45408</v>
      </c>
      <c r="F67192" s="14" t="s">
        <v>61</v>
      </c>
      <c r="G67192" s="16">
        <v>0.21504175442369514</v>
      </c>
    </row>
    <row r="67193" spans="1:7" x14ac:dyDescent="0.3">
      <c r="A67193" s="13" t="s">
        <v>355</v>
      </c>
      <c r="B67193" s="14" t="s">
        <v>1</v>
      </c>
      <c r="C67193" s="14" t="s">
        <v>238</v>
      </c>
      <c r="D67193" s="14" t="s">
        <v>356</v>
      </c>
      <c r="E67193" s="15">
        <v>45409</v>
      </c>
      <c r="F67193" s="14" t="s">
        <v>61</v>
      </c>
      <c r="G67193" s="16">
        <v>0.21504175442369514</v>
      </c>
    </row>
    <row r="67194" spans="1:7" x14ac:dyDescent="0.3">
      <c r="A67194" s="13" t="s">
        <v>355</v>
      </c>
      <c r="B67194" s="14" t="s">
        <v>1</v>
      </c>
      <c r="C67194" s="14" t="s">
        <v>238</v>
      </c>
      <c r="D67194" s="14" t="s">
        <v>356</v>
      </c>
      <c r="E67194" s="15">
        <v>45410</v>
      </c>
      <c r="F67194" s="14" t="s">
        <v>61</v>
      </c>
      <c r="G67194" s="16">
        <v>0.21504175442369514</v>
      </c>
    </row>
    <row r="67195" spans="1:7" x14ac:dyDescent="0.3">
      <c r="A67195" s="13" t="s">
        <v>355</v>
      </c>
      <c r="B67195" s="14" t="s">
        <v>1</v>
      </c>
      <c r="C67195" s="14" t="s">
        <v>238</v>
      </c>
      <c r="D67195" s="14" t="s">
        <v>356</v>
      </c>
      <c r="E67195" s="15">
        <v>45411</v>
      </c>
      <c r="F67195" s="14" t="s">
        <v>61</v>
      </c>
      <c r="G67195" s="16">
        <v>0.22253496533767503</v>
      </c>
    </row>
    <row r="67196" spans="1:7" x14ac:dyDescent="0.3">
      <c r="A67196" s="13" t="s">
        <v>355</v>
      </c>
      <c r="B67196" s="14" t="s">
        <v>1</v>
      </c>
      <c r="C67196" s="14" t="s">
        <v>238</v>
      </c>
      <c r="D67196" s="14" t="s">
        <v>356</v>
      </c>
      <c r="E67196" s="15">
        <v>45412</v>
      </c>
      <c r="F67196" s="14" t="s">
        <v>61</v>
      </c>
      <c r="G67196" s="16">
        <v>0.24498842274188812</v>
      </c>
    </row>
    <row r="67197" spans="1:7" x14ac:dyDescent="0.3">
      <c r="A67197" s="13" t="s">
        <v>355</v>
      </c>
      <c r="B67197" s="14" t="s">
        <v>1</v>
      </c>
      <c r="C67197" s="14" t="s">
        <v>238</v>
      </c>
      <c r="D67197" s="14" t="s">
        <v>356</v>
      </c>
      <c r="E67197" s="15">
        <v>45413</v>
      </c>
      <c r="F67197" s="14" t="s">
        <v>61</v>
      </c>
      <c r="G67197" s="16">
        <v>0.24498842274188812</v>
      </c>
    </row>
    <row r="67198" spans="1:7" x14ac:dyDescent="0.3">
      <c r="A67198" s="13" t="s">
        <v>355</v>
      </c>
      <c r="B67198" s="14" t="s">
        <v>1</v>
      </c>
      <c r="C67198" s="14" t="s">
        <v>238</v>
      </c>
      <c r="D67198" s="14" t="s">
        <v>356</v>
      </c>
      <c r="E67198" s="15">
        <v>45414</v>
      </c>
      <c r="F67198" s="14" t="s">
        <v>61</v>
      </c>
      <c r="G67198" s="16">
        <v>0.25245825646183473</v>
      </c>
    </row>
    <row r="67199" spans="1:7" x14ac:dyDescent="0.3">
      <c r="A67199" s="13" t="s">
        <v>355</v>
      </c>
      <c r="B67199" s="14" t="s">
        <v>1</v>
      </c>
      <c r="C67199" s="14" t="s">
        <v>238</v>
      </c>
      <c r="D67199" s="14" t="s">
        <v>356</v>
      </c>
      <c r="E67199" s="15">
        <v>45415</v>
      </c>
      <c r="F67199" s="14" t="s">
        <v>61</v>
      </c>
      <c r="G67199" s="16">
        <v>0.26775899586290158</v>
      </c>
    </row>
    <row r="67200" spans="1:7" x14ac:dyDescent="0.3">
      <c r="A67200" s="13" t="s">
        <v>355</v>
      </c>
      <c r="B67200" s="14" t="s">
        <v>1</v>
      </c>
      <c r="C67200" s="14" t="s">
        <v>238</v>
      </c>
      <c r="D67200" s="14" t="s">
        <v>356</v>
      </c>
      <c r="E67200" s="15">
        <v>45416</v>
      </c>
      <c r="F67200" s="14" t="s">
        <v>61</v>
      </c>
      <c r="G67200" s="16">
        <v>0.26775899586290158</v>
      </c>
    </row>
    <row r="67201" spans="1:7" x14ac:dyDescent="0.3">
      <c r="A67201" s="13" t="s">
        <v>355</v>
      </c>
      <c r="B67201" s="14" t="s">
        <v>1</v>
      </c>
      <c r="C67201" s="14" t="s">
        <v>238</v>
      </c>
      <c r="D67201" s="14" t="s">
        <v>356</v>
      </c>
      <c r="E67201" s="15">
        <v>45417</v>
      </c>
      <c r="F67201" s="14" t="s">
        <v>61</v>
      </c>
      <c r="G67201" s="16">
        <v>0.26775899586290158</v>
      </c>
    </row>
    <row r="67202" spans="1:7" x14ac:dyDescent="0.3">
      <c r="A67202" s="13" t="s">
        <v>355</v>
      </c>
      <c r="B67202" s="14" t="s">
        <v>1</v>
      </c>
      <c r="C67202" s="14" t="s">
        <v>238</v>
      </c>
      <c r="D67202" s="14" t="s">
        <v>356</v>
      </c>
      <c r="E67202" s="15">
        <v>45418</v>
      </c>
      <c r="F67202" s="14" t="s">
        <v>61</v>
      </c>
      <c r="G67202" s="16">
        <v>0.26775899586290158</v>
      </c>
    </row>
    <row r="67203" spans="1:7" x14ac:dyDescent="0.3">
      <c r="A67203" s="13" t="s">
        <v>355</v>
      </c>
      <c r="B67203" s="14" t="s">
        <v>1</v>
      </c>
      <c r="C67203" s="14" t="s">
        <v>238</v>
      </c>
      <c r="D67203" s="14" t="s">
        <v>356</v>
      </c>
      <c r="E67203" s="15">
        <v>45419</v>
      </c>
      <c r="F67203" s="14" t="s">
        <v>61</v>
      </c>
      <c r="G67203" s="16">
        <v>0.2752189854757276</v>
      </c>
    </row>
    <row r="67204" spans="1:7" x14ac:dyDescent="0.3">
      <c r="A67204" s="13" t="s">
        <v>355</v>
      </c>
      <c r="B67204" s="14" t="s">
        <v>1</v>
      </c>
      <c r="C67204" s="14" t="s">
        <v>238</v>
      </c>
      <c r="D67204" s="14" t="s">
        <v>356</v>
      </c>
      <c r="E67204" s="15">
        <v>45420</v>
      </c>
      <c r="F67204" s="14" t="s">
        <v>61</v>
      </c>
      <c r="G67204" s="16">
        <v>0.30498115437656015</v>
      </c>
    </row>
    <row r="67205" spans="1:7" x14ac:dyDescent="0.3">
      <c r="A67205" s="13" t="s">
        <v>355</v>
      </c>
      <c r="B67205" s="14" t="s">
        <v>1</v>
      </c>
      <c r="C67205" s="14" t="s">
        <v>238</v>
      </c>
      <c r="D67205" s="14" t="s">
        <v>356</v>
      </c>
      <c r="E67205" s="15">
        <v>45421</v>
      </c>
      <c r="F67205" s="14" t="s">
        <v>61</v>
      </c>
      <c r="G67205" s="16">
        <v>0.30498115437656015</v>
      </c>
    </row>
    <row r="67206" spans="1:7" x14ac:dyDescent="0.3">
      <c r="A67206" s="13" t="s">
        <v>355</v>
      </c>
      <c r="B67206" s="14" t="s">
        <v>1</v>
      </c>
      <c r="C67206" s="14" t="s">
        <v>238</v>
      </c>
      <c r="D67206" s="14" t="s">
        <v>356</v>
      </c>
      <c r="E67206" s="15">
        <v>45422</v>
      </c>
      <c r="F67206" s="14" t="s">
        <v>61</v>
      </c>
      <c r="G67206" s="16">
        <v>0.31242443506538542</v>
      </c>
    </row>
    <row r="67207" spans="1:7" x14ac:dyDescent="0.3">
      <c r="A67207" s="13" t="s">
        <v>355</v>
      </c>
      <c r="B67207" s="14" t="s">
        <v>1</v>
      </c>
      <c r="C67207" s="14" t="s">
        <v>238</v>
      </c>
      <c r="D67207" s="14" t="s">
        <v>356</v>
      </c>
      <c r="E67207" s="15">
        <v>45423</v>
      </c>
      <c r="F67207" s="14" t="s">
        <v>61</v>
      </c>
      <c r="G67207" s="16">
        <v>0.31242443506538542</v>
      </c>
    </row>
    <row r="67208" spans="1:7" x14ac:dyDescent="0.3">
      <c r="A67208" s="13" t="s">
        <v>355</v>
      </c>
      <c r="B67208" s="14" t="s">
        <v>1</v>
      </c>
      <c r="C67208" s="14" t="s">
        <v>238</v>
      </c>
      <c r="D67208" s="14" t="s">
        <v>356</v>
      </c>
      <c r="E67208" s="15">
        <v>45424</v>
      </c>
      <c r="F67208" s="14" t="s">
        <v>61</v>
      </c>
      <c r="G67208" s="16">
        <v>0.31242443506538542</v>
      </c>
    </row>
    <row r="67209" spans="1:7" x14ac:dyDescent="0.3">
      <c r="A67209" s="13" t="s">
        <v>355</v>
      </c>
      <c r="B67209" s="14" t="s">
        <v>1</v>
      </c>
      <c r="C67209" s="14" t="s">
        <v>238</v>
      </c>
      <c r="D67209" s="14" t="s">
        <v>356</v>
      </c>
      <c r="E67209" s="15">
        <v>45425</v>
      </c>
      <c r="F67209" s="14" t="s">
        <v>61</v>
      </c>
      <c r="G67209" s="16">
        <v>0.32394573410113936</v>
      </c>
    </row>
    <row r="67210" spans="1:7" x14ac:dyDescent="0.3">
      <c r="A67210" s="13" t="s">
        <v>355</v>
      </c>
      <c r="B67210" s="14" t="s">
        <v>1</v>
      </c>
      <c r="C67210" s="14" t="s">
        <v>238</v>
      </c>
      <c r="D67210" s="14" t="s">
        <v>356</v>
      </c>
      <c r="E67210" s="15">
        <v>45426</v>
      </c>
      <c r="F67210" s="14" t="s">
        <v>61</v>
      </c>
      <c r="G67210" s="16">
        <v>0.34624155597353179</v>
      </c>
    </row>
    <row r="67211" spans="1:7" x14ac:dyDescent="0.3">
      <c r="A67211" s="13" t="s">
        <v>355</v>
      </c>
      <c r="B67211" s="14" t="s">
        <v>1</v>
      </c>
      <c r="C67211" s="14" t="s">
        <v>238</v>
      </c>
      <c r="D67211" s="14" t="s">
        <v>356</v>
      </c>
      <c r="E67211" s="15">
        <v>45427</v>
      </c>
      <c r="F67211" s="14" t="s">
        <v>61</v>
      </c>
      <c r="G67211" s="16">
        <v>0.35367080222706754</v>
      </c>
    </row>
    <row r="67212" spans="1:7" x14ac:dyDescent="0.3">
      <c r="A67212" s="13" t="s">
        <v>355</v>
      </c>
      <c r="B67212" s="14" t="s">
        <v>1</v>
      </c>
      <c r="C67212" s="14" t="s">
        <v>238</v>
      </c>
      <c r="D67212" s="14" t="s">
        <v>356</v>
      </c>
      <c r="E67212" s="15">
        <v>45428</v>
      </c>
      <c r="F67212" s="14" t="s">
        <v>61</v>
      </c>
      <c r="G67212" s="16">
        <v>0.36103092898852257</v>
      </c>
    </row>
    <row r="67213" spans="1:7" x14ac:dyDescent="0.3">
      <c r="A67213" s="13" t="s">
        <v>355</v>
      </c>
      <c r="B67213" s="14" t="s">
        <v>1</v>
      </c>
      <c r="C67213" s="14" t="s">
        <v>238</v>
      </c>
      <c r="D67213" s="14" t="s">
        <v>356</v>
      </c>
      <c r="E67213" s="15">
        <v>45429</v>
      </c>
      <c r="F67213" s="14" t="s">
        <v>61</v>
      </c>
      <c r="G67213" s="16">
        <v>0.36837606461593769</v>
      </c>
    </row>
    <row r="67214" spans="1:7" x14ac:dyDescent="0.3">
      <c r="A67214" s="13" t="s">
        <v>355</v>
      </c>
      <c r="B67214" s="14" t="s">
        <v>1</v>
      </c>
      <c r="C67214" s="14" t="s">
        <v>238</v>
      </c>
      <c r="D67214" s="14" t="s">
        <v>356</v>
      </c>
      <c r="E67214" s="15">
        <v>45430</v>
      </c>
      <c r="F67214" s="14" t="s">
        <v>61</v>
      </c>
      <c r="G67214" s="16">
        <v>0.36837606461593769</v>
      </c>
    </row>
    <row r="67215" spans="1:7" x14ac:dyDescent="0.3">
      <c r="A67215" s="13" t="s">
        <v>355</v>
      </c>
      <c r="B67215" s="14" t="s">
        <v>1</v>
      </c>
      <c r="C67215" s="14" t="s">
        <v>238</v>
      </c>
      <c r="D67215" s="14" t="s">
        <v>356</v>
      </c>
      <c r="E67215" s="15">
        <v>45431</v>
      </c>
      <c r="F67215" s="14" t="s">
        <v>61</v>
      </c>
      <c r="G67215" s="16">
        <v>0.36837606461593769</v>
      </c>
    </row>
    <row r="67216" spans="1:7" x14ac:dyDescent="0.3">
      <c r="A67216" s="13" t="s">
        <v>355</v>
      </c>
      <c r="B67216" s="14" t="s">
        <v>1</v>
      </c>
      <c r="C67216" s="14" t="s">
        <v>238</v>
      </c>
      <c r="D67216" s="14" t="s">
        <v>356</v>
      </c>
      <c r="E67216" s="15">
        <v>45432</v>
      </c>
      <c r="F67216" s="14" t="s">
        <v>61</v>
      </c>
      <c r="G67216" s="16">
        <v>0.36837606461593769</v>
      </c>
    </row>
    <row r="67217" spans="1:7" x14ac:dyDescent="0.3">
      <c r="A67217" s="13" t="s">
        <v>355</v>
      </c>
      <c r="B67217" s="14" t="s">
        <v>1</v>
      </c>
      <c r="C67217" s="14" t="s">
        <v>238</v>
      </c>
      <c r="D67217" s="14" t="s">
        <v>356</v>
      </c>
      <c r="E67217" s="15">
        <v>45433</v>
      </c>
      <c r="F67217" s="14" t="s">
        <v>61</v>
      </c>
      <c r="G67217" s="16">
        <v>0.37584487169523373</v>
      </c>
    </row>
    <row r="67218" spans="1:7" x14ac:dyDescent="0.3">
      <c r="A67218" s="13" t="s">
        <v>355</v>
      </c>
      <c r="B67218" s="14" t="s">
        <v>1</v>
      </c>
      <c r="C67218" s="14" t="s">
        <v>238</v>
      </c>
      <c r="D67218" s="14" t="s">
        <v>356</v>
      </c>
      <c r="E67218" s="15">
        <v>45434</v>
      </c>
      <c r="F67218" s="14" t="s">
        <v>61</v>
      </c>
      <c r="G67218" s="16">
        <v>0.40583404438627008</v>
      </c>
    </row>
    <row r="67219" spans="1:7" x14ac:dyDescent="0.3">
      <c r="A67219" s="13" t="s">
        <v>355</v>
      </c>
      <c r="B67219" s="14" t="s">
        <v>1</v>
      </c>
      <c r="C67219" s="14" t="s">
        <v>238</v>
      </c>
      <c r="D67219" s="14" t="s">
        <v>356</v>
      </c>
      <c r="E67219" s="15">
        <v>45435</v>
      </c>
      <c r="F67219" s="14" t="s">
        <v>61</v>
      </c>
      <c r="G67219" s="16">
        <v>0.41332935479970068</v>
      </c>
    </row>
    <row r="67220" spans="1:7" x14ac:dyDescent="0.3">
      <c r="A67220" s="13" t="s">
        <v>355</v>
      </c>
      <c r="B67220" s="14" t="s">
        <v>1</v>
      </c>
      <c r="C67220" s="14" t="s">
        <v>238</v>
      </c>
      <c r="D67220" s="14" t="s">
        <v>356</v>
      </c>
      <c r="E67220" s="15">
        <v>45436</v>
      </c>
      <c r="F67220" s="14" t="s">
        <v>61</v>
      </c>
      <c r="G67220" s="16">
        <v>0.4208277826265916</v>
      </c>
    </row>
    <row r="67221" spans="1:7" x14ac:dyDescent="0.3">
      <c r="A67221" s="13" t="s">
        <v>355</v>
      </c>
      <c r="B67221" s="14" t="s">
        <v>1</v>
      </c>
      <c r="C67221" s="14" t="s">
        <v>238</v>
      </c>
      <c r="D67221" s="14" t="s">
        <v>356</v>
      </c>
      <c r="E67221" s="15">
        <v>45437</v>
      </c>
      <c r="F67221" s="14" t="s">
        <v>61</v>
      </c>
      <c r="G67221" s="16">
        <v>0.4208277826265916</v>
      </c>
    </row>
    <row r="67222" spans="1:7" x14ac:dyDescent="0.3">
      <c r="A67222" s="13" t="s">
        <v>355</v>
      </c>
      <c r="B67222" s="14" t="s">
        <v>1</v>
      </c>
      <c r="C67222" s="14" t="s">
        <v>238</v>
      </c>
      <c r="D67222" s="14" t="s">
        <v>356</v>
      </c>
      <c r="E67222" s="15">
        <v>45438</v>
      </c>
      <c r="F67222" s="14" t="s">
        <v>61</v>
      </c>
      <c r="G67222" s="16">
        <v>0.4208277826265916</v>
      </c>
    </row>
    <row r="67223" spans="1:7" x14ac:dyDescent="0.3">
      <c r="A67223" s="13" t="s">
        <v>355</v>
      </c>
      <c r="B67223" s="14" t="s">
        <v>1</v>
      </c>
      <c r="C67223" s="14" t="s">
        <v>238</v>
      </c>
      <c r="D67223" s="14" t="s">
        <v>356</v>
      </c>
      <c r="E67223" s="15">
        <v>45439</v>
      </c>
      <c r="F67223" s="14" t="s">
        <v>61</v>
      </c>
      <c r="G67223" s="16">
        <v>0.42834881533062835</v>
      </c>
    </row>
    <row r="67224" spans="1:7" x14ac:dyDescent="0.3">
      <c r="A67224" s="13" t="s">
        <v>355</v>
      </c>
      <c r="B67224" s="14" t="s">
        <v>1</v>
      </c>
      <c r="C67224" s="14" t="s">
        <v>238</v>
      </c>
      <c r="D67224" s="14" t="s">
        <v>356</v>
      </c>
      <c r="E67224" s="15">
        <v>45440</v>
      </c>
      <c r="F67224" s="14" t="s">
        <v>61</v>
      </c>
      <c r="G67224" s="16">
        <v>0.4507631667185199</v>
      </c>
    </row>
    <row r="67225" spans="1:7" x14ac:dyDescent="0.3">
      <c r="A67225" s="13" t="s">
        <v>355</v>
      </c>
      <c r="B67225" s="14" t="s">
        <v>1</v>
      </c>
      <c r="C67225" s="14" t="s">
        <v>238</v>
      </c>
      <c r="D67225" s="14" t="s">
        <v>356</v>
      </c>
      <c r="E67225" s="15">
        <v>45441</v>
      </c>
      <c r="F67225" s="14" t="s">
        <v>61</v>
      </c>
      <c r="G67225" s="16">
        <v>0.45830211616944366</v>
      </c>
    </row>
    <row r="67226" spans="1:7" x14ac:dyDescent="0.3">
      <c r="A67226" s="13" t="s">
        <v>355</v>
      </c>
      <c r="B67226" s="14" t="s">
        <v>1</v>
      </c>
      <c r="C67226" s="14" t="s">
        <v>238</v>
      </c>
      <c r="D67226" s="14" t="s">
        <v>356</v>
      </c>
      <c r="E67226" s="15">
        <v>45442</v>
      </c>
      <c r="F67226" s="14" t="s">
        <v>61</v>
      </c>
      <c r="G67226" s="16">
        <v>0.45986186831528142</v>
      </c>
    </row>
    <row r="67227" spans="1:7" x14ac:dyDescent="0.3">
      <c r="A67227" s="13" t="s">
        <v>355</v>
      </c>
      <c r="B67227" s="14" t="s">
        <v>1</v>
      </c>
      <c r="C67227" s="14" t="s">
        <v>238</v>
      </c>
      <c r="D67227" s="14" t="s">
        <v>356</v>
      </c>
      <c r="E67227" s="15">
        <v>45443</v>
      </c>
      <c r="F67227" s="14" t="s">
        <v>61</v>
      </c>
      <c r="G67227" s="16">
        <v>0.46737307863431377</v>
      </c>
    </row>
    <row r="67228" spans="1:7" x14ac:dyDescent="0.3">
      <c r="A67228" s="13" t="s">
        <v>355</v>
      </c>
      <c r="B67228" s="14" t="s">
        <v>1</v>
      </c>
      <c r="C67228" s="14" t="s">
        <v>238</v>
      </c>
      <c r="D67228" s="14" t="s">
        <v>356</v>
      </c>
      <c r="E67228" s="15">
        <v>45444</v>
      </c>
      <c r="F67228" s="14" t="s">
        <v>61</v>
      </c>
      <c r="G67228" s="16">
        <v>0.46737307863431377</v>
      </c>
    </row>
    <row r="67229" spans="1:7" x14ac:dyDescent="0.3">
      <c r="A67229" s="13" t="s">
        <v>355</v>
      </c>
      <c r="B67229" s="14" t="s">
        <v>1</v>
      </c>
      <c r="C67229" s="14" t="s">
        <v>238</v>
      </c>
      <c r="D67229" s="14" t="s">
        <v>356</v>
      </c>
      <c r="E67229" s="15">
        <v>45445</v>
      </c>
      <c r="F67229" s="14" t="s">
        <v>61</v>
      </c>
      <c r="G67229" s="16">
        <v>0.46737307863431377</v>
      </c>
    </row>
    <row r="67230" spans="1:7" x14ac:dyDescent="0.3">
      <c r="A67230" s="13" t="s">
        <v>355</v>
      </c>
      <c r="B67230" s="14" t="s">
        <v>1</v>
      </c>
      <c r="C67230" s="14" t="s">
        <v>238</v>
      </c>
      <c r="D67230" s="14" t="s">
        <v>356</v>
      </c>
      <c r="E67230" s="15">
        <v>45446</v>
      </c>
      <c r="F67230" s="14" t="s">
        <v>61</v>
      </c>
      <c r="G67230" s="16">
        <v>0.46737307863431377</v>
      </c>
    </row>
    <row r="67231" spans="1:7" x14ac:dyDescent="0.3">
      <c r="A67231" s="13" t="s">
        <v>355</v>
      </c>
      <c r="B67231" s="14" t="s">
        <v>1</v>
      </c>
      <c r="C67231" s="14" t="s">
        <v>238</v>
      </c>
      <c r="D67231" s="14" t="s">
        <v>356</v>
      </c>
      <c r="E67231" s="15">
        <v>45447</v>
      </c>
      <c r="F67231" s="14" t="s">
        <v>61</v>
      </c>
      <c r="G67231" s="16">
        <v>0.47488550914952377</v>
      </c>
    </row>
    <row r="67232" spans="1:7" x14ac:dyDescent="0.3">
      <c r="A67232" s="13" t="s">
        <v>355</v>
      </c>
      <c r="B67232" s="14" t="s">
        <v>1</v>
      </c>
      <c r="C67232" s="14" t="s">
        <v>238</v>
      </c>
      <c r="D67232" s="14" t="s">
        <v>356</v>
      </c>
      <c r="E67232" s="15">
        <v>45448</v>
      </c>
      <c r="F67232" s="14" t="s">
        <v>61</v>
      </c>
      <c r="G67232" s="16">
        <v>0.50526760273531235</v>
      </c>
    </row>
    <row r="67233" spans="1:7" x14ac:dyDescent="0.3">
      <c r="A67233" s="13" t="s">
        <v>355</v>
      </c>
      <c r="B67233" s="14" t="s">
        <v>1</v>
      </c>
      <c r="C67233" s="14" t="s">
        <v>238</v>
      </c>
      <c r="D67233" s="14" t="s">
        <v>356</v>
      </c>
      <c r="E67233" s="15">
        <v>45449</v>
      </c>
      <c r="F67233" s="14" t="s">
        <v>61</v>
      </c>
      <c r="G67233" s="16">
        <v>0.51279369935937646</v>
      </c>
    </row>
    <row r="67234" spans="1:7" x14ac:dyDescent="0.3">
      <c r="A67234" s="13" t="s">
        <v>355</v>
      </c>
      <c r="B67234" s="14" t="s">
        <v>1</v>
      </c>
      <c r="C67234" s="14" t="s">
        <v>238</v>
      </c>
      <c r="D67234" s="14" t="s">
        <v>356</v>
      </c>
      <c r="E67234" s="15">
        <v>45450</v>
      </c>
      <c r="F67234" s="14" t="s">
        <v>61</v>
      </c>
      <c r="G67234" s="16">
        <v>0.52032370891222091</v>
      </c>
    </row>
    <row r="67235" spans="1:7" x14ac:dyDescent="0.3">
      <c r="A67235" s="13" t="s">
        <v>355</v>
      </c>
      <c r="B67235" s="14" t="s">
        <v>1</v>
      </c>
      <c r="C67235" s="14" t="s">
        <v>238</v>
      </c>
      <c r="D67235" s="14" t="s">
        <v>356</v>
      </c>
      <c r="E67235" s="15">
        <v>45451</v>
      </c>
      <c r="F67235" s="14" t="s">
        <v>61</v>
      </c>
      <c r="G67235" s="16">
        <v>0.52032370891222091</v>
      </c>
    </row>
    <row r="67236" spans="1:7" x14ac:dyDescent="0.3">
      <c r="A67236" s="13" t="s">
        <v>355</v>
      </c>
      <c r="B67236" s="14" t="s">
        <v>1</v>
      </c>
      <c r="C67236" s="14" t="s">
        <v>238</v>
      </c>
      <c r="D67236" s="14" t="s">
        <v>356</v>
      </c>
      <c r="E67236" s="15">
        <v>45452</v>
      </c>
      <c r="F67236" s="14" t="s">
        <v>61</v>
      </c>
      <c r="G67236" s="16">
        <v>0.52032370891222091</v>
      </c>
    </row>
    <row r="67237" spans="1:7" x14ac:dyDescent="0.3">
      <c r="A67237" s="13" t="s">
        <v>355</v>
      </c>
      <c r="B67237" s="14" t="s">
        <v>1</v>
      </c>
      <c r="C67237" s="14" t="s">
        <v>238</v>
      </c>
      <c r="D67237" s="14" t="s">
        <v>356</v>
      </c>
      <c r="E67237" s="15">
        <v>45453</v>
      </c>
      <c r="F67237" s="14" t="s">
        <v>61</v>
      </c>
      <c r="G67237" s="16">
        <v>0.52839226397494854</v>
      </c>
    </row>
    <row r="67238" spans="1:7" x14ac:dyDescent="0.3">
      <c r="A67238" s="13" t="s">
        <v>355</v>
      </c>
      <c r="B67238" s="14" t="s">
        <v>1</v>
      </c>
      <c r="C67238" s="14" t="s">
        <v>238</v>
      </c>
      <c r="D67238" s="14" t="s">
        <v>356</v>
      </c>
      <c r="E67238" s="15">
        <v>45454</v>
      </c>
      <c r="F67238" s="14" t="s">
        <v>61</v>
      </c>
      <c r="G67238" s="16">
        <v>0.55098865505491978</v>
      </c>
    </row>
    <row r="67239" spans="1:7" x14ac:dyDescent="0.3">
      <c r="A67239" s="13" t="s">
        <v>355</v>
      </c>
      <c r="B67239" s="14" t="s">
        <v>1</v>
      </c>
      <c r="C67239" s="14" t="s">
        <v>238</v>
      </c>
      <c r="D67239" s="14" t="s">
        <v>356</v>
      </c>
      <c r="E67239" s="15">
        <v>45455</v>
      </c>
      <c r="F67239" s="14" t="s">
        <v>61</v>
      </c>
      <c r="G67239" s="16">
        <v>0.55823166576716954</v>
      </c>
    </row>
    <row r="67240" spans="1:7" x14ac:dyDescent="0.3">
      <c r="A67240" s="13" t="s">
        <v>355</v>
      </c>
      <c r="B67240" s="14" t="s">
        <v>1</v>
      </c>
      <c r="C67240" s="14" t="s">
        <v>238</v>
      </c>
      <c r="D67240" s="14" t="s">
        <v>356</v>
      </c>
      <c r="E67240" s="15">
        <v>45456</v>
      </c>
      <c r="F67240" s="14" t="s">
        <v>61</v>
      </c>
      <c r="G67240" s="16">
        <v>0.56575616670432305</v>
      </c>
    </row>
    <row r="67241" spans="1:7" x14ac:dyDescent="0.3">
      <c r="A67241" s="13" t="s">
        <v>355</v>
      </c>
      <c r="B67241" s="14" t="s">
        <v>1</v>
      </c>
      <c r="C67241" s="14" t="s">
        <v>238</v>
      </c>
      <c r="D67241" s="14" t="s">
        <v>356</v>
      </c>
      <c r="E67241" s="15">
        <v>45457</v>
      </c>
      <c r="F67241" s="14" t="s">
        <v>61</v>
      </c>
      <c r="G67241" s="16">
        <v>0.5732829815845929</v>
      </c>
    </row>
    <row r="67242" spans="1:7" x14ac:dyDescent="0.3">
      <c r="A67242" s="13" t="s">
        <v>355</v>
      </c>
      <c r="B67242" s="14" t="s">
        <v>1</v>
      </c>
      <c r="C67242" s="14" t="s">
        <v>238</v>
      </c>
      <c r="D67242" s="14" t="s">
        <v>356</v>
      </c>
      <c r="E67242" s="15">
        <v>45458</v>
      </c>
      <c r="F67242" s="14" t="s">
        <v>61</v>
      </c>
      <c r="G67242" s="16">
        <v>0.5732829815845929</v>
      </c>
    </row>
    <row r="67243" spans="1:7" x14ac:dyDescent="0.3">
      <c r="A67243" s="13" t="s">
        <v>355</v>
      </c>
      <c r="B67243" s="14" t="s">
        <v>1</v>
      </c>
      <c r="C67243" s="14" t="s">
        <v>238</v>
      </c>
      <c r="D67243" s="14" t="s">
        <v>356</v>
      </c>
      <c r="E67243" s="15">
        <v>45459</v>
      </c>
      <c r="F67243" s="14" t="s">
        <v>61</v>
      </c>
      <c r="G67243" s="16">
        <v>0.5732829815845929</v>
      </c>
    </row>
    <row r="67244" spans="1:7" x14ac:dyDescent="0.3">
      <c r="A67244" s="13" t="s">
        <v>355</v>
      </c>
      <c r="B67244" s="14" t="s">
        <v>1</v>
      </c>
      <c r="C67244" s="14" t="s">
        <v>238</v>
      </c>
      <c r="D67244" s="14" t="s">
        <v>356</v>
      </c>
      <c r="E67244" s="15">
        <v>45460</v>
      </c>
      <c r="F67244" s="14" t="s">
        <v>61</v>
      </c>
      <c r="G67244" s="16">
        <v>0.58079974047192939</v>
      </c>
    </row>
    <row r="67245" spans="1:7" x14ac:dyDescent="0.3">
      <c r="A67245" s="13" t="s">
        <v>355</v>
      </c>
      <c r="B67245" s="14" t="s">
        <v>1</v>
      </c>
      <c r="C67245" s="14" t="s">
        <v>238</v>
      </c>
      <c r="D67245" s="14" t="s">
        <v>356</v>
      </c>
      <c r="E67245" s="15">
        <v>45461</v>
      </c>
      <c r="F67245" s="14" t="s">
        <v>61</v>
      </c>
      <c r="G67245" s="16">
        <v>0.6033677470142782</v>
      </c>
    </row>
    <row r="67246" spans="1:7" x14ac:dyDescent="0.3">
      <c r="A67246" s="13" t="s">
        <v>355</v>
      </c>
      <c r="B67246" s="14" t="s">
        <v>1</v>
      </c>
      <c r="C67246" s="14" t="s">
        <v>238</v>
      </c>
      <c r="D67246" s="14" t="s">
        <v>356</v>
      </c>
      <c r="E67246" s="15">
        <v>45462</v>
      </c>
      <c r="F67246" s="14" t="s">
        <v>61</v>
      </c>
      <c r="G67246" s="16">
        <v>0.61086255831421343</v>
      </c>
    </row>
    <row r="67247" spans="1:7" x14ac:dyDescent="0.3">
      <c r="A67247" s="13" t="s">
        <v>355</v>
      </c>
      <c r="B67247" s="14" t="s">
        <v>1</v>
      </c>
      <c r="C67247" s="14" t="s">
        <v>238</v>
      </c>
      <c r="D67247" s="14" t="s">
        <v>356</v>
      </c>
      <c r="E67247" s="15">
        <v>45463</v>
      </c>
      <c r="F67247" s="14" t="s">
        <v>61</v>
      </c>
      <c r="G67247" s="16">
        <v>0.61834736042042371</v>
      </c>
    </row>
    <row r="67248" spans="1:7" x14ac:dyDescent="0.3">
      <c r="A67248" s="13" t="s">
        <v>355</v>
      </c>
      <c r="B67248" s="14" t="s">
        <v>1</v>
      </c>
      <c r="C67248" s="14" t="s">
        <v>238</v>
      </c>
      <c r="D67248" s="14" t="s">
        <v>356</v>
      </c>
      <c r="E67248" s="15">
        <v>45464</v>
      </c>
      <c r="F67248" s="14" t="s">
        <v>61</v>
      </c>
      <c r="G67248" s="16">
        <v>0.62585864041824757</v>
      </c>
    </row>
    <row r="67249" spans="1:7" x14ac:dyDescent="0.3">
      <c r="A67249" s="13" t="s">
        <v>355</v>
      </c>
      <c r="B67249" s="14" t="s">
        <v>1</v>
      </c>
      <c r="C67249" s="14" t="s">
        <v>238</v>
      </c>
      <c r="D67249" s="14" t="s">
        <v>356</v>
      </c>
      <c r="E67249" s="15">
        <v>45465</v>
      </c>
      <c r="F67249" s="14" t="s">
        <v>61</v>
      </c>
      <c r="G67249" s="16">
        <v>0.62585864041824757</v>
      </c>
    </row>
    <row r="67250" spans="1:7" x14ac:dyDescent="0.3">
      <c r="A67250" s="13" t="s">
        <v>355</v>
      </c>
      <c r="B67250" s="14" t="s">
        <v>1</v>
      </c>
      <c r="C67250" s="14" t="s">
        <v>238</v>
      </c>
      <c r="D67250" s="14" t="s">
        <v>356</v>
      </c>
      <c r="E67250" s="15">
        <v>45466</v>
      </c>
      <c r="F67250" s="14" t="s">
        <v>61</v>
      </c>
      <c r="G67250" s="16">
        <v>0.62585864041824757</v>
      </c>
    </row>
    <row r="67251" spans="1:7" x14ac:dyDescent="0.3">
      <c r="A67251" s="13" t="s">
        <v>355</v>
      </c>
      <c r="B67251" s="14" t="s">
        <v>1</v>
      </c>
      <c r="C67251" s="14" t="s">
        <v>238</v>
      </c>
      <c r="D67251" s="14" t="s">
        <v>356</v>
      </c>
      <c r="E67251" s="15">
        <v>45467</v>
      </c>
      <c r="F67251" s="14" t="s">
        <v>61</v>
      </c>
      <c r="G67251" s="16">
        <v>0.63803793421210631</v>
      </c>
    </row>
    <row r="67252" spans="1:7" x14ac:dyDescent="0.3">
      <c r="A67252" s="13" t="s">
        <v>355</v>
      </c>
      <c r="B67252" s="14" t="s">
        <v>1</v>
      </c>
      <c r="C67252" s="14" t="s">
        <v>238</v>
      </c>
      <c r="D67252" s="14" t="s">
        <v>356</v>
      </c>
      <c r="E67252" s="15">
        <v>45468</v>
      </c>
      <c r="F67252" s="14" t="s">
        <v>61</v>
      </c>
      <c r="G67252" s="16">
        <v>0.66232809148222638</v>
      </c>
    </row>
    <row r="67253" spans="1:7" x14ac:dyDescent="0.3">
      <c r="A67253" s="13" t="s">
        <v>355</v>
      </c>
      <c r="B67253" s="14" t="s">
        <v>1</v>
      </c>
      <c r="C67253" s="14" t="s">
        <v>238</v>
      </c>
      <c r="D67253" s="14" t="s">
        <v>356</v>
      </c>
      <c r="E67253" s="15">
        <v>45469</v>
      </c>
      <c r="F67253" s="14" t="s">
        <v>61</v>
      </c>
      <c r="G67253" s="16">
        <v>0.66986283816919967</v>
      </c>
    </row>
    <row r="67254" spans="1:7" x14ac:dyDescent="0.3">
      <c r="A67254" s="13" t="s">
        <v>355</v>
      </c>
      <c r="B67254" s="14" t="s">
        <v>1</v>
      </c>
      <c r="C67254" s="14" t="s">
        <v>238</v>
      </c>
      <c r="D67254" s="14" t="s">
        <v>356</v>
      </c>
      <c r="E67254" s="15">
        <v>45470</v>
      </c>
      <c r="F67254" s="14" t="s">
        <v>61</v>
      </c>
      <c r="G67254" s="16">
        <v>0.67739089089593141</v>
      </c>
    </row>
    <row r="67255" spans="1:7" x14ac:dyDescent="0.3">
      <c r="A67255" s="13" t="s">
        <v>355</v>
      </c>
      <c r="B67255" s="14" t="s">
        <v>1</v>
      </c>
      <c r="C67255" s="14" t="s">
        <v>238</v>
      </c>
      <c r="D67255" s="14" t="s">
        <v>356</v>
      </c>
      <c r="E67255" s="15">
        <v>45471</v>
      </c>
      <c r="F67255" s="14" t="s">
        <v>61</v>
      </c>
      <c r="G67255" s="16">
        <v>0.68494058540814995</v>
      </c>
    </row>
    <row r="67256" spans="1:7" x14ac:dyDescent="0.3">
      <c r="A67256" s="13" t="s">
        <v>355</v>
      </c>
      <c r="B67256" s="14" t="s">
        <v>1</v>
      </c>
      <c r="C67256" s="14" t="s">
        <v>238</v>
      </c>
      <c r="D67256" s="14" t="s">
        <v>356</v>
      </c>
      <c r="E67256" s="15">
        <v>45472</v>
      </c>
      <c r="F67256" s="14" t="s">
        <v>61</v>
      </c>
      <c r="G67256" s="16">
        <v>0.68494058540814995</v>
      </c>
    </row>
    <row r="67257" spans="1:7" x14ac:dyDescent="0.3">
      <c r="A67257" s="13" t="s">
        <v>355</v>
      </c>
      <c r="B67257" s="14" t="s">
        <v>1</v>
      </c>
      <c r="C67257" s="14" t="s">
        <v>238</v>
      </c>
      <c r="D67257" s="14" t="s">
        <v>356</v>
      </c>
      <c r="E67257" s="15">
        <v>45473</v>
      </c>
      <c r="F67257" s="14" t="s">
        <v>61</v>
      </c>
      <c r="G67257" s="16">
        <v>0.68494058540814995</v>
      </c>
    </row>
    <row r="67258" spans="1:7" x14ac:dyDescent="0.3">
      <c r="A67258" s="13" t="s">
        <v>355</v>
      </c>
      <c r="B67258" s="14" t="s">
        <v>1</v>
      </c>
      <c r="C67258" s="14" t="s">
        <v>238</v>
      </c>
      <c r="D67258" s="14" t="s">
        <v>356</v>
      </c>
      <c r="E67258" s="15">
        <v>45474</v>
      </c>
      <c r="F67258" s="14" t="s">
        <v>61</v>
      </c>
      <c r="G67258" s="16">
        <v>0.69245518174194809</v>
      </c>
    </row>
    <row r="67259" spans="1:7" x14ac:dyDescent="0.3">
      <c r="A67259" s="13" t="s">
        <v>355</v>
      </c>
      <c r="B67259" s="14" t="s">
        <v>1</v>
      </c>
      <c r="C67259" s="14" t="s">
        <v>238</v>
      </c>
      <c r="D67259" s="14" t="s">
        <v>356</v>
      </c>
      <c r="E67259" s="15">
        <v>45475</v>
      </c>
      <c r="F67259" s="14" t="s">
        <v>61</v>
      </c>
      <c r="G67259" s="16">
        <v>0.71517399996705666</v>
      </c>
    </row>
    <row r="67260" spans="1:7" x14ac:dyDescent="0.3">
      <c r="A67260" s="13" t="s">
        <v>355</v>
      </c>
      <c r="B67260" s="14" t="s">
        <v>1</v>
      </c>
      <c r="C67260" s="14" t="s">
        <v>238</v>
      </c>
      <c r="D67260" s="14" t="s">
        <v>356</v>
      </c>
      <c r="E67260" s="15">
        <v>45476</v>
      </c>
      <c r="F67260" s="14" t="s">
        <v>61</v>
      </c>
      <c r="G67260" s="16">
        <v>0.72274318699671547</v>
      </c>
    </row>
    <row r="67261" spans="1:7" x14ac:dyDescent="0.3">
      <c r="A67261" s="13" t="s">
        <v>355</v>
      </c>
      <c r="B67261" s="14" t="s">
        <v>1</v>
      </c>
      <c r="C67261" s="14" t="s">
        <v>238</v>
      </c>
      <c r="D67261" s="14" t="s">
        <v>356</v>
      </c>
      <c r="E67261" s="15">
        <v>45477</v>
      </c>
      <c r="F67261" s="14" t="s">
        <v>61</v>
      </c>
      <c r="G67261" s="16">
        <v>0.73025571658678701</v>
      </c>
    </row>
    <row r="67262" spans="1:7" x14ac:dyDescent="0.3">
      <c r="A67262" s="13" t="s">
        <v>355</v>
      </c>
      <c r="B67262" s="14" t="s">
        <v>1</v>
      </c>
      <c r="C67262" s="14" t="s">
        <v>238</v>
      </c>
      <c r="D67262" s="14" t="s">
        <v>356</v>
      </c>
      <c r="E67262" s="15">
        <v>45478</v>
      </c>
      <c r="F67262" s="14" t="s">
        <v>61</v>
      </c>
      <c r="G67262" s="16">
        <v>0.73771745375814002</v>
      </c>
    </row>
    <row r="67263" spans="1:7" x14ac:dyDescent="0.3">
      <c r="A67263" s="13" t="s">
        <v>355</v>
      </c>
      <c r="B67263" s="14" t="s">
        <v>1</v>
      </c>
      <c r="C67263" s="14" t="s">
        <v>238</v>
      </c>
      <c r="D67263" s="14" t="s">
        <v>356</v>
      </c>
      <c r="E67263" s="15">
        <v>45479</v>
      </c>
      <c r="F67263" s="14" t="s">
        <v>61</v>
      </c>
      <c r="G67263" s="16">
        <v>0.73771745375814002</v>
      </c>
    </row>
    <row r="67264" spans="1:7" x14ac:dyDescent="0.3">
      <c r="A67264" s="13" t="s">
        <v>355</v>
      </c>
      <c r="B67264" s="14" t="s">
        <v>1</v>
      </c>
      <c r="C67264" s="14" t="s">
        <v>238</v>
      </c>
      <c r="D67264" s="14" t="s">
        <v>356</v>
      </c>
      <c r="E67264" s="15">
        <v>45480</v>
      </c>
      <c r="F67264" s="14" t="s">
        <v>61</v>
      </c>
      <c r="G67264" s="16">
        <v>0.73771745375814002</v>
      </c>
    </row>
    <row r="67265" spans="1:7" x14ac:dyDescent="0.3">
      <c r="A67265" s="13" t="s">
        <v>355</v>
      </c>
      <c r="B67265" s="14" t="s">
        <v>1</v>
      </c>
      <c r="C67265" s="14" t="s">
        <v>238</v>
      </c>
      <c r="D67265" s="14" t="s">
        <v>356</v>
      </c>
      <c r="E67265" s="15">
        <v>45481</v>
      </c>
      <c r="F67265" s="14" t="s">
        <v>61</v>
      </c>
      <c r="G67265" s="16">
        <v>0.74516542294026999</v>
      </c>
    </row>
    <row r="67266" spans="1:7" x14ac:dyDescent="0.3">
      <c r="A67266" s="13" t="s">
        <v>355</v>
      </c>
      <c r="B67266" s="14" t="s">
        <v>1</v>
      </c>
      <c r="C67266" s="14" t="s">
        <v>238</v>
      </c>
      <c r="D67266" s="14" t="s">
        <v>356</v>
      </c>
      <c r="E67266" s="15">
        <v>45482</v>
      </c>
      <c r="F67266" s="14" t="s">
        <v>61</v>
      </c>
      <c r="G67266" s="16">
        <v>0.76751766231500251</v>
      </c>
    </row>
    <row r="67267" spans="1:7" x14ac:dyDescent="0.3">
      <c r="A67267" s="13" t="s">
        <v>355</v>
      </c>
      <c r="B67267" s="14" t="s">
        <v>1</v>
      </c>
      <c r="C67267" s="14" t="s">
        <v>238</v>
      </c>
      <c r="D67267" s="14" t="s">
        <v>356</v>
      </c>
      <c r="E67267" s="15">
        <v>45483</v>
      </c>
      <c r="F67267" s="14" t="s">
        <v>61</v>
      </c>
      <c r="G67267" s="16">
        <v>0.77545291561219964</v>
      </c>
    </row>
    <row r="67268" spans="1:7" x14ac:dyDescent="0.3">
      <c r="A67268" s="13" t="s">
        <v>355</v>
      </c>
      <c r="B67268" s="14" t="s">
        <v>1</v>
      </c>
      <c r="C67268" s="14" t="s">
        <v>238</v>
      </c>
      <c r="D67268" s="14" t="s">
        <v>356</v>
      </c>
      <c r="E67268" s="15">
        <v>45484</v>
      </c>
      <c r="F67268" s="14" t="s">
        <v>61</v>
      </c>
      <c r="G67268" s="16">
        <v>0.78289429693272838</v>
      </c>
    </row>
    <row r="67269" spans="1:7" x14ac:dyDescent="0.3">
      <c r="A67269" s="13" t="s">
        <v>355</v>
      </c>
      <c r="B67269" s="14" t="s">
        <v>1</v>
      </c>
      <c r="C67269" s="14" t="s">
        <v>238</v>
      </c>
      <c r="D67269" s="14" t="s">
        <v>356</v>
      </c>
      <c r="E67269" s="15">
        <v>45485</v>
      </c>
      <c r="F67269" s="14" t="s">
        <v>61</v>
      </c>
      <c r="G67269" s="16">
        <v>0.7903845553137443</v>
      </c>
    </row>
    <row r="67270" spans="1:7" x14ac:dyDescent="0.3">
      <c r="A67270" s="13" t="s">
        <v>355</v>
      </c>
      <c r="B67270" s="14" t="s">
        <v>1</v>
      </c>
      <c r="C67270" s="14" t="s">
        <v>238</v>
      </c>
      <c r="D67270" s="14" t="s">
        <v>356</v>
      </c>
      <c r="E67270" s="15">
        <v>45486</v>
      </c>
      <c r="F67270" s="14" t="s">
        <v>61</v>
      </c>
      <c r="G67270" s="16">
        <v>0.7903845553137443</v>
      </c>
    </row>
    <row r="67271" spans="1:7" x14ac:dyDescent="0.3">
      <c r="A67271" s="13" t="s">
        <v>355</v>
      </c>
      <c r="B67271" s="14" t="s">
        <v>1</v>
      </c>
      <c r="C67271" s="14" t="s">
        <v>238</v>
      </c>
      <c r="D67271" s="14" t="s">
        <v>356</v>
      </c>
      <c r="E67271" s="15">
        <v>45487</v>
      </c>
      <c r="F67271" s="14" t="s">
        <v>61</v>
      </c>
      <c r="G67271" s="16">
        <v>0.7903845553137443</v>
      </c>
    </row>
    <row r="67272" spans="1:7" x14ac:dyDescent="0.3">
      <c r="A67272" s="13" t="s">
        <v>355</v>
      </c>
      <c r="B67272" s="14" t="s">
        <v>1</v>
      </c>
      <c r="C67272" s="14" t="s">
        <v>238</v>
      </c>
      <c r="D67272" s="14" t="s">
        <v>356</v>
      </c>
      <c r="E67272" s="15">
        <v>45488</v>
      </c>
      <c r="F67272" s="14" t="s">
        <v>61</v>
      </c>
      <c r="G67272" s="16">
        <v>0.79791568444823002</v>
      </c>
    </row>
    <row r="67273" spans="1:7" x14ac:dyDescent="0.3">
      <c r="A67273" s="13" t="s">
        <v>355</v>
      </c>
      <c r="B67273" s="14" t="s">
        <v>1</v>
      </c>
      <c r="C67273" s="14" t="s">
        <v>238</v>
      </c>
      <c r="D67273" s="14" t="s">
        <v>356</v>
      </c>
      <c r="E67273" s="15">
        <v>45489</v>
      </c>
      <c r="F67273" s="14" t="s">
        <v>61</v>
      </c>
      <c r="G67273" s="16">
        <v>0.82053772949526749</v>
      </c>
    </row>
    <row r="67274" spans="1:7" x14ac:dyDescent="0.3">
      <c r="A67274" s="13" t="s">
        <v>355</v>
      </c>
      <c r="B67274" s="14" t="s">
        <v>1</v>
      </c>
      <c r="C67274" s="14" t="s">
        <v>238</v>
      </c>
      <c r="D67274" s="14" t="s">
        <v>356</v>
      </c>
      <c r="E67274" s="15">
        <v>45490</v>
      </c>
      <c r="F67274" s="14" t="s">
        <v>61</v>
      </c>
      <c r="G67274" s="16">
        <v>0.82805927718260963</v>
      </c>
    </row>
    <row r="67275" spans="1:7" x14ac:dyDescent="0.3">
      <c r="A67275" s="13" t="s">
        <v>355</v>
      </c>
      <c r="B67275" s="14" t="s">
        <v>1</v>
      </c>
      <c r="C67275" s="14" t="s">
        <v>238</v>
      </c>
      <c r="D67275" s="14" t="s">
        <v>356</v>
      </c>
      <c r="E67275" s="15">
        <v>45491</v>
      </c>
      <c r="F67275" s="14" t="s">
        <v>61</v>
      </c>
      <c r="G67275" s="16">
        <v>0.83558871661339862</v>
      </c>
    </row>
    <row r="67276" spans="1:7" x14ac:dyDescent="0.3">
      <c r="A67276" s="13" t="s">
        <v>355</v>
      </c>
      <c r="B67276" s="14" t="s">
        <v>1</v>
      </c>
      <c r="C67276" s="14" t="s">
        <v>238</v>
      </c>
      <c r="D67276" s="14" t="s">
        <v>356</v>
      </c>
      <c r="E67276" s="15">
        <v>45492</v>
      </c>
      <c r="F67276" s="14" t="s">
        <v>61</v>
      </c>
      <c r="G67276" s="16">
        <v>0.843102682236615</v>
      </c>
    </row>
    <row r="67277" spans="1:7" x14ac:dyDescent="0.3">
      <c r="A67277" s="13" t="s">
        <v>355</v>
      </c>
      <c r="B67277" s="14" t="s">
        <v>1</v>
      </c>
      <c r="C67277" s="14" t="s">
        <v>238</v>
      </c>
      <c r="D67277" s="14" t="s">
        <v>356</v>
      </c>
      <c r="E67277" s="15">
        <v>45493</v>
      </c>
      <c r="F67277" s="14" t="s">
        <v>61</v>
      </c>
      <c r="G67277" s="16">
        <v>0.843102682236615</v>
      </c>
    </row>
    <row r="67278" spans="1:7" x14ac:dyDescent="0.3">
      <c r="A67278" s="13" t="s">
        <v>355</v>
      </c>
      <c r="B67278" s="14" t="s">
        <v>1</v>
      </c>
      <c r="C67278" s="14" t="s">
        <v>238</v>
      </c>
      <c r="D67278" s="14" t="s">
        <v>356</v>
      </c>
      <c r="E67278" s="15">
        <v>45494</v>
      </c>
      <c r="F67278" s="14" t="s">
        <v>61</v>
      </c>
      <c r="G67278" s="16">
        <v>0.843102682236615</v>
      </c>
    </row>
    <row r="67279" spans="1:7" x14ac:dyDescent="0.3">
      <c r="A67279" s="13" t="s">
        <v>355</v>
      </c>
      <c r="B67279" s="14" t="s">
        <v>1</v>
      </c>
      <c r="C67279" s="14" t="s">
        <v>238</v>
      </c>
      <c r="D67279" s="14" t="s">
        <v>356</v>
      </c>
      <c r="E67279" s="15">
        <v>45495</v>
      </c>
      <c r="F67279" s="14" t="s">
        <v>61</v>
      </c>
      <c r="G67279" s="16">
        <v>0.85062717676496946</v>
      </c>
    </row>
    <row r="67280" spans="1:7" x14ac:dyDescent="0.3">
      <c r="A67280" s="13" t="s">
        <v>355</v>
      </c>
      <c r="B67280" s="14" t="s">
        <v>1</v>
      </c>
      <c r="C67280" s="14" t="s">
        <v>238</v>
      </c>
      <c r="D67280" s="14" t="s">
        <v>356</v>
      </c>
      <c r="E67280" s="15">
        <v>45496</v>
      </c>
      <c r="F67280" s="14" t="s">
        <v>61</v>
      </c>
      <c r="G67280" s="16">
        <v>0.8705982108958592</v>
      </c>
    </row>
    <row r="67281" spans="1:7" x14ac:dyDescent="0.3">
      <c r="A67281" s="13" t="s">
        <v>355</v>
      </c>
      <c r="B67281" s="14" t="s">
        <v>1</v>
      </c>
      <c r="C67281" s="14" t="s">
        <v>238</v>
      </c>
      <c r="D67281" s="14" t="s">
        <v>356</v>
      </c>
      <c r="E67281" s="15">
        <v>45497</v>
      </c>
      <c r="F67281" s="14" t="s">
        <v>61</v>
      </c>
      <c r="G67281" s="16">
        <v>0.87813797993190168</v>
      </c>
    </row>
    <row r="67282" spans="1:7" x14ac:dyDescent="0.3">
      <c r="A67282" s="13" t="s">
        <v>355</v>
      </c>
      <c r="B67282" s="14" t="s">
        <v>1</v>
      </c>
      <c r="C67282" s="14" t="s">
        <v>238</v>
      </c>
      <c r="D67282" s="14" t="s">
        <v>356</v>
      </c>
      <c r="E67282" s="15">
        <v>45498</v>
      </c>
      <c r="F67282" s="14" t="s">
        <v>61</v>
      </c>
      <c r="G67282" s="16">
        <v>0.88566946583985062</v>
      </c>
    </row>
    <row r="67283" spans="1:7" x14ac:dyDescent="0.3">
      <c r="A67283" s="13" t="s">
        <v>355</v>
      </c>
      <c r="B67283" s="14" t="s">
        <v>1</v>
      </c>
      <c r="C67283" s="14" t="s">
        <v>238</v>
      </c>
      <c r="D67283" s="14" t="s">
        <v>356</v>
      </c>
      <c r="E67283" s="15">
        <v>45499</v>
      </c>
      <c r="F67283" s="14" t="s">
        <v>61</v>
      </c>
      <c r="G67283" s="16">
        <v>0.89315120049279195</v>
      </c>
    </row>
    <row r="67284" spans="1:7" x14ac:dyDescent="0.3">
      <c r="A67284" s="13" t="s">
        <v>355</v>
      </c>
      <c r="B67284" s="14" t="s">
        <v>1</v>
      </c>
      <c r="C67284" s="14" t="s">
        <v>238</v>
      </c>
      <c r="D67284" s="14" t="s">
        <v>356</v>
      </c>
      <c r="E67284" s="15">
        <v>45500</v>
      </c>
      <c r="F67284" s="14" t="s">
        <v>61</v>
      </c>
      <c r="G67284" s="16">
        <v>0.89315120049279195</v>
      </c>
    </row>
    <row r="67285" spans="1:7" x14ac:dyDescent="0.3">
      <c r="A67285" s="13" t="s">
        <v>355</v>
      </c>
      <c r="B67285" s="14" t="s">
        <v>1</v>
      </c>
      <c r="C67285" s="14" t="s">
        <v>238</v>
      </c>
      <c r="D67285" s="14" t="s">
        <v>356</v>
      </c>
      <c r="E67285" s="15">
        <v>45501</v>
      </c>
      <c r="F67285" s="14" t="s">
        <v>61</v>
      </c>
      <c r="G67285" s="16">
        <v>0.89315120049279195</v>
      </c>
    </row>
    <row r="67286" spans="1:7" x14ac:dyDescent="0.3">
      <c r="A67286" s="13" t="s">
        <v>355</v>
      </c>
      <c r="B67286" s="14" t="s">
        <v>1</v>
      </c>
      <c r="C67286" s="14" t="s">
        <v>238</v>
      </c>
      <c r="D67286" s="14" t="s">
        <v>356</v>
      </c>
      <c r="E67286" s="15">
        <v>45502</v>
      </c>
      <c r="F67286" s="14" t="s">
        <v>61</v>
      </c>
      <c r="G67286" s="16">
        <v>0.89907420914754599</v>
      </c>
    </row>
    <row r="67287" spans="1:7" x14ac:dyDescent="0.3">
      <c r="A67287" s="13" t="s">
        <v>355</v>
      </c>
      <c r="B67287" s="14" t="s">
        <v>1</v>
      </c>
      <c r="C67287" s="14" t="s">
        <v>238</v>
      </c>
      <c r="D67287" s="14" t="s">
        <v>356</v>
      </c>
      <c r="E67287" s="15">
        <v>45503</v>
      </c>
      <c r="F67287" s="14" t="s">
        <v>61</v>
      </c>
      <c r="G67287" s="16">
        <v>0.92165620636604229</v>
      </c>
    </row>
    <row r="67288" spans="1:7" x14ac:dyDescent="0.3">
      <c r="A67288" s="13" t="s">
        <v>355</v>
      </c>
      <c r="B67288" s="14" t="s">
        <v>1</v>
      </c>
      <c r="C67288" s="14" t="s">
        <v>238</v>
      </c>
      <c r="D67288" s="14" t="s">
        <v>356</v>
      </c>
      <c r="E67288" s="15">
        <v>45504</v>
      </c>
      <c r="F67288" s="14" t="s">
        <v>61</v>
      </c>
      <c r="G67288" s="16">
        <v>0.92918027282564242</v>
      </c>
    </row>
    <row r="67289" spans="1:7" x14ac:dyDescent="0.3">
      <c r="A67289" s="13" t="s">
        <v>355</v>
      </c>
      <c r="B67289" s="14" t="s">
        <v>1</v>
      </c>
      <c r="C67289" s="14" t="s">
        <v>238</v>
      </c>
      <c r="D67289" s="14" t="s">
        <v>356</v>
      </c>
      <c r="E67289" s="15">
        <v>45505</v>
      </c>
      <c r="F67289" s="14" t="s">
        <v>61</v>
      </c>
      <c r="G67289" s="16">
        <v>0.92918027282564242</v>
      </c>
    </row>
    <row r="67290" spans="1:7" x14ac:dyDescent="0.3">
      <c r="A67290" s="13" t="s">
        <v>355</v>
      </c>
      <c r="B67290" s="14" t="s">
        <v>1</v>
      </c>
      <c r="C67290" s="14" t="s">
        <v>238</v>
      </c>
      <c r="D67290" s="14" t="s">
        <v>356</v>
      </c>
      <c r="E67290" s="15">
        <v>45506</v>
      </c>
      <c r="F67290" s="14" t="s">
        <v>61</v>
      </c>
      <c r="G67290" s="16">
        <v>0.93713712055126885</v>
      </c>
    </row>
    <row r="67291" spans="1:7" x14ac:dyDescent="0.3">
      <c r="A67291" s="13" t="s">
        <v>355</v>
      </c>
      <c r="B67291" s="14" t="s">
        <v>1</v>
      </c>
      <c r="C67291" s="14" t="s">
        <v>238</v>
      </c>
      <c r="D67291" s="14" t="s">
        <v>356</v>
      </c>
      <c r="E67291" s="15">
        <v>45507</v>
      </c>
      <c r="F67291" s="14" t="s">
        <v>61</v>
      </c>
      <c r="G67291" s="16">
        <v>0.93713712055126885</v>
      </c>
    </row>
    <row r="67292" spans="1:7" x14ac:dyDescent="0.3">
      <c r="A67292" s="13" t="s">
        <v>355</v>
      </c>
      <c r="B67292" s="14" t="s">
        <v>1</v>
      </c>
      <c r="C67292" s="14" t="s">
        <v>238</v>
      </c>
      <c r="D67292" s="14" t="s">
        <v>356</v>
      </c>
      <c r="E67292" s="15">
        <v>45508</v>
      </c>
      <c r="F67292" s="14" t="s">
        <v>61</v>
      </c>
      <c r="G67292" s="16">
        <v>0.93713712055126885</v>
      </c>
    </row>
    <row r="67293" spans="1:7" x14ac:dyDescent="0.3">
      <c r="A67293" s="13" t="s">
        <v>355</v>
      </c>
      <c r="B67293" s="14" t="s">
        <v>1</v>
      </c>
      <c r="C67293" s="14" t="s">
        <v>238</v>
      </c>
      <c r="D67293" s="14" t="s">
        <v>356</v>
      </c>
      <c r="E67293" s="15">
        <v>45509</v>
      </c>
      <c r="F67293" s="14" t="s">
        <v>61</v>
      </c>
      <c r="G67293" s="16">
        <v>0.93713712055126885</v>
      </c>
    </row>
    <row r="67294" spans="1:7" x14ac:dyDescent="0.3">
      <c r="A67294" s="13" t="s">
        <v>355</v>
      </c>
      <c r="B67294" s="14" t="s">
        <v>1</v>
      </c>
      <c r="C67294" s="14" t="s">
        <v>238</v>
      </c>
      <c r="D67294" s="14" t="s">
        <v>356</v>
      </c>
      <c r="E67294" s="15">
        <v>45510</v>
      </c>
      <c r="F67294" s="14" t="s">
        <v>61</v>
      </c>
      <c r="G67294" s="16">
        <v>0.95238834219191115</v>
      </c>
    </row>
    <row r="67295" spans="1:7" x14ac:dyDescent="0.3">
      <c r="A67295" s="13" t="s">
        <v>355</v>
      </c>
      <c r="B67295" s="14" t="s">
        <v>1</v>
      </c>
      <c r="C67295" s="14" t="s">
        <v>238</v>
      </c>
      <c r="D67295" s="14" t="s">
        <v>356</v>
      </c>
      <c r="E67295" s="15">
        <v>45511</v>
      </c>
      <c r="F67295" s="14" t="s">
        <v>61</v>
      </c>
      <c r="G67295" s="16">
        <v>0.98288630763585205</v>
      </c>
    </row>
    <row r="67296" spans="1:7" x14ac:dyDescent="0.3">
      <c r="A67296" s="13" t="s">
        <v>355</v>
      </c>
      <c r="B67296" s="14" t="s">
        <v>1</v>
      </c>
      <c r="C67296" s="14" t="s">
        <v>238</v>
      </c>
      <c r="D67296" s="14" t="s">
        <v>356</v>
      </c>
      <c r="E67296" s="15">
        <v>45512</v>
      </c>
      <c r="F67296" s="14" t="s">
        <v>61</v>
      </c>
      <c r="G67296" s="16">
        <v>0.98833314780517012</v>
      </c>
    </row>
    <row r="67297" spans="1:7" x14ac:dyDescent="0.3">
      <c r="A67297" s="13" t="s">
        <v>355</v>
      </c>
      <c r="B67297" s="14" t="s">
        <v>1</v>
      </c>
      <c r="C67297" s="14" t="s">
        <v>238</v>
      </c>
      <c r="D67297" s="14" t="s">
        <v>356</v>
      </c>
      <c r="E67297" s="15">
        <v>45513</v>
      </c>
      <c r="F67297" s="14" t="s">
        <v>61</v>
      </c>
      <c r="G67297" s="16">
        <v>0.9958597023399951</v>
      </c>
    </row>
    <row r="67298" spans="1:7" x14ac:dyDescent="0.3">
      <c r="A67298" s="13" t="s">
        <v>355</v>
      </c>
      <c r="B67298" s="14" t="s">
        <v>1</v>
      </c>
      <c r="C67298" s="14" t="s">
        <v>238</v>
      </c>
      <c r="D67298" s="14" t="s">
        <v>356</v>
      </c>
      <c r="E67298" s="15">
        <v>45514</v>
      </c>
      <c r="F67298" s="14" t="s">
        <v>61</v>
      </c>
      <c r="G67298" s="16">
        <v>0.9958597023399951</v>
      </c>
    </row>
    <row r="67299" spans="1:7" x14ac:dyDescent="0.3">
      <c r="A67299" s="13" t="s">
        <v>355</v>
      </c>
      <c r="B67299" s="14" t="s">
        <v>1</v>
      </c>
      <c r="C67299" s="14" t="s">
        <v>238</v>
      </c>
      <c r="D67299" s="14" t="s">
        <v>356</v>
      </c>
      <c r="E67299" s="15">
        <v>45515</v>
      </c>
      <c r="F67299" s="14" t="s">
        <v>61</v>
      </c>
      <c r="G67299" s="16">
        <v>0.9958597023399951</v>
      </c>
    </row>
    <row r="67300" spans="1:7" x14ac:dyDescent="0.3">
      <c r="A67300" s="13" t="s">
        <v>355</v>
      </c>
      <c r="B67300" s="14" t="s">
        <v>1</v>
      </c>
      <c r="C67300" s="14" t="s">
        <v>238</v>
      </c>
      <c r="D67300" s="14" t="s">
        <v>356</v>
      </c>
      <c r="E67300" s="15">
        <v>45516</v>
      </c>
      <c r="F67300" s="14" t="s">
        <v>61</v>
      </c>
      <c r="G67300" s="16">
        <v>1.003365278818426</v>
      </c>
    </row>
    <row r="67301" spans="1:7" x14ac:dyDescent="0.3">
      <c r="A67301" s="13" t="s">
        <v>355</v>
      </c>
      <c r="B67301" s="14" t="s">
        <v>1</v>
      </c>
      <c r="C67301" s="14" t="s">
        <v>238</v>
      </c>
      <c r="D67301" s="14" t="s">
        <v>356</v>
      </c>
      <c r="E67301" s="15">
        <v>45517</v>
      </c>
      <c r="F67301" s="14" t="s">
        <v>61</v>
      </c>
      <c r="G67301" s="16">
        <v>1.0258911073127874</v>
      </c>
    </row>
    <row r="67302" spans="1:7" x14ac:dyDescent="0.3">
      <c r="A67302" s="13" t="s">
        <v>355</v>
      </c>
      <c r="B67302" s="14" t="s">
        <v>1</v>
      </c>
      <c r="C67302" s="14" t="s">
        <v>238</v>
      </c>
      <c r="D67302" s="14" t="s">
        <v>356</v>
      </c>
      <c r="E67302" s="15">
        <v>45518</v>
      </c>
      <c r="F67302" s="14" t="s">
        <v>61</v>
      </c>
      <c r="G67302" s="16">
        <v>1.0333998582787978</v>
      </c>
    </row>
    <row r="67303" spans="1:7" x14ac:dyDescent="0.3">
      <c r="A67303" s="13" t="s">
        <v>355</v>
      </c>
      <c r="B67303" s="14" t="s">
        <v>1</v>
      </c>
      <c r="C67303" s="14" t="s">
        <v>238</v>
      </c>
      <c r="D67303" s="14" t="s">
        <v>356</v>
      </c>
      <c r="E67303" s="15">
        <v>45519</v>
      </c>
      <c r="F67303" s="14" t="s">
        <v>61</v>
      </c>
      <c r="G67303" s="16">
        <v>1.0408983408548498</v>
      </c>
    </row>
    <row r="67304" spans="1:7" x14ac:dyDescent="0.3">
      <c r="A67304" s="13" t="s">
        <v>355</v>
      </c>
      <c r="B67304" s="14" t="s">
        <v>1</v>
      </c>
      <c r="C67304" s="14" t="s">
        <v>238</v>
      </c>
      <c r="D67304" s="14" t="s">
        <v>356</v>
      </c>
      <c r="E67304" s="15">
        <v>45520</v>
      </c>
      <c r="F67304" s="14" t="s">
        <v>61</v>
      </c>
      <c r="G67304" s="16">
        <v>1.0484021576594516</v>
      </c>
    </row>
    <row r="67305" spans="1:7" x14ac:dyDescent="0.3">
      <c r="A67305" s="13" t="s">
        <v>355</v>
      </c>
      <c r="B67305" s="14" t="s">
        <v>1</v>
      </c>
      <c r="C67305" s="14" t="s">
        <v>238</v>
      </c>
      <c r="D67305" s="14" t="s">
        <v>356</v>
      </c>
      <c r="E67305" s="15">
        <v>45521</v>
      </c>
      <c r="F67305" s="14" t="s">
        <v>61</v>
      </c>
      <c r="G67305" s="16">
        <v>1.0484021576594516</v>
      </c>
    </row>
    <row r="67306" spans="1:7" x14ac:dyDescent="0.3">
      <c r="A67306" s="13" t="s">
        <v>355</v>
      </c>
      <c r="B67306" s="14" t="s">
        <v>1</v>
      </c>
      <c r="C67306" s="14" t="s">
        <v>238</v>
      </c>
      <c r="D67306" s="14" t="s">
        <v>356</v>
      </c>
      <c r="E67306" s="15">
        <v>45522</v>
      </c>
      <c r="F67306" s="14" t="s">
        <v>61</v>
      </c>
      <c r="G67306" s="16">
        <v>1.0484021576594516</v>
      </c>
    </row>
    <row r="67307" spans="1:7" x14ac:dyDescent="0.3">
      <c r="A67307" s="13" t="s">
        <v>355</v>
      </c>
      <c r="B67307" s="14" t="s">
        <v>1</v>
      </c>
      <c r="C67307" s="14" t="s">
        <v>238</v>
      </c>
      <c r="D67307" s="14" t="s">
        <v>356</v>
      </c>
      <c r="E67307" s="15">
        <v>45523</v>
      </c>
      <c r="F67307" s="14" t="s">
        <v>61</v>
      </c>
      <c r="G67307" s="16">
        <v>1.0559108345389541</v>
      </c>
    </row>
    <row r="67308" spans="1:7" x14ac:dyDescent="0.3">
      <c r="A67308" s="13" t="s">
        <v>355</v>
      </c>
      <c r="B67308" s="14" t="s">
        <v>1</v>
      </c>
      <c r="C67308" s="14" t="s">
        <v>238</v>
      </c>
      <c r="D67308" s="14" t="s">
        <v>356</v>
      </c>
      <c r="E67308" s="15">
        <v>45524</v>
      </c>
      <c r="F67308" s="14" t="s">
        <v>61</v>
      </c>
      <c r="G67308" s="16">
        <v>1.0784197177153005</v>
      </c>
    </row>
    <row r="67309" spans="1:7" x14ac:dyDescent="0.3">
      <c r="A67309" s="13" t="s">
        <v>355</v>
      </c>
      <c r="B67309" s="14" t="s">
        <v>1</v>
      </c>
      <c r="C67309" s="14" t="s">
        <v>238</v>
      </c>
      <c r="D67309" s="14" t="s">
        <v>356</v>
      </c>
      <c r="E67309" s="15">
        <v>45525</v>
      </c>
      <c r="F67309" s="14" t="s">
        <v>61</v>
      </c>
      <c r="G67309" s="16">
        <v>1.0859213636969709</v>
      </c>
    </row>
    <row r="67310" spans="1:7" x14ac:dyDescent="0.3">
      <c r="A67310" s="13" t="s">
        <v>355</v>
      </c>
      <c r="B67310" s="14" t="s">
        <v>1</v>
      </c>
      <c r="C67310" s="14" t="s">
        <v>238</v>
      </c>
      <c r="D67310" s="14" t="s">
        <v>356</v>
      </c>
      <c r="E67310" s="15">
        <v>45526</v>
      </c>
      <c r="F67310" s="14" t="s">
        <v>61</v>
      </c>
      <c r="G67310" s="16">
        <v>1.0934139051463911</v>
      </c>
    </row>
    <row r="67311" spans="1:7" x14ac:dyDescent="0.3">
      <c r="A67311" s="13" t="s">
        <v>355</v>
      </c>
      <c r="B67311" s="14" t="s">
        <v>1</v>
      </c>
      <c r="C67311" s="14" t="s">
        <v>238</v>
      </c>
      <c r="D67311" s="14" t="s">
        <v>356</v>
      </c>
      <c r="E67311" s="15">
        <v>45527</v>
      </c>
      <c r="F67311" s="14" t="s">
        <v>61</v>
      </c>
      <c r="G67311" s="16">
        <v>1.1008934944809199</v>
      </c>
    </row>
    <row r="67312" spans="1:7" x14ac:dyDescent="0.3">
      <c r="A67312" s="13" t="s">
        <v>355</v>
      </c>
      <c r="B67312" s="14" t="s">
        <v>1</v>
      </c>
      <c r="C67312" s="14" t="s">
        <v>238</v>
      </c>
      <c r="D67312" s="14" t="s">
        <v>356</v>
      </c>
      <c r="E67312" s="15">
        <v>45528</v>
      </c>
      <c r="F67312" s="14" t="s">
        <v>61</v>
      </c>
      <c r="G67312" s="16">
        <v>1.1008934944809199</v>
      </c>
    </row>
    <row r="67313" spans="1:7" x14ac:dyDescent="0.3">
      <c r="A67313" s="13" t="s">
        <v>355</v>
      </c>
      <c r="B67313" s="14" t="s">
        <v>1</v>
      </c>
      <c r="C67313" s="14" t="s">
        <v>238</v>
      </c>
      <c r="D67313" s="14" t="s">
        <v>356</v>
      </c>
      <c r="E67313" s="15">
        <v>45529</v>
      </c>
      <c r="F67313" s="14" t="s">
        <v>61</v>
      </c>
      <c r="G67313" s="16">
        <v>1.1008934944809199</v>
      </c>
    </row>
    <row r="67314" spans="1:7" x14ac:dyDescent="0.3">
      <c r="A67314" s="13" t="s">
        <v>355</v>
      </c>
      <c r="B67314" s="14" t="s">
        <v>1</v>
      </c>
      <c r="C67314" s="14" t="s">
        <v>238</v>
      </c>
      <c r="D67314" s="14" t="s">
        <v>356</v>
      </c>
      <c r="E67314" s="15">
        <v>45530</v>
      </c>
      <c r="F67314" s="14" t="s">
        <v>61</v>
      </c>
      <c r="G67314" s="16">
        <v>1.1083814122920721</v>
      </c>
    </row>
    <row r="67315" spans="1:7" x14ac:dyDescent="0.3">
      <c r="A67315" s="13" t="s">
        <v>355</v>
      </c>
      <c r="B67315" s="14" t="s">
        <v>1</v>
      </c>
      <c r="C67315" s="14" t="s">
        <v>238</v>
      </c>
      <c r="D67315" s="14" t="s">
        <v>356</v>
      </c>
      <c r="E67315" s="15">
        <v>45531</v>
      </c>
      <c r="F67315" s="14" t="s">
        <v>61</v>
      </c>
      <c r="G67315" s="16">
        <v>1.1308470431368278</v>
      </c>
    </row>
    <row r="67316" spans="1:7" x14ac:dyDescent="0.3">
      <c r="A67316" s="13" t="s">
        <v>355</v>
      </c>
      <c r="B67316" s="14" t="s">
        <v>1</v>
      </c>
      <c r="C67316" s="14" t="s">
        <v>238</v>
      </c>
      <c r="D67316" s="14" t="s">
        <v>356</v>
      </c>
      <c r="E67316" s="15">
        <v>45532</v>
      </c>
      <c r="F67316" s="14" t="s">
        <v>61</v>
      </c>
      <c r="G67316" s="16">
        <v>1.1383324416578984</v>
      </c>
    </row>
    <row r="67317" spans="1:7" x14ac:dyDescent="0.3">
      <c r="A67317" s="13" t="s">
        <v>355</v>
      </c>
      <c r="B67317" s="14" t="s">
        <v>1</v>
      </c>
      <c r="C67317" s="14" t="s">
        <v>238</v>
      </c>
      <c r="D67317" s="14" t="s">
        <v>356</v>
      </c>
      <c r="E67317" s="15">
        <v>45533</v>
      </c>
      <c r="F67317" s="14" t="s">
        <v>61</v>
      </c>
      <c r="G67317" s="16">
        <v>1.1378732292669986</v>
      </c>
    </row>
    <row r="67318" spans="1:7" x14ac:dyDescent="0.3">
      <c r="A67318" s="13" t="s">
        <v>355</v>
      </c>
      <c r="B67318" s="14" t="s">
        <v>1</v>
      </c>
      <c r="C67318" s="14" t="s">
        <v>238</v>
      </c>
      <c r="D67318" s="14" t="s">
        <v>356</v>
      </c>
      <c r="E67318" s="15">
        <v>45534</v>
      </c>
      <c r="F67318" s="14" t="s">
        <v>61</v>
      </c>
      <c r="G67318" s="16">
        <v>1.145313532495603</v>
      </c>
    </row>
    <row r="67319" spans="1:7" x14ac:dyDescent="0.3">
      <c r="A67319" s="13" t="s">
        <v>355</v>
      </c>
      <c r="B67319" s="14" t="s">
        <v>1</v>
      </c>
      <c r="C67319" s="14" t="s">
        <v>238</v>
      </c>
      <c r="D67319" s="14" t="s">
        <v>356</v>
      </c>
      <c r="E67319" s="15">
        <v>45535</v>
      </c>
      <c r="F67319" s="14" t="s">
        <v>61</v>
      </c>
      <c r="G67319" s="16">
        <v>1.145313532495603</v>
      </c>
    </row>
    <row r="67320" spans="1:7" x14ac:dyDescent="0.3">
      <c r="A67320" s="13" t="s">
        <v>355</v>
      </c>
      <c r="B67320" s="14" t="s">
        <v>1</v>
      </c>
      <c r="C67320" s="14" t="s">
        <v>238</v>
      </c>
      <c r="D67320" s="14" t="s">
        <v>356</v>
      </c>
      <c r="E67320" s="15">
        <v>45536</v>
      </c>
      <c r="F67320" s="14" t="s">
        <v>61</v>
      </c>
      <c r="G67320" s="16">
        <v>1.145313532495603</v>
      </c>
    </row>
    <row r="67321" spans="1:7" x14ac:dyDescent="0.3">
      <c r="A67321" s="13" t="s">
        <v>355</v>
      </c>
      <c r="B67321" s="14" t="s">
        <v>1</v>
      </c>
      <c r="C67321" s="14" t="s">
        <v>238</v>
      </c>
      <c r="D67321" s="14" t="s">
        <v>356</v>
      </c>
      <c r="E67321" s="15">
        <v>45537</v>
      </c>
      <c r="F67321" s="14" t="s">
        <v>61</v>
      </c>
      <c r="G67321" s="16">
        <v>1.1527594226204481</v>
      </c>
    </row>
    <row r="67322" spans="1:7" x14ac:dyDescent="0.3">
      <c r="A67322" s="13" t="s">
        <v>355</v>
      </c>
      <c r="B67322" s="14" t="s">
        <v>1</v>
      </c>
      <c r="C67322" s="14" t="s">
        <v>238</v>
      </c>
      <c r="D67322" s="14" t="s">
        <v>356</v>
      </c>
      <c r="E67322" s="15">
        <v>45538</v>
      </c>
      <c r="F67322" s="14" t="s">
        <v>61</v>
      </c>
      <c r="G67322" s="16">
        <v>1.1750048823313994</v>
      </c>
    </row>
    <row r="67323" spans="1:7" x14ac:dyDescent="0.3">
      <c r="A67323" s="13" t="s">
        <v>355</v>
      </c>
      <c r="B67323" s="14" t="s">
        <v>1</v>
      </c>
      <c r="C67323" s="14" t="s">
        <v>238</v>
      </c>
      <c r="D67323" s="14" t="s">
        <v>356</v>
      </c>
      <c r="E67323" s="15">
        <v>45539</v>
      </c>
      <c r="F67323" s="14" t="s">
        <v>61</v>
      </c>
      <c r="G67323" s="16">
        <v>1.1824079741635589</v>
      </c>
    </row>
    <row r="67324" spans="1:7" x14ac:dyDescent="0.3">
      <c r="A67324" s="13" t="s">
        <v>355</v>
      </c>
      <c r="B67324" s="14" t="s">
        <v>1</v>
      </c>
      <c r="C67324" s="14" t="s">
        <v>238</v>
      </c>
      <c r="D67324" s="14" t="s">
        <v>356</v>
      </c>
      <c r="E67324" s="15">
        <v>45540</v>
      </c>
      <c r="F67324" s="14" t="s">
        <v>61</v>
      </c>
      <c r="G67324" s="16">
        <v>1.1904151176605904</v>
      </c>
    </row>
    <row r="67325" spans="1:7" x14ac:dyDescent="0.3">
      <c r="A67325" s="13" t="s">
        <v>355</v>
      </c>
      <c r="B67325" s="14" t="s">
        <v>1</v>
      </c>
      <c r="C67325" s="14" t="s">
        <v>238</v>
      </c>
      <c r="D67325" s="14" t="s">
        <v>356</v>
      </c>
      <c r="E67325" s="15">
        <v>45541</v>
      </c>
      <c r="F67325" s="14" t="s">
        <v>61</v>
      </c>
      <c r="G67325" s="16">
        <v>1.1978923418792529</v>
      </c>
    </row>
    <row r="67326" spans="1:7" x14ac:dyDescent="0.3">
      <c r="A67326" s="13" t="s">
        <v>355</v>
      </c>
      <c r="B67326" s="14" t="s">
        <v>1</v>
      </c>
      <c r="C67326" s="14" t="s">
        <v>238</v>
      </c>
      <c r="D67326" s="14" t="s">
        <v>356</v>
      </c>
      <c r="E67326" s="15">
        <v>45542</v>
      </c>
      <c r="F67326" s="14" t="s">
        <v>61</v>
      </c>
      <c r="G67326" s="16">
        <v>1.1978923418792529</v>
      </c>
    </row>
    <row r="67327" spans="1:7" x14ac:dyDescent="0.3">
      <c r="A67327" s="13" t="s">
        <v>355</v>
      </c>
      <c r="B67327" s="14" t="s">
        <v>1</v>
      </c>
      <c r="C67327" s="14" t="s">
        <v>238</v>
      </c>
      <c r="D67327" s="14" t="s">
        <v>356</v>
      </c>
      <c r="E67327" s="15">
        <v>45543</v>
      </c>
      <c r="F67327" s="14" t="s">
        <v>61</v>
      </c>
      <c r="G67327" s="16">
        <v>1.1978923418792529</v>
      </c>
    </row>
    <row r="67328" spans="1:7" x14ac:dyDescent="0.3">
      <c r="A67328" s="13" t="s">
        <v>355</v>
      </c>
      <c r="B67328" s="14" t="s">
        <v>1</v>
      </c>
      <c r="C67328" s="14" t="s">
        <v>238</v>
      </c>
      <c r="D67328" s="14" t="s">
        <v>356</v>
      </c>
      <c r="E67328" s="15">
        <v>45544</v>
      </c>
      <c r="F67328" s="14" t="s">
        <v>61</v>
      </c>
      <c r="G67328" s="16">
        <v>1.2054285140542429</v>
      </c>
    </row>
    <row r="67329" spans="1:7" x14ac:dyDescent="0.3">
      <c r="A67329" s="13" t="s">
        <v>355</v>
      </c>
      <c r="B67329" s="14" t="s">
        <v>1</v>
      </c>
      <c r="C67329" s="14" t="s">
        <v>238</v>
      </c>
      <c r="D67329" s="14" t="s">
        <v>356</v>
      </c>
      <c r="E67329" s="15">
        <v>45545</v>
      </c>
      <c r="F67329" s="14" t="s">
        <v>61</v>
      </c>
      <c r="G67329" s="16">
        <v>1.2280136787769877</v>
      </c>
    </row>
    <row r="67330" spans="1:7" x14ac:dyDescent="0.3">
      <c r="A67330" s="13" t="s">
        <v>355</v>
      </c>
      <c r="B67330" s="14" t="s">
        <v>1</v>
      </c>
      <c r="C67330" s="14" t="s">
        <v>238</v>
      </c>
      <c r="D67330" s="14" t="s">
        <v>356</v>
      </c>
      <c r="E67330" s="15">
        <v>45546</v>
      </c>
      <c r="F67330" s="14" t="s">
        <v>61</v>
      </c>
      <c r="G67330" s="16">
        <v>1.2351638700005814</v>
      </c>
    </row>
    <row r="67331" spans="1:7" x14ac:dyDescent="0.3">
      <c r="A67331" s="13" t="s">
        <v>355</v>
      </c>
      <c r="B67331" s="14" t="s">
        <v>1</v>
      </c>
      <c r="C67331" s="14" t="s">
        <v>238</v>
      </c>
      <c r="D67331" s="14" t="s">
        <v>356</v>
      </c>
      <c r="E67331" s="15">
        <v>45547</v>
      </c>
      <c r="F67331" s="14" t="s">
        <v>61</v>
      </c>
      <c r="G67331" s="16">
        <v>1.2426834984885999</v>
      </c>
    </row>
    <row r="67332" spans="1:7" x14ac:dyDescent="0.3">
      <c r="A67332" s="13" t="s">
        <v>355</v>
      </c>
      <c r="B67332" s="14" t="s">
        <v>1</v>
      </c>
      <c r="C67332" s="14" t="s">
        <v>238</v>
      </c>
      <c r="D67332" s="14" t="s">
        <v>356</v>
      </c>
      <c r="E67332" s="15">
        <v>45548</v>
      </c>
      <c r="F67332" s="14" t="s">
        <v>61</v>
      </c>
      <c r="G67332" s="16">
        <v>1.2502234113394721</v>
      </c>
    </row>
    <row r="67333" spans="1:7" x14ac:dyDescent="0.3">
      <c r="A67333" s="13" t="s">
        <v>355</v>
      </c>
      <c r="B67333" s="14" t="s">
        <v>1</v>
      </c>
      <c r="C67333" s="14" t="s">
        <v>238</v>
      </c>
      <c r="D67333" s="14" t="s">
        <v>356</v>
      </c>
      <c r="E67333" s="15">
        <v>45549</v>
      </c>
      <c r="F67333" s="14" t="s">
        <v>61</v>
      </c>
      <c r="G67333" s="16">
        <v>1.2502234113394721</v>
      </c>
    </row>
    <row r="67334" spans="1:7" x14ac:dyDescent="0.3">
      <c r="A67334" s="13" t="s">
        <v>355</v>
      </c>
      <c r="B67334" s="14" t="s">
        <v>1</v>
      </c>
      <c r="C67334" s="14" t="s">
        <v>238</v>
      </c>
      <c r="D67334" s="14" t="s">
        <v>356</v>
      </c>
      <c r="E67334" s="15">
        <v>45550</v>
      </c>
      <c r="F67334" s="14" t="s">
        <v>61</v>
      </c>
      <c r="G67334" s="16">
        <v>1.2502234113394721</v>
      </c>
    </row>
    <row r="67335" spans="1:7" x14ac:dyDescent="0.3">
      <c r="A67335" s="13" t="s">
        <v>355</v>
      </c>
      <c r="B67335" s="14" t="s">
        <v>1</v>
      </c>
      <c r="C67335" s="14" t="s">
        <v>238</v>
      </c>
      <c r="D67335" s="14" t="s">
        <v>356</v>
      </c>
      <c r="E67335" s="15">
        <v>45551</v>
      </c>
      <c r="F67335" s="14" t="s">
        <v>61</v>
      </c>
      <c r="G67335" s="16">
        <v>1.2577789447400762</v>
      </c>
    </row>
    <row r="67336" spans="1:7" x14ac:dyDescent="0.3">
      <c r="A67336" s="13" t="s">
        <v>355</v>
      </c>
      <c r="B67336" s="14" t="s">
        <v>1</v>
      </c>
      <c r="C67336" s="14" t="s">
        <v>238</v>
      </c>
      <c r="D67336" s="14" t="s">
        <v>356</v>
      </c>
      <c r="E67336" s="15">
        <v>45552</v>
      </c>
      <c r="F67336" s="14" t="s">
        <v>61</v>
      </c>
      <c r="G67336" s="16">
        <v>1.2805373146693666</v>
      </c>
    </row>
    <row r="67337" spans="1:7" x14ac:dyDescent="0.3">
      <c r="A67337" s="13" t="s">
        <v>355</v>
      </c>
      <c r="B67337" s="14" t="s">
        <v>1</v>
      </c>
      <c r="C67337" s="14" t="s">
        <v>238</v>
      </c>
      <c r="D67337" s="14" t="s">
        <v>356</v>
      </c>
      <c r="E67337" s="15">
        <v>45553</v>
      </c>
      <c r="F67337" s="14" t="s">
        <v>61</v>
      </c>
      <c r="G67337" s="16">
        <v>1.2881236699788303</v>
      </c>
    </row>
    <row r="67338" spans="1:7" x14ac:dyDescent="0.3">
      <c r="A67338" s="13" t="s">
        <v>355</v>
      </c>
      <c r="B67338" s="14" t="s">
        <v>1</v>
      </c>
      <c r="C67338" s="14" t="s">
        <v>238</v>
      </c>
      <c r="D67338" s="14" t="s">
        <v>356</v>
      </c>
      <c r="E67338" s="15">
        <v>45554</v>
      </c>
      <c r="F67338" s="14" t="s">
        <v>61</v>
      </c>
      <c r="G67338" s="16">
        <v>1.2957163167557606</v>
      </c>
    </row>
    <row r="67339" spans="1:7" x14ac:dyDescent="0.3">
      <c r="A67339" s="13" t="s">
        <v>355</v>
      </c>
      <c r="B67339" s="14" t="s">
        <v>1</v>
      </c>
      <c r="C67339" s="14" t="s">
        <v>238</v>
      </c>
      <c r="D67339" s="14" t="s">
        <v>356</v>
      </c>
      <c r="E67339" s="15">
        <v>45555</v>
      </c>
      <c r="F67339" s="14" t="s">
        <v>61</v>
      </c>
      <c r="G67339" s="16">
        <v>1.3032425046819656</v>
      </c>
    </row>
    <row r="67340" spans="1:7" x14ac:dyDescent="0.3">
      <c r="A67340" s="13" t="s">
        <v>355</v>
      </c>
      <c r="B67340" s="14" t="s">
        <v>1</v>
      </c>
      <c r="C67340" s="14" t="s">
        <v>238</v>
      </c>
      <c r="D67340" s="14" t="s">
        <v>356</v>
      </c>
      <c r="E67340" s="15">
        <v>45556</v>
      </c>
      <c r="F67340" s="14" t="s">
        <v>61</v>
      </c>
      <c r="G67340" s="16">
        <v>1.3032425046819656</v>
      </c>
    </row>
    <row r="67341" spans="1:7" x14ac:dyDescent="0.3">
      <c r="A67341" s="13" t="s">
        <v>355</v>
      </c>
      <c r="B67341" s="14" t="s">
        <v>1</v>
      </c>
      <c r="C67341" s="14" t="s">
        <v>238</v>
      </c>
      <c r="D67341" s="14" t="s">
        <v>356</v>
      </c>
      <c r="E67341" s="15">
        <v>45557</v>
      </c>
      <c r="F67341" s="14" t="s">
        <v>61</v>
      </c>
      <c r="G67341" s="16">
        <v>1.3032425046819656</v>
      </c>
    </row>
    <row r="67342" spans="1:7" x14ac:dyDescent="0.3">
      <c r="A67342" s="13" t="s">
        <v>355</v>
      </c>
      <c r="B67342" s="14" t="s">
        <v>1</v>
      </c>
      <c r="C67342" s="14" t="s">
        <v>238</v>
      </c>
      <c r="D67342" s="14" t="s">
        <v>356</v>
      </c>
      <c r="E67342" s="15">
        <v>45558</v>
      </c>
      <c r="F67342" s="14" t="s">
        <v>61</v>
      </c>
      <c r="G67342" s="16">
        <v>1.3105046713283581</v>
      </c>
    </row>
    <row r="67343" spans="1:7" x14ac:dyDescent="0.3">
      <c r="A67343" s="13" t="s">
        <v>355</v>
      </c>
      <c r="B67343" s="14" t="s">
        <v>1</v>
      </c>
      <c r="C67343" s="14" t="s">
        <v>238</v>
      </c>
      <c r="D67343" s="14" t="s">
        <v>356</v>
      </c>
      <c r="E67343" s="15">
        <v>45559</v>
      </c>
      <c r="F67343" s="14" t="s">
        <v>61</v>
      </c>
      <c r="G67343" s="16">
        <v>1.3333099137822151</v>
      </c>
    </row>
    <row r="67344" spans="1:7" x14ac:dyDescent="0.3">
      <c r="A67344" s="13" t="s">
        <v>355</v>
      </c>
      <c r="B67344" s="14" t="s">
        <v>1</v>
      </c>
      <c r="C67344" s="14" t="s">
        <v>238</v>
      </c>
      <c r="D67344" s="14" t="s">
        <v>356</v>
      </c>
      <c r="E67344" s="15">
        <v>45560</v>
      </c>
      <c r="F67344" s="14" t="s">
        <v>61</v>
      </c>
      <c r="G67344" s="16">
        <v>1.3408799984252653</v>
      </c>
    </row>
    <row r="67345" spans="1:7" x14ac:dyDescent="0.3">
      <c r="A67345" s="13" t="s">
        <v>355</v>
      </c>
      <c r="B67345" s="14" t="s">
        <v>1</v>
      </c>
      <c r="C67345" s="14" t="s">
        <v>238</v>
      </c>
      <c r="D67345" s="14" t="s">
        <v>356</v>
      </c>
      <c r="E67345" s="15">
        <v>45561</v>
      </c>
      <c r="F67345" s="14" t="s">
        <v>61</v>
      </c>
      <c r="G67345" s="16">
        <v>1.3484305491768269</v>
      </c>
    </row>
    <row r="67346" spans="1:7" x14ac:dyDescent="0.3">
      <c r="A67346" s="13" t="s">
        <v>355</v>
      </c>
      <c r="B67346" s="14" t="s">
        <v>1</v>
      </c>
      <c r="C67346" s="14" t="s">
        <v>238</v>
      </c>
      <c r="D67346" s="14" t="s">
        <v>356</v>
      </c>
      <c r="E67346" s="15">
        <v>45562</v>
      </c>
      <c r="F67346" s="14" t="s">
        <v>61</v>
      </c>
      <c r="G67346" s="16">
        <v>1.3559764410138448</v>
      </c>
    </row>
    <row r="67347" spans="1:7" x14ac:dyDescent="0.3">
      <c r="A67347" s="13" t="s">
        <v>355</v>
      </c>
      <c r="B67347" s="14" t="s">
        <v>1</v>
      </c>
      <c r="C67347" s="14" t="s">
        <v>238</v>
      </c>
      <c r="D67347" s="14" t="s">
        <v>356</v>
      </c>
      <c r="E67347" s="15">
        <v>45563</v>
      </c>
      <c r="F67347" s="14" t="s">
        <v>61</v>
      </c>
      <c r="G67347" s="16">
        <v>1.3559764410138448</v>
      </c>
    </row>
    <row r="67348" spans="1:7" x14ac:dyDescent="0.3">
      <c r="A67348" s="13" t="s">
        <v>355</v>
      </c>
      <c r="B67348" s="14" t="s">
        <v>1</v>
      </c>
      <c r="C67348" s="14" t="s">
        <v>238</v>
      </c>
      <c r="D67348" s="14" t="s">
        <v>356</v>
      </c>
      <c r="E67348" s="15">
        <v>45564</v>
      </c>
      <c r="F67348" s="14" t="s">
        <v>61</v>
      </c>
      <c r="G67348" s="16">
        <v>1.3559764410138448</v>
      </c>
    </row>
    <row r="67349" spans="1:7" x14ac:dyDescent="0.3">
      <c r="A67349" s="13" t="s">
        <v>355</v>
      </c>
      <c r="B67349" s="14" t="s">
        <v>1</v>
      </c>
      <c r="C67349" s="14" t="s">
        <v>238</v>
      </c>
      <c r="D67349" s="14" t="s">
        <v>356</v>
      </c>
      <c r="E67349" s="15">
        <v>45565</v>
      </c>
      <c r="F67349" s="14" t="s">
        <v>61</v>
      </c>
      <c r="G67349" s="16">
        <v>1.3634220586312624</v>
      </c>
    </row>
    <row r="67350" spans="1:7" x14ac:dyDescent="0.3">
      <c r="A67350" s="13" t="s">
        <v>355</v>
      </c>
      <c r="B67350" s="14" t="s">
        <v>1</v>
      </c>
      <c r="C67350" s="14" t="s">
        <v>238</v>
      </c>
      <c r="D67350" s="14" t="s">
        <v>356</v>
      </c>
      <c r="E67350" s="15">
        <v>45566</v>
      </c>
      <c r="F67350" s="14" t="s">
        <v>61</v>
      </c>
      <c r="G67350" s="16">
        <v>1.3848035523128441</v>
      </c>
    </row>
    <row r="67351" spans="1:7" x14ac:dyDescent="0.3">
      <c r="A67351" s="13" t="s">
        <v>355</v>
      </c>
      <c r="B67351" s="14" t="s">
        <v>1</v>
      </c>
      <c r="C67351" s="14" t="s">
        <v>238</v>
      </c>
      <c r="D67351" s="14" t="s">
        <v>356</v>
      </c>
      <c r="E67351" s="15">
        <v>45567</v>
      </c>
      <c r="F67351" s="14" t="s">
        <v>61</v>
      </c>
      <c r="G67351" s="16">
        <v>1.3926041229195778</v>
      </c>
    </row>
    <row r="67352" spans="1:7" x14ac:dyDescent="0.3">
      <c r="A67352" s="13" t="s">
        <v>355</v>
      </c>
      <c r="B67352" s="14" t="s">
        <v>1</v>
      </c>
      <c r="C67352" s="14" t="s">
        <v>238</v>
      </c>
      <c r="D67352" s="14" t="s">
        <v>356</v>
      </c>
      <c r="E67352" s="15">
        <v>45568</v>
      </c>
      <c r="F67352" s="14" t="s">
        <v>61</v>
      </c>
      <c r="G67352" s="16">
        <v>1.4000608783923338</v>
      </c>
    </row>
    <row r="67353" spans="1:7" x14ac:dyDescent="0.3">
      <c r="A67353" s="13" t="s">
        <v>355</v>
      </c>
      <c r="B67353" s="14" t="s">
        <v>1</v>
      </c>
      <c r="C67353" s="14" t="s">
        <v>238</v>
      </c>
      <c r="D67353" s="14" t="s">
        <v>356</v>
      </c>
      <c r="E67353" s="15">
        <v>45569</v>
      </c>
      <c r="F67353" s="14" t="s">
        <v>61</v>
      </c>
      <c r="G67353" s="16">
        <v>1.4080888742374564</v>
      </c>
    </row>
    <row r="67354" spans="1:7" x14ac:dyDescent="0.3">
      <c r="A67354" s="13" t="s">
        <v>355</v>
      </c>
      <c r="B67354" s="14" t="s">
        <v>1</v>
      </c>
      <c r="C67354" s="14" t="s">
        <v>238</v>
      </c>
      <c r="D67354" s="14" t="s">
        <v>356</v>
      </c>
      <c r="E67354" s="15">
        <v>45570</v>
      </c>
      <c r="F67354" s="14" t="s">
        <v>61</v>
      </c>
      <c r="G67354" s="16">
        <v>1.4080888742374564</v>
      </c>
    </row>
    <row r="67355" spans="1:7" x14ac:dyDescent="0.3">
      <c r="A67355" s="13" t="s">
        <v>355</v>
      </c>
      <c r="B67355" s="14" t="s">
        <v>1</v>
      </c>
      <c r="C67355" s="14" t="s">
        <v>238</v>
      </c>
      <c r="D67355" s="14" t="s">
        <v>356</v>
      </c>
      <c r="E67355" s="15">
        <v>45571</v>
      </c>
      <c r="F67355" s="14" t="s">
        <v>61</v>
      </c>
      <c r="G67355" s="16">
        <v>1.4080888742374564</v>
      </c>
    </row>
    <row r="67356" spans="1:7" x14ac:dyDescent="0.3">
      <c r="A67356" s="13" t="s">
        <v>355</v>
      </c>
      <c r="B67356" s="14" t="s">
        <v>1</v>
      </c>
      <c r="C67356" s="14" t="s">
        <v>238</v>
      </c>
      <c r="D67356" s="14" t="s">
        <v>356</v>
      </c>
      <c r="E67356" s="15">
        <v>45572</v>
      </c>
      <c r="F67356" s="14" t="s">
        <v>61</v>
      </c>
      <c r="G67356" s="16">
        <v>1.4119225429762199</v>
      </c>
    </row>
    <row r="67357" spans="1:7" x14ac:dyDescent="0.3">
      <c r="A67357" s="13" t="s">
        <v>355</v>
      </c>
      <c r="B67357" s="14" t="s">
        <v>1</v>
      </c>
      <c r="C67357" s="14" t="s">
        <v>238</v>
      </c>
      <c r="D67357" s="14" t="s">
        <v>356</v>
      </c>
      <c r="E67357" s="15">
        <v>45573</v>
      </c>
      <c r="F67357" s="14" t="s">
        <v>61</v>
      </c>
      <c r="G67357" s="16">
        <v>1.4382522557113826</v>
      </c>
    </row>
    <row r="67358" spans="1:7" x14ac:dyDescent="0.3">
      <c r="A67358" s="13" t="s">
        <v>355</v>
      </c>
      <c r="B67358" s="14" t="s">
        <v>1</v>
      </c>
      <c r="C67358" s="14" t="s">
        <v>238</v>
      </c>
      <c r="D67358" s="14" t="s">
        <v>356</v>
      </c>
      <c r="E67358" s="15">
        <v>45574</v>
      </c>
      <c r="F67358" s="14" t="s">
        <v>61</v>
      </c>
      <c r="G67358" s="16">
        <v>1.4458747664957565</v>
      </c>
    </row>
    <row r="67359" spans="1:7" x14ac:dyDescent="0.3">
      <c r="A67359" s="13" t="s">
        <v>355</v>
      </c>
      <c r="B67359" s="14" t="s">
        <v>1</v>
      </c>
      <c r="C67359" s="14" t="s">
        <v>238</v>
      </c>
      <c r="D67359" s="14" t="s">
        <v>356</v>
      </c>
      <c r="E67359" s="15">
        <v>45575</v>
      </c>
      <c r="F67359" s="14" t="s">
        <v>61</v>
      </c>
      <c r="G67359" s="16">
        <v>1.4534980574272189</v>
      </c>
    </row>
    <row r="67360" spans="1:7" x14ac:dyDescent="0.3">
      <c r="A67360" s="13" t="s">
        <v>355</v>
      </c>
      <c r="B67360" s="14" t="s">
        <v>1</v>
      </c>
      <c r="C67360" s="14" t="s">
        <v>238</v>
      </c>
      <c r="D67360" s="14" t="s">
        <v>356</v>
      </c>
      <c r="E67360" s="15">
        <v>45576</v>
      </c>
      <c r="F67360" s="14" t="s">
        <v>61</v>
      </c>
      <c r="G67360" s="16">
        <v>1.461189134744473</v>
      </c>
    </row>
    <row r="67361" spans="1:7" x14ac:dyDescent="0.3">
      <c r="A67361" s="13" t="s">
        <v>355</v>
      </c>
      <c r="B67361" s="14" t="s">
        <v>1</v>
      </c>
      <c r="C67361" s="14" t="s">
        <v>238</v>
      </c>
      <c r="D67361" s="14" t="s">
        <v>356</v>
      </c>
      <c r="E67361" s="15">
        <v>45577</v>
      </c>
      <c r="F67361" s="14" t="s">
        <v>61</v>
      </c>
      <c r="G67361" s="16">
        <v>1.461189134744473</v>
      </c>
    </row>
    <row r="67362" spans="1:7" x14ac:dyDescent="0.3">
      <c r="A67362" s="13" t="s">
        <v>355</v>
      </c>
      <c r="B67362" s="14" t="s">
        <v>1</v>
      </c>
      <c r="C67362" s="14" t="s">
        <v>238</v>
      </c>
      <c r="D67362" s="14" t="s">
        <v>356</v>
      </c>
      <c r="E67362" s="15">
        <v>45578</v>
      </c>
      <c r="F67362" s="14" t="s">
        <v>61</v>
      </c>
      <c r="G67362" s="16">
        <v>1.461189134744473</v>
      </c>
    </row>
    <row r="67363" spans="1:7" x14ac:dyDescent="0.3">
      <c r="A67363" s="13" t="s">
        <v>355</v>
      </c>
      <c r="B67363" s="14" t="s">
        <v>1</v>
      </c>
      <c r="C67363" s="14" t="s">
        <v>238</v>
      </c>
      <c r="D67363" s="14" t="s">
        <v>356</v>
      </c>
      <c r="E67363" s="15">
        <v>45579</v>
      </c>
      <c r="F67363" s="14" t="s">
        <v>61</v>
      </c>
      <c r="G67363" s="16">
        <v>1.4688253019093738</v>
      </c>
    </row>
    <row r="67364" spans="1:7" x14ac:dyDescent="0.3">
      <c r="A67364" s="13" t="s">
        <v>355</v>
      </c>
      <c r="B67364" s="14" t="s">
        <v>1</v>
      </c>
      <c r="C67364" s="14" t="s">
        <v>238</v>
      </c>
      <c r="D67364" s="14" t="s">
        <v>356</v>
      </c>
      <c r="E67364" s="15">
        <v>45580</v>
      </c>
      <c r="F67364" s="14" t="s">
        <v>61</v>
      </c>
      <c r="G67364" s="16">
        <v>1.4917356612169588</v>
      </c>
    </row>
    <row r="67365" spans="1:7" x14ac:dyDescent="0.3">
      <c r="A67365" s="13" t="s">
        <v>355</v>
      </c>
      <c r="B67365" s="14" t="s">
        <v>1</v>
      </c>
      <c r="C67365" s="14" t="s">
        <v>238</v>
      </c>
      <c r="D67365" s="14" t="s">
        <v>356</v>
      </c>
      <c r="E67365" s="15">
        <v>45581</v>
      </c>
      <c r="F67365" s="14" t="s">
        <v>61</v>
      </c>
      <c r="G67365" s="16">
        <v>1.4993756167978276</v>
      </c>
    </row>
    <row r="67366" spans="1:7" x14ac:dyDescent="0.3">
      <c r="A67366" s="13" t="s">
        <v>355</v>
      </c>
      <c r="B67366" s="14" t="s">
        <v>1</v>
      </c>
      <c r="C67366" s="14" t="s">
        <v>238</v>
      </c>
      <c r="D67366" s="14" t="s">
        <v>356</v>
      </c>
      <c r="E67366" s="15">
        <v>45582</v>
      </c>
      <c r="F67366" s="14" t="s">
        <v>61</v>
      </c>
      <c r="G67366" s="16">
        <v>1.5070048007697954</v>
      </c>
    </row>
    <row r="67367" spans="1:7" x14ac:dyDescent="0.3">
      <c r="A67367" s="13" t="s">
        <v>355</v>
      </c>
      <c r="B67367" s="14" t="s">
        <v>1</v>
      </c>
      <c r="C67367" s="14" t="s">
        <v>238</v>
      </c>
      <c r="D67367" s="14" t="s">
        <v>356</v>
      </c>
      <c r="E67367" s="15">
        <v>45583</v>
      </c>
      <c r="F67367" s="14" t="s">
        <v>61</v>
      </c>
      <c r="G67367" s="16">
        <v>1.5146259202298804</v>
      </c>
    </row>
    <row r="67368" spans="1:7" x14ac:dyDescent="0.3">
      <c r="A67368" s="13" t="s">
        <v>355</v>
      </c>
      <c r="B67368" s="14" t="s">
        <v>1</v>
      </c>
      <c r="C67368" s="14" t="s">
        <v>238</v>
      </c>
      <c r="D67368" s="14" t="s">
        <v>356</v>
      </c>
      <c r="E67368" s="15">
        <v>45584</v>
      </c>
      <c r="F67368" s="14" t="s">
        <v>61</v>
      </c>
      <c r="G67368" s="16">
        <v>1.5146259202298804</v>
      </c>
    </row>
    <row r="67369" spans="1:7" x14ac:dyDescent="0.3">
      <c r="A67369" s="13" t="s">
        <v>355</v>
      </c>
      <c r="B67369" s="14" t="s">
        <v>1</v>
      </c>
      <c r="C67369" s="14" t="s">
        <v>238</v>
      </c>
      <c r="D67369" s="14" t="s">
        <v>356</v>
      </c>
      <c r="E67369" s="15">
        <v>45585</v>
      </c>
      <c r="F67369" s="14" t="s">
        <v>61</v>
      </c>
      <c r="G67369" s="16">
        <v>1.5146259202298804</v>
      </c>
    </row>
    <row r="67370" spans="1:7" x14ac:dyDescent="0.3">
      <c r="A67370" s="13" t="s">
        <v>355</v>
      </c>
      <c r="B67370" s="14" t="s">
        <v>1</v>
      </c>
      <c r="C67370" s="14" t="s">
        <v>238</v>
      </c>
      <c r="D67370" s="14" t="s">
        <v>356</v>
      </c>
      <c r="E67370" s="15">
        <v>45586</v>
      </c>
      <c r="F67370" s="14" t="s">
        <v>61</v>
      </c>
      <c r="G67370" s="16">
        <v>1.5222438186505534</v>
      </c>
    </row>
    <row r="67371" spans="1:7" x14ac:dyDescent="0.3">
      <c r="A67371" s="13" t="s">
        <v>355</v>
      </c>
      <c r="B67371" s="14" t="s">
        <v>1</v>
      </c>
      <c r="C67371" s="14" t="s">
        <v>238</v>
      </c>
      <c r="D67371" s="14" t="s">
        <v>356</v>
      </c>
      <c r="E67371" s="15">
        <v>45587</v>
      </c>
      <c r="F67371" s="14" t="s">
        <v>61</v>
      </c>
      <c r="G67371" s="16">
        <v>1.5450597280880376</v>
      </c>
    </row>
    <row r="67372" spans="1:7" x14ac:dyDescent="0.3">
      <c r="A67372" s="13" t="s">
        <v>355</v>
      </c>
      <c r="B67372" s="14" t="s">
        <v>1</v>
      </c>
      <c r="C67372" s="14" t="s">
        <v>238</v>
      </c>
      <c r="D67372" s="14" t="s">
        <v>356</v>
      </c>
      <c r="E67372" s="15">
        <v>45588</v>
      </c>
      <c r="F67372" s="14" t="s">
        <v>61</v>
      </c>
      <c r="G67372" s="16">
        <v>1.5526362438093744</v>
      </c>
    </row>
    <row r="67373" spans="1:7" x14ac:dyDescent="0.3">
      <c r="A67373" s="13" t="s">
        <v>355</v>
      </c>
      <c r="B67373" s="14" t="s">
        <v>1</v>
      </c>
      <c r="C67373" s="14" t="s">
        <v>238</v>
      </c>
      <c r="D67373" s="14" t="s">
        <v>356</v>
      </c>
      <c r="E67373" s="15">
        <v>45589</v>
      </c>
      <c r="F67373" s="14" t="s">
        <v>61</v>
      </c>
      <c r="G67373" s="16">
        <v>1.5602119239679042</v>
      </c>
    </row>
    <row r="67374" spans="1:7" x14ac:dyDescent="0.3">
      <c r="A67374" s="13" t="s">
        <v>355</v>
      </c>
      <c r="B67374" s="14" t="s">
        <v>1</v>
      </c>
      <c r="C67374" s="14" t="s">
        <v>238</v>
      </c>
      <c r="D67374" s="14" t="s">
        <v>356</v>
      </c>
      <c r="E67374" s="15">
        <v>45590</v>
      </c>
      <c r="F67374" s="14" t="s">
        <v>61</v>
      </c>
      <c r="G67374" s="16">
        <v>1.5677888003195268</v>
      </c>
    </row>
    <row r="67375" spans="1:7" x14ac:dyDescent="0.3">
      <c r="A67375" s="13" t="s">
        <v>355</v>
      </c>
      <c r="B67375" s="14" t="s">
        <v>1</v>
      </c>
      <c r="C67375" s="14" t="s">
        <v>238</v>
      </c>
      <c r="D67375" s="14" t="s">
        <v>356</v>
      </c>
      <c r="E67375" s="15">
        <v>45591</v>
      </c>
      <c r="F67375" s="14" t="s">
        <v>61</v>
      </c>
      <c r="G67375" s="16">
        <v>1.5677888003195268</v>
      </c>
    </row>
    <row r="67376" spans="1:7" x14ac:dyDescent="0.3">
      <c r="A67376" s="13" t="s">
        <v>355</v>
      </c>
      <c r="B67376" s="14" t="s">
        <v>1</v>
      </c>
      <c r="C67376" s="14" t="s">
        <v>238</v>
      </c>
      <c r="D67376" s="14" t="s">
        <v>356</v>
      </c>
      <c r="E67376" s="15">
        <v>45592</v>
      </c>
      <c r="F67376" s="14" t="s">
        <v>61</v>
      </c>
      <c r="G67376" s="16">
        <v>1.5677888003195268</v>
      </c>
    </row>
    <row r="67377" spans="1:7" x14ac:dyDescent="0.3">
      <c r="A67377" s="13" t="s">
        <v>355</v>
      </c>
      <c r="B67377" s="14" t="s">
        <v>1</v>
      </c>
      <c r="C67377" s="14" t="s">
        <v>238</v>
      </c>
      <c r="D67377" s="14" t="s">
        <v>356</v>
      </c>
      <c r="E67377" s="15">
        <v>45593</v>
      </c>
      <c r="F67377" s="14" t="s">
        <v>61</v>
      </c>
      <c r="G67377" s="16">
        <v>1.5677888003195268</v>
      </c>
    </row>
    <row r="67378" spans="1:7" x14ac:dyDescent="0.3">
      <c r="A67378" s="13" t="s">
        <v>355</v>
      </c>
      <c r="B67378" s="14" t="s">
        <v>1</v>
      </c>
      <c r="C67378" s="14" t="s">
        <v>238</v>
      </c>
      <c r="D67378" s="14" t="s">
        <v>356</v>
      </c>
      <c r="E67378" s="15">
        <v>45594</v>
      </c>
      <c r="F67378" s="14" t="s">
        <v>61</v>
      </c>
      <c r="G67378" s="16">
        <v>1.575371664176372</v>
      </c>
    </row>
    <row r="67379" spans="1:7" x14ac:dyDescent="0.3">
      <c r="A67379" s="13" t="s">
        <v>355</v>
      </c>
      <c r="B67379" s="14" t="s">
        <v>1</v>
      </c>
      <c r="C67379" s="14" t="s">
        <v>238</v>
      </c>
      <c r="D67379" s="14" t="s">
        <v>356</v>
      </c>
      <c r="E67379" s="15">
        <v>45595</v>
      </c>
      <c r="F67379" s="14" t="s">
        <v>61</v>
      </c>
      <c r="G67379" s="16">
        <v>1.6057357689805054</v>
      </c>
    </row>
    <row r="67380" spans="1:7" x14ac:dyDescent="0.3">
      <c r="A67380" s="13" t="s">
        <v>355</v>
      </c>
      <c r="B67380" s="14" t="s">
        <v>1</v>
      </c>
      <c r="C67380" s="14" t="s">
        <v>238</v>
      </c>
      <c r="D67380" s="14" t="s">
        <v>356</v>
      </c>
      <c r="E67380" s="15">
        <v>45596</v>
      </c>
      <c r="F67380" s="14" t="s">
        <v>61</v>
      </c>
      <c r="G67380" s="16">
        <v>1.6133269426443706</v>
      </c>
    </row>
    <row r="67381" spans="1:7" x14ac:dyDescent="0.3">
      <c r="A67381" s="13" t="s">
        <v>355</v>
      </c>
      <c r="B67381" s="14" t="s">
        <v>1</v>
      </c>
      <c r="C67381" s="14" t="s">
        <v>238</v>
      </c>
      <c r="D67381" s="14" t="s">
        <v>356</v>
      </c>
      <c r="E67381" s="15">
        <v>45597</v>
      </c>
      <c r="F67381" s="14" t="s">
        <v>61</v>
      </c>
      <c r="G67381" s="16">
        <v>1.6209285278046348</v>
      </c>
    </row>
    <row r="67382" spans="1:7" x14ac:dyDescent="0.3">
      <c r="A67382" s="13" t="s">
        <v>355</v>
      </c>
      <c r="B67382" s="14" t="s">
        <v>1</v>
      </c>
      <c r="C67382" s="14" t="s">
        <v>238</v>
      </c>
      <c r="D67382" s="14" t="s">
        <v>356</v>
      </c>
      <c r="E67382" s="15">
        <v>45598</v>
      </c>
      <c r="F67382" s="14" t="s">
        <v>61</v>
      </c>
      <c r="G67382" s="16">
        <v>1.6209285278046348</v>
      </c>
    </row>
    <row r="67383" spans="1:7" x14ac:dyDescent="0.3">
      <c r="A67383" s="13" t="s">
        <v>355</v>
      </c>
      <c r="B67383" s="14" t="s">
        <v>1</v>
      </c>
      <c r="C67383" s="14" t="s">
        <v>238</v>
      </c>
      <c r="D67383" s="14" t="s">
        <v>356</v>
      </c>
      <c r="E67383" s="15">
        <v>45599</v>
      </c>
      <c r="F67383" s="14" t="s">
        <v>61</v>
      </c>
      <c r="G67383" s="16">
        <v>1.6209285278046348</v>
      </c>
    </row>
    <row r="67384" spans="1:7" x14ac:dyDescent="0.3">
      <c r="A67384" s="13" t="s">
        <v>355</v>
      </c>
      <c r="B67384" s="14" t="s">
        <v>1</v>
      </c>
      <c r="C67384" s="14" t="s">
        <v>238</v>
      </c>
      <c r="D67384" s="14" t="s">
        <v>356</v>
      </c>
      <c r="E67384" s="15">
        <v>45600</v>
      </c>
      <c r="F67384" s="14" t="s">
        <v>61</v>
      </c>
      <c r="G67384" s="16">
        <v>1.6282163693765825</v>
      </c>
    </row>
    <row r="67385" spans="1:7" x14ac:dyDescent="0.3">
      <c r="A67385" s="13" t="s">
        <v>355</v>
      </c>
      <c r="B67385" s="14" t="s">
        <v>1</v>
      </c>
      <c r="C67385" s="14" t="s">
        <v>238</v>
      </c>
      <c r="D67385" s="14" t="s">
        <v>356</v>
      </c>
      <c r="E67385" s="15">
        <v>45601</v>
      </c>
      <c r="F67385" s="14" t="s">
        <v>61</v>
      </c>
      <c r="G67385" s="16">
        <v>1.6510467092374148</v>
      </c>
    </row>
    <row r="67386" spans="1:7" x14ac:dyDescent="0.3">
      <c r="A67386" s="13" t="s">
        <v>355</v>
      </c>
      <c r="B67386" s="14" t="s">
        <v>1</v>
      </c>
      <c r="C67386" s="14" t="s">
        <v>238</v>
      </c>
      <c r="D67386" s="14" t="s">
        <v>356</v>
      </c>
      <c r="E67386" s="15">
        <v>45602</v>
      </c>
      <c r="F67386" s="14" t="s">
        <v>61</v>
      </c>
      <c r="G67386" s="16">
        <v>1.6590253842851641</v>
      </c>
    </row>
    <row r="67387" spans="1:7" x14ac:dyDescent="0.3">
      <c r="A67387" s="13" t="s">
        <v>355</v>
      </c>
      <c r="B67387" s="14" t="s">
        <v>1</v>
      </c>
      <c r="C67387" s="14" t="s">
        <v>238</v>
      </c>
      <c r="D67387" s="14" t="s">
        <v>356</v>
      </c>
      <c r="E67387" s="15">
        <v>45603</v>
      </c>
      <c r="F67387" s="14" t="s">
        <v>61</v>
      </c>
      <c r="G67387" s="16">
        <v>1.6666439129194</v>
      </c>
    </row>
    <row r="67388" spans="1:7" x14ac:dyDescent="0.3">
      <c r="A67388" s="13" t="s">
        <v>355</v>
      </c>
      <c r="B67388" s="14" t="s">
        <v>1</v>
      </c>
      <c r="C67388" s="14" t="s">
        <v>238</v>
      </c>
      <c r="D67388" s="14" t="s">
        <v>356</v>
      </c>
      <c r="E67388" s="15">
        <v>45604</v>
      </c>
      <c r="F67388" s="14" t="s">
        <v>61</v>
      </c>
      <c r="G67388" s="16">
        <v>1.6811864203122349</v>
      </c>
    </row>
    <row r="67389" spans="1:7" x14ac:dyDescent="0.3">
      <c r="A67389" s="13" t="s">
        <v>355</v>
      </c>
      <c r="B67389" s="14" t="s">
        <v>1</v>
      </c>
      <c r="C67389" s="14" t="s">
        <v>238</v>
      </c>
      <c r="D67389" s="14" t="s">
        <v>356</v>
      </c>
      <c r="E67389" s="15">
        <v>45605</v>
      </c>
      <c r="F67389" s="14" t="s">
        <v>61</v>
      </c>
      <c r="G67389" s="16">
        <v>1.6811864203122349</v>
      </c>
    </row>
    <row r="67390" spans="1:7" x14ac:dyDescent="0.3">
      <c r="A67390" s="13" t="s">
        <v>355</v>
      </c>
      <c r="B67390" s="14" t="s">
        <v>1</v>
      </c>
      <c r="C67390" s="14" t="s">
        <v>238</v>
      </c>
      <c r="D67390" s="14" t="s">
        <v>356</v>
      </c>
      <c r="E67390" s="15">
        <v>45606</v>
      </c>
      <c r="F67390" s="14" t="s">
        <v>61</v>
      </c>
      <c r="G67390" s="16">
        <v>1.6811864203122349</v>
      </c>
    </row>
    <row r="67391" spans="1:7" x14ac:dyDescent="0.3">
      <c r="A67391" s="13" t="s">
        <v>355</v>
      </c>
      <c r="B67391" s="14" t="s">
        <v>1</v>
      </c>
      <c r="C67391" s="14" t="s">
        <v>238</v>
      </c>
      <c r="D67391" s="14" t="s">
        <v>356</v>
      </c>
      <c r="E67391" s="15">
        <v>45607</v>
      </c>
      <c r="F67391" s="14" t="s">
        <v>61</v>
      </c>
      <c r="G67391" s="16">
        <v>1.6887722885159768</v>
      </c>
    </row>
    <row r="67392" spans="1:7" x14ac:dyDescent="0.3">
      <c r="A67392" s="13" t="s">
        <v>355</v>
      </c>
      <c r="B67392" s="14" t="s">
        <v>1</v>
      </c>
      <c r="C67392" s="14" t="s">
        <v>238</v>
      </c>
      <c r="D67392" s="14" t="s">
        <v>356</v>
      </c>
      <c r="E67392" s="15">
        <v>45608</v>
      </c>
      <c r="F67392" s="14" t="s">
        <v>61</v>
      </c>
      <c r="G67392" s="16">
        <v>1.7115127974226227</v>
      </c>
    </row>
    <row r="67393" spans="1:7" x14ac:dyDescent="0.3">
      <c r="A67393" s="13" t="s">
        <v>355</v>
      </c>
      <c r="B67393" s="14" t="s">
        <v>1</v>
      </c>
      <c r="C67393" s="14" t="s">
        <v>238</v>
      </c>
      <c r="D67393" s="14" t="s">
        <v>356</v>
      </c>
      <c r="E67393" s="15">
        <v>45609</v>
      </c>
      <c r="F67393" s="14" t="s">
        <v>61</v>
      </c>
      <c r="G67393" s="16">
        <v>1.7190799441391706</v>
      </c>
    </row>
    <row r="67394" spans="1:7" x14ac:dyDescent="0.3">
      <c r="A67394" s="13" t="s">
        <v>355</v>
      </c>
      <c r="B67394" s="14" t="s">
        <v>1</v>
      </c>
      <c r="C67394" s="14" t="s">
        <v>238</v>
      </c>
      <c r="D67394" s="14" t="s">
        <v>356</v>
      </c>
      <c r="E67394" s="15">
        <v>45610</v>
      </c>
      <c r="F67394" s="14" t="s">
        <v>61</v>
      </c>
      <c r="G67394" s="16">
        <v>1.7266472314399526</v>
      </c>
    </row>
    <row r="67395" spans="1:7" x14ac:dyDescent="0.3">
      <c r="A67395" s="13" t="s">
        <v>355</v>
      </c>
      <c r="B67395" s="14" t="s">
        <v>1</v>
      </c>
      <c r="C67395" s="14" t="s">
        <v>238</v>
      </c>
      <c r="D67395" s="14" t="s">
        <v>356</v>
      </c>
      <c r="E67395" s="15">
        <v>45611</v>
      </c>
      <c r="F67395" s="14" t="s">
        <v>61</v>
      </c>
      <c r="G67395" s="16">
        <v>1.734216671285612</v>
      </c>
    </row>
    <row r="67396" spans="1:7" x14ac:dyDescent="0.3">
      <c r="A67396" s="13" t="s">
        <v>355</v>
      </c>
      <c r="B67396" s="14" t="s">
        <v>1</v>
      </c>
      <c r="C67396" s="14" t="s">
        <v>238</v>
      </c>
      <c r="D67396" s="14" t="s">
        <v>356</v>
      </c>
      <c r="E67396" s="15">
        <v>45612</v>
      </c>
      <c r="F67396" s="14" t="s">
        <v>61</v>
      </c>
      <c r="G67396" s="16">
        <v>1.734216671285612</v>
      </c>
    </row>
    <row r="67397" spans="1:7" x14ac:dyDescent="0.3">
      <c r="A67397" s="13" t="s">
        <v>355</v>
      </c>
      <c r="B67397" s="14" t="s">
        <v>1</v>
      </c>
      <c r="C67397" s="14" t="s">
        <v>238</v>
      </c>
      <c r="D67397" s="14" t="s">
        <v>356</v>
      </c>
      <c r="E67397" s="15">
        <v>45613</v>
      </c>
      <c r="F67397" s="14" t="s">
        <v>61</v>
      </c>
      <c r="G67397" s="16">
        <v>1.734216671285612</v>
      </c>
    </row>
    <row r="67398" spans="1:7" x14ac:dyDescent="0.3">
      <c r="A67398" s="13" t="s">
        <v>355</v>
      </c>
      <c r="B67398" s="14" t="s">
        <v>1</v>
      </c>
      <c r="C67398" s="14" t="s">
        <v>238</v>
      </c>
      <c r="D67398" s="14" t="s">
        <v>356</v>
      </c>
      <c r="E67398" s="15">
        <v>45614</v>
      </c>
      <c r="F67398" s="14" t="s">
        <v>61</v>
      </c>
      <c r="G67398" s="16">
        <v>1.7417802759302146</v>
      </c>
    </row>
    <row r="67399" spans="1:7" x14ac:dyDescent="0.3">
      <c r="A67399" s="13" t="s">
        <v>355</v>
      </c>
      <c r="B67399" s="14" t="s">
        <v>1</v>
      </c>
      <c r="C67399" s="14" t="s">
        <v>238</v>
      </c>
      <c r="D67399" s="14" t="s">
        <v>356</v>
      </c>
      <c r="E67399" s="15">
        <v>45615</v>
      </c>
      <c r="F67399" s="14" t="s">
        <v>61</v>
      </c>
      <c r="G67399" s="16">
        <v>1.7644527740193503</v>
      </c>
    </row>
    <row r="67400" spans="1:7" x14ac:dyDescent="0.3">
      <c r="A67400" s="13" t="s">
        <v>355</v>
      </c>
      <c r="B67400" s="14" t="s">
        <v>1</v>
      </c>
      <c r="C67400" s="14" t="s">
        <v>238</v>
      </c>
      <c r="D67400" s="14" t="s">
        <v>356</v>
      </c>
      <c r="E67400" s="15">
        <v>45616</v>
      </c>
      <c r="F67400" s="14" t="s">
        <v>61</v>
      </c>
      <c r="G67400" s="16">
        <v>1.7720146337854592</v>
      </c>
    </row>
    <row r="67401" spans="1:7" x14ac:dyDescent="0.3">
      <c r="A67401" s="13" t="s">
        <v>355</v>
      </c>
      <c r="B67401" s="14" t="s">
        <v>1</v>
      </c>
      <c r="C67401" s="14" t="s">
        <v>238</v>
      </c>
      <c r="D67401" s="14" t="s">
        <v>356</v>
      </c>
      <c r="E67401" s="15">
        <v>45617</v>
      </c>
      <c r="F67401" s="14" t="s">
        <v>61</v>
      </c>
      <c r="G67401" s="16">
        <v>1.7795909412555149</v>
      </c>
    </row>
    <row r="67402" spans="1:7" x14ac:dyDescent="0.3">
      <c r="A67402" s="13" t="s">
        <v>355</v>
      </c>
      <c r="B67402" s="14" t="s">
        <v>1</v>
      </c>
      <c r="C67402" s="14" t="s">
        <v>238</v>
      </c>
      <c r="D67402" s="14" t="s">
        <v>356</v>
      </c>
      <c r="E67402" s="15">
        <v>45618</v>
      </c>
      <c r="F67402" s="14" t="s">
        <v>61</v>
      </c>
      <c r="G67402" s="16">
        <v>1.7871672503094769</v>
      </c>
    </row>
    <row r="67403" spans="1:7" x14ac:dyDescent="0.3">
      <c r="A67403" s="13" t="s">
        <v>355</v>
      </c>
      <c r="B67403" s="14" t="s">
        <v>1</v>
      </c>
      <c r="C67403" s="14" t="s">
        <v>238</v>
      </c>
      <c r="D67403" s="14" t="s">
        <v>356</v>
      </c>
      <c r="E67403" s="15">
        <v>45619</v>
      </c>
      <c r="F67403" s="14" t="s">
        <v>61</v>
      </c>
      <c r="G67403" s="16">
        <v>1.7871672503094769</v>
      </c>
    </row>
    <row r="67404" spans="1:7" x14ac:dyDescent="0.3">
      <c r="A67404" s="13" t="s">
        <v>355</v>
      </c>
      <c r="B67404" s="14" t="s">
        <v>1</v>
      </c>
      <c r="C67404" s="14" t="s">
        <v>238</v>
      </c>
      <c r="D67404" s="14" t="s">
        <v>356</v>
      </c>
      <c r="E67404" s="15">
        <v>45620</v>
      </c>
      <c r="F67404" s="14" t="s">
        <v>61</v>
      </c>
      <c r="G67404" s="16">
        <v>1.7871672503094769</v>
      </c>
    </row>
    <row r="67405" spans="1:7" x14ac:dyDescent="0.3">
      <c r="A67405" s="13" t="s">
        <v>355</v>
      </c>
      <c r="B67405" s="14" t="s">
        <v>1</v>
      </c>
      <c r="C67405" s="14" t="s">
        <v>238</v>
      </c>
      <c r="D67405" s="14" t="s">
        <v>356</v>
      </c>
      <c r="E67405" s="15">
        <v>45621</v>
      </c>
      <c r="F67405" s="14" t="s">
        <v>61</v>
      </c>
      <c r="G67405" s="16">
        <v>1.7947713791833935</v>
      </c>
    </row>
    <row r="67406" spans="1:7" x14ac:dyDescent="0.3">
      <c r="A67406" s="13" t="s">
        <v>355</v>
      </c>
      <c r="B67406" s="14" t="s">
        <v>1</v>
      </c>
      <c r="C67406" s="14" t="s">
        <v>238</v>
      </c>
      <c r="D67406" s="14" t="s">
        <v>356</v>
      </c>
      <c r="E67406" s="15">
        <v>45622</v>
      </c>
      <c r="F67406" s="14" t="s">
        <v>61</v>
      </c>
      <c r="G67406" s="16">
        <v>1.8175676709761714</v>
      </c>
    </row>
    <row r="67407" spans="1:7" x14ac:dyDescent="0.3">
      <c r="A67407" s="13" t="s">
        <v>355</v>
      </c>
      <c r="B67407" s="14" t="s">
        <v>1</v>
      </c>
      <c r="C67407" s="14" t="s">
        <v>238</v>
      </c>
      <c r="D67407" s="14" t="s">
        <v>356</v>
      </c>
      <c r="E67407" s="15">
        <v>45623</v>
      </c>
      <c r="F67407" s="14" t="s">
        <v>61</v>
      </c>
      <c r="G67407" s="16">
        <v>1.8251686295103402</v>
      </c>
    </row>
    <row r="67408" spans="1:7" x14ac:dyDescent="0.3">
      <c r="A67408" s="13" t="s">
        <v>355</v>
      </c>
      <c r="B67408" s="14" t="s">
        <v>1</v>
      </c>
      <c r="C67408" s="14" t="s">
        <v>238</v>
      </c>
      <c r="D67408" s="14" t="s">
        <v>356</v>
      </c>
      <c r="E67408" s="15">
        <v>45624</v>
      </c>
      <c r="F67408" s="14" t="s">
        <v>61</v>
      </c>
      <c r="G67408" s="16">
        <v>1.8328506031510809</v>
      </c>
    </row>
    <row r="67409" spans="1:7" x14ac:dyDescent="0.3">
      <c r="A67409" s="13" t="s">
        <v>355</v>
      </c>
      <c r="B67409" s="14" t="s">
        <v>1</v>
      </c>
      <c r="C67409" s="14" t="s">
        <v>238</v>
      </c>
      <c r="D67409" s="14" t="s">
        <v>356</v>
      </c>
      <c r="E67409" s="15">
        <v>45625</v>
      </c>
      <c r="F67409" s="14" t="s">
        <v>61</v>
      </c>
      <c r="G67409" s="16">
        <v>1.8405332557724843</v>
      </c>
    </row>
    <row r="67410" spans="1:7" x14ac:dyDescent="0.3">
      <c r="A67410" s="13" t="s">
        <v>355</v>
      </c>
      <c r="B67410" s="14" t="s">
        <v>1</v>
      </c>
      <c r="C67410" s="14" t="s">
        <v>238</v>
      </c>
      <c r="D67410" s="14" t="s">
        <v>356</v>
      </c>
      <c r="E67410" s="15">
        <v>45626</v>
      </c>
      <c r="F67410" s="14" t="s">
        <v>61</v>
      </c>
      <c r="G67410" s="16">
        <v>1.8405332557724843</v>
      </c>
    </row>
    <row r="67411" spans="1:7" x14ac:dyDescent="0.3">
      <c r="A67411" s="13" t="s">
        <v>355</v>
      </c>
      <c r="B67411" s="14" t="s">
        <v>1</v>
      </c>
      <c r="C67411" s="14" t="s">
        <v>238</v>
      </c>
      <c r="D67411" s="14" t="s">
        <v>356</v>
      </c>
      <c r="E67411" s="15">
        <v>45627</v>
      </c>
      <c r="F67411" s="14" t="s">
        <v>61</v>
      </c>
      <c r="G67411" s="16">
        <v>1.8405332557724843</v>
      </c>
    </row>
    <row r="67412" spans="1:7" x14ac:dyDescent="0.3">
      <c r="A67412" s="13" t="s">
        <v>355</v>
      </c>
      <c r="B67412" s="14" t="s">
        <v>1</v>
      </c>
      <c r="C67412" s="14" t="s">
        <v>238</v>
      </c>
      <c r="D67412" s="14" t="s">
        <v>356</v>
      </c>
      <c r="E67412" s="15">
        <v>45628</v>
      </c>
      <c r="F67412" s="14" t="s">
        <v>61</v>
      </c>
      <c r="G67412" s="16">
        <v>1.8482106698134346</v>
      </c>
    </row>
    <row r="67413" spans="1:7" x14ac:dyDescent="0.3">
      <c r="A67413" s="13" t="s">
        <v>355</v>
      </c>
      <c r="B67413" s="14" t="s">
        <v>1</v>
      </c>
      <c r="C67413" s="14" t="s">
        <v>238</v>
      </c>
      <c r="D67413" s="14" t="s">
        <v>356</v>
      </c>
      <c r="E67413" s="15">
        <v>45629</v>
      </c>
      <c r="F67413" s="14" t="s">
        <v>61</v>
      </c>
      <c r="G67413" s="16">
        <v>1.8711813965116113</v>
      </c>
    </row>
    <row r="67414" spans="1:7" x14ac:dyDescent="0.3">
      <c r="A67414" s="13" t="s">
        <v>355</v>
      </c>
      <c r="B67414" s="14" t="s">
        <v>1</v>
      </c>
      <c r="C67414" s="14" t="s">
        <v>238</v>
      </c>
      <c r="D67414" s="14" t="s">
        <v>356</v>
      </c>
      <c r="E67414" s="15">
        <v>45630</v>
      </c>
      <c r="F67414" s="14" t="s">
        <v>61</v>
      </c>
      <c r="G67414" s="16">
        <v>1.8788973696137317</v>
      </c>
    </row>
    <row r="67415" spans="1:7" x14ac:dyDescent="0.3">
      <c r="A67415" s="13" t="s">
        <v>355</v>
      </c>
      <c r="B67415" s="14" t="s">
        <v>1</v>
      </c>
      <c r="C67415" s="14" t="s">
        <v>238</v>
      </c>
      <c r="D67415" s="14" t="s">
        <v>356</v>
      </c>
      <c r="E67415" s="15">
        <v>45631</v>
      </c>
      <c r="F67415" s="14" t="s">
        <v>61</v>
      </c>
      <c r="G67415" s="16">
        <v>1.8868483984785203</v>
      </c>
    </row>
    <row r="67416" spans="1:7" x14ac:dyDescent="0.3">
      <c r="A67416" s="13" t="s">
        <v>355</v>
      </c>
      <c r="B67416" s="14" t="s">
        <v>1</v>
      </c>
      <c r="C67416" s="14" t="s">
        <v>238</v>
      </c>
      <c r="D67416" s="14" t="s">
        <v>356</v>
      </c>
      <c r="E67416" s="15">
        <v>45632</v>
      </c>
      <c r="F67416" s="14" t="s">
        <v>61</v>
      </c>
      <c r="G67416" s="16">
        <v>1.8950898392198205</v>
      </c>
    </row>
    <row r="67417" spans="1:7" x14ac:dyDescent="0.3">
      <c r="A67417" s="13" t="s">
        <v>355</v>
      </c>
      <c r="B67417" s="14" t="s">
        <v>1</v>
      </c>
      <c r="C67417" s="14" t="s">
        <v>238</v>
      </c>
      <c r="D67417" s="14" t="s">
        <v>356</v>
      </c>
      <c r="E67417" s="15">
        <v>45633</v>
      </c>
      <c r="F67417" s="14" t="s">
        <v>61</v>
      </c>
      <c r="G67417" s="16">
        <v>1.8950898392198205</v>
      </c>
    </row>
    <row r="67418" spans="1:7" x14ac:dyDescent="0.3">
      <c r="A67418" s="13" t="s">
        <v>355</v>
      </c>
      <c r="B67418" s="14" t="s">
        <v>1</v>
      </c>
      <c r="C67418" s="14" t="s">
        <v>238</v>
      </c>
      <c r="D67418" s="14" t="s">
        <v>356</v>
      </c>
      <c r="E67418" s="15">
        <v>45634</v>
      </c>
      <c r="F67418" s="14" t="s">
        <v>61</v>
      </c>
      <c r="G67418" s="16">
        <v>1.8950898392198205</v>
      </c>
    </row>
    <row r="67419" spans="1:7" x14ac:dyDescent="0.3">
      <c r="A67419" s="13" t="s">
        <v>355</v>
      </c>
      <c r="B67419" s="14" t="s">
        <v>1</v>
      </c>
      <c r="C67419" s="14" t="s">
        <v>238</v>
      </c>
      <c r="D67419" s="14" t="s">
        <v>356</v>
      </c>
      <c r="E67419" s="15">
        <v>45635</v>
      </c>
      <c r="F67419" s="14" t="s">
        <v>61</v>
      </c>
      <c r="G67419" s="16">
        <v>1.9027497033272323</v>
      </c>
    </row>
    <row r="67420" spans="1:7" x14ac:dyDescent="0.3">
      <c r="A67420" s="13" t="s">
        <v>355</v>
      </c>
      <c r="B67420" s="14" t="s">
        <v>1</v>
      </c>
      <c r="C67420" s="14" t="s">
        <v>238</v>
      </c>
      <c r="D67420" s="14" t="s">
        <v>356</v>
      </c>
      <c r="E67420" s="15">
        <v>45636</v>
      </c>
      <c r="F67420" s="14" t="s">
        <v>61</v>
      </c>
      <c r="G67420" s="16">
        <v>1.9256622373237908</v>
      </c>
    </row>
    <row r="67421" spans="1:7" x14ac:dyDescent="0.3">
      <c r="A67421" s="13" t="s">
        <v>355</v>
      </c>
      <c r="B67421" s="14" t="s">
        <v>1</v>
      </c>
      <c r="C67421" s="14" t="s">
        <v>238</v>
      </c>
      <c r="D67421" s="14" t="s">
        <v>356</v>
      </c>
      <c r="E67421" s="15">
        <v>45637</v>
      </c>
      <c r="F67421" s="14" t="s">
        <v>61</v>
      </c>
      <c r="G67421" s="16">
        <v>1.9333128742461125</v>
      </c>
    </row>
    <row r="67422" spans="1:7" x14ac:dyDescent="0.3">
      <c r="A67422" s="13" t="s">
        <v>355</v>
      </c>
      <c r="B67422" s="14" t="s">
        <v>1</v>
      </c>
      <c r="C67422" s="14" t="s">
        <v>238</v>
      </c>
      <c r="D67422" s="14" t="s">
        <v>356</v>
      </c>
      <c r="E67422" s="15">
        <v>45638</v>
      </c>
      <c r="F67422" s="14" t="s">
        <v>61</v>
      </c>
      <c r="G67422" s="16">
        <v>1.9409449934169014</v>
      </c>
    </row>
    <row r="67423" spans="1:7" x14ac:dyDescent="0.3">
      <c r="A67423" s="13" t="s">
        <v>355</v>
      </c>
      <c r="B67423" s="14" t="s">
        <v>1</v>
      </c>
      <c r="C67423" s="14" t="s">
        <v>238</v>
      </c>
      <c r="D67423" s="14" t="s">
        <v>356</v>
      </c>
      <c r="E67423" s="15">
        <v>45639</v>
      </c>
      <c r="F67423" s="14" t="s">
        <v>61</v>
      </c>
      <c r="G67423" s="16">
        <v>1.9481922318454692</v>
      </c>
    </row>
    <row r="67424" spans="1:7" x14ac:dyDescent="0.3">
      <c r="A67424" s="13" t="s">
        <v>355</v>
      </c>
      <c r="B67424" s="14" t="s">
        <v>1</v>
      </c>
      <c r="C67424" s="14" t="s">
        <v>238</v>
      </c>
      <c r="D67424" s="14" t="s">
        <v>356</v>
      </c>
      <c r="E67424" s="15">
        <v>45640</v>
      </c>
      <c r="F67424" s="14" t="s">
        <v>61</v>
      </c>
      <c r="G67424" s="16">
        <v>1.9481922318454692</v>
      </c>
    </row>
    <row r="67425" spans="1:7" x14ac:dyDescent="0.3">
      <c r="A67425" s="13" t="s">
        <v>355</v>
      </c>
      <c r="B67425" s="14" t="s">
        <v>1</v>
      </c>
      <c r="C67425" s="14" t="s">
        <v>238</v>
      </c>
      <c r="D67425" s="14" t="s">
        <v>356</v>
      </c>
      <c r="E67425" s="15">
        <v>45641</v>
      </c>
      <c r="F67425" s="14" t="s">
        <v>61</v>
      </c>
      <c r="G67425" s="16">
        <v>1.9481922318454692</v>
      </c>
    </row>
    <row r="67426" spans="1:7" x14ac:dyDescent="0.3">
      <c r="A67426" s="13" t="s">
        <v>355</v>
      </c>
      <c r="B67426" s="14" t="s">
        <v>1</v>
      </c>
      <c r="C67426" s="14" t="s">
        <v>238</v>
      </c>
      <c r="D67426" s="14" t="s">
        <v>356</v>
      </c>
      <c r="E67426" s="15">
        <v>45642</v>
      </c>
      <c r="F67426" s="14" t="s">
        <v>61</v>
      </c>
      <c r="G67426" s="16">
        <v>1.9558141029455467</v>
      </c>
    </row>
    <row r="67427" spans="1:7" x14ac:dyDescent="0.3">
      <c r="A67427" s="13" t="s">
        <v>355</v>
      </c>
      <c r="B67427" s="14" t="s">
        <v>1</v>
      </c>
      <c r="C67427" s="14" t="s">
        <v>238</v>
      </c>
      <c r="D67427" s="14" t="s">
        <v>356</v>
      </c>
      <c r="E67427" s="15">
        <v>45643</v>
      </c>
      <c r="F67427" s="14" t="s">
        <v>61</v>
      </c>
      <c r="G67427" s="16">
        <v>1.9787704013410972</v>
      </c>
    </row>
    <row r="67428" spans="1:7" x14ac:dyDescent="0.3">
      <c r="A67428" s="13" t="s">
        <v>355</v>
      </c>
      <c r="B67428" s="14" t="s">
        <v>1</v>
      </c>
      <c r="C67428" s="14" t="s">
        <v>238</v>
      </c>
      <c r="D67428" s="14" t="s">
        <v>356</v>
      </c>
      <c r="E67428" s="15">
        <v>45644</v>
      </c>
      <c r="F67428" s="14" t="s">
        <v>61</v>
      </c>
      <c r="G67428" s="16">
        <v>1.9864299711954985</v>
      </c>
    </row>
    <row r="67429" spans="1:7" x14ac:dyDescent="0.3">
      <c r="A67429" s="13" t="s">
        <v>355</v>
      </c>
      <c r="B67429" s="14" t="s">
        <v>1</v>
      </c>
      <c r="C67429" s="14" t="s">
        <v>238</v>
      </c>
      <c r="D67429" s="14" t="s">
        <v>356</v>
      </c>
      <c r="E67429" s="15">
        <v>45645</v>
      </c>
      <c r="F67429" s="14" t="s">
        <v>61</v>
      </c>
      <c r="G67429" s="16">
        <v>1.9940936471964779</v>
      </c>
    </row>
    <row r="67430" spans="1:7" x14ac:dyDescent="0.3">
      <c r="A67430" s="13" t="s">
        <v>355</v>
      </c>
      <c r="B67430" s="14" t="s">
        <v>1</v>
      </c>
      <c r="C67430" s="14" t="s">
        <v>238</v>
      </c>
      <c r="D67430" s="14" t="s">
        <v>356</v>
      </c>
      <c r="E67430" s="15">
        <v>45646</v>
      </c>
      <c r="F67430" s="14" t="s">
        <v>61</v>
      </c>
      <c r="G67430" s="16">
        <v>2.0017546644900035</v>
      </c>
    </row>
    <row r="67431" spans="1:7" x14ac:dyDescent="0.3">
      <c r="A67431" s="13" t="s">
        <v>355</v>
      </c>
      <c r="B67431" s="14" t="s">
        <v>1</v>
      </c>
      <c r="C67431" s="14" t="s">
        <v>238</v>
      </c>
      <c r="D67431" s="14" t="s">
        <v>356</v>
      </c>
      <c r="E67431" s="15">
        <v>45647</v>
      </c>
      <c r="F67431" s="14" t="s">
        <v>61</v>
      </c>
      <c r="G67431" s="16">
        <v>2.0017546644900035</v>
      </c>
    </row>
    <row r="67432" spans="1:7" x14ac:dyDescent="0.3">
      <c r="A67432" s="13" t="s">
        <v>355</v>
      </c>
      <c r="B67432" s="14" t="s">
        <v>1</v>
      </c>
      <c r="C67432" s="14" t="s">
        <v>238</v>
      </c>
      <c r="D67432" s="14" t="s">
        <v>356</v>
      </c>
      <c r="E67432" s="15">
        <v>45648</v>
      </c>
      <c r="F67432" s="14" t="s">
        <v>61</v>
      </c>
      <c r="G67432" s="16">
        <v>2.0017546644900035</v>
      </c>
    </row>
    <row r="67433" spans="1:7" x14ac:dyDescent="0.3">
      <c r="A67433" s="13" t="s">
        <v>355</v>
      </c>
      <c r="B67433" s="14" t="s">
        <v>1</v>
      </c>
      <c r="C67433" s="14" t="s">
        <v>238</v>
      </c>
      <c r="D67433" s="14" t="s">
        <v>356</v>
      </c>
      <c r="E67433" s="15">
        <v>45649</v>
      </c>
      <c r="F67433" s="14" t="s">
        <v>61</v>
      </c>
      <c r="G67433" s="16">
        <v>2.0094209761297304</v>
      </c>
    </row>
    <row r="67434" spans="1:7" x14ac:dyDescent="0.3">
      <c r="A67434" s="13" t="s">
        <v>355</v>
      </c>
      <c r="B67434" s="14" t="s">
        <v>1</v>
      </c>
      <c r="C67434" s="14" t="s">
        <v>238</v>
      </c>
      <c r="D67434" s="14" t="s">
        <v>356</v>
      </c>
      <c r="E67434" s="15">
        <v>45650</v>
      </c>
      <c r="F67434" s="14" t="s">
        <v>61</v>
      </c>
      <c r="G67434" s="16">
        <v>2.0324183112526204</v>
      </c>
    </row>
    <row r="67435" spans="1:7" x14ac:dyDescent="0.3">
      <c r="A67435" s="13" t="s">
        <v>355</v>
      </c>
      <c r="B67435" s="14" t="s">
        <v>1</v>
      </c>
      <c r="C67435" s="14" t="s">
        <v>238</v>
      </c>
      <c r="D67435" s="14" t="s">
        <v>356</v>
      </c>
      <c r="E67435" s="15">
        <v>45651</v>
      </c>
      <c r="F67435" s="14" t="s">
        <v>61</v>
      </c>
      <c r="G67435" s="16">
        <v>2.0324183112526204</v>
      </c>
    </row>
    <row r="67436" spans="1:7" x14ac:dyDescent="0.3">
      <c r="A67436" s="13" t="s">
        <v>355</v>
      </c>
      <c r="B67436" s="14" t="s">
        <v>1</v>
      </c>
      <c r="C67436" s="14" t="s">
        <v>238</v>
      </c>
      <c r="D67436" s="14" t="s">
        <v>356</v>
      </c>
      <c r="E67436" s="15">
        <v>45652</v>
      </c>
      <c r="F67436" s="14" t="s">
        <v>61</v>
      </c>
      <c r="G67436" s="16">
        <v>2.0324183112526204</v>
      </c>
    </row>
    <row r="67437" spans="1:7" x14ac:dyDescent="0.3">
      <c r="A67437" s="13" t="s">
        <v>355</v>
      </c>
      <c r="B67437" s="14" t="s">
        <v>1</v>
      </c>
      <c r="C67437" s="14" t="s">
        <v>238</v>
      </c>
      <c r="D67437" s="14" t="s">
        <v>356</v>
      </c>
      <c r="E67437" s="15">
        <v>45653</v>
      </c>
      <c r="F67437" s="14" t="s">
        <v>61</v>
      </c>
      <c r="G67437" s="16">
        <v>2.0324183112526204</v>
      </c>
    </row>
    <row r="67438" spans="1:7" x14ac:dyDescent="0.3">
      <c r="A67438" s="13" t="s">
        <v>355</v>
      </c>
      <c r="B67438" s="14" t="s">
        <v>1</v>
      </c>
      <c r="C67438" s="14" t="s">
        <v>238</v>
      </c>
      <c r="D67438" s="14" t="s">
        <v>356</v>
      </c>
      <c r="E67438" s="15">
        <v>45654</v>
      </c>
      <c r="F67438" s="14" t="s">
        <v>61</v>
      </c>
      <c r="G67438" s="16">
        <v>2.0324183112526204</v>
      </c>
    </row>
    <row r="67439" spans="1:7" x14ac:dyDescent="0.3">
      <c r="A67439" s="13" t="s">
        <v>355</v>
      </c>
      <c r="B67439" s="14" t="s">
        <v>1</v>
      </c>
      <c r="C67439" s="14" t="s">
        <v>238</v>
      </c>
      <c r="D67439" s="14" t="s">
        <v>356</v>
      </c>
      <c r="E67439" s="15">
        <v>45655</v>
      </c>
      <c r="F67439" s="14" t="s">
        <v>61</v>
      </c>
      <c r="G67439" s="16">
        <v>2.0324183112526204</v>
      </c>
    </row>
    <row r="67440" spans="1:7" x14ac:dyDescent="0.3">
      <c r="A67440" s="13" t="s">
        <v>355</v>
      </c>
      <c r="B67440" s="14" t="s">
        <v>1</v>
      </c>
      <c r="C67440" s="14" t="s">
        <v>238</v>
      </c>
      <c r="D67440" s="14" t="s">
        <v>356</v>
      </c>
      <c r="E67440" s="15">
        <v>45656</v>
      </c>
      <c r="F67440" s="14" t="s">
        <v>61</v>
      </c>
      <c r="G67440" s="16">
        <v>2.0401244806433385</v>
      </c>
    </row>
    <row r="67441" spans="1:7" x14ac:dyDescent="0.3">
      <c r="A67441" s="13" t="s">
        <v>355</v>
      </c>
      <c r="B67441" s="14" t="s">
        <v>1</v>
      </c>
      <c r="C67441" s="14" t="s">
        <v>238</v>
      </c>
      <c r="D67441" s="14" t="s">
        <v>356</v>
      </c>
      <c r="E67441" s="15">
        <v>45657</v>
      </c>
      <c r="F67441" s="14" t="s">
        <v>61</v>
      </c>
      <c r="G67441" s="16">
        <v>2.0863672128719024</v>
      </c>
    </row>
    <row r="67442" spans="1:7" x14ac:dyDescent="0.3">
      <c r="A67442" s="13" t="s">
        <v>355</v>
      </c>
      <c r="B67442" s="14" t="s">
        <v>1</v>
      </c>
      <c r="C67442" s="14" t="s">
        <v>238</v>
      </c>
      <c r="D67442" s="14" t="s">
        <v>356</v>
      </c>
      <c r="E67442" s="15">
        <v>45658</v>
      </c>
      <c r="F67442" s="14" t="s">
        <v>61</v>
      </c>
      <c r="G67442" s="16">
        <v>2.0863672128719024</v>
      </c>
    </row>
    <row r="67443" spans="1:7" x14ac:dyDescent="0.3">
      <c r="A67443" s="13" t="s">
        <v>355</v>
      </c>
      <c r="B67443" s="14" t="s">
        <v>1</v>
      </c>
      <c r="C67443" s="14" t="s">
        <v>238</v>
      </c>
      <c r="D67443" s="14" t="s">
        <v>356</v>
      </c>
      <c r="E67443" s="15">
        <v>45659</v>
      </c>
      <c r="F67443" s="14" t="s">
        <v>61</v>
      </c>
      <c r="G67443" s="16">
        <v>2.0863672128719024</v>
      </c>
    </row>
    <row r="67444" spans="1:7" x14ac:dyDescent="0.3">
      <c r="A67444" s="13" t="s">
        <v>355</v>
      </c>
      <c r="B67444" s="14" t="s">
        <v>1</v>
      </c>
      <c r="C67444" s="14" t="s">
        <v>238</v>
      </c>
      <c r="D67444" s="14" t="s">
        <v>356</v>
      </c>
      <c r="E67444" s="15">
        <v>45660</v>
      </c>
      <c r="F67444" s="14" t="s">
        <v>61</v>
      </c>
      <c r="G67444" s="16">
        <v>2.0940402137071668</v>
      </c>
    </row>
    <row r="67445" spans="1:7" x14ac:dyDescent="0.3">
      <c r="A67445" s="13" t="s">
        <v>355</v>
      </c>
      <c r="B67445" s="14" t="s">
        <v>1</v>
      </c>
      <c r="C67445" s="14" t="s">
        <v>238</v>
      </c>
      <c r="D67445" s="14" t="s">
        <v>356</v>
      </c>
      <c r="E67445" s="15">
        <v>45661</v>
      </c>
      <c r="F67445" s="14" t="s">
        <v>61</v>
      </c>
      <c r="G67445" s="16">
        <v>2.0940402137071668</v>
      </c>
    </row>
    <row r="67446" spans="1:7" x14ac:dyDescent="0.3">
      <c r="A67446" s="13" t="s">
        <v>355</v>
      </c>
      <c r="B67446" s="14" t="s">
        <v>1</v>
      </c>
      <c r="C67446" s="14" t="s">
        <v>238</v>
      </c>
      <c r="D67446" s="14" t="s">
        <v>356</v>
      </c>
      <c r="E67446" s="15">
        <v>45662</v>
      </c>
      <c r="F67446" s="14" t="s">
        <v>61</v>
      </c>
      <c r="G67446" s="16">
        <v>2.0940402137071668</v>
      </c>
    </row>
    <row r="67447" spans="1:7" x14ac:dyDescent="0.3">
      <c r="A67447" s="13" t="s">
        <v>355</v>
      </c>
      <c r="B67447" s="14" t="s">
        <v>1</v>
      </c>
      <c r="C67447" s="14" t="s">
        <v>238</v>
      </c>
      <c r="D67447" s="14" t="s">
        <v>356</v>
      </c>
      <c r="E67447" s="15">
        <v>45663</v>
      </c>
      <c r="F67447" s="14" t="s">
        <v>61</v>
      </c>
      <c r="G67447" s="16">
        <v>2.1167352937327348</v>
      </c>
    </row>
    <row r="67448" spans="1:7" x14ac:dyDescent="0.3">
      <c r="A67448" s="13" t="s">
        <v>355</v>
      </c>
      <c r="B67448" s="14" t="s">
        <v>1</v>
      </c>
      <c r="C67448" s="14" t="s">
        <v>238</v>
      </c>
      <c r="D67448" s="14" t="s">
        <v>356</v>
      </c>
      <c r="E67448" s="15">
        <v>45664</v>
      </c>
      <c r="F67448" s="14" t="s">
        <v>61</v>
      </c>
      <c r="G67448" s="16">
        <v>2.1401078087883216</v>
      </c>
    </row>
    <row r="67449" spans="1:7" x14ac:dyDescent="0.3">
      <c r="A67449" s="13" t="s">
        <v>355</v>
      </c>
      <c r="B67449" s="14" t="s">
        <v>1</v>
      </c>
      <c r="C67449" s="14" t="s">
        <v>238</v>
      </c>
      <c r="D67449" s="14" t="s">
        <v>356</v>
      </c>
      <c r="E67449" s="15">
        <v>45665</v>
      </c>
      <c r="F67449" s="14" t="s">
        <v>61</v>
      </c>
      <c r="G67449" s="16">
        <v>2.1477879892640304</v>
      </c>
    </row>
    <row r="67450" spans="1:7" x14ac:dyDescent="0.3">
      <c r="A67450" s="13" t="s">
        <v>355</v>
      </c>
      <c r="B67450" s="14" t="s">
        <v>1</v>
      </c>
      <c r="C67450" s="14" t="s">
        <v>238</v>
      </c>
      <c r="D67450" s="14" t="s">
        <v>356</v>
      </c>
      <c r="E67450" s="15">
        <v>45666</v>
      </c>
      <c r="F67450" s="14" t="s">
        <v>61</v>
      </c>
      <c r="G67450" s="16">
        <v>2.1554685802453566</v>
      </c>
    </row>
    <row r="67451" spans="1:7" x14ac:dyDescent="0.3">
      <c r="A67451" s="13" t="s">
        <v>355</v>
      </c>
      <c r="B67451" s="14" t="s">
        <v>1</v>
      </c>
      <c r="C67451" s="14" t="s">
        <v>238</v>
      </c>
      <c r="D67451" s="14" t="s">
        <v>356</v>
      </c>
      <c r="E67451" s="15">
        <v>45667</v>
      </c>
      <c r="F67451" s="14" t="s">
        <v>61</v>
      </c>
      <c r="G67451" s="16">
        <v>2.1631379207938384</v>
      </c>
    </row>
    <row r="67452" spans="1:7" x14ac:dyDescent="0.3">
      <c r="A67452" s="13" t="s">
        <v>355</v>
      </c>
      <c r="B67452" s="14" t="s">
        <v>1</v>
      </c>
      <c r="C67452" s="14" t="s">
        <v>238</v>
      </c>
      <c r="D67452" s="14" t="s">
        <v>356</v>
      </c>
      <c r="E67452" s="15">
        <v>45668</v>
      </c>
      <c r="F67452" s="14" t="s">
        <v>61</v>
      </c>
      <c r="G67452" s="16">
        <v>2.1631379207938384</v>
      </c>
    </row>
    <row r="67453" spans="1:7" x14ac:dyDescent="0.3">
      <c r="A67453" s="13" t="s">
        <v>355</v>
      </c>
      <c r="B67453" s="14" t="s">
        <v>1</v>
      </c>
      <c r="C67453" s="14" t="s">
        <v>238</v>
      </c>
      <c r="D67453" s="14" t="s">
        <v>356</v>
      </c>
      <c r="E67453" s="15">
        <v>45669</v>
      </c>
      <c r="F67453" s="14" t="s">
        <v>61</v>
      </c>
      <c r="G67453" s="16">
        <v>2.1631379207938384</v>
      </c>
    </row>
    <row r="67454" spans="1:7" x14ac:dyDescent="0.3">
      <c r="A67454" s="13" t="s">
        <v>355</v>
      </c>
      <c r="B67454" s="14" t="s">
        <v>1</v>
      </c>
      <c r="C67454" s="14" t="s">
        <v>238</v>
      </c>
      <c r="D67454" s="14" t="s">
        <v>356</v>
      </c>
      <c r="E67454" s="15">
        <v>45670</v>
      </c>
      <c r="F67454" s="14" t="s">
        <v>61</v>
      </c>
      <c r="G67454" s="16">
        <v>2.170812782185207</v>
      </c>
    </row>
    <row r="67455" spans="1:7" x14ac:dyDescent="0.3">
      <c r="A67455" s="13" t="s">
        <v>355</v>
      </c>
      <c r="B67455" s="14" t="s">
        <v>1</v>
      </c>
      <c r="C67455" s="14" t="s">
        <v>238</v>
      </c>
      <c r="D67455" s="14" t="s">
        <v>356</v>
      </c>
      <c r="E67455" s="15">
        <v>45671</v>
      </c>
      <c r="F67455" s="14" t="s">
        <v>61</v>
      </c>
      <c r="G67455" s="16">
        <v>2.1938714572439713</v>
      </c>
    </row>
    <row r="67456" spans="1:7" x14ac:dyDescent="0.3">
      <c r="A67456" s="13" t="s">
        <v>355</v>
      </c>
      <c r="B67456" s="14" t="s">
        <v>1</v>
      </c>
      <c r="C67456" s="14" t="s">
        <v>238</v>
      </c>
      <c r="D67456" s="14" t="s">
        <v>356</v>
      </c>
      <c r="E67456" s="15">
        <v>45672</v>
      </c>
      <c r="F67456" s="14" t="s">
        <v>61</v>
      </c>
      <c r="G67456" s="16">
        <v>2.2015341826965629</v>
      </c>
    </row>
    <row r="67457" spans="1:7" x14ac:dyDescent="0.3">
      <c r="A67457" s="13" t="s">
        <v>355</v>
      </c>
      <c r="B67457" s="14" t="s">
        <v>1</v>
      </c>
      <c r="C67457" s="14" t="s">
        <v>238</v>
      </c>
      <c r="D67457" s="14" t="s">
        <v>356</v>
      </c>
      <c r="E67457" s="15">
        <v>45673</v>
      </c>
      <c r="F67457" s="14" t="s">
        <v>61</v>
      </c>
      <c r="G67457" s="16">
        <v>2.20920120146272</v>
      </c>
    </row>
    <row r="67458" spans="1:7" x14ac:dyDescent="0.3">
      <c r="A67458" s="13" t="s">
        <v>355</v>
      </c>
      <c r="B67458" s="14" t="s">
        <v>1</v>
      </c>
      <c r="C67458" s="14" t="s">
        <v>238</v>
      </c>
      <c r="D67458" s="14" t="s">
        <v>356</v>
      </c>
      <c r="E67458" s="15">
        <v>45674</v>
      </c>
      <c r="F67458" s="14" t="s">
        <v>61</v>
      </c>
      <c r="G67458" s="16">
        <v>2.2168592735891979</v>
      </c>
    </row>
    <row r="67459" spans="1:7" x14ac:dyDescent="0.3">
      <c r="A67459" s="13" t="s">
        <v>355</v>
      </c>
      <c r="B67459" s="14" t="s">
        <v>1</v>
      </c>
      <c r="C67459" s="14" t="s">
        <v>238</v>
      </c>
      <c r="D67459" s="14" t="s">
        <v>356</v>
      </c>
      <c r="E67459" s="15">
        <v>45675</v>
      </c>
      <c r="F67459" s="14" t="s">
        <v>61</v>
      </c>
      <c r="G67459" s="16">
        <v>2.2168592735891979</v>
      </c>
    </row>
    <row r="67460" spans="1:7" x14ac:dyDescent="0.3">
      <c r="A67460" s="13" t="s">
        <v>355</v>
      </c>
      <c r="B67460" s="14" t="s">
        <v>1</v>
      </c>
      <c r="C67460" s="14" t="s">
        <v>238</v>
      </c>
      <c r="D67460" s="14" t="s">
        <v>356</v>
      </c>
      <c r="E67460" s="15">
        <v>45676</v>
      </c>
      <c r="F67460" s="14" t="s">
        <v>61</v>
      </c>
      <c r="G67460" s="16">
        <v>2.2168592735891979</v>
      </c>
    </row>
    <row r="67461" spans="1:7" x14ac:dyDescent="0.3">
      <c r="A67461" s="13" t="s">
        <v>355</v>
      </c>
      <c r="B67461" s="14" t="s">
        <v>1</v>
      </c>
      <c r="C67461" s="14" t="s">
        <v>238</v>
      </c>
      <c r="D67461" s="14" t="s">
        <v>356</v>
      </c>
      <c r="E67461" s="15">
        <v>45677</v>
      </c>
      <c r="F67461" s="14" t="s">
        <v>61</v>
      </c>
      <c r="G67461" s="16">
        <v>2.2249222006736731</v>
      </c>
    </row>
    <row r="67462" spans="1:7" x14ac:dyDescent="0.3">
      <c r="A67462" s="13" t="s">
        <v>355</v>
      </c>
      <c r="B67462" s="14" t="s">
        <v>1</v>
      </c>
      <c r="C67462" s="14" t="s">
        <v>238</v>
      </c>
      <c r="D67462" s="14" t="s">
        <v>356</v>
      </c>
      <c r="E67462" s="15">
        <v>45678</v>
      </c>
      <c r="F67462" s="14" t="s">
        <v>61</v>
      </c>
      <c r="G67462" s="16">
        <v>2.2478560245632009</v>
      </c>
    </row>
    <row r="67463" spans="1:7" x14ac:dyDescent="0.3">
      <c r="A67463" s="13" t="s">
        <v>355</v>
      </c>
      <c r="B67463" s="14" t="s">
        <v>1</v>
      </c>
      <c r="C67463" s="14" t="s">
        <v>238</v>
      </c>
      <c r="D67463" s="14" t="s">
        <v>356</v>
      </c>
      <c r="E67463" s="15">
        <v>45679</v>
      </c>
      <c r="F67463" s="14" t="s">
        <v>61</v>
      </c>
      <c r="G67463" s="16">
        <v>2.2554951825039322</v>
      </c>
    </row>
    <row r="67464" spans="1:7" x14ac:dyDescent="0.3">
      <c r="A67464" s="13" t="s">
        <v>355</v>
      </c>
      <c r="B67464" s="14" t="s">
        <v>1</v>
      </c>
      <c r="C67464" s="14" t="s">
        <v>238</v>
      </c>
      <c r="D67464" s="14" t="s">
        <v>356</v>
      </c>
      <c r="E67464" s="15">
        <v>45680</v>
      </c>
      <c r="F67464" s="14" t="s">
        <v>61</v>
      </c>
      <c r="G67464" s="16">
        <v>2.2631368627938691</v>
      </c>
    </row>
    <row r="67465" spans="1:7" x14ac:dyDescent="0.3">
      <c r="A67465" s="13" t="s">
        <v>355</v>
      </c>
      <c r="B67465" s="14" t="s">
        <v>1</v>
      </c>
      <c r="C67465" s="14" t="s">
        <v>238</v>
      </c>
      <c r="D67465" s="14" t="s">
        <v>356</v>
      </c>
      <c r="E67465" s="15">
        <v>45681</v>
      </c>
      <c r="F67465" s="14" t="s">
        <v>61</v>
      </c>
      <c r="G67465" s="16">
        <v>2.2707855943699862</v>
      </c>
    </row>
    <row r="67466" spans="1:7" x14ac:dyDescent="0.3">
      <c r="A67466" s="13" t="s">
        <v>355</v>
      </c>
      <c r="B67466" s="14" t="s">
        <v>1</v>
      </c>
      <c r="C67466" s="14" t="s">
        <v>238</v>
      </c>
      <c r="D67466" s="14" t="s">
        <v>356</v>
      </c>
      <c r="E67466" s="15">
        <v>45682</v>
      </c>
      <c r="F67466" s="14" t="s">
        <v>61</v>
      </c>
      <c r="G67466" s="16">
        <v>2.2707855943699862</v>
      </c>
    </row>
    <row r="67467" spans="1:7" x14ac:dyDescent="0.3">
      <c r="A67467" s="13" t="s">
        <v>355</v>
      </c>
      <c r="B67467" s="14" t="s">
        <v>1</v>
      </c>
      <c r="C67467" s="14" t="s">
        <v>238</v>
      </c>
      <c r="D67467" s="14" t="s">
        <v>356</v>
      </c>
      <c r="E67467" s="15">
        <v>45683</v>
      </c>
      <c r="F67467" s="14" t="s">
        <v>61</v>
      </c>
      <c r="G67467" s="16">
        <v>2.2707855943699862</v>
      </c>
    </row>
    <row r="67468" spans="1:7" x14ac:dyDescent="0.3">
      <c r="A67468" s="13" t="s">
        <v>355</v>
      </c>
      <c r="B67468" s="14" t="s">
        <v>1</v>
      </c>
      <c r="C67468" s="14" t="s">
        <v>238</v>
      </c>
      <c r="D67468" s="14" t="s">
        <v>356</v>
      </c>
      <c r="E67468" s="15">
        <v>45684</v>
      </c>
      <c r="F67468" s="14" t="s">
        <v>61</v>
      </c>
      <c r="G67468" s="16">
        <v>2.2784320364631574</v>
      </c>
    </row>
    <row r="67469" spans="1:7" x14ac:dyDescent="0.3">
      <c r="A67469" s="13" t="s">
        <v>355</v>
      </c>
      <c r="B67469" s="14" t="s">
        <v>1</v>
      </c>
      <c r="C67469" s="14" t="s">
        <v>238</v>
      </c>
      <c r="D67469" s="14" t="s">
        <v>356</v>
      </c>
      <c r="E67469" s="15">
        <v>45685</v>
      </c>
      <c r="F67469" s="14" t="s">
        <v>61</v>
      </c>
      <c r="G67469" s="16">
        <v>2.3015182154163432</v>
      </c>
    </row>
    <row r="67470" spans="1:7" x14ac:dyDescent="0.3">
      <c r="A67470" s="13" t="s">
        <v>355</v>
      </c>
      <c r="B67470" s="14" t="s">
        <v>1</v>
      </c>
      <c r="C67470" s="14" t="s">
        <v>238</v>
      </c>
      <c r="D67470" s="14" t="s">
        <v>356</v>
      </c>
      <c r="E67470" s="15">
        <v>45686</v>
      </c>
      <c r="F67470" s="14" t="s">
        <v>61</v>
      </c>
      <c r="G67470" s="16">
        <v>2.3092004553262426</v>
      </c>
    </row>
    <row r="67471" spans="1:7" x14ac:dyDescent="0.3">
      <c r="A67471" s="13" t="s">
        <v>355</v>
      </c>
      <c r="B67471" s="14" t="s">
        <v>1</v>
      </c>
      <c r="C67471" s="14" t="s">
        <v>238</v>
      </c>
      <c r="D67471" s="14" t="s">
        <v>356</v>
      </c>
      <c r="E67471" s="15">
        <v>45687</v>
      </c>
      <c r="F67471" s="14" t="s">
        <v>61</v>
      </c>
      <c r="G67471" s="16">
        <v>2.3092244060527394</v>
      </c>
    </row>
    <row r="67472" spans="1:7" x14ac:dyDescent="0.3">
      <c r="A67472" s="13" t="s">
        <v>355</v>
      </c>
      <c r="B67472" s="14" t="s">
        <v>1</v>
      </c>
      <c r="C67472" s="14" t="s">
        <v>238</v>
      </c>
      <c r="D67472" s="14" t="s">
        <v>356</v>
      </c>
      <c r="E67472" s="15">
        <v>45688</v>
      </c>
      <c r="F67472" s="14" t="s">
        <v>61</v>
      </c>
      <c r="G67472" s="16">
        <v>2.316870236146594</v>
      </c>
    </row>
    <row r="67473" spans="1:7" x14ac:dyDescent="0.3">
      <c r="A67473" s="13" t="s">
        <v>355</v>
      </c>
      <c r="B67473" s="14" t="s">
        <v>1</v>
      </c>
      <c r="C67473" s="14" t="s">
        <v>238</v>
      </c>
      <c r="D67473" s="14" t="s">
        <v>356</v>
      </c>
      <c r="E67473" s="15">
        <v>45689</v>
      </c>
      <c r="F67473" s="14" t="s">
        <v>61</v>
      </c>
      <c r="G67473" s="16">
        <v>2.316870236146594</v>
      </c>
    </row>
    <row r="67474" spans="1:7" x14ac:dyDescent="0.3">
      <c r="A67474" s="13" t="s">
        <v>355</v>
      </c>
      <c r="B67474" s="14" t="s">
        <v>1</v>
      </c>
      <c r="C67474" s="14" t="s">
        <v>238</v>
      </c>
      <c r="D67474" s="14" t="s">
        <v>356</v>
      </c>
      <c r="E67474" s="15">
        <v>45690</v>
      </c>
      <c r="F67474" s="14" t="s">
        <v>61</v>
      </c>
      <c r="G67474" s="16">
        <v>2.316870236146594</v>
      </c>
    </row>
    <row r="67475" spans="1:7" x14ac:dyDescent="0.3">
      <c r="A67475" s="13" t="s">
        <v>355</v>
      </c>
      <c r="B67475" s="14" t="s">
        <v>1</v>
      </c>
      <c r="C67475" s="14" t="s">
        <v>238</v>
      </c>
      <c r="D67475" s="14" t="s">
        <v>356</v>
      </c>
      <c r="E67475" s="15">
        <v>45691</v>
      </c>
      <c r="F67475" s="14" t="s">
        <v>61</v>
      </c>
      <c r="G67475" s="16">
        <v>2.316870236146594</v>
      </c>
    </row>
    <row r="67476" spans="1:7" x14ac:dyDescent="0.3">
      <c r="A67476" s="13" t="s">
        <v>355</v>
      </c>
      <c r="B67476" s="14" t="s">
        <v>1</v>
      </c>
      <c r="C67476" s="14" t="s">
        <v>238</v>
      </c>
      <c r="D67476" s="14" t="s">
        <v>356</v>
      </c>
      <c r="E67476" s="15">
        <v>45692</v>
      </c>
      <c r="F67476" s="14" t="s">
        <v>61</v>
      </c>
      <c r="G67476" s="16">
        <v>2.3245278776567537</v>
      </c>
    </row>
    <row r="67477" spans="1:7" x14ac:dyDescent="0.3">
      <c r="A67477" s="13" t="s">
        <v>355</v>
      </c>
      <c r="B67477" s="14" t="s">
        <v>1</v>
      </c>
      <c r="C67477" s="14" t="s">
        <v>238</v>
      </c>
      <c r="D67477" s="14" t="s">
        <v>356</v>
      </c>
      <c r="E67477" s="15">
        <v>45693</v>
      </c>
      <c r="F67477" s="14" t="s">
        <v>61</v>
      </c>
      <c r="G67477" s="16">
        <v>2.354285748749251</v>
      </c>
    </row>
    <row r="67478" spans="1:7" x14ac:dyDescent="0.3">
      <c r="A67478" s="13" t="s">
        <v>355</v>
      </c>
      <c r="B67478" s="14" t="s">
        <v>1</v>
      </c>
      <c r="C67478" s="14" t="s">
        <v>238</v>
      </c>
      <c r="D67478" s="14" t="s">
        <v>356</v>
      </c>
      <c r="E67478" s="15">
        <v>45694</v>
      </c>
      <c r="F67478" s="14" t="s">
        <v>61</v>
      </c>
      <c r="G67478" s="16">
        <v>2.3619615092588027</v>
      </c>
    </row>
    <row r="67479" spans="1:7" x14ac:dyDescent="0.3">
      <c r="A67479" s="13" t="s">
        <v>355</v>
      </c>
      <c r="B67479" s="14" t="s">
        <v>1</v>
      </c>
      <c r="C67479" s="14" t="s">
        <v>238</v>
      </c>
      <c r="D67479" s="14" t="s">
        <v>356</v>
      </c>
      <c r="E67479" s="15">
        <v>45695</v>
      </c>
      <c r="F67479" s="14" t="s">
        <v>61</v>
      </c>
      <c r="G67479" s="16">
        <v>2.3699106992587997</v>
      </c>
    </row>
    <row r="67480" spans="1:7" x14ac:dyDescent="0.3">
      <c r="A67480" s="13" t="s">
        <v>355</v>
      </c>
      <c r="B67480" s="14" t="s">
        <v>1</v>
      </c>
      <c r="C67480" s="14" t="s">
        <v>238</v>
      </c>
      <c r="D67480" s="14" t="s">
        <v>356</v>
      </c>
      <c r="E67480" s="15">
        <v>45696</v>
      </c>
      <c r="F67480" s="14" t="s">
        <v>61</v>
      </c>
      <c r="G67480" s="16">
        <v>2.3699106992587997</v>
      </c>
    </row>
    <row r="67481" spans="1:7" x14ac:dyDescent="0.3">
      <c r="A67481" s="13" t="s">
        <v>355</v>
      </c>
      <c r="B67481" s="14" t="s">
        <v>1</v>
      </c>
      <c r="C67481" s="14" t="s">
        <v>238</v>
      </c>
      <c r="D67481" s="14" t="s">
        <v>356</v>
      </c>
      <c r="E67481" s="15">
        <v>45697</v>
      </c>
      <c r="F67481" s="14" t="s">
        <v>61</v>
      </c>
      <c r="G67481" s="16">
        <v>2.3699106992587997</v>
      </c>
    </row>
    <row r="67482" spans="1:7" x14ac:dyDescent="0.3">
      <c r="A67482" s="13" t="s">
        <v>355</v>
      </c>
      <c r="B67482" s="14" t="s">
        <v>1</v>
      </c>
      <c r="C67482" s="14" t="s">
        <v>238</v>
      </c>
      <c r="D67482" s="14" t="s">
        <v>356</v>
      </c>
      <c r="E67482" s="15">
        <v>45698</v>
      </c>
      <c r="F67482" s="14" t="s">
        <v>61</v>
      </c>
      <c r="G67482" s="16">
        <v>2.3775520892244901</v>
      </c>
    </row>
    <row r="67483" spans="1:7" x14ac:dyDescent="0.3">
      <c r="A67483" s="13" t="s">
        <v>355</v>
      </c>
      <c r="B67483" s="14" t="s">
        <v>1</v>
      </c>
      <c r="C67483" s="14" t="s">
        <v>238</v>
      </c>
      <c r="D67483" s="14" t="s">
        <v>356</v>
      </c>
      <c r="E67483" s="15">
        <v>45699</v>
      </c>
      <c r="F67483" s="14" t="s">
        <v>61</v>
      </c>
      <c r="G67483" s="16">
        <v>2.4004964735155747</v>
      </c>
    </row>
    <row r="67484" spans="1:7" x14ac:dyDescent="0.3">
      <c r="A67484" s="13" t="s">
        <v>355</v>
      </c>
      <c r="B67484" s="14" t="s">
        <v>1</v>
      </c>
      <c r="C67484" s="14" t="s">
        <v>238</v>
      </c>
      <c r="D67484" s="14" t="s">
        <v>356</v>
      </c>
      <c r="E67484" s="15">
        <v>45700</v>
      </c>
      <c r="F67484" s="14" t="s">
        <v>61</v>
      </c>
      <c r="G67484" s="16">
        <v>2.4080849256517518</v>
      </c>
    </row>
    <row r="67485" spans="1:7" x14ac:dyDescent="0.3">
      <c r="A67485" s="13" t="s">
        <v>355</v>
      </c>
      <c r="B67485" s="14" t="s">
        <v>1</v>
      </c>
      <c r="C67485" s="14" t="s">
        <v>238</v>
      </c>
      <c r="D67485" s="14" t="s">
        <v>356</v>
      </c>
      <c r="E67485" s="15">
        <v>45701</v>
      </c>
      <c r="F67485" s="14" t="s">
        <v>61</v>
      </c>
      <c r="G67485" s="16">
        <v>2.4157356988148067</v>
      </c>
    </row>
    <row r="67486" spans="1:7" x14ac:dyDescent="0.3">
      <c r="A67486" s="13" t="s">
        <v>355</v>
      </c>
      <c r="B67486" s="14" t="s">
        <v>1</v>
      </c>
      <c r="C67486" s="14" t="s">
        <v>238</v>
      </c>
      <c r="D67486" s="14" t="s">
        <v>356</v>
      </c>
      <c r="E67486" s="15">
        <v>45702</v>
      </c>
      <c r="F67486" s="14" t="s">
        <v>61</v>
      </c>
      <c r="G67486" s="16">
        <v>2.4233964317356462</v>
      </c>
    </row>
    <row r="67487" spans="1:7" x14ac:dyDescent="0.3">
      <c r="A67487" s="13" t="s">
        <v>355</v>
      </c>
      <c r="B67487" s="14" t="s">
        <v>1</v>
      </c>
      <c r="C67487" s="14" t="s">
        <v>238</v>
      </c>
      <c r="D67487" s="14" t="s">
        <v>356</v>
      </c>
      <c r="E67487" s="15">
        <v>45703</v>
      </c>
      <c r="F67487" s="14" t="s">
        <v>61</v>
      </c>
      <c r="G67487" s="16">
        <v>2.4233964317356462</v>
      </c>
    </row>
    <row r="67488" spans="1:7" x14ac:dyDescent="0.3">
      <c r="A67488" s="13" t="s">
        <v>355</v>
      </c>
      <c r="B67488" s="14" t="s">
        <v>1</v>
      </c>
      <c r="C67488" s="14" t="s">
        <v>238</v>
      </c>
      <c r="D67488" s="14" t="s">
        <v>356</v>
      </c>
      <c r="E67488" s="15">
        <v>45704</v>
      </c>
      <c r="F67488" s="14" t="s">
        <v>61</v>
      </c>
      <c r="G67488" s="16">
        <v>2.4233964317356462</v>
      </c>
    </row>
    <row r="67489" spans="1:7" x14ac:dyDescent="0.3">
      <c r="A67489" s="13" t="s">
        <v>355</v>
      </c>
      <c r="B67489" s="14" t="s">
        <v>1</v>
      </c>
      <c r="C67489" s="14" t="s">
        <v>238</v>
      </c>
      <c r="D67489" s="14" t="s">
        <v>356</v>
      </c>
      <c r="E67489" s="15">
        <v>45705</v>
      </c>
      <c r="F67489" s="14" t="s">
        <v>61</v>
      </c>
      <c r="G67489" s="16">
        <v>2.4310453781046641</v>
      </c>
    </row>
    <row r="67490" spans="1:7" x14ac:dyDescent="0.3">
      <c r="A67490" s="13" t="s">
        <v>355</v>
      </c>
      <c r="B67490" s="14" t="s">
        <v>1</v>
      </c>
      <c r="C67490" s="14" t="s">
        <v>238</v>
      </c>
      <c r="D67490" s="14" t="s">
        <v>356</v>
      </c>
      <c r="E67490" s="15">
        <v>45706</v>
      </c>
      <c r="F67490" s="14" t="s">
        <v>61</v>
      </c>
      <c r="G67490" s="16">
        <v>2.4539860289913711</v>
      </c>
    </row>
    <row r="67491" spans="1:7" x14ac:dyDescent="0.3">
      <c r="A67491" s="13" t="s">
        <v>355</v>
      </c>
      <c r="B67491" s="14" t="s">
        <v>1</v>
      </c>
      <c r="C67491" s="14" t="s">
        <v>238</v>
      </c>
      <c r="D67491" s="14" t="s">
        <v>356</v>
      </c>
      <c r="E67491" s="15">
        <v>45707</v>
      </c>
      <c r="F67491" s="14" t="s">
        <v>61</v>
      </c>
      <c r="G67491" s="16">
        <v>2.4616508184945345</v>
      </c>
    </row>
    <row r="67492" spans="1:7" x14ac:dyDescent="0.3">
      <c r="A67492" s="13" t="s">
        <v>355</v>
      </c>
      <c r="B67492" s="14" t="s">
        <v>1</v>
      </c>
      <c r="C67492" s="14" t="s">
        <v>238</v>
      </c>
      <c r="D67492" s="14" t="s">
        <v>356</v>
      </c>
      <c r="E67492" s="15">
        <v>45708</v>
      </c>
      <c r="F67492" s="14" t="s">
        <v>61</v>
      </c>
      <c r="G67492" s="16">
        <v>2.4693043014589295</v>
      </c>
    </row>
    <row r="67493" spans="1:7" x14ac:dyDescent="0.3">
      <c r="A67493" s="13" t="s">
        <v>355</v>
      </c>
      <c r="B67493" s="14" t="s">
        <v>1</v>
      </c>
      <c r="C67493" s="14" t="s">
        <v>238</v>
      </c>
      <c r="D67493" s="14" t="s">
        <v>356</v>
      </c>
      <c r="E67493" s="15">
        <v>45709</v>
      </c>
      <c r="F67493" s="14" t="s">
        <v>61</v>
      </c>
      <c r="G67493" s="16">
        <v>2.4769436451831455</v>
      </c>
    </row>
    <row r="67494" spans="1:7" x14ac:dyDescent="0.3">
      <c r="A67494" s="13" t="s">
        <v>355</v>
      </c>
      <c r="B67494" s="14" t="s">
        <v>1</v>
      </c>
      <c r="C67494" s="14" t="s">
        <v>238</v>
      </c>
      <c r="D67494" s="14" t="s">
        <v>356</v>
      </c>
      <c r="E67494" s="15">
        <v>45710</v>
      </c>
      <c r="F67494" s="14" t="s">
        <v>61</v>
      </c>
      <c r="G67494" s="16">
        <v>2.4769436451831455</v>
      </c>
    </row>
    <row r="67495" spans="1:7" x14ac:dyDescent="0.3">
      <c r="A67495" s="13" t="s">
        <v>355</v>
      </c>
      <c r="B67495" s="14" t="s">
        <v>1</v>
      </c>
      <c r="C67495" s="14" t="s">
        <v>238</v>
      </c>
      <c r="D67495" s="14" t="s">
        <v>356</v>
      </c>
      <c r="E67495" s="15">
        <v>45711</v>
      </c>
      <c r="F67495" s="14" t="s">
        <v>61</v>
      </c>
      <c r="G67495" s="16">
        <v>2.4769436451831455</v>
      </c>
    </row>
    <row r="67496" spans="1:7" x14ac:dyDescent="0.3">
      <c r="A67496" s="13" t="s">
        <v>355</v>
      </c>
      <c r="B67496" s="14" t="s">
        <v>1</v>
      </c>
      <c r="C67496" s="14" t="s">
        <v>238</v>
      </c>
      <c r="D67496" s="14" t="s">
        <v>356</v>
      </c>
      <c r="E67496" s="15">
        <v>45712</v>
      </c>
      <c r="F67496" s="14" t="s">
        <v>61</v>
      </c>
      <c r="G67496" s="16">
        <v>2.4846251909926744</v>
      </c>
    </row>
    <row r="67497" spans="1:7" x14ac:dyDescent="0.3">
      <c r="A67497" s="13" t="s">
        <v>355</v>
      </c>
      <c r="B67497" s="14" t="s">
        <v>1</v>
      </c>
      <c r="C67497" s="14" t="s">
        <v>238</v>
      </c>
      <c r="D67497" s="14" t="s">
        <v>356</v>
      </c>
      <c r="E67497" s="15">
        <v>45713</v>
      </c>
      <c r="F67497" s="14" t="s">
        <v>61</v>
      </c>
      <c r="G67497" s="16">
        <v>2.5076131479738528</v>
      </c>
    </row>
    <row r="67498" spans="1:7" x14ac:dyDescent="0.3">
      <c r="A67498" s="13" t="s">
        <v>355</v>
      </c>
      <c r="B67498" s="14" t="s">
        <v>1</v>
      </c>
      <c r="C67498" s="14" t="s">
        <v>238</v>
      </c>
      <c r="D67498" s="14" t="s">
        <v>356</v>
      </c>
      <c r="E67498" s="15">
        <v>45714</v>
      </c>
      <c r="F67498" s="14" t="s">
        <v>61</v>
      </c>
      <c r="G67498" s="16">
        <v>2.5152517299060388</v>
      </c>
    </row>
    <row r="67499" spans="1:7" x14ac:dyDescent="0.3">
      <c r="A67499" s="13" t="s">
        <v>355</v>
      </c>
      <c r="B67499" s="14" t="s">
        <v>1</v>
      </c>
      <c r="C67499" s="14" t="s">
        <v>238</v>
      </c>
      <c r="D67499" s="14" t="s">
        <v>356</v>
      </c>
      <c r="E67499" s="15">
        <v>45715</v>
      </c>
      <c r="F67499" s="14" t="s">
        <v>61</v>
      </c>
      <c r="G67499" s="16">
        <v>2.522864307843689</v>
      </c>
    </row>
    <row r="67500" spans="1:7" x14ac:dyDescent="0.3">
      <c r="A67500" s="13" t="s">
        <v>355</v>
      </c>
      <c r="B67500" s="14" t="s">
        <v>1</v>
      </c>
      <c r="C67500" s="14" t="s">
        <v>238</v>
      </c>
      <c r="D67500" s="14" t="s">
        <v>356</v>
      </c>
      <c r="E67500" s="15">
        <v>45716</v>
      </c>
      <c r="F67500" s="14" t="s">
        <v>61</v>
      </c>
      <c r="G67500" s="16">
        <v>2.5304932999094039</v>
      </c>
    </row>
    <row r="67501" spans="1:7" x14ac:dyDescent="0.3">
      <c r="A67501" s="13" t="s">
        <v>355</v>
      </c>
      <c r="B67501" s="14" t="s">
        <v>1</v>
      </c>
      <c r="C67501" s="14" t="s">
        <v>238</v>
      </c>
      <c r="D67501" s="14" t="s">
        <v>356</v>
      </c>
      <c r="E67501" s="15">
        <v>45717</v>
      </c>
      <c r="F67501" s="14" t="s">
        <v>61</v>
      </c>
      <c r="G67501" s="16">
        <v>2.5304932999094039</v>
      </c>
    </row>
    <row r="67502" spans="1:7" x14ac:dyDescent="0.3">
      <c r="A67502" s="13" t="s">
        <v>355</v>
      </c>
      <c r="B67502" s="14" t="s">
        <v>1</v>
      </c>
      <c r="C67502" s="14" t="s">
        <v>238</v>
      </c>
      <c r="D67502" s="14" t="s">
        <v>356</v>
      </c>
      <c r="E67502" s="15">
        <v>45718</v>
      </c>
      <c r="F67502" s="14" t="s">
        <v>61</v>
      </c>
      <c r="G67502" s="16">
        <v>2.5304932999094039</v>
      </c>
    </row>
    <row r="67503" spans="1:7" x14ac:dyDescent="0.3">
      <c r="A67503" s="13" t="s">
        <v>355</v>
      </c>
      <c r="B67503" s="14" t="s">
        <v>1</v>
      </c>
      <c r="C67503" s="14" t="s">
        <v>238</v>
      </c>
      <c r="D67503" s="14" t="s">
        <v>356</v>
      </c>
      <c r="E67503" s="15">
        <v>45719</v>
      </c>
      <c r="F67503" s="14" t="s">
        <v>61</v>
      </c>
      <c r="G67503" s="16">
        <v>2.5374563941887982</v>
      </c>
    </row>
    <row r="67504" spans="1:7" x14ac:dyDescent="0.3">
      <c r="A67504" s="13" t="s">
        <v>355</v>
      </c>
      <c r="B67504" s="14" t="s">
        <v>1</v>
      </c>
      <c r="C67504" s="14" t="s">
        <v>238</v>
      </c>
      <c r="D67504" s="14" t="s">
        <v>356</v>
      </c>
      <c r="E67504" s="15">
        <v>45720</v>
      </c>
      <c r="F67504" s="14" t="s">
        <v>61</v>
      </c>
      <c r="G67504" s="16">
        <v>2.5604521562009426</v>
      </c>
    </row>
    <row r="67505" spans="1:7" x14ac:dyDescent="0.3">
      <c r="A67505" s="13" t="s">
        <v>355</v>
      </c>
      <c r="B67505" s="14" t="s">
        <v>1</v>
      </c>
      <c r="C67505" s="14" t="s">
        <v>238</v>
      </c>
      <c r="D67505" s="14" t="s">
        <v>356</v>
      </c>
      <c r="E67505" s="15">
        <v>45721</v>
      </c>
      <c r="F67505" s="14" t="s">
        <v>61</v>
      </c>
      <c r="G67505" s="16">
        <v>2.568992852712777</v>
      </c>
    </row>
    <row r="67506" spans="1:7" x14ac:dyDescent="0.3">
      <c r="A67506" s="13" t="s">
        <v>355</v>
      </c>
      <c r="B67506" s="14" t="s">
        <v>1</v>
      </c>
      <c r="C67506" s="14" t="s">
        <v>238</v>
      </c>
      <c r="D67506" s="14" t="s">
        <v>356</v>
      </c>
      <c r="E67506" s="15">
        <v>45722</v>
      </c>
      <c r="F67506" s="14" t="s">
        <v>61</v>
      </c>
      <c r="G67506" s="16">
        <v>2.5723077096782943</v>
      </c>
    </row>
    <row r="67507" spans="1:7" x14ac:dyDescent="0.3">
      <c r="A67507" s="13" t="s">
        <v>355</v>
      </c>
      <c r="B67507" s="14" t="s">
        <v>1</v>
      </c>
      <c r="C67507" s="14" t="s">
        <v>238</v>
      </c>
      <c r="D67507" s="14" t="s">
        <v>356</v>
      </c>
      <c r="E67507" s="15">
        <v>45723</v>
      </c>
      <c r="F67507" s="14" t="s">
        <v>61</v>
      </c>
      <c r="G67507" s="16">
        <v>2.5887229918126198</v>
      </c>
    </row>
    <row r="67508" spans="1:7" x14ac:dyDescent="0.3">
      <c r="A67508" s="13" t="s">
        <v>355</v>
      </c>
      <c r="B67508" s="14" t="s">
        <v>1</v>
      </c>
      <c r="C67508" s="14" t="s">
        <v>238</v>
      </c>
      <c r="D67508" s="14" t="s">
        <v>356</v>
      </c>
      <c r="E67508" s="15">
        <v>45724</v>
      </c>
      <c r="F67508" s="14" t="s">
        <v>61</v>
      </c>
      <c r="G67508" s="16">
        <v>2.5887229918126198</v>
      </c>
    </row>
    <row r="67509" spans="1:7" x14ac:dyDescent="0.3">
      <c r="A67509" s="13" t="s">
        <v>355</v>
      </c>
      <c r="B67509" s="14" t="s">
        <v>1</v>
      </c>
      <c r="C67509" s="14" t="s">
        <v>238</v>
      </c>
      <c r="D67509" s="14" t="s">
        <v>356</v>
      </c>
      <c r="E67509" s="15">
        <v>45725</v>
      </c>
      <c r="F67509" s="14" t="s">
        <v>61</v>
      </c>
      <c r="G67509" s="16">
        <v>2.5887229918126198</v>
      </c>
    </row>
    <row r="67510" spans="1:7" x14ac:dyDescent="0.3">
      <c r="A67510" s="13" t="s">
        <v>355</v>
      </c>
      <c r="B67510" s="14" t="s">
        <v>1</v>
      </c>
      <c r="C67510" s="14" t="s">
        <v>238</v>
      </c>
      <c r="D67510" s="14" t="s">
        <v>356</v>
      </c>
      <c r="E67510" s="15">
        <v>45726</v>
      </c>
      <c r="F67510" s="14" t="s">
        <v>61</v>
      </c>
      <c r="G67510" s="16">
        <v>2.5964745736952408</v>
      </c>
    </row>
    <row r="67511" spans="1:7" x14ac:dyDescent="0.3">
      <c r="A67511" s="13" t="s">
        <v>355</v>
      </c>
      <c r="B67511" s="14" t="s">
        <v>1</v>
      </c>
      <c r="C67511" s="14" t="s">
        <v>238</v>
      </c>
      <c r="D67511" s="14" t="s">
        <v>356</v>
      </c>
      <c r="E67511" s="15">
        <v>45727</v>
      </c>
      <c r="F67511" s="14" t="s">
        <v>61</v>
      </c>
      <c r="G67511" s="16">
        <v>2.6196341127854592</v>
      </c>
    </row>
    <row r="67512" spans="1:7" x14ac:dyDescent="0.3">
      <c r="A67512" s="13" t="s">
        <v>355</v>
      </c>
      <c r="B67512" s="14" t="s">
        <v>1</v>
      </c>
      <c r="C67512" s="14" t="s">
        <v>238</v>
      </c>
      <c r="D67512" s="14" t="s">
        <v>356</v>
      </c>
      <c r="E67512" s="15">
        <v>45728</v>
      </c>
      <c r="F67512" s="14" t="s">
        <v>61</v>
      </c>
      <c r="G67512" s="16">
        <v>2.6273500442977289</v>
      </c>
    </row>
    <row r="67513" spans="1:7" x14ac:dyDescent="0.3">
      <c r="A67513" s="13" t="s">
        <v>355</v>
      </c>
      <c r="B67513" s="14" t="s">
        <v>1</v>
      </c>
      <c r="C67513" s="14" t="s">
        <v>238</v>
      </c>
      <c r="D67513" s="14" t="s">
        <v>356</v>
      </c>
      <c r="E67513" s="15">
        <v>45729</v>
      </c>
      <c r="F67513" s="14" t="s">
        <v>61</v>
      </c>
      <c r="G67513" s="16">
        <v>2.6347592073664878</v>
      </c>
    </row>
    <row r="67514" spans="1:7" x14ac:dyDescent="0.3">
      <c r="A67514" s="13" t="s">
        <v>355</v>
      </c>
      <c r="B67514" s="14" t="s">
        <v>1</v>
      </c>
      <c r="C67514" s="14" t="s">
        <v>238</v>
      </c>
      <c r="D67514" s="14" t="s">
        <v>356</v>
      </c>
      <c r="E67514" s="15">
        <v>45730</v>
      </c>
      <c r="F67514" s="14" t="s">
        <v>61</v>
      </c>
      <c r="G67514" s="16">
        <v>2.6424997493649061</v>
      </c>
    </row>
    <row r="67515" spans="1:7" x14ac:dyDescent="0.3">
      <c r="A67515" s="13" t="s">
        <v>355</v>
      </c>
      <c r="B67515" s="14" t="s">
        <v>1</v>
      </c>
      <c r="C67515" s="14" t="s">
        <v>238</v>
      </c>
      <c r="D67515" s="14" t="s">
        <v>356</v>
      </c>
      <c r="E67515" s="15">
        <v>45731</v>
      </c>
      <c r="F67515" s="14" t="s">
        <v>61</v>
      </c>
      <c r="G67515" s="16">
        <v>2.6424997493649061</v>
      </c>
    </row>
    <row r="67516" spans="1:7" x14ac:dyDescent="0.3">
      <c r="A67516" s="13" t="s">
        <v>355</v>
      </c>
      <c r="B67516" s="14" t="s">
        <v>1</v>
      </c>
      <c r="C67516" s="14" t="s">
        <v>238</v>
      </c>
      <c r="D67516" s="14" t="s">
        <v>356</v>
      </c>
      <c r="E67516" s="15">
        <v>45732</v>
      </c>
      <c r="F67516" s="14" t="s">
        <v>61</v>
      </c>
      <c r="G67516" s="16">
        <v>2.6424997493649061</v>
      </c>
    </row>
    <row r="67517" spans="1:7" x14ac:dyDescent="0.3">
      <c r="A67517" s="13" t="s">
        <v>355</v>
      </c>
      <c r="B67517" s="14" t="s">
        <v>1</v>
      </c>
      <c r="C67517" s="14" t="s">
        <v>238</v>
      </c>
      <c r="D67517" s="14" t="s">
        <v>356</v>
      </c>
      <c r="E67517" s="15">
        <v>45733</v>
      </c>
      <c r="F67517" s="14" t="s">
        <v>61</v>
      </c>
      <c r="G67517" s="16">
        <v>2.6424997493649061</v>
      </c>
    </row>
    <row r="67518" spans="1:7" x14ac:dyDescent="0.3">
      <c r="A67518" s="13" t="s">
        <v>355</v>
      </c>
      <c r="B67518" s="14" t="s">
        <v>1</v>
      </c>
      <c r="C67518" s="14" t="s">
        <v>238</v>
      </c>
      <c r="D67518" s="14" t="s">
        <v>356</v>
      </c>
      <c r="E67518" s="15">
        <v>45734</v>
      </c>
      <c r="F67518" s="14" t="s">
        <v>61</v>
      </c>
      <c r="G67518" s="16">
        <v>2.6502445520135582</v>
      </c>
    </row>
    <row r="67519" spans="1:7" x14ac:dyDescent="0.3">
      <c r="A67519" s="13" t="s">
        <v>355</v>
      </c>
      <c r="B67519" s="14" t="s">
        <v>1</v>
      </c>
      <c r="C67519" s="14" t="s">
        <v>238</v>
      </c>
      <c r="D67519" s="14" t="s">
        <v>356</v>
      </c>
      <c r="E67519" s="15">
        <v>45735</v>
      </c>
      <c r="F67519" s="14" t="s">
        <v>61</v>
      </c>
      <c r="G67519" s="16">
        <v>2.6782439194625023</v>
      </c>
    </row>
    <row r="67520" spans="1:7" x14ac:dyDescent="0.3">
      <c r="A67520" s="13" t="s">
        <v>355</v>
      </c>
      <c r="B67520" s="14" t="s">
        <v>1</v>
      </c>
      <c r="C67520" s="14" t="s">
        <v>238</v>
      </c>
      <c r="D67520" s="14" t="s">
        <v>356</v>
      </c>
      <c r="E67520" s="15">
        <v>45736</v>
      </c>
      <c r="F67520" s="14" t="s">
        <v>61</v>
      </c>
      <c r="G67520" s="16">
        <v>2.6859574897799958</v>
      </c>
    </row>
    <row r="67521" spans="1:7" x14ac:dyDescent="0.3">
      <c r="A67521" s="13" t="s">
        <v>355</v>
      </c>
      <c r="B67521" s="14" t="s">
        <v>1</v>
      </c>
      <c r="C67521" s="14" t="s">
        <v>238</v>
      </c>
      <c r="D67521" s="14" t="s">
        <v>356</v>
      </c>
      <c r="E67521" s="15">
        <v>45737</v>
      </c>
      <c r="F67521" s="14" t="s">
        <v>61</v>
      </c>
      <c r="G67521" s="16">
        <v>2.6940302369532603</v>
      </c>
    </row>
    <row r="67522" spans="1:7" x14ac:dyDescent="0.3">
      <c r="A67522" s="13" t="s">
        <v>355</v>
      </c>
      <c r="B67522" s="14" t="s">
        <v>1</v>
      </c>
      <c r="C67522" s="14" t="s">
        <v>238</v>
      </c>
      <c r="D67522" s="14" t="s">
        <v>356</v>
      </c>
      <c r="E67522" s="15">
        <v>45738</v>
      </c>
      <c r="F67522" s="14" t="s">
        <v>61</v>
      </c>
      <c r="G67522" s="16">
        <v>2.6940302369532603</v>
      </c>
    </row>
    <row r="67523" spans="1:7" x14ac:dyDescent="0.3">
      <c r="A67523" s="13" t="s">
        <v>355</v>
      </c>
      <c r="B67523" s="14" t="s">
        <v>1</v>
      </c>
      <c r="C67523" s="14" t="s">
        <v>238</v>
      </c>
      <c r="D67523" s="14" t="s">
        <v>356</v>
      </c>
      <c r="E67523" s="15">
        <v>45739</v>
      </c>
      <c r="F67523" s="14" t="s">
        <v>61</v>
      </c>
      <c r="G67523" s="16">
        <v>2.6940302369532603</v>
      </c>
    </row>
    <row r="67524" spans="1:7" x14ac:dyDescent="0.3">
      <c r="A67524" s="13" t="s">
        <v>355</v>
      </c>
      <c r="B67524" s="14" t="s">
        <v>1</v>
      </c>
      <c r="C67524" s="14" t="s">
        <v>238</v>
      </c>
      <c r="D67524" s="14" t="s">
        <v>356</v>
      </c>
      <c r="E67524" s="15">
        <v>45740</v>
      </c>
      <c r="F67524" s="14" t="s">
        <v>61</v>
      </c>
      <c r="G67524" s="16">
        <v>2.7017563423413211</v>
      </c>
    </row>
    <row r="67525" spans="1:7" x14ac:dyDescent="0.3">
      <c r="A67525" s="13" t="s">
        <v>355</v>
      </c>
      <c r="B67525" s="14" t="s">
        <v>1</v>
      </c>
      <c r="C67525" s="14" t="s">
        <v>238</v>
      </c>
      <c r="D67525" s="14" t="s">
        <v>356</v>
      </c>
      <c r="E67525" s="15">
        <v>45741</v>
      </c>
      <c r="F67525" s="14" t="s">
        <v>61</v>
      </c>
      <c r="G67525" s="16">
        <v>2.724937868147709</v>
      </c>
    </row>
    <row r="67526" spans="1:7" x14ac:dyDescent="0.3">
      <c r="A67526" s="13" t="s">
        <v>355</v>
      </c>
      <c r="B67526" s="14" t="s">
        <v>1</v>
      </c>
      <c r="C67526" s="14" t="s">
        <v>238</v>
      </c>
      <c r="D67526" s="14" t="s">
        <v>356</v>
      </c>
      <c r="E67526" s="15">
        <v>45742</v>
      </c>
      <c r="F67526" s="14" t="s">
        <v>61</v>
      </c>
      <c r="G67526" s="16">
        <v>2.7354151561801614</v>
      </c>
    </row>
    <row r="67527" spans="1:7" x14ac:dyDescent="0.3">
      <c r="A67527" s="13" t="s">
        <v>355</v>
      </c>
      <c r="B67527" s="14" t="s">
        <v>1</v>
      </c>
      <c r="C67527" s="14" t="s">
        <v>238</v>
      </c>
      <c r="D67527" s="14" t="s">
        <v>356</v>
      </c>
      <c r="E67527" s="15">
        <v>45743</v>
      </c>
      <c r="F67527" s="14" t="s">
        <v>61</v>
      </c>
      <c r="G67527" s="16">
        <v>2.7431363612587498</v>
      </c>
    </row>
    <row r="67528" spans="1:7" x14ac:dyDescent="0.3">
      <c r="A67528" s="13" t="s">
        <v>355</v>
      </c>
      <c r="B67528" s="14" t="s">
        <v>1</v>
      </c>
      <c r="C67528" s="14" t="s">
        <v>238</v>
      </c>
      <c r="D67528" s="14" t="s">
        <v>356</v>
      </c>
      <c r="E67528" s="15">
        <v>45744</v>
      </c>
      <c r="F67528" s="14" t="s">
        <v>61</v>
      </c>
      <c r="G67528" s="16">
        <v>2.7508614068733652</v>
      </c>
    </row>
    <row r="67529" spans="1:7" x14ac:dyDescent="0.3">
      <c r="A67529" s="13" t="s">
        <v>355</v>
      </c>
      <c r="B67529" s="14" t="s">
        <v>1</v>
      </c>
      <c r="C67529" s="14" t="s">
        <v>238</v>
      </c>
      <c r="D67529" s="14" t="s">
        <v>356</v>
      </c>
      <c r="E67529" s="15">
        <v>45745</v>
      </c>
      <c r="F67529" s="14" t="s">
        <v>61</v>
      </c>
      <c r="G67529" s="16">
        <v>2.7508614068733652</v>
      </c>
    </row>
    <row r="67530" spans="1:7" x14ac:dyDescent="0.3">
      <c r="A67530" s="13" t="s">
        <v>355</v>
      </c>
      <c r="B67530" s="14" t="s">
        <v>1</v>
      </c>
      <c r="C67530" s="14" t="s">
        <v>238</v>
      </c>
      <c r="D67530" s="14" t="s">
        <v>356</v>
      </c>
      <c r="E67530" s="15">
        <v>45746</v>
      </c>
      <c r="F67530" s="14" t="s">
        <v>61</v>
      </c>
      <c r="G67530" s="16">
        <v>2.7508614068733652</v>
      </c>
    </row>
    <row r="67531" spans="1:7" x14ac:dyDescent="0.3">
      <c r="A67531" s="13" t="s">
        <v>355</v>
      </c>
      <c r="B67531" s="14" t="s">
        <v>1</v>
      </c>
      <c r="C67531" s="14" t="s">
        <v>238</v>
      </c>
      <c r="D67531" s="14" t="s">
        <v>356</v>
      </c>
      <c r="E67531" s="15">
        <v>45747</v>
      </c>
      <c r="F67531" s="14" t="s">
        <v>61</v>
      </c>
      <c r="G67531" s="16">
        <v>2.7585837884284201</v>
      </c>
    </row>
    <row r="67532" spans="1:7" x14ac:dyDescent="0.3">
      <c r="A67532" s="13" t="s">
        <v>357</v>
      </c>
      <c r="B67532" s="14" t="s">
        <v>1</v>
      </c>
      <c r="C67532" s="14" t="s">
        <v>96</v>
      </c>
      <c r="D67532" s="14" t="s">
        <v>146</v>
      </c>
      <c r="E67532" s="15">
        <v>45383</v>
      </c>
      <c r="F67532" s="14" t="s">
        <v>61</v>
      </c>
      <c r="G67532" s="16">
        <v>0</v>
      </c>
    </row>
    <row r="67533" spans="1:7" x14ac:dyDescent="0.3">
      <c r="A67533" s="13" t="s">
        <v>357</v>
      </c>
      <c r="B67533" s="14" t="s">
        <v>1</v>
      </c>
      <c r="C67533" s="14" t="s">
        <v>96</v>
      </c>
      <c r="D67533" s="14" t="s">
        <v>146</v>
      </c>
      <c r="E67533" s="15">
        <v>45384</v>
      </c>
      <c r="F67533" s="14" t="s">
        <v>61</v>
      </c>
      <c r="G67533" s="16">
        <v>0</v>
      </c>
    </row>
    <row r="67534" spans="1:7" x14ac:dyDescent="0.3">
      <c r="A67534" s="13" t="s">
        <v>357</v>
      </c>
      <c r="B67534" s="14" t="s">
        <v>1</v>
      </c>
      <c r="C67534" s="14" t="s">
        <v>96</v>
      </c>
      <c r="D67534" s="14" t="s">
        <v>146</v>
      </c>
      <c r="E67534" s="15">
        <v>45385</v>
      </c>
      <c r="F67534" s="14" t="s">
        <v>61</v>
      </c>
      <c r="G67534" s="16">
        <v>0</v>
      </c>
    </row>
    <row r="67535" spans="1:7" x14ac:dyDescent="0.3">
      <c r="A67535" s="13" t="s">
        <v>357</v>
      </c>
      <c r="B67535" s="14" t="s">
        <v>1</v>
      </c>
      <c r="C67535" s="14" t="s">
        <v>96</v>
      </c>
      <c r="D67535" s="14" t="s">
        <v>146</v>
      </c>
      <c r="E67535" s="15">
        <v>45386</v>
      </c>
      <c r="F67535" s="14" t="s">
        <v>61</v>
      </c>
      <c r="G67535" s="16">
        <v>0</v>
      </c>
    </row>
    <row r="67536" spans="1:7" x14ac:dyDescent="0.3">
      <c r="A67536" s="13" t="s">
        <v>357</v>
      </c>
      <c r="B67536" s="14" t="s">
        <v>1</v>
      </c>
      <c r="C67536" s="14" t="s">
        <v>96</v>
      </c>
      <c r="D67536" s="14" t="s">
        <v>146</v>
      </c>
      <c r="E67536" s="15">
        <v>45387</v>
      </c>
      <c r="F67536" s="14" t="s">
        <v>61</v>
      </c>
      <c r="G67536" s="16">
        <v>0</v>
      </c>
    </row>
    <row r="67537" spans="1:7" x14ac:dyDescent="0.3">
      <c r="A67537" s="13" t="s">
        <v>357</v>
      </c>
      <c r="B67537" s="14" t="s">
        <v>1</v>
      </c>
      <c r="C67537" s="14" t="s">
        <v>96</v>
      </c>
      <c r="D67537" s="14" t="s">
        <v>146</v>
      </c>
      <c r="E67537" s="15">
        <v>45388</v>
      </c>
      <c r="F67537" s="14" t="s">
        <v>61</v>
      </c>
      <c r="G67537" s="16">
        <v>0</v>
      </c>
    </row>
    <row r="67538" spans="1:7" x14ac:dyDescent="0.3">
      <c r="A67538" s="13" t="s">
        <v>357</v>
      </c>
      <c r="B67538" s="14" t="s">
        <v>1</v>
      </c>
      <c r="C67538" s="14" t="s">
        <v>96</v>
      </c>
      <c r="D67538" s="14" t="s">
        <v>146</v>
      </c>
      <c r="E67538" s="15">
        <v>45389</v>
      </c>
      <c r="F67538" s="14" t="s">
        <v>61</v>
      </c>
      <c r="G67538" s="16">
        <v>0</v>
      </c>
    </row>
    <row r="67539" spans="1:7" x14ac:dyDescent="0.3">
      <c r="A67539" s="13" t="s">
        <v>357</v>
      </c>
      <c r="B67539" s="14" t="s">
        <v>1</v>
      </c>
      <c r="C67539" s="14" t="s">
        <v>96</v>
      </c>
      <c r="D67539" s="14" t="s">
        <v>146</v>
      </c>
      <c r="E67539" s="15">
        <v>45390</v>
      </c>
      <c r="F67539" s="14" t="s">
        <v>61</v>
      </c>
      <c r="G67539" s="16">
        <v>0</v>
      </c>
    </row>
    <row r="67540" spans="1:7" x14ac:dyDescent="0.3">
      <c r="A67540" s="13" t="s">
        <v>357</v>
      </c>
      <c r="B67540" s="14" t="s">
        <v>1</v>
      </c>
      <c r="C67540" s="14" t="s">
        <v>96</v>
      </c>
      <c r="D67540" s="14" t="s">
        <v>146</v>
      </c>
      <c r="E67540" s="15">
        <v>45391</v>
      </c>
      <c r="F67540" s="14" t="s">
        <v>61</v>
      </c>
      <c r="G67540" s="16">
        <v>0</v>
      </c>
    </row>
    <row r="67541" spans="1:7" x14ac:dyDescent="0.3">
      <c r="A67541" s="13" t="s">
        <v>357</v>
      </c>
      <c r="B67541" s="14" t="s">
        <v>1</v>
      </c>
      <c r="C67541" s="14" t="s">
        <v>96</v>
      </c>
      <c r="D67541" s="14" t="s">
        <v>146</v>
      </c>
      <c r="E67541" s="15">
        <v>45392</v>
      </c>
      <c r="F67541" s="14" t="s">
        <v>61</v>
      </c>
      <c r="G67541" s="16">
        <v>0</v>
      </c>
    </row>
    <row r="67542" spans="1:7" x14ac:dyDescent="0.3">
      <c r="A67542" s="13" t="s">
        <v>357</v>
      </c>
      <c r="B67542" s="14" t="s">
        <v>1</v>
      </c>
      <c r="C67542" s="14" t="s">
        <v>96</v>
      </c>
      <c r="D67542" s="14" t="s">
        <v>146</v>
      </c>
      <c r="E67542" s="15">
        <v>45393</v>
      </c>
      <c r="F67542" s="14" t="s">
        <v>61</v>
      </c>
      <c r="G67542" s="16">
        <v>0</v>
      </c>
    </row>
    <row r="67543" spans="1:7" x14ac:dyDescent="0.3">
      <c r="A67543" s="13" t="s">
        <v>357</v>
      </c>
      <c r="B67543" s="14" t="s">
        <v>1</v>
      </c>
      <c r="C67543" s="14" t="s">
        <v>96</v>
      </c>
      <c r="D67543" s="14" t="s">
        <v>146</v>
      </c>
      <c r="E67543" s="15">
        <v>45394</v>
      </c>
      <c r="F67543" s="14" t="s">
        <v>61</v>
      </c>
      <c r="G67543" s="16">
        <v>0</v>
      </c>
    </row>
    <row r="67544" spans="1:7" x14ac:dyDescent="0.3">
      <c r="A67544" s="13" t="s">
        <v>357</v>
      </c>
      <c r="B67544" s="14" t="s">
        <v>1</v>
      </c>
      <c r="C67544" s="14" t="s">
        <v>96</v>
      </c>
      <c r="D67544" s="14" t="s">
        <v>146</v>
      </c>
      <c r="E67544" s="15">
        <v>45395</v>
      </c>
      <c r="F67544" s="14" t="s">
        <v>61</v>
      </c>
      <c r="G67544" s="16">
        <v>0</v>
      </c>
    </row>
    <row r="67545" spans="1:7" x14ac:dyDescent="0.3">
      <c r="A67545" s="13" t="s">
        <v>357</v>
      </c>
      <c r="B67545" s="14" t="s">
        <v>1</v>
      </c>
      <c r="C67545" s="14" t="s">
        <v>96</v>
      </c>
      <c r="D67545" s="14" t="s">
        <v>146</v>
      </c>
      <c r="E67545" s="15">
        <v>45396</v>
      </c>
      <c r="F67545" s="14" t="s">
        <v>61</v>
      </c>
      <c r="G67545" s="16">
        <v>0</v>
      </c>
    </row>
    <row r="67546" spans="1:7" x14ac:dyDescent="0.3">
      <c r="A67546" s="13" t="s">
        <v>357</v>
      </c>
      <c r="B67546" s="14" t="s">
        <v>1</v>
      </c>
      <c r="C67546" s="14" t="s">
        <v>96</v>
      </c>
      <c r="D67546" s="14" t="s">
        <v>146</v>
      </c>
      <c r="E67546" s="15">
        <v>45397</v>
      </c>
      <c r="F67546" s="14" t="s">
        <v>61</v>
      </c>
      <c r="G67546" s="16">
        <v>0</v>
      </c>
    </row>
    <row r="67547" spans="1:7" x14ac:dyDescent="0.3">
      <c r="A67547" s="13" t="s">
        <v>357</v>
      </c>
      <c r="B67547" s="14" t="s">
        <v>1</v>
      </c>
      <c r="C67547" s="14" t="s">
        <v>96</v>
      </c>
      <c r="D67547" s="14" t="s">
        <v>146</v>
      </c>
      <c r="E67547" s="15">
        <v>45398</v>
      </c>
      <c r="F67547" s="14" t="s">
        <v>61</v>
      </c>
      <c r="G67547" s="16">
        <v>0</v>
      </c>
    </row>
    <row r="67548" spans="1:7" x14ac:dyDescent="0.3">
      <c r="A67548" s="13" t="s">
        <v>357</v>
      </c>
      <c r="B67548" s="14" t="s">
        <v>1</v>
      </c>
      <c r="C67548" s="14" t="s">
        <v>96</v>
      </c>
      <c r="D67548" s="14" t="s">
        <v>146</v>
      </c>
      <c r="E67548" s="15">
        <v>45399</v>
      </c>
      <c r="F67548" s="14" t="s">
        <v>61</v>
      </c>
      <c r="G67548" s="16">
        <v>0</v>
      </c>
    </row>
    <row r="67549" spans="1:7" x14ac:dyDescent="0.3">
      <c r="A67549" s="13" t="s">
        <v>357</v>
      </c>
      <c r="B67549" s="14" t="s">
        <v>1</v>
      </c>
      <c r="C67549" s="14" t="s">
        <v>96</v>
      </c>
      <c r="D67549" s="14" t="s">
        <v>146</v>
      </c>
      <c r="E67549" s="15">
        <v>45400</v>
      </c>
      <c r="F67549" s="14" t="s">
        <v>61</v>
      </c>
      <c r="G67549" s="16">
        <v>0</v>
      </c>
    </row>
    <row r="67550" spans="1:7" x14ac:dyDescent="0.3">
      <c r="A67550" s="13" t="s">
        <v>357</v>
      </c>
      <c r="B67550" s="14" t="s">
        <v>1</v>
      </c>
      <c r="C67550" s="14" t="s">
        <v>96</v>
      </c>
      <c r="D67550" s="14" t="s">
        <v>146</v>
      </c>
      <c r="E67550" s="15">
        <v>45401</v>
      </c>
      <c r="F67550" s="14" t="s">
        <v>61</v>
      </c>
      <c r="G67550" s="16">
        <v>0</v>
      </c>
    </row>
    <row r="67551" spans="1:7" x14ac:dyDescent="0.3">
      <c r="A67551" s="13" t="s">
        <v>357</v>
      </c>
      <c r="B67551" s="14" t="s">
        <v>1</v>
      </c>
      <c r="C67551" s="14" t="s">
        <v>96</v>
      </c>
      <c r="D67551" s="14" t="s">
        <v>146</v>
      </c>
      <c r="E67551" s="15">
        <v>45402</v>
      </c>
      <c r="F67551" s="14" t="s">
        <v>61</v>
      </c>
      <c r="G67551" s="16">
        <v>0</v>
      </c>
    </row>
    <row r="67552" spans="1:7" x14ac:dyDescent="0.3">
      <c r="A67552" s="13" t="s">
        <v>357</v>
      </c>
      <c r="B67552" s="14" t="s">
        <v>1</v>
      </c>
      <c r="C67552" s="14" t="s">
        <v>96</v>
      </c>
      <c r="D67552" s="14" t="s">
        <v>146</v>
      </c>
      <c r="E67552" s="15">
        <v>45403</v>
      </c>
      <c r="F67552" s="14" t="s">
        <v>61</v>
      </c>
      <c r="G67552" s="16">
        <v>0</v>
      </c>
    </row>
    <row r="67553" spans="1:7" x14ac:dyDescent="0.3">
      <c r="A67553" s="13" t="s">
        <v>357</v>
      </c>
      <c r="B67553" s="14" t="s">
        <v>1</v>
      </c>
      <c r="C67553" s="14" t="s">
        <v>96</v>
      </c>
      <c r="D67553" s="14" t="s">
        <v>146</v>
      </c>
      <c r="E67553" s="15">
        <v>45404</v>
      </c>
      <c r="F67553" s="14" t="s">
        <v>61</v>
      </c>
      <c r="G67553" s="16">
        <v>0</v>
      </c>
    </row>
    <row r="67554" spans="1:7" x14ac:dyDescent="0.3">
      <c r="A67554" s="13" t="s">
        <v>357</v>
      </c>
      <c r="B67554" s="14" t="s">
        <v>1</v>
      </c>
      <c r="C67554" s="14" t="s">
        <v>96</v>
      </c>
      <c r="D67554" s="14" t="s">
        <v>146</v>
      </c>
      <c r="E67554" s="15">
        <v>45405</v>
      </c>
      <c r="F67554" s="14" t="s">
        <v>61</v>
      </c>
      <c r="G67554" s="16">
        <v>0</v>
      </c>
    </row>
    <row r="67555" spans="1:7" x14ac:dyDescent="0.3">
      <c r="A67555" s="13" t="s">
        <v>357</v>
      </c>
      <c r="B67555" s="14" t="s">
        <v>1</v>
      </c>
      <c r="C67555" s="14" t="s">
        <v>96</v>
      </c>
      <c r="D67555" s="14" t="s">
        <v>146</v>
      </c>
      <c r="E67555" s="15">
        <v>45406</v>
      </c>
      <c r="F67555" s="14" t="s">
        <v>61</v>
      </c>
      <c r="G67555" s="16">
        <v>0</v>
      </c>
    </row>
    <row r="67556" spans="1:7" x14ac:dyDescent="0.3">
      <c r="A67556" s="13" t="s">
        <v>357</v>
      </c>
      <c r="B67556" s="14" t="s">
        <v>1</v>
      </c>
      <c r="C67556" s="14" t="s">
        <v>96</v>
      </c>
      <c r="D67556" s="14" t="s">
        <v>146</v>
      </c>
      <c r="E67556" s="15">
        <v>45407</v>
      </c>
      <c r="F67556" s="14" t="s">
        <v>61</v>
      </c>
      <c r="G67556" s="16">
        <v>0</v>
      </c>
    </row>
    <row r="67557" spans="1:7" x14ac:dyDescent="0.3">
      <c r="A67557" s="13" t="s">
        <v>357</v>
      </c>
      <c r="B67557" s="14" t="s">
        <v>1</v>
      </c>
      <c r="C67557" s="14" t="s">
        <v>96</v>
      </c>
      <c r="D67557" s="14" t="s">
        <v>146</v>
      </c>
      <c r="E67557" s="15">
        <v>45408</v>
      </c>
      <c r="F67557" s="14" t="s">
        <v>61</v>
      </c>
      <c r="G67557" s="16">
        <v>0</v>
      </c>
    </row>
    <row r="67558" spans="1:7" x14ac:dyDescent="0.3">
      <c r="A67558" s="13" t="s">
        <v>357</v>
      </c>
      <c r="B67558" s="14" t="s">
        <v>1</v>
      </c>
      <c r="C67558" s="14" t="s">
        <v>96</v>
      </c>
      <c r="D67558" s="14" t="s">
        <v>146</v>
      </c>
      <c r="E67558" s="15">
        <v>45409</v>
      </c>
      <c r="F67558" s="14" t="s">
        <v>61</v>
      </c>
      <c r="G67558" s="16">
        <v>0</v>
      </c>
    </row>
    <row r="67559" spans="1:7" x14ac:dyDescent="0.3">
      <c r="A67559" s="13" t="s">
        <v>357</v>
      </c>
      <c r="B67559" s="14" t="s">
        <v>1</v>
      </c>
      <c r="C67559" s="14" t="s">
        <v>96</v>
      </c>
      <c r="D67559" s="14" t="s">
        <v>146</v>
      </c>
      <c r="E67559" s="15">
        <v>45410</v>
      </c>
      <c r="F67559" s="14" t="s">
        <v>61</v>
      </c>
      <c r="G67559" s="16">
        <v>0</v>
      </c>
    </row>
    <row r="67560" spans="1:7" x14ac:dyDescent="0.3">
      <c r="A67560" s="13" t="s">
        <v>357</v>
      </c>
      <c r="B67560" s="14" t="s">
        <v>1</v>
      </c>
      <c r="C67560" s="14" t="s">
        <v>96</v>
      </c>
      <c r="D67560" s="14" t="s">
        <v>146</v>
      </c>
      <c r="E67560" s="15">
        <v>45411</v>
      </c>
      <c r="F67560" s="14" t="s">
        <v>61</v>
      </c>
      <c r="G67560" s="16">
        <v>0</v>
      </c>
    </row>
    <row r="67561" spans="1:7" x14ac:dyDescent="0.3">
      <c r="A67561" s="13" t="s">
        <v>357</v>
      </c>
      <c r="B67561" s="14" t="s">
        <v>1</v>
      </c>
      <c r="C67561" s="14" t="s">
        <v>96</v>
      </c>
      <c r="D67561" s="14" t="s">
        <v>146</v>
      </c>
      <c r="E67561" s="15">
        <v>45412</v>
      </c>
      <c r="F67561" s="14" t="s">
        <v>61</v>
      </c>
      <c r="G67561" s="16">
        <v>0</v>
      </c>
    </row>
    <row r="67562" spans="1:7" x14ac:dyDescent="0.3">
      <c r="A67562" s="13" t="s">
        <v>357</v>
      </c>
      <c r="B67562" s="14" t="s">
        <v>1</v>
      </c>
      <c r="C67562" s="14" t="s">
        <v>96</v>
      </c>
      <c r="D67562" s="14" t="s">
        <v>146</v>
      </c>
      <c r="E67562" s="15">
        <v>45413</v>
      </c>
      <c r="F67562" s="14" t="s">
        <v>61</v>
      </c>
      <c r="G67562" s="16">
        <v>0</v>
      </c>
    </row>
    <row r="67563" spans="1:7" x14ac:dyDescent="0.3">
      <c r="A67563" s="13" t="s">
        <v>357</v>
      </c>
      <c r="B67563" s="14" t="s">
        <v>1</v>
      </c>
      <c r="C67563" s="14" t="s">
        <v>96</v>
      </c>
      <c r="D67563" s="14" t="s">
        <v>146</v>
      </c>
      <c r="E67563" s="15">
        <v>45414</v>
      </c>
      <c r="F67563" s="14" t="s">
        <v>61</v>
      </c>
      <c r="G67563" s="16">
        <v>0</v>
      </c>
    </row>
    <row r="67564" spans="1:7" x14ac:dyDescent="0.3">
      <c r="A67564" s="13" t="s">
        <v>357</v>
      </c>
      <c r="B67564" s="14" t="s">
        <v>1</v>
      </c>
      <c r="C67564" s="14" t="s">
        <v>96</v>
      </c>
      <c r="D67564" s="14" t="s">
        <v>146</v>
      </c>
      <c r="E67564" s="15">
        <v>45415</v>
      </c>
      <c r="F67564" s="14" t="s">
        <v>61</v>
      </c>
      <c r="G67564" s="16">
        <v>0</v>
      </c>
    </row>
    <row r="67565" spans="1:7" x14ac:dyDescent="0.3">
      <c r="A67565" s="13" t="s">
        <v>357</v>
      </c>
      <c r="B67565" s="14" t="s">
        <v>1</v>
      </c>
      <c r="C67565" s="14" t="s">
        <v>96</v>
      </c>
      <c r="D67565" s="14" t="s">
        <v>146</v>
      </c>
      <c r="E67565" s="15">
        <v>45416</v>
      </c>
      <c r="F67565" s="14" t="s">
        <v>61</v>
      </c>
      <c r="G67565" s="16">
        <v>0</v>
      </c>
    </row>
    <row r="67566" spans="1:7" x14ac:dyDescent="0.3">
      <c r="A67566" s="13" t="s">
        <v>357</v>
      </c>
      <c r="B67566" s="14" t="s">
        <v>1</v>
      </c>
      <c r="C67566" s="14" t="s">
        <v>96</v>
      </c>
      <c r="D67566" s="14" t="s">
        <v>146</v>
      </c>
      <c r="E67566" s="15">
        <v>45417</v>
      </c>
      <c r="F67566" s="14" t="s">
        <v>61</v>
      </c>
      <c r="G67566" s="16">
        <v>0</v>
      </c>
    </row>
    <row r="67567" spans="1:7" x14ac:dyDescent="0.3">
      <c r="A67567" s="13" t="s">
        <v>357</v>
      </c>
      <c r="B67567" s="14" t="s">
        <v>1</v>
      </c>
      <c r="C67567" s="14" t="s">
        <v>96</v>
      </c>
      <c r="D67567" s="14" t="s">
        <v>146</v>
      </c>
      <c r="E67567" s="15">
        <v>45418</v>
      </c>
      <c r="F67567" s="14" t="s">
        <v>61</v>
      </c>
      <c r="G67567" s="16">
        <v>0</v>
      </c>
    </row>
    <row r="67568" spans="1:7" x14ac:dyDescent="0.3">
      <c r="A67568" s="13" t="s">
        <v>357</v>
      </c>
      <c r="B67568" s="14" t="s">
        <v>1</v>
      </c>
      <c r="C67568" s="14" t="s">
        <v>96</v>
      </c>
      <c r="D67568" s="14" t="s">
        <v>146</v>
      </c>
      <c r="E67568" s="15">
        <v>45419</v>
      </c>
      <c r="F67568" s="14" t="s">
        <v>61</v>
      </c>
      <c r="G67568" s="16">
        <v>0</v>
      </c>
    </row>
    <row r="67569" spans="1:7" x14ac:dyDescent="0.3">
      <c r="A67569" s="13" t="s">
        <v>357</v>
      </c>
      <c r="B67569" s="14" t="s">
        <v>1</v>
      </c>
      <c r="C67569" s="14" t="s">
        <v>96</v>
      </c>
      <c r="D67569" s="14" t="s">
        <v>146</v>
      </c>
      <c r="E67569" s="15">
        <v>45420</v>
      </c>
      <c r="F67569" s="14" t="s">
        <v>61</v>
      </c>
      <c r="G67569" s="16">
        <v>0</v>
      </c>
    </row>
    <row r="67570" spans="1:7" x14ac:dyDescent="0.3">
      <c r="A67570" s="13" t="s">
        <v>357</v>
      </c>
      <c r="B67570" s="14" t="s">
        <v>1</v>
      </c>
      <c r="C67570" s="14" t="s">
        <v>96</v>
      </c>
      <c r="D67570" s="14" t="s">
        <v>146</v>
      </c>
      <c r="E67570" s="15">
        <v>45421</v>
      </c>
      <c r="F67570" s="14" t="s">
        <v>61</v>
      </c>
      <c r="G67570" s="16">
        <v>0</v>
      </c>
    </row>
    <row r="67571" spans="1:7" x14ac:dyDescent="0.3">
      <c r="A67571" s="13" t="s">
        <v>357</v>
      </c>
      <c r="B67571" s="14" t="s">
        <v>1</v>
      </c>
      <c r="C67571" s="14" t="s">
        <v>96</v>
      </c>
      <c r="D67571" s="14" t="s">
        <v>146</v>
      </c>
      <c r="E67571" s="15">
        <v>45422</v>
      </c>
      <c r="F67571" s="14" t="s">
        <v>61</v>
      </c>
      <c r="G67571" s="16">
        <v>0</v>
      </c>
    </row>
    <row r="67572" spans="1:7" x14ac:dyDescent="0.3">
      <c r="A67572" s="13" t="s">
        <v>357</v>
      </c>
      <c r="B67572" s="14" t="s">
        <v>1</v>
      </c>
      <c r="C67572" s="14" t="s">
        <v>96</v>
      </c>
      <c r="D67572" s="14" t="s">
        <v>146</v>
      </c>
      <c r="E67572" s="15">
        <v>45423</v>
      </c>
      <c r="F67572" s="14" t="s">
        <v>61</v>
      </c>
      <c r="G67572" s="16">
        <v>0</v>
      </c>
    </row>
    <row r="67573" spans="1:7" x14ac:dyDescent="0.3">
      <c r="A67573" s="13" t="s">
        <v>357</v>
      </c>
      <c r="B67573" s="14" t="s">
        <v>1</v>
      </c>
      <c r="C67573" s="14" t="s">
        <v>96</v>
      </c>
      <c r="D67573" s="14" t="s">
        <v>146</v>
      </c>
      <c r="E67573" s="15">
        <v>45424</v>
      </c>
      <c r="F67573" s="14" t="s">
        <v>61</v>
      </c>
      <c r="G67573" s="16">
        <v>0</v>
      </c>
    </row>
    <row r="67574" spans="1:7" x14ac:dyDescent="0.3">
      <c r="A67574" s="13" t="s">
        <v>357</v>
      </c>
      <c r="B67574" s="14" t="s">
        <v>1</v>
      </c>
      <c r="C67574" s="14" t="s">
        <v>96</v>
      </c>
      <c r="D67574" s="14" t="s">
        <v>146</v>
      </c>
      <c r="E67574" s="15">
        <v>45425</v>
      </c>
      <c r="F67574" s="14" t="s">
        <v>61</v>
      </c>
      <c r="G67574" s="16">
        <v>0</v>
      </c>
    </row>
    <row r="67575" spans="1:7" x14ac:dyDescent="0.3">
      <c r="A67575" s="13" t="s">
        <v>357</v>
      </c>
      <c r="B67575" s="14" t="s">
        <v>1</v>
      </c>
      <c r="C67575" s="14" t="s">
        <v>96</v>
      </c>
      <c r="D67575" s="14" t="s">
        <v>146</v>
      </c>
      <c r="E67575" s="15">
        <v>45426</v>
      </c>
      <c r="F67575" s="14" t="s">
        <v>61</v>
      </c>
      <c r="G67575" s="16">
        <v>0</v>
      </c>
    </row>
    <row r="67576" spans="1:7" x14ac:dyDescent="0.3">
      <c r="A67576" s="13" t="s">
        <v>357</v>
      </c>
      <c r="B67576" s="14" t="s">
        <v>1</v>
      </c>
      <c r="C67576" s="14" t="s">
        <v>96</v>
      </c>
      <c r="D67576" s="14" t="s">
        <v>146</v>
      </c>
      <c r="E67576" s="15">
        <v>45427</v>
      </c>
      <c r="F67576" s="14" t="s">
        <v>61</v>
      </c>
      <c r="G67576" s="16">
        <v>0</v>
      </c>
    </row>
    <row r="67577" spans="1:7" x14ac:dyDescent="0.3">
      <c r="A67577" s="13" t="s">
        <v>357</v>
      </c>
      <c r="B67577" s="14" t="s">
        <v>1</v>
      </c>
      <c r="C67577" s="14" t="s">
        <v>96</v>
      </c>
      <c r="D67577" s="14" t="s">
        <v>146</v>
      </c>
      <c r="E67577" s="15">
        <v>45428</v>
      </c>
      <c r="F67577" s="14" t="s">
        <v>61</v>
      </c>
      <c r="G67577" s="16">
        <v>0</v>
      </c>
    </row>
    <row r="67578" spans="1:7" x14ac:dyDescent="0.3">
      <c r="A67578" s="13" t="s">
        <v>357</v>
      </c>
      <c r="B67578" s="14" t="s">
        <v>1</v>
      </c>
      <c r="C67578" s="14" t="s">
        <v>96</v>
      </c>
      <c r="D67578" s="14" t="s">
        <v>146</v>
      </c>
      <c r="E67578" s="15">
        <v>45429</v>
      </c>
      <c r="F67578" s="14" t="s">
        <v>61</v>
      </c>
      <c r="G67578" s="16">
        <v>0</v>
      </c>
    </row>
    <row r="67579" spans="1:7" x14ac:dyDescent="0.3">
      <c r="A67579" s="13" t="s">
        <v>357</v>
      </c>
      <c r="B67579" s="14" t="s">
        <v>1</v>
      </c>
      <c r="C67579" s="14" t="s">
        <v>96</v>
      </c>
      <c r="D67579" s="14" t="s">
        <v>146</v>
      </c>
      <c r="E67579" s="15">
        <v>45430</v>
      </c>
      <c r="F67579" s="14" t="s">
        <v>61</v>
      </c>
      <c r="G67579" s="16">
        <v>0</v>
      </c>
    </row>
    <row r="67580" spans="1:7" x14ac:dyDescent="0.3">
      <c r="A67580" s="13" t="s">
        <v>357</v>
      </c>
      <c r="B67580" s="14" t="s">
        <v>1</v>
      </c>
      <c r="C67580" s="14" t="s">
        <v>96</v>
      </c>
      <c r="D67580" s="14" t="s">
        <v>146</v>
      </c>
      <c r="E67580" s="15">
        <v>45431</v>
      </c>
      <c r="F67580" s="14" t="s">
        <v>61</v>
      </c>
      <c r="G67580" s="16">
        <v>0</v>
      </c>
    </row>
    <row r="67581" spans="1:7" x14ac:dyDescent="0.3">
      <c r="A67581" s="13" t="s">
        <v>357</v>
      </c>
      <c r="B67581" s="14" t="s">
        <v>1</v>
      </c>
      <c r="C67581" s="14" t="s">
        <v>96</v>
      </c>
      <c r="D67581" s="14" t="s">
        <v>146</v>
      </c>
      <c r="E67581" s="15">
        <v>45432</v>
      </c>
      <c r="F67581" s="14" t="s">
        <v>61</v>
      </c>
      <c r="G67581" s="16">
        <v>0</v>
      </c>
    </row>
    <row r="67582" spans="1:7" x14ac:dyDescent="0.3">
      <c r="A67582" s="13" t="s">
        <v>357</v>
      </c>
      <c r="B67582" s="14" t="s">
        <v>1</v>
      </c>
      <c r="C67582" s="14" t="s">
        <v>96</v>
      </c>
      <c r="D67582" s="14" t="s">
        <v>146</v>
      </c>
      <c r="E67582" s="15">
        <v>45433</v>
      </c>
      <c r="F67582" s="14" t="s">
        <v>61</v>
      </c>
      <c r="G67582" s="16">
        <v>0</v>
      </c>
    </row>
    <row r="67583" spans="1:7" x14ac:dyDescent="0.3">
      <c r="A67583" s="13" t="s">
        <v>357</v>
      </c>
      <c r="B67583" s="14" t="s">
        <v>1</v>
      </c>
      <c r="C67583" s="14" t="s">
        <v>96</v>
      </c>
      <c r="D67583" s="14" t="s">
        <v>146</v>
      </c>
      <c r="E67583" s="15">
        <v>45434</v>
      </c>
      <c r="F67583" s="14" t="s">
        <v>61</v>
      </c>
      <c r="G67583" s="16">
        <v>0</v>
      </c>
    </row>
    <row r="67584" spans="1:7" x14ac:dyDescent="0.3">
      <c r="A67584" s="13" t="s">
        <v>357</v>
      </c>
      <c r="B67584" s="14" t="s">
        <v>1</v>
      </c>
      <c r="C67584" s="14" t="s">
        <v>96</v>
      </c>
      <c r="D67584" s="14" t="s">
        <v>146</v>
      </c>
      <c r="E67584" s="15">
        <v>45435</v>
      </c>
      <c r="F67584" s="14" t="s">
        <v>61</v>
      </c>
      <c r="G67584" s="16">
        <v>0</v>
      </c>
    </row>
    <row r="67585" spans="1:7" x14ac:dyDescent="0.3">
      <c r="A67585" s="13" t="s">
        <v>357</v>
      </c>
      <c r="B67585" s="14" t="s">
        <v>1</v>
      </c>
      <c r="C67585" s="14" t="s">
        <v>96</v>
      </c>
      <c r="D67585" s="14" t="s">
        <v>146</v>
      </c>
      <c r="E67585" s="15">
        <v>45436</v>
      </c>
      <c r="F67585" s="14" t="s">
        <v>61</v>
      </c>
      <c r="G67585" s="16">
        <v>0</v>
      </c>
    </row>
    <row r="67586" spans="1:7" x14ac:dyDescent="0.3">
      <c r="A67586" s="13" t="s">
        <v>357</v>
      </c>
      <c r="B67586" s="14" t="s">
        <v>1</v>
      </c>
      <c r="C67586" s="14" t="s">
        <v>96</v>
      </c>
      <c r="D67586" s="14" t="s">
        <v>146</v>
      </c>
      <c r="E67586" s="15">
        <v>45437</v>
      </c>
      <c r="F67586" s="14" t="s">
        <v>61</v>
      </c>
      <c r="G67586" s="16">
        <v>0</v>
      </c>
    </row>
    <row r="67587" spans="1:7" x14ac:dyDescent="0.3">
      <c r="A67587" s="13" t="s">
        <v>357</v>
      </c>
      <c r="B67587" s="14" t="s">
        <v>1</v>
      </c>
      <c r="C67587" s="14" t="s">
        <v>96</v>
      </c>
      <c r="D67587" s="14" t="s">
        <v>146</v>
      </c>
      <c r="E67587" s="15">
        <v>45438</v>
      </c>
      <c r="F67587" s="14" t="s">
        <v>61</v>
      </c>
      <c r="G67587" s="16">
        <v>0</v>
      </c>
    </row>
    <row r="67588" spans="1:7" x14ac:dyDescent="0.3">
      <c r="A67588" s="13" t="s">
        <v>357</v>
      </c>
      <c r="B67588" s="14" t="s">
        <v>1</v>
      </c>
      <c r="C67588" s="14" t="s">
        <v>96</v>
      </c>
      <c r="D67588" s="14" t="s">
        <v>146</v>
      </c>
      <c r="E67588" s="15">
        <v>45439</v>
      </c>
      <c r="F67588" s="14" t="s">
        <v>61</v>
      </c>
      <c r="G67588" s="16">
        <v>0</v>
      </c>
    </row>
    <row r="67589" spans="1:7" x14ac:dyDescent="0.3">
      <c r="A67589" s="13" t="s">
        <v>357</v>
      </c>
      <c r="B67589" s="14" t="s">
        <v>1</v>
      </c>
      <c r="C67589" s="14" t="s">
        <v>96</v>
      </c>
      <c r="D67589" s="14" t="s">
        <v>146</v>
      </c>
      <c r="E67589" s="15">
        <v>45440</v>
      </c>
      <c r="F67589" s="14" t="s">
        <v>61</v>
      </c>
      <c r="G67589" s="16">
        <v>0</v>
      </c>
    </row>
    <row r="67590" spans="1:7" x14ac:dyDescent="0.3">
      <c r="A67590" s="13" t="s">
        <v>357</v>
      </c>
      <c r="B67590" s="14" t="s">
        <v>1</v>
      </c>
      <c r="C67590" s="14" t="s">
        <v>96</v>
      </c>
      <c r="D67590" s="14" t="s">
        <v>146</v>
      </c>
      <c r="E67590" s="15">
        <v>45441</v>
      </c>
      <c r="F67590" s="14" t="s">
        <v>61</v>
      </c>
      <c r="G67590" s="16">
        <v>0</v>
      </c>
    </row>
    <row r="67591" spans="1:7" x14ac:dyDescent="0.3">
      <c r="A67591" s="13" t="s">
        <v>357</v>
      </c>
      <c r="B67591" s="14" t="s">
        <v>1</v>
      </c>
      <c r="C67591" s="14" t="s">
        <v>96</v>
      </c>
      <c r="D67591" s="14" t="s">
        <v>146</v>
      </c>
      <c r="E67591" s="15">
        <v>45442</v>
      </c>
      <c r="F67591" s="14" t="s">
        <v>61</v>
      </c>
      <c r="G67591" s="16">
        <v>0</v>
      </c>
    </row>
    <row r="67592" spans="1:7" x14ac:dyDescent="0.3">
      <c r="A67592" s="13" t="s">
        <v>357</v>
      </c>
      <c r="B67592" s="14" t="s">
        <v>1</v>
      </c>
      <c r="C67592" s="14" t="s">
        <v>96</v>
      </c>
      <c r="D67592" s="14" t="s">
        <v>146</v>
      </c>
      <c r="E67592" s="15">
        <v>45443</v>
      </c>
      <c r="F67592" s="14" t="s">
        <v>61</v>
      </c>
      <c r="G67592" s="16">
        <v>0</v>
      </c>
    </row>
    <row r="67593" spans="1:7" x14ac:dyDescent="0.3">
      <c r="A67593" s="13" t="s">
        <v>357</v>
      </c>
      <c r="B67593" s="14" t="s">
        <v>1</v>
      </c>
      <c r="C67593" s="14" t="s">
        <v>96</v>
      </c>
      <c r="D67593" s="14" t="s">
        <v>146</v>
      </c>
      <c r="E67593" s="15">
        <v>45444</v>
      </c>
      <c r="F67593" s="14" t="s">
        <v>61</v>
      </c>
      <c r="G67593" s="16">
        <v>0</v>
      </c>
    </row>
    <row r="67594" spans="1:7" x14ac:dyDescent="0.3">
      <c r="A67594" s="13" t="s">
        <v>357</v>
      </c>
      <c r="B67594" s="14" t="s">
        <v>1</v>
      </c>
      <c r="C67594" s="14" t="s">
        <v>96</v>
      </c>
      <c r="D67594" s="14" t="s">
        <v>146</v>
      </c>
      <c r="E67594" s="15">
        <v>45445</v>
      </c>
      <c r="F67594" s="14" t="s">
        <v>61</v>
      </c>
      <c r="G67594" s="16">
        <v>0</v>
      </c>
    </row>
    <row r="67595" spans="1:7" x14ac:dyDescent="0.3">
      <c r="A67595" s="13" t="s">
        <v>357</v>
      </c>
      <c r="B67595" s="14" t="s">
        <v>1</v>
      </c>
      <c r="C67595" s="14" t="s">
        <v>96</v>
      </c>
      <c r="D67595" s="14" t="s">
        <v>146</v>
      </c>
      <c r="E67595" s="15">
        <v>45446</v>
      </c>
      <c r="F67595" s="14" t="s">
        <v>61</v>
      </c>
      <c r="G67595" s="16">
        <v>0</v>
      </c>
    </row>
    <row r="67596" spans="1:7" x14ac:dyDescent="0.3">
      <c r="A67596" s="13" t="s">
        <v>357</v>
      </c>
      <c r="B67596" s="14" t="s">
        <v>1</v>
      </c>
      <c r="C67596" s="14" t="s">
        <v>96</v>
      </c>
      <c r="D67596" s="14" t="s">
        <v>146</v>
      </c>
      <c r="E67596" s="15">
        <v>45447</v>
      </c>
      <c r="F67596" s="14" t="s">
        <v>61</v>
      </c>
      <c r="G67596" s="16">
        <v>0</v>
      </c>
    </row>
    <row r="67597" spans="1:7" x14ac:dyDescent="0.3">
      <c r="A67597" s="13" t="s">
        <v>357</v>
      </c>
      <c r="B67597" s="14" t="s">
        <v>1</v>
      </c>
      <c r="C67597" s="14" t="s">
        <v>96</v>
      </c>
      <c r="D67597" s="14" t="s">
        <v>146</v>
      </c>
      <c r="E67597" s="15">
        <v>45448</v>
      </c>
      <c r="F67597" s="14" t="s">
        <v>61</v>
      </c>
      <c r="G67597" s="16">
        <v>0</v>
      </c>
    </row>
    <row r="67598" spans="1:7" x14ac:dyDescent="0.3">
      <c r="A67598" s="13" t="s">
        <v>357</v>
      </c>
      <c r="B67598" s="14" t="s">
        <v>1</v>
      </c>
      <c r="C67598" s="14" t="s">
        <v>96</v>
      </c>
      <c r="D67598" s="14" t="s">
        <v>146</v>
      </c>
      <c r="E67598" s="15">
        <v>45449</v>
      </c>
      <c r="F67598" s="14" t="s">
        <v>61</v>
      </c>
      <c r="G67598" s="16">
        <v>0</v>
      </c>
    </row>
    <row r="67599" spans="1:7" x14ac:dyDescent="0.3">
      <c r="A67599" s="13" t="s">
        <v>357</v>
      </c>
      <c r="B67599" s="14" t="s">
        <v>1</v>
      </c>
      <c r="C67599" s="14" t="s">
        <v>96</v>
      </c>
      <c r="D67599" s="14" t="s">
        <v>146</v>
      </c>
      <c r="E67599" s="15">
        <v>45450</v>
      </c>
      <c r="F67599" s="14" t="s">
        <v>61</v>
      </c>
      <c r="G67599" s="16">
        <v>0</v>
      </c>
    </row>
    <row r="67600" spans="1:7" x14ac:dyDescent="0.3">
      <c r="A67600" s="13" t="s">
        <v>357</v>
      </c>
      <c r="B67600" s="14" t="s">
        <v>1</v>
      </c>
      <c r="C67600" s="14" t="s">
        <v>96</v>
      </c>
      <c r="D67600" s="14" t="s">
        <v>146</v>
      </c>
      <c r="E67600" s="15">
        <v>45451</v>
      </c>
      <c r="F67600" s="14" t="s">
        <v>61</v>
      </c>
      <c r="G67600" s="16">
        <v>0</v>
      </c>
    </row>
    <row r="67601" spans="1:7" x14ac:dyDescent="0.3">
      <c r="A67601" s="13" t="s">
        <v>357</v>
      </c>
      <c r="B67601" s="14" t="s">
        <v>1</v>
      </c>
      <c r="C67601" s="14" t="s">
        <v>96</v>
      </c>
      <c r="D67601" s="14" t="s">
        <v>146</v>
      </c>
      <c r="E67601" s="15">
        <v>45452</v>
      </c>
      <c r="F67601" s="14" t="s">
        <v>61</v>
      </c>
      <c r="G67601" s="16">
        <v>0</v>
      </c>
    </row>
    <row r="67602" spans="1:7" x14ac:dyDescent="0.3">
      <c r="A67602" s="13" t="s">
        <v>357</v>
      </c>
      <c r="B67602" s="14" t="s">
        <v>1</v>
      </c>
      <c r="C67602" s="14" t="s">
        <v>96</v>
      </c>
      <c r="D67602" s="14" t="s">
        <v>146</v>
      </c>
      <c r="E67602" s="15">
        <v>45453</v>
      </c>
      <c r="F67602" s="14" t="s">
        <v>61</v>
      </c>
      <c r="G67602" s="16">
        <v>0</v>
      </c>
    </row>
    <row r="67603" spans="1:7" x14ac:dyDescent="0.3">
      <c r="A67603" s="13" t="s">
        <v>357</v>
      </c>
      <c r="B67603" s="14" t="s">
        <v>1</v>
      </c>
      <c r="C67603" s="14" t="s">
        <v>96</v>
      </c>
      <c r="D67603" s="14" t="s">
        <v>146</v>
      </c>
      <c r="E67603" s="15">
        <v>45454</v>
      </c>
      <c r="F67603" s="14" t="s">
        <v>61</v>
      </c>
      <c r="G67603" s="16">
        <v>0</v>
      </c>
    </row>
    <row r="67604" spans="1:7" x14ac:dyDescent="0.3">
      <c r="A67604" s="13" t="s">
        <v>357</v>
      </c>
      <c r="B67604" s="14" t="s">
        <v>1</v>
      </c>
      <c r="C67604" s="14" t="s">
        <v>96</v>
      </c>
      <c r="D67604" s="14" t="s">
        <v>146</v>
      </c>
      <c r="E67604" s="15">
        <v>45455</v>
      </c>
      <c r="F67604" s="14" t="s">
        <v>61</v>
      </c>
      <c r="G67604" s="16">
        <v>0</v>
      </c>
    </row>
    <row r="67605" spans="1:7" x14ac:dyDescent="0.3">
      <c r="A67605" s="13" t="s">
        <v>357</v>
      </c>
      <c r="B67605" s="14" t="s">
        <v>1</v>
      </c>
      <c r="C67605" s="14" t="s">
        <v>96</v>
      </c>
      <c r="D67605" s="14" t="s">
        <v>146</v>
      </c>
      <c r="E67605" s="15">
        <v>45456</v>
      </c>
      <c r="F67605" s="14" t="s">
        <v>61</v>
      </c>
      <c r="G67605" s="16">
        <v>0</v>
      </c>
    </row>
    <row r="67606" spans="1:7" x14ac:dyDescent="0.3">
      <c r="A67606" s="13" t="s">
        <v>357</v>
      </c>
      <c r="B67606" s="14" t="s">
        <v>1</v>
      </c>
      <c r="C67606" s="14" t="s">
        <v>96</v>
      </c>
      <c r="D67606" s="14" t="s">
        <v>146</v>
      </c>
      <c r="E67606" s="15">
        <v>45457</v>
      </c>
      <c r="F67606" s="14" t="s">
        <v>61</v>
      </c>
      <c r="G67606" s="16">
        <v>0</v>
      </c>
    </row>
    <row r="67607" spans="1:7" x14ac:dyDescent="0.3">
      <c r="A67607" s="13" t="s">
        <v>357</v>
      </c>
      <c r="B67607" s="14" t="s">
        <v>1</v>
      </c>
      <c r="C67607" s="14" t="s">
        <v>96</v>
      </c>
      <c r="D67607" s="14" t="s">
        <v>146</v>
      </c>
      <c r="E67607" s="15">
        <v>45458</v>
      </c>
      <c r="F67607" s="14" t="s">
        <v>61</v>
      </c>
      <c r="G67607" s="16">
        <v>0</v>
      </c>
    </row>
    <row r="67608" spans="1:7" x14ac:dyDescent="0.3">
      <c r="A67608" s="13" t="s">
        <v>357</v>
      </c>
      <c r="B67608" s="14" t="s">
        <v>1</v>
      </c>
      <c r="C67608" s="14" t="s">
        <v>96</v>
      </c>
      <c r="D67608" s="14" t="s">
        <v>146</v>
      </c>
      <c r="E67608" s="15">
        <v>45459</v>
      </c>
      <c r="F67608" s="14" t="s">
        <v>61</v>
      </c>
      <c r="G67608" s="16">
        <v>0</v>
      </c>
    </row>
    <row r="67609" spans="1:7" x14ac:dyDescent="0.3">
      <c r="A67609" s="13" t="s">
        <v>357</v>
      </c>
      <c r="B67609" s="14" t="s">
        <v>1</v>
      </c>
      <c r="C67609" s="14" t="s">
        <v>96</v>
      </c>
      <c r="D67609" s="14" t="s">
        <v>146</v>
      </c>
      <c r="E67609" s="15">
        <v>45460</v>
      </c>
      <c r="F67609" s="14" t="s">
        <v>61</v>
      </c>
      <c r="G67609" s="16">
        <v>0</v>
      </c>
    </row>
    <row r="67610" spans="1:7" x14ac:dyDescent="0.3">
      <c r="A67610" s="13" t="s">
        <v>357</v>
      </c>
      <c r="B67610" s="14" t="s">
        <v>1</v>
      </c>
      <c r="C67610" s="14" t="s">
        <v>96</v>
      </c>
      <c r="D67610" s="14" t="s">
        <v>146</v>
      </c>
      <c r="E67610" s="15">
        <v>45461</v>
      </c>
      <c r="F67610" s="14" t="s">
        <v>61</v>
      </c>
      <c r="G67610" s="16">
        <v>0</v>
      </c>
    </row>
    <row r="67611" spans="1:7" x14ac:dyDescent="0.3">
      <c r="A67611" s="13" t="s">
        <v>357</v>
      </c>
      <c r="B67611" s="14" t="s">
        <v>1</v>
      </c>
      <c r="C67611" s="14" t="s">
        <v>96</v>
      </c>
      <c r="D67611" s="14" t="s">
        <v>146</v>
      </c>
      <c r="E67611" s="15">
        <v>45462</v>
      </c>
      <c r="F67611" s="14" t="s">
        <v>61</v>
      </c>
      <c r="G67611" s="16">
        <v>0</v>
      </c>
    </row>
    <row r="67612" spans="1:7" x14ac:dyDescent="0.3">
      <c r="A67612" s="13" t="s">
        <v>357</v>
      </c>
      <c r="B67612" s="14" t="s">
        <v>1</v>
      </c>
      <c r="C67612" s="14" t="s">
        <v>96</v>
      </c>
      <c r="D67612" s="14" t="s">
        <v>146</v>
      </c>
      <c r="E67612" s="15">
        <v>45463</v>
      </c>
      <c r="F67612" s="14" t="s">
        <v>61</v>
      </c>
      <c r="G67612" s="16">
        <v>0</v>
      </c>
    </row>
    <row r="67613" spans="1:7" x14ac:dyDescent="0.3">
      <c r="A67613" s="13" t="s">
        <v>357</v>
      </c>
      <c r="B67613" s="14" t="s">
        <v>1</v>
      </c>
      <c r="C67613" s="14" t="s">
        <v>96</v>
      </c>
      <c r="D67613" s="14" t="s">
        <v>146</v>
      </c>
      <c r="E67613" s="15">
        <v>45464</v>
      </c>
      <c r="F67613" s="14" t="s">
        <v>61</v>
      </c>
      <c r="G67613" s="16">
        <v>0</v>
      </c>
    </row>
    <row r="67614" spans="1:7" x14ac:dyDescent="0.3">
      <c r="A67614" s="13" t="s">
        <v>357</v>
      </c>
      <c r="B67614" s="14" t="s">
        <v>1</v>
      </c>
      <c r="C67614" s="14" t="s">
        <v>96</v>
      </c>
      <c r="D67614" s="14" t="s">
        <v>146</v>
      </c>
      <c r="E67614" s="15">
        <v>45465</v>
      </c>
      <c r="F67614" s="14" t="s">
        <v>61</v>
      </c>
      <c r="G67614" s="16">
        <v>0</v>
      </c>
    </row>
    <row r="67615" spans="1:7" x14ac:dyDescent="0.3">
      <c r="A67615" s="13" t="s">
        <v>357</v>
      </c>
      <c r="B67615" s="14" t="s">
        <v>1</v>
      </c>
      <c r="C67615" s="14" t="s">
        <v>96</v>
      </c>
      <c r="D67615" s="14" t="s">
        <v>146</v>
      </c>
      <c r="E67615" s="15">
        <v>45466</v>
      </c>
      <c r="F67615" s="14" t="s">
        <v>61</v>
      </c>
      <c r="G67615" s="16">
        <v>0</v>
      </c>
    </row>
    <row r="67616" spans="1:7" x14ac:dyDescent="0.3">
      <c r="A67616" s="13" t="s">
        <v>357</v>
      </c>
      <c r="B67616" s="14" t="s">
        <v>1</v>
      </c>
      <c r="C67616" s="14" t="s">
        <v>96</v>
      </c>
      <c r="D67616" s="14" t="s">
        <v>146</v>
      </c>
      <c r="E67616" s="15">
        <v>45467</v>
      </c>
      <c r="F67616" s="14" t="s">
        <v>61</v>
      </c>
      <c r="G67616" s="16">
        <v>0</v>
      </c>
    </row>
    <row r="67617" spans="1:7" x14ac:dyDescent="0.3">
      <c r="A67617" s="13" t="s">
        <v>357</v>
      </c>
      <c r="B67617" s="14" t="s">
        <v>1</v>
      </c>
      <c r="C67617" s="14" t="s">
        <v>96</v>
      </c>
      <c r="D67617" s="14" t="s">
        <v>146</v>
      </c>
      <c r="E67617" s="15">
        <v>45468</v>
      </c>
      <c r="F67617" s="14" t="s">
        <v>61</v>
      </c>
      <c r="G67617" s="16">
        <v>0</v>
      </c>
    </row>
    <row r="67618" spans="1:7" x14ac:dyDescent="0.3">
      <c r="A67618" s="13" t="s">
        <v>357</v>
      </c>
      <c r="B67618" s="14" t="s">
        <v>1</v>
      </c>
      <c r="C67618" s="14" t="s">
        <v>96</v>
      </c>
      <c r="D67618" s="14" t="s">
        <v>146</v>
      </c>
      <c r="E67618" s="15">
        <v>45469</v>
      </c>
      <c r="F67618" s="14" t="s">
        <v>61</v>
      </c>
      <c r="G67618" s="16">
        <v>0</v>
      </c>
    </row>
    <row r="67619" spans="1:7" x14ac:dyDescent="0.3">
      <c r="A67619" s="13" t="s">
        <v>357</v>
      </c>
      <c r="B67619" s="14" t="s">
        <v>1</v>
      </c>
      <c r="C67619" s="14" t="s">
        <v>96</v>
      </c>
      <c r="D67619" s="14" t="s">
        <v>146</v>
      </c>
      <c r="E67619" s="15">
        <v>45470</v>
      </c>
      <c r="F67619" s="14" t="s">
        <v>61</v>
      </c>
      <c r="G67619" s="16">
        <v>0</v>
      </c>
    </row>
    <row r="67620" spans="1:7" x14ac:dyDescent="0.3">
      <c r="A67620" s="13" t="s">
        <v>357</v>
      </c>
      <c r="B67620" s="14" t="s">
        <v>1</v>
      </c>
      <c r="C67620" s="14" t="s">
        <v>96</v>
      </c>
      <c r="D67620" s="14" t="s">
        <v>146</v>
      </c>
      <c r="E67620" s="15">
        <v>45471</v>
      </c>
      <c r="F67620" s="14" t="s">
        <v>61</v>
      </c>
      <c r="G67620" s="16">
        <v>0</v>
      </c>
    </row>
    <row r="67621" spans="1:7" x14ac:dyDescent="0.3">
      <c r="A67621" s="13" t="s">
        <v>357</v>
      </c>
      <c r="B67621" s="14" t="s">
        <v>1</v>
      </c>
      <c r="C67621" s="14" t="s">
        <v>96</v>
      </c>
      <c r="D67621" s="14" t="s">
        <v>146</v>
      </c>
      <c r="E67621" s="15">
        <v>45472</v>
      </c>
      <c r="F67621" s="14" t="s">
        <v>61</v>
      </c>
      <c r="G67621" s="16">
        <v>0</v>
      </c>
    </row>
    <row r="67622" spans="1:7" x14ac:dyDescent="0.3">
      <c r="A67622" s="13" t="s">
        <v>357</v>
      </c>
      <c r="B67622" s="14" t="s">
        <v>1</v>
      </c>
      <c r="C67622" s="14" t="s">
        <v>96</v>
      </c>
      <c r="D67622" s="14" t="s">
        <v>146</v>
      </c>
      <c r="E67622" s="15">
        <v>45473</v>
      </c>
      <c r="F67622" s="14" t="s">
        <v>61</v>
      </c>
      <c r="G67622" s="16">
        <v>0</v>
      </c>
    </row>
    <row r="67623" spans="1:7" x14ac:dyDescent="0.3">
      <c r="A67623" s="13" t="s">
        <v>357</v>
      </c>
      <c r="B67623" s="14" t="s">
        <v>1</v>
      </c>
      <c r="C67623" s="14" t="s">
        <v>96</v>
      </c>
      <c r="D67623" s="14" t="s">
        <v>146</v>
      </c>
      <c r="E67623" s="15">
        <v>45474</v>
      </c>
      <c r="F67623" s="14" t="s">
        <v>61</v>
      </c>
      <c r="G67623" s="16">
        <v>0</v>
      </c>
    </row>
    <row r="67624" spans="1:7" x14ac:dyDescent="0.3">
      <c r="A67624" s="13" t="s">
        <v>357</v>
      </c>
      <c r="B67624" s="14" t="s">
        <v>1</v>
      </c>
      <c r="C67624" s="14" t="s">
        <v>96</v>
      </c>
      <c r="D67624" s="14" t="s">
        <v>146</v>
      </c>
      <c r="E67624" s="15">
        <v>45475</v>
      </c>
      <c r="F67624" s="14" t="s">
        <v>61</v>
      </c>
      <c r="G67624" s="16">
        <v>0</v>
      </c>
    </row>
    <row r="67625" spans="1:7" x14ac:dyDescent="0.3">
      <c r="A67625" s="13" t="s">
        <v>357</v>
      </c>
      <c r="B67625" s="14" t="s">
        <v>1</v>
      </c>
      <c r="C67625" s="14" t="s">
        <v>96</v>
      </c>
      <c r="D67625" s="14" t="s">
        <v>146</v>
      </c>
      <c r="E67625" s="15">
        <v>45476</v>
      </c>
      <c r="F67625" s="14" t="s">
        <v>61</v>
      </c>
      <c r="G67625" s="16">
        <v>0</v>
      </c>
    </row>
    <row r="67626" spans="1:7" x14ac:dyDescent="0.3">
      <c r="A67626" s="13" t="s">
        <v>357</v>
      </c>
      <c r="B67626" s="14" t="s">
        <v>1</v>
      </c>
      <c r="C67626" s="14" t="s">
        <v>96</v>
      </c>
      <c r="D67626" s="14" t="s">
        <v>146</v>
      </c>
      <c r="E67626" s="15">
        <v>45477</v>
      </c>
      <c r="F67626" s="14" t="s">
        <v>61</v>
      </c>
      <c r="G67626" s="16">
        <v>0</v>
      </c>
    </row>
    <row r="67627" spans="1:7" x14ac:dyDescent="0.3">
      <c r="A67627" s="13" t="s">
        <v>357</v>
      </c>
      <c r="B67627" s="14" t="s">
        <v>1</v>
      </c>
      <c r="C67627" s="14" t="s">
        <v>96</v>
      </c>
      <c r="D67627" s="14" t="s">
        <v>146</v>
      </c>
      <c r="E67627" s="15">
        <v>45478</v>
      </c>
      <c r="F67627" s="14" t="s">
        <v>61</v>
      </c>
      <c r="G67627" s="16">
        <v>0</v>
      </c>
    </row>
    <row r="67628" spans="1:7" x14ac:dyDescent="0.3">
      <c r="A67628" s="13" t="s">
        <v>357</v>
      </c>
      <c r="B67628" s="14" t="s">
        <v>1</v>
      </c>
      <c r="C67628" s="14" t="s">
        <v>96</v>
      </c>
      <c r="D67628" s="14" t="s">
        <v>146</v>
      </c>
      <c r="E67628" s="15">
        <v>45479</v>
      </c>
      <c r="F67628" s="14" t="s">
        <v>61</v>
      </c>
      <c r="G67628" s="16">
        <v>0</v>
      </c>
    </row>
    <row r="67629" spans="1:7" x14ac:dyDescent="0.3">
      <c r="A67629" s="13" t="s">
        <v>357</v>
      </c>
      <c r="B67629" s="14" t="s">
        <v>1</v>
      </c>
      <c r="C67629" s="14" t="s">
        <v>96</v>
      </c>
      <c r="D67629" s="14" t="s">
        <v>146</v>
      </c>
      <c r="E67629" s="15">
        <v>45480</v>
      </c>
      <c r="F67629" s="14" t="s">
        <v>61</v>
      </c>
      <c r="G67629" s="16">
        <v>0</v>
      </c>
    </row>
    <row r="67630" spans="1:7" x14ac:dyDescent="0.3">
      <c r="A67630" s="13" t="s">
        <v>357</v>
      </c>
      <c r="B67630" s="14" t="s">
        <v>1</v>
      </c>
      <c r="C67630" s="14" t="s">
        <v>96</v>
      </c>
      <c r="D67630" s="14" t="s">
        <v>146</v>
      </c>
      <c r="E67630" s="15">
        <v>45481</v>
      </c>
      <c r="F67630" s="14" t="s">
        <v>61</v>
      </c>
      <c r="G67630" s="16">
        <v>0</v>
      </c>
    </row>
    <row r="67631" spans="1:7" x14ac:dyDescent="0.3">
      <c r="A67631" s="13" t="s">
        <v>357</v>
      </c>
      <c r="B67631" s="14" t="s">
        <v>1</v>
      </c>
      <c r="C67631" s="14" t="s">
        <v>96</v>
      </c>
      <c r="D67631" s="14" t="s">
        <v>146</v>
      </c>
      <c r="E67631" s="15">
        <v>45482</v>
      </c>
      <c r="F67631" s="14" t="s">
        <v>61</v>
      </c>
      <c r="G67631" s="16">
        <v>0</v>
      </c>
    </row>
    <row r="67632" spans="1:7" x14ac:dyDescent="0.3">
      <c r="A67632" s="13" t="s">
        <v>357</v>
      </c>
      <c r="B67632" s="14" t="s">
        <v>1</v>
      </c>
      <c r="C67632" s="14" t="s">
        <v>96</v>
      </c>
      <c r="D67632" s="14" t="s">
        <v>146</v>
      </c>
      <c r="E67632" s="15">
        <v>45483</v>
      </c>
      <c r="F67632" s="14" t="s">
        <v>61</v>
      </c>
      <c r="G67632" s="16">
        <v>0</v>
      </c>
    </row>
    <row r="67633" spans="1:7" x14ac:dyDescent="0.3">
      <c r="A67633" s="13" t="s">
        <v>357</v>
      </c>
      <c r="B67633" s="14" t="s">
        <v>1</v>
      </c>
      <c r="C67633" s="14" t="s">
        <v>96</v>
      </c>
      <c r="D67633" s="14" t="s">
        <v>146</v>
      </c>
      <c r="E67633" s="15">
        <v>45484</v>
      </c>
      <c r="F67633" s="14" t="s">
        <v>61</v>
      </c>
      <c r="G67633" s="16">
        <v>0</v>
      </c>
    </row>
    <row r="67634" spans="1:7" x14ac:dyDescent="0.3">
      <c r="A67634" s="13" t="s">
        <v>357</v>
      </c>
      <c r="B67634" s="14" t="s">
        <v>1</v>
      </c>
      <c r="C67634" s="14" t="s">
        <v>96</v>
      </c>
      <c r="D67634" s="14" t="s">
        <v>146</v>
      </c>
      <c r="E67634" s="15">
        <v>45485</v>
      </c>
      <c r="F67634" s="14" t="s">
        <v>61</v>
      </c>
      <c r="G67634" s="16">
        <v>0</v>
      </c>
    </row>
    <row r="67635" spans="1:7" x14ac:dyDescent="0.3">
      <c r="A67635" s="13" t="s">
        <v>357</v>
      </c>
      <c r="B67635" s="14" t="s">
        <v>1</v>
      </c>
      <c r="C67635" s="14" t="s">
        <v>96</v>
      </c>
      <c r="D67635" s="14" t="s">
        <v>146</v>
      </c>
      <c r="E67635" s="15">
        <v>45486</v>
      </c>
      <c r="F67635" s="14" t="s">
        <v>61</v>
      </c>
      <c r="G67635" s="16">
        <v>0</v>
      </c>
    </row>
    <row r="67636" spans="1:7" x14ac:dyDescent="0.3">
      <c r="A67636" s="13" t="s">
        <v>357</v>
      </c>
      <c r="B67636" s="14" t="s">
        <v>1</v>
      </c>
      <c r="C67636" s="14" t="s">
        <v>96</v>
      </c>
      <c r="D67636" s="14" t="s">
        <v>146</v>
      </c>
      <c r="E67636" s="15">
        <v>45487</v>
      </c>
      <c r="F67636" s="14" t="s">
        <v>61</v>
      </c>
      <c r="G67636" s="16">
        <v>0</v>
      </c>
    </row>
    <row r="67637" spans="1:7" x14ac:dyDescent="0.3">
      <c r="A67637" s="13" t="s">
        <v>357</v>
      </c>
      <c r="B67637" s="14" t="s">
        <v>1</v>
      </c>
      <c r="C67637" s="14" t="s">
        <v>96</v>
      </c>
      <c r="D67637" s="14" t="s">
        <v>146</v>
      </c>
      <c r="E67637" s="15">
        <v>45488</v>
      </c>
      <c r="F67637" s="14" t="s">
        <v>61</v>
      </c>
      <c r="G67637" s="16">
        <v>0</v>
      </c>
    </row>
    <row r="67638" spans="1:7" x14ac:dyDescent="0.3">
      <c r="A67638" s="13" t="s">
        <v>357</v>
      </c>
      <c r="B67638" s="14" t="s">
        <v>1</v>
      </c>
      <c r="C67638" s="14" t="s">
        <v>96</v>
      </c>
      <c r="D67638" s="14" t="s">
        <v>146</v>
      </c>
      <c r="E67638" s="15">
        <v>45489</v>
      </c>
      <c r="F67638" s="14" t="s">
        <v>61</v>
      </c>
      <c r="G67638" s="16">
        <v>0</v>
      </c>
    </row>
    <row r="67639" spans="1:7" x14ac:dyDescent="0.3">
      <c r="A67639" s="13" t="s">
        <v>357</v>
      </c>
      <c r="B67639" s="14" t="s">
        <v>1</v>
      </c>
      <c r="C67639" s="14" t="s">
        <v>96</v>
      </c>
      <c r="D67639" s="14" t="s">
        <v>146</v>
      </c>
      <c r="E67639" s="15">
        <v>45490</v>
      </c>
      <c r="F67639" s="14" t="s">
        <v>61</v>
      </c>
      <c r="G67639" s="16">
        <v>0</v>
      </c>
    </row>
    <row r="67640" spans="1:7" x14ac:dyDescent="0.3">
      <c r="A67640" s="13" t="s">
        <v>357</v>
      </c>
      <c r="B67640" s="14" t="s">
        <v>1</v>
      </c>
      <c r="C67640" s="14" t="s">
        <v>96</v>
      </c>
      <c r="D67640" s="14" t="s">
        <v>146</v>
      </c>
      <c r="E67640" s="15">
        <v>45491</v>
      </c>
      <c r="F67640" s="14" t="s">
        <v>61</v>
      </c>
      <c r="G67640" s="16">
        <v>0</v>
      </c>
    </row>
    <row r="67641" spans="1:7" x14ac:dyDescent="0.3">
      <c r="A67641" s="13" t="s">
        <v>357</v>
      </c>
      <c r="B67641" s="14" t="s">
        <v>1</v>
      </c>
      <c r="C67641" s="14" t="s">
        <v>96</v>
      </c>
      <c r="D67641" s="14" t="s">
        <v>146</v>
      </c>
      <c r="E67641" s="15">
        <v>45492</v>
      </c>
      <c r="F67641" s="14" t="s">
        <v>61</v>
      </c>
      <c r="G67641" s="16">
        <v>0</v>
      </c>
    </row>
    <row r="67642" spans="1:7" x14ac:dyDescent="0.3">
      <c r="A67642" s="13" t="s">
        <v>357</v>
      </c>
      <c r="B67642" s="14" t="s">
        <v>1</v>
      </c>
      <c r="C67642" s="14" t="s">
        <v>96</v>
      </c>
      <c r="D67642" s="14" t="s">
        <v>146</v>
      </c>
      <c r="E67642" s="15">
        <v>45493</v>
      </c>
      <c r="F67642" s="14" t="s">
        <v>61</v>
      </c>
      <c r="G67642" s="16">
        <v>0</v>
      </c>
    </row>
    <row r="67643" spans="1:7" x14ac:dyDescent="0.3">
      <c r="A67643" s="13" t="s">
        <v>357</v>
      </c>
      <c r="B67643" s="14" t="s">
        <v>1</v>
      </c>
      <c r="C67643" s="14" t="s">
        <v>96</v>
      </c>
      <c r="D67643" s="14" t="s">
        <v>146</v>
      </c>
      <c r="E67643" s="15">
        <v>45494</v>
      </c>
      <c r="F67643" s="14" t="s">
        <v>61</v>
      </c>
      <c r="G67643" s="16">
        <v>0</v>
      </c>
    </row>
    <row r="67644" spans="1:7" x14ac:dyDescent="0.3">
      <c r="A67644" s="13" t="s">
        <v>357</v>
      </c>
      <c r="B67644" s="14" t="s">
        <v>1</v>
      </c>
      <c r="C67644" s="14" t="s">
        <v>96</v>
      </c>
      <c r="D67644" s="14" t="s">
        <v>146</v>
      </c>
      <c r="E67644" s="15">
        <v>45495</v>
      </c>
      <c r="F67644" s="14" t="s">
        <v>61</v>
      </c>
      <c r="G67644" s="16">
        <v>0</v>
      </c>
    </row>
    <row r="67645" spans="1:7" x14ac:dyDescent="0.3">
      <c r="A67645" s="13" t="s">
        <v>357</v>
      </c>
      <c r="B67645" s="14" t="s">
        <v>1</v>
      </c>
      <c r="C67645" s="14" t="s">
        <v>96</v>
      </c>
      <c r="D67645" s="14" t="s">
        <v>146</v>
      </c>
      <c r="E67645" s="15">
        <v>45496</v>
      </c>
      <c r="F67645" s="14" t="s">
        <v>61</v>
      </c>
      <c r="G67645" s="16">
        <v>0</v>
      </c>
    </row>
    <row r="67646" spans="1:7" x14ac:dyDescent="0.3">
      <c r="A67646" s="13" t="s">
        <v>357</v>
      </c>
      <c r="B67646" s="14" t="s">
        <v>1</v>
      </c>
      <c r="C67646" s="14" t="s">
        <v>96</v>
      </c>
      <c r="D67646" s="14" t="s">
        <v>146</v>
      </c>
      <c r="E67646" s="15">
        <v>45497</v>
      </c>
      <c r="F67646" s="14" t="s">
        <v>61</v>
      </c>
      <c r="G67646" s="16">
        <v>0</v>
      </c>
    </row>
    <row r="67647" spans="1:7" x14ac:dyDescent="0.3">
      <c r="A67647" s="13" t="s">
        <v>357</v>
      </c>
      <c r="B67647" s="14" t="s">
        <v>1</v>
      </c>
      <c r="C67647" s="14" t="s">
        <v>96</v>
      </c>
      <c r="D67647" s="14" t="s">
        <v>146</v>
      </c>
      <c r="E67647" s="15">
        <v>45498</v>
      </c>
      <c r="F67647" s="14" t="s">
        <v>61</v>
      </c>
      <c r="G67647" s="16">
        <v>0</v>
      </c>
    </row>
    <row r="67648" spans="1:7" x14ac:dyDescent="0.3">
      <c r="A67648" s="13" t="s">
        <v>357</v>
      </c>
      <c r="B67648" s="14" t="s">
        <v>1</v>
      </c>
      <c r="C67648" s="14" t="s">
        <v>96</v>
      </c>
      <c r="D67648" s="14" t="s">
        <v>146</v>
      </c>
      <c r="E67648" s="15">
        <v>45499</v>
      </c>
      <c r="F67648" s="14" t="s">
        <v>61</v>
      </c>
      <c r="G67648" s="16">
        <v>0</v>
      </c>
    </row>
    <row r="67649" spans="1:7" x14ac:dyDescent="0.3">
      <c r="A67649" s="13" t="s">
        <v>357</v>
      </c>
      <c r="B67649" s="14" t="s">
        <v>1</v>
      </c>
      <c r="C67649" s="14" t="s">
        <v>96</v>
      </c>
      <c r="D67649" s="14" t="s">
        <v>146</v>
      </c>
      <c r="E67649" s="15">
        <v>45500</v>
      </c>
      <c r="F67649" s="14" t="s">
        <v>61</v>
      </c>
      <c r="G67649" s="16">
        <v>0</v>
      </c>
    </row>
    <row r="67650" spans="1:7" x14ac:dyDescent="0.3">
      <c r="A67650" s="13" t="s">
        <v>357</v>
      </c>
      <c r="B67650" s="14" t="s">
        <v>1</v>
      </c>
      <c r="C67650" s="14" t="s">
        <v>96</v>
      </c>
      <c r="D67650" s="14" t="s">
        <v>146</v>
      </c>
      <c r="E67650" s="15">
        <v>45501</v>
      </c>
      <c r="F67650" s="14" t="s">
        <v>61</v>
      </c>
      <c r="G67650" s="16">
        <v>0</v>
      </c>
    </row>
    <row r="67651" spans="1:7" x14ac:dyDescent="0.3">
      <c r="A67651" s="13" t="s">
        <v>357</v>
      </c>
      <c r="B67651" s="14" t="s">
        <v>1</v>
      </c>
      <c r="C67651" s="14" t="s">
        <v>96</v>
      </c>
      <c r="D67651" s="14" t="s">
        <v>146</v>
      </c>
      <c r="E67651" s="15">
        <v>45502</v>
      </c>
      <c r="F67651" s="14" t="s">
        <v>61</v>
      </c>
      <c r="G67651" s="16">
        <v>0</v>
      </c>
    </row>
    <row r="67652" spans="1:7" x14ac:dyDescent="0.3">
      <c r="A67652" s="13" t="s">
        <v>357</v>
      </c>
      <c r="B67652" s="14" t="s">
        <v>1</v>
      </c>
      <c r="C67652" s="14" t="s">
        <v>96</v>
      </c>
      <c r="D67652" s="14" t="s">
        <v>146</v>
      </c>
      <c r="E67652" s="15">
        <v>45503</v>
      </c>
      <c r="F67652" s="14" t="s">
        <v>61</v>
      </c>
      <c r="G67652" s="16">
        <v>0</v>
      </c>
    </row>
    <row r="67653" spans="1:7" x14ac:dyDescent="0.3">
      <c r="A67653" s="13" t="s">
        <v>357</v>
      </c>
      <c r="B67653" s="14" t="s">
        <v>1</v>
      </c>
      <c r="C67653" s="14" t="s">
        <v>96</v>
      </c>
      <c r="D67653" s="14" t="s">
        <v>146</v>
      </c>
      <c r="E67653" s="15">
        <v>45504</v>
      </c>
      <c r="F67653" s="14" t="s">
        <v>61</v>
      </c>
      <c r="G67653" s="16">
        <v>0</v>
      </c>
    </row>
    <row r="67654" spans="1:7" x14ac:dyDescent="0.3">
      <c r="A67654" s="13" t="s">
        <v>357</v>
      </c>
      <c r="B67654" s="14" t="s">
        <v>1</v>
      </c>
      <c r="C67654" s="14" t="s">
        <v>96</v>
      </c>
      <c r="D67654" s="14" t="s">
        <v>146</v>
      </c>
      <c r="E67654" s="15">
        <v>45505</v>
      </c>
      <c r="F67654" s="14" t="s">
        <v>61</v>
      </c>
      <c r="G67654" s="16">
        <v>0</v>
      </c>
    </row>
    <row r="67655" spans="1:7" x14ac:dyDescent="0.3">
      <c r="A67655" s="13" t="s">
        <v>357</v>
      </c>
      <c r="B67655" s="14" t="s">
        <v>1</v>
      </c>
      <c r="C67655" s="14" t="s">
        <v>96</v>
      </c>
      <c r="D67655" s="14" t="s">
        <v>146</v>
      </c>
      <c r="E67655" s="15">
        <v>45506</v>
      </c>
      <c r="F67655" s="14" t="s">
        <v>61</v>
      </c>
      <c r="G67655" s="16">
        <v>0</v>
      </c>
    </row>
    <row r="67656" spans="1:7" x14ac:dyDescent="0.3">
      <c r="A67656" s="13" t="s">
        <v>357</v>
      </c>
      <c r="B67656" s="14" t="s">
        <v>1</v>
      </c>
      <c r="C67656" s="14" t="s">
        <v>96</v>
      </c>
      <c r="D67656" s="14" t="s">
        <v>146</v>
      </c>
      <c r="E67656" s="15">
        <v>45507</v>
      </c>
      <c r="F67656" s="14" t="s">
        <v>61</v>
      </c>
      <c r="G67656" s="16">
        <v>0</v>
      </c>
    </row>
    <row r="67657" spans="1:7" x14ac:dyDescent="0.3">
      <c r="A67657" s="13" t="s">
        <v>357</v>
      </c>
      <c r="B67657" s="14" t="s">
        <v>1</v>
      </c>
      <c r="C67657" s="14" t="s">
        <v>96</v>
      </c>
      <c r="D67657" s="14" t="s">
        <v>146</v>
      </c>
      <c r="E67657" s="15">
        <v>45508</v>
      </c>
      <c r="F67657" s="14" t="s">
        <v>61</v>
      </c>
      <c r="G67657" s="16">
        <v>0</v>
      </c>
    </row>
    <row r="67658" spans="1:7" x14ac:dyDescent="0.3">
      <c r="A67658" s="13" t="s">
        <v>357</v>
      </c>
      <c r="B67658" s="14" t="s">
        <v>1</v>
      </c>
      <c r="C67658" s="14" t="s">
        <v>96</v>
      </c>
      <c r="D67658" s="14" t="s">
        <v>146</v>
      </c>
      <c r="E67658" s="15">
        <v>45509</v>
      </c>
      <c r="F67658" s="14" t="s">
        <v>61</v>
      </c>
      <c r="G67658" s="16">
        <v>0</v>
      </c>
    </row>
    <row r="67659" spans="1:7" x14ac:dyDescent="0.3">
      <c r="A67659" s="13" t="s">
        <v>357</v>
      </c>
      <c r="B67659" s="14" t="s">
        <v>1</v>
      </c>
      <c r="C67659" s="14" t="s">
        <v>96</v>
      </c>
      <c r="D67659" s="14" t="s">
        <v>146</v>
      </c>
      <c r="E67659" s="15">
        <v>45510</v>
      </c>
      <c r="F67659" s="14" t="s">
        <v>61</v>
      </c>
      <c r="G67659" s="16">
        <v>0</v>
      </c>
    </row>
    <row r="67660" spans="1:7" x14ac:dyDescent="0.3">
      <c r="A67660" s="13" t="s">
        <v>357</v>
      </c>
      <c r="B67660" s="14" t="s">
        <v>1</v>
      </c>
      <c r="C67660" s="14" t="s">
        <v>96</v>
      </c>
      <c r="D67660" s="14" t="s">
        <v>146</v>
      </c>
      <c r="E67660" s="15">
        <v>45511</v>
      </c>
      <c r="F67660" s="14" t="s">
        <v>61</v>
      </c>
      <c r="G67660" s="16">
        <v>0</v>
      </c>
    </row>
    <row r="67661" spans="1:7" x14ac:dyDescent="0.3">
      <c r="A67661" s="13" t="s">
        <v>357</v>
      </c>
      <c r="B67661" s="14" t="s">
        <v>1</v>
      </c>
      <c r="C67661" s="14" t="s">
        <v>96</v>
      </c>
      <c r="D67661" s="14" t="s">
        <v>146</v>
      </c>
      <c r="E67661" s="15">
        <v>45512</v>
      </c>
      <c r="F67661" s="14" t="s">
        <v>61</v>
      </c>
      <c r="G67661" s="16">
        <v>0</v>
      </c>
    </row>
    <row r="67662" spans="1:7" x14ac:dyDescent="0.3">
      <c r="A67662" s="13" t="s">
        <v>357</v>
      </c>
      <c r="B67662" s="14" t="s">
        <v>1</v>
      </c>
      <c r="C67662" s="14" t="s">
        <v>96</v>
      </c>
      <c r="D67662" s="14" t="s">
        <v>146</v>
      </c>
      <c r="E67662" s="15">
        <v>45513</v>
      </c>
      <c r="F67662" s="14" t="s">
        <v>61</v>
      </c>
      <c r="G67662" s="16">
        <v>0</v>
      </c>
    </row>
    <row r="67663" spans="1:7" x14ac:dyDescent="0.3">
      <c r="A67663" s="13" t="s">
        <v>357</v>
      </c>
      <c r="B67663" s="14" t="s">
        <v>1</v>
      </c>
      <c r="C67663" s="14" t="s">
        <v>96</v>
      </c>
      <c r="D67663" s="14" t="s">
        <v>146</v>
      </c>
      <c r="E67663" s="15">
        <v>45514</v>
      </c>
      <c r="F67663" s="14" t="s">
        <v>61</v>
      </c>
      <c r="G67663" s="16">
        <v>0</v>
      </c>
    </row>
    <row r="67664" spans="1:7" x14ac:dyDescent="0.3">
      <c r="A67664" s="13" t="s">
        <v>357</v>
      </c>
      <c r="B67664" s="14" t="s">
        <v>1</v>
      </c>
      <c r="C67664" s="14" t="s">
        <v>96</v>
      </c>
      <c r="D67664" s="14" t="s">
        <v>146</v>
      </c>
      <c r="E67664" s="15">
        <v>45515</v>
      </c>
      <c r="F67664" s="14" t="s">
        <v>61</v>
      </c>
      <c r="G67664" s="16">
        <v>0</v>
      </c>
    </row>
    <row r="67665" spans="1:7" x14ac:dyDescent="0.3">
      <c r="A67665" s="13" t="s">
        <v>357</v>
      </c>
      <c r="B67665" s="14" t="s">
        <v>1</v>
      </c>
      <c r="C67665" s="14" t="s">
        <v>96</v>
      </c>
      <c r="D67665" s="14" t="s">
        <v>146</v>
      </c>
      <c r="E67665" s="15">
        <v>45516</v>
      </c>
      <c r="F67665" s="14" t="s">
        <v>61</v>
      </c>
      <c r="G67665" s="16">
        <v>0</v>
      </c>
    </row>
    <row r="67666" spans="1:7" x14ac:dyDescent="0.3">
      <c r="A67666" s="13" t="s">
        <v>357</v>
      </c>
      <c r="B67666" s="14" t="s">
        <v>1</v>
      </c>
      <c r="C67666" s="14" t="s">
        <v>96</v>
      </c>
      <c r="D67666" s="14" t="s">
        <v>146</v>
      </c>
      <c r="E67666" s="15">
        <v>45517</v>
      </c>
      <c r="F67666" s="14" t="s">
        <v>61</v>
      </c>
      <c r="G67666" s="16">
        <v>0</v>
      </c>
    </row>
    <row r="67667" spans="1:7" x14ac:dyDescent="0.3">
      <c r="A67667" s="13" t="s">
        <v>357</v>
      </c>
      <c r="B67667" s="14" t="s">
        <v>1</v>
      </c>
      <c r="C67667" s="14" t="s">
        <v>96</v>
      </c>
      <c r="D67667" s="14" t="s">
        <v>146</v>
      </c>
      <c r="E67667" s="15">
        <v>45518</v>
      </c>
      <c r="F67667" s="14" t="s">
        <v>61</v>
      </c>
      <c r="G67667" s="16">
        <v>0</v>
      </c>
    </row>
    <row r="67668" spans="1:7" x14ac:dyDescent="0.3">
      <c r="A67668" s="13" t="s">
        <v>357</v>
      </c>
      <c r="B67668" s="14" t="s">
        <v>1</v>
      </c>
      <c r="C67668" s="14" t="s">
        <v>96</v>
      </c>
      <c r="D67668" s="14" t="s">
        <v>146</v>
      </c>
      <c r="E67668" s="15">
        <v>45519</v>
      </c>
      <c r="F67668" s="14" t="s">
        <v>61</v>
      </c>
      <c r="G67668" s="16">
        <v>0</v>
      </c>
    </row>
    <row r="67669" spans="1:7" x14ac:dyDescent="0.3">
      <c r="A67669" s="13" t="s">
        <v>357</v>
      </c>
      <c r="B67669" s="14" t="s">
        <v>1</v>
      </c>
      <c r="C67669" s="14" t="s">
        <v>96</v>
      </c>
      <c r="D67669" s="14" t="s">
        <v>146</v>
      </c>
      <c r="E67669" s="15">
        <v>45520</v>
      </c>
      <c r="F67669" s="14" t="s">
        <v>61</v>
      </c>
      <c r="G67669" s="16">
        <v>0</v>
      </c>
    </row>
    <row r="67670" spans="1:7" x14ac:dyDescent="0.3">
      <c r="A67670" s="13" t="s">
        <v>357</v>
      </c>
      <c r="B67670" s="14" t="s">
        <v>1</v>
      </c>
      <c r="C67670" s="14" t="s">
        <v>96</v>
      </c>
      <c r="D67670" s="14" t="s">
        <v>146</v>
      </c>
      <c r="E67670" s="15">
        <v>45521</v>
      </c>
      <c r="F67670" s="14" t="s">
        <v>61</v>
      </c>
      <c r="G67670" s="16">
        <v>0</v>
      </c>
    </row>
    <row r="67671" spans="1:7" x14ac:dyDescent="0.3">
      <c r="A67671" s="13" t="s">
        <v>357</v>
      </c>
      <c r="B67671" s="14" t="s">
        <v>1</v>
      </c>
      <c r="C67671" s="14" t="s">
        <v>96</v>
      </c>
      <c r="D67671" s="14" t="s">
        <v>146</v>
      </c>
      <c r="E67671" s="15">
        <v>45522</v>
      </c>
      <c r="F67671" s="14" t="s">
        <v>61</v>
      </c>
      <c r="G67671" s="16">
        <v>0</v>
      </c>
    </row>
    <row r="67672" spans="1:7" x14ac:dyDescent="0.3">
      <c r="A67672" s="13" t="s">
        <v>357</v>
      </c>
      <c r="B67672" s="14" t="s">
        <v>1</v>
      </c>
      <c r="C67672" s="14" t="s">
        <v>96</v>
      </c>
      <c r="D67672" s="14" t="s">
        <v>146</v>
      </c>
      <c r="E67672" s="15">
        <v>45523</v>
      </c>
      <c r="F67672" s="14" t="s">
        <v>61</v>
      </c>
      <c r="G67672" s="16">
        <v>0</v>
      </c>
    </row>
    <row r="67673" spans="1:7" x14ac:dyDescent="0.3">
      <c r="A67673" s="13" t="s">
        <v>357</v>
      </c>
      <c r="B67673" s="14" t="s">
        <v>1</v>
      </c>
      <c r="C67673" s="14" t="s">
        <v>96</v>
      </c>
      <c r="D67673" s="14" t="s">
        <v>146</v>
      </c>
      <c r="E67673" s="15">
        <v>45524</v>
      </c>
      <c r="F67673" s="14" t="s">
        <v>61</v>
      </c>
      <c r="G67673" s="16">
        <v>0</v>
      </c>
    </row>
    <row r="67674" spans="1:7" x14ac:dyDescent="0.3">
      <c r="A67674" s="13" t="s">
        <v>357</v>
      </c>
      <c r="B67674" s="14" t="s">
        <v>1</v>
      </c>
      <c r="C67674" s="14" t="s">
        <v>96</v>
      </c>
      <c r="D67674" s="14" t="s">
        <v>146</v>
      </c>
      <c r="E67674" s="15">
        <v>45525</v>
      </c>
      <c r="F67674" s="14" t="s">
        <v>61</v>
      </c>
      <c r="G67674" s="16">
        <v>0</v>
      </c>
    </row>
    <row r="67675" spans="1:7" x14ac:dyDescent="0.3">
      <c r="A67675" s="13" t="s">
        <v>357</v>
      </c>
      <c r="B67675" s="14" t="s">
        <v>1</v>
      </c>
      <c r="C67675" s="14" t="s">
        <v>96</v>
      </c>
      <c r="D67675" s="14" t="s">
        <v>146</v>
      </c>
      <c r="E67675" s="15">
        <v>45526</v>
      </c>
      <c r="F67675" s="14" t="s">
        <v>61</v>
      </c>
      <c r="G67675" s="16">
        <v>0</v>
      </c>
    </row>
    <row r="67676" spans="1:7" x14ac:dyDescent="0.3">
      <c r="A67676" s="13" t="s">
        <v>357</v>
      </c>
      <c r="B67676" s="14" t="s">
        <v>1</v>
      </c>
      <c r="C67676" s="14" t="s">
        <v>96</v>
      </c>
      <c r="D67676" s="14" t="s">
        <v>146</v>
      </c>
      <c r="E67676" s="15">
        <v>45527</v>
      </c>
      <c r="F67676" s="14" t="s">
        <v>61</v>
      </c>
      <c r="G67676" s="16">
        <v>0</v>
      </c>
    </row>
    <row r="67677" spans="1:7" x14ac:dyDescent="0.3">
      <c r="A67677" s="13" t="s">
        <v>357</v>
      </c>
      <c r="B67677" s="14" t="s">
        <v>1</v>
      </c>
      <c r="C67677" s="14" t="s">
        <v>96</v>
      </c>
      <c r="D67677" s="14" t="s">
        <v>146</v>
      </c>
      <c r="E67677" s="15">
        <v>45528</v>
      </c>
      <c r="F67677" s="14" t="s">
        <v>61</v>
      </c>
      <c r="G67677" s="16">
        <v>0</v>
      </c>
    </row>
    <row r="67678" spans="1:7" x14ac:dyDescent="0.3">
      <c r="A67678" s="13" t="s">
        <v>357</v>
      </c>
      <c r="B67678" s="14" t="s">
        <v>1</v>
      </c>
      <c r="C67678" s="14" t="s">
        <v>96</v>
      </c>
      <c r="D67678" s="14" t="s">
        <v>146</v>
      </c>
      <c r="E67678" s="15">
        <v>45529</v>
      </c>
      <c r="F67678" s="14" t="s">
        <v>61</v>
      </c>
      <c r="G67678" s="16">
        <v>0</v>
      </c>
    </row>
    <row r="67679" spans="1:7" x14ac:dyDescent="0.3">
      <c r="A67679" s="13" t="s">
        <v>357</v>
      </c>
      <c r="B67679" s="14" t="s">
        <v>1</v>
      </c>
      <c r="C67679" s="14" t="s">
        <v>96</v>
      </c>
      <c r="D67679" s="14" t="s">
        <v>146</v>
      </c>
      <c r="E67679" s="15">
        <v>45530</v>
      </c>
      <c r="F67679" s="14" t="s">
        <v>61</v>
      </c>
      <c r="G67679" s="16">
        <v>0</v>
      </c>
    </row>
    <row r="67680" spans="1:7" x14ac:dyDescent="0.3">
      <c r="A67680" s="13" t="s">
        <v>357</v>
      </c>
      <c r="B67680" s="14" t="s">
        <v>1</v>
      </c>
      <c r="C67680" s="14" t="s">
        <v>96</v>
      </c>
      <c r="D67680" s="14" t="s">
        <v>146</v>
      </c>
      <c r="E67680" s="15">
        <v>45531</v>
      </c>
      <c r="F67680" s="14" t="s">
        <v>61</v>
      </c>
      <c r="G67680" s="16">
        <v>0</v>
      </c>
    </row>
    <row r="67681" spans="1:7" x14ac:dyDescent="0.3">
      <c r="A67681" s="13" t="s">
        <v>357</v>
      </c>
      <c r="B67681" s="14" t="s">
        <v>1</v>
      </c>
      <c r="C67681" s="14" t="s">
        <v>96</v>
      </c>
      <c r="D67681" s="14" t="s">
        <v>146</v>
      </c>
      <c r="E67681" s="15">
        <v>45532</v>
      </c>
      <c r="F67681" s="14" t="s">
        <v>61</v>
      </c>
      <c r="G67681" s="16">
        <v>0</v>
      </c>
    </row>
    <row r="67682" spans="1:7" x14ac:dyDescent="0.3">
      <c r="A67682" s="13" t="s">
        <v>357</v>
      </c>
      <c r="B67682" s="14" t="s">
        <v>1</v>
      </c>
      <c r="C67682" s="14" t="s">
        <v>96</v>
      </c>
      <c r="D67682" s="14" t="s">
        <v>146</v>
      </c>
      <c r="E67682" s="15">
        <v>45533</v>
      </c>
      <c r="F67682" s="14" t="s">
        <v>61</v>
      </c>
      <c r="G67682" s="16">
        <v>0</v>
      </c>
    </row>
    <row r="67683" spans="1:7" x14ac:dyDescent="0.3">
      <c r="A67683" s="13" t="s">
        <v>357</v>
      </c>
      <c r="B67683" s="14" t="s">
        <v>1</v>
      </c>
      <c r="C67683" s="14" t="s">
        <v>96</v>
      </c>
      <c r="D67683" s="14" t="s">
        <v>146</v>
      </c>
      <c r="E67683" s="15">
        <v>45534</v>
      </c>
      <c r="F67683" s="14" t="s">
        <v>61</v>
      </c>
      <c r="G67683" s="16">
        <v>0</v>
      </c>
    </row>
    <row r="67684" spans="1:7" x14ac:dyDescent="0.3">
      <c r="A67684" s="13" t="s">
        <v>357</v>
      </c>
      <c r="B67684" s="14" t="s">
        <v>1</v>
      </c>
      <c r="C67684" s="14" t="s">
        <v>96</v>
      </c>
      <c r="D67684" s="14" t="s">
        <v>146</v>
      </c>
      <c r="E67684" s="15">
        <v>45535</v>
      </c>
      <c r="F67684" s="14" t="s">
        <v>61</v>
      </c>
      <c r="G67684" s="16">
        <v>0</v>
      </c>
    </row>
    <row r="67685" spans="1:7" x14ac:dyDescent="0.3">
      <c r="A67685" s="13" t="s">
        <v>357</v>
      </c>
      <c r="B67685" s="14" t="s">
        <v>1</v>
      </c>
      <c r="C67685" s="14" t="s">
        <v>96</v>
      </c>
      <c r="D67685" s="14" t="s">
        <v>146</v>
      </c>
      <c r="E67685" s="15">
        <v>45536</v>
      </c>
      <c r="F67685" s="14" t="s">
        <v>61</v>
      </c>
      <c r="G67685" s="16">
        <v>0</v>
      </c>
    </row>
    <row r="67686" spans="1:7" x14ac:dyDescent="0.3">
      <c r="A67686" s="13" t="s">
        <v>357</v>
      </c>
      <c r="B67686" s="14" t="s">
        <v>1</v>
      </c>
      <c r="C67686" s="14" t="s">
        <v>96</v>
      </c>
      <c r="D67686" s="14" t="s">
        <v>146</v>
      </c>
      <c r="E67686" s="15">
        <v>45537</v>
      </c>
      <c r="F67686" s="14" t="s">
        <v>61</v>
      </c>
      <c r="G67686" s="16">
        <v>0</v>
      </c>
    </row>
    <row r="67687" spans="1:7" x14ac:dyDescent="0.3">
      <c r="A67687" s="13" t="s">
        <v>357</v>
      </c>
      <c r="B67687" s="14" t="s">
        <v>1</v>
      </c>
      <c r="C67687" s="14" t="s">
        <v>96</v>
      </c>
      <c r="D67687" s="14" t="s">
        <v>146</v>
      </c>
      <c r="E67687" s="15">
        <v>45538</v>
      </c>
      <c r="F67687" s="14" t="s">
        <v>61</v>
      </c>
      <c r="G67687" s="16">
        <v>0</v>
      </c>
    </row>
    <row r="67688" spans="1:7" x14ac:dyDescent="0.3">
      <c r="A67688" s="13" t="s">
        <v>357</v>
      </c>
      <c r="B67688" s="14" t="s">
        <v>1</v>
      </c>
      <c r="C67688" s="14" t="s">
        <v>96</v>
      </c>
      <c r="D67688" s="14" t="s">
        <v>146</v>
      </c>
      <c r="E67688" s="15">
        <v>45539</v>
      </c>
      <c r="F67688" s="14" t="s">
        <v>61</v>
      </c>
      <c r="G67688" s="16">
        <v>0</v>
      </c>
    </row>
    <row r="67689" spans="1:7" x14ac:dyDescent="0.3">
      <c r="A67689" s="13" t="s">
        <v>357</v>
      </c>
      <c r="B67689" s="14" t="s">
        <v>1</v>
      </c>
      <c r="C67689" s="14" t="s">
        <v>96</v>
      </c>
      <c r="D67689" s="14" t="s">
        <v>146</v>
      </c>
      <c r="E67689" s="15">
        <v>45540</v>
      </c>
      <c r="F67689" s="14" t="s">
        <v>61</v>
      </c>
      <c r="G67689" s="16">
        <v>0</v>
      </c>
    </row>
    <row r="67690" spans="1:7" x14ac:dyDescent="0.3">
      <c r="A67690" s="13" t="s">
        <v>357</v>
      </c>
      <c r="B67690" s="14" t="s">
        <v>1</v>
      </c>
      <c r="C67690" s="14" t="s">
        <v>96</v>
      </c>
      <c r="D67690" s="14" t="s">
        <v>146</v>
      </c>
      <c r="E67690" s="15">
        <v>45541</v>
      </c>
      <c r="F67690" s="14" t="s">
        <v>61</v>
      </c>
      <c r="G67690" s="16">
        <v>0</v>
      </c>
    </row>
    <row r="67691" spans="1:7" x14ac:dyDescent="0.3">
      <c r="A67691" s="13" t="s">
        <v>357</v>
      </c>
      <c r="B67691" s="14" t="s">
        <v>1</v>
      </c>
      <c r="C67691" s="14" t="s">
        <v>96</v>
      </c>
      <c r="D67691" s="14" t="s">
        <v>146</v>
      </c>
      <c r="E67691" s="15">
        <v>45542</v>
      </c>
      <c r="F67691" s="14" t="s">
        <v>61</v>
      </c>
      <c r="G67691" s="16">
        <v>0</v>
      </c>
    </row>
    <row r="67692" spans="1:7" x14ac:dyDescent="0.3">
      <c r="A67692" s="13" t="s">
        <v>357</v>
      </c>
      <c r="B67692" s="14" t="s">
        <v>1</v>
      </c>
      <c r="C67692" s="14" t="s">
        <v>96</v>
      </c>
      <c r="D67692" s="14" t="s">
        <v>146</v>
      </c>
      <c r="E67692" s="15">
        <v>45543</v>
      </c>
      <c r="F67692" s="14" t="s">
        <v>61</v>
      </c>
      <c r="G67692" s="16">
        <v>0</v>
      </c>
    </row>
    <row r="67693" spans="1:7" x14ac:dyDescent="0.3">
      <c r="A67693" s="13" t="s">
        <v>357</v>
      </c>
      <c r="B67693" s="14" t="s">
        <v>1</v>
      </c>
      <c r="C67693" s="14" t="s">
        <v>96</v>
      </c>
      <c r="D67693" s="14" t="s">
        <v>146</v>
      </c>
      <c r="E67693" s="15">
        <v>45544</v>
      </c>
      <c r="F67693" s="14" t="s">
        <v>61</v>
      </c>
      <c r="G67693" s="16">
        <v>0</v>
      </c>
    </row>
    <row r="67694" spans="1:7" x14ac:dyDescent="0.3">
      <c r="A67694" s="13" t="s">
        <v>357</v>
      </c>
      <c r="B67694" s="14" t="s">
        <v>1</v>
      </c>
      <c r="C67694" s="14" t="s">
        <v>96</v>
      </c>
      <c r="D67694" s="14" t="s">
        <v>146</v>
      </c>
      <c r="E67694" s="15">
        <v>45545</v>
      </c>
      <c r="F67694" s="14" t="s">
        <v>61</v>
      </c>
      <c r="G67694" s="16">
        <v>0</v>
      </c>
    </row>
    <row r="67695" spans="1:7" x14ac:dyDescent="0.3">
      <c r="A67695" s="13" t="s">
        <v>357</v>
      </c>
      <c r="B67695" s="14" t="s">
        <v>1</v>
      </c>
      <c r="C67695" s="14" t="s">
        <v>96</v>
      </c>
      <c r="D67695" s="14" t="s">
        <v>146</v>
      </c>
      <c r="E67695" s="15">
        <v>45546</v>
      </c>
      <c r="F67695" s="14" t="s">
        <v>61</v>
      </c>
      <c r="G67695" s="16">
        <v>0</v>
      </c>
    </row>
    <row r="67696" spans="1:7" x14ac:dyDescent="0.3">
      <c r="A67696" s="13" t="s">
        <v>357</v>
      </c>
      <c r="B67696" s="14" t="s">
        <v>1</v>
      </c>
      <c r="C67696" s="14" t="s">
        <v>96</v>
      </c>
      <c r="D67696" s="14" t="s">
        <v>146</v>
      </c>
      <c r="E67696" s="15">
        <v>45547</v>
      </c>
      <c r="F67696" s="14" t="s">
        <v>61</v>
      </c>
      <c r="G67696" s="16">
        <v>0</v>
      </c>
    </row>
    <row r="67697" spans="1:7" x14ac:dyDescent="0.3">
      <c r="A67697" s="13" t="s">
        <v>357</v>
      </c>
      <c r="B67697" s="14" t="s">
        <v>1</v>
      </c>
      <c r="C67697" s="14" t="s">
        <v>96</v>
      </c>
      <c r="D67697" s="14" t="s">
        <v>146</v>
      </c>
      <c r="E67697" s="15">
        <v>45548</v>
      </c>
      <c r="F67697" s="14" t="s">
        <v>61</v>
      </c>
      <c r="G67697" s="16">
        <v>0</v>
      </c>
    </row>
    <row r="67698" spans="1:7" x14ac:dyDescent="0.3">
      <c r="A67698" s="13" t="s">
        <v>357</v>
      </c>
      <c r="B67698" s="14" t="s">
        <v>1</v>
      </c>
      <c r="C67698" s="14" t="s">
        <v>96</v>
      </c>
      <c r="D67698" s="14" t="s">
        <v>146</v>
      </c>
      <c r="E67698" s="15">
        <v>45549</v>
      </c>
      <c r="F67698" s="14" t="s">
        <v>61</v>
      </c>
      <c r="G67698" s="16">
        <v>0</v>
      </c>
    </row>
    <row r="67699" spans="1:7" x14ac:dyDescent="0.3">
      <c r="A67699" s="13" t="s">
        <v>357</v>
      </c>
      <c r="B67699" s="14" t="s">
        <v>1</v>
      </c>
      <c r="C67699" s="14" t="s">
        <v>96</v>
      </c>
      <c r="D67699" s="14" t="s">
        <v>146</v>
      </c>
      <c r="E67699" s="15">
        <v>45550</v>
      </c>
      <c r="F67699" s="14" t="s">
        <v>61</v>
      </c>
      <c r="G67699" s="16">
        <v>0</v>
      </c>
    </row>
    <row r="67700" spans="1:7" x14ac:dyDescent="0.3">
      <c r="A67700" s="13" t="s">
        <v>357</v>
      </c>
      <c r="B67700" s="14" t="s">
        <v>1</v>
      </c>
      <c r="C67700" s="14" t="s">
        <v>96</v>
      </c>
      <c r="D67700" s="14" t="s">
        <v>146</v>
      </c>
      <c r="E67700" s="15">
        <v>45551</v>
      </c>
      <c r="F67700" s="14" t="s">
        <v>61</v>
      </c>
      <c r="G67700" s="16">
        <v>0</v>
      </c>
    </row>
    <row r="67701" spans="1:7" x14ac:dyDescent="0.3">
      <c r="A67701" s="13" t="s">
        <v>357</v>
      </c>
      <c r="B67701" s="14" t="s">
        <v>1</v>
      </c>
      <c r="C67701" s="14" t="s">
        <v>96</v>
      </c>
      <c r="D67701" s="14" t="s">
        <v>146</v>
      </c>
      <c r="E67701" s="15">
        <v>45552</v>
      </c>
      <c r="F67701" s="14" t="s">
        <v>61</v>
      </c>
      <c r="G67701" s="16">
        <v>0</v>
      </c>
    </row>
    <row r="67702" spans="1:7" x14ac:dyDescent="0.3">
      <c r="A67702" s="13" t="s">
        <v>357</v>
      </c>
      <c r="B67702" s="14" t="s">
        <v>1</v>
      </c>
      <c r="C67702" s="14" t="s">
        <v>96</v>
      </c>
      <c r="D67702" s="14" t="s">
        <v>146</v>
      </c>
      <c r="E67702" s="15">
        <v>45553</v>
      </c>
      <c r="F67702" s="14" t="s">
        <v>61</v>
      </c>
      <c r="G67702" s="16">
        <v>0</v>
      </c>
    </row>
    <row r="67703" spans="1:7" x14ac:dyDescent="0.3">
      <c r="A67703" s="13" t="s">
        <v>357</v>
      </c>
      <c r="B67703" s="14" t="s">
        <v>1</v>
      </c>
      <c r="C67703" s="14" t="s">
        <v>96</v>
      </c>
      <c r="D67703" s="14" t="s">
        <v>146</v>
      </c>
      <c r="E67703" s="15">
        <v>45554</v>
      </c>
      <c r="F67703" s="14" t="s">
        <v>61</v>
      </c>
      <c r="G67703" s="16">
        <v>0</v>
      </c>
    </row>
    <row r="67704" spans="1:7" x14ac:dyDescent="0.3">
      <c r="A67704" s="13" t="s">
        <v>357</v>
      </c>
      <c r="B67704" s="14" t="s">
        <v>1</v>
      </c>
      <c r="C67704" s="14" t="s">
        <v>96</v>
      </c>
      <c r="D67704" s="14" t="s">
        <v>146</v>
      </c>
      <c r="E67704" s="15">
        <v>45555</v>
      </c>
      <c r="F67704" s="14" t="s">
        <v>61</v>
      </c>
      <c r="G67704" s="16">
        <v>0</v>
      </c>
    </row>
    <row r="67705" spans="1:7" x14ac:dyDescent="0.3">
      <c r="A67705" s="13" t="s">
        <v>357</v>
      </c>
      <c r="B67705" s="14" t="s">
        <v>1</v>
      </c>
      <c r="C67705" s="14" t="s">
        <v>96</v>
      </c>
      <c r="D67705" s="14" t="s">
        <v>146</v>
      </c>
      <c r="E67705" s="15">
        <v>45556</v>
      </c>
      <c r="F67705" s="14" t="s">
        <v>61</v>
      </c>
      <c r="G67705" s="16">
        <v>0</v>
      </c>
    </row>
    <row r="67706" spans="1:7" x14ac:dyDescent="0.3">
      <c r="A67706" s="13" t="s">
        <v>357</v>
      </c>
      <c r="B67706" s="14" t="s">
        <v>1</v>
      </c>
      <c r="C67706" s="14" t="s">
        <v>96</v>
      </c>
      <c r="D67706" s="14" t="s">
        <v>146</v>
      </c>
      <c r="E67706" s="15">
        <v>45557</v>
      </c>
      <c r="F67706" s="14" t="s">
        <v>61</v>
      </c>
      <c r="G67706" s="16">
        <v>0</v>
      </c>
    </row>
    <row r="67707" spans="1:7" x14ac:dyDescent="0.3">
      <c r="A67707" s="13" t="s">
        <v>357</v>
      </c>
      <c r="B67707" s="14" t="s">
        <v>1</v>
      </c>
      <c r="C67707" s="14" t="s">
        <v>96</v>
      </c>
      <c r="D67707" s="14" t="s">
        <v>146</v>
      </c>
      <c r="E67707" s="15">
        <v>45558</v>
      </c>
      <c r="F67707" s="14" t="s">
        <v>61</v>
      </c>
      <c r="G67707" s="16">
        <v>0</v>
      </c>
    </row>
    <row r="67708" spans="1:7" x14ac:dyDescent="0.3">
      <c r="A67708" s="13" t="s">
        <v>357</v>
      </c>
      <c r="B67708" s="14" t="s">
        <v>1</v>
      </c>
      <c r="C67708" s="14" t="s">
        <v>96</v>
      </c>
      <c r="D67708" s="14" t="s">
        <v>146</v>
      </c>
      <c r="E67708" s="15">
        <v>45559</v>
      </c>
      <c r="F67708" s="14" t="s">
        <v>61</v>
      </c>
      <c r="G67708" s="16">
        <v>0</v>
      </c>
    </row>
    <row r="67709" spans="1:7" x14ac:dyDescent="0.3">
      <c r="A67709" s="13" t="s">
        <v>357</v>
      </c>
      <c r="B67709" s="14" t="s">
        <v>1</v>
      </c>
      <c r="C67709" s="14" t="s">
        <v>96</v>
      </c>
      <c r="D67709" s="14" t="s">
        <v>146</v>
      </c>
      <c r="E67709" s="15">
        <v>45560</v>
      </c>
      <c r="F67709" s="14" t="s">
        <v>61</v>
      </c>
      <c r="G67709" s="16">
        <v>0</v>
      </c>
    </row>
    <row r="67710" spans="1:7" x14ac:dyDescent="0.3">
      <c r="A67710" s="13" t="s">
        <v>357</v>
      </c>
      <c r="B67710" s="14" t="s">
        <v>1</v>
      </c>
      <c r="C67710" s="14" t="s">
        <v>96</v>
      </c>
      <c r="D67710" s="14" t="s">
        <v>146</v>
      </c>
      <c r="E67710" s="15">
        <v>45561</v>
      </c>
      <c r="F67710" s="14" t="s">
        <v>61</v>
      </c>
      <c r="G67710" s="16">
        <v>0</v>
      </c>
    </row>
    <row r="67711" spans="1:7" x14ac:dyDescent="0.3">
      <c r="A67711" s="13" t="s">
        <v>357</v>
      </c>
      <c r="B67711" s="14" t="s">
        <v>1</v>
      </c>
      <c r="C67711" s="14" t="s">
        <v>96</v>
      </c>
      <c r="D67711" s="14" t="s">
        <v>146</v>
      </c>
      <c r="E67711" s="15">
        <v>45562</v>
      </c>
      <c r="F67711" s="14" t="s">
        <v>61</v>
      </c>
      <c r="G67711" s="16">
        <v>0</v>
      </c>
    </row>
    <row r="67712" spans="1:7" x14ac:dyDescent="0.3">
      <c r="A67712" s="13" t="s">
        <v>357</v>
      </c>
      <c r="B67712" s="14" t="s">
        <v>1</v>
      </c>
      <c r="C67712" s="14" t="s">
        <v>96</v>
      </c>
      <c r="D67712" s="14" t="s">
        <v>146</v>
      </c>
      <c r="E67712" s="15">
        <v>45563</v>
      </c>
      <c r="F67712" s="14" t="s">
        <v>61</v>
      </c>
      <c r="G67712" s="16">
        <v>0</v>
      </c>
    </row>
    <row r="67713" spans="1:7" x14ac:dyDescent="0.3">
      <c r="A67713" s="13" t="s">
        <v>357</v>
      </c>
      <c r="B67713" s="14" t="s">
        <v>1</v>
      </c>
      <c r="C67713" s="14" t="s">
        <v>96</v>
      </c>
      <c r="D67713" s="14" t="s">
        <v>146</v>
      </c>
      <c r="E67713" s="15">
        <v>45564</v>
      </c>
      <c r="F67713" s="14" t="s">
        <v>61</v>
      </c>
      <c r="G67713" s="16">
        <v>0</v>
      </c>
    </row>
    <row r="67714" spans="1:7" x14ac:dyDescent="0.3">
      <c r="A67714" s="13" t="s">
        <v>357</v>
      </c>
      <c r="B67714" s="14" t="s">
        <v>1</v>
      </c>
      <c r="C67714" s="14" t="s">
        <v>96</v>
      </c>
      <c r="D67714" s="14" t="s">
        <v>146</v>
      </c>
      <c r="E67714" s="15">
        <v>45565</v>
      </c>
      <c r="F67714" s="14" t="s">
        <v>61</v>
      </c>
      <c r="G67714" s="16">
        <v>0</v>
      </c>
    </row>
    <row r="67715" spans="1:7" x14ac:dyDescent="0.3">
      <c r="A67715" s="13" t="s">
        <v>357</v>
      </c>
      <c r="B67715" s="14" t="s">
        <v>1</v>
      </c>
      <c r="C67715" s="14" t="s">
        <v>96</v>
      </c>
      <c r="D67715" s="14" t="s">
        <v>146</v>
      </c>
      <c r="E67715" s="15">
        <v>45566</v>
      </c>
      <c r="F67715" s="14" t="s">
        <v>61</v>
      </c>
      <c r="G67715" s="16">
        <v>0</v>
      </c>
    </row>
    <row r="67716" spans="1:7" x14ac:dyDescent="0.3">
      <c r="A67716" s="13" t="s">
        <v>357</v>
      </c>
      <c r="B67716" s="14" t="s">
        <v>1</v>
      </c>
      <c r="C67716" s="14" t="s">
        <v>96</v>
      </c>
      <c r="D67716" s="14" t="s">
        <v>146</v>
      </c>
      <c r="E67716" s="15">
        <v>45567</v>
      </c>
      <c r="F67716" s="14" t="s">
        <v>61</v>
      </c>
      <c r="G67716" s="16">
        <v>0</v>
      </c>
    </row>
    <row r="67717" spans="1:7" x14ac:dyDescent="0.3">
      <c r="A67717" s="13" t="s">
        <v>357</v>
      </c>
      <c r="B67717" s="14" t="s">
        <v>1</v>
      </c>
      <c r="C67717" s="14" t="s">
        <v>96</v>
      </c>
      <c r="D67717" s="14" t="s">
        <v>146</v>
      </c>
      <c r="E67717" s="15">
        <v>45568</v>
      </c>
      <c r="F67717" s="14" t="s">
        <v>61</v>
      </c>
      <c r="G67717" s="16">
        <v>0</v>
      </c>
    </row>
    <row r="67718" spans="1:7" x14ac:dyDescent="0.3">
      <c r="A67718" s="13" t="s">
        <v>357</v>
      </c>
      <c r="B67718" s="14" t="s">
        <v>1</v>
      </c>
      <c r="C67718" s="14" t="s">
        <v>96</v>
      </c>
      <c r="D67718" s="14" t="s">
        <v>146</v>
      </c>
      <c r="E67718" s="15">
        <v>45569</v>
      </c>
      <c r="F67718" s="14" t="s">
        <v>61</v>
      </c>
      <c r="G67718" s="16">
        <v>0</v>
      </c>
    </row>
    <row r="67719" spans="1:7" x14ac:dyDescent="0.3">
      <c r="A67719" s="13" t="s">
        <v>357</v>
      </c>
      <c r="B67719" s="14" t="s">
        <v>1</v>
      </c>
      <c r="C67719" s="14" t="s">
        <v>96</v>
      </c>
      <c r="D67719" s="14" t="s">
        <v>146</v>
      </c>
      <c r="E67719" s="15">
        <v>45570</v>
      </c>
      <c r="F67719" s="14" t="s">
        <v>61</v>
      </c>
      <c r="G67719" s="16">
        <v>0</v>
      </c>
    </row>
    <row r="67720" spans="1:7" x14ac:dyDescent="0.3">
      <c r="A67720" s="13" t="s">
        <v>357</v>
      </c>
      <c r="B67720" s="14" t="s">
        <v>1</v>
      </c>
      <c r="C67720" s="14" t="s">
        <v>96</v>
      </c>
      <c r="D67720" s="14" t="s">
        <v>146</v>
      </c>
      <c r="E67720" s="15">
        <v>45571</v>
      </c>
      <c r="F67720" s="14" t="s">
        <v>61</v>
      </c>
      <c r="G67720" s="16">
        <v>0</v>
      </c>
    </row>
    <row r="67721" spans="1:7" x14ac:dyDescent="0.3">
      <c r="A67721" s="13" t="s">
        <v>357</v>
      </c>
      <c r="B67721" s="14" t="s">
        <v>1</v>
      </c>
      <c r="C67721" s="14" t="s">
        <v>96</v>
      </c>
      <c r="D67721" s="14" t="s">
        <v>146</v>
      </c>
      <c r="E67721" s="15">
        <v>45572</v>
      </c>
      <c r="F67721" s="14" t="s">
        <v>61</v>
      </c>
      <c r="G67721" s="16">
        <v>0</v>
      </c>
    </row>
    <row r="67722" spans="1:7" x14ac:dyDescent="0.3">
      <c r="A67722" s="13" t="s">
        <v>357</v>
      </c>
      <c r="B67722" s="14" t="s">
        <v>1</v>
      </c>
      <c r="C67722" s="14" t="s">
        <v>96</v>
      </c>
      <c r="D67722" s="14" t="s">
        <v>146</v>
      </c>
      <c r="E67722" s="15">
        <v>45573</v>
      </c>
      <c r="F67722" s="14" t="s">
        <v>61</v>
      </c>
      <c r="G67722" s="16">
        <v>0</v>
      </c>
    </row>
    <row r="67723" spans="1:7" x14ac:dyDescent="0.3">
      <c r="A67723" s="13" t="s">
        <v>357</v>
      </c>
      <c r="B67723" s="14" t="s">
        <v>1</v>
      </c>
      <c r="C67723" s="14" t="s">
        <v>96</v>
      </c>
      <c r="D67723" s="14" t="s">
        <v>146</v>
      </c>
      <c r="E67723" s="15">
        <v>45574</v>
      </c>
      <c r="F67723" s="14" t="s">
        <v>61</v>
      </c>
      <c r="G67723" s="16">
        <v>0</v>
      </c>
    </row>
    <row r="67724" spans="1:7" x14ac:dyDescent="0.3">
      <c r="A67724" s="13" t="s">
        <v>357</v>
      </c>
      <c r="B67724" s="14" t="s">
        <v>1</v>
      </c>
      <c r="C67724" s="14" t="s">
        <v>96</v>
      </c>
      <c r="D67724" s="14" t="s">
        <v>146</v>
      </c>
      <c r="E67724" s="15">
        <v>45575</v>
      </c>
      <c r="F67724" s="14" t="s">
        <v>61</v>
      </c>
      <c r="G67724" s="16">
        <v>0</v>
      </c>
    </row>
    <row r="67725" spans="1:7" x14ac:dyDescent="0.3">
      <c r="A67725" s="13" t="s">
        <v>357</v>
      </c>
      <c r="B67725" s="14" t="s">
        <v>1</v>
      </c>
      <c r="C67725" s="14" t="s">
        <v>96</v>
      </c>
      <c r="D67725" s="14" t="s">
        <v>146</v>
      </c>
      <c r="E67725" s="15">
        <v>45576</v>
      </c>
      <c r="F67725" s="14" t="s">
        <v>61</v>
      </c>
      <c r="G67725" s="16">
        <v>0</v>
      </c>
    </row>
    <row r="67726" spans="1:7" x14ac:dyDescent="0.3">
      <c r="A67726" s="13" t="s">
        <v>357</v>
      </c>
      <c r="B67726" s="14" t="s">
        <v>1</v>
      </c>
      <c r="C67726" s="14" t="s">
        <v>96</v>
      </c>
      <c r="D67726" s="14" t="s">
        <v>146</v>
      </c>
      <c r="E67726" s="15">
        <v>45577</v>
      </c>
      <c r="F67726" s="14" t="s">
        <v>61</v>
      </c>
      <c r="G67726" s="16">
        <v>0</v>
      </c>
    </row>
    <row r="67727" spans="1:7" x14ac:dyDescent="0.3">
      <c r="A67727" s="13" t="s">
        <v>357</v>
      </c>
      <c r="B67727" s="14" t="s">
        <v>1</v>
      </c>
      <c r="C67727" s="14" t="s">
        <v>96</v>
      </c>
      <c r="D67727" s="14" t="s">
        <v>146</v>
      </c>
      <c r="E67727" s="15">
        <v>45578</v>
      </c>
      <c r="F67727" s="14" t="s">
        <v>61</v>
      </c>
      <c r="G67727" s="16">
        <v>0</v>
      </c>
    </row>
    <row r="67728" spans="1:7" x14ac:dyDescent="0.3">
      <c r="A67728" s="13" t="s">
        <v>357</v>
      </c>
      <c r="B67728" s="14" t="s">
        <v>1</v>
      </c>
      <c r="C67728" s="14" t="s">
        <v>96</v>
      </c>
      <c r="D67728" s="14" t="s">
        <v>146</v>
      </c>
      <c r="E67728" s="15">
        <v>45579</v>
      </c>
      <c r="F67728" s="14" t="s">
        <v>61</v>
      </c>
      <c r="G67728" s="16">
        <v>0</v>
      </c>
    </row>
    <row r="67729" spans="1:7" x14ac:dyDescent="0.3">
      <c r="A67729" s="13" t="s">
        <v>357</v>
      </c>
      <c r="B67729" s="14" t="s">
        <v>1</v>
      </c>
      <c r="C67729" s="14" t="s">
        <v>96</v>
      </c>
      <c r="D67729" s="14" t="s">
        <v>146</v>
      </c>
      <c r="E67729" s="15">
        <v>45580</v>
      </c>
      <c r="F67729" s="14" t="s">
        <v>61</v>
      </c>
      <c r="G67729" s="16">
        <v>0</v>
      </c>
    </row>
    <row r="67730" spans="1:7" x14ac:dyDescent="0.3">
      <c r="A67730" s="13" t="s">
        <v>357</v>
      </c>
      <c r="B67730" s="14" t="s">
        <v>1</v>
      </c>
      <c r="C67730" s="14" t="s">
        <v>96</v>
      </c>
      <c r="D67730" s="14" t="s">
        <v>146</v>
      </c>
      <c r="E67730" s="15">
        <v>45581</v>
      </c>
      <c r="F67730" s="14" t="s">
        <v>61</v>
      </c>
      <c r="G67730" s="16">
        <v>0</v>
      </c>
    </row>
    <row r="67731" spans="1:7" x14ac:dyDescent="0.3">
      <c r="A67731" s="13" t="s">
        <v>357</v>
      </c>
      <c r="B67731" s="14" t="s">
        <v>1</v>
      </c>
      <c r="C67731" s="14" t="s">
        <v>96</v>
      </c>
      <c r="D67731" s="14" t="s">
        <v>146</v>
      </c>
      <c r="E67731" s="15">
        <v>45582</v>
      </c>
      <c r="F67731" s="14" t="s">
        <v>61</v>
      </c>
      <c r="G67731" s="16">
        <v>0</v>
      </c>
    </row>
    <row r="67732" spans="1:7" x14ac:dyDescent="0.3">
      <c r="A67732" s="13" t="s">
        <v>357</v>
      </c>
      <c r="B67732" s="14" t="s">
        <v>1</v>
      </c>
      <c r="C67732" s="14" t="s">
        <v>96</v>
      </c>
      <c r="D67732" s="14" t="s">
        <v>146</v>
      </c>
      <c r="E67732" s="15">
        <v>45583</v>
      </c>
      <c r="F67732" s="14" t="s">
        <v>61</v>
      </c>
      <c r="G67732" s="16">
        <v>0</v>
      </c>
    </row>
    <row r="67733" spans="1:7" x14ac:dyDescent="0.3">
      <c r="A67733" s="13" t="s">
        <v>357</v>
      </c>
      <c r="B67733" s="14" t="s">
        <v>1</v>
      </c>
      <c r="C67733" s="14" t="s">
        <v>96</v>
      </c>
      <c r="D67733" s="14" t="s">
        <v>146</v>
      </c>
      <c r="E67733" s="15">
        <v>45584</v>
      </c>
      <c r="F67733" s="14" t="s">
        <v>61</v>
      </c>
      <c r="G67733" s="16">
        <v>0</v>
      </c>
    </row>
    <row r="67734" spans="1:7" x14ac:dyDescent="0.3">
      <c r="A67734" s="13" t="s">
        <v>357</v>
      </c>
      <c r="B67734" s="14" t="s">
        <v>1</v>
      </c>
      <c r="C67734" s="14" t="s">
        <v>96</v>
      </c>
      <c r="D67734" s="14" t="s">
        <v>146</v>
      </c>
      <c r="E67734" s="15">
        <v>45585</v>
      </c>
      <c r="F67734" s="14" t="s">
        <v>61</v>
      </c>
      <c r="G67734" s="16">
        <v>0</v>
      </c>
    </row>
    <row r="67735" spans="1:7" x14ac:dyDescent="0.3">
      <c r="A67735" s="13" t="s">
        <v>357</v>
      </c>
      <c r="B67735" s="14" t="s">
        <v>1</v>
      </c>
      <c r="C67735" s="14" t="s">
        <v>96</v>
      </c>
      <c r="D67735" s="14" t="s">
        <v>146</v>
      </c>
      <c r="E67735" s="15">
        <v>45586</v>
      </c>
      <c r="F67735" s="14" t="s">
        <v>61</v>
      </c>
      <c r="G67735" s="16">
        <v>0</v>
      </c>
    </row>
    <row r="67736" spans="1:7" x14ac:dyDescent="0.3">
      <c r="A67736" s="13" t="s">
        <v>357</v>
      </c>
      <c r="B67736" s="14" t="s">
        <v>1</v>
      </c>
      <c r="C67736" s="14" t="s">
        <v>96</v>
      </c>
      <c r="D67736" s="14" t="s">
        <v>146</v>
      </c>
      <c r="E67736" s="15">
        <v>45587</v>
      </c>
      <c r="F67736" s="14" t="s">
        <v>61</v>
      </c>
      <c r="G67736" s="16">
        <v>0</v>
      </c>
    </row>
    <row r="67737" spans="1:7" x14ac:dyDescent="0.3">
      <c r="A67737" s="13" t="s">
        <v>357</v>
      </c>
      <c r="B67737" s="14" t="s">
        <v>1</v>
      </c>
      <c r="C67737" s="14" t="s">
        <v>96</v>
      </c>
      <c r="D67737" s="14" t="s">
        <v>146</v>
      </c>
      <c r="E67737" s="15">
        <v>45588</v>
      </c>
      <c r="F67737" s="14" t="s">
        <v>61</v>
      </c>
      <c r="G67737" s="16">
        <v>0</v>
      </c>
    </row>
    <row r="67738" spans="1:7" x14ac:dyDescent="0.3">
      <c r="A67738" s="13" t="s">
        <v>357</v>
      </c>
      <c r="B67738" s="14" t="s">
        <v>1</v>
      </c>
      <c r="C67738" s="14" t="s">
        <v>96</v>
      </c>
      <c r="D67738" s="14" t="s">
        <v>146</v>
      </c>
      <c r="E67738" s="15">
        <v>45589</v>
      </c>
      <c r="F67738" s="14" t="s">
        <v>61</v>
      </c>
      <c r="G67738" s="16">
        <v>0</v>
      </c>
    </row>
    <row r="67739" spans="1:7" x14ac:dyDescent="0.3">
      <c r="A67739" s="13" t="s">
        <v>357</v>
      </c>
      <c r="B67739" s="14" t="s">
        <v>1</v>
      </c>
      <c r="C67739" s="14" t="s">
        <v>96</v>
      </c>
      <c r="D67739" s="14" t="s">
        <v>146</v>
      </c>
      <c r="E67739" s="15">
        <v>45590</v>
      </c>
      <c r="F67739" s="14" t="s">
        <v>61</v>
      </c>
      <c r="G67739" s="16">
        <v>0</v>
      </c>
    </row>
    <row r="67740" spans="1:7" x14ac:dyDescent="0.3">
      <c r="A67740" s="13" t="s">
        <v>357</v>
      </c>
      <c r="B67740" s="14" t="s">
        <v>1</v>
      </c>
      <c r="C67740" s="14" t="s">
        <v>96</v>
      </c>
      <c r="D67740" s="14" t="s">
        <v>146</v>
      </c>
      <c r="E67740" s="15">
        <v>45591</v>
      </c>
      <c r="F67740" s="14" t="s">
        <v>61</v>
      </c>
      <c r="G67740" s="16">
        <v>0</v>
      </c>
    </row>
    <row r="67741" spans="1:7" x14ac:dyDescent="0.3">
      <c r="A67741" s="13" t="s">
        <v>357</v>
      </c>
      <c r="B67741" s="14" t="s">
        <v>1</v>
      </c>
      <c r="C67741" s="14" t="s">
        <v>96</v>
      </c>
      <c r="D67741" s="14" t="s">
        <v>146</v>
      </c>
      <c r="E67741" s="15">
        <v>45592</v>
      </c>
      <c r="F67741" s="14" t="s">
        <v>61</v>
      </c>
      <c r="G67741" s="16">
        <v>0</v>
      </c>
    </row>
    <row r="67742" spans="1:7" x14ac:dyDescent="0.3">
      <c r="A67742" s="13" t="s">
        <v>357</v>
      </c>
      <c r="B67742" s="14" t="s">
        <v>1</v>
      </c>
      <c r="C67742" s="14" t="s">
        <v>96</v>
      </c>
      <c r="D67742" s="14" t="s">
        <v>146</v>
      </c>
      <c r="E67742" s="15">
        <v>45593</v>
      </c>
      <c r="F67742" s="14" t="s">
        <v>61</v>
      </c>
      <c r="G67742" s="16">
        <v>0</v>
      </c>
    </row>
    <row r="67743" spans="1:7" x14ac:dyDescent="0.3">
      <c r="A67743" s="13" t="s">
        <v>357</v>
      </c>
      <c r="B67743" s="14" t="s">
        <v>1</v>
      </c>
      <c r="C67743" s="14" t="s">
        <v>96</v>
      </c>
      <c r="D67743" s="14" t="s">
        <v>146</v>
      </c>
      <c r="E67743" s="15">
        <v>45594</v>
      </c>
      <c r="F67743" s="14" t="s">
        <v>61</v>
      </c>
      <c r="G67743" s="16">
        <v>0</v>
      </c>
    </row>
    <row r="67744" spans="1:7" x14ac:dyDescent="0.3">
      <c r="A67744" s="13" t="s">
        <v>357</v>
      </c>
      <c r="B67744" s="14" t="s">
        <v>1</v>
      </c>
      <c r="C67744" s="14" t="s">
        <v>96</v>
      </c>
      <c r="D67744" s="14" t="s">
        <v>146</v>
      </c>
      <c r="E67744" s="15">
        <v>45595</v>
      </c>
      <c r="F67744" s="14" t="s">
        <v>61</v>
      </c>
      <c r="G67744" s="16">
        <v>0</v>
      </c>
    </row>
    <row r="67745" spans="1:7" x14ac:dyDescent="0.3">
      <c r="A67745" s="13" t="s">
        <v>357</v>
      </c>
      <c r="B67745" s="14" t="s">
        <v>1</v>
      </c>
      <c r="C67745" s="14" t="s">
        <v>96</v>
      </c>
      <c r="D67745" s="14" t="s">
        <v>146</v>
      </c>
      <c r="E67745" s="15">
        <v>45596</v>
      </c>
      <c r="F67745" s="14" t="s">
        <v>61</v>
      </c>
      <c r="G67745" s="16">
        <v>0</v>
      </c>
    </row>
    <row r="67746" spans="1:7" x14ac:dyDescent="0.3">
      <c r="A67746" s="13" t="s">
        <v>357</v>
      </c>
      <c r="B67746" s="14" t="s">
        <v>1</v>
      </c>
      <c r="C67746" s="14" t="s">
        <v>96</v>
      </c>
      <c r="D67746" s="14" t="s">
        <v>146</v>
      </c>
      <c r="E67746" s="15">
        <v>45597</v>
      </c>
      <c r="F67746" s="14" t="s">
        <v>61</v>
      </c>
      <c r="G67746" s="16">
        <v>0</v>
      </c>
    </row>
    <row r="67747" spans="1:7" x14ac:dyDescent="0.3">
      <c r="A67747" s="13" t="s">
        <v>357</v>
      </c>
      <c r="B67747" s="14" t="s">
        <v>1</v>
      </c>
      <c r="C67747" s="14" t="s">
        <v>96</v>
      </c>
      <c r="D67747" s="14" t="s">
        <v>146</v>
      </c>
      <c r="E67747" s="15">
        <v>45598</v>
      </c>
      <c r="F67747" s="14" t="s">
        <v>61</v>
      </c>
      <c r="G67747" s="16">
        <v>0</v>
      </c>
    </row>
    <row r="67748" spans="1:7" x14ac:dyDescent="0.3">
      <c r="A67748" s="13" t="s">
        <v>357</v>
      </c>
      <c r="B67748" s="14" t="s">
        <v>1</v>
      </c>
      <c r="C67748" s="14" t="s">
        <v>96</v>
      </c>
      <c r="D67748" s="14" t="s">
        <v>146</v>
      </c>
      <c r="E67748" s="15">
        <v>45599</v>
      </c>
      <c r="F67748" s="14" t="s">
        <v>61</v>
      </c>
      <c r="G67748" s="16">
        <v>0</v>
      </c>
    </row>
    <row r="67749" spans="1:7" x14ac:dyDescent="0.3">
      <c r="A67749" s="13" t="s">
        <v>357</v>
      </c>
      <c r="B67749" s="14" t="s">
        <v>1</v>
      </c>
      <c r="C67749" s="14" t="s">
        <v>96</v>
      </c>
      <c r="D67749" s="14" t="s">
        <v>146</v>
      </c>
      <c r="E67749" s="15">
        <v>45600</v>
      </c>
      <c r="F67749" s="14" t="s">
        <v>61</v>
      </c>
      <c r="G67749" s="16">
        <v>0</v>
      </c>
    </row>
    <row r="67750" spans="1:7" x14ac:dyDescent="0.3">
      <c r="A67750" s="13" t="s">
        <v>357</v>
      </c>
      <c r="B67750" s="14" t="s">
        <v>1</v>
      </c>
      <c r="C67750" s="14" t="s">
        <v>96</v>
      </c>
      <c r="D67750" s="14" t="s">
        <v>146</v>
      </c>
      <c r="E67750" s="15">
        <v>45601</v>
      </c>
      <c r="F67750" s="14" t="s">
        <v>61</v>
      </c>
      <c r="G67750" s="16">
        <v>0</v>
      </c>
    </row>
    <row r="67751" spans="1:7" x14ac:dyDescent="0.3">
      <c r="A67751" s="13" t="s">
        <v>357</v>
      </c>
      <c r="B67751" s="14" t="s">
        <v>1</v>
      </c>
      <c r="C67751" s="14" t="s">
        <v>96</v>
      </c>
      <c r="D67751" s="14" t="s">
        <v>146</v>
      </c>
      <c r="E67751" s="15">
        <v>45602</v>
      </c>
      <c r="F67751" s="14" t="s">
        <v>61</v>
      </c>
      <c r="G67751" s="16">
        <v>0</v>
      </c>
    </row>
    <row r="67752" spans="1:7" x14ac:dyDescent="0.3">
      <c r="A67752" s="13" t="s">
        <v>357</v>
      </c>
      <c r="B67752" s="14" t="s">
        <v>1</v>
      </c>
      <c r="C67752" s="14" t="s">
        <v>96</v>
      </c>
      <c r="D67752" s="14" t="s">
        <v>146</v>
      </c>
      <c r="E67752" s="15">
        <v>45603</v>
      </c>
      <c r="F67752" s="14" t="s">
        <v>61</v>
      </c>
      <c r="G67752" s="16">
        <v>0</v>
      </c>
    </row>
    <row r="67753" spans="1:7" x14ac:dyDescent="0.3">
      <c r="A67753" s="13" t="s">
        <v>357</v>
      </c>
      <c r="B67753" s="14" t="s">
        <v>1</v>
      </c>
      <c r="C67753" s="14" t="s">
        <v>96</v>
      </c>
      <c r="D67753" s="14" t="s">
        <v>146</v>
      </c>
      <c r="E67753" s="15">
        <v>45604</v>
      </c>
      <c r="F67753" s="14" t="s">
        <v>61</v>
      </c>
      <c r="G67753" s="16">
        <v>0</v>
      </c>
    </row>
    <row r="67754" spans="1:7" x14ac:dyDescent="0.3">
      <c r="A67754" s="13" t="s">
        <v>357</v>
      </c>
      <c r="B67754" s="14" t="s">
        <v>1</v>
      </c>
      <c r="C67754" s="14" t="s">
        <v>96</v>
      </c>
      <c r="D67754" s="14" t="s">
        <v>146</v>
      </c>
      <c r="E67754" s="15">
        <v>45605</v>
      </c>
      <c r="F67754" s="14" t="s">
        <v>61</v>
      </c>
      <c r="G67754" s="16">
        <v>0</v>
      </c>
    </row>
    <row r="67755" spans="1:7" x14ac:dyDescent="0.3">
      <c r="A67755" s="13" t="s">
        <v>357</v>
      </c>
      <c r="B67755" s="14" t="s">
        <v>1</v>
      </c>
      <c r="C67755" s="14" t="s">
        <v>96</v>
      </c>
      <c r="D67755" s="14" t="s">
        <v>146</v>
      </c>
      <c r="E67755" s="15">
        <v>45606</v>
      </c>
      <c r="F67755" s="14" t="s">
        <v>61</v>
      </c>
      <c r="G67755" s="16">
        <v>0</v>
      </c>
    </row>
    <row r="67756" spans="1:7" x14ac:dyDescent="0.3">
      <c r="A67756" s="13" t="s">
        <v>357</v>
      </c>
      <c r="B67756" s="14" t="s">
        <v>1</v>
      </c>
      <c r="C67756" s="14" t="s">
        <v>96</v>
      </c>
      <c r="D67756" s="14" t="s">
        <v>146</v>
      </c>
      <c r="E67756" s="15">
        <v>45607</v>
      </c>
      <c r="F67756" s="14" t="s">
        <v>61</v>
      </c>
      <c r="G67756" s="16">
        <v>0</v>
      </c>
    </row>
    <row r="67757" spans="1:7" x14ac:dyDescent="0.3">
      <c r="A67757" s="13" t="s">
        <v>357</v>
      </c>
      <c r="B67757" s="14" t="s">
        <v>1</v>
      </c>
      <c r="C67757" s="14" t="s">
        <v>96</v>
      </c>
      <c r="D67757" s="14" t="s">
        <v>146</v>
      </c>
      <c r="E67757" s="15">
        <v>45608</v>
      </c>
      <c r="F67757" s="14" t="s">
        <v>61</v>
      </c>
      <c r="G67757" s="16">
        <v>0</v>
      </c>
    </row>
    <row r="67758" spans="1:7" x14ac:dyDescent="0.3">
      <c r="A67758" s="13" t="s">
        <v>357</v>
      </c>
      <c r="B67758" s="14" t="s">
        <v>1</v>
      </c>
      <c r="C67758" s="14" t="s">
        <v>96</v>
      </c>
      <c r="D67758" s="14" t="s">
        <v>146</v>
      </c>
      <c r="E67758" s="15">
        <v>45609</v>
      </c>
      <c r="F67758" s="14" t="s">
        <v>61</v>
      </c>
      <c r="G67758" s="16">
        <v>0</v>
      </c>
    </row>
    <row r="67759" spans="1:7" x14ac:dyDescent="0.3">
      <c r="A67759" s="13" t="s">
        <v>357</v>
      </c>
      <c r="B67759" s="14" t="s">
        <v>1</v>
      </c>
      <c r="C67759" s="14" t="s">
        <v>96</v>
      </c>
      <c r="D67759" s="14" t="s">
        <v>146</v>
      </c>
      <c r="E67759" s="15">
        <v>45610</v>
      </c>
      <c r="F67759" s="14" t="s">
        <v>61</v>
      </c>
      <c r="G67759" s="16">
        <v>0</v>
      </c>
    </row>
    <row r="67760" spans="1:7" x14ac:dyDescent="0.3">
      <c r="A67760" s="13" t="s">
        <v>357</v>
      </c>
      <c r="B67760" s="14" t="s">
        <v>1</v>
      </c>
      <c r="C67760" s="14" t="s">
        <v>96</v>
      </c>
      <c r="D67760" s="14" t="s">
        <v>146</v>
      </c>
      <c r="E67760" s="15">
        <v>45611</v>
      </c>
      <c r="F67760" s="14" t="s">
        <v>61</v>
      </c>
      <c r="G67760" s="16">
        <v>0</v>
      </c>
    </row>
    <row r="67761" spans="1:7" x14ac:dyDescent="0.3">
      <c r="A67761" s="13" t="s">
        <v>357</v>
      </c>
      <c r="B67761" s="14" t="s">
        <v>1</v>
      </c>
      <c r="C67761" s="14" t="s">
        <v>96</v>
      </c>
      <c r="D67761" s="14" t="s">
        <v>146</v>
      </c>
      <c r="E67761" s="15">
        <v>45612</v>
      </c>
      <c r="F67761" s="14" t="s">
        <v>61</v>
      </c>
      <c r="G67761" s="16">
        <v>0</v>
      </c>
    </row>
    <row r="67762" spans="1:7" x14ac:dyDescent="0.3">
      <c r="A67762" s="13" t="s">
        <v>357</v>
      </c>
      <c r="B67762" s="14" t="s">
        <v>1</v>
      </c>
      <c r="C67762" s="14" t="s">
        <v>96</v>
      </c>
      <c r="D67762" s="14" t="s">
        <v>146</v>
      </c>
      <c r="E67762" s="15">
        <v>45613</v>
      </c>
      <c r="F67762" s="14" t="s">
        <v>61</v>
      </c>
      <c r="G67762" s="16">
        <v>0</v>
      </c>
    </row>
    <row r="67763" spans="1:7" x14ac:dyDescent="0.3">
      <c r="A67763" s="13" t="s">
        <v>357</v>
      </c>
      <c r="B67763" s="14" t="s">
        <v>1</v>
      </c>
      <c r="C67763" s="14" t="s">
        <v>96</v>
      </c>
      <c r="D67763" s="14" t="s">
        <v>146</v>
      </c>
      <c r="E67763" s="15">
        <v>45614</v>
      </c>
      <c r="F67763" s="14" t="s">
        <v>61</v>
      </c>
      <c r="G67763" s="16">
        <v>0</v>
      </c>
    </row>
    <row r="67764" spans="1:7" x14ac:dyDescent="0.3">
      <c r="A67764" s="13" t="s">
        <v>357</v>
      </c>
      <c r="B67764" s="14" t="s">
        <v>1</v>
      </c>
      <c r="C67764" s="14" t="s">
        <v>96</v>
      </c>
      <c r="D67764" s="14" t="s">
        <v>146</v>
      </c>
      <c r="E67764" s="15">
        <v>45615</v>
      </c>
      <c r="F67764" s="14" t="s">
        <v>61</v>
      </c>
      <c r="G67764" s="16">
        <v>0</v>
      </c>
    </row>
    <row r="67765" spans="1:7" x14ac:dyDescent="0.3">
      <c r="A67765" s="13" t="s">
        <v>357</v>
      </c>
      <c r="B67765" s="14" t="s">
        <v>1</v>
      </c>
      <c r="C67765" s="14" t="s">
        <v>96</v>
      </c>
      <c r="D67765" s="14" t="s">
        <v>146</v>
      </c>
      <c r="E67765" s="15">
        <v>45616</v>
      </c>
      <c r="F67765" s="14" t="s">
        <v>61</v>
      </c>
      <c r="G67765" s="16">
        <v>0</v>
      </c>
    </row>
    <row r="67766" spans="1:7" x14ac:dyDescent="0.3">
      <c r="A67766" s="13" t="s">
        <v>357</v>
      </c>
      <c r="B67766" s="14" t="s">
        <v>1</v>
      </c>
      <c r="C67766" s="14" t="s">
        <v>96</v>
      </c>
      <c r="D67766" s="14" t="s">
        <v>146</v>
      </c>
      <c r="E67766" s="15">
        <v>45617</v>
      </c>
      <c r="F67766" s="14" t="s">
        <v>61</v>
      </c>
      <c r="G67766" s="16">
        <v>0</v>
      </c>
    </row>
    <row r="67767" spans="1:7" x14ac:dyDescent="0.3">
      <c r="A67767" s="13" t="s">
        <v>357</v>
      </c>
      <c r="B67767" s="14" t="s">
        <v>1</v>
      </c>
      <c r="C67767" s="14" t="s">
        <v>96</v>
      </c>
      <c r="D67767" s="14" t="s">
        <v>146</v>
      </c>
      <c r="E67767" s="15">
        <v>45618</v>
      </c>
      <c r="F67767" s="14" t="s">
        <v>61</v>
      </c>
      <c r="G67767" s="16">
        <v>0</v>
      </c>
    </row>
    <row r="67768" spans="1:7" x14ac:dyDescent="0.3">
      <c r="A67768" s="13" t="s">
        <v>357</v>
      </c>
      <c r="B67768" s="14" t="s">
        <v>1</v>
      </c>
      <c r="C67768" s="14" t="s">
        <v>96</v>
      </c>
      <c r="D67768" s="14" t="s">
        <v>146</v>
      </c>
      <c r="E67768" s="15">
        <v>45619</v>
      </c>
      <c r="F67768" s="14" t="s">
        <v>61</v>
      </c>
      <c r="G67768" s="16">
        <v>0</v>
      </c>
    </row>
    <row r="67769" spans="1:7" x14ac:dyDescent="0.3">
      <c r="A67769" s="13" t="s">
        <v>357</v>
      </c>
      <c r="B67769" s="14" t="s">
        <v>1</v>
      </c>
      <c r="C67769" s="14" t="s">
        <v>96</v>
      </c>
      <c r="D67769" s="14" t="s">
        <v>146</v>
      </c>
      <c r="E67769" s="15">
        <v>45620</v>
      </c>
      <c r="F67769" s="14" t="s">
        <v>61</v>
      </c>
      <c r="G67769" s="16">
        <v>0</v>
      </c>
    </row>
    <row r="67770" spans="1:7" x14ac:dyDescent="0.3">
      <c r="A67770" s="13" t="s">
        <v>357</v>
      </c>
      <c r="B67770" s="14" t="s">
        <v>1</v>
      </c>
      <c r="C67770" s="14" t="s">
        <v>96</v>
      </c>
      <c r="D67770" s="14" t="s">
        <v>146</v>
      </c>
      <c r="E67770" s="15">
        <v>45621</v>
      </c>
      <c r="F67770" s="14" t="s">
        <v>61</v>
      </c>
      <c r="G67770" s="16">
        <v>0</v>
      </c>
    </row>
    <row r="67771" spans="1:7" x14ac:dyDescent="0.3">
      <c r="A67771" s="13" t="s">
        <v>357</v>
      </c>
      <c r="B67771" s="14" t="s">
        <v>1</v>
      </c>
      <c r="C67771" s="14" t="s">
        <v>96</v>
      </c>
      <c r="D67771" s="14" t="s">
        <v>146</v>
      </c>
      <c r="E67771" s="15">
        <v>45622</v>
      </c>
      <c r="F67771" s="14" t="s">
        <v>61</v>
      </c>
      <c r="G67771" s="16">
        <v>0</v>
      </c>
    </row>
    <row r="67772" spans="1:7" x14ac:dyDescent="0.3">
      <c r="A67772" s="13" t="s">
        <v>357</v>
      </c>
      <c r="B67772" s="14" t="s">
        <v>1</v>
      </c>
      <c r="C67772" s="14" t="s">
        <v>96</v>
      </c>
      <c r="D67772" s="14" t="s">
        <v>146</v>
      </c>
      <c r="E67772" s="15">
        <v>45623</v>
      </c>
      <c r="F67772" s="14" t="s">
        <v>61</v>
      </c>
      <c r="G67772" s="16">
        <v>0</v>
      </c>
    </row>
    <row r="67773" spans="1:7" x14ac:dyDescent="0.3">
      <c r="A67773" s="13" t="s">
        <v>357</v>
      </c>
      <c r="B67773" s="14" t="s">
        <v>1</v>
      </c>
      <c r="C67773" s="14" t="s">
        <v>96</v>
      </c>
      <c r="D67773" s="14" t="s">
        <v>146</v>
      </c>
      <c r="E67773" s="15">
        <v>45624</v>
      </c>
      <c r="F67773" s="14" t="s">
        <v>61</v>
      </c>
      <c r="G67773" s="16">
        <v>0</v>
      </c>
    </row>
    <row r="67774" spans="1:7" x14ac:dyDescent="0.3">
      <c r="A67774" s="13" t="s">
        <v>357</v>
      </c>
      <c r="B67774" s="14" t="s">
        <v>1</v>
      </c>
      <c r="C67774" s="14" t="s">
        <v>96</v>
      </c>
      <c r="D67774" s="14" t="s">
        <v>146</v>
      </c>
      <c r="E67774" s="15">
        <v>45625</v>
      </c>
      <c r="F67774" s="14" t="s">
        <v>61</v>
      </c>
      <c r="G67774" s="16">
        <v>0</v>
      </c>
    </row>
    <row r="67775" spans="1:7" x14ac:dyDescent="0.3">
      <c r="A67775" s="13" t="s">
        <v>357</v>
      </c>
      <c r="B67775" s="14" t="s">
        <v>1</v>
      </c>
      <c r="C67775" s="14" t="s">
        <v>96</v>
      </c>
      <c r="D67775" s="14" t="s">
        <v>146</v>
      </c>
      <c r="E67775" s="15">
        <v>45626</v>
      </c>
      <c r="F67775" s="14" t="s">
        <v>61</v>
      </c>
      <c r="G67775" s="16">
        <v>0</v>
      </c>
    </row>
    <row r="67776" spans="1:7" x14ac:dyDescent="0.3">
      <c r="A67776" s="13" t="s">
        <v>357</v>
      </c>
      <c r="B67776" s="14" t="s">
        <v>1</v>
      </c>
      <c r="C67776" s="14" t="s">
        <v>96</v>
      </c>
      <c r="D67776" s="14" t="s">
        <v>146</v>
      </c>
      <c r="E67776" s="15">
        <v>45627</v>
      </c>
      <c r="F67776" s="14" t="s">
        <v>61</v>
      </c>
      <c r="G67776" s="16">
        <v>0</v>
      </c>
    </row>
    <row r="67777" spans="1:7" x14ac:dyDescent="0.3">
      <c r="A67777" s="13" t="s">
        <v>357</v>
      </c>
      <c r="B67777" s="14" t="s">
        <v>1</v>
      </c>
      <c r="C67777" s="14" t="s">
        <v>96</v>
      </c>
      <c r="D67777" s="14" t="s">
        <v>146</v>
      </c>
      <c r="E67777" s="15">
        <v>45628</v>
      </c>
      <c r="F67777" s="14" t="s">
        <v>61</v>
      </c>
      <c r="G67777" s="16">
        <v>0</v>
      </c>
    </row>
    <row r="67778" spans="1:7" x14ac:dyDescent="0.3">
      <c r="A67778" s="13" t="s">
        <v>357</v>
      </c>
      <c r="B67778" s="14" t="s">
        <v>1</v>
      </c>
      <c r="C67778" s="14" t="s">
        <v>96</v>
      </c>
      <c r="D67778" s="14" t="s">
        <v>146</v>
      </c>
      <c r="E67778" s="15">
        <v>45629</v>
      </c>
      <c r="F67778" s="14" t="s">
        <v>61</v>
      </c>
      <c r="G67778" s="16">
        <v>0</v>
      </c>
    </row>
    <row r="67779" spans="1:7" x14ac:dyDescent="0.3">
      <c r="A67779" s="13" t="s">
        <v>357</v>
      </c>
      <c r="B67779" s="14" t="s">
        <v>1</v>
      </c>
      <c r="C67779" s="14" t="s">
        <v>96</v>
      </c>
      <c r="D67779" s="14" t="s">
        <v>146</v>
      </c>
      <c r="E67779" s="15">
        <v>45630</v>
      </c>
      <c r="F67779" s="14" t="s">
        <v>61</v>
      </c>
      <c r="G67779" s="16">
        <v>0</v>
      </c>
    </row>
    <row r="67780" spans="1:7" x14ac:dyDescent="0.3">
      <c r="A67780" s="13" t="s">
        <v>357</v>
      </c>
      <c r="B67780" s="14" t="s">
        <v>1</v>
      </c>
      <c r="C67780" s="14" t="s">
        <v>96</v>
      </c>
      <c r="D67780" s="14" t="s">
        <v>146</v>
      </c>
      <c r="E67780" s="15">
        <v>45631</v>
      </c>
      <c r="F67780" s="14" t="s">
        <v>61</v>
      </c>
      <c r="G67780" s="16">
        <v>0</v>
      </c>
    </row>
    <row r="67781" spans="1:7" x14ac:dyDescent="0.3">
      <c r="A67781" s="13" t="s">
        <v>357</v>
      </c>
      <c r="B67781" s="14" t="s">
        <v>1</v>
      </c>
      <c r="C67781" s="14" t="s">
        <v>96</v>
      </c>
      <c r="D67781" s="14" t="s">
        <v>146</v>
      </c>
      <c r="E67781" s="15">
        <v>45632</v>
      </c>
      <c r="F67781" s="14" t="s">
        <v>61</v>
      </c>
      <c r="G67781" s="16">
        <v>0</v>
      </c>
    </row>
    <row r="67782" spans="1:7" x14ac:dyDescent="0.3">
      <c r="A67782" s="13" t="s">
        <v>357</v>
      </c>
      <c r="B67782" s="14" t="s">
        <v>1</v>
      </c>
      <c r="C67782" s="14" t="s">
        <v>96</v>
      </c>
      <c r="D67782" s="14" t="s">
        <v>146</v>
      </c>
      <c r="E67782" s="15">
        <v>45633</v>
      </c>
      <c r="F67782" s="14" t="s">
        <v>61</v>
      </c>
      <c r="G67782" s="16">
        <v>0</v>
      </c>
    </row>
    <row r="67783" spans="1:7" x14ac:dyDescent="0.3">
      <c r="A67783" s="13" t="s">
        <v>357</v>
      </c>
      <c r="B67783" s="14" t="s">
        <v>1</v>
      </c>
      <c r="C67783" s="14" t="s">
        <v>96</v>
      </c>
      <c r="D67783" s="14" t="s">
        <v>146</v>
      </c>
      <c r="E67783" s="15">
        <v>45634</v>
      </c>
      <c r="F67783" s="14" t="s">
        <v>61</v>
      </c>
      <c r="G67783" s="16">
        <v>0</v>
      </c>
    </row>
    <row r="67784" spans="1:7" x14ac:dyDescent="0.3">
      <c r="A67784" s="13" t="s">
        <v>357</v>
      </c>
      <c r="B67784" s="14" t="s">
        <v>1</v>
      </c>
      <c r="C67784" s="14" t="s">
        <v>96</v>
      </c>
      <c r="D67784" s="14" t="s">
        <v>146</v>
      </c>
      <c r="E67784" s="15">
        <v>45635</v>
      </c>
      <c r="F67784" s="14" t="s">
        <v>61</v>
      </c>
      <c r="G67784" s="16">
        <v>0</v>
      </c>
    </row>
    <row r="67785" spans="1:7" x14ac:dyDescent="0.3">
      <c r="A67785" s="13" t="s">
        <v>357</v>
      </c>
      <c r="B67785" s="14" t="s">
        <v>1</v>
      </c>
      <c r="C67785" s="14" t="s">
        <v>96</v>
      </c>
      <c r="D67785" s="14" t="s">
        <v>146</v>
      </c>
      <c r="E67785" s="15">
        <v>45636</v>
      </c>
      <c r="F67785" s="14" t="s">
        <v>61</v>
      </c>
      <c r="G67785" s="16">
        <v>0</v>
      </c>
    </row>
    <row r="67786" spans="1:7" x14ac:dyDescent="0.3">
      <c r="A67786" s="13" t="s">
        <v>357</v>
      </c>
      <c r="B67786" s="14" t="s">
        <v>1</v>
      </c>
      <c r="C67786" s="14" t="s">
        <v>96</v>
      </c>
      <c r="D67786" s="14" t="s">
        <v>146</v>
      </c>
      <c r="E67786" s="15">
        <v>45637</v>
      </c>
      <c r="F67786" s="14" t="s">
        <v>61</v>
      </c>
      <c r="G67786" s="16">
        <v>0</v>
      </c>
    </row>
    <row r="67787" spans="1:7" x14ac:dyDescent="0.3">
      <c r="A67787" s="13" t="s">
        <v>357</v>
      </c>
      <c r="B67787" s="14" t="s">
        <v>1</v>
      </c>
      <c r="C67787" s="14" t="s">
        <v>96</v>
      </c>
      <c r="D67787" s="14" t="s">
        <v>146</v>
      </c>
      <c r="E67787" s="15">
        <v>45638</v>
      </c>
      <c r="F67787" s="14" t="s">
        <v>61</v>
      </c>
      <c r="G67787" s="16">
        <v>0</v>
      </c>
    </row>
    <row r="67788" spans="1:7" x14ac:dyDescent="0.3">
      <c r="A67788" s="13" t="s">
        <v>357</v>
      </c>
      <c r="B67788" s="14" t="s">
        <v>1</v>
      </c>
      <c r="C67788" s="14" t="s">
        <v>96</v>
      </c>
      <c r="D67788" s="14" t="s">
        <v>146</v>
      </c>
      <c r="E67788" s="15">
        <v>45639</v>
      </c>
      <c r="F67788" s="14" t="s">
        <v>61</v>
      </c>
      <c r="G67788" s="16">
        <v>0</v>
      </c>
    </row>
    <row r="67789" spans="1:7" x14ac:dyDescent="0.3">
      <c r="A67789" s="13" t="s">
        <v>357</v>
      </c>
      <c r="B67789" s="14" t="s">
        <v>1</v>
      </c>
      <c r="C67789" s="14" t="s">
        <v>96</v>
      </c>
      <c r="D67789" s="14" t="s">
        <v>146</v>
      </c>
      <c r="E67789" s="15">
        <v>45640</v>
      </c>
      <c r="F67789" s="14" t="s">
        <v>61</v>
      </c>
      <c r="G67789" s="16">
        <v>0</v>
      </c>
    </row>
    <row r="67790" spans="1:7" x14ac:dyDescent="0.3">
      <c r="A67790" s="13" t="s">
        <v>357</v>
      </c>
      <c r="B67790" s="14" t="s">
        <v>1</v>
      </c>
      <c r="C67790" s="14" t="s">
        <v>96</v>
      </c>
      <c r="D67790" s="14" t="s">
        <v>146</v>
      </c>
      <c r="E67790" s="15">
        <v>45641</v>
      </c>
      <c r="F67790" s="14" t="s">
        <v>61</v>
      </c>
      <c r="G67790" s="16">
        <v>0</v>
      </c>
    </row>
    <row r="67791" spans="1:7" x14ac:dyDescent="0.3">
      <c r="A67791" s="13" t="s">
        <v>357</v>
      </c>
      <c r="B67791" s="14" t="s">
        <v>1</v>
      </c>
      <c r="C67791" s="14" t="s">
        <v>96</v>
      </c>
      <c r="D67791" s="14" t="s">
        <v>146</v>
      </c>
      <c r="E67791" s="15">
        <v>45642</v>
      </c>
      <c r="F67791" s="14" t="s">
        <v>61</v>
      </c>
      <c r="G67791" s="16">
        <v>0</v>
      </c>
    </row>
    <row r="67792" spans="1:7" x14ac:dyDescent="0.3">
      <c r="A67792" s="13" t="s">
        <v>357</v>
      </c>
      <c r="B67792" s="14" t="s">
        <v>1</v>
      </c>
      <c r="C67792" s="14" t="s">
        <v>96</v>
      </c>
      <c r="D67792" s="14" t="s">
        <v>146</v>
      </c>
      <c r="E67792" s="15">
        <v>45643</v>
      </c>
      <c r="F67792" s="14" t="s">
        <v>61</v>
      </c>
      <c r="G67792" s="16">
        <v>0</v>
      </c>
    </row>
    <row r="67793" spans="1:7" x14ac:dyDescent="0.3">
      <c r="A67793" s="13" t="s">
        <v>357</v>
      </c>
      <c r="B67793" s="14" t="s">
        <v>1</v>
      </c>
      <c r="C67793" s="14" t="s">
        <v>96</v>
      </c>
      <c r="D67793" s="14" t="s">
        <v>146</v>
      </c>
      <c r="E67793" s="15">
        <v>45644</v>
      </c>
      <c r="F67793" s="14" t="s">
        <v>61</v>
      </c>
      <c r="G67793" s="16">
        <v>0</v>
      </c>
    </row>
    <row r="67794" spans="1:7" x14ac:dyDescent="0.3">
      <c r="A67794" s="13" t="s">
        <v>357</v>
      </c>
      <c r="B67794" s="14" t="s">
        <v>1</v>
      </c>
      <c r="C67794" s="14" t="s">
        <v>96</v>
      </c>
      <c r="D67794" s="14" t="s">
        <v>146</v>
      </c>
      <c r="E67794" s="15">
        <v>45645</v>
      </c>
      <c r="F67794" s="14" t="s">
        <v>61</v>
      </c>
      <c r="G67794" s="16">
        <v>0</v>
      </c>
    </row>
    <row r="67795" spans="1:7" x14ac:dyDescent="0.3">
      <c r="A67795" s="13" t="s">
        <v>357</v>
      </c>
      <c r="B67795" s="14" t="s">
        <v>1</v>
      </c>
      <c r="C67795" s="14" t="s">
        <v>96</v>
      </c>
      <c r="D67795" s="14" t="s">
        <v>146</v>
      </c>
      <c r="E67795" s="15">
        <v>45646</v>
      </c>
      <c r="F67795" s="14" t="s">
        <v>61</v>
      </c>
      <c r="G67795" s="16">
        <v>0</v>
      </c>
    </row>
    <row r="67796" spans="1:7" x14ac:dyDescent="0.3">
      <c r="A67796" s="13" t="s">
        <v>357</v>
      </c>
      <c r="B67796" s="14" t="s">
        <v>1</v>
      </c>
      <c r="C67796" s="14" t="s">
        <v>96</v>
      </c>
      <c r="D67796" s="14" t="s">
        <v>146</v>
      </c>
      <c r="E67796" s="15">
        <v>45647</v>
      </c>
      <c r="F67796" s="14" t="s">
        <v>61</v>
      </c>
      <c r="G67796" s="16">
        <v>0</v>
      </c>
    </row>
    <row r="67797" spans="1:7" x14ac:dyDescent="0.3">
      <c r="A67797" s="13" t="s">
        <v>357</v>
      </c>
      <c r="B67797" s="14" t="s">
        <v>1</v>
      </c>
      <c r="C67797" s="14" t="s">
        <v>96</v>
      </c>
      <c r="D67797" s="14" t="s">
        <v>146</v>
      </c>
      <c r="E67797" s="15">
        <v>45648</v>
      </c>
      <c r="F67797" s="14" t="s">
        <v>61</v>
      </c>
      <c r="G67797" s="16">
        <v>0</v>
      </c>
    </row>
    <row r="67798" spans="1:7" x14ac:dyDescent="0.3">
      <c r="A67798" s="13" t="s">
        <v>357</v>
      </c>
      <c r="B67798" s="14" t="s">
        <v>1</v>
      </c>
      <c r="C67798" s="14" t="s">
        <v>96</v>
      </c>
      <c r="D67798" s="14" t="s">
        <v>146</v>
      </c>
      <c r="E67798" s="15">
        <v>45649</v>
      </c>
      <c r="F67798" s="14" t="s">
        <v>61</v>
      </c>
      <c r="G67798" s="16">
        <v>0</v>
      </c>
    </row>
    <row r="67799" spans="1:7" x14ac:dyDescent="0.3">
      <c r="A67799" s="13" t="s">
        <v>357</v>
      </c>
      <c r="B67799" s="14" t="s">
        <v>1</v>
      </c>
      <c r="C67799" s="14" t="s">
        <v>96</v>
      </c>
      <c r="D67799" s="14" t="s">
        <v>146</v>
      </c>
      <c r="E67799" s="15">
        <v>45650</v>
      </c>
      <c r="F67799" s="14" t="s">
        <v>61</v>
      </c>
      <c r="G67799" s="16">
        <v>0</v>
      </c>
    </row>
    <row r="67800" spans="1:7" x14ac:dyDescent="0.3">
      <c r="A67800" s="13" t="s">
        <v>357</v>
      </c>
      <c r="B67800" s="14" t="s">
        <v>1</v>
      </c>
      <c r="C67800" s="14" t="s">
        <v>96</v>
      </c>
      <c r="D67800" s="14" t="s">
        <v>146</v>
      </c>
      <c r="E67800" s="15">
        <v>45651</v>
      </c>
      <c r="F67800" s="14" t="s">
        <v>61</v>
      </c>
      <c r="G67800" s="16">
        <v>0</v>
      </c>
    </row>
    <row r="67801" spans="1:7" x14ac:dyDescent="0.3">
      <c r="A67801" s="13" t="s">
        <v>357</v>
      </c>
      <c r="B67801" s="14" t="s">
        <v>1</v>
      </c>
      <c r="C67801" s="14" t="s">
        <v>96</v>
      </c>
      <c r="D67801" s="14" t="s">
        <v>146</v>
      </c>
      <c r="E67801" s="15">
        <v>45652</v>
      </c>
      <c r="F67801" s="14" t="s">
        <v>61</v>
      </c>
      <c r="G67801" s="16">
        <v>0</v>
      </c>
    </row>
    <row r="67802" spans="1:7" x14ac:dyDescent="0.3">
      <c r="A67802" s="13" t="s">
        <v>357</v>
      </c>
      <c r="B67802" s="14" t="s">
        <v>1</v>
      </c>
      <c r="C67802" s="14" t="s">
        <v>96</v>
      </c>
      <c r="D67802" s="14" t="s">
        <v>146</v>
      </c>
      <c r="E67802" s="15">
        <v>45653</v>
      </c>
      <c r="F67802" s="14" t="s">
        <v>61</v>
      </c>
      <c r="G67802" s="16">
        <v>0</v>
      </c>
    </row>
    <row r="67803" spans="1:7" x14ac:dyDescent="0.3">
      <c r="A67803" s="13" t="s">
        <v>357</v>
      </c>
      <c r="B67803" s="14" t="s">
        <v>1</v>
      </c>
      <c r="C67803" s="14" t="s">
        <v>96</v>
      </c>
      <c r="D67803" s="14" t="s">
        <v>146</v>
      </c>
      <c r="E67803" s="15">
        <v>45654</v>
      </c>
      <c r="F67803" s="14" t="s">
        <v>61</v>
      </c>
      <c r="G67803" s="16">
        <v>0</v>
      </c>
    </row>
    <row r="67804" spans="1:7" x14ac:dyDescent="0.3">
      <c r="A67804" s="13" t="s">
        <v>357</v>
      </c>
      <c r="B67804" s="14" t="s">
        <v>1</v>
      </c>
      <c r="C67804" s="14" t="s">
        <v>96</v>
      </c>
      <c r="D67804" s="14" t="s">
        <v>146</v>
      </c>
      <c r="E67804" s="15">
        <v>45655</v>
      </c>
      <c r="F67804" s="14" t="s">
        <v>61</v>
      </c>
      <c r="G67804" s="16">
        <v>0</v>
      </c>
    </row>
    <row r="67805" spans="1:7" x14ac:dyDescent="0.3">
      <c r="A67805" s="13" t="s">
        <v>357</v>
      </c>
      <c r="B67805" s="14" t="s">
        <v>1</v>
      </c>
      <c r="C67805" s="14" t="s">
        <v>96</v>
      </c>
      <c r="D67805" s="14" t="s">
        <v>146</v>
      </c>
      <c r="E67805" s="15">
        <v>45656</v>
      </c>
      <c r="F67805" s="14" t="s">
        <v>61</v>
      </c>
      <c r="G67805" s="16">
        <v>0</v>
      </c>
    </row>
    <row r="67806" spans="1:7" x14ac:dyDescent="0.3">
      <c r="A67806" s="13" t="s">
        <v>357</v>
      </c>
      <c r="B67806" s="14" t="s">
        <v>1</v>
      </c>
      <c r="C67806" s="14" t="s">
        <v>96</v>
      </c>
      <c r="D67806" s="14" t="s">
        <v>146</v>
      </c>
      <c r="E67806" s="15">
        <v>45657</v>
      </c>
      <c r="F67806" s="14" t="s">
        <v>61</v>
      </c>
      <c r="G67806" s="16">
        <v>0</v>
      </c>
    </row>
    <row r="67807" spans="1:7" x14ac:dyDescent="0.3">
      <c r="A67807" s="13" t="s">
        <v>357</v>
      </c>
      <c r="B67807" s="14" t="s">
        <v>1</v>
      </c>
      <c r="C67807" s="14" t="s">
        <v>96</v>
      </c>
      <c r="D67807" s="14" t="s">
        <v>146</v>
      </c>
      <c r="E67807" s="15">
        <v>45658</v>
      </c>
      <c r="F67807" s="14" t="s">
        <v>61</v>
      </c>
      <c r="G67807" s="16">
        <v>0</v>
      </c>
    </row>
    <row r="67808" spans="1:7" x14ac:dyDescent="0.3">
      <c r="A67808" s="13" t="s">
        <v>357</v>
      </c>
      <c r="B67808" s="14" t="s">
        <v>1</v>
      </c>
      <c r="C67808" s="14" t="s">
        <v>96</v>
      </c>
      <c r="D67808" s="14" t="s">
        <v>146</v>
      </c>
      <c r="E67808" s="15">
        <v>45659</v>
      </c>
      <c r="F67808" s="14" t="s">
        <v>61</v>
      </c>
      <c r="G67808" s="16">
        <v>0</v>
      </c>
    </row>
    <row r="67809" spans="1:7" x14ac:dyDescent="0.3">
      <c r="A67809" s="13" t="s">
        <v>357</v>
      </c>
      <c r="B67809" s="14" t="s">
        <v>1</v>
      </c>
      <c r="C67809" s="14" t="s">
        <v>96</v>
      </c>
      <c r="D67809" s="14" t="s">
        <v>146</v>
      </c>
      <c r="E67809" s="15">
        <v>45660</v>
      </c>
      <c r="F67809" s="14" t="s">
        <v>61</v>
      </c>
      <c r="G67809" s="16">
        <v>0</v>
      </c>
    </row>
    <row r="67810" spans="1:7" x14ac:dyDescent="0.3">
      <c r="A67810" s="13" t="s">
        <v>357</v>
      </c>
      <c r="B67810" s="14" t="s">
        <v>1</v>
      </c>
      <c r="C67810" s="14" t="s">
        <v>96</v>
      </c>
      <c r="D67810" s="14" t="s">
        <v>146</v>
      </c>
      <c r="E67810" s="15">
        <v>45661</v>
      </c>
      <c r="F67810" s="14" t="s">
        <v>61</v>
      </c>
      <c r="G67810" s="16">
        <v>0</v>
      </c>
    </row>
    <row r="67811" spans="1:7" x14ac:dyDescent="0.3">
      <c r="A67811" s="13" t="s">
        <v>357</v>
      </c>
      <c r="B67811" s="14" t="s">
        <v>1</v>
      </c>
      <c r="C67811" s="14" t="s">
        <v>96</v>
      </c>
      <c r="D67811" s="14" t="s">
        <v>146</v>
      </c>
      <c r="E67811" s="15">
        <v>45662</v>
      </c>
      <c r="F67811" s="14" t="s">
        <v>61</v>
      </c>
      <c r="G67811" s="16">
        <v>0</v>
      </c>
    </row>
    <row r="67812" spans="1:7" x14ac:dyDescent="0.3">
      <c r="A67812" s="13" t="s">
        <v>357</v>
      </c>
      <c r="B67812" s="14" t="s">
        <v>1</v>
      </c>
      <c r="C67812" s="14" t="s">
        <v>96</v>
      </c>
      <c r="D67812" s="14" t="s">
        <v>146</v>
      </c>
      <c r="E67812" s="15">
        <v>45663</v>
      </c>
      <c r="F67812" s="14" t="s">
        <v>61</v>
      </c>
      <c r="G67812" s="16">
        <v>0</v>
      </c>
    </row>
    <row r="67813" spans="1:7" x14ac:dyDescent="0.3">
      <c r="A67813" s="13" t="s">
        <v>357</v>
      </c>
      <c r="B67813" s="14" t="s">
        <v>1</v>
      </c>
      <c r="C67813" s="14" t="s">
        <v>96</v>
      </c>
      <c r="D67813" s="14" t="s">
        <v>146</v>
      </c>
      <c r="E67813" s="15">
        <v>45664</v>
      </c>
      <c r="F67813" s="14" t="s">
        <v>61</v>
      </c>
      <c r="G67813" s="16">
        <v>0</v>
      </c>
    </row>
    <row r="67814" spans="1:7" x14ac:dyDescent="0.3">
      <c r="A67814" s="13" t="s">
        <v>357</v>
      </c>
      <c r="B67814" s="14" t="s">
        <v>1</v>
      </c>
      <c r="C67814" s="14" t="s">
        <v>96</v>
      </c>
      <c r="D67814" s="14" t="s">
        <v>146</v>
      </c>
      <c r="E67814" s="15">
        <v>45665</v>
      </c>
      <c r="F67814" s="14" t="s">
        <v>61</v>
      </c>
      <c r="G67814" s="16">
        <v>0</v>
      </c>
    </row>
    <row r="67815" spans="1:7" x14ac:dyDescent="0.3">
      <c r="A67815" s="13" t="s">
        <v>357</v>
      </c>
      <c r="B67815" s="14" t="s">
        <v>1</v>
      </c>
      <c r="C67815" s="14" t="s">
        <v>96</v>
      </c>
      <c r="D67815" s="14" t="s">
        <v>146</v>
      </c>
      <c r="E67815" s="15">
        <v>45666</v>
      </c>
      <c r="F67815" s="14" t="s">
        <v>61</v>
      </c>
      <c r="G67815" s="16">
        <v>0</v>
      </c>
    </row>
    <row r="67816" spans="1:7" x14ac:dyDescent="0.3">
      <c r="A67816" s="13" t="s">
        <v>357</v>
      </c>
      <c r="B67816" s="14" t="s">
        <v>1</v>
      </c>
      <c r="C67816" s="14" t="s">
        <v>96</v>
      </c>
      <c r="D67816" s="14" t="s">
        <v>146</v>
      </c>
      <c r="E67816" s="15">
        <v>45667</v>
      </c>
      <c r="F67816" s="14" t="s">
        <v>61</v>
      </c>
      <c r="G67816" s="16">
        <v>0</v>
      </c>
    </row>
    <row r="67817" spans="1:7" x14ac:dyDescent="0.3">
      <c r="A67817" s="13" t="s">
        <v>357</v>
      </c>
      <c r="B67817" s="14" t="s">
        <v>1</v>
      </c>
      <c r="C67817" s="14" t="s">
        <v>96</v>
      </c>
      <c r="D67817" s="14" t="s">
        <v>146</v>
      </c>
      <c r="E67817" s="15">
        <v>45668</v>
      </c>
      <c r="F67817" s="14" t="s">
        <v>61</v>
      </c>
      <c r="G67817" s="16">
        <v>0</v>
      </c>
    </row>
    <row r="67818" spans="1:7" x14ac:dyDescent="0.3">
      <c r="A67818" s="13" t="s">
        <v>357</v>
      </c>
      <c r="B67818" s="14" t="s">
        <v>1</v>
      </c>
      <c r="C67818" s="14" t="s">
        <v>96</v>
      </c>
      <c r="D67818" s="14" t="s">
        <v>146</v>
      </c>
      <c r="E67818" s="15">
        <v>45669</v>
      </c>
      <c r="F67818" s="14" t="s">
        <v>61</v>
      </c>
      <c r="G67818" s="16">
        <v>0</v>
      </c>
    </row>
    <row r="67819" spans="1:7" x14ac:dyDescent="0.3">
      <c r="A67819" s="13" t="s">
        <v>357</v>
      </c>
      <c r="B67819" s="14" t="s">
        <v>1</v>
      </c>
      <c r="C67819" s="14" t="s">
        <v>96</v>
      </c>
      <c r="D67819" s="14" t="s">
        <v>146</v>
      </c>
      <c r="E67819" s="15">
        <v>45670</v>
      </c>
      <c r="F67819" s="14" t="s">
        <v>61</v>
      </c>
      <c r="G67819" s="16">
        <v>0</v>
      </c>
    </row>
    <row r="67820" spans="1:7" x14ac:dyDescent="0.3">
      <c r="A67820" s="13" t="s">
        <v>357</v>
      </c>
      <c r="B67820" s="14" t="s">
        <v>1</v>
      </c>
      <c r="C67820" s="14" t="s">
        <v>96</v>
      </c>
      <c r="D67820" s="14" t="s">
        <v>146</v>
      </c>
      <c r="E67820" s="15">
        <v>45671</v>
      </c>
      <c r="F67820" s="14" t="s">
        <v>61</v>
      </c>
      <c r="G67820" s="16">
        <v>0</v>
      </c>
    </row>
    <row r="67821" spans="1:7" x14ac:dyDescent="0.3">
      <c r="A67821" s="13" t="s">
        <v>357</v>
      </c>
      <c r="B67821" s="14" t="s">
        <v>1</v>
      </c>
      <c r="C67821" s="14" t="s">
        <v>96</v>
      </c>
      <c r="D67821" s="14" t="s">
        <v>146</v>
      </c>
      <c r="E67821" s="15">
        <v>45672</v>
      </c>
      <c r="F67821" s="14" t="s">
        <v>61</v>
      </c>
      <c r="G67821" s="16">
        <v>0</v>
      </c>
    </row>
    <row r="67822" spans="1:7" x14ac:dyDescent="0.3">
      <c r="A67822" s="13" t="s">
        <v>357</v>
      </c>
      <c r="B67822" s="14" t="s">
        <v>1</v>
      </c>
      <c r="C67822" s="14" t="s">
        <v>96</v>
      </c>
      <c r="D67822" s="14" t="s">
        <v>146</v>
      </c>
      <c r="E67822" s="15">
        <v>45673</v>
      </c>
      <c r="F67822" s="14" t="s">
        <v>61</v>
      </c>
      <c r="G67822" s="16">
        <v>0</v>
      </c>
    </row>
    <row r="67823" spans="1:7" x14ac:dyDescent="0.3">
      <c r="A67823" s="13" t="s">
        <v>357</v>
      </c>
      <c r="B67823" s="14" t="s">
        <v>1</v>
      </c>
      <c r="C67823" s="14" t="s">
        <v>96</v>
      </c>
      <c r="D67823" s="14" t="s">
        <v>146</v>
      </c>
      <c r="E67823" s="15">
        <v>45674</v>
      </c>
      <c r="F67823" s="14" t="s">
        <v>61</v>
      </c>
      <c r="G67823" s="16">
        <v>0</v>
      </c>
    </row>
    <row r="67824" spans="1:7" x14ac:dyDescent="0.3">
      <c r="A67824" s="13" t="s">
        <v>357</v>
      </c>
      <c r="B67824" s="14" t="s">
        <v>1</v>
      </c>
      <c r="C67824" s="14" t="s">
        <v>96</v>
      </c>
      <c r="D67824" s="14" t="s">
        <v>146</v>
      </c>
      <c r="E67824" s="15">
        <v>45675</v>
      </c>
      <c r="F67824" s="14" t="s">
        <v>61</v>
      </c>
      <c r="G67824" s="16">
        <v>0</v>
      </c>
    </row>
    <row r="67825" spans="1:7" x14ac:dyDescent="0.3">
      <c r="A67825" s="13" t="s">
        <v>357</v>
      </c>
      <c r="B67825" s="14" t="s">
        <v>1</v>
      </c>
      <c r="C67825" s="14" t="s">
        <v>96</v>
      </c>
      <c r="D67825" s="14" t="s">
        <v>146</v>
      </c>
      <c r="E67825" s="15">
        <v>45676</v>
      </c>
      <c r="F67825" s="14" t="s">
        <v>61</v>
      </c>
      <c r="G67825" s="16">
        <v>0</v>
      </c>
    </row>
    <row r="67826" spans="1:7" x14ac:dyDescent="0.3">
      <c r="A67826" s="13" t="s">
        <v>357</v>
      </c>
      <c r="B67826" s="14" t="s">
        <v>1</v>
      </c>
      <c r="C67826" s="14" t="s">
        <v>96</v>
      </c>
      <c r="D67826" s="14" t="s">
        <v>146</v>
      </c>
      <c r="E67826" s="15">
        <v>45677</v>
      </c>
      <c r="F67826" s="14" t="s">
        <v>61</v>
      </c>
      <c r="G67826" s="16">
        <v>0</v>
      </c>
    </row>
    <row r="67827" spans="1:7" x14ac:dyDescent="0.3">
      <c r="A67827" s="13" t="s">
        <v>357</v>
      </c>
      <c r="B67827" s="14" t="s">
        <v>1</v>
      </c>
      <c r="C67827" s="14" t="s">
        <v>96</v>
      </c>
      <c r="D67827" s="14" t="s">
        <v>146</v>
      </c>
      <c r="E67827" s="15">
        <v>45678</v>
      </c>
      <c r="F67827" s="14" t="s">
        <v>61</v>
      </c>
      <c r="G67827" s="16">
        <v>0</v>
      </c>
    </row>
    <row r="67828" spans="1:7" x14ac:dyDescent="0.3">
      <c r="A67828" s="13" t="s">
        <v>357</v>
      </c>
      <c r="B67828" s="14" t="s">
        <v>1</v>
      </c>
      <c r="C67828" s="14" t="s">
        <v>96</v>
      </c>
      <c r="D67828" s="14" t="s">
        <v>146</v>
      </c>
      <c r="E67828" s="15">
        <v>45679</v>
      </c>
      <c r="F67828" s="14" t="s">
        <v>61</v>
      </c>
      <c r="G67828" s="16">
        <v>0</v>
      </c>
    </row>
    <row r="67829" spans="1:7" x14ac:dyDescent="0.3">
      <c r="A67829" s="13" t="s">
        <v>357</v>
      </c>
      <c r="B67829" s="14" t="s">
        <v>1</v>
      </c>
      <c r="C67829" s="14" t="s">
        <v>96</v>
      </c>
      <c r="D67829" s="14" t="s">
        <v>146</v>
      </c>
      <c r="E67829" s="15">
        <v>45680</v>
      </c>
      <c r="F67829" s="14" t="s">
        <v>61</v>
      </c>
      <c r="G67829" s="16">
        <v>0</v>
      </c>
    </row>
    <row r="67830" spans="1:7" x14ac:dyDescent="0.3">
      <c r="A67830" s="13" t="s">
        <v>357</v>
      </c>
      <c r="B67830" s="14" t="s">
        <v>1</v>
      </c>
      <c r="C67830" s="14" t="s">
        <v>96</v>
      </c>
      <c r="D67830" s="14" t="s">
        <v>146</v>
      </c>
      <c r="E67830" s="15">
        <v>45681</v>
      </c>
      <c r="F67830" s="14" t="s">
        <v>61</v>
      </c>
      <c r="G67830" s="16">
        <v>0</v>
      </c>
    </row>
    <row r="67831" spans="1:7" x14ac:dyDescent="0.3">
      <c r="A67831" s="13" t="s">
        <v>357</v>
      </c>
      <c r="B67831" s="14" t="s">
        <v>1</v>
      </c>
      <c r="C67831" s="14" t="s">
        <v>96</v>
      </c>
      <c r="D67831" s="14" t="s">
        <v>146</v>
      </c>
      <c r="E67831" s="15">
        <v>45682</v>
      </c>
      <c r="F67831" s="14" t="s">
        <v>61</v>
      </c>
      <c r="G67831" s="16">
        <v>0</v>
      </c>
    </row>
    <row r="67832" spans="1:7" x14ac:dyDescent="0.3">
      <c r="A67832" s="13" t="s">
        <v>357</v>
      </c>
      <c r="B67832" s="14" t="s">
        <v>1</v>
      </c>
      <c r="C67832" s="14" t="s">
        <v>96</v>
      </c>
      <c r="D67832" s="14" t="s">
        <v>146</v>
      </c>
      <c r="E67832" s="15">
        <v>45683</v>
      </c>
      <c r="F67832" s="14" t="s">
        <v>61</v>
      </c>
      <c r="G67832" s="16">
        <v>0</v>
      </c>
    </row>
    <row r="67833" spans="1:7" x14ac:dyDescent="0.3">
      <c r="A67833" s="13" t="s">
        <v>357</v>
      </c>
      <c r="B67833" s="14" t="s">
        <v>1</v>
      </c>
      <c r="C67833" s="14" t="s">
        <v>96</v>
      </c>
      <c r="D67833" s="14" t="s">
        <v>146</v>
      </c>
      <c r="E67833" s="15">
        <v>45684</v>
      </c>
      <c r="F67833" s="14" t="s">
        <v>61</v>
      </c>
      <c r="G67833" s="16">
        <v>0</v>
      </c>
    </row>
    <row r="67834" spans="1:7" x14ac:dyDescent="0.3">
      <c r="A67834" s="13" t="s">
        <v>357</v>
      </c>
      <c r="B67834" s="14" t="s">
        <v>1</v>
      </c>
      <c r="C67834" s="14" t="s">
        <v>96</v>
      </c>
      <c r="D67834" s="14" t="s">
        <v>146</v>
      </c>
      <c r="E67834" s="15">
        <v>45685</v>
      </c>
      <c r="F67834" s="14" t="s">
        <v>61</v>
      </c>
      <c r="G67834" s="16">
        <v>0</v>
      </c>
    </row>
    <row r="67835" spans="1:7" x14ac:dyDescent="0.3">
      <c r="A67835" s="13" t="s">
        <v>357</v>
      </c>
      <c r="B67835" s="14" t="s">
        <v>1</v>
      </c>
      <c r="C67835" s="14" t="s">
        <v>96</v>
      </c>
      <c r="D67835" s="14" t="s">
        <v>146</v>
      </c>
      <c r="E67835" s="15">
        <v>45686</v>
      </c>
      <c r="F67835" s="14" t="s">
        <v>61</v>
      </c>
      <c r="G67835" s="16">
        <v>0</v>
      </c>
    </row>
    <row r="67836" spans="1:7" x14ac:dyDescent="0.3">
      <c r="A67836" s="13" t="s">
        <v>357</v>
      </c>
      <c r="B67836" s="14" t="s">
        <v>1</v>
      </c>
      <c r="C67836" s="14" t="s">
        <v>96</v>
      </c>
      <c r="D67836" s="14" t="s">
        <v>146</v>
      </c>
      <c r="E67836" s="15">
        <v>45687</v>
      </c>
      <c r="F67836" s="14" t="s">
        <v>61</v>
      </c>
      <c r="G67836" s="16">
        <v>0</v>
      </c>
    </row>
    <row r="67837" spans="1:7" x14ac:dyDescent="0.3">
      <c r="A67837" s="13" t="s">
        <v>357</v>
      </c>
      <c r="B67837" s="14" t="s">
        <v>1</v>
      </c>
      <c r="C67837" s="14" t="s">
        <v>96</v>
      </c>
      <c r="D67837" s="14" t="s">
        <v>146</v>
      </c>
      <c r="E67837" s="15">
        <v>45688</v>
      </c>
      <c r="F67837" s="14" t="s">
        <v>61</v>
      </c>
      <c r="G67837" s="16">
        <v>0</v>
      </c>
    </row>
    <row r="67838" spans="1:7" x14ac:dyDescent="0.3">
      <c r="A67838" s="13" t="s">
        <v>357</v>
      </c>
      <c r="B67838" s="14" t="s">
        <v>1</v>
      </c>
      <c r="C67838" s="14" t="s">
        <v>96</v>
      </c>
      <c r="D67838" s="14" t="s">
        <v>146</v>
      </c>
      <c r="E67838" s="15">
        <v>45689</v>
      </c>
      <c r="F67838" s="14" t="s">
        <v>61</v>
      </c>
      <c r="G67838" s="16">
        <v>0</v>
      </c>
    </row>
    <row r="67839" spans="1:7" x14ac:dyDescent="0.3">
      <c r="A67839" s="13" t="s">
        <v>357</v>
      </c>
      <c r="B67839" s="14" t="s">
        <v>1</v>
      </c>
      <c r="C67839" s="14" t="s">
        <v>96</v>
      </c>
      <c r="D67839" s="14" t="s">
        <v>146</v>
      </c>
      <c r="E67839" s="15">
        <v>45690</v>
      </c>
      <c r="F67839" s="14" t="s">
        <v>61</v>
      </c>
      <c r="G67839" s="16">
        <v>0</v>
      </c>
    </row>
    <row r="67840" spans="1:7" x14ac:dyDescent="0.3">
      <c r="A67840" s="13" t="s">
        <v>357</v>
      </c>
      <c r="B67840" s="14" t="s">
        <v>1</v>
      </c>
      <c r="C67840" s="14" t="s">
        <v>96</v>
      </c>
      <c r="D67840" s="14" t="s">
        <v>146</v>
      </c>
      <c r="E67840" s="15">
        <v>45691</v>
      </c>
      <c r="F67840" s="14" t="s">
        <v>61</v>
      </c>
      <c r="G67840" s="16">
        <v>0</v>
      </c>
    </row>
    <row r="67841" spans="1:7" x14ac:dyDescent="0.3">
      <c r="A67841" s="13" t="s">
        <v>357</v>
      </c>
      <c r="B67841" s="14" t="s">
        <v>1</v>
      </c>
      <c r="C67841" s="14" t="s">
        <v>96</v>
      </c>
      <c r="D67841" s="14" t="s">
        <v>146</v>
      </c>
      <c r="E67841" s="15">
        <v>45692</v>
      </c>
      <c r="F67841" s="14" t="s">
        <v>61</v>
      </c>
      <c r="G67841" s="16">
        <v>0</v>
      </c>
    </row>
    <row r="67842" spans="1:7" x14ac:dyDescent="0.3">
      <c r="A67842" s="13" t="s">
        <v>357</v>
      </c>
      <c r="B67842" s="14" t="s">
        <v>1</v>
      </c>
      <c r="C67842" s="14" t="s">
        <v>96</v>
      </c>
      <c r="D67842" s="14" t="s">
        <v>146</v>
      </c>
      <c r="E67842" s="15">
        <v>45693</v>
      </c>
      <c r="F67842" s="14" t="s">
        <v>61</v>
      </c>
      <c r="G67842" s="16">
        <v>0</v>
      </c>
    </row>
    <row r="67843" spans="1:7" x14ac:dyDescent="0.3">
      <c r="A67843" s="13" t="s">
        <v>357</v>
      </c>
      <c r="B67843" s="14" t="s">
        <v>1</v>
      </c>
      <c r="C67843" s="14" t="s">
        <v>96</v>
      </c>
      <c r="D67843" s="14" t="s">
        <v>146</v>
      </c>
      <c r="E67843" s="15">
        <v>45694</v>
      </c>
      <c r="F67843" s="14" t="s">
        <v>61</v>
      </c>
      <c r="G67843" s="16">
        <v>0</v>
      </c>
    </row>
    <row r="67844" spans="1:7" x14ac:dyDescent="0.3">
      <c r="A67844" s="13" t="s">
        <v>357</v>
      </c>
      <c r="B67844" s="14" t="s">
        <v>1</v>
      </c>
      <c r="C67844" s="14" t="s">
        <v>96</v>
      </c>
      <c r="D67844" s="14" t="s">
        <v>146</v>
      </c>
      <c r="E67844" s="15">
        <v>45695</v>
      </c>
      <c r="F67844" s="14" t="s">
        <v>61</v>
      </c>
      <c r="G67844" s="16">
        <v>0</v>
      </c>
    </row>
    <row r="67845" spans="1:7" x14ac:dyDescent="0.3">
      <c r="A67845" s="13" t="s">
        <v>357</v>
      </c>
      <c r="B67845" s="14" t="s">
        <v>1</v>
      </c>
      <c r="C67845" s="14" t="s">
        <v>96</v>
      </c>
      <c r="D67845" s="14" t="s">
        <v>146</v>
      </c>
      <c r="E67845" s="15">
        <v>45696</v>
      </c>
      <c r="F67845" s="14" t="s">
        <v>61</v>
      </c>
      <c r="G67845" s="16">
        <v>0</v>
      </c>
    </row>
    <row r="67846" spans="1:7" x14ac:dyDescent="0.3">
      <c r="A67846" s="13" t="s">
        <v>357</v>
      </c>
      <c r="B67846" s="14" t="s">
        <v>1</v>
      </c>
      <c r="C67846" s="14" t="s">
        <v>96</v>
      </c>
      <c r="D67846" s="14" t="s">
        <v>146</v>
      </c>
      <c r="E67846" s="15">
        <v>45697</v>
      </c>
      <c r="F67846" s="14" t="s">
        <v>61</v>
      </c>
      <c r="G67846" s="16">
        <v>0</v>
      </c>
    </row>
    <row r="67847" spans="1:7" x14ac:dyDescent="0.3">
      <c r="A67847" s="13" t="s">
        <v>357</v>
      </c>
      <c r="B67847" s="14" t="s">
        <v>1</v>
      </c>
      <c r="C67847" s="14" t="s">
        <v>96</v>
      </c>
      <c r="D67847" s="14" t="s">
        <v>146</v>
      </c>
      <c r="E67847" s="15">
        <v>45698</v>
      </c>
      <c r="F67847" s="14" t="s">
        <v>61</v>
      </c>
      <c r="G67847" s="16">
        <v>0</v>
      </c>
    </row>
    <row r="67848" spans="1:7" x14ac:dyDescent="0.3">
      <c r="A67848" s="13" t="s">
        <v>357</v>
      </c>
      <c r="B67848" s="14" t="s">
        <v>1</v>
      </c>
      <c r="C67848" s="14" t="s">
        <v>96</v>
      </c>
      <c r="D67848" s="14" t="s">
        <v>146</v>
      </c>
      <c r="E67848" s="15">
        <v>45699</v>
      </c>
      <c r="F67848" s="14" t="s">
        <v>61</v>
      </c>
      <c r="G67848" s="16">
        <v>0</v>
      </c>
    </row>
    <row r="67849" spans="1:7" x14ac:dyDescent="0.3">
      <c r="A67849" s="13" t="s">
        <v>357</v>
      </c>
      <c r="B67849" s="14" t="s">
        <v>1</v>
      </c>
      <c r="C67849" s="14" t="s">
        <v>96</v>
      </c>
      <c r="D67849" s="14" t="s">
        <v>146</v>
      </c>
      <c r="E67849" s="15">
        <v>45700</v>
      </c>
      <c r="F67849" s="14" t="s">
        <v>61</v>
      </c>
      <c r="G67849" s="16">
        <v>0</v>
      </c>
    </row>
    <row r="67850" spans="1:7" x14ac:dyDescent="0.3">
      <c r="A67850" s="13" t="s">
        <v>357</v>
      </c>
      <c r="B67850" s="14" t="s">
        <v>1</v>
      </c>
      <c r="C67850" s="14" t="s">
        <v>96</v>
      </c>
      <c r="D67850" s="14" t="s">
        <v>146</v>
      </c>
      <c r="E67850" s="15">
        <v>45701</v>
      </c>
      <c r="F67850" s="14" t="s">
        <v>61</v>
      </c>
      <c r="G67850" s="16">
        <v>0</v>
      </c>
    </row>
    <row r="67851" spans="1:7" x14ac:dyDescent="0.3">
      <c r="A67851" s="13" t="s">
        <v>357</v>
      </c>
      <c r="B67851" s="14" t="s">
        <v>1</v>
      </c>
      <c r="C67851" s="14" t="s">
        <v>96</v>
      </c>
      <c r="D67851" s="14" t="s">
        <v>146</v>
      </c>
      <c r="E67851" s="15">
        <v>45702</v>
      </c>
      <c r="F67851" s="14" t="s">
        <v>61</v>
      </c>
      <c r="G67851" s="16">
        <v>0</v>
      </c>
    </row>
    <row r="67852" spans="1:7" x14ac:dyDescent="0.3">
      <c r="A67852" s="13" t="s">
        <v>357</v>
      </c>
      <c r="B67852" s="14" t="s">
        <v>1</v>
      </c>
      <c r="C67852" s="14" t="s">
        <v>96</v>
      </c>
      <c r="D67852" s="14" t="s">
        <v>146</v>
      </c>
      <c r="E67852" s="15">
        <v>45703</v>
      </c>
      <c r="F67852" s="14" t="s">
        <v>61</v>
      </c>
      <c r="G67852" s="16">
        <v>0</v>
      </c>
    </row>
    <row r="67853" spans="1:7" x14ac:dyDescent="0.3">
      <c r="A67853" s="13" t="s">
        <v>357</v>
      </c>
      <c r="B67853" s="14" t="s">
        <v>1</v>
      </c>
      <c r="C67853" s="14" t="s">
        <v>96</v>
      </c>
      <c r="D67853" s="14" t="s">
        <v>146</v>
      </c>
      <c r="E67853" s="15">
        <v>45704</v>
      </c>
      <c r="F67853" s="14" t="s">
        <v>61</v>
      </c>
      <c r="G67853" s="16">
        <v>0</v>
      </c>
    </row>
    <row r="67854" spans="1:7" x14ac:dyDescent="0.3">
      <c r="A67854" s="13" t="s">
        <v>357</v>
      </c>
      <c r="B67854" s="14" t="s">
        <v>1</v>
      </c>
      <c r="C67854" s="14" t="s">
        <v>96</v>
      </c>
      <c r="D67854" s="14" t="s">
        <v>146</v>
      </c>
      <c r="E67854" s="15">
        <v>45705</v>
      </c>
      <c r="F67854" s="14" t="s">
        <v>61</v>
      </c>
      <c r="G67854" s="16">
        <v>0</v>
      </c>
    </row>
    <row r="67855" spans="1:7" x14ac:dyDescent="0.3">
      <c r="A67855" s="13" t="s">
        <v>357</v>
      </c>
      <c r="B67855" s="14" t="s">
        <v>1</v>
      </c>
      <c r="C67855" s="14" t="s">
        <v>96</v>
      </c>
      <c r="D67855" s="14" t="s">
        <v>146</v>
      </c>
      <c r="E67855" s="15">
        <v>45706</v>
      </c>
      <c r="F67855" s="14" t="s">
        <v>61</v>
      </c>
      <c r="G67855" s="16">
        <v>0</v>
      </c>
    </row>
    <row r="67856" spans="1:7" x14ac:dyDescent="0.3">
      <c r="A67856" s="13" t="s">
        <v>357</v>
      </c>
      <c r="B67856" s="14" t="s">
        <v>1</v>
      </c>
      <c r="C67856" s="14" t="s">
        <v>96</v>
      </c>
      <c r="D67856" s="14" t="s">
        <v>146</v>
      </c>
      <c r="E67856" s="15">
        <v>45707</v>
      </c>
      <c r="F67856" s="14" t="s">
        <v>61</v>
      </c>
      <c r="G67856" s="16">
        <v>0</v>
      </c>
    </row>
    <row r="67857" spans="1:7" x14ac:dyDescent="0.3">
      <c r="A67857" s="13" t="s">
        <v>357</v>
      </c>
      <c r="B67857" s="14" t="s">
        <v>1</v>
      </c>
      <c r="C67857" s="14" t="s">
        <v>96</v>
      </c>
      <c r="D67857" s="14" t="s">
        <v>146</v>
      </c>
      <c r="E67857" s="15">
        <v>45708</v>
      </c>
      <c r="F67857" s="14" t="s">
        <v>61</v>
      </c>
      <c r="G67857" s="16">
        <v>0</v>
      </c>
    </row>
    <row r="67858" spans="1:7" x14ac:dyDescent="0.3">
      <c r="A67858" s="13" t="s">
        <v>357</v>
      </c>
      <c r="B67858" s="14" t="s">
        <v>1</v>
      </c>
      <c r="C67858" s="14" t="s">
        <v>96</v>
      </c>
      <c r="D67858" s="14" t="s">
        <v>146</v>
      </c>
      <c r="E67858" s="15">
        <v>45709</v>
      </c>
      <c r="F67858" s="14" t="s">
        <v>61</v>
      </c>
      <c r="G67858" s="16">
        <v>0</v>
      </c>
    </row>
    <row r="67859" spans="1:7" x14ac:dyDescent="0.3">
      <c r="A67859" s="13" t="s">
        <v>357</v>
      </c>
      <c r="B67859" s="14" t="s">
        <v>1</v>
      </c>
      <c r="C67859" s="14" t="s">
        <v>96</v>
      </c>
      <c r="D67859" s="14" t="s">
        <v>146</v>
      </c>
      <c r="E67859" s="15">
        <v>45710</v>
      </c>
      <c r="F67859" s="14" t="s">
        <v>61</v>
      </c>
      <c r="G67859" s="16">
        <v>0</v>
      </c>
    </row>
    <row r="67860" spans="1:7" x14ac:dyDescent="0.3">
      <c r="A67860" s="13" t="s">
        <v>357</v>
      </c>
      <c r="B67860" s="14" t="s">
        <v>1</v>
      </c>
      <c r="C67860" s="14" t="s">
        <v>96</v>
      </c>
      <c r="D67860" s="14" t="s">
        <v>146</v>
      </c>
      <c r="E67860" s="15">
        <v>45711</v>
      </c>
      <c r="F67860" s="14" t="s">
        <v>61</v>
      </c>
      <c r="G67860" s="16">
        <v>0</v>
      </c>
    </row>
    <row r="67861" spans="1:7" x14ac:dyDescent="0.3">
      <c r="A67861" s="13" t="s">
        <v>357</v>
      </c>
      <c r="B67861" s="14" t="s">
        <v>1</v>
      </c>
      <c r="C67861" s="14" t="s">
        <v>96</v>
      </c>
      <c r="D67861" s="14" t="s">
        <v>146</v>
      </c>
      <c r="E67861" s="15">
        <v>45712</v>
      </c>
      <c r="F67861" s="14" t="s">
        <v>61</v>
      </c>
      <c r="G67861" s="16">
        <v>0</v>
      </c>
    </row>
    <row r="67862" spans="1:7" x14ac:dyDescent="0.3">
      <c r="A67862" s="13" t="s">
        <v>357</v>
      </c>
      <c r="B67862" s="14" t="s">
        <v>1</v>
      </c>
      <c r="C67862" s="14" t="s">
        <v>96</v>
      </c>
      <c r="D67862" s="14" t="s">
        <v>146</v>
      </c>
      <c r="E67862" s="15">
        <v>45713</v>
      </c>
      <c r="F67862" s="14" t="s">
        <v>61</v>
      </c>
      <c r="G67862" s="16">
        <v>0</v>
      </c>
    </row>
    <row r="67863" spans="1:7" x14ac:dyDescent="0.3">
      <c r="A67863" s="13" t="s">
        <v>357</v>
      </c>
      <c r="B67863" s="14" t="s">
        <v>1</v>
      </c>
      <c r="C67863" s="14" t="s">
        <v>96</v>
      </c>
      <c r="D67863" s="14" t="s">
        <v>146</v>
      </c>
      <c r="E67863" s="15">
        <v>45714</v>
      </c>
      <c r="F67863" s="14" t="s">
        <v>61</v>
      </c>
      <c r="G67863" s="16">
        <v>0</v>
      </c>
    </row>
    <row r="67864" spans="1:7" x14ac:dyDescent="0.3">
      <c r="A67864" s="13" t="s">
        <v>357</v>
      </c>
      <c r="B67864" s="14" t="s">
        <v>1</v>
      </c>
      <c r="C67864" s="14" t="s">
        <v>96</v>
      </c>
      <c r="D67864" s="14" t="s">
        <v>146</v>
      </c>
      <c r="E67864" s="15">
        <v>45715</v>
      </c>
      <c r="F67864" s="14" t="s">
        <v>61</v>
      </c>
      <c r="G67864" s="16">
        <v>0</v>
      </c>
    </row>
    <row r="67865" spans="1:7" x14ac:dyDescent="0.3">
      <c r="A67865" s="13" t="s">
        <v>357</v>
      </c>
      <c r="B67865" s="14" t="s">
        <v>1</v>
      </c>
      <c r="C67865" s="14" t="s">
        <v>96</v>
      </c>
      <c r="D67865" s="14" t="s">
        <v>146</v>
      </c>
      <c r="E67865" s="15">
        <v>45716</v>
      </c>
      <c r="F67865" s="14" t="s">
        <v>61</v>
      </c>
      <c r="G67865" s="16">
        <v>0</v>
      </c>
    </row>
    <row r="67866" spans="1:7" x14ac:dyDescent="0.3">
      <c r="A67866" s="13" t="s">
        <v>357</v>
      </c>
      <c r="B67866" s="14" t="s">
        <v>1</v>
      </c>
      <c r="C67866" s="14" t="s">
        <v>96</v>
      </c>
      <c r="D67866" s="14" t="s">
        <v>146</v>
      </c>
      <c r="E67866" s="15">
        <v>45717</v>
      </c>
      <c r="F67866" s="14" t="s">
        <v>61</v>
      </c>
      <c r="G67866" s="16">
        <v>0</v>
      </c>
    </row>
    <row r="67867" spans="1:7" x14ac:dyDescent="0.3">
      <c r="A67867" s="13" t="s">
        <v>357</v>
      </c>
      <c r="B67867" s="14" t="s">
        <v>1</v>
      </c>
      <c r="C67867" s="14" t="s">
        <v>96</v>
      </c>
      <c r="D67867" s="14" t="s">
        <v>146</v>
      </c>
      <c r="E67867" s="15">
        <v>45718</v>
      </c>
      <c r="F67867" s="14" t="s">
        <v>61</v>
      </c>
      <c r="G67867" s="16">
        <v>0</v>
      </c>
    </row>
    <row r="67868" spans="1:7" x14ac:dyDescent="0.3">
      <c r="A67868" s="13" t="s">
        <v>357</v>
      </c>
      <c r="B67868" s="14" t="s">
        <v>1</v>
      </c>
      <c r="C67868" s="14" t="s">
        <v>96</v>
      </c>
      <c r="D67868" s="14" t="s">
        <v>146</v>
      </c>
      <c r="E67868" s="15">
        <v>45719</v>
      </c>
      <c r="F67868" s="14" t="s">
        <v>61</v>
      </c>
      <c r="G67868" s="16">
        <v>0</v>
      </c>
    </row>
    <row r="67869" spans="1:7" x14ac:dyDescent="0.3">
      <c r="A67869" s="13" t="s">
        <v>357</v>
      </c>
      <c r="B67869" s="14" t="s">
        <v>1</v>
      </c>
      <c r="C67869" s="14" t="s">
        <v>96</v>
      </c>
      <c r="D67869" s="14" t="s">
        <v>146</v>
      </c>
      <c r="E67869" s="15">
        <v>45720</v>
      </c>
      <c r="F67869" s="14" t="s">
        <v>61</v>
      </c>
      <c r="G67869" s="16">
        <v>0</v>
      </c>
    </row>
    <row r="67870" spans="1:7" x14ac:dyDescent="0.3">
      <c r="A67870" s="13" t="s">
        <v>357</v>
      </c>
      <c r="B67870" s="14" t="s">
        <v>1</v>
      </c>
      <c r="C67870" s="14" t="s">
        <v>96</v>
      </c>
      <c r="D67870" s="14" t="s">
        <v>146</v>
      </c>
      <c r="E67870" s="15">
        <v>45721</v>
      </c>
      <c r="F67870" s="14" t="s">
        <v>61</v>
      </c>
      <c r="G67870" s="16">
        <v>0</v>
      </c>
    </row>
    <row r="67871" spans="1:7" x14ac:dyDescent="0.3">
      <c r="A67871" s="13" t="s">
        <v>357</v>
      </c>
      <c r="B67871" s="14" t="s">
        <v>1</v>
      </c>
      <c r="C67871" s="14" t="s">
        <v>96</v>
      </c>
      <c r="D67871" s="14" t="s">
        <v>146</v>
      </c>
      <c r="E67871" s="15">
        <v>45722</v>
      </c>
      <c r="F67871" s="14" t="s">
        <v>61</v>
      </c>
      <c r="G67871" s="16">
        <v>0</v>
      </c>
    </row>
    <row r="67872" spans="1:7" x14ac:dyDescent="0.3">
      <c r="A67872" s="13" t="s">
        <v>357</v>
      </c>
      <c r="B67872" s="14" t="s">
        <v>1</v>
      </c>
      <c r="C67872" s="14" t="s">
        <v>96</v>
      </c>
      <c r="D67872" s="14" t="s">
        <v>146</v>
      </c>
      <c r="E67872" s="15">
        <v>45723</v>
      </c>
      <c r="F67872" s="14" t="s">
        <v>61</v>
      </c>
      <c r="G67872" s="16">
        <v>0</v>
      </c>
    </row>
    <row r="67873" spans="1:7" x14ac:dyDescent="0.3">
      <c r="A67873" s="13" t="s">
        <v>357</v>
      </c>
      <c r="B67873" s="14" t="s">
        <v>1</v>
      </c>
      <c r="C67873" s="14" t="s">
        <v>96</v>
      </c>
      <c r="D67873" s="14" t="s">
        <v>146</v>
      </c>
      <c r="E67873" s="15">
        <v>45724</v>
      </c>
      <c r="F67873" s="14" t="s">
        <v>61</v>
      </c>
      <c r="G67873" s="16">
        <v>0</v>
      </c>
    </row>
    <row r="67874" spans="1:7" x14ac:dyDescent="0.3">
      <c r="A67874" s="13" t="s">
        <v>357</v>
      </c>
      <c r="B67874" s="14" t="s">
        <v>1</v>
      </c>
      <c r="C67874" s="14" t="s">
        <v>96</v>
      </c>
      <c r="D67874" s="14" t="s">
        <v>146</v>
      </c>
      <c r="E67874" s="15">
        <v>45725</v>
      </c>
      <c r="F67874" s="14" t="s">
        <v>61</v>
      </c>
      <c r="G67874" s="16">
        <v>0</v>
      </c>
    </row>
    <row r="67875" spans="1:7" x14ac:dyDescent="0.3">
      <c r="A67875" s="13" t="s">
        <v>357</v>
      </c>
      <c r="B67875" s="14" t="s">
        <v>1</v>
      </c>
      <c r="C67875" s="14" t="s">
        <v>96</v>
      </c>
      <c r="D67875" s="14" t="s">
        <v>146</v>
      </c>
      <c r="E67875" s="15">
        <v>45726</v>
      </c>
      <c r="F67875" s="14" t="s">
        <v>61</v>
      </c>
      <c r="G67875" s="16">
        <v>0</v>
      </c>
    </row>
    <row r="67876" spans="1:7" x14ac:dyDescent="0.3">
      <c r="A67876" s="13" t="s">
        <v>357</v>
      </c>
      <c r="B67876" s="14" t="s">
        <v>1</v>
      </c>
      <c r="C67876" s="14" t="s">
        <v>96</v>
      </c>
      <c r="D67876" s="14" t="s">
        <v>146</v>
      </c>
      <c r="E67876" s="15">
        <v>45727</v>
      </c>
      <c r="F67876" s="14" t="s">
        <v>61</v>
      </c>
      <c r="G67876" s="16">
        <v>0</v>
      </c>
    </row>
    <row r="67877" spans="1:7" x14ac:dyDescent="0.3">
      <c r="A67877" s="13" t="s">
        <v>357</v>
      </c>
      <c r="B67877" s="14" t="s">
        <v>1</v>
      </c>
      <c r="C67877" s="14" t="s">
        <v>96</v>
      </c>
      <c r="D67877" s="14" t="s">
        <v>146</v>
      </c>
      <c r="E67877" s="15">
        <v>45728</v>
      </c>
      <c r="F67877" s="14" t="s">
        <v>61</v>
      </c>
      <c r="G67877" s="16">
        <v>0</v>
      </c>
    </row>
    <row r="67878" spans="1:7" x14ac:dyDescent="0.3">
      <c r="A67878" s="13" t="s">
        <v>357</v>
      </c>
      <c r="B67878" s="14" t="s">
        <v>1</v>
      </c>
      <c r="C67878" s="14" t="s">
        <v>96</v>
      </c>
      <c r="D67878" s="14" t="s">
        <v>146</v>
      </c>
      <c r="E67878" s="15">
        <v>45729</v>
      </c>
      <c r="F67878" s="14" t="s">
        <v>61</v>
      </c>
      <c r="G67878" s="16">
        <v>0</v>
      </c>
    </row>
    <row r="67879" spans="1:7" x14ac:dyDescent="0.3">
      <c r="A67879" s="13" t="s">
        <v>357</v>
      </c>
      <c r="B67879" s="14" t="s">
        <v>1</v>
      </c>
      <c r="C67879" s="14" t="s">
        <v>96</v>
      </c>
      <c r="D67879" s="14" t="s">
        <v>146</v>
      </c>
      <c r="E67879" s="15">
        <v>45730</v>
      </c>
      <c r="F67879" s="14" t="s">
        <v>61</v>
      </c>
      <c r="G67879" s="16">
        <v>0</v>
      </c>
    </row>
    <row r="67880" spans="1:7" x14ac:dyDescent="0.3">
      <c r="A67880" s="13" t="s">
        <v>357</v>
      </c>
      <c r="B67880" s="14" t="s">
        <v>1</v>
      </c>
      <c r="C67880" s="14" t="s">
        <v>96</v>
      </c>
      <c r="D67880" s="14" t="s">
        <v>146</v>
      </c>
      <c r="E67880" s="15">
        <v>45731</v>
      </c>
      <c r="F67880" s="14" t="s">
        <v>61</v>
      </c>
      <c r="G67880" s="16">
        <v>0</v>
      </c>
    </row>
    <row r="67881" spans="1:7" x14ac:dyDescent="0.3">
      <c r="A67881" s="13" t="s">
        <v>357</v>
      </c>
      <c r="B67881" s="14" t="s">
        <v>1</v>
      </c>
      <c r="C67881" s="14" t="s">
        <v>96</v>
      </c>
      <c r="D67881" s="14" t="s">
        <v>146</v>
      </c>
      <c r="E67881" s="15">
        <v>45732</v>
      </c>
      <c r="F67881" s="14" t="s">
        <v>61</v>
      </c>
      <c r="G67881" s="16">
        <v>0</v>
      </c>
    </row>
    <row r="67882" spans="1:7" x14ac:dyDescent="0.3">
      <c r="A67882" s="13" t="s">
        <v>357</v>
      </c>
      <c r="B67882" s="14" t="s">
        <v>1</v>
      </c>
      <c r="C67882" s="14" t="s">
        <v>96</v>
      </c>
      <c r="D67882" s="14" t="s">
        <v>146</v>
      </c>
      <c r="E67882" s="15">
        <v>45733</v>
      </c>
      <c r="F67882" s="14" t="s">
        <v>61</v>
      </c>
      <c r="G67882" s="16">
        <v>0</v>
      </c>
    </row>
    <row r="67883" spans="1:7" x14ac:dyDescent="0.3">
      <c r="A67883" s="13" t="s">
        <v>357</v>
      </c>
      <c r="B67883" s="14" t="s">
        <v>1</v>
      </c>
      <c r="C67883" s="14" t="s">
        <v>96</v>
      </c>
      <c r="D67883" s="14" t="s">
        <v>146</v>
      </c>
      <c r="E67883" s="15">
        <v>45734</v>
      </c>
      <c r="F67883" s="14" t="s">
        <v>61</v>
      </c>
      <c r="G67883" s="16">
        <v>0</v>
      </c>
    </row>
    <row r="67884" spans="1:7" x14ac:dyDescent="0.3">
      <c r="A67884" s="13" t="s">
        <v>357</v>
      </c>
      <c r="B67884" s="14" t="s">
        <v>1</v>
      </c>
      <c r="C67884" s="14" t="s">
        <v>96</v>
      </c>
      <c r="D67884" s="14" t="s">
        <v>146</v>
      </c>
      <c r="E67884" s="15">
        <v>45735</v>
      </c>
      <c r="F67884" s="14" t="s">
        <v>61</v>
      </c>
      <c r="G67884" s="16">
        <v>0</v>
      </c>
    </row>
    <row r="67885" spans="1:7" x14ac:dyDescent="0.3">
      <c r="A67885" s="13" t="s">
        <v>357</v>
      </c>
      <c r="B67885" s="14" t="s">
        <v>1</v>
      </c>
      <c r="C67885" s="14" t="s">
        <v>96</v>
      </c>
      <c r="D67885" s="14" t="s">
        <v>146</v>
      </c>
      <c r="E67885" s="15">
        <v>45736</v>
      </c>
      <c r="F67885" s="14" t="s">
        <v>61</v>
      </c>
      <c r="G67885" s="16">
        <v>0</v>
      </c>
    </row>
    <row r="67886" spans="1:7" x14ac:dyDescent="0.3">
      <c r="A67886" s="13" t="s">
        <v>357</v>
      </c>
      <c r="B67886" s="14" t="s">
        <v>1</v>
      </c>
      <c r="C67886" s="14" t="s">
        <v>96</v>
      </c>
      <c r="D67886" s="14" t="s">
        <v>146</v>
      </c>
      <c r="E67886" s="15">
        <v>45737</v>
      </c>
      <c r="F67886" s="14" t="s">
        <v>61</v>
      </c>
      <c r="G67886" s="16">
        <v>0</v>
      </c>
    </row>
    <row r="67887" spans="1:7" x14ac:dyDescent="0.3">
      <c r="A67887" s="13" t="s">
        <v>357</v>
      </c>
      <c r="B67887" s="14" t="s">
        <v>1</v>
      </c>
      <c r="C67887" s="14" t="s">
        <v>96</v>
      </c>
      <c r="D67887" s="14" t="s">
        <v>146</v>
      </c>
      <c r="E67887" s="15">
        <v>45738</v>
      </c>
      <c r="F67887" s="14" t="s">
        <v>61</v>
      </c>
      <c r="G67887" s="16">
        <v>0</v>
      </c>
    </row>
    <row r="67888" spans="1:7" x14ac:dyDescent="0.3">
      <c r="A67888" s="13" t="s">
        <v>357</v>
      </c>
      <c r="B67888" s="14" t="s">
        <v>1</v>
      </c>
      <c r="C67888" s="14" t="s">
        <v>96</v>
      </c>
      <c r="D67888" s="14" t="s">
        <v>146</v>
      </c>
      <c r="E67888" s="15">
        <v>45739</v>
      </c>
      <c r="F67888" s="14" t="s">
        <v>61</v>
      </c>
      <c r="G67888" s="16">
        <v>0</v>
      </c>
    </row>
    <row r="67889" spans="1:7" x14ac:dyDescent="0.3">
      <c r="A67889" s="13" t="s">
        <v>357</v>
      </c>
      <c r="B67889" s="14" t="s">
        <v>1</v>
      </c>
      <c r="C67889" s="14" t="s">
        <v>96</v>
      </c>
      <c r="D67889" s="14" t="s">
        <v>146</v>
      </c>
      <c r="E67889" s="15">
        <v>45740</v>
      </c>
      <c r="F67889" s="14" t="s">
        <v>61</v>
      </c>
      <c r="G67889" s="16">
        <v>0</v>
      </c>
    </row>
    <row r="67890" spans="1:7" x14ac:dyDescent="0.3">
      <c r="A67890" s="13" t="s">
        <v>357</v>
      </c>
      <c r="B67890" s="14" t="s">
        <v>1</v>
      </c>
      <c r="C67890" s="14" t="s">
        <v>96</v>
      </c>
      <c r="D67890" s="14" t="s">
        <v>146</v>
      </c>
      <c r="E67890" s="15">
        <v>45741</v>
      </c>
      <c r="F67890" s="14" t="s">
        <v>61</v>
      </c>
      <c r="G67890" s="16">
        <v>0</v>
      </c>
    </row>
    <row r="67891" spans="1:7" x14ac:dyDescent="0.3">
      <c r="A67891" s="13" t="s">
        <v>357</v>
      </c>
      <c r="B67891" s="14" t="s">
        <v>1</v>
      </c>
      <c r="C67891" s="14" t="s">
        <v>96</v>
      </c>
      <c r="D67891" s="14" t="s">
        <v>146</v>
      </c>
      <c r="E67891" s="15">
        <v>45742</v>
      </c>
      <c r="F67891" s="14" t="s">
        <v>61</v>
      </c>
      <c r="G67891" s="16">
        <v>1.2086048000646259E-2</v>
      </c>
    </row>
    <row r="67892" spans="1:7" x14ac:dyDescent="0.3">
      <c r="A67892" s="13" t="s">
        <v>357</v>
      </c>
      <c r="B67892" s="14" t="s">
        <v>1</v>
      </c>
      <c r="C67892" s="14" t="s">
        <v>96</v>
      </c>
      <c r="D67892" s="14" t="s">
        <v>146</v>
      </c>
      <c r="E67892" s="15">
        <v>45743</v>
      </c>
      <c r="F67892" s="14" t="s">
        <v>61</v>
      </c>
      <c r="G67892" s="16">
        <v>2.0808191199787596E-2</v>
      </c>
    </row>
    <row r="67893" spans="1:7" x14ac:dyDescent="0.3">
      <c r="A67893" s="13" t="s">
        <v>357</v>
      </c>
      <c r="B67893" s="14" t="s">
        <v>1</v>
      </c>
      <c r="C67893" s="14" t="s">
        <v>96</v>
      </c>
      <c r="D67893" s="14" t="s">
        <v>146</v>
      </c>
      <c r="E67893" s="15">
        <v>45744</v>
      </c>
      <c r="F67893" s="14" t="s">
        <v>61</v>
      </c>
      <c r="G67893" s="16">
        <v>1.0680931516939347E-2</v>
      </c>
    </row>
    <row r="67894" spans="1:7" x14ac:dyDescent="0.3">
      <c r="A67894" s="13" t="s">
        <v>357</v>
      </c>
      <c r="B67894" s="14" t="s">
        <v>1</v>
      </c>
      <c r="C67894" s="14" t="s">
        <v>96</v>
      </c>
      <c r="D67894" s="14" t="s">
        <v>146</v>
      </c>
      <c r="E67894" s="15">
        <v>45745</v>
      </c>
      <c r="F67894" s="14" t="s">
        <v>61</v>
      </c>
      <c r="G67894" s="16">
        <v>1.0680931516939347E-2</v>
      </c>
    </row>
    <row r="67895" spans="1:7" x14ac:dyDescent="0.3">
      <c r="A67895" s="13" t="s">
        <v>357</v>
      </c>
      <c r="B67895" s="14" t="s">
        <v>1</v>
      </c>
      <c r="C67895" s="14" t="s">
        <v>96</v>
      </c>
      <c r="D67895" s="14" t="s">
        <v>146</v>
      </c>
      <c r="E67895" s="15">
        <v>45746</v>
      </c>
      <c r="F67895" s="14" t="s">
        <v>61</v>
      </c>
      <c r="G67895" s="16">
        <v>1.0680931516939347E-2</v>
      </c>
    </row>
    <row r="67896" spans="1:7" x14ac:dyDescent="0.3">
      <c r="A67896" s="13" t="s">
        <v>357</v>
      </c>
      <c r="B67896" s="14" t="s">
        <v>1</v>
      </c>
      <c r="C67896" s="14" t="s">
        <v>96</v>
      </c>
      <c r="D67896" s="14" t="s">
        <v>146</v>
      </c>
      <c r="E67896" s="15">
        <v>45747</v>
      </c>
      <c r="F67896" s="14" t="s">
        <v>61</v>
      </c>
      <c r="G67896" s="16">
        <v>1.0680931516939347E-2</v>
      </c>
    </row>
    <row r="67897" spans="1:7" x14ac:dyDescent="0.3">
      <c r="A67897" s="13" t="s">
        <v>358</v>
      </c>
      <c r="B67897" s="14" t="s">
        <v>1</v>
      </c>
      <c r="C67897" s="14" t="s">
        <v>63</v>
      </c>
      <c r="D67897" s="14" t="s">
        <v>294</v>
      </c>
      <c r="E67897" s="15">
        <v>45383</v>
      </c>
      <c r="F67897" s="14" t="s">
        <v>72</v>
      </c>
      <c r="G67897" s="16">
        <v>0</v>
      </c>
    </row>
    <row r="67898" spans="1:7" x14ac:dyDescent="0.3">
      <c r="A67898" s="13" t="s">
        <v>358</v>
      </c>
      <c r="B67898" s="14" t="s">
        <v>1</v>
      </c>
      <c r="C67898" s="14" t="s">
        <v>63</v>
      </c>
      <c r="D67898" s="14" t="s">
        <v>294</v>
      </c>
      <c r="E67898" s="15">
        <v>45384</v>
      </c>
      <c r="F67898" s="14" t="s">
        <v>72</v>
      </c>
      <c r="G67898" s="16">
        <v>0</v>
      </c>
    </row>
    <row r="67899" spans="1:7" x14ac:dyDescent="0.3">
      <c r="A67899" s="13" t="s">
        <v>358</v>
      </c>
      <c r="B67899" s="14" t="s">
        <v>1</v>
      </c>
      <c r="C67899" s="14" t="s">
        <v>63</v>
      </c>
      <c r="D67899" s="14" t="s">
        <v>294</v>
      </c>
      <c r="E67899" s="15">
        <v>45385</v>
      </c>
      <c r="F67899" s="14" t="s">
        <v>72</v>
      </c>
      <c r="G67899" s="16">
        <v>4.4310066231955089E-2</v>
      </c>
    </row>
    <row r="67900" spans="1:7" x14ac:dyDescent="0.3">
      <c r="A67900" s="13" t="s">
        <v>358</v>
      </c>
      <c r="B67900" s="14" t="s">
        <v>1</v>
      </c>
      <c r="C67900" s="14" t="s">
        <v>63</v>
      </c>
      <c r="D67900" s="14" t="s">
        <v>294</v>
      </c>
      <c r="E67900" s="15">
        <v>45386</v>
      </c>
      <c r="F67900" s="14" t="s">
        <v>72</v>
      </c>
      <c r="G67900" s="16">
        <v>4.4310066231955089E-2</v>
      </c>
    </row>
    <row r="67901" spans="1:7" x14ac:dyDescent="0.3">
      <c r="A67901" s="13" t="s">
        <v>358</v>
      </c>
      <c r="B67901" s="14" t="s">
        <v>1</v>
      </c>
      <c r="C67901" s="14" t="s">
        <v>63</v>
      </c>
      <c r="D67901" s="14" t="s">
        <v>294</v>
      </c>
      <c r="E67901" s="15">
        <v>45387</v>
      </c>
      <c r="F67901" s="14" t="s">
        <v>72</v>
      </c>
      <c r="G67901" s="16">
        <v>5.8014190378527071E-2</v>
      </c>
    </row>
    <row r="67902" spans="1:7" x14ac:dyDescent="0.3">
      <c r="A67902" s="13" t="s">
        <v>358</v>
      </c>
      <c r="B67902" s="14" t="s">
        <v>1</v>
      </c>
      <c r="C67902" s="14" t="s">
        <v>63</v>
      </c>
      <c r="D67902" s="14" t="s">
        <v>294</v>
      </c>
      <c r="E67902" s="15">
        <v>45388</v>
      </c>
      <c r="F67902" s="14" t="s">
        <v>72</v>
      </c>
      <c r="G67902" s="16">
        <v>5.8014190378527071E-2</v>
      </c>
    </row>
    <row r="67903" spans="1:7" x14ac:dyDescent="0.3">
      <c r="A67903" s="13" t="s">
        <v>358</v>
      </c>
      <c r="B67903" s="14" t="s">
        <v>1</v>
      </c>
      <c r="C67903" s="14" t="s">
        <v>63</v>
      </c>
      <c r="D67903" s="14" t="s">
        <v>294</v>
      </c>
      <c r="E67903" s="15">
        <v>45389</v>
      </c>
      <c r="F67903" s="14" t="s">
        <v>72</v>
      </c>
      <c r="G67903" s="16">
        <v>5.8014190378527071E-2</v>
      </c>
    </row>
    <row r="67904" spans="1:7" x14ac:dyDescent="0.3">
      <c r="A67904" s="13" t="s">
        <v>358</v>
      </c>
      <c r="B67904" s="14" t="s">
        <v>1</v>
      </c>
      <c r="C67904" s="14" t="s">
        <v>63</v>
      </c>
      <c r="D67904" s="14" t="s">
        <v>294</v>
      </c>
      <c r="E67904" s="15">
        <v>45390</v>
      </c>
      <c r="F67904" s="14" t="s">
        <v>72</v>
      </c>
      <c r="G67904" s="16">
        <v>7.9960474315533686E-2</v>
      </c>
    </row>
    <row r="67905" spans="1:7" x14ac:dyDescent="0.3">
      <c r="A67905" s="13" t="s">
        <v>358</v>
      </c>
      <c r="B67905" s="14" t="s">
        <v>1</v>
      </c>
      <c r="C67905" s="14" t="s">
        <v>63</v>
      </c>
      <c r="D67905" s="14" t="s">
        <v>294</v>
      </c>
      <c r="E67905" s="15">
        <v>45391</v>
      </c>
      <c r="F67905" s="14" t="s">
        <v>72</v>
      </c>
      <c r="G67905" s="16">
        <v>0.11369989898186637</v>
      </c>
    </row>
    <row r="67906" spans="1:7" x14ac:dyDescent="0.3">
      <c r="A67906" s="13" t="s">
        <v>358</v>
      </c>
      <c r="B67906" s="14" t="s">
        <v>1</v>
      </c>
      <c r="C67906" s="14" t="s">
        <v>63</v>
      </c>
      <c r="D67906" s="14" t="s">
        <v>294</v>
      </c>
      <c r="E67906" s="15">
        <v>45392</v>
      </c>
      <c r="F67906" s="14" t="s">
        <v>72</v>
      </c>
      <c r="G67906" s="16">
        <v>0.11369989898186637</v>
      </c>
    </row>
    <row r="67907" spans="1:7" x14ac:dyDescent="0.3">
      <c r="A67907" s="13" t="s">
        <v>358</v>
      </c>
      <c r="B67907" s="14" t="s">
        <v>1</v>
      </c>
      <c r="C67907" s="14" t="s">
        <v>63</v>
      </c>
      <c r="D67907" s="14" t="s">
        <v>294</v>
      </c>
      <c r="E67907" s="15">
        <v>45393</v>
      </c>
      <c r="F67907" s="14" t="s">
        <v>72</v>
      </c>
      <c r="G67907" s="16">
        <v>0.12655425331202674</v>
      </c>
    </row>
    <row r="67908" spans="1:7" x14ac:dyDescent="0.3">
      <c r="A67908" s="13" t="s">
        <v>358</v>
      </c>
      <c r="B67908" s="14" t="s">
        <v>1</v>
      </c>
      <c r="C67908" s="14" t="s">
        <v>63</v>
      </c>
      <c r="D67908" s="14" t="s">
        <v>294</v>
      </c>
      <c r="E67908" s="15">
        <v>45394</v>
      </c>
      <c r="F67908" s="14" t="s">
        <v>72</v>
      </c>
      <c r="G67908" s="16">
        <v>0.15400350608506358</v>
      </c>
    </row>
    <row r="67909" spans="1:7" x14ac:dyDescent="0.3">
      <c r="A67909" s="13" t="s">
        <v>358</v>
      </c>
      <c r="B67909" s="14" t="s">
        <v>1</v>
      </c>
      <c r="C67909" s="14" t="s">
        <v>63</v>
      </c>
      <c r="D67909" s="14" t="s">
        <v>294</v>
      </c>
      <c r="E67909" s="15">
        <v>45395</v>
      </c>
      <c r="F67909" s="14" t="s">
        <v>72</v>
      </c>
      <c r="G67909" s="16">
        <v>0.15400350608506358</v>
      </c>
    </row>
    <row r="67910" spans="1:7" x14ac:dyDescent="0.3">
      <c r="A67910" s="13" t="s">
        <v>358</v>
      </c>
      <c r="B67910" s="14" t="s">
        <v>1</v>
      </c>
      <c r="C67910" s="14" t="s">
        <v>63</v>
      </c>
      <c r="D67910" s="14" t="s">
        <v>294</v>
      </c>
      <c r="E67910" s="15">
        <v>45396</v>
      </c>
      <c r="F67910" s="14" t="s">
        <v>72</v>
      </c>
      <c r="G67910" s="16">
        <v>0.15400350608506358</v>
      </c>
    </row>
    <row r="67911" spans="1:7" x14ac:dyDescent="0.3">
      <c r="A67911" s="13" t="s">
        <v>358</v>
      </c>
      <c r="B67911" s="14" t="s">
        <v>1</v>
      </c>
      <c r="C67911" s="14" t="s">
        <v>63</v>
      </c>
      <c r="D67911" s="14" t="s">
        <v>294</v>
      </c>
      <c r="E67911" s="15">
        <v>45397</v>
      </c>
      <c r="F67911" s="14" t="s">
        <v>72</v>
      </c>
      <c r="G67911" s="16">
        <v>0.16572482939097308</v>
      </c>
    </row>
    <row r="67912" spans="1:7" x14ac:dyDescent="0.3">
      <c r="A67912" s="13" t="s">
        <v>358</v>
      </c>
      <c r="B67912" s="14" t="s">
        <v>1</v>
      </c>
      <c r="C67912" s="14" t="s">
        <v>63</v>
      </c>
      <c r="D67912" s="14" t="s">
        <v>294</v>
      </c>
      <c r="E67912" s="15">
        <v>45398</v>
      </c>
      <c r="F67912" s="14" t="s">
        <v>72</v>
      </c>
      <c r="G67912" s="16">
        <v>0.20053167041225106</v>
      </c>
    </row>
    <row r="67913" spans="1:7" x14ac:dyDescent="0.3">
      <c r="A67913" s="13" t="s">
        <v>358</v>
      </c>
      <c r="B67913" s="14" t="s">
        <v>1</v>
      </c>
      <c r="C67913" s="14" t="s">
        <v>63</v>
      </c>
      <c r="D67913" s="14" t="s">
        <v>294</v>
      </c>
      <c r="E67913" s="15">
        <v>45399</v>
      </c>
      <c r="F67913" s="14" t="s">
        <v>72</v>
      </c>
      <c r="G67913" s="16">
        <v>0.21259561527027124</v>
      </c>
    </row>
    <row r="67914" spans="1:7" x14ac:dyDescent="0.3">
      <c r="A67914" s="13" t="s">
        <v>358</v>
      </c>
      <c r="B67914" s="14" t="s">
        <v>1</v>
      </c>
      <c r="C67914" s="14" t="s">
        <v>63</v>
      </c>
      <c r="D67914" s="14" t="s">
        <v>294</v>
      </c>
      <c r="E67914" s="15">
        <v>45400</v>
      </c>
      <c r="F67914" s="14" t="s">
        <v>72</v>
      </c>
      <c r="G67914" s="16">
        <v>0.22427790651957827</v>
      </c>
    </row>
    <row r="67915" spans="1:7" x14ac:dyDescent="0.3">
      <c r="A67915" s="13" t="s">
        <v>358</v>
      </c>
      <c r="B67915" s="14" t="s">
        <v>1</v>
      </c>
      <c r="C67915" s="14" t="s">
        <v>63</v>
      </c>
      <c r="D67915" s="14" t="s">
        <v>294</v>
      </c>
      <c r="E67915" s="15">
        <v>45401</v>
      </c>
      <c r="F67915" s="14" t="s">
        <v>72</v>
      </c>
      <c r="G67915" s="16">
        <v>0.23540898826588241</v>
      </c>
    </row>
    <row r="67916" spans="1:7" x14ac:dyDescent="0.3">
      <c r="A67916" s="13" t="s">
        <v>358</v>
      </c>
      <c r="B67916" s="14" t="s">
        <v>1</v>
      </c>
      <c r="C67916" s="14" t="s">
        <v>63</v>
      </c>
      <c r="D67916" s="14" t="s">
        <v>294</v>
      </c>
      <c r="E67916" s="15">
        <v>45402</v>
      </c>
      <c r="F67916" s="14" t="s">
        <v>72</v>
      </c>
      <c r="G67916" s="16">
        <v>0.23540898826588241</v>
      </c>
    </row>
    <row r="67917" spans="1:7" x14ac:dyDescent="0.3">
      <c r="A67917" s="13" t="s">
        <v>358</v>
      </c>
      <c r="B67917" s="14" t="s">
        <v>1</v>
      </c>
      <c r="C67917" s="14" t="s">
        <v>63</v>
      </c>
      <c r="D67917" s="14" t="s">
        <v>294</v>
      </c>
      <c r="E67917" s="15">
        <v>45403</v>
      </c>
      <c r="F67917" s="14" t="s">
        <v>72</v>
      </c>
      <c r="G67917" s="16">
        <v>0.23540898826588241</v>
      </c>
    </row>
    <row r="67918" spans="1:7" x14ac:dyDescent="0.3">
      <c r="A67918" s="13" t="s">
        <v>358</v>
      </c>
      <c r="B67918" s="14" t="s">
        <v>1</v>
      </c>
      <c r="C67918" s="14" t="s">
        <v>63</v>
      </c>
      <c r="D67918" s="14" t="s">
        <v>294</v>
      </c>
      <c r="E67918" s="15">
        <v>45404</v>
      </c>
      <c r="F67918" s="14" t="s">
        <v>72</v>
      </c>
      <c r="G67918" s="16">
        <v>0.24593332298255458</v>
      </c>
    </row>
    <row r="67919" spans="1:7" x14ac:dyDescent="0.3">
      <c r="A67919" s="13" t="s">
        <v>358</v>
      </c>
      <c r="B67919" s="14" t="s">
        <v>1</v>
      </c>
      <c r="C67919" s="14" t="s">
        <v>63</v>
      </c>
      <c r="D67919" s="14" t="s">
        <v>294</v>
      </c>
      <c r="E67919" s="15">
        <v>45405</v>
      </c>
      <c r="F67919" s="14" t="s">
        <v>72</v>
      </c>
      <c r="G67919" s="16">
        <v>0.27767253370465245</v>
      </c>
    </row>
    <row r="67920" spans="1:7" x14ac:dyDescent="0.3">
      <c r="A67920" s="13" t="s">
        <v>358</v>
      </c>
      <c r="B67920" s="14" t="s">
        <v>1</v>
      </c>
      <c r="C67920" s="14" t="s">
        <v>63</v>
      </c>
      <c r="D67920" s="14" t="s">
        <v>294</v>
      </c>
      <c r="E67920" s="15">
        <v>45406</v>
      </c>
      <c r="F67920" s="14" t="s">
        <v>72</v>
      </c>
      <c r="G67920" s="16">
        <v>0.28916868416841968</v>
      </c>
    </row>
    <row r="67921" spans="1:7" x14ac:dyDescent="0.3">
      <c r="A67921" s="13" t="s">
        <v>358</v>
      </c>
      <c r="B67921" s="14" t="s">
        <v>1</v>
      </c>
      <c r="C67921" s="14" t="s">
        <v>63</v>
      </c>
      <c r="D67921" s="14" t="s">
        <v>294</v>
      </c>
      <c r="E67921" s="15">
        <v>45407</v>
      </c>
      <c r="F67921" s="14" t="s">
        <v>72</v>
      </c>
      <c r="G67921" s="16">
        <v>0.3020391510944111</v>
      </c>
    </row>
    <row r="67922" spans="1:7" x14ac:dyDescent="0.3">
      <c r="A67922" s="13" t="s">
        <v>358</v>
      </c>
      <c r="B67922" s="14" t="s">
        <v>1</v>
      </c>
      <c r="C67922" s="14" t="s">
        <v>63</v>
      </c>
      <c r="D67922" s="14" t="s">
        <v>294</v>
      </c>
      <c r="E67922" s="15">
        <v>45408</v>
      </c>
      <c r="F67922" s="14" t="s">
        <v>72</v>
      </c>
      <c r="G67922" s="16">
        <v>0.31573187628025917</v>
      </c>
    </row>
    <row r="67923" spans="1:7" x14ac:dyDescent="0.3">
      <c r="A67923" s="13" t="s">
        <v>358</v>
      </c>
      <c r="B67923" s="14" t="s">
        <v>1</v>
      </c>
      <c r="C67923" s="14" t="s">
        <v>63</v>
      </c>
      <c r="D67923" s="14" t="s">
        <v>294</v>
      </c>
      <c r="E67923" s="15">
        <v>45409</v>
      </c>
      <c r="F67923" s="14" t="s">
        <v>72</v>
      </c>
      <c r="G67923" s="16">
        <v>0.31573187628025917</v>
      </c>
    </row>
    <row r="67924" spans="1:7" x14ac:dyDescent="0.3">
      <c r="A67924" s="13" t="s">
        <v>358</v>
      </c>
      <c r="B67924" s="14" t="s">
        <v>1</v>
      </c>
      <c r="C67924" s="14" t="s">
        <v>63</v>
      </c>
      <c r="D67924" s="14" t="s">
        <v>294</v>
      </c>
      <c r="E67924" s="15">
        <v>45410</v>
      </c>
      <c r="F67924" s="14" t="s">
        <v>72</v>
      </c>
      <c r="G67924" s="16">
        <v>0.31573187628025917</v>
      </c>
    </row>
    <row r="67925" spans="1:7" x14ac:dyDescent="0.3">
      <c r="A67925" s="13" t="s">
        <v>358</v>
      </c>
      <c r="B67925" s="14" t="s">
        <v>1</v>
      </c>
      <c r="C67925" s="14" t="s">
        <v>63</v>
      </c>
      <c r="D67925" s="14" t="s">
        <v>294</v>
      </c>
      <c r="E67925" s="15">
        <v>45411</v>
      </c>
      <c r="F67925" s="14" t="s">
        <v>72</v>
      </c>
      <c r="G67925" s="16">
        <v>0.32509420141571432</v>
      </c>
    </row>
    <row r="67926" spans="1:7" x14ac:dyDescent="0.3">
      <c r="A67926" s="13" t="s">
        <v>358</v>
      </c>
      <c r="B67926" s="14" t="s">
        <v>1</v>
      </c>
      <c r="C67926" s="14" t="s">
        <v>63</v>
      </c>
      <c r="D67926" s="14" t="s">
        <v>294</v>
      </c>
      <c r="E67926" s="15">
        <v>45412</v>
      </c>
      <c r="F67926" s="14" t="s">
        <v>72</v>
      </c>
      <c r="G67926" s="16">
        <v>0.36632169511250362</v>
      </c>
    </row>
    <row r="67927" spans="1:7" x14ac:dyDescent="0.3">
      <c r="A67927" s="13" t="s">
        <v>358</v>
      </c>
      <c r="B67927" s="14" t="s">
        <v>1</v>
      </c>
      <c r="C67927" s="14" t="s">
        <v>63</v>
      </c>
      <c r="D67927" s="14" t="s">
        <v>294</v>
      </c>
      <c r="E67927" s="15">
        <v>45413</v>
      </c>
      <c r="F67927" s="14" t="s">
        <v>72</v>
      </c>
      <c r="G67927" s="16">
        <v>0.36632169511250362</v>
      </c>
    </row>
    <row r="67928" spans="1:7" x14ac:dyDescent="0.3">
      <c r="A67928" s="13" t="s">
        <v>358</v>
      </c>
      <c r="B67928" s="14" t="s">
        <v>1</v>
      </c>
      <c r="C67928" s="14" t="s">
        <v>63</v>
      </c>
      <c r="D67928" s="14" t="s">
        <v>294</v>
      </c>
      <c r="E67928" s="15">
        <v>45414</v>
      </c>
      <c r="F67928" s="14" t="s">
        <v>72</v>
      </c>
      <c r="G67928" s="16">
        <v>0.37383548187083354</v>
      </c>
    </row>
    <row r="67929" spans="1:7" x14ac:dyDescent="0.3">
      <c r="A67929" s="13" t="s">
        <v>358</v>
      </c>
      <c r="B67929" s="14" t="s">
        <v>1</v>
      </c>
      <c r="C67929" s="14" t="s">
        <v>63</v>
      </c>
      <c r="D67929" s="14" t="s">
        <v>294</v>
      </c>
      <c r="E67929" s="15">
        <v>45415</v>
      </c>
      <c r="F67929" s="14" t="s">
        <v>72</v>
      </c>
      <c r="G67929" s="16">
        <v>0.39912131267666312</v>
      </c>
    </row>
    <row r="67930" spans="1:7" x14ac:dyDescent="0.3">
      <c r="A67930" s="13" t="s">
        <v>358</v>
      </c>
      <c r="B67930" s="14" t="s">
        <v>1</v>
      </c>
      <c r="C67930" s="14" t="s">
        <v>63</v>
      </c>
      <c r="D67930" s="14" t="s">
        <v>294</v>
      </c>
      <c r="E67930" s="15">
        <v>45416</v>
      </c>
      <c r="F67930" s="14" t="s">
        <v>72</v>
      </c>
      <c r="G67930" s="16">
        <v>0.39912131267666312</v>
      </c>
    </row>
    <row r="67931" spans="1:7" x14ac:dyDescent="0.3">
      <c r="A67931" s="13" t="s">
        <v>358</v>
      </c>
      <c r="B67931" s="14" t="s">
        <v>1</v>
      </c>
      <c r="C67931" s="14" t="s">
        <v>63</v>
      </c>
      <c r="D67931" s="14" t="s">
        <v>294</v>
      </c>
      <c r="E67931" s="15">
        <v>45417</v>
      </c>
      <c r="F67931" s="14" t="s">
        <v>72</v>
      </c>
      <c r="G67931" s="16">
        <v>0.39912131267666312</v>
      </c>
    </row>
    <row r="67932" spans="1:7" x14ac:dyDescent="0.3">
      <c r="A67932" s="13" t="s">
        <v>358</v>
      </c>
      <c r="B67932" s="14" t="s">
        <v>1</v>
      </c>
      <c r="C67932" s="14" t="s">
        <v>63</v>
      </c>
      <c r="D67932" s="14" t="s">
        <v>294</v>
      </c>
      <c r="E67932" s="15">
        <v>45418</v>
      </c>
      <c r="F67932" s="14" t="s">
        <v>72</v>
      </c>
      <c r="G67932" s="16">
        <v>0.39912131267666312</v>
      </c>
    </row>
    <row r="67933" spans="1:7" x14ac:dyDescent="0.3">
      <c r="A67933" s="13" t="s">
        <v>358</v>
      </c>
      <c r="B67933" s="14" t="s">
        <v>1</v>
      </c>
      <c r="C67933" s="14" t="s">
        <v>63</v>
      </c>
      <c r="D67933" s="14" t="s">
        <v>294</v>
      </c>
      <c r="E67933" s="15">
        <v>45419</v>
      </c>
      <c r="F67933" s="14" t="s">
        <v>72</v>
      </c>
      <c r="G67933" s="16">
        <v>0.41072812483625271</v>
      </c>
    </row>
    <row r="67934" spans="1:7" x14ac:dyDescent="0.3">
      <c r="A67934" s="13" t="s">
        <v>358</v>
      </c>
      <c r="B67934" s="14" t="s">
        <v>1</v>
      </c>
      <c r="C67934" s="14" t="s">
        <v>63</v>
      </c>
      <c r="D67934" s="14" t="s">
        <v>294</v>
      </c>
      <c r="E67934" s="15">
        <v>45420</v>
      </c>
      <c r="F67934" s="14" t="s">
        <v>72</v>
      </c>
      <c r="G67934" s="16">
        <v>0.45589931467484179</v>
      </c>
    </row>
    <row r="67935" spans="1:7" x14ac:dyDescent="0.3">
      <c r="A67935" s="13" t="s">
        <v>358</v>
      </c>
      <c r="B67935" s="14" t="s">
        <v>1</v>
      </c>
      <c r="C67935" s="14" t="s">
        <v>63</v>
      </c>
      <c r="D67935" s="14" t="s">
        <v>294</v>
      </c>
      <c r="E67935" s="15">
        <v>45421</v>
      </c>
      <c r="F67935" s="14" t="s">
        <v>72</v>
      </c>
      <c r="G67935" s="16">
        <v>0.45589931467484179</v>
      </c>
    </row>
    <row r="67936" spans="1:7" x14ac:dyDescent="0.3">
      <c r="A67936" s="13" t="s">
        <v>358</v>
      </c>
      <c r="B67936" s="14" t="s">
        <v>1</v>
      </c>
      <c r="C67936" s="14" t="s">
        <v>63</v>
      </c>
      <c r="D67936" s="14" t="s">
        <v>294</v>
      </c>
      <c r="E67936" s="15">
        <v>45422</v>
      </c>
      <c r="F67936" s="14" t="s">
        <v>72</v>
      </c>
      <c r="G67936" s="16">
        <v>0.46501445165519839</v>
      </c>
    </row>
    <row r="67937" spans="1:7" x14ac:dyDescent="0.3">
      <c r="A67937" s="13" t="s">
        <v>358</v>
      </c>
      <c r="B67937" s="14" t="s">
        <v>1</v>
      </c>
      <c r="C67937" s="14" t="s">
        <v>63</v>
      </c>
      <c r="D67937" s="14" t="s">
        <v>294</v>
      </c>
      <c r="E67937" s="15">
        <v>45423</v>
      </c>
      <c r="F67937" s="14" t="s">
        <v>72</v>
      </c>
      <c r="G67937" s="16">
        <v>0.46501445165519839</v>
      </c>
    </row>
    <row r="67938" spans="1:7" x14ac:dyDescent="0.3">
      <c r="A67938" s="13" t="s">
        <v>358</v>
      </c>
      <c r="B67938" s="14" t="s">
        <v>1</v>
      </c>
      <c r="C67938" s="14" t="s">
        <v>63</v>
      </c>
      <c r="D67938" s="14" t="s">
        <v>294</v>
      </c>
      <c r="E67938" s="15">
        <v>45424</v>
      </c>
      <c r="F67938" s="14" t="s">
        <v>72</v>
      </c>
      <c r="G67938" s="16">
        <v>0.46501445165519839</v>
      </c>
    </row>
    <row r="67939" spans="1:7" x14ac:dyDescent="0.3">
      <c r="A67939" s="13" t="s">
        <v>358</v>
      </c>
      <c r="B67939" s="14" t="s">
        <v>1</v>
      </c>
      <c r="C67939" s="14" t="s">
        <v>63</v>
      </c>
      <c r="D67939" s="14" t="s">
        <v>294</v>
      </c>
      <c r="E67939" s="15">
        <v>45425</v>
      </c>
      <c r="F67939" s="14" t="s">
        <v>72</v>
      </c>
      <c r="G67939" s="16">
        <v>0.48529452070213097</v>
      </c>
    </row>
    <row r="67940" spans="1:7" x14ac:dyDescent="0.3">
      <c r="A67940" s="13" t="s">
        <v>358</v>
      </c>
      <c r="B67940" s="14" t="s">
        <v>1</v>
      </c>
      <c r="C67940" s="14" t="s">
        <v>63</v>
      </c>
      <c r="D67940" s="14" t="s">
        <v>294</v>
      </c>
      <c r="E67940" s="15">
        <v>45426</v>
      </c>
      <c r="F67940" s="14" t="s">
        <v>72</v>
      </c>
      <c r="G67940" s="16">
        <v>0.51872273542191993</v>
      </c>
    </row>
    <row r="67941" spans="1:7" x14ac:dyDescent="0.3">
      <c r="A67941" s="13" t="s">
        <v>358</v>
      </c>
      <c r="B67941" s="14" t="s">
        <v>1</v>
      </c>
      <c r="C67941" s="14" t="s">
        <v>63</v>
      </c>
      <c r="D67941" s="14" t="s">
        <v>294</v>
      </c>
      <c r="E67941" s="15">
        <v>45427</v>
      </c>
      <c r="F67941" s="14" t="s">
        <v>72</v>
      </c>
      <c r="G67941" s="16">
        <v>0.51872273542191993</v>
      </c>
    </row>
    <row r="67942" spans="1:7" x14ac:dyDescent="0.3">
      <c r="A67942" s="13" t="s">
        <v>358</v>
      </c>
      <c r="B67942" s="14" t="s">
        <v>1</v>
      </c>
      <c r="C67942" s="14" t="s">
        <v>63</v>
      </c>
      <c r="D67942" s="14" t="s">
        <v>294</v>
      </c>
      <c r="E67942" s="15">
        <v>45428</v>
      </c>
      <c r="F67942" s="14" t="s">
        <v>72</v>
      </c>
      <c r="G67942" s="16">
        <v>0.52509579973870257</v>
      </c>
    </row>
    <row r="67943" spans="1:7" x14ac:dyDescent="0.3">
      <c r="A67943" s="13" t="s">
        <v>358</v>
      </c>
      <c r="B67943" s="14" t="s">
        <v>1</v>
      </c>
      <c r="C67943" s="14" t="s">
        <v>63</v>
      </c>
      <c r="D67943" s="14" t="s">
        <v>294</v>
      </c>
      <c r="E67943" s="15">
        <v>45429</v>
      </c>
      <c r="F67943" s="14" t="s">
        <v>72</v>
      </c>
      <c r="G67943" s="16">
        <v>0.54858827526639797</v>
      </c>
    </row>
    <row r="67944" spans="1:7" x14ac:dyDescent="0.3">
      <c r="A67944" s="13" t="s">
        <v>358</v>
      </c>
      <c r="B67944" s="14" t="s">
        <v>1</v>
      </c>
      <c r="C67944" s="14" t="s">
        <v>63</v>
      </c>
      <c r="D67944" s="14" t="s">
        <v>294</v>
      </c>
      <c r="E67944" s="15">
        <v>45430</v>
      </c>
      <c r="F67944" s="14" t="s">
        <v>72</v>
      </c>
      <c r="G67944" s="16">
        <v>0.54858827526639797</v>
      </c>
    </row>
    <row r="67945" spans="1:7" x14ac:dyDescent="0.3">
      <c r="A67945" s="13" t="s">
        <v>358</v>
      </c>
      <c r="B67945" s="14" t="s">
        <v>1</v>
      </c>
      <c r="C67945" s="14" t="s">
        <v>63</v>
      </c>
      <c r="D67945" s="14" t="s">
        <v>294</v>
      </c>
      <c r="E67945" s="15">
        <v>45431</v>
      </c>
      <c r="F67945" s="14" t="s">
        <v>72</v>
      </c>
      <c r="G67945" s="16">
        <v>0.54858827526639797</v>
      </c>
    </row>
    <row r="67946" spans="1:7" x14ac:dyDescent="0.3">
      <c r="A67946" s="13" t="s">
        <v>358</v>
      </c>
      <c r="B67946" s="14" t="s">
        <v>1</v>
      </c>
      <c r="C67946" s="14" t="s">
        <v>63</v>
      </c>
      <c r="D67946" s="14" t="s">
        <v>294</v>
      </c>
      <c r="E67946" s="15">
        <v>45432</v>
      </c>
      <c r="F67946" s="14" t="s">
        <v>72</v>
      </c>
      <c r="G67946" s="16">
        <v>0.54858827526639797</v>
      </c>
    </row>
    <row r="67947" spans="1:7" x14ac:dyDescent="0.3">
      <c r="A67947" s="13" t="s">
        <v>358</v>
      </c>
      <c r="B67947" s="14" t="s">
        <v>1</v>
      </c>
      <c r="C67947" s="14" t="s">
        <v>63</v>
      </c>
      <c r="D67947" s="14" t="s">
        <v>294</v>
      </c>
      <c r="E67947" s="15">
        <v>45433</v>
      </c>
      <c r="F67947" s="14" t="s">
        <v>72</v>
      </c>
      <c r="G67947" s="16">
        <v>0.56775065329768404</v>
      </c>
    </row>
    <row r="67948" spans="1:7" x14ac:dyDescent="0.3">
      <c r="A67948" s="13" t="s">
        <v>358</v>
      </c>
      <c r="B67948" s="14" t="s">
        <v>1</v>
      </c>
      <c r="C67948" s="14" t="s">
        <v>63</v>
      </c>
      <c r="D67948" s="14" t="s">
        <v>294</v>
      </c>
      <c r="E67948" s="15">
        <v>45434</v>
      </c>
      <c r="F67948" s="14" t="s">
        <v>72</v>
      </c>
      <c r="G67948" s="16">
        <v>0.56775065329768404</v>
      </c>
    </row>
    <row r="67949" spans="1:7" x14ac:dyDescent="0.3">
      <c r="A67949" s="13" t="s">
        <v>358</v>
      </c>
      <c r="B67949" s="14" t="s">
        <v>1</v>
      </c>
      <c r="C67949" s="14" t="s">
        <v>63</v>
      </c>
      <c r="D67949" s="14" t="s">
        <v>294</v>
      </c>
      <c r="E67949" s="15">
        <v>45435</v>
      </c>
      <c r="F67949" s="14" t="s">
        <v>72</v>
      </c>
      <c r="G67949" s="16">
        <v>0.61686609946259208</v>
      </c>
    </row>
    <row r="67950" spans="1:7" x14ac:dyDescent="0.3">
      <c r="A67950" s="13" t="s">
        <v>358</v>
      </c>
      <c r="B67950" s="14" t="s">
        <v>1</v>
      </c>
      <c r="C67950" s="14" t="s">
        <v>63</v>
      </c>
      <c r="D67950" s="14" t="s">
        <v>294</v>
      </c>
      <c r="E67950" s="15">
        <v>45436</v>
      </c>
      <c r="F67950" s="14" t="s">
        <v>72</v>
      </c>
      <c r="G67950" s="16">
        <v>0.63722340078403539</v>
      </c>
    </row>
    <row r="67951" spans="1:7" x14ac:dyDescent="0.3">
      <c r="A67951" s="13" t="s">
        <v>358</v>
      </c>
      <c r="B67951" s="14" t="s">
        <v>1</v>
      </c>
      <c r="C67951" s="14" t="s">
        <v>63</v>
      </c>
      <c r="D67951" s="14" t="s">
        <v>294</v>
      </c>
      <c r="E67951" s="15">
        <v>45437</v>
      </c>
      <c r="F67951" s="14" t="s">
        <v>72</v>
      </c>
      <c r="G67951" s="16">
        <v>0.63722340078403539</v>
      </c>
    </row>
    <row r="67952" spans="1:7" x14ac:dyDescent="0.3">
      <c r="A67952" s="13" t="s">
        <v>358</v>
      </c>
      <c r="B67952" s="14" t="s">
        <v>1</v>
      </c>
      <c r="C67952" s="14" t="s">
        <v>63</v>
      </c>
      <c r="D67952" s="14" t="s">
        <v>294</v>
      </c>
      <c r="E67952" s="15">
        <v>45438</v>
      </c>
      <c r="F67952" s="14" t="s">
        <v>72</v>
      </c>
      <c r="G67952" s="16">
        <v>0.63722340078403539</v>
      </c>
    </row>
    <row r="67953" spans="1:7" x14ac:dyDescent="0.3">
      <c r="A67953" s="13" t="s">
        <v>358</v>
      </c>
      <c r="B67953" s="14" t="s">
        <v>1</v>
      </c>
      <c r="C67953" s="14" t="s">
        <v>63</v>
      </c>
      <c r="D67953" s="14" t="s">
        <v>294</v>
      </c>
      <c r="E67953" s="15">
        <v>45439</v>
      </c>
      <c r="F67953" s="14" t="s">
        <v>72</v>
      </c>
      <c r="G67953" s="16">
        <v>0.64485274014142879</v>
      </c>
    </row>
    <row r="67954" spans="1:7" x14ac:dyDescent="0.3">
      <c r="A67954" s="13" t="s">
        <v>358</v>
      </c>
      <c r="B67954" s="14" t="s">
        <v>1</v>
      </c>
      <c r="C67954" s="14" t="s">
        <v>63</v>
      </c>
      <c r="D67954" s="14" t="s">
        <v>294</v>
      </c>
      <c r="E67954" s="15">
        <v>45440</v>
      </c>
      <c r="F67954" s="14" t="s">
        <v>72</v>
      </c>
      <c r="G67954" s="16">
        <v>0.67737274497374034</v>
      </c>
    </row>
    <row r="67955" spans="1:7" x14ac:dyDescent="0.3">
      <c r="A67955" s="13" t="s">
        <v>358</v>
      </c>
      <c r="B67955" s="14" t="s">
        <v>1</v>
      </c>
      <c r="C67955" s="14" t="s">
        <v>63</v>
      </c>
      <c r="D67955" s="14" t="s">
        <v>294</v>
      </c>
      <c r="E67955" s="15">
        <v>45441</v>
      </c>
      <c r="F67955" s="14" t="s">
        <v>72</v>
      </c>
      <c r="G67955" s="16">
        <v>0.69309049109606324</v>
      </c>
    </row>
    <row r="67956" spans="1:7" x14ac:dyDescent="0.3">
      <c r="A67956" s="13" t="s">
        <v>358</v>
      </c>
      <c r="B67956" s="14" t="s">
        <v>1</v>
      </c>
      <c r="C67956" s="14" t="s">
        <v>63</v>
      </c>
      <c r="D67956" s="14" t="s">
        <v>294</v>
      </c>
      <c r="E67956" s="15">
        <v>45442</v>
      </c>
      <c r="F67956" s="14" t="s">
        <v>72</v>
      </c>
      <c r="G67956" s="16">
        <v>0.70448653584033138</v>
      </c>
    </row>
    <row r="67957" spans="1:7" x14ac:dyDescent="0.3">
      <c r="A67957" s="13" t="s">
        <v>358</v>
      </c>
      <c r="B67957" s="14" t="s">
        <v>1</v>
      </c>
      <c r="C67957" s="14" t="s">
        <v>63</v>
      </c>
      <c r="D67957" s="14" t="s">
        <v>294</v>
      </c>
      <c r="E67957" s="15">
        <v>45443</v>
      </c>
      <c r="F67957" s="14" t="s">
        <v>72</v>
      </c>
      <c r="G67957" s="16">
        <v>0.71339122433928082</v>
      </c>
    </row>
    <row r="67958" spans="1:7" x14ac:dyDescent="0.3">
      <c r="A67958" s="13" t="s">
        <v>358</v>
      </c>
      <c r="B67958" s="14" t="s">
        <v>1</v>
      </c>
      <c r="C67958" s="14" t="s">
        <v>63</v>
      </c>
      <c r="D67958" s="14" t="s">
        <v>294</v>
      </c>
      <c r="E67958" s="15">
        <v>45444</v>
      </c>
      <c r="F67958" s="14" t="s">
        <v>72</v>
      </c>
      <c r="G67958" s="16">
        <v>0.71339122433928082</v>
      </c>
    </row>
    <row r="67959" spans="1:7" x14ac:dyDescent="0.3">
      <c r="A67959" s="13" t="s">
        <v>358</v>
      </c>
      <c r="B67959" s="14" t="s">
        <v>1</v>
      </c>
      <c r="C67959" s="14" t="s">
        <v>63</v>
      </c>
      <c r="D67959" s="14" t="s">
        <v>294</v>
      </c>
      <c r="E67959" s="15">
        <v>45445</v>
      </c>
      <c r="F67959" s="14" t="s">
        <v>72</v>
      </c>
      <c r="G67959" s="16">
        <v>0.71339122433928082</v>
      </c>
    </row>
    <row r="67960" spans="1:7" x14ac:dyDescent="0.3">
      <c r="A67960" s="13" t="s">
        <v>358</v>
      </c>
      <c r="B67960" s="14" t="s">
        <v>1</v>
      </c>
      <c r="C67960" s="14" t="s">
        <v>63</v>
      </c>
      <c r="D67960" s="14" t="s">
        <v>294</v>
      </c>
      <c r="E67960" s="15">
        <v>45446</v>
      </c>
      <c r="F67960" s="14" t="s">
        <v>72</v>
      </c>
      <c r="G67960" s="16">
        <v>0.71339122433928082</v>
      </c>
    </row>
    <row r="67961" spans="1:7" x14ac:dyDescent="0.3">
      <c r="A67961" s="13" t="s">
        <v>358</v>
      </c>
      <c r="B67961" s="14" t="s">
        <v>1</v>
      </c>
      <c r="C67961" s="14" t="s">
        <v>63</v>
      </c>
      <c r="D67961" s="14" t="s">
        <v>294</v>
      </c>
      <c r="E67961" s="15">
        <v>45447</v>
      </c>
      <c r="F67961" s="14" t="s">
        <v>72</v>
      </c>
      <c r="G67961" s="16">
        <v>0.72548575887880751</v>
      </c>
    </row>
    <row r="67962" spans="1:7" x14ac:dyDescent="0.3">
      <c r="A67962" s="13" t="s">
        <v>358</v>
      </c>
      <c r="B67962" s="14" t="s">
        <v>1</v>
      </c>
      <c r="C67962" s="14" t="s">
        <v>63</v>
      </c>
      <c r="D67962" s="14" t="s">
        <v>294</v>
      </c>
      <c r="E67962" s="15">
        <v>45448</v>
      </c>
      <c r="F67962" s="14" t="s">
        <v>72</v>
      </c>
      <c r="G67962" s="16">
        <v>0.76228903417083793</v>
      </c>
    </row>
    <row r="67963" spans="1:7" x14ac:dyDescent="0.3">
      <c r="A67963" s="13" t="s">
        <v>358</v>
      </c>
      <c r="B67963" s="14" t="s">
        <v>1</v>
      </c>
      <c r="C67963" s="14" t="s">
        <v>63</v>
      </c>
      <c r="D67963" s="14" t="s">
        <v>294</v>
      </c>
      <c r="E67963" s="15">
        <v>45449</v>
      </c>
      <c r="F67963" s="14" t="s">
        <v>72</v>
      </c>
      <c r="G67963" s="16">
        <v>0.77127459349321437</v>
      </c>
    </row>
    <row r="67964" spans="1:7" x14ac:dyDescent="0.3">
      <c r="A67964" s="13" t="s">
        <v>358</v>
      </c>
      <c r="B67964" s="14" t="s">
        <v>1</v>
      </c>
      <c r="C67964" s="14" t="s">
        <v>63</v>
      </c>
      <c r="D67964" s="14" t="s">
        <v>294</v>
      </c>
      <c r="E67964" s="15">
        <v>45450</v>
      </c>
      <c r="F67964" s="14" t="s">
        <v>72</v>
      </c>
      <c r="G67964" s="16">
        <v>0.7924296551203025</v>
      </c>
    </row>
    <row r="67965" spans="1:7" x14ac:dyDescent="0.3">
      <c r="A67965" s="13" t="s">
        <v>358</v>
      </c>
      <c r="B67965" s="14" t="s">
        <v>1</v>
      </c>
      <c r="C67965" s="14" t="s">
        <v>63</v>
      </c>
      <c r="D67965" s="14" t="s">
        <v>294</v>
      </c>
      <c r="E67965" s="15">
        <v>45451</v>
      </c>
      <c r="F67965" s="14" t="s">
        <v>72</v>
      </c>
      <c r="G67965" s="16">
        <v>0.7924296551203025</v>
      </c>
    </row>
    <row r="67966" spans="1:7" x14ac:dyDescent="0.3">
      <c r="A67966" s="13" t="s">
        <v>358</v>
      </c>
      <c r="B67966" s="14" t="s">
        <v>1</v>
      </c>
      <c r="C67966" s="14" t="s">
        <v>63</v>
      </c>
      <c r="D67966" s="14" t="s">
        <v>294</v>
      </c>
      <c r="E67966" s="15">
        <v>45452</v>
      </c>
      <c r="F67966" s="14" t="s">
        <v>72</v>
      </c>
      <c r="G67966" s="16">
        <v>0.7924296551203025</v>
      </c>
    </row>
    <row r="67967" spans="1:7" x14ac:dyDescent="0.3">
      <c r="A67967" s="13" t="s">
        <v>358</v>
      </c>
      <c r="B67967" s="14" t="s">
        <v>1</v>
      </c>
      <c r="C67967" s="14" t="s">
        <v>63</v>
      </c>
      <c r="D67967" s="14" t="s">
        <v>294</v>
      </c>
      <c r="E67967" s="15">
        <v>45453</v>
      </c>
      <c r="F67967" s="14" t="s">
        <v>72</v>
      </c>
      <c r="G67967" s="16">
        <v>0.7924296551203025</v>
      </c>
    </row>
    <row r="67968" spans="1:7" x14ac:dyDescent="0.3">
      <c r="A67968" s="13" t="s">
        <v>358</v>
      </c>
      <c r="B67968" s="14" t="s">
        <v>1</v>
      </c>
      <c r="C67968" s="14" t="s">
        <v>63</v>
      </c>
      <c r="D67968" s="14" t="s">
        <v>294</v>
      </c>
      <c r="E67968" s="15">
        <v>45454</v>
      </c>
      <c r="F67968" s="14" t="s">
        <v>72</v>
      </c>
      <c r="G67968" s="16">
        <v>0.81067194618333416</v>
      </c>
    </row>
    <row r="67969" spans="1:7" x14ac:dyDescent="0.3">
      <c r="A67969" s="13" t="s">
        <v>358</v>
      </c>
      <c r="B67969" s="14" t="s">
        <v>1</v>
      </c>
      <c r="C67969" s="14" t="s">
        <v>63</v>
      </c>
      <c r="D67969" s="14" t="s">
        <v>294</v>
      </c>
      <c r="E67969" s="15">
        <v>45455</v>
      </c>
      <c r="F67969" s="14" t="s">
        <v>72</v>
      </c>
      <c r="G67969" s="16">
        <v>0.84984138585962787</v>
      </c>
    </row>
    <row r="67970" spans="1:7" x14ac:dyDescent="0.3">
      <c r="A67970" s="13" t="s">
        <v>358</v>
      </c>
      <c r="B67970" s="14" t="s">
        <v>1</v>
      </c>
      <c r="C67970" s="14" t="s">
        <v>63</v>
      </c>
      <c r="D67970" s="14" t="s">
        <v>294</v>
      </c>
      <c r="E67970" s="15">
        <v>45456</v>
      </c>
      <c r="F67970" s="14" t="s">
        <v>72</v>
      </c>
      <c r="G67970" s="16">
        <v>0.87116119118784285</v>
      </c>
    </row>
    <row r="67971" spans="1:7" x14ac:dyDescent="0.3">
      <c r="A67971" s="13" t="s">
        <v>358</v>
      </c>
      <c r="B67971" s="14" t="s">
        <v>1</v>
      </c>
      <c r="C67971" s="14" t="s">
        <v>63</v>
      </c>
      <c r="D67971" s="14" t="s">
        <v>294</v>
      </c>
      <c r="E67971" s="15">
        <v>45457</v>
      </c>
      <c r="F67971" s="14" t="s">
        <v>72</v>
      </c>
      <c r="G67971" s="16">
        <v>0.8855414881718966</v>
      </c>
    </row>
    <row r="67972" spans="1:7" x14ac:dyDescent="0.3">
      <c r="A67972" s="13" t="s">
        <v>358</v>
      </c>
      <c r="B67972" s="14" t="s">
        <v>1</v>
      </c>
      <c r="C67972" s="14" t="s">
        <v>63</v>
      </c>
      <c r="D67972" s="14" t="s">
        <v>294</v>
      </c>
      <c r="E67972" s="15">
        <v>45458</v>
      </c>
      <c r="F67972" s="14" t="s">
        <v>72</v>
      </c>
      <c r="G67972" s="16">
        <v>0.8855414881718966</v>
      </c>
    </row>
    <row r="67973" spans="1:7" x14ac:dyDescent="0.3">
      <c r="A67973" s="13" t="s">
        <v>358</v>
      </c>
      <c r="B67973" s="14" t="s">
        <v>1</v>
      </c>
      <c r="C67973" s="14" t="s">
        <v>63</v>
      </c>
      <c r="D67973" s="14" t="s">
        <v>294</v>
      </c>
      <c r="E67973" s="15">
        <v>45459</v>
      </c>
      <c r="F67973" s="14" t="s">
        <v>72</v>
      </c>
      <c r="G67973" s="16">
        <v>0.8855414881718966</v>
      </c>
    </row>
    <row r="67974" spans="1:7" x14ac:dyDescent="0.3">
      <c r="A67974" s="13" t="s">
        <v>358</v>
      </c>
      <c r="B67974" s="14" t="s">
        <v>1</v>
      </c>
      <c r="C67974" s="14" t="s">
        <v>63</v>
      </c>
      <c r="D67974" s="14" t="s">
        <v>294</v>
      </c>
      <c r="E67974" s="15">
        <v>45460</v>
      </c>
      <c r="F67974" s="14" t="s">
        <v>72</v>
      </c>
      <c r="G67974" s="16">
        <v>0.8855414881718966</v>
      </c>
    </row>
    <row r="67975" spans="1:7" x14ac:dyDescent="0.3">
      <c r="A67975" s="13" t="s">
        <v>358</v>
      </c>
      <c r="B67975" s="14" t="s">
        <v>1</v>
      </c>
      <c r="C67975" s="14" t="s">
        <v>63</v>
      </c>
      <c r="D67975" s="14" t="s">
        <v>294</v>
      </c>
      <c r="E67975" s="15">
        <v>45461</v>
      </c>
      <c r="F67975" s="14" t="s">
        <v>72</v>
      </c>
      <c r="G67975" s="16">
        <v>0.89138885279128466</v>
      </c>
    </row>
    <row r="67976" spans="1:7" x14ac:dyDescent="0.3">
      <c r="A67976" s="13" t="s">
        <v>358</v>
      </c>
      <c r="B67976" s="14" t="s">
        <v>1</v>
      </c>
      <c r="C67976" s="14" t="s">
        <v>63</v>
      </c>
      <c r="D67976" s="14" t="s">
        <v>294</v>
      </c>
      <c r="E67976" s="15">
        <v>45462</v>
      </c>
      <c r="F67976" s="14" t="s">
        <v>72</v>
      </c>
      <c r="G67976" s="16">
        <v>0.93361553814484743</v>
      </c>
    </row>
    <row r="67977" spans="1:7" x14ac:dyDescent="0.3">
      <c r="A67977" s="13" t="s">
        <v>358</v>
      </c>
      <c r="B67977" s="14" t="s">
        <v>1</v>
      </c>
      <c r="C67977" s="14" t="s">
        <v>63</v>
      </c>
      <c r="D67977" s="14" t="s">
        <v>294</v>
      </c>
      <c r="E67977" s="15">
        <v>45463</v>
      </c>
      <c r="F67977" s="14" t="s">
        <v>72</v>
      </c>
      <c r="G67977" s="16">
        <v>0.94698983441892315</v>
      </c>
    </row>
    <row r="67978" spans="1:7" x14ac:dyDescent="0.3">
      <c r="A67978" s="13" t="s">
        <v>358</v>
      </c>
      <c r="B67978" s="14" t="s">
        <v>1</v>
      </c>
      <c r="C67978" s="14" t="s">
        <v>63</v>
      </c>
      <c r="D67978" s="14" t="s">
        <v>294</v>
      </c>
      <c r="E67978" s="15">
        <v>45464</v>
      </c>
      <c r="F67978" s="14" t="s">
        <v>72</v>
      </c>
      <c r="G67978" s="16">
        <v>0.96146512100358816</v>
      </c>
    </row>
    <row r="67979" spans="1:7" x14ac:dyDescent="0.3">
      <c r="A67979" s="13" t="s">
        <v>358</v>
      </c>
      <c r="B67979" s="14" t="s">
        <v>1</v>
      </c>
      <c r="C67979" s="14" t="s">
        <v>63</v>
      </c>
      <c r="D67979" s="14" t="s">
        <v>294</v>
      </c>
      <c r="E67979" s="15">
        <v>45465</v>
      </c>
      <c r="F67979" s="14" t="s">
        <v>72</v>
      </c>
      <c r="G67979" s="16">
        <v>0.96146512100358816</v>
      </c>
    </row>
    <row r="67980" spans="1:7" x14ac:dyDescent="0.3">
      <c r="A67980" s="13" t="s">
        <v>358</v>
      </c>
      <c r="B67980" s="14" t="s">
        <v>1</v>
      </c>
      <c r="C67980" s="14" t="s">
        <v>63</v>
      </c>
      <c r="D67980" s="14" t="s">
        <v>294</v>
      </c>
      <c r="E67980" s="15">
        <v>45466</v>
      </c>
      <c r="F67980" s="14" t="s">
        <v>72</v>
      </c>
      <c r="G67980" s="16">
        <v>0.96146512100358816</v>
      </c>
    </row>
    <row r="67981" spans="1:7" x14ac:dyDescent="0.3">
      <c r="A67981" s="13" t="s">
        <v>358</v>
      </c>
      <c r="B67981" s="14" t="s">
        <v>1</v>
      </c>
      <c r="C67981" s="14" t="s">
        <v>63</v>
      </c>
      <c r="D67981" s="14" t="s">
        <v>294</v>
      </c>
      <c r="E67981" s="15">
        <v>45467</v>
      </c>
      <c r="F67981" s="14" t="s">
        <v>72</v>
      </c>
      <c r="G67981" s="16">
        <v>0.97189652175384766</v>
      </c>
    </row>
    <row r="67982" spans="1:7" x14ac:dyDescent="0.3">
      <c r="A67982" s="13" t="s">
        <v>358</v>
      </c>
      <c r="B67982" s="14" t="s">
        <v>1</v>
      </c>
      <c r="C67982" s="14" t="s">
        <v>63</v>
      </c>
      <c r="D67982" s="14" t="s">
        <v>294</v>
      </c>
      <c r="E67982" s="15">
        <v>45468</v>
      </c>
      <c r="F67982" s="14" t="s">
        <v>72</v>
      </c>
      <c r="G67982" s="16">
        <v>1.0097830728309669</v>
      </c>
    </row>
    <row r="67983" spans="1:7" x14ac:dyDescent="0.3">
      <c r="A67983" s="13" t="s">
        <v>358</v>
      </c>
      <c r="B67983" s="14" t="s">
        <v>1</v>
      </c>
      <c r="C67983" s="14" t="s">
        <v>63</v>
      </c>
      <c r="D67983" s="14" t="s">
        <v>294</v>
      </c>
      <c r="E67983" s="15">
        <v>45469</v>
      </c>
      <c r="F67983" s="14" t="s">
        <v>72</v>
      </c>
      <c r="G67983" s="16">
        <v>1.020820762422193</v>
      </c>
    </row>
    <row r="67984" spans="1:7" x14ac:dyDescent="0.3">
      <c r="A67984" s="13" t="s">
        <v>358</v>
      </c>
      <c r="B67984" s="14" t="s">
        <v>1</v>
      </c>
      <c r="C67984" s="14" t="s">
        <v>63</v>
      </c>
      <c r="D67984" s="14" t="s">
        <v>294</v>
      </c>
      <c r="E67984" s="15">
        <v>45470</v>
      </c>
      <c r="F67984" s="14" t="s">
        <v>72</v>
      </c>
      <c r="G67984" s="16">
        <v>1.032308446983867</v>
      </c>
    </row>
    <row r="67985" spans="1:7" x14ac:dyDescent="0.3">
      <c r="A67985" s="13" t="s">
        <v>358</v>
      </c>
      <c r="B67985" s="14" t="s">
        <v>1</v>
      </c>
      <c r="C67985" s="14" t="s">
        <v>63</v>
      </c>
      <c r="D67985" s="14" t="s">
        <v>294</v>
      </c>
      <c r="E67985" s="15">
        <v>45471</v>
      </c>
      <c r="F67985" s="14" t="s">
        <v>72</v>
      </c>
      <c r="G67985" s="16">
        <v>1.0404629165382246</v>
      </c>
    </row>
    <row r="67986" spans="1:7" x14ac:dyDescent="0.3">
      <c r="A67986" s="13" t="s">
        <v>358</v>
      </c>
      <c r="B67986" s="14" t="s">
        <v>1</v>
      </c>
      <c r="C67986" s="14" t="s">
        <v>63</v>
      </c>
      <c r="D67986" s="14" t="s">
        <v>294</v>
      </c>
      <c r="E67986" s="15">
        <v>45472</v>
      </c>
      <c r="F67986" s="14" t="s">
        <v>72</v>
      </c>
      <c r="G67986" s="16">
        <v>1.0404629165382246</v>
      </c>
    </row>
    <row r="67987" spans="1:7" x14ac:dyDescent="0.3">
      <c r="A67987" s="13" t="s">
        <v>358</v>
      </c>
      <c r="B67987" s="14" t="s">
        <v>1</v>
      </c>
      <c r="C67987" s="14" t="s">
        <v>63</v>
      </c>
      <c r="D67987" s="14" t="s">
        <v>294</v>
      </c>
      <c r="E67987" s="15">
        <v>45473</v>
      </c>
      <c r="F67987" s="14" t="s">
        <v>72</v>
      </c>
      <c r="G67987" s="16">
        <v>1.0404629165382246</v>
      </c>
    </row>
    <row r="67988" spans="1:7" x14ac:dyDescent="0.3">
      <c r="A67988" s="13" t="s">
        <v>358</v>
      </c>
      <c r="B67988" s="14" t="s">
        <v>1</v>
      </c>
      <c r="C67988" s="14" t="s">
        <v>63</v>
      </c>
      <c r="D67988" s="14" t="s">
        <v>294</v>
      </c>
      <c r="E67988" s="15">
        <v>45474</v>
      </c>
      <c r="F67988" s="14" t="s">
        <v>72</v>
      </c>
      <c r="G67988" s="16">
        <v>1.0404629165382246</v>
      </c>
    </row>
    <row r="67989" spans="1:7" x14ac:dyDescent="0.3">
      <c r="A67989" s="13" t="s">
        <v>358</v>
      </c>
      <c r="B67989" s="14" t="s">
        <v>1</v>
      </c>
      <c r="C67989" s="14" t="s">
        <v>63</v>
      </c>
      <c r="D67989" s="14" t="s">
        <v>294</v>
      </c>
      <c r="E67989" s="15">
        <v>45475</v>
      </c>
      <c r="F67989" s="14" t="s">
        <v>72</v>
      </c>
      <c r="G67989" s="16">
        <v>1.0518523336020533</v>
      </c>
    </row>
    <row r="67990" spans="1:7" x14ac:dyDescent="0.3">
      <c r="A67990" s="13" t="s">
        <v>358</v>
      </c>
      <c r="B67990" s="14" t="s">
        <v>1</v>
      </c>
      <c r="C67990" s="14" t="s">
        <v>63</v>
      </c>
      <c r="D67990" s="14" t="s">
        <v>294</v>
      </c>
      <c r="E67990" s="15">
        <v>45476</v>
      </c>
      <c r="F67990" s="14" t="s">
        <v>72</v>
      </c>
      <c r="G67990" s="16">
        <v>1.0919720108336068</v>
      </c>
    </row>
    <row r="67991" spans="1:7" x14ac:dyDescent="0.3">
      <c r="A67991" s="13" t="s">
        <v>358</v>
      </c>
      <c r="B67991" s="14" t="s">
        <v>1</v>
      </c>
      <c r="C67991" s="14" t="s">
        <v>63</v>
      </c>
      <c r="D67991" s="14" t="s">
        <v>294</v>
      </c>
      <c r="E67991" s="15">
        <v>45477</v>
      </c>
      <c r="F67991" s="14" t="s">
        <v>72</v>
      </c>
      <c r="G67991" s="16">
        <v>1.0991306821138125</v>
      </c>
    </row>
    <row r="67992" spans="1:7" x14ac:dyDescent="0.3">
      <c r="A67992" s="13" t="s">
        <v>358</v>
      </c>
      <c r="B67992" s="14" t="s">
        <v>1</v>
      </c>
      <c r="C67992" s="14" t="s">
        <v>63</v>
      </c>
      <c r="D67992" s="14" t="s">
        <v>294</v>
      </c>
      <c r="E67992" s="15">
        <v>45478</v>
      </c>
      <c r="F67992" s="14" t="s">
        <v>72</v>
      </c>
      <c r="G67992" s="16">
        <v>1.1076090684496034</v>
      </c>
    </row>
    <row r="67993" spans="1:7" x14ac:dyDescent="0.3">
      <c r="A67993" s="13" t="s">
        <v>358</v>
      </c>
      <c r="B67993" s="14" t="s">
        <v>1</v>
      </c>
      <c r="C67993" s="14" t="s">
        <v>63</v>
      </c>
      <c r="D67993" s="14" t="s">
        <v>294</v>
      </c>
      <c r="E67993" s="15">
        <v>45479</v>
      </c>
      <c r="F67993" s="14" t="s">
        <v>72</v>
      </c>
      <c r="G67993" s="16">
        <v>1.1076090684496034</v>
      </c>
    </row>
    <row r="67994" spans="1:7" x14ac:dyDescent="0.3">
      <c r="A67994" s="13" t="s">
        <v>358</v>
      </c>
      <c r="B67994" s="14" t="s">
        <v>1</v>
      </c>
      <c r="C67994" s="14" t="s">
        <v>63</v>
      </c>
      <c r="D67994" s="14" t="s">
        <v>294</v>
      </c>
      <c r="E67994" s="15">
        <v>45480</v>
      </c>
      <c r="F67994" s="14" t="s">
        <v>72</v>
      </c>
      <c r="G67994" s="16">
        <v>1.1076090684496034</v>
      </c>
    </row>
    <row r="67995" spans="1:7" x14ac:dyDescent="0.3">
      <c r="A67995" s="13" t="s">
        <v>358</v>
      </c>
      <c r="B67995" s="14" t="s">
        <v>1</v>
      </c>
      <c r="C67995" s="14" t="s">
        <v>63</v>
      </c>
      <c r="D67995" s="14" t="s">
        <v>294</v>
      </c>
      <c r="E67995" s="15">
        <v>45481</v>
      </c>
      <c r="F67995" s="14" t="s">
        <v>72</v>
      </c>
      <c r="G67995" s="16">
        <v>1.1214551869047327</v>
      </c>
    </row>
    <row r="67996" spans="1:7" x14ac:dyDescent="0.3">
      <c r="A67996" s="13" t="s">
        <v>358</v>
      </c>
      <c r="B67996" s="14" t="s">
        <v>1</v>
      </c>
      <c r="C67996" s="14" t="s">
        <v>63</v>
      </c>
      <c r="D67996" s="14" t="s">
        <v>294</v>
      </c>
      <c r="E67996" s="15">
        <v>45482</v>
      </c>
      <c r="F67996" s="14" t="s">
        <v>72</v>
      </c>
      <c r="G67996" s="16">
        <v>1.1544130090521858</v>
      </c>
    </row>
    <row r="67997" spans="1:7" x14ac:dyDescent="0.3">
      <c r="A67997" s="13" t="s">
        <v>358</v>
      </c>
      <c r="B67997" s="14" t="s">
        <v>1</v>
      </c>
      <c r="C67997" s="14" t="s">
        <v>63</v>
      </c>
      <c r="D67997" s="14" t="s">
        <v>294</v>
      </c>
      <c r="E67997" s="15">
        <v>45483</v>
      </c>
      <c r="F67997" s="14" t="s">
        <v>72</v>
      </c>
      <c r="G67997" s="16">
        <v>1.1681258058762154</v>
      </c>
    </row>
    <row r="67998" spans="1:7" x14ac:dyDescent="0.3">
      <c r="A67998" s="13" t="s">
        <v>358</v>
      </c>
      <c r="B67998" s="14" t="s">
        <v>1</v>
      </c>
      <c r="C67998" s="14" t="s">
        <v>63</v>
      </c>
      <c r="D67998" s="14" t="s">
        <v>294</v>
      </c>
      <c r="E67998" s="15">
        <v>45484</v>
      </c>
      <c r="F67998" s="14" t="s">
        <v>72</v>
      </c>
      <c r="G67998" s="16">
        <v>1.1769498497238036</v>
      </c>
    </row>
    <row r="67999" spans="1:7" x14ac:dyDescent="0.3">
      <c r="A67999" s="13" t="s">
        <v>358</v>
      </c>
      <c r="B67999" s="14" t="s">
        <v>1</v>
      </c>
      <c r="C67999" s="14" t="s">
        <v>63</v>
      </c>
      <c r="D67999" s="14" t="s">
        <v>294</v>
      </c>
      <c r="E67999" s="15">
        <v>45485</v>
      </c>
      <c r="F67999" s="14" t="s">
        <v>72</v>
      </c>
      <c r="G67999" s="16">
        <v>1.1858325519377912</v>
      </c>
    </row>
    <row r="68000" spans="1:7" x14ac:dyDescent="0.3">
      <c r="A68000" s="13" t="s">
        <v>358</v>
      </c>
      <c r="B68000" s="14" t="s">
        <v>1</v>
      </c>
      <c r="C68000" s="14" t="s">
        <v>63</v>
      </c>
      <c r="D68000" s="14" t="s">
        <v>294</v>
      </c>
      <c r="E68000" s="15">
        <v>45486</v>
      </c>
      <c r="F68000" s="14" t="s">
        <v>72</v>
      </c>
      <c r="G68000" s="16">
        <v>1.1858325519377912</v>
      </c>
    </row>
    <row r="68001" spans="1:7" x14ac:dyDescent="0.3">
      <c r="A68001" s="13" t="s">
        <v>358</v>
      </c>
      <c r="B68001" s="14" t="s">
        <v>1</v>
      </c>
      <c r="C68001" s="14" t="s">
        <v>63</v>
      </c>
      <c r="D68001" s="14" t="s">
        <v>294</v>
      </c>
      <c r="E68001" s="15">
        <v>45487</v>
      </c>
      <c r="F68001" s="14" t="s">
        <v>72</v>
      </c>
      <c r="G68001" s="16">
        <v>1.1858325519377912</v>
      </c>
    </row>
    <row r="68002" spans="1:7" x14ac:dyDescent="0.3">
      <c r="A68002" s="13" t="s">
        <v>358</v>
      </c>
      <c r="B68002" s="14" t="s">
        <v>1</v>
      </c>
      <c r="C68002" s="14" t="s">
        <v>63</v>
      </c>
      <c r="D68002" s="14" t="s">
        <v>294</v>
      </c>
      <c r="E68002" s="15">
        <v>45488</v>
      </c>
      <c r="F68002" s="14" t="s">
        <v>72</v>
      </c>
      <c r="G68002" s="16">
        <v>1.2011635704594759</v>
      </c>
    </row>
    <row r="68003" spans="1:7" x14ac:dyDescent="0.3">
      <c r="A68003" s="13" t="s">
        <v>358</v>
      </c>
      <c r="B68003" s="14" t="s">
        <v>1</v>
      </c>
      <c r="C68003" s="14" t="s">
        <v>63</v>
      </c>
      <c r="D68003" s="14" t="s">
        <v>294</v>
      </c>
      <c r="E68003" s="15">
        <v>45489</v>
      </c>
      <c r="F68003" s="14" t="s">
        <v>72</v>
      </c>
      <c r="G68003" s="16">
        <v>1.2391737270616336</v>
      </c>
    </row>
    <row r="68004" spans="1:7" x14ac:dyDescent="0.3">
      <c r="A68004" s="13" t="s">
        <v>358</v>
      </c>
      <c r="B68004" s="14" t="s">
        <v>1</v>
      </c>
      <c r="C68004" s="14" t="s">
        <v>63</v>
      </c>
      <c r="D68004" s="14" t="s">
        <v>294</v>
      </c>
      <c r="E68004" s="15">
        <v>45490</v>
      </c>
      <c r="F68004" s="14" t="s">
        <v>72</v>
      </c>
      <c r="G68004" s="16">
        <v>1.2528155842491533</v>
      </c>
    </row>
    <row r="68005" spans="1:7" x14ac:dyDescent="0.3">
      <c r="A68005" s="13" t="s">
        <v>358</v>
      </c>
      <c r="B68005" s="14" t="s">
        <v>1</v>
      </c>
      <c r="C68005" s="14" t="s">
        <v>63</v>
      </c>
      <c r="D68005" s="14" t="s">
        <v>294</v>
      </c>
      <c r="E68005" s="15">
        <v>45491</v>
      </c>
      <c r="F68005" s="14" t="s">
        <v>72</v>
      </c>
      <c r="G68005" s="16">
        <v>1.2694795002278236</v>
      </c>
    </row>
    <row r="68006" spans="1:7" x14ac:dyDescent="0.3">
      <c r="A68006" s="13" t="s">
        <v>358</v>
      </c>
      <c r="B68006" s="14" t="s">
        <v>1</v>
      </c>
      <c r="C68006" s="14" t="s">
        <v>63</v>
      </c>
      <c r="D68006" s="14" t="s">
        <v>294</v>
      </c>
      <c r="E68006" s="15">
        <v>45492</v>
      </c>
      <c r="F68006" s="14" t="s">
        <v>72</v>
      </c>
      <c r="G68006" s="16">
        <v>1.2865588329144797</v>
      </c>
    </row>
    <row r="68007" spans="1:7" x14ac:dyDescent="0.3">
      <c r="A68007" s="13" t="s">
        <v>358</v>
      </c>
      <c r="B68007" s="14" t="s">
        <v>1</v>
      </c>
      <c r="C68007" s="14" t="s">
        <v>63</v>
      </c>
      <c r="D68007" s="14" t="s">
        <v>294</v>
      </c>
      <c r="E68007" s="15">
        <v>45493</v>
      </c>
      <c r="F68007" s="14" t="s">
        <v>72</v>
      </c>
      <c r="G68007" s="16">
        <v>1.2865588329144797</v>
      </c>
    </row>
    <row r="68008" spans="1:7" x14ac:dyDescent="0.3">
      <c r="A68008" s="13" t="s">
        <v>358</v>
      </c>
      <c r="B68008" s="14" t="s">
        <v>1</v>
      </c>
      <c r="C68008" s="14" t="s">
        <v>63</v>
      </c>
      <c r="D68008" s="14" t="s">
        <v>294</v>
      </c>
      <c r="E68008" s="15">
        <v>45494</v>
      </c>
      <c r="F68008" s="14" t="s">
        <v>72</v>
      </c>
      <c r="G68008" s="16">
        <v>1.2865588329144797</v>
      </c>
    </row>
    <row r="68009" spans="1:7" x14ac:dyDescent="0.3">
      <c r="A68009" s="13" t="s">
        <v>358</v>
      </c>
      <c r="B68009" s="14" t="s">
        <v>1</v>
      </c>
      <c r="C68009" s="14" t="s">
        <v>63</v>
      </c>
      <c r="D68009" s="14" t="s">
        <v>294</v>
      </c>
      <c r="E68009" s="15">
        <v>45495</v>
      </c>
      <c r="F68009" s="14" t="s">
        <v>72</v>
      </c>
      <c r="G68009" s="16">
        <v>1.3056375092652157</v>
      </c>
    </row>
    <row r="68010" spans="1:7" x14ac:dyDescent="0.3">
      <c r="A68010" s="13" t="s">
        <v>358</v>
      </c>
      <c r="B68010" s="14" t="s">
        <v>1</v>
      </c>
      <c r="C68010" s="14" t="s">
        <v>63</v>
      </c>
      <c r="D68010" s="14" t="s">
        <v>294</v>
      </c>
      <c r="E68010" s="15">
        <v>45496</v>
      </c>
      <c r="F68010" s="14" t="s">
        <v>72</v>
      </c>
      <c r="G68010" s="16">
        <v>1.3451286399187992</v>
      </c>
    </row>
    <row r="68011" spans="1:7" x14ac:dyDescent="0.3">
      <c r="A68011" s="13" t="s">
        <v>358</v>
      </c>
      <c r="B68011" s="14" t="s">
        <v>1</v>
      </c>
      <c r="C68011" s="14" t="s">
        <v>63</v>
      </c>
      <c r="D68011" s="14" t="s">
        <v>294</v>
      </c>
      <c r="E68011" s="15">
        <v>45497</v>
      </c>
      <c r="F68011" s="14" t="s">
        <v>72</v>
      </c>
      <c r="G68011" s="16">
        <v>1.36371633990816</v>
      </c>
    </row>
    <row r="68012" spans="1:7" x14ac:dyDescent="0.3">
      <c r="A68012" s="13" t="s">
        <v>358</v>
      </c>
      <c r="B68012" s="14" t="s">
        <v>1</v>
      </c>
      <c r="C68012" s="14" t="s">
        <v>63</v>
      </c>
      <c r="D68012" s="14" t="s">
        <v>294</v>
      </c>
      <c r="E68012" s="15">
        <v>45498</v>
      </c>
      <c r="F68012" s="14" t="s">
        <v>72</v>
      </c>
      <c r="G68012" s="16">
        <v>1.3833524399576667</v>
      </c>
    </row>
    <row r="68013" spans="1:7" x14ac:dyDescent="0.3">
      <c r="A68013" s="13" t="s">
        <v>358</v>
      </c>
      <c r="B68013" s="14" t="s">
        <v>1</v>
      </c>
      <c r="C68013" s="14" t="s">
        <v>63</v>
      </c>
      <c r="D68013" s="14" t="s">
        <v>294</v>
      </c>
      <c r="E68013" s="15">
        <v>45499</v>
      </c>
      <c r="F68013" s="14" t="s">
        <v>72</v>
      </c>
      <c r="G68013" s="16">
        <v>1.3926612667168914</v>
      </c>
    </row>
    <row r="68014" spans="1:7" x14ac:dyDescent="0.3">
      <c r="A68014" s="13" t="s">
        <v>358</v>
      </c>
      <c r="B68014" s="14" t="s">
        <v>1</v>
      </c>
      <c r="C68014" s="14" t="s">
        <v>63</v>
      </c>
      <c r="D68014" s="14" t="s">
        <v>294</v>
      </c>
      <c r="E68014" s="15">
        <v>45500</v>
      </c>
      <c r="F68014" s="14" t="s">
        <v>72</v>
      </c>
      <c r="G68014" s="16">
        <v>1.3926612667168914</v>
      </c>
    </row>
    <row r="68015" spans="1:7" x14ac:dyDescent="0.3">
      <c r="A68015" s="13" t="s">
        <v>358</v>
      </c>
      <c r="B68015" s="14" t="s">
        <v>1</v>
      </c>
      <c r="C68015" s="14" t="s">
        <v>63</v>
      </c>
      <c r="D68015" s="14" t="s">
        <v>294</v>
      </c>
      <c r="E68015" s="15">
        <v>45501</v>
      </c>
      <c r="F68015" s="14" t="s">
        <v>72</v>
      </c>
      <c r="G68015" s="16">
        <v>1.3926612667168914</v>
      </c>
    </row>
    <row r="68016" spans="1:7" x14ac:dyDescent="0.3">
      <c r="A68016" s="13" t="s">
        <v>358</v>
      </c>
      <c r="B68016" s="14" t="s">
        <v>1</v>
      </c>
      <c r="C68016" s="14" t="s">
        <v>63</v>
      </c>
      <c r="D68016" s="14" t="s">
        <v>294</v>
      </c>
      <c r="E68016" s="15">
        <v>45502</v>
      </c>
      <c r="F68016" s="14" t="s">
        <v>72</v>
      </c>
      <c r="G68016" s="16">
        <v>1.4038987295843173</v>
      </c>
    </row>
    <row r="68017" spans="1:7" x14ac:dyDescent="0.3">
      <c r="A68017" s="13" t="s">
        <v>358</v>
      </c>
      <c r="B68017" s="14" t="s">
        <v>1</v>
      </c>
      <c r="C68017" s="14" t="s">
        <v>63</v>
      </c>
      <c r="D68017" s="14" t="s">
        <v>294</v>
      </c>
      <c r="E68017" s="15">
        <v>45503</v>
      </c>
      <c r="F68017" s="14" t="s">
        <v>72</v>
      </c>
      <c r="G68017" s="16">
        <v>1.4402380020267791</v>
      </c>
    </row>
    <row r="68018" spans="1:7" x14ac:dyDescent="0.3">
      <c r="A68018" s="13" t="s">
        <v>358</v>
      </c>
      <c r="B68018" s="14" t="s">
        <v>1</v>
      </c>
      <c r="C68018" s="14" t="s">
        <v>63</v>
      </c>
      <c r="D68018" s="14" t="s">
        <v>294</v>
      </c>
      <c r="E68018" s="15">
        <v>45504</v>
      </c>
      <c r="F68018" s="14" t="s">
        <v>72</v>
      </c>
      <c r="G68018" s="16">
        <v>1.4522295697038055</v>
      </c>
    </row>
    <row r="68019" spans="1:7" x14ac:dyDescent="0.3">
      <c r="A68019" s="13" t="s">
        <v>358</v>
      </c>
      <c r="B68019" s="14" t="s">
        <v>1</v>
      </c>
      <c r="C68019" s="14" t="s">
        <v>63</v>
      </c>
      <c r="D68019" s="14" t="s">
        <v>294</v>
      </c>
      <c r="E68019" s="15">
        <v>45505</v>
      </c>
      <c r="F68019" s="14" t="s">
        <v>72</v>
      </c>
      <c r="G68019" s="16">
        <v>1.4522295697038055</v>
      </c>
    </row>
    <row r="68020" spans="1:7" x14ac:dyDescent="0.3">
      <c r="A68020" s="13" t="s">
        <v>358</v>
      </c>
      <c r="B68020" s="14" t="s">
        <v>1</v>
      </c>
      <c r="C68020" s="14" t="s">
        <v>63</v>
      </c>
      <c r="D68020" s="14" t="s">
        <v>294</v>
      </c>
      <c r="E68020" s="15">
        <v>45506</v>
      </c>
      <c r="F68020" s="14" t="s">
        <v>72</v>
      </c>
      <c r="G68020" s="16">
        <v>1.4822216386465963</v>
      </c>
    </row>
    <row r="68021" spans="1:7" x14ac:dyDescent="0.3">
      <c r="A68021" s="13" t="s">
        <v>358</v>
      </c>
      <c r="B68021" s="14" t="s">
        <v>1</v>
      </c>
      <c r="C68021" s="14" t="s">
        <v>63</v>
      </c>
      <c r="D68021" s="14" t="s">
        <v>294</v>
      </c>
      <c r="E68021" s="15">
        <v>45507</v>
      </c>
      <c r="F68021" s="14" t="s">
        <v>72</v>
      </c>
      <c r="G68021" s="16">
        <v>1.4822216386465963</v>
      </c>
    </row>
    <row r="68022" spans="1:7" x14ac:dyDescent="0.3">
      <c r="A68022" s="13" t="s">
        <v>358</v>
      </c>
      <c r="B68022" s="14" t="s">
        <v>1</v>
      </c>
      <c r="C68022" s="14" t="s">
        <v>63</v>
      </c>
      <c r="D68022" s="14" t="s">
        <v>294</v>
      </c>
      <c r="E68022" s="15">
        <v>45508</v>
      </c>
      <c r="F68022" s="14" t="s">
        <v>72</v>
      </c>
      <c r="G68022" s="16">
        <v>1.4822216386465963</v>
      </c>
    </row>
    <row r="68023" spans="1:7" x14ac:dyDescent="0.3">
      <c r="A68023" s="13" t="s">
        <v>358</v>
      </c>
      <c r="B68023" s="14" t="s">
        <v>1</v>
      </c>
      <c r="C68023" s="14" t="s">
        <v>63</v>
      </c>
      <c r="D68023" s="14" t="s">
        <v>294</v>
      </c>
      <c r="E68023" s="15">
        <v>45509</v>
      </c>
      <c r="F68023" s="14" t="s">
        <v>72</v>
      </c>
      <c r="G68023" s="16">
        <v>1.4822216386465963</v>
      </c>
    </row>
    <row r="68024" spans="1:7" x14ac:dyDescent="0.3">
      <c r="A68024" s="13" t="s">
        <v>358</v>
      </c>
      <c r="B68024" s="14" t="s">
        <v>1</v>
      </c>
      <c r="C68024" s="14" t="s">
        <v>63</v>
      </c>
      <c r="D68024" s="14" t="s">
        <v>294</v>
      </c>
      <c r="E68024" s="15">
        <v>45510</v>
      </c>
      <c r="F68024" s="14" t="s">
        <v>72</v>
      </c>
      <c r="G68024" s="16">
        <v>1.4894797605999983</v>
      </c>
    </row>
    <row r="68025" spans="1:7" x14ac:dyDescent="0.3">
      <c r="A68025" s="13" t="s">
        <v>358</v>
      </c>
      <c r="B68025" s="14" t="s">
        <v>1</v>
      </c>
      <c r="C68025" s="14" t="s">
        <v>63</v>
      </c>
      <c r="D68025" s="14" t="s">
        <v>294</v>
      </c>
      <c r="E68025" s="15">
        <v>45511</v>
      </c>
      <c r="F68025" s="14" t="s">
        <v>72</v>
      </c>
      <c r="G68025" s="16">
        <v>1.5164815021574369</v>
      </c>
    </row>
    <row r="68026" spans="1:7" x14ac:dyDescent="0.3">
      <c r="A68026" s="13" t="s">
        <v>358</v>
      </c>
      <c r="B68026" s="14" t="s">
        <v>1</v>
      </c>
      <c r="C68026" s="14" t="s">
        <v>63</v>
      </c>
      <c r="D68026" s="14" t="s">
        <v>294</v>
      </c>
      <c r="E68026" s="15">
        <v>45512</v>
      </c>
      <c r="F68026" s="14" t="s">
        <v>72</v>
      </c>
      <c r="G68026" s="16">
        <v>1.5098769471184903</v>
      </c>
    </row>
    <row r="68027" spans="1:7" x14ac:dyDescent="0.3">
      <c r="A68027" s="13" t="s">
        <v>358</v>
      </c>
      <c r="B68027" s="14" t="s">
        <v>1</v>
      </c>
      <c r="C68027" s="14" t="s">
        <v>63</v>
      </c>
      <c r="D68027" s="14" t="s">
        <v>294</v>
      </c>
      <c r="E68027" s="15">
        <v>45513</v>
      </c>
      <c r="F68027" s="14" t="s">
        <v>72</v>
      </c>
      <c r="G68027" s="16">
        <v>1.5098769471184903</v>
      </c>
    </row>
    <row r="68028" spans="1:7" x14ac:dyDescent="0.3">
      <c r="A68028" s="13" t="s">
        <v>358</v>
      </c>
      <c r="B68028" s="14" t="s">
        <v>1</v>
      </c>
      <c r="C68028" s="14" t="s">
        <v>63</v>
      </c>
      <c r="D68028" s="14" t="s">
        <v>294</v>
      </c>
      <c r="E68028" s="15">
        <v>45514</v>
      </c>
      <c r="F68028" s="14" t="s">
        <v>72</v>
      </c>
      <c r="G68028" s="16">
        <v>1.5098769471184903</v>
      </c>
    </row>
    <row r="68029" spans="1:7" x14ac:dyDescent="0.3">
      <c r="A68029" s="13" t="s">
        <v>358</v>
      </c>
      <c r="B68029" s="14" t="s">
        <v>1</v>
      </c>
      <c r="C68029" s="14" t="s">
        <v>63</v>
      </c>
      <c r="D68029" s="14" t="s">
        <v>294</v>
      </c>
      <c r="E68029" s="15">
        <v>45515</v>
      </c>
      <c r="F68029" s="14" t="s">
        <v>72</v>
      </c>
      <c r="G68029" s="16">
        <v>1.5098769471184903</v>
      </c>
    </row>
    <row r="68030" spans="1:7" x14ac:dyDescent="0.3">
      <c r="A68030" s="13" t="s">
        <v>358</v>
      </c>
      <c r="B68030" s="14" t="s">
        <v>1</v>
      </c>
      <c r="C68030" s="14" t="s">
        <v>63</v>
      </c>
      <c r="D68030" s="14" t="s">
        <v>294</v>
      </c>
      <c r="E68030" s="15">
        <v>45516</v>
      </c>
      <c r="F68030" s="14" t="s">
        <v>72</v>
      </c>
      <c r="G68030" s="16">
        <v>1.5274379513293306</v>
      </c>
    </row>
    <row r="68031" spans="1:7" x14ac:dyDescent="0.3">
      <c r="A68031" s="13" t="s">
        <v>358</v>
      </c>
      <c r="B68031" s="14" t="s">
        <v>1</v>
      </c>
      <c r="C68031" s="14" t="s">
        <v>63</v>
      </c>
      <c r="D68031" s="14" t="s">
        <v>294</v>
      </c>
      <c r="E68031" s="15">
        <v>45517</v>
      </c>
      <c r="F68031" s="14" t="s">
        <v>72</v>
      </c>
      <c r="G68031" s="16">
        <v>1.5609924535711419</v>
      </c>
    </row>
    <row r="68032" spans="1:7" x14ac:dyDescent="0.3">
      <c r="A68032" s="13" t="s">
        <v>358</v>
      </c>
      <c r="B68032" s="14" t="s">
        <v>1</v>
      </c>
      <c r="C68032" s="14" t="s">
        <v>63</v>
      </c>
      <c r="D68032" s="14" t="s">
        <v>294</v>
      </c>
      <c r="E68032" s="15">
        <v>45518</v>
      </c>
      <c r="F68032" s="14" t="s">
        <v>72</v>
      </c>
      <c r="G68032" s="16">
        <v>1.5815107717961057</v>
      </c>
    </row>
    <row r="68033" spans="1:7" x14ac:dyDescent="0.3">
      <c r="A68033" s="13" t="s">
        <v>358</v>
      </c>
      <c r="B68033" s="14" t="s">
        <v>1</v>
      </c>
      <c r="C68033" s="14" t="s">
        <v>63</v>
      </c>
      <c r="D68033" s="14" t="s">
        <v>294</v>
      </c>
      <c r="E68033" s="15">
        <v>45519</v>
      </c>
      <c r="F68033" s="14" t="s">
        <v>72</v>
      </c>
      <c r="G68033" s="16">
        <v>1.5930787588039328</v>
      </c>
    </row>
    <row r="68034" spans="1:7" x14ac:dyDescent="0.3">
      <c r="A68034" s="13" t="s">
        <v>358</v>
      </c>
      <c r="B68034" s="14" t="s">
        <v>1</v>
      </c>
      <c r="C68034" s="14" t="s">
        <v>63</v>
      </c>
      <c r="D68034" s="14" t="s">
        <v>294</v>
      </c>
      <c r="E68034" s="15">
        <v>45520</v>
      </c>
      <c r="F68034" s="14" t="s">
        <v>72</v>
      </c>
      <c r="G68034" s="16">
        <v>1.5936539193355979</v>
      </c>
    </row>
    <row r="68035" spans="1:7" x14ac:dyDescent="0.3">
      <c r="A68035" s="13" t="s">
        <v>358</v>
      </c>
      <c r="B68035" s="14" t="s">
        <v>1</v>
      </c>
      <c r="C68035" s="14" t="s">
        <v>63</v>
      </c>
      <c r="D68035" s="14" t="s">
        <v>294</v>
      </c>
      <c r="E68035" s="15">
        <v>45521</v>
      </c>
      <c r="F68035" s="14" t="s">
        <v>72</v>
      </c>
      <c r="G68035" s="16">
        <v>1.5936539193355979</v>
      </c>
    </row>
    <row r="68036" spans="1:7" x14ac:dyDescent="0.3">
      <c r="A68036" s="13" t="s">
        <v>358</v>
      </c>
      <c r="B68036" s="14" t="s">
        <v>1</v>
      </c>
      <c r="C68036" s="14" t="s">
        <v>63</v>
      </c>
      <c r="D68036" s="14" t="s">
        <v>294</v>
      </c>
      <c r="E68036" s="15">
        <v>45522</v>
      </c>
      <c r="F68036" s="14" t="s">
        <v>72</v>
      </c>
      <c r="G68036" s="16">
        <v>1.5936539193355979</v>
      </c>
    </row>
    <row r="68037" spans="1:7" x14ac:dyDescent="0.3">
      <c r="A68037" s="13" t="s">
        <v>358</v>
      </c>
      <c r="B68037" s="14" t="s">
        <v>1</v>
      </c>
      <c r="C68037" s="14" t="s">
        <v>63</v>
      </c>
      <c r="D68037" s="14" t="s">
        <v>294</v>
      </c>
      <c r="E68037" s="15">
        <v>45523</v>
      </c>
      <c r="F68037" s="14" t="s">
        <v>72</v>
      </c>
      <c r="G68037" s="16">
        <v>1.5913514941813625</v>
      </c>
    </row>
    <row r="68038" spans="1:7" x14ac:dyDescent="0.3">
      <c r="A68038" s="13" t="s">
        <v>358</v>
      </c>
      <c r="B68038" s="14" t="s">
        <v>1</v>
      </c>
      <c r="C68038" s="14" t="s">
        <v>63</v>
      </c>
      <c r="D68038" s="14" t="s">
        <v>294</v>
      </c>
      <c r="E68038" s="15">
        <v>45524</v>
      </c>
      <c r="F68038" s="14" t="s">
        <v>72</v>
      </c>
      <c r="G68038" s="16">
        <v>1.6213534228558113</v>
      </c>
    </row>
    <row r="68039" spans="1:7" x14ac:dyDescent="0.3">
      <c r="A68039" s="13" t="s">
        <v>358</v>
      </c>
      <c r="B68039" s="14" t="s">
        <v>1</v>
      </c>
      <c r="C68039" s="14" t="s">
        <v>63</v>
      </c>
      <c r="D68039" s="14" t="s">
        <v>294</v>
      </c>
      <c r="E68039" s="15">
        <v>45525</v>
      </c>
      <c r="F68039" s="14" t="s">
        <v>72</v>
      </c>
      <c r="G68039" s="16">
        <v>1.6329902216029852</v>
      </c>
    </row>
    <row r="68040" spans="1:7" x14ac:dyDescent="0.3">
      <c r="A68040" s="13" t="s">
        <v>358</v>
      </c>
      <c r="B68040" s="14" t="s">
        <v>1</v>
      </c>
      <c r="C68040" s="14" t="s">
        <v>63</v>
      </c>
      <c r="D68040" s="14" t="s">
        <v>294</v>
      </c>
      <c r="E68040" s="15">
        <v>45526</v>
      </c>
      <c r="F68040" s="14" t="s">
        <v>72</v>
      </c>
      <c r="G68040" s="16">
        <v>1.6536762315676508</v>
      </c>
    </row>
    <row r="68041" spans="1:7" x14ac:dyDescent="0.3">
      <c r="A68041" s="13" t="s">
        <v>358</v>
      </c>
      <c r="B68041" s="14" t="s">
        <v>1</v>
      </c>
      <c r="C68041" s="14" t="s">
        <v>63</v>
      </c>
      <c r="D68041" s="14" t="s">
        <v>294</v>
      </c>
      <c r="E68041" s="15">
        <v>45527</v>
      </c>
      <c r="F68041" s="14" t="s">
        <v>72</v>
      </c>
      <c r="G68041" s="16">
        <v>1.6433329452506904</v>
      </c>
    </row>
    <row r="68042" spans="1:7" x14ac:dyDescent="0.3">
      <c r="A68042" s="13" t="s">
        <v>358</v>
      </c>
      <c r="B68042" s="14" t="s">
        <v>1</v>
      </c>
      <c r="C68042" s="14" t="s">
        <v>63</v>
      </c>
      <c r="D68042" s="14" t="s">
        <v>294</v>
      </c>
      <c r="E68042" s="15">
        <v>45528</v>
      </c>
      <c r="F68042" s="14" t="s">
        <v>72</v>
      </c>
      <c r="G68042" s="16">
        <v>1.6433329452506904</v>
      </c>
    </row>
    <row r="68043" spans="1:7" x14ac:dyDescent="0.3">
      <c r="A68043" s="13" t="s">
        <v>358</v>
      </c>
      <c r="B68043" s="14" t="s">
        <v>1</v>
      </c>
      <c r="C68043" s="14" t="s">
        <v>63</v>
      </c>
      <c r="D68043" s="14" t="s">
        <v>294</v>
      </c>
      <c r="E68043" s="15">
        <v>45529</v>
      </c>
      <c r="F68043" s="14" t="s">
        <v>72</v>
      </c>
      <c r="G68043" s="16">
        <v>1.6433329452506904</v>
      </c>
    </row>
    <row r="68044" spans="1:7" x14ac:dyDescent="0.3">
      <c r="A68044" s="13" t="s">
        <v>358</v>
      </c>
      <c r="B68044" s="14" t="s">
        <v>1</v>
      </c>
      <c r="C68044" s="14" t="s">
        <v>63</v>
      </c>
      <c r="D68044" s="14" t="s">
        <v>294</v>
      </c>
      <c r="E68044" s="15">
        <v>45530</v>
      </c>
      <c r="F68044" s="14" t="s">
        <v>72</v>
      </c>
      <c r="G68044" s="16">
        <v>1.660592259238572</v>
      </c>
    </row>
    <row r="68045" spans="1:7" x14ac:dyDescent="0.3">
      <c r="A68045" s="13" t="s">
        <v>358</v>
      </c>
      <c r="B68045" s="14" t="s">
        <v>1</v>
      </c>
      <c r="C68045" s="14" t="s">
        <v>63</v>
      </c>
      <c r="D68045" s="14" t="s">
        <v>294</v>
      </c>
      <c r="E68045" s="15">
        <v>45531</v>
      </c>
      <c r="F68045" s="14" t="s">
        <v>72</v>
      </c>
      <c r="G68045" s="16">
        <v>1.6882801705611814</v>
      </c>
    </row>
    <row r="68046" spans="1:7" x14ac:dyDescent="0.3">
      <c r="A68046" s="13" t="s">
        <v>358</v>
      </c>
      <c r="B68046" s="14" t="s">
        <v>1</v>
      </c>
      <c r="C68046" s="14" t="s">
        <v>63</v>
      </c>
      <c r="D68046" s="14" t="s">
        <v>294</v>
      </c>
      <c r="E68046" s="15">
        <v>45532</v>
      </c>
      <c r="F68046" s="14" t="s">
        <v>72</v>
      </c>
      <c r="G68046" s="16">
        <v>1.7035073697771417</v>
      </c>
    </row>
    <row r="68047" spans="1:7" x14ac:dyDescent="0.3">
      <c r="A68047" s="13" t="s">
        <v>358</v>
      </c>
      <c r="B68047" s="14" t="s">
        <v>1</v>
      </c>
      <c r="C68047" s="14" t="s">
        <v>63</v>
      </c>
      <c r="D68047" s="14" t="s">
        <v>294</v>
      </c>
      <c r="E68047" s="15">
        <v>45533</v>
      </c>
      <c r="F68047" s="14" t="s">
        <v>72</v>
      </c>
      <c r="G68047" s="16">
        <v>1.7111811060934838</v>
      </c>
    </row>
    <row r="68048" spans="1:7" x14ac:dyDescent="0.3">
      <c r="A68048" s="13" t="s">
        <v>358</v>
      </c>
      <c r="B68048" s="14" t="s">
        <v>1</v>
      </c>
      <c r="C68048" s="14" t="s">
        <v>63</v>
      </c>
      <c r="D68048" s="14" t="s">
        <v>294</v>
      </c>
      <c r="E68048" s="15">
        <v>45534</v>
      </c>
      <c r="F68048" s="14" t="s">
        <v>72</v>
      </c>
      <c r="G68048" s="16">
        <v>1.731558224587288</v>
      </c>
    </row>
    <row r="68049" spans="1:7" x14ac:dyDescent="0.3">
      <c r="A68049" s="13" t="s">
        <v>358</v>
      </c>
      <c r="B68049" s="14" t="s">
        <v>1</v>
      </c>
      <c r="C68049" s="14" t="s">
        <v>63</v>
      </c>
      <c r="D68049" s="14" t="s">
        <v>294</v>
      </c>
      <c r="E68049" s="15">
        <v>45535</v>
      </c>
      <c r="F68049" s="14" t="s">
        <v>72</v>
      </c>
      <c r="G68049" s="16">
        <v>1.731558224587288</v>
      </c>
    </row>
    <row r="68050" spans="1:7" x14ac:dyDescent="0.3">
      <c r="A68050" s="13" t="s">
        <v>358</v>
      </c>
      <c r="B68050" s="14" t="s">
        <v>1</v>
      </c>
      <c r="C68050" s="14" t="s">
        <v>63</v>
      </c>
      <c r="D68050" s="14" t="s">
        <v>294</v>
      </c>
      <c r="E68050" s="15">
        <v>45536</v>
      </c>
      <c r="F68050" s="14" t="s">
        <v>72</v>
      </c>
      <c r="G68050" s="16">
        <v>1.731558224587288</v>
      </c>
    </row>
    <row r="68051" spans="1:7" x14ac:dyDescent="0.3">
      <c r="A68051" s="13" t="s">
        <v>358</v>
      </c>
      <c r="B68051" s="14" t="s">
        <v>1</v>
      </c>
      <c r="C68051" s="14" t="s">
        <v>63</v>
      </c>
      <c r="D68051" s="14" t="s">
        <v>294</v>
      </c>
      <c r="E68051" s="15">
        <v>45537</v>
      </c>
      <c r="F68051" s="14" t="s">
        <v>72</v>
      </c>
      <c r="G68051" s="16">
        <v>1.735797826930481</v>
      </c>
    </row>
    <row r="68052" spans="1:7" x14ac:dyDescent="0.3">
      <c r="A68052" s="13" t="s">
        <v>358</v>
      </c>
      <c r="B68052" s="14" t="s">
        <v>1</v>
      </c>
      <c r="C68052" s="14" t="s">
        <v>63</v>
      </c>
      <c r="D68052" s="14" t="s">
        <v>294</v>
      </c>
      <c r="E68052" s="15">
        <v>45538</v>
      </c>
      <c r="F68052" s="14" t="s">
        <v>72</v>
      </c>
      <c r="G68052" s="16">
        <v>1.7775175695679095</v>
      </c>
    </row>
    <row r="68053" spans="1:7" x14ac:dyDescent="0.3">
      <c r="A68053" s="13" t="s">
        <v>358</v>
      </c>
      <c r="B68053" s="14" t="s">
        <v>1</v>
      </c>
      <c r="C68053" s="14" t="s">
        <v>63</v>
      </c>
      <c r="D68053" s="14" t="s">
        <v>294</v>
      </c>
      <c r="E68053" s="15">
        <v>45539</v>
      </c>
      <c r="F68053" s="14" t="s">
        <v>72</v>
      </c>
      <c r="G68053" s="16">
        <v>1.7863783094073671</v>
      </c>
    </row>
    <row r="68054" spans="1:7" x14ac:dyDescent="0.3">
      <c r="A68054" s="13" t="s">
        <v>358</v>
      </c>
      <c r="B68054" s="14" t="s">
        <v>1</v>
      </c>
      <c r="C68054" s="14" t="s">
        <v>63</v>
      </c>
      <c r="D68054" s="14" t="s">
        <v>294</v>
      </c>
      <c r="E68054" s="15">
        <v>45540</v>
      </c>
      <c r="F68054" s="14" t="s">
        <v>72</v>
      </c>
      <c r="G68054" s="16">
        <v>1.7932879646876692</v>
      </c>
    </row>
    <row r="68055" spans="1:7" x14ac:dyDescent="0.3">
      <c r="A68055" s="13" t="s">
        <v>358</v>
      </c>
      <c r="B68055" s="14" t="s">
        <v>1</v>
      </c>
      <c r="C68055" s="14" t="s">
        <v>63</v>
      </c>
      <c r="D68055" s="14" t="s">
        <v>294</v>
      </c>
      <c r="E68055" s="15">
        <v>45541</v>
      </c>
      <c r="F68055" s="14" t="s">
        <v>72</v>
      </c>
      <c r="G68055" s="16">
        <v>1.8232252399373592</v>
      </c>
    </row>
    <row r="68056" spans="1:7" x14ac:dyDescent="0.3">
      <c r="A68056" s="13" t="s">
        <v>358</v>
      </c>
      <c r="B68056" s="14" t="s">
        <v>1</v>
      </c>
      <c r="C68056" s="14" t="s">
        <v>63</v>
      </c>
      <c r="D68056" s="14" t="s">
        <v>294</v>
      </c>
      <c r="E68056" s="15">
        <v>45542</v>
      </c>
      <c r="F68056" s="14" t="s">
        <v>72</v>
      </c>
      <c r="G68056" s="16">
        <v>1.8232252399373592</v>
      </c>
    </row>
    <row r="68057" spans="1:7" x14ac:dyDescent="0.3">
      <c r="A68057" s="13" t="s">
        <v>358</v>
      </c>
      <c r="B68057" s="14" t="s">
        <v>1</v>
      </c>
      <c r="C68057" s="14" t="s">
        <v>63</v>
      </c>
      <c r="D68057" s="14" t="s">
        <v>294</v>
      </c>
      <c r="E68057" s="15">
        <v>45543</v>
      </c>
      <c r="F68057" s="14" t="s">
        <v>72</v>
      </c>
      <c r="G68057" s="16">
        <v>1.8232252399373592</v>
      </c>
    </row>
    <row r="68058" spans="1:7" x14ac:dyDescent="0.3">
      <c r="A68058" s="13" t="s">
        <v>358</v>
      </c>
      <c r="B68058" s="14" t="s">
        <v>1</v>
      </c>
      <c r="C68058" s="14" t="s">
        <v>63</v>
      </c>
      <c r="D68058" s="14" t="s">
        <v>294</v>
      </c>
      <c r="E68058" s="15">
        <v>45544</v>
      </c>
      <c r="F68058" s="14" t="s">
        <v>72</v>
      </c>
      <c r="G68058" s="16">
        <v>1.8398584205198669</v>
      </c>
    </row>
    <row r="68059" spans="1:7" x14ac:dyDescent="0.3">
      <c r="A68059" s="13" t="s">
        <v>358</v>
      </c>
      <c r="B68059" s="14" t="s">
        <v>1</v>
      </c>
      <c r="C68059" s="14" t="s">
        <v>63</v>
      </c>
      <c r="D68059" s="14" t="s">
        <v>294</v>
      </c>
      <c r="E68059" s="15">
        <v>45545</v>
      </c>
      <c r="F68059" s="14" t="s">
        <v>72</v>
      </c>
      <c r="G68059" s="16">
        <v>1.8756530656160688</v>
      </c>
    </row>
    <row r="68060" spans="1:7" x14ac:dyDescent="0.3">
      <c r="A68060" s="13" t="s">
        <v>358</v>
      </c>
      <c r="B68060" s="14" t="s">
        <v>1</v>
      </c>
      <c r="C68060" s="14" t="s">
        <v>63</v>
      </c>
      <c r="D68060" s="14" t="s">
        <v>294</v>
      </c>
      <c r="E68060" s="15">
        <v>45546</v>
      </c>
      <c r="F68060" s="14" t="s">
        <v>72</v>
      </c>
      <c r="G68060" s="16">
        <v>1.8803594979974505</v>
      </c>
    </row>
    <row r="68061" spans="1:7" x14ac:dyDescent="0.3">
      <c r="A68061" s="13" t="s">
        <v>358</v>
      </c>
      <c r="B68061" s="14" t="s">
        <v>1</v>
      </c>
      <c r="C68061" s="14" t="s">
        <v>63</v>
      </c>
      <c r="D68061" s="14" t="s">
        <v>294</v>
      </c>
      <c r="E68061" s="15">
        <v>45547</v>
      </c>
      <c r="F68061" s="14" t="s">
        <v>72</v>
      </c>
      <c r="G68061" s="16">
        <v>1.8778205329834841</v>
      </c>
    </row>
    <row r="68062" spans="1:7" x14ac:dyDescent="0.3">
      <c r="A68062" s="13" t="s">
        <v>358</v>
      </c>
      <c r="B68062" s="14" t="s">
        <v>1</v>
      </c>
      <c r="C68062" s="14" t="s">
        <v>63</v>
      </c>
      <c r="D68062" s="14" t="s">
        <v>294</v>
      </c>
      <c r="E68062" s="15">
        <v>45548</v>
      </c>
      <c r="F68062" s="14" t="s">
        <v>72</v>
      </c>
      <c r="G68062" s="16">
        <v>1.8958961103191956</v>
      </c>
    </row>
    <row r="68063" spans="1:7" x14ac:dyDescent="0.3">
      <c r="A68063" s="13" t="s">
        <v>358</v>
      </c>
      <c r="B68063" s="14" t="s">
        <v>1</v>
      </c>
      <c r="C68063" s="14" t="s">
        <v>63</v>
      </c>
      <c r="D68063" s="14" t="s">
        <v>294</v>
      </c>
      <c r="E68063" s="15">
        <v>45549</v>
      </c>
      <c r="F68063" s="14" t="s">
        <v>72</v>
      </c>
      <c r="G68063" s="16">
        <v>1.8958961103191956</v>
      </c>
    </row>
    <row r="68064" spans="1:7" x14ac:dyDescent="0.3">
      <c r="A68064" s="13" t="s">
        <v>358</v>
      </c>
      <c r="B68064" s="14" t="s">
        <v>1</v>
      </c>
      <c r="C68064" s="14" t="s">
        <v>63</v>
      </c>
      <c r="D68064" s="14" t="s">
        <v>294</v>
      </c>
      <c r="E68064" s="15">
        <v>45550</v>
      </c>
      <c r="F68064" s="14" t="s">
        <v>72</v>
      </c>
      <c r="G68064" s="16">
        <v>1.8958961103191956</v>
      </c>
    </row>
    <row r="68065" spans="1:7" x14ac:dyDescent="0.3">
      <c r="A68065" s="13" t="s">
        <v>358</v>
      </c>
      <c r="B68065" s="14" t="s">
        <v>1</v>
      </c>
      <c r="C68065" s="14" t="s">
        <v>63</v>
      </c>
      <c r="D68065" s="14" t="s">
        <v>294</v>
      </c>
      <c r="E68065" s="15">
        <v>45551</v>
      </c>
      <c r="F68065" s="14" t="s">
        <v>72</v>
      </c>
      <c r="G68065" s="16">
        <v>1.893205356565588</v>
      </c>
    </row>
    <row r="68066" spans="1:7" x14ac:dyDescent="0.3">
      <c r="A68066" s="13" t="s">
        <v>358</v>
      </c>
      <c r="B68066" s="14" t="s">
        <v>1</v>
      </c>
      <c r="C68066" s="14" t="s">
        <v>63</v>
      </c>
      <c r="D68066" s="14" t="s">
        <v>294</v>
      </c>
      <c r="E68066" s="15">
        <v>45552</v>
      </c>
      <c r="F68066" s="14" t="s">
        <v>72</v>
      </c>
      <c r="G68066" s="16">
        <v>1.924447528961255</v>
      </c>
    </row>
    <row r="68067" spans="1:7" x14ac:dyDescent="0.3">
      <c r="A68067" s="13" t="s">
        <v>358</v>
      </c>
      <c r="B68067" s="14" t="s">
        <v>1</v>
      </c>
      <c r="C68067" s="14" t="s">
        <v>63</v>
      </c>
      <c r="D68067" s="14" t="s">
        <v>294</v>
      </c>
      <c r="E68067" s="15">
        <v>45553</v>
      </c>
      <c r="F68067" s="14" t="s">
        <v>72</v>
      </c>
      <c r="G68067" s="16">
        <v>1.924447528961255</v>
      </c>
    </row>
    <row r="68068" spans="1:7" x14ac:dyDescent="0.3">
      <c r="A68068" s="13" t="s">
        <v>358</v>
      </c>
      <c r="B68068" s="14" t="s">
        <v>1</v>
      </c>
      <c r="C68068" s="14" t="s">
        <v>63</v>
      </c>
      <c r="D68068" s="14" t="s">
        <v>294</v>
      </c>
      <c r="E68068" s="15">
        <v>45554</v>
      </c>
      <c r="F68068" s="14" t="s">
        <v>72</v>
      </c>
      <c r="G68068" s="16">
        <v>1.9189605490027353</v>
      </c>
    </row>
    <row r="68069" spans="1:7" x14ac:dyDescent="0.3">
      <c r="A68069" s="13" t="s">
        <v>358</v>
      </c>
      <c r="B68069" s="14" t="s">
        <v>1</v>
      </c>
      <c r="C68069" s="14" t="s">
        <v>63</v>
      </c>
      <c r="D68069" s="14" t="s">
        <v>294</v>
      </c>
      <c r="E68069" s="15">
        <v>45555</v>
      </c>
      <c r="F68069" s="14" t="s">
        <v>72</v>
      </c>
      <c r="G68069" s="16">
        <v>1.9496423495392219</v>
      </c>
    </row>
    <row r="68070" spans="1:7" x14ac:dyDescent="0.3">
      <c r="A68070" s="13" t="s">
        <v>358</v>
      </c>
      <c r="B68070" s="14" t="s">
        <v>1</v>
      </c>
      <c r="C68070" s="14" t="s">
        <v>63</v>
      </c>
      <c r="D68070" s="14" t="s">
        <v>294</v>
      </c>
      <c r="E68070" s="15">
        <v>45556</v>
      </c>
      <c r="F68070" s="14" t="s">
        <v>72</v>
      </c>
      <c r="G68070" s="16">
        <v>1.9496423495392219</v>
      </c>
    </row>
    <row r="68071" spans="1:7" x14ac:dyDescent="0.3">
      <c r="A68071" s="13" t="s">
        <v>358</v>
      </c>
      <c r="B68071" s="14" t="s">
        <v>1</v>
      </c>
      <c r="C68071" s="14" t="s">
        <v>63</v>
      </c>
      <c r="D68071" s="14" t="s">
        <v>294</v>
      </c>
      <c r="E68071" s="15">
        <v>45557</v>
      </c>
      <c r="F68071" s="14" t="s">
        <v>72</v>
      </c>
      <c r="G68071" s="16">
        <v>1.9496423495392219</v>
      </c>
    </row>
    <row r="68072" spans="1:7" x14ac:dyDescent="0.3">
      <c r="A68072" s="13" t="s">
        <v>358</v>
      </c>
      <c r="B68072" s="14" t="s">
        <v>1</v>
      </c>
      <c r="C68072" s="14" t="s">
        <v>63</v>
      </c>
      <c r="D68072" s="14" t="s">
        <v>294</v>
      </c>
      <c r="E68072" s="15">
        <v>45558</v>
      </c>
      <c r="F68072" s="14" t="s">
        <v>72</v>
      </c>
      <c r="G68072" s="16">
        <v>1.9514109198807361</v>
      </c>
    </row>
    <row r="68073" spans="1:7" x14ac:dyDescent="0.3">
      <c r="A68073" s="13" t="s">
        <v>358</v>
      </c>
      <c r="B68073" s="14" t="s">
        <v>1</v>
      </c>
      <c r="C68073" s="14" t="s">
        <v>63</v>
      </c>
      <c r="D68073" s="14" t="s">
        <v>294</v>
      </c>
      <c r="E68073" s="15">
        <v>45559</v>
      </c>
      <c r="F68073" s="14" t="s">
        <v>72</v>
      </c>
      <c r="G68073" s="16">
        <v>1.9680312645503031</v>
      </c>
    </row>
    <row r="68074" spans="1:7" x14ac:dyDescent="0.3">
      <c r="A68074" s="13" t="s">
        <v>358</v>
      </c>
      <c r="B68074" s="14" t="s">
        <v>1</v>
      </c>
      <c r="C68074" s="14" t="s">
        <v>63</v>
      </c>
      <c r="D68074" s="14" t="s">
        <v>294</v>
      </c>
      <c r="E68074" s="15">
        <v>45560</v>
      </c>
      <c r="F68074" s="14" t="s">
        <v>72</v>
      </c>
      <c r="G68074" s="16">
        <v>1.9991170737505135</v>
      </c>
    </row>
    <row r="68075" spans="1:7" x14ac:dyDescent="0.3">
      <c r="A68075" s="13" t="s">
        <v>358</v>
      </c>
      <c r="B68075" s="14" t="s">
        <v>1</v>
      </c>
      <c r="C68075" s="14" t="s">
        <v>63</v>
      </c>
      <c r="D68075" s="14" t="s">
        <v>294</v>
      </c>
      <c r="E68075" s="15">
        <v>45561</v>
      </c>
      <c r="F68075" s="14" t="s">
        <v>72</v>
      </c>
      <c r="G68075" s="16">
        <v>1.9892215391697183</v>
      </c>
    </row>
    <row r="68076" spans="1:7" x14ac:dyDescent="0.3">
      <c r="A68076" s="13" t="s">
        <v>358</v>
      </c>
      <c r="B68076" s="14" t="s">
        <v>1</v>
      </c>
      <c r="C68076" s="14" t="s">
        <v>63</v>
      </c>
      <c r="D68076" s="14" t="s">
        <v>294</v>
      </c>
      <c r="E68076" s="15">
        <v>45562</v>
      </c>
      <c r="F68076" s="14" t="s">
        <v>72</v>
      </c>
      <c r="G68076" s="16">
        <v>2.0028000941119828</v>
      </c>
    </row>
    <row r="68077" spans="1:7" x14ac:dyDescent="0.3">
      <c r="A68077" s="13" t="s">
        <v>358</v>
      </c>
      <c r="B68077" s="14" t="s">
        <v>1</v>
      </c>
      <c r="C68077" s="14" t="s">
        <v>63</v>
      </c>
      <c r="D68077" s="14" t="s">
        <v>294</v>
      </c>
      <c r="E68077" s="15">
        <v>45563</v>
      </c>
      <c r="F68077" s="14" t="s">
        <v>72</v>
      </c>
      <c r="G68077" s="16">
        <v>2.0028000941119828</v>
      </c>
    </row>
    <row r="68078" spans="1:7" x14ac:dyDescent="0.3">
      <c r="A68078" s="13" t="s">
        <v>358</v>
      </c>
      <c r="B68078" s="14" t="s">
        <v>1</v>
      </c>
      <c r="C68078" s="14" t="s">
        <v>63</v>
      </c>
      <c r="D68078" s="14" t="s">
        <v>294</v>
      </c>
      <c r="E68078" s="15">
        <v>45564</v>
      </c>
      <c r="F68078" s="14" t="s">
        <v>72</v>
      </c>
      <c r="G68078" s="16">
        <v>2.0028000941119828</v>
      </c>
    </row>
    <row r="68079" spans="1:7" x14ac:dyDescent="0.3">
      <c r="A68079" s="13" t="s">
        <v>358</v>
      </c>
      <c r="B68079" s="14" t="s">
        <v>1</v>
      </c>
      <c r="C68079" s="14" t="s">
        <v>63</v>
      </c>
      <c r="D68079" s="14" t="s">
        <v>294</v>
      </c>
      <c r="E68079" s="15">
        <v>45565</v>
      </c>
      <c r="F68079" s="14" t="s">
        <v>72</v>
      </c>
      <c r="G68079" s="16">
        <v>2.0118189568384657</v>
      </c>
    </row>
    <row r="68080" spans="1:7" x14ac:dyDescent="0.3">
      <c r="A68080" s="13" t="s">
        <v>358</v>
      </c>
      <c r="B68080" s="14" t="s">
        <v>1</v>
      </c>
      <c r="C68080" s="14" t="s">
        <v>63</v>
      </c>
      <c r="D68080" s="14" t="s">
        <v>294</v>
      </c>
      <c r="E68080" s="15">
        <v>45566</v>
      </c>
      <c r="F68080" s="14" t="s">
        <v>72</v>
      </c>
      <c r="G68080" s="16">
        <v>2.0118189568384657</v>
      </c>
    </row>
    <row r="68081" spans="1:7" x14ac:dyDescent="0.3">
      <c r="A68081" s="13" t="s">
        <v>358</v>
      </c>
      <c r="B68081" s="14" t="s">
        <v>1</v>
      </c>
      <c r="C68081" s="14" t="s">
        <v>63</v>
      </c>
      <c r="D68081" s="14" t="s">
        <v>294</v>
      </c>
      <c r="E68081" s="15">
        <v>45567</v>
      </c>
      <c r="F68081" s="14" t="s">
        <v>72</v>
      </c>
      <c r="G68081" s="16">
        <v>2.0556342933914977</v>
      </c>
    </row>
    <row r="68082" spans="1:7" x14ac:dyDescent="0.3">
      <c r="A68082" s="13" t="s">
        <v>358</v>
      </c>
      <c r="B68082" s="14" t="s">
        <v>1</v>
      </c>
      <c r="C68082" s="14" t="s">
        <v>63</v>
      </c>
      <c r="D68082" s="14" t="s">
        <v>294</v>
      </c>
      <c r="E68082" s="15">
        <v>45568</v>
      </c>
      <c r="F68082" s="14" t="s">
        <v>72</v>
      </c>
      <c r="G68082" s="16">
        <v>2.0938481500175077</v>
      </c>
    </row>
    <row r="68083" spans="1:7" x14ac:dyDescent="0.3">
      <c r="A68083" s="13" t="s">
        <v>358</v>
      </c>
      <c r="B68083" s="14" t="s">
        <v>1</v>
      </c>
      <c r="C68083" s="14" t="s">
        <v>63</v>
      </c>
      <c r="D68083" s="14" t="s">
        <v>294</v>
      </c>
      <c r="E68083" s="15">
        <v>45569</v>
      </c>
      <c r="F68083" s="14" t="s">
        <v>72</v>
      </c>
      <c r="G68083" s="16">
        <v>2.1192435894069512</v>
      </c>
    </row>
    <row r="68084" spans="1:7" x14ac:dyDescent="0.3">
      <c r="A68084" s="13" t="s">
        <v>358</v>
      </c>
      <c r="B68084" s="14" t="s">
        <v>1</v>
      </c>
      <c r="C68084" s="14" t="s">
        <v>63</v>
      </c>
      <c r="D68084" s="14" t="s">
        <v>294</v>
      </c>
      <c r="E68084" s="15">
        <v>45570</v>
      </c>
      <c r="F68084" s="14" t="s">
        <v>72</v>
      </c>
      <c r="G68084" s="16">
        <v>2.1192435894069512</v>
      </c>
    </row>
    <row r="68085" spans="1:7" x14ac:dyDescent="0.3">
      <c r="A68085" s="13" t="s">
        <v>358</v>
      </c>
      <c r="B68085" s="14" t="s">
        <v>1</v>
      </c>
      <c r="C68085" s="14" t="s">
        <v>63</v>
      </c>
      <c r="D68085" s="14" t="s">
        <v>294</v>
      </c>
      <c r="E68085" s="15">
        <v>45571</v>
      </c>
      <c r="F68085" s="14" t="s">
        <v>72</v>
      </c>
      <c r="G68085" s="16">
        <v>2.1192435894069512</v>
      </c>
    </row>
    <row r="68086" spans="1:7" x14ac:dyDescent="0.3">
      <c r="A68086" s="13" t="s">
        <v>358</v>
      </c>
      <c r="B68086" s="14" t="s">
        <v>1</v>
      </c>
      <c r="C68086" s="14" t="s">
        <v>63</v>
      </c>
      <c r="D68086" s="14" t="s">
        <v>294</v>
      </c>
      <c r="E68086" s="15">
        <v>45572</v>
      </c>
      <c r="F68086" s="14" t="s">
        <v>72</v>
      </c>
      <c r="G68086" s="16">
        <v>2.1459490890315713</v>
      </c>
    </row>
    <row r="68087" spans="1:7" x14ac:dyDescent="0.3">
      <c r="A68087" s="13" t="s">
        <v>358</v>
      </c>
      <c r="B68087" s="14" t="s">
        <v>1</v>
      </c>
      <c r="C68087" s="14" t="s">
        <v>63</v>
      </c>
      <c r="D68087" s="14" t="s">
        <v>294</v>
      </c>
      <c r="E68087" s="15">
        <v>45573</v>
      </c>
      <c r="F68087" s="14" t="s">
        <v>72</v>
      </c>
      <c r="G68087" s="16">
        <v>2.1833909756533689</v>
      </c>
    </row>
    <row r="68088" spans="1:7" x14ac:dyDescent="0.3">
      <c r="A68088" s="13" t="s">
        <v>358</v>
      </c>
      <c r="B68088" s="14" t="s">
        <v>1</v>
      </c>
      <c r="C68088" s="14" t="s">
        <v>63</v>
      </c>
      <c r="D68088" s="14" t="s">
        <v>294</v>
      </c>
      <c r="E68088" s="15">
        <v>45574</v>
      </c>
      <c r="F68088" s="14" t="s">
        <v>72</v>
      </c>
      <c r="G68088" s="16">
        <v>2.212643705069862</v>
      </c>
    </row>
    <row r="68089" spans="1:7" x14ac:dyDescent="0.3">
      <c r="A68089" s="13" t="s">
        <v>358</v>
      </c>
      <c r="B68089" s="14" t="s">
        <v>1</v>
      </c>
      <c r="C68089" s="14" t="s">
        <v>63</v>
      </c>
      <c r="D68089" s="14" t="s">
        <v>294</v>
      </c>
      <c r="E68089" s="15">
        <v>45575</v>
      </c>
      <c r="F68089" s="14" t="s">
        <v>72</v>
      </c>
      <c r="G68089" s="16">
        <v>2.2165908566511394</v>
      </c>
    </row>
    <row r="68090" spans="1:7" x14ac:dyDescent="0.3">
      <c r="A68090" s="13" t="s">
        <v>358</v>
      </c>
      <c r="B68090" s="14" t="s">
        <v>1</v>
      </c>
      <c r="C68090" s="14" t="s">
        <v>63</v>
      </c>
      <c r="D68090" s="14" t="s">
        <v>294</v>
      </c>
      <c r="E68090" s="15">
        <v>45576</v>
      </c>
      <c r="F68090" s="14" t="s">
        <v>72</v>
      </c>
      <c r="G68090" s="16">
        <v>2.2165908566511394</v>
      </c>
    </row>
    <row r="68091" spans="1:7" x14ac:dyDescent="0.3">
      <c r="A68091" s="13" t="s">
        <v>358</v>
      </c>
      <c r="B68091" s="14" t="s">
        <v>1</v>
      </c>
      <c r="C68091" s="14" t="s">
        <v>63</v>
      </c>
      <c r="D68091" s="14" t="s">
        <v>294</v>
      </c>
      <c r="E68091" s="15">
        <v>45577</v>
      </c>
      <c r="F68091" s="14" t="s">
        <v>72</v>
      </c>
      <c r="G68091" s="16">
        <v>2.2165908566511394</v>
      </c>
    </row>
    <row r="68092" spans="1:7" x14ac:dyDescent="0.3">
      <c r="A68092" s="13" t="s">
        <v>358</v>
      </c>
      <c r="B68092" s="14" t="s">
        <v>1</v>
      </c>
      <c r="C68092" s="14" t="s">
        <v>63</v>
      </c>
      <c r="D68092" s="14" t="s">
        <v>294</v>
      </c>
      <c r="E68092" s="15">
        <v>45578</v>
      </c>
      <c r="F68092" s="14" t="s">
        <v>72</v>
      </c>
      <c r="G68092" s="16">
        <v>2.2165908566511394</v>
      </c>
    </row>
    <row r="68093" spans="1:7" x14ac:dyDescent="0.3">
      <c r="A68093" s="13" t="s">
        <v>358</v>
      </c>
      <c r="B68093" s="14" t="s">
        <v>1</v>
      </c>
      <c r="C68093" s="14" t="s">
        <v>63</v>
      </c>
      <c r="D68093" s="14" t="s">
        <v>294</v>
      </c>
      <c r="E68093" s="15">
        <v>45579</v>
      </c>
      <c r="F68093" s="14" t="s">
        <v>72</v>
      </c>
      <c r="G68093" s="16">
        <v>2.2349757776625827</v>
      </c>
    </row>
    <row r="68094" spans="1:7" x14ac:dyDescent="0.3">
      <c r="A68094" s="13" t="s">
        <v>358</v>
      </c>
      <c r="B68094" s="14" t="s">
        <v>1</v>
      </c>
      <c r="C68094" s="14" t="s">
        <v>63</v>
      </c>
      <c r="D68094" s="14" t="s">
        <v>294</v>
      </c>
      <c r="E68094" s="15">
        <v>45580</v>
      </c>
      <c r="F68094" s="14" t="s">
        <v>72</v>
      </c>
      <c r="G68094" s="16">
        <v>2.2874330563549718</v>
      </c>
    </row>
    <row r="68095" spans="1:7" x14ac:dyDescent="0.3">
      <c r="A68095" s="13" t="s">
        <v>358</v>
      </c>
      <c r="B68095" s="14" t="s">
        <v>1</v>
      </c>
      <c r="C68095" s="14" t="s">
        <v>63</v>
      </c>
      <c r="D68095" s="14" t="s">
        <v>294</v>
      </c>
      <c r="E68095" s="15">
        <v>45581</v>
      </c>
      <c r="F68095" s="14" t="s">
        <v>72</v>
      </c>
      <c r="G68095" s="16">
        <v>2.3114946042504005</v>
      </c>
    </row>
    <row r="68096" spans="1:7" x14ac:dyDescent="0.3">
      <c r="A68096" s="13" t="s">
        <v>358</v>
      </c>
      <c r="B68096" s="14" t="s">
        <v>1</v>
      </c>
      <c r="C68096" s="14" t="s">
        <v>63</v>
      </c>
      <c r="D68096" s="14" t="s">
        <v>294</v>
      </c>
      <c r="E68096" s="15">
        <v>45582</v>
      </c>
      <c r="F68096" s="14" t="s">
        <v>72</v>
      </c>
      <c r="G68096" s="16">
        <v>2.314259985460402</v>
      </c>
    </row>
    <row r="68097" spans="1:7" x14ac:dyDescent="0.3">
      <c r="A68097" s="13" t="s">
        <v>358</v>
      </c>
      <c r="B68097" s="14" t="s">
        <v>1</v>
      </c>
      <c r="C68097" s="14" t="s">
        <v>63</v>
      </c>
      <c r="D68097" s="14" t="s">
        <v>294</v>
      </c>
      <c r="E68097" s="15">
        <v>45583</v>
      </c>
      <c r="F68097" s="14" t="s">
        <v>72</v>
      </c>
      <c r="G68097" s="16">
        <v>2.3218015181862945</v>
      </c>
    </row>
    <row r="68098" spans="1:7" x14ac:dyDescent="0.3">
      <c r="A68098" s="13" t="s">
        <v>358</v>
      </c>
      <c r="B68098" s="14" t="s">
        <v>1</v>
      </c>
      <c r="C68098" s="14" t="s">
        <v>63</v>
      </c>
      <c r="D68098" s="14" t="s">
        <v>294</v>
      </c>
      <c r="E68098" s="15">
        <v>45584</v>
      </c>
      <c r="F68098" s="14" t="s">
        <v>72</v>
      </c>
      <c r="G68098" s="16">
        <v>2.3218015181862945</v>
      </c>
    </row>
    <row r="68099" spans="1:7" x14ac:dyDescent="0.3">
      <c r="A68099" s="13" t="s">
        <v>358</v>
      </c>
      <c r="B68099" s="14" t="s">
        <v>1</v>
      </c>
      <c r="C68099" s="14" t="s">
        <v>63</v>
      </c>
      <c r="D68099" s="14" t="s">
        <v>294</v>
      </c>
      <c r="E68099" s="15">
        <v>45585</v>
      </c>
      <c r="F68099" s="14" t="s">
        <v>72</v>
      </c>
      <c r="G68099" s="16">
        <v>2.3218015181862945</v>
      </c>
    </row>
    <row r="68100" spans="1:7" x14ac:dyDescent="0.3">
      <c r="A68100" s="13" t="s">
        <v>358</v>
      </c>
      <c r="B68100" s="14" t="s">
        <v>1</v>
      </c>
      <c r="C68100" s="14" t="s">
        <v>63</v>
      </c>
      <c r="D68100" s="14" t="s">
        <v>294</v>
      </c>
      <c r="E68100" s="15">
        <v>45586</v>
      </c>
      <c r="F68100" s="14" t="s">
        <v>72</v>
      </c>
      <c r="G68100" s="16">
        <v>2.3556407897515275</v>
      </c>
    </row>
    <row r="68101" spans="1:7" x14ac:dyDescent="0.3">
      <c r="A68101" s="13" t="s">
        <v>358</v>
      </c>
      <c r="B68101" s="14" t="s">
        <v>1</v>
      </c>
      <c r="C68101" s="14" t="s">
        <v>63</v>
      </c>
      <c r="D68101" s="14" t="s">
        <v>294</v>
      </c>
      <c r="E68101" s="15">
        <v>45587</v>
      </c>
      <c r="F68101" s="14" t="s">
        <v>72</v>
      </c>
      <c r="G68101" s="16">
        <v>2.3823105859911888</v>
      </c>
    </row>
    <row r="68102" spans="1:7" x14ac:dyDescent="0.3">
      <c r="A68102" s="13" t="s">
        <v>358</v>
      </c>
      <c r="B68102" s="14" t="s">
        <v>1</v>
      </c>
      <c r="C68102" s="14" t="s">
        <v>63</v>
      </c>
      <c r="D68102" s="14" t="s">
        <v>294</v>
      </c>
      <c r="E68102" s="15">
        <v>45588</v>
      </c>
      <c r="F68102" s="14" t="s">
        <v>72</v>
      </c>
      <c r="G68102" s="16">
        <v>2.4106471071966955</v>
      </c>
    </row>
    <row r="68103" spans="1:7" x14ac:dyDescent="0.3">
      <c r="A68103" s="13" t="s">
        <v>358</v>
      </c>
      <c r="B68103" s="14" t="s">
        <v>1</v>
      </c>
      <c r="C68103" s="14" t="s">
        <v>63</v>
      </c>
      <c r="D68103" s="14" t="s">
        <v>294</v>
      </c>
      <c r="E68103" s="15">
        <v>45589</v>
      </c>
      <c r="F68103" s="14" t="s">
        <v>72</v>
      </c>
      <c r="G68103" s="16">
        <v>2.4200618445327238</v>
      </c>
    </row>
    <row r="68104" spans="1:7" x14ac:dyDescent="0.3">
      <c r="A68104" s="13" t="s">
        <v>358</v>
      </c>
      <c r="B68104" s="14" t="s">
        <v>1</v>
      </c>
      <c r="C68104" s="14" t="s">
        <v>63</v>
      </c>
      <c r="D68104" s="14" t="s">
        <v>294</v>
      </c>
      <c r="E68104" s="15">
        <v>45590</v>
      </c>
      <c r="F68104" s="14" t="s">
        <v>72</v>
      </c>
      <c r="G68104" s="16">
        <v>2.4460242723472416</v>
      </c>
    </row>
    <row r="68105" spans="1:7" x14ac:dyDescent="0.3">
      <c r="A68105" s="13" t="s">
        <v>358</v>
      </c>
      <c r="B68105" s="14" t="s">
        <v>1</v>
      </c>
      <c r="C68105" s="14" t="s">
        <v>63</v>
      </c>
      <c r="D68105" s="14" t="s">
        <v>294</v>
      </c>
      <c r="E68105" s="15">
        <v>45591</v>
      </c>
      <c r="F68105" s="14" t="s">
        <v>72</v>
      </c>
      <c r="G68105" s="16">
        <v>2.4460242723472416</v>
      </c>
    </row>
    <row r="68106" spans="1:7" x14ac:dyDescent="0.3">
      <c r="A68106" s="13" t="s">
        <v>358</v>
      </c>
      <c r="B68106" s="14" t="s">
        <v>1</v>
      </c>
      <c r="C68106" s="14" t="s">
        <v>63</v>
      </c>
      <c r="D68106" s="14" t="s">
        <v>294</v>
      </c>
      <c r="E68106" s="15">
        <v>45592</v>
      </c>
      <c r="F68106" s="14" t="s">
        <v>72</v>
      </c>
      <c r="G68106" s="16">
        <v>2.4460242723472416</v>
      </c>
    </row>
    <row r="68107" spans="1:7" x14ac:dyDescent="0.3">
      <c r="A68107" s="13" t="s">
        <v>358</v>
      </c>
      <c r="B68107" s="14" t="s">
        <v>1</v>
      </c>
      <c r="C68107" s="14" t="s">
        <v>63</v>
      </c>
      <c r="D68107" s="14" t="s">
        <v>294</v>
      </c>
      <c r="E68107" s="15">
        <v>45593</v>
      </c>
      <c r="F68107" s="14" t="s">
        <v>72</v>
      </c>
      <c r="G68107" s="16">
        <v>2.4460242723472416</v>
      </c>
    </row>
    <row r="68108" spans="1:7" x14ac:dyDescent="0.3">
      <c r="A68108" s="13" t="s">
        <v>358</v>
      </c>
      <c r="B68108" s="14" t="s">
        <v>1</v>
      </c>
      <c r="C68108" s="14" t="s">
        <v>63</v>
      </c>
      <c r="D68108" s="14" t="s">
        <v>294</v>
      </c>
      <c r="E68108" s="15">
        <v>45594</v>
      </c>
      <c r="F68108" s="14" t="s">
        <v>72</v>
      </c>
      <c r="G68108" s="16">
        <v>2.476568424252533</v>
      </c>
    </row>
    <row r="68109" spans="1:7" x14ac:dyDescent="0.3">
      <c r="A68109" s="13" t="s">
        <v>358</v>
      </c>
      <c r="B68109" s="14" t="s">
        <v>1</v>
      </c>
      <c r="C68109" s="14" t="s">
        <v>63</v>
      </c>
      <c r="D68109" s="14" t="s">
        <v>294</v>
      </c>
      <c r="E68109" s="15">
        <v>45595</v>
      </c>
      <c r="F68109" s="14" t="s">
        <v>72</v>
      </c>
      <c r="G68109" s="16">
        <v>2.5237561079909114</v>
      </c>
    </row>
    <row r="68110" spans="1:7" x14ac:dyDescent="0.3">
      <c r="A68110" s="13" t="s">
        <v>358</v>
      </c>
      <c r="B68110" s="14" t="s">
        <v>1</v>
      </c>
      <c r="C68110" s="14" t="s">
        <v>63</v>
      </c>
      <c r="D68110" s="14" t="s">
        <v>294</v>
      </c>
      <c r="E68110" s="15">
        <v>45596</v>
      </c>
      <c r="F68110" s="14" t="s">
        <v>72</v>
      </c>
      <c r="G68110" s="16">
        <v>2.5237561079909114</v>
      </c>
    </row>
    <row r="68111" spans="1:7" x14ac:dyDescent="0.3">
      <c r="A68111" s="13" t="s">
        <v>358</v>
      </c>
      <c r="B68111" s="14" t="s">
        <v>1</v>
      </c>
      <c r="C68111" s="14" t="s">
        <v>63</v>
      </c>
      <c r="D68111" s="14" t="s">
        <v>294</v>
      </c>
      <c r="E68111" s="15">
        <v>45597</v>
      </c>
      <c r="F68111" s="14" t="s">
        <v>72</v>
      </c>
      <c r="G68111" s="16">
        <v>2.5398048829999476</v>
      </c>
    </row>
    <row r="68112" spans="1:7" x14ac:dyDescent="0.3">
      <c r="A68112" s="13" t="s">
        <v>358</v>
      </c>
      <c r="B68112" s="14" t="s">
        <v>1</v>
      </c>
      <c r="C68112" s="14" t="s">
        <v>63</v>
      </c>
      <c r="D68112" s="14" t="s">
        <v>294</v>
      </c>
      <c r="E68112" s="15">
        <v>45598</v>
      </c>
      <c r="F68112" s="14" t="s">
        <v>72</v>
      </c>
      <c r="G68112" s="16">
        <v>2.5398048829999476</v>
      </c>
    </row>
    <row r="68113" spans="1:7" x14ac:dyDescent="0.3">
      <c r="A68113" s="13" t="s">
        <v>358</v>
      </c>
      <c r="B68113" s="14" t="s">
        <v>1</v>
      </c>
      <c r="C68113" s="14" t="s">
        <v>63</v>
      </c>
      <c r="D68113" s="14" t="s">
        <v>294</v>
      </c>
      <c r="E68113" s="15">
        <v>45599</v>
      </c>
      <c r="F68113" s="14" t="s">
        <v>72</v>
      </c>
      <c r="G68113" s="16">
        <v>2.5398048829999476</v>
      </c>
    </row>
    <row r="68114" spans="1:7" x14ac:dyDescent="0.3">
      <c r="A68114" s="13" t="s">
        <v>358</v>
      </c>
      <c r="B68114" s="14" t="s">
        <v>1</v>
      </c>
      <c r="C68114" s="14" t="s">
        <v>63</v>
      </c>
      <c r="D68114" s="14" t="s">
        <v>294</v>
      </c>
      <c r="E68114" s="15">
        <v>45600</v>
      </c>
      <c r="F68114" s="14" t="s">
        <v>72</v>
      </c>
      <c r="G68114" s="16">
        <v>2.541369011872276</v>
      </c>
    </row>
    <row r="68115" spans="1:7" x14ac:dyDescent="0.3">
      <c r="A68115" s="13" t="s">
        <v>358</v>
      </c>
      <c r="B68115" s="14" t="s">
        <v>1</v>
      </c>
      <c r="C68115" s="14" t="s">
        <v>63</v>
      </c>
      <c r="D68115" s="14" t="s">
        <v>294</v>
      </c>
      <c r="E68115" s="15">
        <v>45601</v>
      </c>
      <c r="F68115" s="14" t="s">
        <v>72</v>
      </c>
      <c r="G68115" s="16">
        <v>2.5537021365405472</v>
      </c>
    </row>
    <row r="68116" spans="1:7" x14ac:dyDescent="0.3">
      <c r="A68116" s="13" t="s">
        <v>358</v>
      </c>
      <c r="B68116" s="14" t="s">
        <v>1</v>
      </c>
      <c r="C68116" s="14" t="s">
        <v>63</v>
      </c>
      <c r="D68116" s="14" t="s">
        <v>294</v>
      </c>
      <c r="E68116" s="15">
        <v>45602</v>
      </c>
      <c r="F68116" s="14" t="s">
        <v>72</v>
      </c>
      <c r="G68116" s="16">
        <v>2.5916213731839419</v>
      </c>
    </row>
    <row r="68117" spans="1:7" x14ac:dyDescent="0.3">
      <c r="A68117" s="13" t="s">
        <v>358</v>
      </c>
      <c r="B68117" s="14" t="s">
        <v>1</v>
      </c>
      <c r="C68117" s="14" t="s">
        <v>63</v>
      </c>
      <c r="D68117" s="14" t="s">
        <v>294</v>
      </c>
      <c r="E68117" s="15">
        <v>45603</v>
      </c>
      <c r="F68117" s="14" t="s">
        <v>72</v>
      </c>
      <c r="G68117" s="16">
        <v>2.5606939944364817</v>
      </c>
    </row>
    <row r="68118" spans="1:7" x14ac:dyDescent="0.3">
      <c r="A68118" s="13" t="s">
        <v>358</v>
      </c>
      <c r="B68118" s="14" t="s">
        <v>1</v>
      </c>
      <c r="C68118" s="14" t="s">
        <v>63</v>
      </c>
      <c r="D68118" s="14" t="s">
        <v>294</v>
      </c>
      <c r="E68118" s="15">
        <v>45604</v>
      </c>
      <c r="F68118" s="14" t="s">
        <v>72</v>
      </c>
      <c r="G68118" s="16">
        <v>2.6115098449051954</v>
      </c>
    </row>
    <row r="68119" spans="1:7" x14ac:dyDescent="0.3">
      <c r="A68119" s="13" t="s">
        <v>358</v>
      </c>
      <c r="B68119" s="14" t="s">
        <v>1</v>
      </c>
      <c r="C68119" s="14" t="s">
        <v>63</v>
      </c>
      <c r="D68119" s="14" t="s">
        <v>294</v>
      </c>
      <c r="E68119" s="15">
        <v>45605</v>
      </c>
      <c r="F68119" s="14" t="s">
        <v>72</v>
      </c>
      <c r="G68119" s="16">
        <v>2.6115098449051954</v>
      </c>
    </row>
    <row r="68120" spans="1:7" x14ac:dyDescent="0.3">
      <c r="A68120" s="13" t="s">
        <v>358</v>
      </c>
      <c r="B68120" s="14" t="s">
        <v>1</v>
      </c>
      <c r="C68120" s="14" t="s">
        <v>63</v>
      </c>
      <c r="D68120" s="14" t="s">
        <v>294</v>
      </c>
      <c r="E68120" s="15">
        <v>45606</v>
      </c>
      <c r="F68120" s="14" t="s">
        <v>72</v>
      </c>
      <c r="G68120" s="16">
        <v>2.6115098449051954</v>
      </c>
    </row>
    <row r="68121" spans="1:7" x14ac:dyDescent="0.3">
      <c r="A68121" s="13" t="s">
        <v>358</v>
      </c>
      <c r="B68121" s="14" t="s">
        <v>1</v>
      </c>
      <c r="C68121" s="14" t="s">
        <v>63</v>
      </c>
      <c r="D68121" s="14" t="s">
        <v>294</v>
      </c>
      <c r="E68121" s="15">
        <v>45607</v>
      </c>
      <c r="F68121" s="14" t="s">
        <v>72</v>
      </c>
      <c r="G68121" s="16">
        <v>2.627771917515604</v>
      </c>
    </row>
    <row r="68122" spans="1:7" x14ac:dyDescent="0.3">
      <c r="A68122" s="13" t="s">
        <v>358</v>
      </c>
      <c r="B68122" s="14" t="s">
        <v>1</v>
      </c>
      <c r="C68122" s="14" t="s">
        <v>63</v>
      </c>
      <c r="D68122" s="14" t="s">
        <v>294</v>
      </c>
      <c r="E68122" s="15">
        <v>45608</v>
      </c>
      <c r="F68122" s="14" t="s">
        <v>72</v>
      </c>
      <c r="G68122" s="16">
        <v>2.679347076568666</v>
      </c>
    </row>
    <row r="68123" spans="1:7" x14ac:dyDescent="0.3">
      <c r="A68123" s="13" t="s">
        <v>358</v>
      </c>
      <c r="B68123" s="14" t="s">
        <v>1</v>
      </c>
      <c r="C68123" s="14" t="s">
        <v>63</v>
      </c>
      <c r="D68123" s="14" t="s">
        <v>294</v>
      </c>
      <c r="E68123" s="15">
        <v>45609</v>
      </c>
      <c r="F68123" s="14" t="s">
        <v>72</v>
      </c>
      <c r="G68123" s="16">
        <v>2.7192383820541521</v>
      </c>
    </row>
    <row r="68124" spans="1:7" x14ac:dyDescent="0.3">
      <c r="A68124" s="13" t="s">
        <v>358</v>
      </c>
      <c r="B68124" s="14" t="s">
        <v>1</v>
      </c>
      <c r="C68124" s="14" t="s">
        <v>63</v>
      </c>
      <c r="D68124" s="14" t="s">
        <v>294</v>
      </c>
      <c r="E68124" s="15">
        <v>45610</v>
      </c>
      <c r="F68124" s="14" t="s">
        <v>72</v>
      </c>
      <c r="G68124" s="16">
        <v>2.7437137625946084</v>
      </c>
    </row>
    <row r="68125" spans="1:7" x14ac:dyDescent="0.3">
      <c r="A68125" s="13" t="s">
        <v>358</v>
      </c>
      <c r="B68125" s="14" t="s">
        <v>1</v>
      </c>
      <c r="C68125" s="14" t="s">
        <v>63</v>
      </c>
      <c r="D68125" s="14" t="s">
        <v>294</v>
      </c>
      <c r="E68125" s="15">
        <v>45611</v>
      </c>
      <c r="F68125" s="14" t="s">
        <v>72</v>
      </c>
      <c r="G68125" s="16">
        <v>2.751743481849378</v>
      </c>
    </row>
    <row r="68126" spans="1:7" x14ac:dyDescent="0.3">
      <c r="A68126" s="13" t="s">
        <v>358</v>
      </c>
      <c r="B68126" s="14" t="s">
        <v>1</v>
      </c>
      <c r="C68126" s="14" t="s">
        <v>63</v>
      </c>
      <c r="D68126" s="14" t="s">
        <v>294</v>
      </c>
      <c r="E68126" s="15">
        <v>45612</v>
      </c>
      <c r="F68126" s="14" t="s">
        <v>72</v>
      </c>
      <c r="G68126" s="16">
        <v>2.751743481849378</v>
      </c>
    </row>
    <row r="68127" spans="1:7" x14ac:dyDescent="0.3">
      <c r="A68127" s="13" t="s">
        <v>358</v>
      </c>
      <c r="B68127" s="14" t="s">
        <v>1</v>
      </c>
      <c r="C68127" s="14" t="s">
        <v>63</v>
      </c>
      <c r="D68127" s="14" t="s">
        <v>294</v>
      </c>
      <c r="E68127" s="15">
        <v>45613</v>
      </c>
      <c r="F68127" s="14" t="s">
        <v>72</v>
      </c>
      <c r="G68127" s="16">
        <v>2.751743481849378</v>
      </c>
    </row>
    <row r="68128" spans="1:7" x14ac:dyDescent="0.3">
      <c r="A68128" s="13" t="s">
        <v>358</v>
      </c>
      <c r="B68128" s="14" t="s">
        <v>1</v>
      </c>
      <c r="C68128" s="14" t="s">
        <v>63</v>
      </c>
      <c r="D68128" s="14" t="s">
        <v>294</v>
      </c>
      <c r="E68128" s="15">
        <v>45614</v>
      </c>
      <c r="F68128" s="14" t="s">
        <v>72</v>
      </c>
      <c r="G68128" s="16">
        <v>2.7441836404351729</v>
      </c>
    </row>
    <row r="68129" spans="1:7" x14ac:dyDescent="0.3">
      <c r="A68129" s="13" t="s">
        <v>358</v>
      </c>
      <c r="B68129" s="14" t="s">
        <v>1</v>
      </c>
      <c r="C68129" s="14" t="s">
        <v>63</v>
      </c>
      <c r="D68129" s="14" t="s">
        <v>294</v>
      </c>
      <c r="E68129" s="15">
        <v>45615</v>
      </c>
      <c r="F68129" s="14" t="s">
        <v>72</v>
      </c>
      <c r="G68129" s="16">
        <v>2.7747750768187522</v>
      </c>
    </row>
    <row r="68130" spans="1:7" x14ac:dyDescent="0.3">
      <c r="A68130" s="13" t="s">
        <v>358</v>
      </c>
      <c r="B68130" s="14" t="s">
        <v>1</v>
      </c>
      <c r="C68130" s="14" t="s">
        <v>63</v>
      </c>
      <c r="D68130" s="14" t="s">
        <v>294</v>
      </c>
      <c r="E68130" s="15">
        <v>45616</v>
      </c>
      <c r="F68130" s="14" t="s">
        <v>72</v>
      </c>
      <c r="G68130" s="16">
        <v>2.7955822767021909</v>
      </c>
    </row>
    <row r="68131" spans="1:7" x14ac:dyDescent="0.3">
      <c r="A68131" s="13" t="s">
        <v>358</v>
      </c>
      <c r="B68131" s="14" t="s">
        <v>1</v>
      </c>
      <c r="C68131" s="14" t="s">
        <v>63</v>
      </c>
      <c r="D68131" s="14" t="s">
        <v>294</v>
      </c>
      <c r="E68131" s="15">
        <v>45617</v>
      </c>
      <c r="F68131" s="14" t="s">
        <v>72</v>
      </c>
      <c r="G68131" s="16">
        <v>2.8051664823117819</v>
      </c>
    </row>
    <row r="68132" spans="1:7" x14ac:dyDescent="0.3">
      <c r="A68132" s="13" t="s">
        <v>358</v>
      </c>
      <c r="B68132" s="14" t="s">
        <v>1</v>
      </c>
      <c r="C68132" s="14" t="s">
        <v>63</v>
      </c>
      <c r="D68132" s="14" t="s">
        <v>294</v>
      </c>
      <c r="E68132" s="15">
        <v>45618</v>
      </c>
      <c r="F68132" s="14" t="s">
        <v>72</v>
      </c>
      <c r="G68132" s="16">
        <v>2.8215612327798389</v>
      </c>
    </row>
    <row r="68133" spans="1:7" x14ac:dyDescent="0.3">
      <c r="A68133" s="13" t="s">
        <v>358</v>
      </c>
      <c r="B68133" s="14" t="s">
        <v>1</v>
      </c>
      <c r="C68133" s="14" t="s">
        <v>63</v>
      </c>
      <c r="D68133" s="14" t="s">
        <v>294</v>
      </c>
      <c r="E68133" s="15">
        <v>45619</v>
      </c>
      <c r="F68133" s="14" t="s">
        <v>72</v>
      </c>
      <c r="G68133" s="16">
        <v>2.8215612327798389</v>
      </c>
    </row>
    <row r="68134" spans="1:7" x14ac:dyDescent="0.3">
      <c r="A68134" s="13" t="s">
        <v>358</v>
      </c>
      <c r="B68134" s="14" t="s">
        <v>1</v>
      </c>
      <c r="C68134" s="14" t="s">
        <v>63</v>
      </c>
      <c r="D68134" s="14" t="s">
        <v>294</v>
      </c>
      <c r="E68134" s="15">
        <v>45620</v>
      </c>
      <c r="F68134" s="14" t="s">
        <v>72</v>
      </c>
      <c r="G68134" s="16">
        <v>2.8215612327798389</v>
      </c>
    </row>
    <row r="68135" spans="1:7" x14ac:dyDescent="0.3">
      <c r="A68135" s="13" t="s">
        <v>358</v>
      </c>
      <c r="B68135" s="14" t="s">
        <v>1</v>
      </c>
      <c r="C68135" s="14" t="s">
        <v>63</v>
      </c>
      <c r="D68135" s="14" t="s">
        <v>294</v>
      </c>
      <c r="E68135" s="15">
        <v>45621</v>
      </c>
      <c r="F68135" s="14" t="s">
        <v>72</v>
      </c>
      <c r="G68135" s="16">
        <v>2.8311957991635959</v>
      </c>
    </row>
    <row r="68136" spans="1:7" x14ac:dyDescent="0.3">
      <c r="A68136" s="13" t="s">
        <v>358</v>
      </c>
      <c r="B68136" s="14" t="s">
        <v>1</v>
      </c>
      <c r="C68136" s="14" t="s">
        <v>63</v>
      </c>
      <c r="D68136" s="14" t="s">
        <v>294</v>
      </c>
      <c r="E68136" s="15">
        <v>45622</v>
      </c>
      <c r="F68136" s="14" t="s">
        <v>72</v>
      </c>
      <c r="G68136" s="16">
        <v>2.8799021804745371</v>
      </c>
    </row>
    <row r="68137" spans="1:7" x14ac:dyDescent="0.3">
      <c r="A68137" s="13" t="s">
        <v>358</v>
      </c>
      <c r="B68137" s="14" t="s">
        <v>1</v>
      </c>
      <c r="C68137" s="14" t="s">
        <v>63</v>
      </c>
      <c r="D68137" s="14" t="s">
        <v>294</v>
      </c>
      <c r="E68137" s="15">
        <v>45623</v>
      </c>
      <c r="F68137" s="14" t="s">
        <v>72</v>
      </c>
      <c r="G68137" s="16">
        <v>2.8772737171772023</v>
      </c>
    </row>
    <row r="68138" spans="1:7" x14ac:dyDescent="0.3">
      <c r="A68138" s="13" t="s">
        <v>358</v>
      </c>
      <c r="B68138" s="14" t="s">
        <v>1</v>
      </c>
      <c r="C68138" s="14" t="s">
        <v>63</v>
      </c>
      <c r="D68138" s="14" t="s">
        <v>294</v>
      </c>
      <c r="E68138" s="15">
        <v>45624</v>
      </c>
      <c r="F68138" s="14" t="s">
        <v>72</v>
      </c>
      <c r="G68138" s="16">
        <v>2.8915694027167631</v>
      </c>
    </row>
    <row r="68139" spans="1:7" x14ac:dyDescent="0.3">
      <c r="A68139" s="13" t="s">
        <v>358</v>
      </c>
      <c r="B68139" s="14" t="s">
        <v>1</v>
      </c>
      <c r="C68139" s="14" t="s">
        <v>63</v>
      </c>
      <c r="D68139" s="14" t="s">
        <v>294</v>
      </c>
      <c r="E68139" s="15">
        <v>45625</v>
      </c>
      <c r="F68139" s="14" t="s">
        <v>72</v>
      </c>
      <c r="G68139" s="16">
        <v>2.8967462650980242</v>
      </c>
    </row>
    <row r="68140" spans="1:7" x14ac:dyDescent="0.3">
      <c r="A68140" s="13" t="s">
        <v>358</v>
      </c>
      <c r="B68140" s="14" t="s">
        <v>1</v>
      </c>
      <c r="C68140" s="14" t="s">
        <v>63</v>
      </c>
      <c r="D68140" s="14" t="s">
        <v>294</v>
      </c>
      <c r="E68140" s="15">
        <v>45626</v>
      </c>
      <c r="F68140" s="14" t="s">
        <v>72</v>
      </c>
      <c r="G68140" s="16">
        <v>2.8967462650980242</v>
      </c>
    </row>
    <row r="68141" spans="1:7" x14ac:dyDescent="0.3">
      <c r="A68141" s="13" t="s">
        <v>358</v>
      </c>
      <c r="B68141" s="14" t="s">
        <v>1</v>
      </c>
      <c r="C68141" s="14" t="s">
        <v>63</v>
      </c>
      <c r="D68141" s="14" t="s">
        <v>294</v>
      </c>
      <c r="E68141" s="15">
        <v>45627</v>
      </c>
      <c r="F68141" s="14" t="s">
        <v>72</v>
      </c>
      <c r="G68141" s="16">
        <v>2.8967462650980242</v>
      </c>
    </row>
    <row r="68142" spans="1:7" x14ac:dyDescent="0.3">
      <c r="A68142" s="13" t="s">
        <v>358</v>
      </c>
      <c r="B68142" s="14" t="s">
        <v>1</v>
      </c>
      <c r="C68142" s="14" t="s">
        <v>63</v>
      </c>
      <c r="D68142" s="14" t="s">
        <v>294</v>
      </c>
      <c r="E68142" s="15">
        <v>45628</v>
      </c>
      <c r="F68142" s="14" t="s">
        <v>72</v>
      </c>
      <c r="G68142" s="16">
        <v>2.9277847563345709</v>
      </c>
    </row>
    <row r="68143" spans="1:7" x14ac:dyDescent="0.3">
      <c r="A68143" s="13" t="s">
        <v>358</v>
      </c>
      <c r="B68143" s="14" t="s">
        <v>1</v>
      </c>
      <c r="C68143" s="14" t="s">
        <v>63</v>
      </c>
      <c r="D68143" s="14" t="s">
        <v>294</v>
      </c>
      <c r="E68143" s="15">
        <v>45629</v>
      </c>
      <c r="F68143" s="14" t="s">
        <v>72</v>
      </c>
      <c r="G68143" s="16">
        <v>2.956651484747562</v>
      </c>
    </row>
    <row r="68144" spans="1:7" x14ac:dyDescent="0.3">
      <c r="A68144" s="13" t="s">
        <v>358</v>
      </c>
      <c r="B68144" s="14" t="s">
        <v>1</v>
      </c>
      <c r="C68144" s="14" t="s">
        <v>63</v>
      </c>
      <c r="D68144" s="14" t="s">
        <v>294</v>
      </c>
      <c r="E68144" s="15">
        <v>45630</v>
      </c>
      <c r="F68144" s="14" t="s">
        <v>72</v>
      </c>
      <c r="G68144" s="16">
        <v>2.994508521809792</v>
      </c>
    </row>
    <row r="68145" spans="1:7" x14ac:dyDescent="0.3">
      <c r="A68145" s="13" t="s">
        <v>358</v>
      </c>
      <c r="B68145" s="14" t="s">
        <v>1</v>
      </c>
      <c r="C68145" s="14" t="s">
        <v>63</v>
      </c>
      <c r="D68145" s="14" t="s">
        <v>294</v>
      </c>
      <c r="E68145" s="15">
        <v>45631</v>
      </c>
      <c r="F68145" s="14" t="s">
        <v>72</v>
      </c>
      <c r="G68145" s="16">
        <v>2.9954170333923891</v>
      </c>
    </row>
    <row r="68146" spans="1:7" x14ac:dyDescent="0.3">
      <c r="A68146" s="13" t="s">
        <v>358</v>
      </c>
      <c r="B68146" s="14" t="s">
        <v>1</v>
      </c>
      <c r="C68146" s="14" t="s">
        <v>63</v>
      </c>
      <c r="D68146" s="14" t="s">
        <v>294</v>
      </c>
      <c r="E68146" s="15">
        <v>45632</v>
      </c>
      <c r="F68146" s="14" t="s">
        <v>72</v>
      </c>
      <c r="G68146" s="16">
        <v>3.0374069866860078</v>
      </c>
    </row>
    <row r="68147" spans="1:7" x14ac:dyDescent="0.3">
      <c r="A68147" s="13" t="s">
        <v>358</v>
      </c>
      <c r="B68147" s="14" t="s">
        <v>1</v>
      </c>
      <c r="C68147" s="14" t="s">
        <v>63</v>
      </c>
      <c r="D68147" s="14" t="s">
        <v>294</v>
      </c>
      <c r="E68147" s="15">
        <v>45633</v>
      </c>
      <c r="F68147" s="14" t="s">
        <v>72</v>
      </c>
      <c r="G68147" s="16">
        <v>3.0374069866860078</v>
      </c>
    </row>
    <row r="68148" spans="1:7" x14ac:dyDescent="0.3">
      <c r="A68148" s="13" t="s">
        <v>358</v>
      </c>
      <c r="B68148" s="14" t="s">
        <v>1</v>
      </c>
      <c r="C68148" s="14" t="s">
        <v>63</v>
      </c>
      <c r="D68148" s="14" t="s">
        <v>294</v>
      </c>
      <c r="E68148" s="15">
        <v>45634</v>
      </c>
      <c r="F68148" s="14" t="s">
        <v>72</v>
      </c>
      <c r="G68148" s="16">
        <v>3.0374069866860078</v>
      </c>
    </row>
    <row r="68149" spans="1:7" x14ac:dyDescent="0.3">
      <c r="A68149" s="13" t="s">
        <v>358</v>
      </c>
      <c r="B68149" s="14" t="s">
        <v>1</v>
      </c>
      <c r="C68149" s="14" t="s">
        <v>63</v>
      </c>
      <c r="D68149" s="14" t="s">
        <v>294</v>
      </c>
      <c r="E68149" s="15">
        <v>45635</v>
      </c>
      <c r="F68149" s="14" t="s">
        <v>72</v>
      </c>
      <c r="G68149" s="16">
        <v>3.0299232720524318</v>
      </c>
    </row>
    <row r="68150" spans="1:7" x14ac:dyDescent="0.3">
      <c r="A68150" s="13" t="s">
        <v>358</v>
      </c>
      <c r="B68150" s="14" t="s">
        <v>1</v>
      </c>
      <c r="C68150" s="14" t="s">
        <v>63</v>
      </c>
      <c r="D68150" s="14" t="s">
        <v>294</v>
      </c>
      <c r="E68150" s="15">
        <v>45636</v>
      </c>
      <c r="F68150" s="14" t="s">
        <v>72</v>
      </c>
      <c r="G68150" s="16">
        <v>3.0936249880181572</v>
      </c>
    </row>
    <row r="68151" spans="1:7" x14ac:dyDescent="0.3">
      <c r="A68151" s="13" t="s">
        <v>358</v>
      </c>
      <c r="B68151" s="14" t="s">
        <v>1</v>
      </c>
      <c r="C68151" s="14" t="s">
        <v>63</v>
      </c>
      <c r="D68151" s="14" t="s">
        <v>294</v>
      </c>
      <c r="E68151" s="15">
        <v>45637</v>
      </c>
      <c r="F68151" s="14" t="s">
        <v>72</v>
      </c>
      <c r="G68151" s="16">
        <v>3.1093538932601619</v>
      </c>
    </row>
    <row r="68152" spans="1:7" x14ac:dyDescent="0.3">
      <c r="A68152" s="13" t="s">
        <v>358</v>
      </c>
      <c r="B68152" s="14" t="s">
        <v>1</v>
      </c>
      <c r="C68152" s="14" t="s">
        <v>63</v>
      </c>
      <c r="D68152" s="14" t="s">
        <v>294</v>
      </c>
      <c r="E68152" s="15">
        <v>45638</v>
      </c>
      <c r="F68152" s="14" t="s">
        <v>72</v>
      </c>
      <c r="G68152" s="16">
        <v>3.1213809154605667</v>
      </c>
    </row>
    <row r="68153" spans="1:7" x14ac:dyDescent="0.3">
      <c r="A68153" s="13" t="s">
        <v>358</v>
      </c>
      <c r="B68153" s="14" t="s">
        <v>1</v>
      </c>
      <c r="C68153" s="14" t="s">
        <v>63</v>
      </c>
      <c r="D68153" s="14" t="s">
        <v>294</v>
      </c>
      <c r="E68153" s="15">
        <v>45639</v>
      </c>
      <c r="F68153" s="14" t="s">
        <v>72</v>
      </c>
      <c r="G68153" s="16">
        <v>3.1353368237084203</v>
      </c>
    </row>
    <row r="68154" spans="1:7" x14ac:dyDescent="0.3">
      <c r="A68154" s="13" t="s">
        <v>358</v>
      </c>
      <c r="B68154" s="14" t="s">
        <v>1</v>
      </c>
      <c r="C68154" s="14" t="s">
        <v>63</v>
      </c>
      <c r="D68154" s="14" t="s">
        <v>294</v>
      </c>
      <c r="E68154" s="15">
        <v>45640</v>
      </c>
      <c r="F68154" s="14" t="s">
        <v>72</v>
      </c>
      <c r="G68154" s="16">
        <v>3.1353368237084203</v>
      </c>
    </row>
    <row r="68155" spans="1:7" x14ac:dyDescent="0.3">
      <c r="A68155" s="13" t="s">
        <v>358</v>
      </c>
      <c r="B68155" s="14" t="s">
        <v>1</v>
      </c>
      <c r="C68155" s="14" t="s">
        <v>63</v>
      </c>
      <c r="D68155" s="14" t="s">
        <v>294</v>
      </c>
      <c r="E68155" s="15">
        <v>45641</v>
      </c>
      <c r="F68155" s="14" t="s">
        <v>72</v>
      </c>
      <c r="G68155" s="16">
        <v>3.1353368237084203</v>
      </c>
    </row>
    <row r="68156" spans="1:7" x14ac:dyDescent="0.3">
      <c r="A68156" s="13" t="s">
        <v>358</v>
      </c>
      <c r="B68156" s="14" t="s">
        <v>1</v>
      </c>
      <c r="C68156" s="14" t="s">
        <v>63</v>
      </c>
      <c r="D68156" s="14" t="s">
        <v>294</v>
      </c>
      <c r="E68156" s="15">
        <v>45642</v>
      </c>
      <c r="F68156" s="14" t="s">
        <v>72</v>
      </c>
      <c r="G68156" s="16">
        <v>3.1423717334008821</v>
      </c>
    </row>
    <row r="68157" spans="1:7" x14ac:dyDescent="0.3">
      <c r="A68157" s="13" t="s">
        <v>358</v>
      </c>
      <c r="B68157" s="14" t="s">
        <v>1</v>
      </c>
      <c r="C68157" s="14" t="s">
        <v>63</v>
      </c>
      <c r="D68157" s="14" t="s">
        <v>294</v>
      </c>
      <c r="E68157" s="15">
        <v>45643</v>
      </c>
      <c r="F68157" s="14" t="s">
        <v>72</v>
      </c>
      <c r="G68157" s="16">
        <v>3.1919758940888148</v>
      </c>
    </row>
    <row r="68158" spans="1:7" x14ac:dyDescent="0.3">
      <c r="A68158" s="13" t="s">
        <v>358</v>
      </c>
      <c r="B68158" s="14" t="s">
        <v>1</v>
      </c>
      <c r="C68158" s="14" t="s">
        <v>63</v>
      </c>
      <c r="D68158" s="14" t="s">
        <v>294</v>
      </c>
      <c r="E68158" s="15">
        <v>45644</v>
      </c>
      <c r="F68158" s="14" t="s">
        <v>72</v>
      </c>
      <c r="G68158" s="16">
        <v>3.2653515581216528</v>
      </c>
    </row>
    <row r="68159" spans="1:7" x14ac:dyDescent="0.3">
      <c r="A68159" s="13" t="s">
        <v>358</v>
      </c>
      <c r="B68159" s="14" t="s">
        <v>1</v>
      </c>
      <c r="C68159" s="14" t="s">
        <v>63</v>
      </c>
      <c r="D68159" s="14" t="s">
        <v>294</v>
      </c>
      <c r="E68159" s="15">
        <v>45645</v>
      </c>
      <c r="F68159" s="14" t="s">
        <v>72</v>
      </c>
      <c r="G68159" s="16">
        <v>3.2650456802616294</v>
      </c>
    </row>
    <row r="68160" spans="1:7" x14ac:dyDescent="0.3">
      <c r="A68160" s="13" t="s">
        <v>358</v>
      </c>
      <c r="B68160" s="14" t="s">
        <v>1</v>
      </c>
      <c r="C68160" s="14" t="s">
        <v>63</v>
      </c>
      <c r="D68160" s="14" t="s">
        <v>294</v>
      </c>
      <c r="E68160" s="15">
        <v>45646</v>
      </c>
      <c r="F68160" s="14" t="s">
        <v>72</v>
      </c>
      <c r="G68160" s="16">
        <v>3.2722654941605098</v>
      </c>
    </row>
    <row r="68161" spans="1:7" x14ac:dyDescent="0.3">
      <c r="A68161" s="13" t="s">
        <v>358</v>
      </c>
      <c r="B68161" s="14" t="s">
        <v>1</v>
      </c>
      <c r="C68161" s="14" t="s">
        <v>63</v>
      </c>
      <c r="D68161" s="14" t="s">
        <v>294</v>
      </c>
      <c r="E68161" s="15">
        <v>45647</v>
      </c>
      <c r="F68161" s="14" t="s">
        <v>72</v>
      </c>
      <c r="G68161" s="16">
        <v>3.2722654941605098</v>
      </c>
    </row>
    <row r="68162" spans="1:7" x14ac:dyDescent="0.3">
      <c r="A68162" s="13" t="s">
        <v>358</v>
      </c>
      <c r="B68162" s="14" t="s">
        <v>1</v>
      </c>
      <c r="C68162" s="14" t="s">
        <v>63</v>
      </c>
      <c r="D68162" s="14" t="s">
        <v>294</v>
      </c>
      <c r="E68162" s="15">
        <v>45648</v>
      </c>
      <c r="F68162" s="14" t="s">
        <v>72</v>
      </c>
      <c r="G68162" s="16">
        <v>3.2722654941605098</v>
      </c>
    </row>
    <row r="68163" spans="1:7" x14ac:dyDescent="0.3">
      <c r="A68163" s="13" t="s">
        <v>358</v>
      </c>
      <c r="B68163" s="14" t="s">
        <v>1</v>
      </c>
      <c r="C68163" s="14" t="s">
        <v>63</v>
      </c>
      <c r="D68163" s="14" t="s">
        <v>294</v>
      </c>
      <c r="E68163" s="15">
        <v>45649</v>
      </c>
      <c r="F68163" s="14" t="s">
        <v>72</v>
      </c>
      <c r="G68163" s="16">
        <v>3.28320028834225</v>
      </c>
    </row>
    <row r="68164" spans="1:7" x14ac:dyDescent="0.3">
      <c r="A68164" s="13" t="s">
        <v>358</v>
      </c>
      <c r="B68164" s="14" t="s">
        <v>1</v>
      </c>
      <c r="C68164" s="14" t="s">
        <v>63</v>
      </c>
      <c r="D68164" s="14" t="s">
        <v>294</v>
      </c>
      <c r="E68164" s="15">
        <v>45650</v>
      </c>
      <c r="F68164" s="14" t="s">
        <v>72</v>
      </c>
      <c r="G68164" s="16">
        <v>3.3216709369864104</v>
      </c>
    </row>
    <row r="68165" spans="1:7" x14ac:dyDescent="0.3">
      <c r="A68165" s="13" t="s">
        <v>358</v>
      </c>
      <c r="B68165" s="14" t="s">
        <v>1</v>
      </c>
      <c r="C68165" s="14" t="s">
        <v>63</v>
      </c>
      <c r="D68165" s="14" t="s">
        <v>294</v>
      </c>
      <c r="E68165" s="15">
        <v>45651</v>
      </c>
      <c r="F68165" s="14" t="s">
        <v>72</v>
      </c>
      <c r="G68165" s="16">
        <v>3.3216709369864104</v>
      </c>
    </row>
    <row r="68166" spans="1:7" x14ac:dyDescent="0.3">
      <c r="A68166" s="13" t="s">
        <v>358</v>
      </c>
      <c r="B68166" s="14" t="s">
        <v>1</v>
      </c>
      <c r="C68166" s="14" t="s">
        <v>63</v>
      </c>
      <c r="D68166" s="14" t="s">
        <v>294</v>
      </c>
      <c r="E68166" s="15">
        <v>45652</v>
      </c>
      <c r="F68166" s="14" t="s">
        <v>72</v>
      </c>
      <c r="G68166" s="16">
        <v>3.3216709369864104</v>
      </c>
    </row>
    <row r="68167" spans="1:7" x14ac:dyDescent="0.3">
      <c r="A68167" s="13" t="s">
        <v>358</v>
      </c>
      <c r="B68167" s="14" t="s">
        <v>1</v>
      </c>
      <c r="C68167" s="14" t="s">
        <v>63</v>
      </c>
      <c r="D68167" s="14" t="s">
        <v>294</v>
      </c>
      <c r="E68167" s="15">
        <v>45653</v>
      </c>
      <c r="F68167" s="14" t="s">
        <v>72</v>
      </c>
      <c r="G68167" s="16">
        <v>3.3216709369864104</v>
      </c>
    </row>
    <row r="68168" spans="1:7" x14ac:dyDescent="0.3">
      <c r="A68168" s="13" t="s">
        <v>358</v>
      </c>
      <c r="B68168" s="14" t="s">
        <v>1</v>
      </c>
      <c r="C68168" s="14" t="s">
        <v>63</v>
      </c>
      <c r="D68168" s="14" t="s">
        <v>294</v>
      </c>
      <c r="E68168" s="15">
        <v>45654</v>
      </c>
      <c r="F68168" s="14" t="s">
        <v>72</v>
      </c>
      <c r="G68168" s="16">
        <v>3.3216709369864104</v>
      </c>
    </row>
    <row r="68169" spans="1:7" x14ac:dyDescent="0.3">
      <c r="A68169" s="13" t="s">
        <v>358</v>
      </c>
      <c r="B68169" s="14" t="s">
        <v>1</v>
      </c>
      <c r="C68169" s="14" t="s">
        <v>63</v>
      </c>
      <c r="D68169" s="14" t="s">
        <v>294</v>
      </c>
      <c r="E68169" s="15">
        <v>45655</v>
      </c>
      <c r="F68169" s="14" t="s">
        <v>72</v>
      </c>
      <c r="G68169" s="16">
        <v>3.3216709369864104</v>
      </c>
    </row>
    <row r="68170" spans="1:7" x14ac:dyDescent="0.3">
      <c r="A68170" s="13" t="s">
        <v>358</v>
      </c>
      <c r="B68170" s="14" t="s">
        <v>1</v>
      </c>
      <c r="C68170" s="14" t="s">
        <v>63</v>
      </c>
      <c r="D68170" s="14" t="s">
        <v>294</v>
      </c>
      <c r="E68170" s="15">
        <v>45656</v>
      </c>
      <c r="F68170" s="14" t="s">
        <v>72</v>
      </c>
      <c r="G68170" s="16">
        <v>3.3407700733846477</v>
      </c>
    </row>
    <row r="68171" spans="1:7" x14ac:dyDescent="0.3">
      <c r="A68171" s="13" t="s">
        <v>358</v>
      </c>
      <c r="B68171" s="14" t="s">
        <v>1</v>
      </c>
      <c r="C68171" s="14" t="s">
        <v>63</v>
      </c>
      <c r="D68171" s="14" t="s">
        <v>294</v>
      </c>
      <c r="E68171" s="15">
        <v>45657</v>
      </c>
      <c r="F68171" s="14" t="s">
        <v>72</v>
      </c>
      <c r="G68171" s="16">
        <v>3.4241653930275193</v>
      </c>
    </row>
    <row r="68172" spans="1:7" x14ac:dyDescent="0.3">
      <c r="A68172" s="13" t="s">
        <v>358</v>
      </c>
      <c r="B68172" s="14" t="s">
        <v>1</v>
      </c>
      <c r="C68172" s="14" t="s">
        <v>63</v>
      </c>
      <c r="D68172" s="14" t="s">
        <v>294</v>
      </c>
      <c r="E68172" s="15">
        <v>45658</v>
      </c>
      <c r="F68172" s="14" t="s">
        <v>72</v>
      </c>
      <c r="G68172" s="16">
        <v>3.4241653930275193</v>
      </c>
    </row>
    <row r="68173" spans="1:7" x14ac:dyDescent="0.3">
      <c r="A68173" s="13" t="s">
        <v>358</v>
      </c>
      <c r="B68173" s="14" t="s">
        <v>1</v>
      </c>
      <c r="C68173" s="14" t="s">
        <v>63</v>
      </c>
      <c r="D68173" s="14" t="s">
        <v>294</v>
      </c>
      <c r="E68173" s="15">
        <v>45659</v>
      </c>
      <c r="F68173" s="14" t="s">
        <v>72</v>
      </c>
      <c r="G68173" s="16">
        <v>3.425873565834217</v>
      </c>
    </row>
    <row r="68174" spans="1:7" x14ac:dyDescent="0.3">
      <c r="A68174" s="13" t="s">
        <v>358</v>
      </c>
      <c r="B68174" s="14" t="s">
        <v>1</v>
      </c>
      <c r="C68174" s="14" t="s">
        <v>63</v>
      </c>
      <c r="D68174" s="14" t="s">
        <v>294</v>
      </c>
      <c r="E68174" s="15">
        <v>45660</v>
      </c>
      <c r="F68174" s="14" t="s">
        <v>72</v>
      </c>
      <c r="G68174" s="16">
        <v>3.4296913152915676</v>
      </c>
    </row>
    <row r="68175" spans="1:7" x14ac:dyDescent="0.3">
      <c r="A68175" s="13" t="s">
        <v>358</v>
      </c>
      <c r="B68175" s="14" t="s">
        <v>1</v>
      </c>
      <c r="C68175" s="14" t="s">
        <v>63</v>
      </c>
      <c r="D68175" s="14" t="s">
        <v>294</v>
      </c>
      <c r="E68175" s="15">
        <v>45661</v>
      </c>
      <c r="F68175" s="14" t="s">
        <v>72</v>
      </c>
      <c r="G68175" s="16">
        <v>3.4296913152915676</v>
      </c>
    </row>
    <row r="68176" spans="1:7" x14ac:dyDescent="0.3">
      <c r="A68176" s="13" t="s">
        <v>358</v>
      </c>
      <c r="B68176" s="14" t="s">
        <v>1</v>
      </c>
      <c r="C68176" s="14" t="s">
        <v>63</v>
      </c>
      <c r="D68176" s="14" t="s">
        <v>294</v>
      </c>
      <c r="E68176" s="15">
        <v>45662</v>
      </c>
      <c r="F68176" s="14" t="s">
        <v>72</v>
      </c>
      <c r="G68176" s="16">
        <v>3.4296913152915676</v>
      </c>
    </row>
    <row r="68177" spans="1:7" x14ac:dyDescent="0.3">
      <c r="A68177" s="13" t="s">
        <v>358</v>
      </c>
      <c r="B68177" s="14" t="s">
        <v>1</v>
      </c>
      <c r="C68177" s="14" t="s">
        <v>63</v>
      </c>
      <c r="D68177" s="14" t="s">
        <v>294</v>
      </c>
      <c r="E68177" s="15">
        <v>45663</v>
      </c>
      <c r="F68177" s="14" t="s">
        <v>72</v>
      </c>
      <c r="G68177" s="16">
        <v>3.4221424510740519</v>
      </c>
    </row>
    <row r="68178" spans="1:7" x14ac:dyDescent="0.3">
      <c r="A68178" s="13" t="s">
        <v>358</v>
      </c>
      <c r="B68178" s="14" t="s">
        <v>1</v>
      </c>
      <c r="C68178" s="14" t="s">
        <v>63</v>
      </c>
      <c r="D68178" s="14" t="s">
        <v>294</v>
      </c>
      <c r="E68178" s="15">
        <v>45664</v>
      </c>
      <c r="F68178" s="14" t="s">
        <v>72</v>
      </c>
      <c r="G68178" s="16">
        <v>3.4640995742197429</v>
      </c>
    </row>
    <row r="68179" spans="1:7" x14ac:dyDescent="0.3">
      <c r="A68179" s="13" t="s">
        <v>358</v>
      </c>
      <c r="B68179" s="14" t="s">
        <v>1</v>
      </c>
      <c r="C68179" s="14" t="s">
        <v>63</v>
      </c>
      <c r="D68179" s="14" t="s">
        <v>294</v>
      </c>
      <c r="E68179" s="15">
        <v>45665</v>
      </c>
      <c r="F68179" s="14" t="s">
        <v>72</v>
      </c>
      <c r="G68179" s="16">
        <v>3.4830041609043088</v>
      </c>
    </row>
    <row r="68180" spans="1:7" x14ac:dyDescent="0.3">
      <c r="A68180" s="13" t="s">
        <v>358</v>
      </c>
      <c r="B68180" s="14" t="s">
        <v>1</v>
      </c>
      <c r="C68180" s="14" t="s">
        <v>63</v>
      </c>
      <c r="D68180" s="14" t="s">
        <v>294</v>
      </c>
      <c r="E68180" s="15">
        <v>45666</v>
      </c>
      <c r="F68180" s="14" t="s">
        <v>72</v>
      </c>
      <c r="G68180" s="16">
        <v>3.5039979031833544</v>
      </c>
    </row>
    <row r="68181" spans="1:7" x14ac:dyDescent="0.3">
      <c r="A68181" s="13" t="s">
        <v>358</v>
      </c>
      <c r="B68181" s="14" t="s">
        <v>1</v>
      </c>
      <c r="C68181" s="14" t="s">
        <v>63</v>
      </c>
      <c r="D68181" s="14" t="s">
        <v>294</v>
      </c>
      <c r="E68181" s="15">
        <v>45667</v>
      </c>
      <c r="F68181" s="14" t="s">
        <v>72</v>
      </c>
      <c r="G68181" s="16">
        <v>3.5498007510580427</v>
      </c>
    </row>
    <row r="68182" spans="1:7" x14ac:dyDescent="0.3">
      <c r="A68182" s="13" t="s">
        <v>358</v>
      </c>
      <c r="B68182" s="14" t="s">
        <v>1</v>
      </c>
      <c r="C68182" s="14" t="s">
        <v>63</v>
      </c>
      <c r="D68182" s="14" t="s">
        <v>294</v>
      </c>
      <c r="E68182" s="15">
        <v>45668</v>
      </c>
      <c r="F68182" s="14" t="s">
        <v>72</v>
      </c>
      <c r="G68182" s="16">
        <v>3.5498007510580427</v>
      </c>
    </row>
    <row r="68183" spans="1:7" x14ac:dyDescent="0.3">
      <c r="A68183" s="13" t="s">
        <v>358</v>
      </c>
      <c r="B68183" s="14" t="s">
        <v>1</v>
      </c>
      <c r="C68183" s="14" t="s">
        <v>63</v>
      </c>
      <c r="D68183" s="14" t="s">
        <v>294</v>
      </c>
      <c r="E68183" s="15">
        <v>45669</v>
      </c>
      <c r="F68183" s="14" t="s">
        <v>72</v>
      </c>
      <c r="G68183" s="16">
        <v>3.5498007510580427</v>
      </c>
    </row>
    <row r="68184" spans="1:7" x14ac:dyDescent="0.3">
      <c r="A68184" s="13" t="s">
        <v>358</v>
      </c>
      <c r="B68184" s="14" t="s">
        <v>1</v>
      </c>
      <c r="C68184" s="14" t="s">
        <v>63</v>
      </c>
      <c r="D68184" s="14" t="s">
        <v>294</v>
      </c>
      <c r="E68184" s="15">
        <v>45670</v>
      </c>
      <c r="F68184" s="14" t="s">
        <v>72</v>
      </c>
      <c r="G68184" s="16">
        <v>3.5463722674200682</v>
      </c>
    </row>
    <row r="68185" spans="1:7" x14ac:dyDescent="0.3">
      <c r="A68185" s="13" t="s">
        <v>358</v>
      </c>
      <c r="B68185" s="14" t="s">
        <v>1</v>
      </c>
      <c r="C68185" s="14" t="s">
        <v>63</v>
      </c>
      <c r="D68185" s="14" t="s">
        <v>294</v>
      </c>
      <c r="E68185" s="15">
        <v>45671</v>
      </c>
      <c r="F68185" s="14" t="s">
        <v>72</v>
      </c>
      <c r="G68185" s="16">
        <v>3.5682634188451865</v>
      </c>
    </row>
    <row r="68186" spans="1:7" x14ac:dyDescent="0.3">
      <c r="A68186" s="13" t="s">
        <v>358</v>
      </c>
      <c r="B68186" s="14" t="s">
        <v>1</v>
      </c>
      <c r="C68186" s="14" t="s">
        <v>63</v>
      </c>
      <c r="D68186" s="14" t="s">
        <v>294</v>
      </c>
      <c r="E68186" s="15">
        <v>45672</v>
      </c>
      <c r="F68186" s="14" t="s">
        <v>72</v>
      </c>
      <c r="G68186" s="16">
        <v>3.5613859891566437</v>
      </c>
    </row>
    <row r="68187" spans="1:7" x14ac:dyDescent="0.3">
      <c r="A68187" s="13" t="s">
        <v>358</v>
      </c>
      <c r="B68187" s="14" t="s">
        <v>1</v>
      </c>
      <c r="C68187" s="14" t="s">
        <v>63</v>
      </c>
      <c r="D68187" s="14" t="s">
        <v>294</v>
      </c>
      <c r="E68187" s="15">
        <v>45673</v>
      </c>
      <c r="F68187" s="14" t="s">
        <v>72</v>
      </c>
      <c r="G68187" s="16">
        <v>3.5802940160326737</v>
      </c>
    </row>
    <row r="68188" spans="1:7" x14ac:dyDescent="0.3">
      <c r="A68188" s="13" t="s">
        <v>358</v>
      </c>
      <c r="B68188" s="14" t="s">
        <v>1</v>
      </c>
      <c r="C68188" s="14" t="s">
        <v>63</v>
      </c>
      <c r="D68188" s="14" t="s">
        <v>294</v>
      </c>
      <c r="E68188" s="15">
        <v>45674</v>
      </c>
      <c r="F68188" s="14" t="s">
        <v>72</v>
      </c>
      <c r="G68188" s="16">
        <v>3.6047091282670802</v>
      </c>
    </row>
    <row r="68189" spans="1:7" x14ac:dyDescent="0.3">
      <c r="A68189" s="13" t="s">
        <v>358</v>
      </c>
      <c r="B68189" s="14" t="s">
        <v>1</v>
      </c>
      <c r="C68189" s="14" t="s">
        <v>63</v>
      </c>
      <c r="D68189" s="14" t="s">
        <v>294</v>
      </c>
      <c r="E68189" s="15">
        <v>45675</v>
      </c>
      <c r="F68189" s="14" t="s">
        <v>72</v>
      </c>
      <c r="G68189" s="16">
        <v>3.6047091282670802</v>
      </c>
    </row>
    <row r="68190" spans="1:7" x14ac:dyDescent="0.3">
      <c r="A68190" s="13" t="s">
        <v>358</v>
      </c>
      <c r="B68190" s="14" t="s">
        <v>1</v>
      </c>
      <c r="C68190" s="14" t="s">
        <v>63</v>
      </c>
      <c r="D68190" s="14" t="s">
        <v>294</v>
      </c>
      <c r="E68190" s="15">
        <v>45676</v>
      </c>
      <c r="F68190" s="14" t="s">
        <v>72</v>
      </c>
      <c r="G68190" s="16">
        <v>3.6047091282670802</v>
      </c>
    </row>
    <row r="68191" spans="1:7" x14ac:dyDescent="0.3">
      <c r="A68191" s="13" t="s">
        <v>358</v>
      </c>
      <c r="B68191" s="14" t="s">
        <v>1</v>
      </c>
      <c r="C68191" s="14" t="s">
        <v>63</v>
      </c>
      <c r="D68191" s="14" t="s">
        <v>294</v>
      </c>
      <c r="E68191" s="15">
        <v>45677</v>
      </c>
      <c r="F68191" s="14" t="s">
        <v>72</v>
      </c>
      <c r="G68191" s="16">
        <v>3.5731260086974066</v>
      </c>
    </row>
    <row r="68192" spans="1:7" x14ac:dyDescent="0.3">
      <c r="A68192" s="13" t="s">
        <v>358</v>
      </c>
      <c r="B68192" s="14" t="s">
        <v>1</v>
      </c>
      <c r="C68192" s="14" t="s">
        <v>63</v>
      </c>
      <c r="D68192" s="14" t="s">
        <v>294</v>
      </c>
      <c r="E68192" s="15">
        <v>45678</v>
      </c>
      <c r="F68192" s="14" t="s">
        <v>72</v>
      </c>
      <c r="G68192" s="16">
        <v>3.6041687807430018</v>
      </c>
    </row>
    <row r="68193" spans="1:7" x14ac:dyDescent="0.3">
      <c r="A68193" s="13" t="s">
        <v>358</v>
      </c>
      <c r="B68193" s="14" t="s">
        <v>1</v>
      </c>
      <c r="C68193" s="14" t="s">
        <v>63</v>
      </c>
      <c r="D68193" s="14" t="s">
        <v>294</v>
      </c>
      <c r="E68193" s="15">
        <v>45679</v>
      </c>
      <c r="F68193" s="14" t="s">
        <v>72</v>
      </c>
      <c r="G68193" s="16">
        <v>3.6168388365576303</v>
      </c>
    </row>
    <row r="68194" spans="1:7" x14ac:dyDescent="0.3">
      <c r="A68194" s="13" t="s">
        <v>358</v>
      </c>
      <c r="B68194" s="14" t="s">
        <v>1</v>
      </c>
      <c r="C68194" s="14" t="s">
        <v>63</v>
      </c>
      <c r="D68194" s="14" t="s">
        <v>294</v>
      </c>
      <c r="E68194" s="15">
        <v>45680</v>
      </c>
      <c r="F68194" s="14" t="s">
        <v>72</v>
      </c>
      <c r="G68194" s="16">
        <v>3.6207799179142715</v>
      </c>
    </row>
    <row r="68195" spans="1:7" x14ac:dyDescent="0.3">
      <c r="A68195" s="13" t="s">
        <v>358</v>
      </c>
      <c r="B68195" s="14" t="s">
        <v>1</v>
      </c>
      <c r="C68195" s="14" t="s">
        <v>63</v>
      </c>
      <c r="D68195" s="14" t="s">
        <v>294</v>
      </c>
      <c r="E68195" s="15">
        <v>45681</v>
      </c>
      <c r="F68195" s="14" t="s">
        <v>72</v>
      </c>
      <c r="G68195" s="16">
        <v>3.6158915441470052</v>
      </c>
    </row>
    <row r="68196" spans="1:7" x14ac:dyDescent="0.3">
      <c r="A68196" s="13" t="s">
        <v>358</v>
      </c>
      <c r="B68196" s="14" t="s">
        <v>1</v>
      </c>
      <c r="C68196" s="14" t="s">
        <v>63</v>
      </c>
      <c r="D68196" s="14" t="s">
        <v>294</v>
      </c>
      <c r="E68196" s="15">
        <v>45682</v>
      </c>
      <c r="F68196" s="14" t="s">
        <v>72</v>
      </c>
      <c r="G68196" s="16">
        <v>3.6158915441470052</v>
      </c>
    </row>
    <row r="68197" spans="1:7" x14ac:dyDescent="0.3">
      <c r="A68197" s="13" t="s">
        <v>358</v>
      </c>
      <c r="B68197" s="14" t="s">
        <v>1</v>
      </c>
      <c r="C68197" s="14" t="s">
        <v>63</v>
      </c>
      <c r="D68197" s="14" t="s">
        <v>294</v>
      </c>
      <c r="E68197" s="15">
        <v>45683</v>
      </c>
      <c r="F68197" s="14" t="s">
        <v>72</v>
      </c>
      <c r="G68197" s="16">
        <v>3.6158915441470052</v>
      </c>
    </row>
    <row r="68198" spans="1:7" x14ac:dyDescent="0.3">
      <c r="A68198" s="13" t="s">
        <v>358</v>
      </c>
      <c r="B68198" s="14" t="s">
        <v>1</v>
      </c>
      <c r="C68198" s="14" t="s">
        <v>63</v>
      </c>
      <c r="D68198" s="14" t="s">
        <v>294</v>
      </c>
      <c r="E68198" s="15">
        <v>45684</v>
      </c>
      <c r="F68198" s="14" t="s">
        <v>72</v>
      </c>
      <c r="G68198" s="16">
        <v>3.6402560961982453</v>
      </c>
    </row>
    <row r="68199" spans="1:7" x14ac:dyDescent="0.3">
      <c r="A68199" s="13" t="s">
        <v>358</v>
      </c>
      <c r="B68199" s="14" t="s">
        <v>1</v>
      </c>
      <c r="C68199" s="14" t="s">
        <v>63</v>
      </c>
      <c r="D68199" s="14" t="s">
        <v>294</v>
      </c>
      <c r="E68199" s="15">
        <v>45685</v>
      </c>
      <c r="F68199" s="14" t="s">
        <v>72</v>
      </c>
      <c r="G68199" s="16">
        <v>3.6962653061717092</v>
      </c>
    </row>
    <row r="68200" spans="1:7" x14ac:dyDescent="0.3">
      <c r="A68200" s="13" t="s">
        <v>358</v>
      </c>
      <c r="B68200" s="14" t="s">
        <v>1</v>
      </c>
      <c r="C68200" s="14" t="s">
        <v>63</v>
      </c>
      <c r="D68200" s="14" t="s">
        <v>294</v>
      </c>
      <c r="E68200" s="15">
        <v>45686</v>
      </c>
      <c r="F68200" s="14" t="s">
        <v>72</v>
      </c>
      <c r="G68200" s="16">
        <v>3.6962653061717092</v>
      </c>
    </row>
    <row r="68201" spans="1:7" x14ac:dyDescent="0.3">
      <c r="A68201" s="13" t="s">
        <v>358</v>
      </c>
      <c r="B68201" s="14" t="s">
        <v>1</v>
      </c>
      <c r="C68201" s="14" t="s">
        <v>63</v>
      </c>
      <c r="D68201" s="14" t="s">
        <v>294</v>
      </c>
      <c r="E68201" s="15">
        <v>45687</v>
      </c>
      <c r="F68201" s="14" t="s">
        <v>72</v>
      </c>
      <c r="G68201" s="16">
        <v>3.6962653061717092</v>
      </c>
    </row>
    <row r="68202" spans="1:7" x14ac:dyDescent="0.3">
      <c r="A68202" s="13" t="s">
        <v>358</v>
      </c>
      <c r="B68202" s="14" t="s">
        <v>1</v>
      </c>
      <c r="C68202" s="14" t="s">
        <v>63</v>
      </c>
      <c r="D68202" s="14" t="s">
        <v>294</v>
      </c>
      <c r="E68202" s="15">
        <v>45688</v>
      </c>
      <c r="F68202" s="14" t="s">
        <v>72</v>
      </c>
      <c r="G68202" s="16">
        <v>3.6962653061717092</v>
      </c>
    </row>
    <row r="68203" spans="1:7" x14ac:dyDescent="0.3">
      <c r="A68203" s="13" t="s">
        <v>358</v>
      </c>
      <c r="B68203" s="14" t="s">
        <v>1</v>
      </c>
      <c r="C68203" s="14" t="s">
        <v>63</v>
      </c>
      <c r="D68203" s="14" t="s">
        <v>294</v>
      </c>
      <c r="E68203" s="15">
        <v>45689</v>
      </c>
      <c r="F68203" s="14" t="s">
        <v>72</v>
      </c>
      <c r="G68203" s="16">
        <v>3.6962653061717092</v>
      </c>
    </row>
    <row r="68204" spans="1:7" x14ac:dyDescent="0.3">
      <c r="A68204" s="13" t="s">
        <v>358</v>
      </c>
      <c r="B68204" s="14" t="s">
        <v>1</v>
      </c>
      <c r="C68204" s="14" t="s">
        <v>63</v>
      </c>
      <c r="D68204" s="14" t="s">
        <v>294</v>
      </c>
      <c r="E68204" s="15">
        <v>45690</v>
      </c>
      <c r="F68204" s="14" t="s">
        <v>72</v>
      </c>
      <c r="G68204" s="16">
        <v>3.6962653061717092</v>
      </c>
    </row>
    <row r="68205" spans="1:7" x14ac:dyDescent="0.3">
      <c r="A68205" s="13" t="s">
        <v>358</v>
      </c>
      <c r="B68205" s="14" t="s">
        <v>1</v>
      </c>
      <c r="C68205" s="14" t="s">
        <v>63</v>
      </c>
      <c r="D68205" s="14" t="s">
        <v>294</v>
      </c>
      <c r="E68205" s="15">
        <v>45691</v>
      </c>
      <c r="F68205" s="14" t="s">
        <v>72</v>
      </c>
      <c r="G68205" s="16">
        <v>3.6962653061717092</v>
      </c>
    </row>
    <row r="68206" spans="1:7" x14ac:dyDescent="0.3">
      <c r="A68206" s="13" t="s">
        <v>358</v>
      </c>
      <c r="B68206" s="14" t="s">
        <v>1</v>
      </c>
      <c r="C68206" s="14" t="s">
        <v>63</v>
      </c>
      <c r="D68206" s="14" t="s">
        <v>294</v>
      </c>
      <c r="E68206" s="15">
        <v>45692</v>
      </c>
      <c r="F68206" s="14" t="s">
        <v>72</v>
      </c>
      <c r="G68206" s="16">
        <v>3.7092809653058456</v>
      </c>
    </row>
    <row r="68207" spans="1:7" x14ac:dyDescent="0.3">
      <c r="A68207" s="13" t="s">
        <v>358</v>
      </c>
      <c r="B68207" s="14" t="s">
        <v>1</v>
      </c>
      <c r="C68207" s="14" t="s">
        <v>63</v>
      </c>
      <c r="D68207" s="14" t="s">
        <v>294</v>
      </c>
      <c r="E68207" s="15">
        <v>45693</v>
      </c>
      <c r="F68207" s="14" t="s">
        <v>72</v>
      </c>
      <c r="G68207" s="16">
        <v>3.7560926080652832</v>
      </c>
    </row>
    <row r="68208" spans="1:7" x14ac:dyDescent="0.3">
      <c r="A68208" s="13" t="s">
        <v>358</v>
      </c>
      <c r="B68208" s="14" t="s">
        <v>1</v>
      </c>
      <c r="C68208" s="14" t="s">
        <v>63</v>
      </c>
      <c r="D68208" s="14" t="s">
        <v>294</v>
      </c>
      <c r="E68208" s="15">
        <v>45694</v>
      </c>
      <c r="F68208" s="14" t="s">
        <v>72</v>
      </c>
      <c r="G68208" s="16">
        <v>3.7701857132237353</v>
      </c>
    </row>
    <row r="68209" spans="1:7" x14ac:dyDescent="0.3">
      <c r="A68209" s="13" t="s">
        <v>358</v>
      </c>
      <c r="B68209" s="14" t="s">
        <v>1</v>
      </c>
      <c r="C68209" s="14" t="s">
        <v>63</v>
      </c>
      <c r="D68209" s="14" t="s">
        <v>294</v>
      </c>
      <c r="E68209" s="15">
        <v>45695</v>
      </c>
      <c r="F68209" s="14" t="s">
        <v>72</v>
      </c>
      <c r="G68209" s="16">
        <v>3.7893705754776752</v>
      </c>
    </row>
    <row r="68210" spans="1:7" x14ac:dyDescent="0.3">
      <c r="A68210" s="13" t="s">
        <v>358</v>
      </c>
      <c r="B68210" s="14" t="s">
        <v>1</v>
      </c>
      <c r="C68210" s="14" t="s">
        <v>63</v>
      </c>
      <c r="D68210" s="14" t="s">
        <v>294</v>
      </c>
      <c r="E68210" s="15">
        <v>45696</v>
      </c>
      <c r="F68210" s="14" t="s">
        <v>72</v>
      </c>
      <c r="G68210" s="16">
        <v>3.7893705754776752</v>
      </c>
    </row>
    <row r="68211" spans="1:7" x14ac:dyDescent="0.3">
      <c r="A68211" s="13" t="s">
        <v>358</v>
      </c>
      <c r="B68211" s="14" t="s">
        <v>1</v>
      </c>
      <c r="C68211" s="14" t="s">
        <v>63</v>
      </c>
      <c r="D68211" s="14" t="s">
        <v>294</v>
      </c>
      <c r="E68211" s="15">
        <v>45697</v>
      </c>
      <c r="F68211" s="14" t="s">
        <v>72</v>
      </c>
      <c r="G68211" s="16">
        <v>3.7893705754776752</v>
      </c>
    </row>
    <row r="68212" spans="1:7" x14ac:dyDescent="0.3">
      <c r="A68212" s="13" t="s">
        <v>358</v>
      </c>
      <c r="B68212" s="14" t="s">
        <v>1</v>
      </c>
      <c r="C68212" s="14" t="s">
        <v>63</v>
      </c>
      <c r="D68212" s="14" t="s">
        <v>294</v>
      </c>
      <c r="E68212" s="15">
        <v>45698</v>
      </c>
      <c r="F68212" s="14" t="s">
        <v>72</v>
      </c>
      <c r="G68212" s="16">
        <v>3.8116093080951781</v>
      </c>
    </row>
    <row r="68213" spans="1:7" x14ac:dyDescent="0.3">
      <c r="A68213" s="13" t="s">
        <v>358</v>
      </c>
      <c r="B68213" s="14" t="s">
        <v>1</v>
      </c>
      <c r="C68213" s="14" t="s">
        <v>63</v>
      </c>
      <c r="D68213" s="14" t="s">
        <v>294</v>
      </c>
      <c r="E68213" s="15">
        <v>45699</v>
      </c>
      <c r="F68213" s="14" t="s">
        <v>72</v>
      </c>
      <c r="G68213" s="16">
        <v>3.836083670352787</v>
      </c>
    </row>
    <row r="68214" spans="1:7" x14ac:dyDescent="0.3">
      <c r="A68214" s="13" t="s">
        <v>358</v>
      </c>
      <c r="B68214" s="14" t="s">
        <v>1</v>
      </c>
      <c r="C68214" s="14" t="s">
        <v>63</v>
      </c>
      <c r="D68214" s="14" t="s">
        <v>294</v>
      </c>
      <c r="E68214" s="15">
        <v>45700</v>
      </c>
      <c r="F68214" s="14" t="s">
        <v>72</v>
      </c>
      <c r="G68214" s="16">
        <v>3.8551680843215284</v>
      </c>
    </row>
    <row r="68215" spans="1:7" x14ac:dyDescent="0.3">
      <c r="A68215" s="13" t="s">
        <v>358</v>
      </c>
      <c r="B68215" s="14" t="s">
        <v>1</v>
      </c>
      <c r="C68215" s="14" t="s">
        <v>63</v>
      </c>
      <c r="D68215" s="14" t="s">
        <v>294</v>
      </c>
      <c r="E68215" s="15">
        <v>45701</v>
      </c>
      <c r="F68215" s="14" t="s">
        <v>72</v>
      </c>
      <c r="G68215" s="16">
        <v>3.8434305752688291</v>
      </c>
    </row>
    <row r="68216" spans="1:7" x14ac:dyDescent="0.3">
      <c r="A68216" s="13" t="s">
        <v>358</v>
      </c>
      <c r="B68216" s="14" t="s">
        <v>1</v>
      </c>
      <c r="C68216" s="14" t="s">
        <v>63</v>
      </c>
      <c r="D68216" s="14" t="s">
        <v>294</v>
      </c>
      <c r="E68216" s="15">
        <v>45702</v>
      </c>
      <c r="F68216" s="14" t="s">
        <v>72</v>
      </c>
      <c r="G68216" s="16">
        <v>3.8375735429977693</v>
      </c>
    </row>
    <row r="68217" spans="1:7" x14ac:dyDescent="0.3">
      <c r="A68217" s="13" t="s">
        <v>358</v>
      </c>
      <c r="B68217" s="14" t="s">
        <v>1</v>
      </c>
      <c r="C68217" s="14" t="s">
        <v>63</v>
      </c>
      <c r="D68217" s="14" t="s">
        <v>294</v>
      </c>
      <c r="E68217" s="15">
        <v>45703</v>
      </c>
      <c r="F68217" s="14" t="s">
        <v>72</v>
      </c>
      <c r="G68217" s="16">
        <v>3.8375735429977693</v>
      </c>
    </row>
    <row r="68218" spans="1:7" x14ac:dyDescent="0.3">
      <c r="A68218" s="13" t="s">
        <v>358</v>
      </c>
      <c r="B68218" s="14" t="s">
        <v>1</v>
      </c>
      <c r="C68218" s="14" t="s">
        <v>63</v>
      </c>
      <c r="D68218" s="14" t="s">
        <v>294</v>
      </c>
      <c r="E68218" s="15">
        <v>45704</v>
      </c>
      <c r="F68218" s="14" t="s">
        <v>72</v>
      </c>
      <c r="G68218" s="16">
        <v>3.8375735429977693</v>
      </c>
    </row>
    <row r="68219" spans="1:7" x14ac:dyDescent="0.3">
      <c r="A68219" s="13" t="s">
        <v>358</v>
      </c>
      <c r="B68219" s="14" t="s">
        <v>1</v>
      </c>
      <c r="C68219" s="14" t="s">
        <v>63</v>
      </c>
      <c r="D68219" s="14" t="s">
        <v>294</v>
      </c>
      <c r="E68219" s="15">
        <v>45705</v>
      </c>
      <c r="F68219" s="14" t="s">
        <v>72</v>
      </c>
      <c r="G68219" s="16">
        <v>3.8447977045155155</v>
      </c>
    </row>
    <row r="68220" spans="1:7" x14ac:dyDescent="0.3">
      <c r="A68220" s="13" t="s">
        <v>358</v>
      </c>
      <c r="B68220" s="14" t="s">
        <v>1</v>
      </c>
      <c r="C68220" s="14" t="s">
        <v>63</v>
      </c>
      <c r="D68220" s="14" t="s">
        <v>294</v>
      </c>
      <c r="E68220" s="15">
        <v>45706</v>
      </c>
      <c r="F68220" s="14" t="s">
        <v>72</v>
      </c>
      <c r="G68220" s="16">
        <v>3.8818258745280949</v>
      </c>
    </row>
    <row r="68221" spans="1:7" x14ac:dyDescent="0.3">
      <c r="A68221" s="13" t="s">
        <v>358</v>
      </c>
      <c r="B68221" s="14" t="s">
        <v>1</v>
      </c>
      <c r="C68221" s="14" t="s">
        <v>63</v>
      </c>
      <c r="D68221" s="14" t="s">
        <v>294</v>
      </c>
      <c r="E68221" s="15">
        <v>45707</v>
      </c>
      <c r="F68221" s="14" t="s">
        <v>72</v>
      </c>
      <c r="G68221" s="16">
        <v>3.8990964791142999</v>
      </c>
    </row>
    <row r="68222" spans="1:7" x14ac:dyDescent="0.3">
      <c r="A68222" s="13" t="s">
        <v>358</v>
      </c>
      <c r="B68222" s="14" t="s">
        <v>1</v>
      </c>
      <c r="C68222" s="14" t="s">
        <v>63</v>
      </c>
      <c r="D68222" s="14" t="s">
        <v>294</v>
      </c>
      <c r="E68222" s="15">
        <v>45708</v>
      </c>
      <c r="F68222" s="14" t="s">
        <v>72</v>
      </c>
      <c r="G68222" s="16">
        <v>3.877447453852386</v>
      </c>
    </row>
    <row r="68223" spans="1:7" x14ac:dyDescent="0.3">
      <c r="A68223" s="13" t="s">
        <v>358</v>
      </c>
      <c r="B68223" s="14" t="s">
        <v>1</v>
      </c>
      <c r="C68223" s="14" t="s">
        <v>63</v>
      </c>
      <c r="D68223" s="14" t="s">
        <v>294</v>
      </c>
      <c r="E68223" s="15">
        <v>45709</v>
      </c>
      <c r="F68223" s="14" t="s">
        <v>72</v>
      </c>
      <c r="G68223" s="16">
        <v>3.9138080750459929</v>
      </c>
    </row>
    <row r="68224" spans="1:7" x14ac:dyDescent="0.3">
      <c r="A68224" s="13" t="s">
        <v>358</v>
      </c>
      <c r="B68224" s="14" t="s">
        <v>1</v>
      </c>
      <c r="C68224" s="14" t="s">
        <v>63</v>
      </c>
      <c r="D68224" s="14" t="s">
        <v>294</v>
      </c>
      <c r="E68224" s="15">
        <v>45710</v>
      </c>
      <c r="F68224" s="14" t="s">
        <v>72</v>
      </c>
      <c r="G68224" s="16">
        <v>3.9138080750459929</v>
      </c>
    </row>
    <row r="68225" spans="1:7" x14ac:dyDescent="0.3">
      <c r="A68225" s="13" t="s">
        <v>358</v>
      </c>
      <c r="B68225" s="14" t="s">
        <v>1</v>
      </c>
      <c r="C68225" s="14" t="s">
        <v>63</v>
      </c>
      <c r="D68225" s="14" t="s">
        <v>294</v>
      </c>
      <c r="E68225" s="15">
        <v>45711</v>
      </c>
      <c r="F68225" s="14" t="s">
        <v>72</v>
      </c>
      <c r="G68225" s="16">
        <v>3.9138080750459929</v>
      </c>
    </row>
    <row r="68226" spans="1:7" x14ac:dyDescent="0.3">
      <c r="A68226" s="13" t="s">
        <v>358</v>
      </c>
      <c r="B68226" s="14" t="s">
        <v>1</v>
      </c>
      <c r="C68226" s="14" t="s">
        <v>63</v>
      </c>
      <c r="D68226" s="14" t="s">
        <v>294</v>
      </c>
      <c r="E68226" s="15">
        <v>45712</v>
      </c>
      <c r="F68226" s="14" t="s">
        <v>72</v>
      </c>
      <c r="G68226" s="16">
        <v>3.9308691960525795</v>
      </c>
    </row>
    <row r="68227" spans="1:7" x14ac:dyDescent="0.3">
      <c r="A68227" s="13" t="s">
        <v>358</v>
      </c>
      <c r="B68227" s="14" t="s">
        <v>1</v>
      </c>
      <c r="C68227" s="14" t="s">
        <v>63</v>
      </c>
      <c r="D68227" s="14" t="s">
        <v>294</v>
      </c>
      <c r="E68227" s="15">
        <v>45713</v>
      </c>
      <c r="F68227" s="14" t="s">
        <v>72</v>
      </c>
      <c r="G68227" s="16">
        <v>3.9664039734562366</v>
      </c>
    </row>
    <row r="68228" spans="1:7" x14ac:dyDescent="0.3">
      <c r="A68228" s="13" t="s">
        <v>358</v>
      </c>
      <c r="B68228" s="14" t="s">
        <v>1</v>
      </c>
      <c r="C68228" s="14" t="s">
        <v>63</v>
      </c>
      <c r="D68228" s="14" t="s">
        <v>294</v>
      </c>
      <c r="E68228" s="15">
        <v>45714</v>
      </c>
      <c r="F68228" s="14" t="s">
        <v>72</v>
      </c>
      <c r="G68228" s="16">
        <v>4.0022267267410934</v>
      </c>
    </row>
    <row r="68229" spans="1:7" x14ac:dyDescent="0.3">
      <c r="A68229" s="13" t="s">
        <v>358</v>
      </c>
      <c r="B68229" s="14" t="s">
        <v>1</v>
      </c>
      <c r="C68229" s="14" t="s">
        <v>63</v>
      </c>
      <c r="D68229" s="14" t="s">
        <v>294</v>
      </c>
      <c r="E68229" s="15">
        <v>45715</v>
      </c>
      <c r="F68229" s="14" t="s">
        <v>72</v>
      </c>
      <c r="G68229" s="16">
        <v>4.0600536683214861</v>
      </c>
    </row>
    <row r="68230" spans="1:7" x14ac:dyDescent="0.3">
      <c r="A68230" s="13" t="s">
        <v>358</v>
      </c>
      <c r="B68230" s="14" t="s">
        <v>1</v>
      </c>
      <c r="C68230" s="14" t="s">
        <v>63</v>
      </c>
      <c r="D68230" s="14" t="s">
        <v>294</v>
      </c>
      <c r="E68230" s="15">
        <v>45716</v>
      </c>
      <c r="F68230" s="14" t="s">
        <v>72</v>
      </c>
      <c r="G68230" s="16">
        <v>4.0912929231263924</v>
      </c>
    </row>
    <row r="68231" spans="1:7" x14ac:dyDescent="0.3">
      <c r="A68231" s="13" t="s">
        <v>358</v>
      </c>
      <c r="B68231" s="14" t="s">
        <v>1</v>
      </c>
      <c r="C68231" s="14" t="s">
        <v>63</v>
      </c>
      <c r="D68231" s="14" t="s">
        <v>294</v>
      </c>
      <c r="E68231" s="15">
        <v>45717</v>
      </c>
      <c r="F68231" s="14" t="s">
        <v>72</v>
      </c>
      <c r="G68231" s="16">
        <v>4.0912929231263924</v>
      </c>
    </row>
    <row r="68232" spans="1:7" x14ac:dyDescent="0.3">
      <c r="A68232" s="13" t="s">
        <v>358</v>
      </c>
      <c r="B68232" s="14" t="s">
        <v>1</v>
      </c>
      <c r="C68232" s="14" t="s">
        <v>63</v>
      </c>
      <c r="D68232" s="14" t="s">
        <v>294</v>
      </c>
      <c r="E68232" s="15">
        <v>45718</v>
      </c>
      <c r="F68232" s="14" t="s">
        <v>72</v>
      </c>
      <c r="G68232" s="16">
        <v>4.0912929231263924</v>
      </c>
    </row>
    <row r="68233" spans="1:7" x14ac:dyDescent="0.3">
      <c r="A68233" s="13" t="s">
        <v>358</v>
      </c>
      <c r="B68233" s="14" t="s">
        <v>1</v>
      </c>
      <c r="C68233" s="14" t="s">
        <v>63</v>
      </c>
      <c r="D68233" s="14" t="s">
        <v>294</v>
      </c>
      <c r="E68233" s="15">
        <v>45719</v>
      </c>
      <c r="F68233" s="14" t="s">
        <v>72</v>
      </c>
      <c r="G68233" s="16">
        <v>4.1185857440456477</v>
      </c>
    </row>
    <row r="68234" spans="1:7" x14ac:dyDescent="0.3">
      <c r="A68234" s="13" t="s">
        <v>358</v>
      </c>
      <c r="B68234" s="14" t="s">
        <v>1</v>
      </c>
      <c r="C68234" s="14" t="s">
        <v>63</v>
      </c>
      <c r="D68234" s="14" t="s">
        <v>294</v>
      </c>
      <c r="E68234" s="15">
        <v>45720</v>
      </c>
      <c r="F68234" s="14" t="s">
        <v>72</v>
      </c>
      <c r="G68234" s="16">
        <v>4.1198194043330059</v>
      </c>
    </row>
    <row r="68235" spans="1:7" x14ac:dyDescent="0.3">
      <c r="A68235" s="13" t="s">
        <v>358</v>
      </c>
      <c r="B68235" s="14" t="s">
        <v>1</v>
      </c>
      <c r="C68235" s="14" t="s">
        <v>63</v>
      </c>
      <c r="D68235" s="14" t="s">
        <v>294</v>
      </c>
      <c r="E68235" s="15">
        <v>45721</v>
      </c>
      <c r="F68235" s="14" t="s">
        <v>72</v>
      </c>
      <c r="G68235" s="16">
        <v>4.0933291526594822</v>
      </c>
    </row>
    <row r="68236" spans="1:7" x14ac:dyDescent="0.3">
      <c r="A68236" s="13" t="s">
        <v>358</v>
      </c>
      <c r="B68236" s="14" t="s">
        <v>1</v>
      </c>
      <c r="C68236" s="14" t="s">
        <v>63</v>
      </c>
      <c r="D68236" s="14" t="s">
        <v>294</v>
      </c>
      <c r="E68236" s="15">
        <v>45722</v>
      </c>
      <c r="F68236" s="14" t="s">
        <v>72</v>
      </c>
      <c r="G68236" s="16">
        <v>4.104427108163887</v>
      </c>
    </row>
    <row r="68237" spans="1:7" x14ac:dyDescent="0.3">
      <c r="A68237" s="13" t="s">
        <v>358</v>
      </c>
      <c r="B68237" s="14" t="s">
        <v>1</v>
      </c>
      <c r="C68237" s="14" t="s">
        <v>63</v>
      </c>
      <c r="D68237" s="14" t="s">
        <v>294</v>
      </c>
      <c r="E68237" s="15">
        <v>45723</v>
      </c>
      <c r="F68237" s="14" t="s">
        <v>72</v>
      </c>
      <c r="G68237" s="16">
        <v>4.1348495624778598</v>
      </c>
    </row>
    <row r="68238" spans="1:7" x14ac:dyDescent="0.3">
      <c r="A68238" s="13" t="s">
        <v>358</v>
      </c>
      <c r="B68238" s="14" t="s">
        <v>1</v>
      </c>
      <c r="C68238" s="14" t="s">
        <v>63</v>
      </c>
      <c r="D68238" s="14" t="s">
        <v>294</v>
      </c>
      <c r="E68238" s="15">
        <v>45724</v>
      </c>
      <c r="F68238" s="14" t="s">
        <v>72</v>
      </c>
      <c r="G68238" s="16">
        <v>4.1348495624778598</v>
      </c>
    </row>
    <row r="68239" spans="1:7" x14ac:dyDescent="0.3">
      <c r="A68239" s="13" t="s">
        <v>358</v>
      </c>
      <c r="B68239" s="14" t="s">
        <v>1</v>
      </c>
      <c r="C68239" s="14" t="s">
        <v>63</v>
      </c>
      <c r="D68239" s="14" t="s">
        <v>294</v>
      </c>
      <c r="E68239" s="15">
        <v>45725</v>
      </c>
      <c r="F68239" s="14" t="s">
        <v>72</v>
      </c>
      <c r="G68239" s="16">
        <v>4.1348495624778598</v>
      </c>
    </row>
    <row r="68240" spans="1:7" x14ac:dyDescent="0.3">
      <c r="A68240" s="13" t="s">
        <v>358</v>
      </c>
      <c r="B68240" s="14" t="s">
        <v>1</v>
      </c>
      <c r="C68240" s="14" t="s">
        <v>63</v>
      </c>
      <c r="D68240" s="14" t="s">
        <v>294</v>
      </c>
      <c r="E68240" s="15">
        <v>45726</v>
      </c>
      <c r="F68240" s="14" t="s">
        <v>72</v>
      </c>
      <c r="G68240" s="16">
        <v>4.1696180758805141</v>
      </c>
    </row>
    <row r="68241" spans="1:7" x14ac:dyDescent="0.3">
      <c r="A68241" s="13" t="s">
        <v>358</v>
      </c>
      <c r="B68241" s="14" t="s">
        <v>1</v>
      </c>
      <c r="C68241" s="14" t="s">
        <v>63</v>
      </c>
      <c r="D68241" s="14" t="s">
        <v>294</v>
      </c>
      <c r="E68241" s="15">
        <v>45727</v>
      </c>
      <c r="F68241" s="14" t="s">
        <v>72</v>
      </c>
      <c r="G68241" s="16">
        <v>4.190547254932655</v>
      </c>
    </row>
    <row r="68242" spans="1:7" x14ac:dyDescent="0.3">
      <c r="A68242" s="13" t="s">
        <v>358</v>
      </c>
      <c r="B68242" s="14" t="s">
        <v>1</v>
      </c>
      <c r="C68242" s="14" t="s">
        <v>63</v>
      </c>
      <c r="D68242" s="14" t="s">
        <v>294</v>
      </c>
      <c r="E68242" s="15">
        <v>45728</v>
      </c>
      <c r="F68242" s="14" t="s">
        <v>72</v>
      </c>
      <c r="G68242" s="16">
        <v>4.1868026699966023</v>
      </c>
    </row>
    <row r="68243" spans="1:7" x14ac:dyDescent="0.3">
      <c r="A68243" s="13" t="s">
        <v>358</v>
      </c>
      <c r="B68243" s="14" t="s">
        <v>1</v>
      </c>
      <c r="C68243" s="14" t="s">
        <v>63</v>
      </c>
      <c r="D68243" s="14" t="s">
        <v>294</v>
      </c>
      <c r="E68243" s="15">
        <v>45729</v>
      </c>
      <c r="F68243" s="14" t="s">
        <v>72</v>
      </c>
      <c r="G68243" s="16">
        <v>4.2228874533549332</v>
      </c>
    </row>
    <row r="68244" spans="1:7" x14ac:dyDescent="0.3">
      <c r="A68244" s="13" t="s">
        <v>358</v>
      </c>
      <c r="B68244" s="14" t="s">
        <v>1</v>
      </c>
      <c r="C68244" s="14" t="s">
        <v>63</v>
      </c>
      <c r="D68244" s="14" t="s">
        <v>294</v>
      </c>
      <c r="E68244" s="15">
        <v>45730</v>
      </c>
      <c r="F68244" s="14" t="s">
        <v>72</v>
      </c>
      <c r="G68244" s="16">
        <v>4.2119675346602579</v>
      </c>
    </row>
    <row r="68245" spans="1:7" x14ac:dyDescent="0.3">
      <c r="A68245" s="13" t="s">
        <v>358</v>
      </c>
      <c r="B68245" s="14" t="s">
        <v>1</v>
      </c>
      <c r="C68245" s="14" t="s">
        <v>63</v>
      </c>
      <c r="D68245" s="14" t="s">
        <v>294</v>
      </c>
      <c r="E68245" s="15">
        <v>45731</v>
      </c>
      <c r="F68245" s="14" t="s">
        <v>72</v>
      </c>
      <c r="G68245" s="16">
        <v>4.2119675346602579</v>
      </c>
    </row>
    <row r="68246" spans="1:7" x14ac:dyDescent="0.3">
      <c r="A68246" s="13" t="s">
        <v>358</v>
      </c>
      <c r="B68246" s="14" t="s">
        <v>1</v>
      </c>
      <c r="C68246" s="14" t="s">
        <v>63</v>
      </c>
      <c r="D68246" s="14" t="s">
        <v>294</v>
      </c>
      <c r="E68246" s="15">
        <v>45732</v>
      </c>
      <c r="F68246" s="14" t="s">
        <v>72</v>
      </c>
      <c r="G68246" s="16">
        <v>4.2119675346602579</v>
      </c>
    </row>
    <row r="68247" spans="1:7" x14ac:dyDescent="0.3">
      <c r="A68247" s="13" t="s">
        <v>358</v>
      </c>
      <c r="B68247" s="14" t="s">
        <v>1</v>
      </c>
      <c r="C68247" s="14" t="s">
        <v>63</v>
      </c>
      <c r="D68247" s="14" t="s">
        <v>294</v>
      </c>
      <c r="E68247" s="15">
        <v>45733</v>
      </c>
      <c r="F68247" s="14" t="s">
        <v>72</v>
      </c>
      <c r="G68247" s="16">
        <v>4.2119675346602579</v>
      </c>
    </row>
    <row r="68248" spans="1:7" x14ac:dyDescent="0.3">
      <c r="A68248" s="13" t="s">
        <v>358</v>
      </c>
      <c r="B68248" s="14" t="s">
        <v>1</v>
      </c>
      <c r="C68248" s="14" t="s">
        <v>63</v>
      </c>
      <c r="D68248" s="14" t="s">
        <v>294</v>
      </c>
      <c r="E68248" s="15">
        <v>45734</v>
      </c>
      <c r="F68248" s="14" t="s">
        <v>72</v>
      </c>
      <c r="G68248" s="16">
        <v>4.198837365833346</v>
      </c>
    </row>
    <row r="68249" spans="1:7" x14ac:dyDescent="0.3">
      <c r="A68249" s="13" t="s">
        <v>358</v>
      </c>
      <c r="B68249" s="14" t="s">
        <v>1</v>
      </c>
      <c r="C68249" s="14" t="s">
        <v>63</v>
      </c>
      <c r="D68249" s="14" t="s">
        <v>294</v>
      </c>
      <c r="E68249" s="15">
        <v>45735</v>
      </c>
      <c r="F68249" s="14" t="s">
        <v>72</v>
      </c>
      <c r="G68249" s="16">
        <v>4.2491507751907109</v>
      </c>
    </row>
    <row r="68250" spans="1:7" x14ac:dyDescent="0.3">
      <c r="A68250" s="13" t="s">
        <v>358</v>
      </c>
      <c r="B68250" s="14" t="s">
        <v>1</v>
      </c>
      <c r="C68250" s="14" t="s">
        <v>63</v>
      </c>
      <c r="D68250" s="14" t="s">
        <v>294</v>
      </c>
      <c r="E68250" s="15">
        <v>45736</v>
      </c>
      <c r="F68250" s="14" t="s">
        <v>72</v>
      </c>
      <c r="G68250" s="16">
        <v>4.2962422455833504</v>
      </c>
    </row>
    <row r="68251" spans="1:7" x14ac:dyDescent="0.3">
      <c r="A68251" s="13" t="s">
        <v>358</v>
      </c>
      <c r="B68251" s="14" t="s">
        <v>1</v>
      </c>
      <c r="C68251" s="14" t="s">
        <v>63</v>
      </c>
      <c r="D68251" s="14" t="s">
        <v>294</v>
      </c>
      <c r="E68251" s="15">
        <v>45737</v>
      </c>
      <c r="F68251" s="14" t="s">
        <v>72</v>
      </c>
      <c r="G68251" s="16">
        <v>4.3176431595571305</v>
      </c>
    </row>
    <row r="68252" spans="1:7" x14ac:dyDescent="0.3">
      <c r="A68252" s="13" t="s">
        <v>358</v>
      </c>
      <c r="B68252" s="14" t="s">
        <v>1</v>
      </c>
      <c r="C68252" s="14" t="s">
        <v>63</v>
      </c>
      <c r="D68252" s="14" t="s">
        <v>294</v>
      </c>
      <c r="E68252" s="15">
        <v>45738</v>
      </c>
      <c r="F68252" s="14" t="s">
        <v>72</v>
      </c>
      <c r="G68252" s="16">
        <v>4.3176431595571305</v>
      </c>
    </row>
    <row r="68253" spans="1:7" x14ac:dyDescent="0.3">
      <c r="A68253" s="13" t="s">
        <v>358</v>
      </c>
      <c r="B68253" s="14" t="s">
        <v>1</v>
      </c>
      <c r="C68253" s="14" t="s">
        <v>63</v>
      </c>
      <c r="D68253" s="14" t="s">
        <v>294</v>
      </c>
      <c r="E68253" s="15">
        <v>45739</v>
      </c>
      <c r="F68253" s="14" t="s">
        <v>72</v>
      </c>
      <c r="G68253" s="16">
        <v>4.3176431595571305</v>
      </c>
    </row>
    <row r="68254" spans="1:7" x14ac:dyDescent="0.3">
      <c r="A68254" s="13" t="s">
        <v>358</v>
      </c>
      <c r="B68254" s="14" t="s">
        <v>1</v>
      </c>
      <c r="C68254" s="14" t="s">
        <v>63</v>
      </c>
      <c r="D68254" s="14" t="s">
        <v>294</v>
      </c>
      <c r="E68254" s="15">
        <v>45740</v>
      </c>
      <c r="F68254" s="14" t="s">
        <v>72</v>
      </c>
      <c r="G68254" s="16">
        <v>4.3199630711610482</v>
      </c>
    </row>
    <row r="68255" spans="1:7" x14ac:dyDescent="0.3">
      <c r="A68255" s="13" t="s">
        <v>358</v>
      </c>
      <c r="B68255" s="14" t="s">
        <v>1</v>
      </c>
      <c r="C68255" s="14" t="s">
        <v>63</v>
      </c>
      <c r="D68255" s="14" t="s">
        <v>294</v>
      </c>
      <c r="E68255" s="15">
        <v>45741</v>
      </c>
      <c r="F68255" s="14" t="s">
        <v>72</v>
      </c>
      <c r="G68255" s="16">
        <v>4.3399044914135585</v>
      </c>
    </row>
    <row r="68256" spans="1:7" x14ac:dyDescent="0.3">
      <c r="A68256" s="13" t="s">
        <v>358</v>
      </c>
      <c r="B68256" s="14" t="s">
        <v>1</v>
      </c>
      <c r="C68256" s="14" t="s">
        <v>63</v>
      </c>
      <c r="D68256" s="14" t="s">
        <v>294</v>
      </c>
      <c r="E68256" s="15">
        <v>45742</v>
      </c>
      <c r="F68256" s="14" t="s">
        <v>72</v>
      </c>
      <c r="G68256" s="16">
        <v>4.3549991347134878</v>
      </c>
    </row>
    <row r="68257" spans="1:7" x14ac:dyDescent="0.3">
      <c r="A68257" s="13" t="s">
        <v>358</v>
      </c>
      <c r="B68257" s="14" t="s">
        <v>1</v>
      </c>
      <c r="C68257" s="14" t="s">
        <v>63</v>
      </c>
      <c r="D68257" s="14" t="s">
        <v>294</v>
      </c>
      <c r="E68257" s="15">
        <v>45743</v>
      </c>
      <c r="F68257" s="14" t="s">
        <v>72</v>
      </c>
      <c r="G68257" s="16">
        <v>4.3694212959127867</v>
      </c>
    </row>
    <row r="68258" spans="1:7" x14ac:dyDescent="0.3">
      <c r="A68258" s="13" t="s">
        <v>358</v>
      </c>
      <c r="B68258" s="14" t="s">
        <v>1</v>
      </c>
      <c r="C68258" s="14" t="s">
        <v>63</v>
      </c>
      <c r="D68258" s="14" t="s">
        <v>294</v>
      </c>
      <c r="E68258" s="15">
        <v>45744</v>
      </c>
      <c r="F68258" s="14" t="s">
        <v>72</v>
      </c>
      <c r="G68258" s="16">
        <v>4.3929827896007172</v>
      </c>
    </row>
    <row r="68259" spans="1:7" x14ac:dyDescent="0.3">
      <c r="A68259" s="13" t="s">
        <v>358</v>
      </c>
      <c r="B68259" s="14" t="s">
        <v>1</v>
      </c>
      <c r="C68259" s="14" t="s">
        <v>63</v>
      </c>
      <c r="D68259" s="14" t="s">
        <v>294</v>
      </c>
      <c r="E68259" s="15">
        <v>45745</v>
      </c>
      <c r="F68259" s="14" t="s">
        <v>72</v>
      </c>
      <c r="G68259" s="16">
        <v>4.3929827896007172</v>
      </c>
    </row>
    <row r="68260" spans="1:7" x14ac:dyDescent="0.3">
      <c r="A68260" s="13" t="s">
        <v>358</v>
      </c>
      <c r="B68260" s="14" t="s">
        <v>1</v>
      </c>
      <c r="C68260" s="14" t="s">
        <v>63</v>
      </c>
      <c r="D68260" s="14" t="s">
        <v>294</v>
      </c>
      <c r="E68260" s="15">
        <v>45746</v>
      </c>
      <c r="F68260" s="14" t="s">
        <v>72</v>
      </c>
      <c r="G68260" s="16">
        <v>4.3929827896007172</v>
      </c>
    </row>
    <row r="68261" spans="1:7" x14ac:dyDescent="0.3">
      <c r="A68261" s="13" t="s">
        <v>358</v>
      </c>
      <c r="B68261" s="14" t="s">
        <v>1</v>
      </c>
      <c r="C68261" s="14" t="s">
        <v>63</v>
      </c>
      <c r="D68261" s="14" t="s">
        <v>294</v>
      </c>
      <c r="E68261" s="15">
        <v>45747</v>
      </c>
      <c r="F68261" s="14" t="s">
        <v>72</v>
      </c>
      <c r="G68261" s="16">
        <v>4.3929827896007172</v>
      </c>
    </row>
    <row r="68262" spans="1:7" x14ac:dyDescent="0.3">
      <c r="A68262" s="13" t="s">
        <v>359</v>
      </c>
      <c r="B68262" s="14" t="s">
        <v>1</v>
      </c>
      <c r="C68262" s="14" t="s">
        <v>101</v>
      </c>
      <c r="D68262" s="14" t="s">
        <v>193</v>
      </c>
      <c r="E68262" s="15">
        <v>45383</v>
      </c>
      <c r="F68262" s="14" t="s">
        <v>15</v>
      </c>
      <c r="G68262" s="16">
        <v>0</v>
      </c>
    </row>
    <row r="68263" spans="1:7" x14ac:dyDescent="0.3">
      <c r="A68263" s="13" t="s">
        <v>359</v>
      </c>
      <c r="B68263" s="14" t="s">
        <v>1</v>
      </c>
      <c r="C68263" s="14" t="s">
        <v>101</v>
      </c>
      <c r="D68263" s="14" t="s">
        <v>193</v>
      </c>
      <c r="E68263" s="15">
        <v>45384</v>
      </c>
      <c r="F68263" s="14" t="s">
        <v>15</v>
      </c>
      <c r="G68263" s="16">
        <v>0</v>
      </c>
    </row>
    <row r="68264" spans="1:7" x14ac:dyDescent="0.3">
      <c r="A68264" s="13" t="s">
        <v>359</v>
      </c>
      <c r="B68264" s="14" t="s">
        <v>1</v>
      </c>
      <c r="C68264" s="14" t="s">
        <v>101</v>
      </c>
      <c r="D68264" s="14" t="s">
        <v>193</v>
      </c>
      <c r="E68264" s="15">
        <v>45385</v>
      </c>
      <c r="F68264" s="14" t="s">
        <v>15</v>
      </c>
      <c r="G68264" s="16">
        <v>0</v>
      </c>
    </row>
    <row r="68265" spans="1:7" x14ac:dyDescent="0.3">
      <c r="A68265" s="13" t="s">
        <v>359</v>
      </c>
      <c r="B68265" s="14" t="s">
        <v>1</v>
      </c>
      <c r="C68265" s="14" t="s">
        <v>101</v>
      </c>
      <c r="D68265" s="14" t="s">
        <v>193</v>
      </c>
      <c r="E68265" s="15">
        <v>45386</v>
      </c>
      <c r="F68265" s="14" t="s">
        <v>15</v>
      </c>
      <c r="G68265" s="16">
        <v>0</v>
      </c>
    </row>
    <row r="68266" spans="1:7" x14ac:dyDescent="0.3">
      <c r="A68266" s="13" t="s">
        <v>359</v>
      </c>
      <c r="B68266" s="14" t="s">
        <v>1</v>
      </c>
      <c r="C68266" s="14" t="s">
        <v>101</v>
      </c>
      <c r="D68266" s="14" t="s">
        <v>193</v>
      </c>
      <c r="E68266" s="15">
        <v>45387</v>
      </c>
      <c r="F68266" s="14" t="s">
        <v>15</v>
      </c>
      <c r="G68266" s="16">
        <v>0</v>
      </c>
    </row>
    <row r="68267" spans="1:7" x14ac:dyDescent="0.3">
      <c r="A68267" s="13" t="s">
        <v>359</v>
      </c>
      <c r="B68267" s="14" t="s">
        <v>1</v>
      </c>
      <c r="C68267" s="14" t="s">
        <v>101</v>
      </c>
      <c r="D68267" s="14" t="s">
        <v>193</v>
      </c>
      <c r="E68267" s="15">
        <v>45388</v>
      </c>
      <c r="F68267" s="14" t="s">
        <v>15</v>
      </c>
      <c r="G68267" s="16">
        <v>0</v>
      </c>
    </row>
    <row r="68268" spans="1:7" x14ac:dyDescent="0.3">
      <c r="A68268" s="13" t="s">
        <v>359</v>
      </c>
      <c r="B68268" s="14" t="s">
        <v>1</v>
      </c>
      <c r="C68268" s="14" t="s">
        <v>101</v>
      </c>
      <c r="D68268" s="14" t="s">
        <v>193</v>
      </c>
      <c r="E68268" s="15">
        <v>45389</v>
      </c>
      <c r="F68268" s="14" t="s">
        <v>15</v>
      </c>
      <c r="G68268" s="16">
        <v>0</v>
      </c>
    </row>
    <row r="68269" spans="1:7" x14ac:dyDescent="0.3">
      <c r="A68269" s="13" t="s">
        <v>359</v>
      </c>
      <c r="B68269" s="14" t="s">
        <v>1</v>
      </c>
      <c r="C68269" s="14" t="s">
        <v>101</v>
      </c>
      <c r="D68269" s="14" t="s">
        <v>193</v>
      </c>
      <c r="E68269" s="15">
        <v>45390</v>
      </c>
      <c r="F68269" s="14" t="s">
        <v>15</v>
      </c>
      <c r="G68269" s="16">
        <v>0</v>
      </c>
    </row>
    <row r="68270" spans="1:7" x14ac:dyDescent="0.3">
      <c r="A68270" s="13" t="s">
        <v>359</v>
      </c>
      <c r="B68270" s="14" t="s">
        <v>1</v>
      </c>
      <c r="C68270" s="14" t="s">
        <v>101</v>
      </c>
      <c r="D68270" s="14" t="s">
        <v>193</v>
      </c>
      <c r="E68270" s="15">
        <v>45391</v>
      </c>
      <c r="F68270" s="14" t="s">
        <v>15</v>
      </c>
      <c r="G68270" s="16">
        <v>0</v>
      </c>
    </row>
    <row r="68271" spans="1:7" x14ac:dyDescent="0.3">
      <c r="A68271" s="13" t="s">
        <v>359</v>
      </c>
      <c r="B68271" s="14" t="s">
        <v>1</v>
      </c>
      <c r="C68271" s="14" t="s">
        <v>101</v>
      </c>
      <c r="D68271" s="14" t="s">
        <v>193</v>
      </c>
      <c r="E68271" s="15">
        <v>45392</v>
      </c>
      <c r="F68271" s="14" t="s">
        <v>15</v>
      </c>
      <c r="G68271" s="16">
        <v>0</v>
      </c>
    </row>
    <row r="68272" spans="1:7" x14ac:dyDescent="0.3">
      <c r="A68272" s="13" t="s">
        <v>359</v>
      </c>
      <c r="B68272" s="14" t="s">
        <v>1</v>
      </c>
      <c r="C68272" s="14" t="s">
        <v>101</v>
      </c>
      <c r="D68272" s="14" t="s">
        <v>193</v>
      </c>
      <c r="E68272" s="15">
        <v>45393</v>
      </c>
      <c r="F68272" s="14" t="s">
        <v>15</v>
      </c>
      <c r="G68272" s="16">
        <v>0</v>
      </c>
    </row>
    <row r="68273" spans="1:7" x14ac:dyDescent="0.3">
      <c r="A68273" s="13" t="s">
        <v>359</v>
      </c>
      <c r="B68273" s="14" t="s">
        <v>1</v>
      </c>
      <c r="C68273" s="14" t="s">
        <v>101</v>
      </c>
      <c r="D68273" s="14" t="s">
        <v>193</v>
      </c>
      <c r="E68273" s="15">
        <v>45394</v>
      </c>
      <c r="F68273" s="14" t="s">
        <v>15</v>
      </c>
      <c r="G68273" s="16">
        <v>5.3108889697264426E-2</v>
      </c>
    </row>
    <row r="68274" spans="1:7" x14ac:dyDescent="0.3">
      <c r="A68274" s="13" t="s">
        <v>359</v>
      </c>
      <c r="B68274" s="14" t="s">
        <v>1</v>
      </c>
      <c r="C68274" s="14" t="s">
        <v>101</v>
      </c>
      <c r="D68274" s="14" t="s">
        <v>193</v>
      </c>
      <c r="E68274" s="15">
        <v>45395</v>
      </c>
      <c r="F68274" s="14" t="s">
        <v>15</v>
      </c>
      <c r="G68274" s="16">
        <v>5.3108889697264426E-2</v>
      </c>
    </row>
    <row r="68275" spans="1:7" x14ac:dyDescent="0.3">
      <c r="A68275" s="13" t="s">
        <v>359</v>
      </c>
      <c r="B68275" s="14" t="s">
        <v>1</v>
      </c>
      <c r="C68275" s="14" t="s">
        <v>101</v>
      </c>
      <c r="D68275" s="14" t="s">
        <v>193</v>
      </c>
      <c r="E68275" s="15">
        <v>45396</v>
      </c>
      <c r="F68275" s="14" t="s">
        <v>15</v>
      </c>
      <c r="G68275" s="16">
        <v>5.3108889697264426E-2</v>
      </c>
    </row>
    <row r="68276" spans="1:7" x14ac:dyDescent="0.3">
      <c r="A68276" s="13" t="s">
        <v>359</v>
      </c>
      <c r="B68276" s="14" t="s">
        <v>1</v>
      </c>
      <c r="C68276" s="14" t="s">
        <v>101</v>
      </c>
      <c r="D68276" s="14" t="s">
        <v>193</v>
      </c>
      <c r="E68276" s="15">
        <v>45397</v>
      </c>
      <c r="F68276" s="14" t="s">
        <v>15</v>
      </c>
      <c r="G68276" s="16">
        <v>4.8872500909422481E-2</v>
      </c>
    </row>
    <row r="68277" spans="1:7" x14ac:dyDescent="0.3">
      <c r="A68277" s="13" t="s">
        <v>359</v>
      </c>
      <c r="B68277" s="14" t="s">
        <v>1</v>
      </c>
      <c r="C68277" s="14" t="s">
        <v>101</v>
      </c>
      <c r="D68277" s="14" t="s">
        <v>193</v>
      </c>
      <c r="E68277" s="15">
        <v>45398</v>
      </c>
      <c r="F68277" s="14" t="s">
        <v>15</v>
      </c>
      <c r="G68277" s="16">
        <v>3.9636112121580538E-2</v>
      </c>
    </row>
    <row r="68278" spans="1:7" x14ac:dyDescent="0.3">
      <c r="A68278" s="13" t="s">
        <v>359</v>
      </c>
      <c r="B68278" s="14" t="s">
        <v>1</v>
      </c>
      <c r="C68278" s="14" t="s">
        <v>101</v>
      </c>
      <c r="D68278" s="14" t="s">
        <v>193</v>
      </c>
      <c r="E68278" s="15">
        <v>45399</v>
      </c>
      <c r="F68278" s="14" t="s">
        <v>15</v>
      </c>
      <c r="G68278" s="16">
        <v>3.7399723333738588E-2</v>
      </c>
    </row>
    <row r="68279" spans="1:7" x14ac:dyDescent="0.3">
      <c r="A68279" s="13" t="s">
        <v>359</v>
      </c>
      <c r="B68279" s="14" t="s">
        <v>1</v>
      </c>
      <c r="C68279" s="14" t="s">
        <v>101</v>
      </c>
      <c r="D68279" s="14" t="s">
        <v>193</v>
      </c>
      <c r="E68279" s="15">
        <v>45400</v>
      </c>
      <c r="F68279" s="14" t="s">
        <v>15</v>
      </c>
      <c r="G68279" s="16">
        <v>3.3163334545896643E-2</v>
      </c>
    </row>
    <row r="68280" spans="1:7" x14ac:dyDescent="0.3">
      <c r="A68280" s="13" t="s">
        <v>359</v>
      </c>
      <c r="B68280" s="14" t="s">
        <v>1</v>
      </c>
      <c r="C68280" s="14" t="s">
        <v>101</v>
      </c>
      <c r="D68280" s="14" t="s">
        <v>193</v>
      </c>
      <c r="E68280" s="15">
        <v>45401</v>
      </c>
      <c r="F68280" s="14" t="s">
        <v>15</v>
      </c>
      <c r="G68280" s="16">
        <v>3.4926945758054703E-2</v>
      </c>
    </row>
    <row r="68281" spans="1:7" x14ac:dyDescent="0.3">
      <c r="A68281" s="13" t="s">
        <v>359</v>
      </c>
      <c r="B68281" s="14" t="s">
        <v>1</v>
      </c>
      <c r="C68281" s="14" t="s">
        <v>101</v>
      </c>
      <c r="D68281" s="14" t="s">
        <v>193</v>
      </c>
      <c r="E68281" s="15">
        <v>45402</v>
      </c>
      <c r="F68281" s="14" t="s">
        <v>15</v>
      </c>
      <c r="G68281" s="16">
        <v>3.4926945758054703E-2</v>
      </c>
    </row>
    <row r="68282" spans="1:7" x14ac:dyDescent="0.3">
      <c r="A68282" s="13" t="s">
        <v>359</v>
      </c>
      <c r="B68282" s="14" t="s">
        <v>1</v>
      </c>
      <c r="C68282" s="14" t="s">
        <v>101</v>
      </c>
      <c r="D68282" s="14" t="s">
        <v>193</v>
      </c>
      <c r="E68282" s="15">
        <v>45403</v>
      </c>
      <c r="F68282" s="14" t="s">
        <v>15</v>
      </c>
      <c r="G68282" s="16">
        <v>3.4926945758054703E-2</v>
      </c>
    </row>
    <row r="68283" spans="1:7" x14ac:dyDescent="0.3">
      <c r="A68283" s="13" t="s">
        <v>359</v>
      </c>
      <c r="B68283" s="14" t="s">
        <v>1</v>
      </c>
      <c r="C68283" s="14" t="s">
        <v>101</v>
      </c>
      <c r="D68283" s="14" t="s">
        <v>193</v>
      </c>
      <c r="E68283" s="15">
        <v>45404</v>
      </c>
      <c r="F68283" s="14" t="s">
        <v>15</v>
      </c>
      <c r="G68283" s="16">
        <v>3.0690556970212758E-2</v>
      </c>
    </row>
    <row r="68284" spans="1:7" x14ac:dyDescent="0.3">
      <c r="A68284" s="13" t="s">
        <v>359</v>
      </c>
      <c r="B68284" s="14" t="s">
        <v>1</v>
      </c>
      <c r="C68284" s="14" t="s">
        <v>101</v>
      </c>
      <c r="D68284" s="14" t="s">
        <v>193</v>
      </c>
      <c r="E68284" s="15">
        <v>45405</v>
      </c>
      <c r="F68284" s="14" t="s">
        <v>15</v>
      </c>
      <c r="G68284" s="16">
        <v>9.7454168182370807E-2</v>
      </c>
    </row>
    <row r="68285" spans="1:7" x14ac:dyDescent="0.3">
      <c r="A68285" s="13" t="s">
        <v>359</v>
      </c>
      <c r="B68285" s="14" t="s">
        <v>1</v>
      </c>
      <c r="C68285" s="14" t="s">
        <v>101</v>
      </c>
      <c r="D68285" s="14" t="s">
        <v>193</v>
      </c>
      <c r="E68285" s="15">
        <v>45406</v>
      </c>
      <c r="F68285" s="14" t="s">
        <v>15</v>
      </c>
      <c r="G68285" s="16">
        <v>9.7217779394528858E-2</v>
      </c>
    </row>
    <row r="68286" spans="1:7" x14ac:dyDescent="0.3">
      <c r="A68286" s="13" t="s">
        <v>359</v>
      </c>
      <c r="B68286" s="14" t="s">
        <v>1</v>
      </c>
      <c r="C68286" s="14" t="s">
        <v>101</v>
      </c>
      <c r="D68286" s="14" t="s">
        <v>193</v>
      </c>
      <c r="E68286" s="15">
        <v>45407</v>
      </c>
      <c r="F68286" s="14" t="s">
        <v>15</v>
      </c>
      <c r="G68286" s="16">
        <v>8.8981390606686916E-2</v>
      </c>
    </row>
    <row r="68287" spans="1:7" x14ac:dyDescent="0.3">
      <c r="A68287" s="13" t="s">
        <v>359</v>
      </c>
      <c r="B68287" s="14" t="s">
        <v>1</v>
      </c>
      <c r="C68287" s="14" t="s">
        <v>101</v>
      </c>
      <c r="D68287" s="14" t="s">
        <v>193</v>
      </c>
      <c r="E68287" s="15">
        <v>45408</v>
      </c>
      <c r="F68287" s="14" t="s">
        <v>15</v>
      </c>
      <c r="G68287" s="16">
        <v>8.6745001818844966E-2</v>
      </c>
    </row>
    <row r="68288" spans="1:7" x14ac:dyDescent="0.3">
      <c r="A68288" s="13" t="s">
        <v>359</v>
      </c>
      <c r="B68288" s="14" t="s">
        <v>1</v>
      </c>
      <c r="C68288" s="14" t="s">
        <v>101</v>
      </c>
      <c r="D68288" s="14" t="s">
        <v>193</v>
      </c>
      <c r="E68288" s="15">
        <v>45409</v>
      </c>
      <c r="F68288" s="14" t="s">
        <v>15</v>
      </c>
      <c r="G68288" s="16">
        <v>8.6745001818844966E-2</v>
      </c>
    </row>
    <row r="68289" spans="1:7" x14ac:dyDescent="0.3">
      <c r="A68289" s="13" t="s">
        <v>359</v>
      </c>
      <c r="B68289" s="14" t="s">
        <v>1</v>
      </c>
      <c r="C68289" s="14" t="s">
        <v>101</v>
      </c>
      <c r="D68289" s="14" t="s">
        <v>193</v>
      </c>
      <c r="E68289" s="15">
        <v>45410</v>
      </c>
      <c r="F68289" s="14" t="s">
        <v>15</v>
      </c>
      <c r="G68289" s="16">
        <v>8.6745001818844966E-2</v>
      </c>
    </row>
    <row r="68290" spans="1:7" x14ac:dyDescent="0.3">
      <c r="A68290" s="13" t="s">
        <v>359</v>
      </c>
      <c r="B68290" s="14" t="s">
        <v>1</v>
      </c>
      <c r="C68290" s="14" t="s">
        <v>101</v>
      </c>
      <c r="D68290" s="14" t="s">
        <v>193</v>
      </c>
      <c r="E68290" s="15">
        <v>45411</v>
      </c>
      <c r="F68290" s="14" t="s">
        <v>15</v>
      </c>
      <c r="G68290" s="16">
        <v>8.2508613031003014E-2</v>
      </c>
    </row>
    <row r="68291" spans="1:7" x14ac:dyDescent="0.3">
      <c r="A68291" s="13" t="s">
        <v>359</v>
      </c>
      <c r="B68291" s="14" t="s">
        <v>1</v>
      </c>
      <c r="C68291" s="14" t="s">
        <v>101</v>
      </c>
      <c r="D68291" s="14" t="s">
        <v>193</v>
      </c>
      <c r="E68291" s="15">
        <v>45412</v>
      </c>
      <c r="F68291" s="14" t="s">
        <v>15</v>
      </c>
      <c r="G68291" s="16">
        <v>8.0272224243161078E-2</v>
      </c>
    </row>
    <row r="68292" spans="1:7" x14ac:dyDescent="0.3">
      <c r="A68292" s="13" t="s">
        <v>359</v>
      </c>
      <c r="B68292" s="14" t="s">
        <v>1</v>
      </c>
      <c r="C68292" s="14" t="s">
        <v>101</v>
      </c>
      <c r="D68292" s="14" t="s">
        <v>193</v>
      </c>
      <c r="E68292" s="15">
        <v>45413</v>
      </c>
      <c r="F68292" s="14" t="s">
        <v>15</v>
      </c>
      <c r="G68292" s="16">
        <v>0.22603583545531913</v>
      </c>
    </row>
    <row r="68293" spans="1:7" x14ac:dyDescent="0.3">
      <c r="A68293" s="13" t="s">
        <v>359</v>
      </c>
      <c r="B68293" s="14" t="s">
        <v>1</v>
      </c>
      <c r="C68293" s="14" t="s">
        <v>101</v>
      </c>
      <c r="D68293" s="14" t="s">
        <v>193</v>
      </c>
      <c r="E68293" s="15">
        <v>45414</v>
      </c>
      <c r="F68293" s="14" t="s">
        <v>15</v>
      </c>
      <c r="G68293" s="16">
        <v>0.22079944666747719</v>
      </c>
    </row>
    <row r="68294" spans="1:7" x14ac:dyDescent="0.3">
      <c r="A68294" s="13" t="s">
        <v>359</v>
      </c>
      <c r="B68294" s="14" t="s">
        <v>1</v>
      </c>
      <c r="C68294" s="14" t="s">
        <v>101</v>
      </c>
      <c r="D68294" s="14" t="s">
        <v>193</v>
      </c>
      <c r="E68294" s="15">
        <v>45415</v>
      </c>
      <c r="F68294" s="14" t="s">
        <v>15</v>
      </c>
      <c r="G68294" s="16">
        <v>0.21656305787963523</v>
      </c>
    </row>
    <row r="68295" spans="1:7" x14ac:dyDescent="0.3">
      <c r="A68295" s="13" t="s">
        <v>359</v>
      </c>
      <c r="B68295" s="14" t="s">
        <v>1</v>
      </c>
      <c r="C68295" s="14" t="s">
        <v>101</v>
      </c>
      <c r="D68295" s="14" t="s">
        <v>193</v>
      </c>
      <c r="E68295" s="15">
        <v>45416</v>
      </c>
      <c r="F68295" s="14" t="s">
        <v>15</v>
      </c>
      <c r="G68295" s="16">
        <v>0.21656305787963523</v>
      </c>
    </row>
    <row r="68296" spans="1:7" x14ac:dyDescent="0.3">
      <c r="A68296" s="13" t="s">
        <v>359</v>
      </c>
      <c r="B68296" s="14" t="s">
        <v>1</v>
      </c>
      <c r="C68296" s="14" t="s">
        <v>101</v>
      </c>
      <c r="D68296" s="14" t="s">
        <v>193</v>
      </c>
      <c r="E68296" s="15">
        <v>45417</v>
      </c>
      <c r="F68296" s="14" t="s">
        <v>15</v>
      </c>
      <c r="G68296" s="16">
        <v>0.21656305787963523</v>
      </c>
    </row>
    <row r="68297" spans="1:7" x14ac:dyDescent="0.3">
      <c r="A68297" s="13" t="s">
        <v>359</v>
      </c>
      <c r="B68297" s="14" t="s">
        <v>1</v>
      </c>
      <c r="C68297" s="14" t="s">
        <v>101</v>
      </c>
      <c r="D68297" s="14" t="s">
        <v>193</v>
      </c>
      <c r="E68297" s="15">
        <v>45418</v>
      </c>
      <c r="F68297" s="14" t="s">
        <v>15</v>
      </c>
      <c r="G68297" s="16">
        <v>0.21656305787963523</v>
      </c>
    </row>
    <row r="68298" spans="1:7" x14ac:dyDescent="0.3">
      <c r="A68298" s="13" t="s">
        <v>359</v>
      </c>
      <c r="B68298" s="14" t="s">
        <v>1</v>
      </c>
      <c r="C68298" s="14" t="s">
        <v>101</v>
      </c>
      <c r="D68298" s="14" t="s">
        <v>193</v>
      </c>
      <c r="E68298" s="15">
        <v>45419</v>
      </c>
      <c r="F68298" s="14" t="s">
        <v>15</v>
      </c>
      <c r="G68298" s="16">
        <v>0.22932666909179331</v>
      </c>
    </row>
    <row r="68299" spans="1:7" x14ac:dyDescent="0.3">
      <c r="A68299" s="13" t="s">
        <v>359</v>
      </c>
      <c r="B68299" s="14" t="s">
        <v>1</v>
      </c>
      <c r="C68299" s="14" t="s">
        <v>101</v>
      </c>
      <c r="D68299" s="14" t="s">
        <v>193</v>
      </c>
      <c r="E68299" s="15">
        <v>45420</v>
      </c>
      <c r="F68299" s="14" t="s">
        <v>15</v>
      </c>
      <c r="G68299" s="16">
        <v>0.27909028030395133</v>
      </c>
    </row>
    <row r="68300" spans="1:7" x14ac:dyDescent="0.3">
      <c r="A68300" s="13" t="s">
        <v>359</v>
      </c>
      <c r="B68300" s="14" t="s">
        <v>1</v>
      </c>
      <c r="C68300" s="14" t="s">
        <v>101</v>
      </c>
      <c r="D68300" s="14" t="s">
        <v>193</v>
      </c>
      <c r="E68300" s="15">
        <v>45421</v>
      </c>
      <c r="F68300" s="14" t="s">
        <v>15</v>
      </c>
      <c r="G68300" s="16">
        <v>0.33485389151610939</v>
      </c>
    </row>
    <row r="68301" spans="1:7" x14ac:dyDescent="0.3">
      <c r="A68301" s="13" t="s">
        <v>359</v>
      </c>
      <c r="B68301" s="14" t="s">
        <v>1</v>
      </c>
      <c r="C68301" s="14" t="s">
        <v>101</v>
      </c>
      <c r="D68301" s="14" t="s">
        <v>193</v>
      </c>
      <c r="E68301" s="15">
        <v>45422</v>
      </c>
      <c r="F68301" s="14" t="s">
        <v>15</v>
      </c>
      <c r="G68301" s="16">
        <v>0.34761750272826747</v>
      </c>
    </row>
    <row r="68302" spans="1:7" x14ac:dyDescent="0.3">
      <c r="A68302" s="13" t="s">
        <v>359</v>
      </c>
      <c r="B68302" s="14" t="s">
        <v>1</v>
      </c>
      <c r="C68302" s="14" t="s">
        <v>101</v>
      </c>
      <c r="D68302" s="14" t="s">
        <v>193</v>
      </c>
      <c r="E68302" s="15">
        <v>45423</v>
      </c>
      <c r="F68302" s="14" t="s">
        <v>15</v>
      </c>
      <c r="G68302" s="16">
        <v>0.34761750272826747</v>
      </c>
    </row>
    <row r="68303" spans="1:7" x14ac:dyDescent="0.3">
      <c r="A68303" s="13" t="s">
        <v>359</v>
      </c>
      <c r="B68303" s="14" t="s">
        <v>1</v>
      </c>
      <c r="C68303" s="14" t="s">
        <v>101</v>
      </c>
      <c r="D68303" s="14" t="s">
        <v>193</v>
      </c>
      <c r="E68303" s="15">
        <v>45424</v>
      </c>
      <c r="F68303" s="14" t="s">
        <v>15</v>
      </c>
      <c r="G68303" s="16">
        <v>0.34761750272826747</v>
      </c>
    </row>
    <row r="68304" spans="1:7" x14ac:dyDescent="0.3">
      <c r="A68304" s="13" t="s">
        <v>359</v>
      </c>
      <c r="B68304" s="14" t="s">
        <v>1</v>
      </c>
      <c r="C68304" s="14" t="s">
        <v>101</v>
      </c>
      <c r="D68304" s="14" t="s">
        <v>193</v>
      </c>
      <c r="E68304" s="15">
        <v>45425</v>
      </c>
      <c r="F68304" s="14" t="s">
        <v>15</v>
      </c>
      <c r="G68304" s="16">
        <v>0.34638111394042553</v>
      </c>
    </row>
    <row r="68305" spans="1:7" x14ac:dyDescent="0.3">
      <c r="A68305" s="13" t="s">
        <v>359</v>
      </c>
      <c r="B68305" s="14" t="s">
        <v>1</v>
      </c>
      <c r="C68305" s="14" t="s">
        <v>101</v>
      </c>
      <c r="D68305" s="14" t="s">
        <v>193</v>
      </c>
      <c r="E68305" s="15">
        <v>45426</v>
      </c>
      <c r="F68305" s="14" t="s">
        <v>15</v>
      </c>
      <c r="G68305" s="16">
        <v>0.33014472515258364</v>
      </c>
    </row>
    <row r="68306" spans="1:7" x14ac:dyDescent="0.3">
      <c r="A68306" s="13" t="s">
        <v>359</v>
      </c>
      <c r="B68306" s="14" t="s">
        <v>1</v>
      </c>
      <c r="C68306" s="14" t="s">
        <v>101</v>
      </c>
      <c r="D68306" s="14" t="s">
        <v>193</v>
      </c>
      <c r="E68306" s="15">
        <v>45427</v>
      </c>
      <c r="F68306" s="14" t="s">
        <v>15</v>
      </c>
      <c r="G68306" s="16">
        <v>0.32590833636474165</v>
      </c>
    </row>
    <row r="68307" spans="1:7" x14ac:dyDescent="0.3">
      <c r="A68307" s="13" t="s">
        <v>359</v>
      </c>
      <c r="B68307" s="14" t="s">
        <v>1</v>
      </c>
      <c r="C68307" s="14" t="s">
        <v>101</v>
      </c>
      <c r="D68307" s="14" t="s">
        <v>193</v>
      </c>
      <c r="E68307" s="15">
        <v>45428</v>
      </c>
      <c r="F68307" s="14" t="s">
        <v>15</v>
      </c>
      <c r="G68307" s="16">
        <v>0.36367194757689969</v>
      </c>
    </row>
    <row r="68308" spans="1:7" x14ac:dyDescent="0.3">
      <c r="A68308" s="13" t="s">
        <v>359</v>
      </c>
      <c r="B68308" s="14" t="s">
        <v>1</v>
      </c>
      <c r="C68308" s="14" t="s">
        <v>101</v>
      </c>
      <c r="D68308" s="14" t="s">
        <v>193</v>
      </c>
      <c r="E68308" s="15">
        <v>45429</v>
      </c>
      <c r="F68308" s="14" t="s">
        <v>15</v>
      </c>
      <c r="G68308" s="16">
        <v>0.39543555878905778</v>
      </c>
    </row>
    <row r="68309" spans="1:7" x14ac:dyDescent="0.3">
      <c r="A68309" s="13" t="s">
        <v>359</v>
      </c>
      <c r="B68309" s="14" t="s">
        <v>1</v>
      </c>
      <c r="C68309" s="14" t="s">
        <v>101</v>
      </c>
      <c r="D68309" s="14" t="s">
        <v>193</v>
      </c>
      <c r="E68309" s="15">
        <v>45430</v>
      </c>
      <c r="F68309" s="14" t="s">
        <v>15</v>
      </c>
      <c r="G68309" s="16">
        <v>0.39543555878905778</v>
      </c>
    </row>
    <row r="68310" spans="1:7" x14ac:dyDescent="0.3">
      <c r="A68310" s="13" t="s">
        <v>359</v>
      </c>
      <c r="B68310" s="14" t="s">
        <v>1</v>
      </c>
      <c r="C68310" s="14" t="s">
        <v>101</v>
      </c>
      <c r="D68310" s="14" t="s">
        <v>193</v>
      </c>
      <c r="E68310" s="15">
        <v>45431</v>
      </c>
      <c r="F68310" s="14" t="s">
        <v>15</v>
      </c>
      <c r="G68310" s="16">
        <v>0.39543555878905778</v>
      </c>
    </row>
    <row r="68311" spans="1:7" x14ac:dyDescent="0.3">
      <c r="A68311" s="13" t="s">
        <v>359</v>
      </c>
      <c r="B68311" s="14" t="s">
        <v>1</v>
      </c>
      <c r="C68311" s="14" t="s">
        <v>101</v>
      </c>
      <c r="D68311" s="14" t="s">
        <v>193</v>
      </c>
      <c r="E68311" s="15">
        <v>45432</v>
      </c>
      <c r="F68311" s="14" t="s">
        <v>15</v>
      </c>
      <c r="G68311" s="16">
        <v>0.39119917000121579</v>
      </c>
    </row>
    <row r="68312" spans="1:7" x14ac:dyDescent="0.3">
      <c r="A68312" s="13" t="s">
        <v>359</v>
      </c>
      <c r="B68312" s="14" t="s">
        <v>1</v>
      </c>
      <c r="C68312" s="14" t="s">
        <v>101</v>
      </c>
      <c r="D68312" s="14" t="s">
        <v>193</v>
      </c>
      <c r="E68312" s="15">
        <v>45433</v>
      </c>
      <c r="F68312" s="14" t="s">
        <v>15</v>
      </c>
      <c r="G68312" s="16">
        <v>0.38196278121337385</v>
      </c>
    </row>
    <row r="68313" spans="1:7" x14ac:dyDescent="0.3">
      <c r="A68313" s="13" t="s">
        <v>359</v>
      </c>
      <c r="B68313" s="14" t="s">
        <v>1</v>
      </c>
      <c r="C68313" s="14" t="s">
        <v>101</v>
      </c>
      <c r="D68313" s="14" t="s">
        <v>193</v>
      </c>
      <c r="E68313" s="15">
        <v>45434</v>
      </c>
      <c r="F68313" s="14" t="s">
        <v>15</v>
      </c>
      <c r="G68313" s="16">
        <v>0.37772639242553191</v>
      </c>
    </row>
    <row r="68314" spans="1:7" x14ac:dyDescent="0.3">
      <c r="A68314" s="13" t="s">
        <v>359</v>
      </c>
      <c r="B68314" s="14" t="s">
        <v>1</v>
      </c>
      <c r="C68314" s="14" t="s">
        <v>101</v>
      </c>
      <c r="D68314" s="14" t="s">
        <v>193</v>
      </c>
      <c r="E68314" s="15">
        <v>45435</v>
      </c>
      <c r="F68314" s="14" t="s">
        <v>15</v>
      </c>
      <c r="G68314" s="16">
        <v>0.37349000363768992</v>
      </c>
    </row>
    <row r="68315" spans="1:7" x14ac:dyDescent="0.3">
      <c r="A68315" s="13" t="s">
        <v>359</v>
      </c>
      <c r="B68315" s="14" t="s">
        <v>1</v>
      </c>
      <c r="C68315" s="14" t="s">
        <v>101</v>
      </c>
      <c r="D68315" s="14" t="s">
        <v>193</v>
      </c>
      <c r="E68315" s="15">
        <v>45436</v>
      </c>
      <c r="F68315" s="14" t="s">
        <v>15</v>
      </c>
      <c r="G68315" s="16">
        <v>0.37825361484984799</v>
      </c>
    </row>
    <row r="68316" spans="1:7" x14ac:dyDescent="0.3">
      <c r="A68316" s="13" t="s">
        <v>359</v>
      </c>
      <c r="B68316" s="14" t="s">
        <v>1</v>
      </c>
      <c r="C68316" s="14" t="s">
        <v>101</v>
      </c>
      <c r="D68316" s="14" t="s">
        <v>193</v>
      </c>
      <c r="E68316" s="15">
        <v>45437</v>
      </c>
      <c r="F68316" s="14" t="s">
        <v>15</v>
      </c>
      <c r="G68316" s="16">
        <v>0.37825361484984799</v>
      </c>
    </row>
    <row r="68317" spans="1:7" x14ac:dyDescent="0.3">
      <c r="A68317" s="13" t="s">
        <v>359</v>
      </c>
      <c r="B68317" s="14" t="s">
        <v>1</v>
      </c>
      <c r="C68317" s="14" t="s">
        <v>101</v>
      </c>
      <c r="D68317" s="14" t="s">
        <v>193</v>
      </c>
      <c r="E68317" s="15">
        <v>45438</v>
      </c>
      <c r="F68317" s="14" t="s">
        <v>15</v>
      </c>
      <c r="G68317" s="16">
        <v>0.37825361484984799</v>
      </c>
    </row>
    <row r="68318" spans="1:7" x14ac:dyDescent="0.3">
      <c r="A68318" s="13" t="s">
        <v>359</v>
      </c>
      <c r="B68318" s="14" t="s">
        <v>1</v>
      </c>
      <c r="C68318" s="14" t="s">
        <v>101</v>
      </c>
      <c r="D68318" s="14" t="s">
        <v>193</v>
      </c>
      <c r="E68318" s="15">
        <v>45439</v>
      </c>
      <c r="F68318" s="14" t="s">
        <v>15</v>
      </c>
      <c r="G68318" s="16">
        <v>0.37401722606200605</v>
      </c>
    </row>
    <row r="68319" spans="1:7" x14ac:dyDescent="0.3">
      <c r="A68319" s="13" t="s">
        <v>359</v>
      </c>
      <c r="B68319" s="14" t="s">
        <v>1</v>
      </c>
      <c r="C68319" s="14" t="s">
        <v>101</v>
      </c>
      <c r="D68319" s="14" t="s">
        <v>193</v>
      </c>
      <c r="E68319" s="15">
        <v>45440</v>
      </c>
      <c r="F68319" s="14" t="s">
        <v>15</v>
      </c>
      <c r="G68319" s="16">
        <v>0.3647808372741641</v>
      </c>
    </row>
    <row r="68320" spans="1:7" x14ac:dyDescent="0.3">
      <c r="A68320" s="13" t="s">
        <v>359</v>
      </c>
      <c r="B68320" s="14" t="s">
        <v>1</v>
      </c>
      <c r="C68320" s="14" t="s">
        <v>101</v>
      </c>
      <c r="D68320" s="14" t="s">
        <v>193</v>
      </c>
      <c r="E68320" s="15">
        <v>45441</v>
      </c>
      <c r="F68320" s="14" t="s">
        <v>15</v>
      </c>
      <c r="G68320" s="16">
        <v>0.3945444484863222</v>
      </c>
    </row>
    <row r="68321" spans="1:7" x14ac:dyDescent="0.3">
      <c r="A68321" s="13" t="s">
        <v>359</v>
      </c>
      <c r="B68321" s="14" t="s">
        <v>1</v>
      </c>
      <c r="C68321" s="14" t="s">
        <v>101</v>
      </c>
      <c r="D68321" s="14" t="s">
        <v>193</v>
      </c>
      <c r="E68321" s="15">
        <v>45442</v>
      </c>
      <c r="F68321" s="14" t="s">
        <v>15</v>
      </c>
      <c r="G68321" s="16">
        <v>0.3903080596984802</v>
      </c>
    </row>
    <row r="68322" spans="1:7" x14ac:dyDescent="0.3">
      <c r="A68322" s="13" t="s">
        <v>359</v>
      </c>
      <c r="B68322" s="14" t="s">
        <v>1</v>
      </c>
      <c r="C68322" s="14" t="s">
        <v>101</v>
      </c>
      <c r="D68322" s="14" t="s">
        <v>193</v>
      </c>
      <c r="E68322" s="15">
        <v>45443</v>
      </c>
      <c r="F68322" s="14" t="s">
        <v>15</v>
      </c>
      <c r="G68322" s="16">
        <v>0.39107167091063827</v>
      </c>
    </row>
    <row r="68323" spans="1:7" x14ac:dyDescent="0.3">
      <c r="A68323" s="13" t="s">
        <v>359</v>
      </c>
      <c r="B68323" s="14" t="s">
        <v>1</v>
      </c>
      <c r="C68323" s="14" t="s">
        <v>101</v>
      </c>
      <c r="D68323" s="14" t="s">
        <v>193</v>
      </c>
      <c r="E68323" s="15">
        <v>45444</v>
      </c>
      <c r="F68323" s="14" t="s">
        <v>15</v>
      </c>
      <c r="G68323" s="16">
        <v>0.39107167091063827</v>
      </c>
    </row>
    <row r="68324" spans="1:7" x14ac:dyDescent="0.3">
      <c r="A68324" s="13" t="s">
        <v>359</v>
      </c>
      <c r="B68324" s="14" t="s">
        <v>1</v>
      </c>
      <c r="C68324" s="14" t="s">
        <v>101</v>
      </c>
      <c r="D68324" s="14" t="s">
        <v>193</v>
      </c>
      <c r="E68324" s="15">
        <v>45445</v>
      </c>
      <c r="F68324" s="14" t="s">
        <v>15</v>
      </c>
      <c r="G68324" s="16">
        <v>0.39107167091063827</v>
      </c>
    </row>
    <row r="68325" spans="1:7" x14ac:dyDescent="0.3">
      <c r="A68325" s="13" t="s">
        <v>359</v>
      </c>
      <c r="B68325" s="14" t="s">
        <v>1</v>
      </c>
      <c r="C68325" s="14" t="s">
        <v>101</v>
      </c>
      <c r="D68325" s="14" t="s">
        <v>193</v>
      </c>
      <c r="E68325" s="15">
        <v>45446</v>
      </c>
      <c r="F68325" s="14" t="s">
        <v>15</v>
      </c>
      <c r="G68325" s="16">
        <v>0.39107167091063827</v>
      </c>
    </row>
    <row r="68326" spans="1:7" x14ac:dyDescent="0.3">
      <c r="A68326" s="13" t="s">
        <v>359</v>
      </c>
      <c r="B68326" s="14" t="s">
        <v>1</v>
      </c>
      <c r="C68326" s="14" t="s">
        <v>101</v>
      </c>
      <c r="D68326" s="14" t="s">
        <v>193</v>
      </c>
      <c r="E68326" s="15">
        <v>45447</v>
      </c>
      <c r="F68326" s="14" t="s">
        <v>15</v>
      </c>
      <c r="G68326" s="16">
        <v>0.42083528212279636</v>
      </c>
    </row>
    <row r="68327" spans="1:7" x14ac:dyDescent="0.3">
      <c r="A68327" s="13" t="s">
        <v>359</v>
      </c>
      <c r="B68327" s="14" t="s">
        <v>1</v>
      </c>
      <c r="C68327" s="14" t="s">
        <v>101</v>
      </c>
      <c r="D68327" s="14" t="s">
        <v>193</v>
      </c>
      <c r="E68327" s="15">
        <v>45448</v>
      </c>
      <c r="F68327" s="14" t="s">
        <v>15</v>
      </c>
      <c r="G68327" s="16">
        <v>0.42559889333495438</v>
      </c>
    </row>
    <row r="68328" spans="1:7" x14ac:dyDescent="0.3">
      <c r="A68328" s="13" t="s">
        <v>359</v>
      </c>
      <c r="B68328" s="14" t="s">
        <v>1</v>
      </c>
      <c r="C68328" s="14" t="s">
        <v>101</v>
      </c>
      <c r="D68328" s="14" t="s">
        <v>193</v>
      </c>
      <c r="E68328" s="15">
        <v>45449</v>
      </c>
      <c r="F68328" s="14" t="s">
        <v>15</v>
      </c>
      <c r="G68328" s="16">
        <v>0.43236250454711245</v>
      </c>
    </row>
    <row r="68329" spans="1:7" x14ac:dyDescent="0.3">
      <c r="A68329" s="13" t="s">
        <v>359</v>
      </c>
      <c r="B68329" s="14" t="s">
        <v>1</v>
      </c>
      <c r="C68329" s="14" t="s">
        <v>101</v>
      </c>
      <c r="D68329" s="14" t="s">
        <v>193</v>
      </c>
      <c r="E68329" s="15">
        <v>45450</v>
      </c>
      <c r="F68329" s="14" t="s">
        <v>15</v>
      </c>
      <c r="G68329" s="16">
        <v>0.43312611575927046</v>
      </c>
    </row>
    <row r="68330" spans="1:7" x14ac:dyDescent="0.3">
      <c r="A68330" s="13" t="s">
        <v>359</v>
      </c>
      <c r="B68330" s="14" t="s">
        <v>1</v>
      </c>
      <c r="C68330" s="14" t="s">
        <v>101</v>
      </c>
      <c r="D68330" s="14" t="s">
        <v>193</v>
      </c>
      <c r="E68330" s="15">
        <v>45451</v>
      </c>
      <c r="F68330" s="14" t="s">
        <v>15</v>
      </c>
      <c r="G68330" s="16">
        <v>0.43312611575927046</v>
      </c>
    </row>
    <row r="68331" spans="1:7" x14ac:dyDescent="0.3">
      <c r="A68331" s="13" t="s">
        <v>359</v>
      </c>
      <c r="B68331" s="14" t="s">
        <v>1</v>
      </c>
      <c r="C68331" s="14" t="s">
        <v>101</v>
      </c>
      <c r="D68331" s="14" t="s">
        <v>193</v>
      </c>
      <c r="E68331" s="15">
        <v>45452</v>
      </c>
      <c r="F68331" s="14" t="s">
        <v>15</v>
      </c>
      <c r="G68331" s="16">
        <v>0.43312611575927046</v>
      </c>
    </row>
    <row r="68332" spans="1:7" x14ac:dyDescent="0.3">
      <c r="A68332" s="13" t="s">
        <v>359</v>
      </c>
      <c r="B68332" s="14" t="s">
        <v>1</v>
      </c>
      <c r="C68332" s="14" t="s">
        <v>101</v>
      </c>
      <c r="D68332" s="14" t="s">
        <v>193</v>
      </c>
      <c r="E68332" s="15">
        <v>45453</v>
      </c>
      <c r="F68332" s="14" t="s">
        <v>15</v>
      </c>
      <c r="G68332" s="16">
        <v>0.43688972697142853</v>
      </c>
    </row>
    <row r="68333" spans="1:7" x14ac:dyDescent="0.3">
      <c r="A68333" s="13" t="s">
        <v>359</v>
      </c>
      <c r="B68333" s="14" t="s">
        <v>1</v>
      </c>
      <c r="C68333" s="14" t="s">
        <v>101</v>
      </c>
      <c r="D68333" s="14" t="s">
        <v>193</v>
      </c>
      <c r="E68333" s="15">
        <v>45454</v>
      </c>
      <c r="F68333" s="14" t="s">
        <v>15</v>
      </c>
      <c r="G68333" s="16">
        <v>0.49465333818358659</v>
      </c>
    </row>
    <row r="68334" spans="1:7" x14ac:dyDescent="0.3">
      <c r="A68334" s="13" t="s">
        <v>359</v>
      </c>
      <c r="B68334" s="14" t="s">
        <v>1</v>
      </c>
      <c r="C68334" s="14" t="s">
        <v>101</v>
      </c>
      <c r="D68334" s="14" t="s">
        <v>193</v>
      </c>
      <c r="E68334" s="15">
        <v>45455</v>
      </c>
      <c r="F68334" s="14" t="s">
        <v>15</v>
      </c>
      <c r="G68334" s="16">
        <v>0.49041694939574459</v>
      </c>
    </row>
    <row r="68335" spans="1:7" x14ac:dyDescent="0.3">
      <c r="A68335" s="13" t="s">
        <v>359</v>
      </c>
      <c r="B68335" s="14" t="s">
        <v>1</v>
      </c>
      <c r="C68335" s="14" t="s">
        <v>101</v>
      </c>
      <c r="D68335" s="14" t="s">
        <v>193</v>
      </c>
      <c r="E68335" s="15">
        <v>45456</v>
      </c>
      <c r="F68335" s="14" t="s">
        <v>15</v>
      </c>
      <c r="G68335" s="16">
        <v>0.48618056060790266</v>
      </c>
    </row>
    <row r="68336" spans="1:7" x14ac:dyDescent="0.3">
      <c r="A68336" s="13" t="s">
        <v>359</v>
      </c>
      <c r="B68336" s="14" t="s">
        <v>1</v>
      </c>
      <c r="C68336" s="14" t="s">
        <v>101</v>
      </c>
      <c r="D68336" s="14" t="s">
        <v>193</v>
      </c>
      <c r="E68336" s="15">
        <v>45457</v>
      </c>
      <c r="F68336" s="14" t="s">
        <v>15</v>
      </c>
      <c r="G68336" s="16">
        <v>0.48694417182006067</v>
      </c>
    </row>
    <row r="68337" spans="1:7" x14ac:dyDescent="0.3">
      <c r="A68337" s="13" t="s">
        <v>359</v>
      </c>
      <c r="B68337" s="14" t="s">
        <v>1</v>
      </c>
      <c r="C68337" s="14" t="s">
        <v>101</v>
      </c>
      <c r="D68337" s="14" t="s">
        <v>193</v>
      </c>
      <c r="E68337" s="15">
        <v>45458</v>
      </c>
      <c r="F68337" s="14" t="s">
        <v>15</v>
      </c>
      <c r="G68337" s="16">
        <v>0.48694417182006067</v>
      </c>
    </row>
    <row r="68338" spans="1:7" x14ac:dyDescent="0.3">
      <c r="A68338" s="13" t="s">
        <v>359</v>
      </c>
      <c r="B68338" s="14" t="s">
        <v>1</v>
      </c>
      <c r="C68338" s="14" t="s">
        <v>101</v>
      </c>
      <c r="D68338" s="14" t="s">
        <v>193</v>
      </c>
      <c r="E68338" s="15">
        <v>45459</v>
      </c>
      <c r="F68338" s="14" t="s">
        <v>15</v>
      </c>
      <c r="G68338" s="16">
        <v>0.48694417182006067</v>
      </c>
    </row>
    <row r="68339" spans="1:7" x14ac:dyDescent="0.3">
      <c r="A68339" s="13" t="s">
        <v>359</v>
      </c>
      <c r="B68339" s="14" t="s">
        <v>1</v>
      </c>
      <c r="C68339" s="14" t="s">
        <v>101</v>
      </c>
      <c r="D68339" s="14" t="s">
        <v>193</v>
      </c>
      <c r="E68339" s="15">
        <v>45460</v>
      </c>
      <c r="F68339" s="14" t="s">
        <v>15</v>
      </c>
      <c r="G68339" s="16">
        <v>0.48470778303221873</v>
      </c>
    </row>
    <row r="68340" spans="1:7" x14ac:dyDescent="0.3">
      <c r="A68340" s="13" t="s">
        <v>359</v>
      </c>
      <c r="B68340" s="14" t="s">
        <v>1</v>
      </c>
      <c r="C68340" s="14" t="s">
        <v>101</v>
      </c>
      <c r="D68340" s="14" t="s">
        <v>193</v>
      </c>
      <c r="E68340" s="15">
        <v>45461</v>
      </c>
      <c r="F68340" s="14" t="s">
        <v>15</v>
      </c>
      <c r="G68340" s="16">
        <v>0.49747139424437681</v>
      </c>
    </row>
    <row r="68341" spans="1:7" x14ac:dyDescent="0.3">
      <c r="A68341" s="13" t="s">
        <v>359</v>
      </c>
      <c r="B68341" s="14" t="s">
        <v>1</v>
      </c>
      <c r="C68341" s="14" t="s">
        <v>101</v>
      </c>
      <c r="D68341" s="14" t="s">
        <v>193</v>
      </c>
      <c r="E68341" s="15">
        <v>45462</v>
      </c>
      <c r="F68341" s="14" t="s">
        <v>15</v>
      </c>
      <c r="G68341" s="16">
        <v>0.49923500545653487</v>
      </c>
    </row>
    <row r="68342" spans="1:7" x14ac:dyDescent="0.3">
      <c r="A68342" s="13" t="s">
        <v>359</v>
      </c>
      <c r="B68342" s="14" t="s">
        <v>1</v>
      </c>
      <c r="C68342" s="14" t="s">
        <v>101</v>
      </c>
      <c r="D68342" s="14" t="s">
        <v>193</v>
      </c>
      <c r="E68342" s="15">
        <v>45463</v>
      </c>
      <c r="F68342" s="14" t="s">
        <v>15</v>
      </c>
      <c r="G68342" s="16">
        <v>0.49499861666869294</v>
      </c>
    </row>
    <row r="68343" spans="1:7" x14ac:dyDescent="0.3">
      <c r="A68343" s="13" t="s">
        <v>359</v>
      </c>
      <c r="B68343" s="14" t="s">
        <v>1</v>
      </c>
      <c r="C68343" s="14" t="s">
        <v>101</v>
      </c>
      <c r="D68343" s="14" t="s">
        <v>193</v>
      </c>
      <c r="E68343" s="15">
        <v>45464</v>
      </c>
      <c r="F68343" s="14" t="s">
        <v>15</v>
      </c>
      <c r="G68343" s="16">
        <v>0.49576222788085095</v>
      </c>
    </row>
    <row r="68344" spans="1:7" x14ac:dyDescent="0.3">
      <c r="A68344" s="13" t="s">
        <v>359</v>
      </c>
      <c r="B68344" s="14" t="s">
        <v>1</v>
      </c>
      <c r="C68344" s="14" t="s">
        <v>101</v>
      </c>
      <c r="D68344" s="14" t="s">
        <v>193</v>
      </c>
      <c r="E68344" s="15">
        <v>45465</v>
      </c>
      <c r="F68344" s="14" t="s">
        <v>15</v>
      </c>
      <c r="G68344" s="16">
        <v>0.49576222788085095</v>
      </c>
    </row>
    <row r="68345" spans="1:7" x14ac:dyDescent="0.3">
      <c r="A68345" s="13" t="s">
        <v>359</v>
      </c>
      <c r="B68345" s="14" t="s">
        <v>1</v>
      </c>
      <c r="C68345" s="14" t="s">
        <v>101</v>
      </c>
      <c r="D68345" s="14" t="s">
        <v>193</v>
      </c>
      <c r="E68345" s="15">
        <v>45466</v>
      </c>
      <c r="F68345" s="14" t="s">
        <v>15</v>
      </c>
      <c r="G68345" s="16">
        <v>0.49576222788085095</v>
      </c>
    </row>
    <row r="68346" spans="1:7" x14ac:dyDescent="0.3">
      <c r="A68346" s="13" t="s">
        <v>359</v>
      </c>
      <c r="B68346" s="14" t="s">
        <v>1</v>
      </c>
      <c r="C68346" s="14" t="s">
        <v>101</v>
      </c>
      <c r="D68346" s="14" t="s">
        <v>193</v>
      </c>
      <c r="E68346" s="15">
        <v>45467</v>
      </c>
      <c r="F68346" s="14" t="s">
        <v>15</v>
      </c>
      <c r="G68346" s="16">
        <v>0.49152583909300895</v>
      </c>
    </row>
    <row r="68347" spans="1:7" x14ac:dyDescent="0.3">
      <c r="A68347" s="13" t="s">
        <v>359</v>
      </c>
      <c r="B68347" s="14" t="s">
        <v>1</v>
      </c>
      <c r="C68347" s="14" t="s">
        <v>101</v>
      </c>
      <c r="D68347" s="14" t="s">
        <v>193</v>
      </c>
      <c r="E68347" s="15">
        <v>45468</v>
      </c>
      <c r="F68347" s="14" t="s">
        <v>15</v>
      </c>
      <c r="G68347" s="16">
        <v>0.48228945030516701</v>
      </c>
    </row>
    <row r="68348" spans="1:7" x14ac:dyDescent="0.3">
      <c r="A68348" s="13" t="s">
        <v>359</v>
      </c>
      <c r="B68348" s="14" t="s">
        <v>1</v>
      </c>
      <c r="C68348" s="14" t="s">
        <v>101</v>
      </c>
      <c r="D68348" s="14" t="s">
        <v>193</v>
      </c>
      <c r="E68348" s="15">
        <v>45469</v>
      </c>
      <c r="F68348" s="14" t="s">
        <v>15</v>
      </c>
      <c r="G68348" s="16">
        <v>0.47805306151732507</v>
      </c>
    </row>
    <row r="68349" spans="1:7" x14ac:dyDescent="0.3">
      <c r="A68349" s="13" t="s">
        <v>359</v>
      </c>
      <c r="B68349" s="14" t="s">
        <v>1</v>
      </c>
      <c r="C68349" s="14" t="s">
        <v>101</v>
      </c>
      <c r="D68349" s="14" t="s">
        <v>193</v>
      </c>
      <c r="E68349" s="15">
        <v>45470</v>
      </c>
      <c r="F68349" s="14" t="s">
        <v>15</v>
      </c>
      <c r="G68349" s="16">
        <v>0.47381667272948313</v>
      </c>
    </row>
    <row r="68350" spans="1:7" x14ac:dyDescent="0.3">
      <c r="A68350" s="13" t="s">
        <v>359</v>
      </c>
      <c r="B68350" s="14" t="s">
        <v>1</v>
      </c>
      <c r="C68350" s="14" t="s">
        <v>101</v>
      </c>
      <c r="D68350" s="14" t="s">
        <v>193</v>
      </c>
      <c r="E68350" s="15">
        <v>45471</v>
      </c>
      <c r="F68350" s="14" t="s">
        <v>15</v>
      </c>
      <c r="G68350" s="16">
        <v>0.48358028394164121</v>
      </c>
    </row>
    <row r="68351" spans="1:7" x14ac:dyDescent="0.3">
      <c r="A68351" s="13" t="s">
        <v>359</v>
      </c>
      <c r="B68351" s="14" t="s">
        <v>1</v>
      </c>
      <c r="C68351" s="14" t="s">
        <v>101</v>
      </c>
      <c r="D68351" s="14" t="s">
        <v>193</v>
      </c>
      <c r="E68351" s="15">
        <v>45472</v>
      </c>
      <c r="F68351" s="14" t="s">
        <v>15</v>
      </c>
      <c r="G68351" s="16">
        <v>0.48358028394164121</v>
      </c>
    </row>
    <row r="68352" spans="1:7" x14ac:dyDescent="0.3">
      <c r="A68352" s="13" t="s">
        <v>359</v>
      </c>
      <c r="B68352" s="14" t="s">
        <v>1</v>
      </c>
      <c r="C68352" s="14" t="s">
        <v>101</v>
      </c>
      <c r="D68352" s="14" t="s">
        <v>193</v>
      </c>
      <c r="E68352" s="15">
        <v>45473</v>
      </c>
      <c r="F68352" s="14" t="s">
        <v>15</v>
      </c>
      <c r="G68352" s="16">
        <v>0.48358028394164121</v>
      </c>
    </row>
    <row r="68353" spans="1:7" x14ac:dyDescent="0.3">
      <c r="A68353" s="13" t="s">
        <v>359</v>
      </c>
      <c r="B68353" s="14" t="s">
        <v>1</v>
      </c>
      <c r="C68353" s="14" t="s">
        <v>101</v>
      </c>
      <c r="D68353" s="14" t="s">
        <v>193</v>
      </c>
      <c r="E68353" s="15">
        <v>45474</v>
      </c>
      <c r="F68353" s="14" t="s">
        <v>15</v>
      </c>
      <c r="G68353" s="16">
        <v>0.48434389515379922</v>
      </c>
    </row>
    <row r="68354" spans="1:7" x14ac:dyDescent="0.3">
      <c r="A68354" s="13" t="s">
        <v>359</v>
      </c>
      <c r="B68354" s="14" t="s">
        <v>1</v>
      </c>
      <c r="C68354" s="14" t="s">
        <v>101</v>
      </c>
      <c r="D68354" s="14" t="s">
        <v>193</v>
      </c>
      <c r="E68354" s="15">
        <v>45475</v>
      </c>
      <c r="F68354" s="14" t="s">
        <v>15</v>
      </c>
      <c r="G68354" s="16">
        <v>0.47510750636595728</v>
      </c>
    </row>
    <row r="68355" spans="1:7" x14ac:dyDescent="0.3">
      <c r="A68355" s="13" t="s">
        <v>359</v>
      </c>
      <c r="B68355" s="14" t="s">
        <v>1</v>
      </c>
      <c r="C68355" s="14" t="s">
        <v>101</v>
      </c>
      <c r="D68355" s="14" t="s">
        <v>193</v>
      </c>
      <c r="E68355" s="15">
        <v>45476</v>
      </c>
      <c r="F68355" s="14" t="s">
        <v>15</v>
      </c>
      <c r="G68355" s="16">
        <v>0.47087111757811534</v>
      </c>
    </row>
    <row r="68356" spans="1:7" x14ac:dyDescent="0.3">
      <c r="A68356" s="13" t="s">
        <v>359</v>
      </c>
      <c r="B68356" s="14" t="s">
        <v>1</v>
      </c>
      <c r="C68356" s="14" t="s">
        <v>101</v>
      </c>
      <c r="D68356" s="14" t="s">
        <v>193</v>
      </c>
      <c r="E68356" s="15">
        <v>45477</v>
      </c>
      <c r="F68356" s="14" t="s">
        <v>15</v>
      </c>
      <c r="G68356" s="16">
        <v>0.47063472879027335</v>
      </c>
    </row>
    <row r="68357" spans="1:7" x14ac:dyDescent="0.3">
      <c r="A68357" s="13" t="s">
        <v>359</v>
      </c>
      <c r="B68357" s="14" t="s">
        <v>1</v>
      </c>
      <c r="C68357" s="14" t="s">
        <v>101</v>
      </c>
      <c r="D68357" s="14" t="s">
        <v>193</v>
      </c>
      <c r="E68357" s="15">
        <v>45478</v>
      </c>
      <c r="F68357" s="14" t="s">
        <v>15</v>
      </c>
      <c r="G68357" s="16">
        <v>0.46639834000243141</v>
      </c>
    </row>
    <row r="68358" spans="1:7" x14ac:dyDescent="0.3">
      <c r="A68358" s="13" t="s">
        <v>359</v>
      </c>
      <c r="B68358" s="14" t="s">
        <v>1</v>
      </c>
      <c r="C68358" s="14" t="s">
        <v>101</v>
      </c>
      <c r="D68358" s="14" t="s">
        <v>193</v>
      </c>
      <c r="E68358" s="15">
        <v>45479</v>
      </c>
      <c r="F68358" s="14" t="s">
        <v>15</v>
      </c>
      <c r="G68358" s="16">
        <v>0.46639834000243141</v>
      </c>
    </row>
    <row r="68359" spans="1:7" x14ac:dyDescent="0.3">
      <c r="A68359" s="13" t="s">
        <v>359</v>
      </c>
      <c r="B68359" s="14" t="s">
        <v>1</v>
      </c>
      <c r="C68359" s="14" t="s">
        <v>101</v>
      </c>
      <c r="D68359" s="14" t="s">
        <v>193</v>
      </c>
      <c r="E68359" s="15">
        <v>45480</v>
      </c>
      <c r="F68359" s="14" t="s">
        <v>15</v>
      </c>
      <c r="G68359" s="16">
        <v>0.46639834000243141</v>
      </c>
    </row>
    <row r="68360" spans="1:7" x14ac:dyDescent="0.3">
      <c r="A68360" s="13" t="s">
        <v>359</v>
      </c>
      <c r="B68360" s="14" t="s">
        <v>1</v>
      </c>
      <c r="C68360" s="14" t="s">
        <v>101</v>
      </c>
      <c r="D68360" s="14" t="s">
        <v>193</v>
      </c>
      <c r="E68360" s="15">
        <v>45481</v>
      </c>
      <c r="F68360" s="14" t="s">
        <v>15</v>
      </c>
      <c r="G68360" s="16">
        <v>0.46316195121458942</v>
      </c>
    </row>
    <row r="68361" spans="1:7" x14ac:dyDescent="0.3">
      <c r="A68361" s="13" t="s">
        <v>359</v>
      </c>
      <c r="B68361" s="14" t="s">
        <v>1</v>
      </c>
      <c r="C68361" s="14" t="s">
        <v>101</v>
      </c>
      <c r="D68361" s="14" t="s">
        <v>193</v>
      </c>
      <c r="E68361" s="15">
        <v>45482</v>
      </c>
      <c r="F68361" s="14" t="s">
        <v>15</v>
      </c>
      <c r="G68361" s="16">
        <v>0.45392556242674748</v>
      </c>
    </row>
    <row r="68362" spans="1:7" x14ac:dyDescent="0.3">
      <c r="A68362" s="13" t="s">
        <v>359</v>
      </c>
      <c r="B68362" s="14" t="s">
        <v>1</v>
      </c>
      <c r="C68362" s="14" t="s">
        <v>101</v>
      </c>
      <c r="D68362" s="14" t="s">
        <v>193</v>
      </c>
      <c r="E68362" s="15">
        <v>45483</v>
      </c>
      <c r="F68362" s="14" t="s">
        <v>15</v>
      </c>
      <c r="G68362" s="16">
        <v>0.44968917363890554</v>
      </c>
    </row>
    <row r="68363" spans="1:7" x14ac:dyDescent="0.3">
      <c r="A68363" s="13" t="s">
        <v>359</v>
      </c>
      <c r="B68363" s="14" t="s">
        <v>1</v>
      </c>
      <c r="C68363" s="14" t="s">
        <v>101</v>
      </c>
      <c r="D68363" s="14" t="s">
        <v>193</v>
      </c>
      <c r="E68363" s="15">
        <v>45484</v>
      </c>
      <c r="F68363" s="14" t="s">
        <v>15</v>
      </c>
      <c r="G68363" s="16">
        <v>0.44545278485106354</v>
      </c>
    </row>
    <row r="68364" spans="1:7" x14ac:dyDescent="0.3">
      <c r="A68364" s="13" t="s">
        <v>359</v>
      </c>
      <c r="B68364" s="14" t="s">
        <v>1</v>
      </c>
      <c r="C68364" s="14" t="s">
        <v>101</v>
      </c>
      <c r="D68364" s="14" t="s">
        <v>193</v>
      </c>
      <c r="E68364" s="15">
        <v>45485</v>
      </c>
      <c r="F68364" s="14" t="s">
        <v>15</v>
      </c>
      <c r="G68364" s="16">
        <v>0.45021639606322161</v>
      </c>
    </row>
    <row r="68365" spans="1:7" x14ac:dyDescent="0.3">
      <c r="A68365" s="13" t="s">
        <v>359</v>
      </c>
      <c r="B68365" s="14" t="s">
        <v>1</v>
      </c>
      <c r="C68365" s="14" t="s">
        <v>101</v>
      </c>
      <c r="D68365" s="14" t="s">
        <v>193</v>
      </c>
      <c r="E68365" s="15">
        <v>45486</v>
      </c>
      <c r="F68365" s="14" t="s">
        <v>15</v>
      </c>
      <c r="G68365" s="16">
        <v>0.45021639606322161</v>
      </c>
    </row>
    <row r="68366" spans="1:7" x14ac:dyDescent="0.3">
      <c r="A68366" s="13" t="s">
        <v>359</v>
      </c>
      <c r="B68366" s="14" t="s">
        <v>1</v>
      </c>
      <c r="C68366" s="14" t="s">
        <v>101</v>
      </c>
      <c r="D68366" s="14" t="s">
        <v>193</v>
      </c>
      <c r="E68366" s="15">
        <v>45487</v>
      </c>
      <c r="F68366" s="14" t="s">
        <v>15</v>
      </c>
      <c r="G68366" s="16">
        <v>0.45021639606322161</v>
      </c>
    </row>
    <row r="68367" spans="1:7" x14ac:dyDescent="0.3">
      <c r="A68367" s="13" t="s">
        <v>359</v>
      </c>
      <c r="B68367" s="14" t="s">
        <v>1</v>
      </c>
      <c r="C68367" s="14" t="s">
        <v>101</v>
      </c>
      <c r="D68367" s="14" t="s">
        <v>193</v>
      </c>
      <c r="E68367" s="15">
        <v>45488</v>
      </c>
      <c r="F68367" s="14" t="s">
        <v>15</v>
      </c>
      <c r="G68367" s="16">
        <v>0.45098000727537962</v>
      </c>
    </row>
    <row r="68368" spans="1:7" x14ac:dyDescent="0.3">
      <c r="A68368" s="13" t="s">
        <v>359</v>
      </c>
      <c r="B68368" s="14" t="s">
        <v>1</v>
      </c>
      <c r="C68368" s="14" t="s">
        <v>101</v>
      </c>
      <c r="D68368" s="14" t="s">
        <v>193</v>
      </c>
      <c r="E68368" s="15">
        <v>45489</v>
      </c>
      <c r="F68368" s="14" t="s">
        <v>15</v>
      </c>
      <c r="G68368" s="16">
        <v>0.44174361848753768</v>
      </c>
    </row>
    <row r="68369" spans="1:7" x14ac:dyDescent="0.3">
      <c r="A68369" s="13" t="s">
        <v>359</v>
      </c>
      <c r="B68369" s="14" t="s">
        <v>1</v>
      </c>
      <c r="C68369" s="14" t="s">
        <v>101</v>
      </c>
      <c r="D68369" s="14" t="s">
        <v>193</v>
      </c>
      <c r="E68369" s="15">
        <v>45490</v>
      </c>
      <c r="F68369" s="14" t="s">
        <v>15</v>
      </c>
      <c r="G68369" s="16">
        <v>0.43750722969969569</v>
      </c>
    </row>
    <row r="68370" spans="1:7" x14ac:dyDescent="0.3">
      <c r="A68370" s="13" t="s">
        <v>359</v>
      </c>
      <c r="B68370" s="14" t="s">
        <v>1</v>
      </c>
      <c r="C68370" s="14" t="s">
        <v>101</v>
      </c>
      <c r="D68370" s="14" t="s">
        <v>193</v>
      </c>
      <c r="E68370" s="15">
        <v>45491</v>
      </c>
      <c r="F68370" s="14" t="s">
        <v>15</v>
      </c>
      <c r="G68370" s="16">
        <v>0.43327084091185375</v>
      </c>
    </row>
    <row r="68371" spans="1:7" x14ac:dyDescent="0.3">
      <c r="A68371" s="13" t="s">
        <v>359</v>
      </c>
      <c r="B68371" s="14" t="s">
        <v>1</v>
      </c>
      <c r="C68371" s="14" t="s">
        <v>101</v>
      </c>
      <c r="D68371" s="14" t="s">
        <v>193</v>
      </c>
      <c r="E68371" s="15">
        <v>45492</v>
      </c>
      <c r="F68371" s="14" t="s">
        <v>15</v>
      </c>
      <c r="G68371" s="16">
        <v>0.43703445212401182</v>
      </c>
    </row>
    <row r="68372" spans="1:7" x14ac:dyDescent="0.3">
      <c r="A68372" s="13" t="s">
        <v>359</v>
      </c>
      <c r="B68372" s="14" t="s">
        <v>1</v>
      </c>
      <c r="C68372" s="14" t="s">
        <v>101</v>
      </c>
      <c r="D68372" s="14" t="s">
        <v>193</v>
      </c>
      <c r="E68372" s="15">
        <v>45493</v>
      </c>
      <c r="F68372" s="14" t="s">
        <v>15</v>
      </c>
      <c r="G68372" s="16">
        <v>0.43703445212401182</v>
      </c>
    </row>
    <row r="68373" spans="1:7" x14ac:dyDescent="0.3">
      <c r="A68373" s="13" t="s">
        <v>359</v>
      </c>
      <c r="B68373" s="14" t="s">
        <v>1</v>
      </c>
      <c r="C68373" s="14" t="s">
        <v>101</v>
      </c>
      <c r="D68373" s="14" t="s">
        <v>193</v>
      </c>
      <c r="E68373" s="15">
        <v>45494</v>
      </c>
      <c r="F68373" s="14" t="s">
        <v>15</v>
      </c>
      <c r="G68373" s="16">
        <v>0.43703445212401182</v>
      </c>
    </row>
    <row r="68374" spans="1:7" x14ac:dyDescent="0.3">
      <c r="A68374" s="13" t="s">
        <v>359</v>
      </c>
      <c r="B68374" s="14" t="s">
        <v>1</v>
      </c>
      <c r="C68374" s="14" t="s">
        <v>101</v>
      </c>
      <c r="D68374" s="14" t="s">
        <v>193</v>
      </c>
      <c r="E68374" s="15">
        <v>45495</v>
      </c>
      <c r="F68374" s="14" t="s">
        <v>15</v>
      </c>
      <c r="G68374" s="16">
        <v>0.43279806333616982</v>
      </c>
    </row>
    <row r="68375" spans="1:7" x14ac:dyDescent="0.3">
      <c r="A68375" s="13" t="s">
        <v>359</v>
      </c>
      <c r="B68375" s="14" t="s">
        <v>1</v>
      </c>
      <c r="C68375" s="14" t="s">
        <v>101</v>
      </c>
      <c r="D68375" s="14" t="s">
        <v>193</v>
      </c>
      <c r="E68375" s="15">
        <v>45496</v>
      </c>
      <c r="F68375" s="14" t="s">
        <v>15</v>
      </c>
      <c r="G68375" s="16">
        <v>0.42356167454832788</v>
      </c>
    </row>
    <row r="68376" spans="1:7" x14ac:dyDescent="0.3">
      <c r="A68376" s="13" t="s">
        <v>359</v>
      </c>
      <c r="B68376" s="14" t="s">
        <v>1</v>
      </c>
      <c r="C68376" s="14" t="s">
        <v>101</v>
      </c>
      <c r="D68376" s="14" t="s">
        <v>193</v>
      </c>
      <c r="E68376" s="15">
        <v>45497</v>
      </c>
      <c r="F68376" s="14" t="s">
        <v>15</v>
      </c>
      <c r="G68376" s="16">
        <v>0.41932528576048594</v>
      </c>
    </row>
    <row r="68377" spans="1:7" x14ac:dyDescent="0.3">
      <c r="A68377" s="13" t="s">
        <v>359</v>
      </c>
      <c r="B68377" s="14" t="s">
        <v>1</v>
      </c>
      <c r="C68377" s="14" t="s">
        <v>101</v>
      </c>
      <c r="D68377" s="14" t="s">
        <v>193</v>
      </c>
      <c r="E68377" s="15">
        <v>45498</v>
      </c>
      <c r="F68377" s="14" t="s">
        <v>15</v>
      </c>
      <c r="G68377" s="16">
        <v>0.41508889697264395</v>
      </c>
    </row>
    <row r="68378" spans="1:7" x14ac:dyDescent="0.3">
      <c r="A68378" s="13" t="s">
        <v>359</v>
      </c>
      <c r="B68378" s="14" t="s">
        <v>1</v>
      </c>
      <c r="C68378" s="14" t="s">
        <v>101</v>
      </c>
      <c r="D68378" s="14" t="s">
        <v>193</v>
      </c>
      <c r="E68378" s="15">
        <v>45499</v>
      </c>
      <c r="F68378" s="14" t="s">
        <v>15</v>
      </c>
      <c r="G68378" s="16">
        <v>0.47485250818480207</v>
      </c>
    </row>
    <row r="68379" spans="1:7" x14ac:dyDescent="0.3">
      <c r="A68379" s="13" t="s">
        <v>359</v>
      </c>
      <c r="B68379" s="14" t="s">
        <v>1</v>
      </c>
      <c r="C68379" s="14" t="s">
        <v>101</v>
      </c>
      <c r="D68379" s="14" t="s">
        <v>193</v>
      </c>
      <c r="E68379" s="15">
        <v>45500</v>
      </c>
      <c r="F68379" s="14" t="s">
        <v>15</v>
      </c>
      <c r="G68379" s="16">
        <v>0.47485250818480207</v>
      </c>
    </row>
    <row r="68380" spans="1:7" x14ac:dyDescent="0.3">
      <c r="A68380" s="13" t="s">
        <v>359</v>
      </c>
      <c r="B68380" s="14" t="s">
        <v>1</v>
      </c>
      <c r="C68380" s="14" t="s">
        <v>101</v>
      </c>
      <c r="D68380" s="14" t="s">
        <v>193</v>
      </c>
      <c r="E68380" s="15">
        <v>45501</v>
      </c>
      <c r="F68380" s="14" t="s">
        <v>15</v>
      </c>
      <c r="G68380" s="16">
        <v>0.47485250818480207</v>
      </c>
    </row>
    <row r="68381" spans="1:7" x14ac:dyDescent="0.3">
      <c r="A68381" s="13" t="s">
        <v>359</v>
      </c>
      <c r="B68381" s="14" t="s">
        <v>1</v>
      </c>
      <c r="C68381" s="14" t="s">
        <v>101</v>
      </c>
      <c r="D68381" s="14" t="s">
        <v>193</v>
      </c>
      <c r="E68381" s="15">
        <v>45502</v>
      </c>
      <c r="F68381" s="14" t="s">
        <v>15</v>
      </c>
      <c r="G68381" s="16">
        <v>0.47861611939696014</v>
      </c>
    </row>
    <row r="68382" spans="1:7" x14ac:dyDescent="0.3">
      <c r="A68382" s="13" t="s">
        <v>359</v>
      </c>
      <c r="B68382" s="14" t="s">
        <v>1</v>
      </c>
      <c r="C68382" s="14" t="s">
        <v>101</v>
      </c>
      <c r="D68382" s="14" t="s">
        <v>193</v>
      </c>
      <c r="E68382" s="15">
        <v>45503</v>
      </c>
      <c r="F68382" s="14" t="s">
        <v>15</v>
      </c>
      <c r="G68382" s="16">
        <v>0.47037973060911814</v>
      </c>
    </row>
    <row r="68383" spans="1:7" x14ac:dyDescent="0.3">
      <c r="A68383" s="13" t="s">
        <v>359</v>
      </c>
      <c r="B68383" s="14" t="s">
        <v>1</v>
      </c>
      <c r="C68383" s="14" t="s">
        <v>101</v>
      </c>
      <c r="D68383" s="14" t="s">
        <v>193</v>
      </c>
      <c r="E68383" s="15">
        <v>45504</v>
      </c>
      <c r="F68383" s="14" t="s">
        <v>15</v>
      </c>
      <c r="G68383" s="16">
        <v>0.4661433418212762</v>
      </c>
    </row>
    <row r="68384" spans="1:7" x14ac:dyDescent="0.3">
      <c r="A68384" s="13" t="s">
        <v>359</v>
      </c>
      <c r="B68384" s="14" t="s">
        <v>1</v>
      </c>
      <c r="C68384" s="14" t="s">
        <v>101</v>
      </c>
      <c r="D68384" s="14" t="s">
        <v>193</v>
      </c>
      <c r="E68384" s="15">
        <v>45505</v>
      </c>
      <c r="F68384" s="14" t="s">
        <v>15</v>
      </c>
      <c r="G68384" s="16">
        <v>0.47190695303343427</v>
      </c>
    </row>
    <row r="68385" spans="1:7" x14ac:dyDescent="0.3">
      <c r="A68385" s="13" t="s">
        <v>359</v>
      </c>
      <c r="B68385" s="14" t="s">
        <v>1</v>
      </c>
      <c r="C68385" s="14" t="s">
        <v>101</v>
      </c>
      <c r="D68385" s="14" t="s">
        <v>193</v>
      </c>
      <c r="E68385" s="15">
        <v>45506</v>
      </c>
      <c r="F68385" s="14" t="s">
        <v>15</v>
      </c>
      <c r="G68385" s="16">
        <v>0.46767056424559234</v>
      </c>
    </row>
    <row r="68386" spans="1:7" x14ac:dyDescent="0.3">
      <c r="A68386" s="13" t="s">
        <v>359</v>
      </c>
      <c r="B68386" s="14" t="s">
        <v>1</v>
      </c>
      <c r="C68386" s="14" t="s">
        <v>101</v>
      </c>
      <c r="D68386" s="14" t="s">
        <v>193</v>
      </c>
      <c r="E68386" s="15">
        <v>45507</v>
      </c>
      <c r="F68386" s="14" t="s">
        <v>15</v>
      </c>
      <c r="G68386" s="16">
        <v>0.46767056424559234</v>
      </c>
    </row>
    <row r="68387" spans="1:7" x14ac:dyDescent="0.3">
      <c r="A68387" s="13" t="s">
        <v>359</v>
      </c>
      <c r="B68387" s="14" t="s">
        <v>1</v>
      </c>
      <c r="C68387" s="14" t="s">
        <v>101</v>
      </c>
      <c r="D68387" s="14" t="s">
        <v>193</v>
      </c>
      <c r="E68387" s="15">
        <v>45508</v>
      </c>
      <c r="F68387" s="14" t="s">
        <v>15</v>
      </c>
      <c r="G68387" s="16">
        <v>0.46767056424559234</v>
      </c>
    </row>
    <row r="68388" spans="1:7" x14ac:dyDescent="0.3">
      <c r="A68388" s="13" t="s">
        <v>359</v>
      </c>
      <c r="B68388" s="14" t="s">
        <v>1</v>
      </c>
      <c r="C68388" s="14" t="s">
        <v>101</v>
      </c>
      <c r="D68388" s="14" t="s">
        <v>193</v>
      </c>
      <c r="E68388" s="15">
        <v>45509</v>
      </c>
      <c r="F68388" s="14" t="s">
        <v>15</v>
      </c>
      <c r="G68388" s="16">
        <v>0.46767056424559234</v>
      </c>
    </row>
    <row r="68389" spans="1:7" x14ac:dyDescent="0.3">
      <c r="A68389" s="13" t="s">
        <v>359</v>
      </c>
      <c r="B68389" s="14" t="s">
        <v>1</v>
      </c>
      <c r="C68389" s="14" t="s">
        <v>101</v>
      </c>
      <c r="D68389" s="14" t="s">
        <v>193</v>
      </c>
      <c r="E68389" s="15">
        <v>45510</v>
      </c>
      <c r="F68389" s="14" t="s">
        <v>15</v>
      </c>
      <c r="G68389" s="16">
        <v>0.46343417545775034</v>
      </c>
    </row>
    <row r="68390" spans="1:7" x14ac:dyDescent="0.3">
      <c r="A68390" s="13" t="s">
        <v>359</v>
      </c>
      <c r="B68390" s="14" t="s">
        <v>1</v>
      </c>
      <c r="C68390" s="14" t="s">
        <v>101</v>
      </c>
      <c r="D68390" s="14" t="s">
        <v>193</v>
      </c>
      <c r="E68390" s="15">
        <v>45511</v>
      </c>
      <c r="F68390" s="14" t="s">
        <v>15</v>
      </c>
      <c r="G68390" s="16">
        <v>0.4521977866699084</v>
      </c>
    </row>
    <row r="68391" spans="1:7" x14ac:dyDescent="0.3">
      <c r="A68391" s="13" t="s">
        <v>359</v>
      </c>
      <c r="B68391" s="14" t="s">
        <v>1</v>
      </c>
      <c r="C68391" s="14" t="s">
        <v>101</v>
      </c>
      <c r="D68391" s="14" t="s">
        <v>193</v>
      </c>
      <c r="E68391" s="15">
        <v>45512</v>
      </c>
      <c r="F68391" s="14" t="s">
        <v>15</v>
      </c>
      <c r="G68391" s="16">
        <v>0.4479613978820664</v>
      </c>
    </row>
    <row r="68392" spans="1:7" x14ac:dyDescent="0.3">
      <c r="A68392" s="13" t="s">
        <v>359</v>
      </c>
      <c r="B68392" s="14" t="s">
        <v>1</v>
      </c>
      <c r="C68392" s="14" t="s">
        <v>101</v>
      </c>
      <c r="D68392" s="14" t="s">
        <v>193</v>
      </c>
      <c r="E68392" s="15">
        <v>45513</v>
      </c>
      <c r="F68392" s="14" t="s">
        <v>15</v>
      </c>
      <c r="G68392" s="16">
        <v>0.44372500909422447</v>
      </c>
    </row>
    <row r="68393" spans="1:7" x14ac:dyDescent="0.3">
      <c r="A68393" s="13" t="s">
        <v>359</v>
      </c>
      <c r="B68393" s="14" t="s">
        <v>1</v>
      </c>
      <c r="C68393" s="14" t="s">
        <v>101</v>
      </c>
      <c r="D68393" s="14" t="s">
        <v>193</v>
      </c>
      <c r="E68393" s="15">
        <v>45514</v>
      </c>
      <c r="F68393" s="14" t="s">
        <v>15</v>
      </c>
      <c r="G68393" s="16">
        <v>0.44372500909422447</v>
      </c>
    </row>
    <row r="68394" spans="1:7" x14ac:dyDescent="0.3">
      <c r="A68394" s="13" t="s">
        <v>359</v>
      </c>
      <c r="B68394" s="14" t="s">
        <v>1</v>
      </c>
      <c r="C68394" s="14" t="s">
        <v>101</v>
      </c>
      <c r="D68394" s="14" t="s">
        <v>193</v>
      </c>
      <c r="E68394" s="15">
        <v>45515</v>
      </c>
      <c r="F68394" s="14" t="s">
        <v>15</v>
      </c>
      <c r="G68394" s="16">
        <v>0.44372500909422447</v>
      </c>
    </row>
    <row r="68395" spans="1:7" x14ac:dyDescent="0.3">
      <c r="A68395" s="13" t="s">
        <v>359</v>
      </c>
      <c r="B68395" s="14" t="s">
        <v>1</v>
      </c>
      <c r="C68395" s="14" t="s">
        <v>101</v>
      </c>
      <c r="D68395" s="14" t="s">
        <v>193</v>
      </c>
      <c r="E68395" s="15">
        <v>45516</v>
      </c>
      <c r="F68395" s="14" t="s">
        <v>15</v>
      </c>
      <c r="G68395" s="16">
        <v>0.43948862030638247</v>
      </c>
    </row>
    <row r="68396" spans="1:7" x14ac:dyDescent="0.3">
      <c r="A68396" s="13" t="s">
        <v>359</v>
      </c>
      <c r="B68396" s="14" t="s">
        <v>1</v>
      </c>
      <c r="C68396" s="14" t="s">
        <v>101</v>
      </c>
      <c r="D68396" s="14" t="s">
        <v>193</v>
      </c>
      <c r="E68396" s="15">
        <v>45517</v>
      </c>
      <c r="F68396" s="14" t="s">
        <v>15</v>
      </c>
      <c r="G68396" s="16">
        <v>0.43025223151854053</v>
      </c>
    </row>
    <row r="68397" spans="1:7" x14ac:dyDescent="0.3">
      <c r="A68397" s="13" t="s">
        <v>359</v>
      </c>
      <c r="B68397" s="14" t="s">
        <v>1</v>
      </c>
      <c r="C68397" s="14" t="s">
        <v>101</v>
      </c>
      <c r="D68397" s="14" t="s">
        <v>193</v>
      </c>
      <c r="E68397" s="15">
        <v>45518</v>
      </c>
      <c r="F68397" s="14" t="s">
        <v>15</v>
      </c>
      <c r="G68397" s="16">
        <v>0.4370158427306986</v>
      </c>
    </row>
    <row r="68398" spans="1:7" x14ac:dyDescent="0.3">
      <c r="A68398" s="13" t="s">
        <v>359</v>
      </c>
      <c r="B68398" s="14" t="s">
        <v>1</v>
      </c>
      <c r="C68398" s="14" t="s">
        <v>101</v>
      </c>
      <c r="D68398" s="14" t="s">
        <v>193</v>
      </c>
      <c r="E68398" s="15">
        <v>45519</v>
      </c>
      <c r="F68398" s="14" t="s">
        <v>15</v>
      </c>
      <c r="G68398" s="16">
        <v>0.43277945394285666</v>
      </c>
    </row>
    <row r="68399" spans="1:7" x14ac:dyDescent="0.3">
      <c r="A68399" s="13" t="s">
        <v>359</v>
      </c>
      <c r="B68399" s="14" t="s">
        <v>1</v>
      </c>
      <c r="C68399" s="14" t="s">
        <v>101</v>
      </c>
      <c r="D68399" s="14" t="s">
        <v>193</v>
      </c>
      <c r="E68399" s="15">
        <v>45520</v>
      </c>
      <c r="F68399" s="14" t="s">
        <v>15</v>
      </c>
      <c r="G68399" s="16">
        <v>0.44654306515501468</v>
      </c>
    </row>
    <row r="68400" spans="1:7" x14ac:dyDescent="0.3">
      <c r="A68400" s="13" t="s">
        <v>359</v>
      </c>
      <c r="B68400" s="14" t="s">
        <v>1</v>
      </c>
      <c r="C68400" s="14" t="s">
        <v>101</v>
      </c>
      <c r="D68400" s="14" t="s">
        <v>193</v>
      </c>
      <c r="E68400" s="15">
        <v>45521</v>
      </c>
      <c r="F68400" s="14" t="s">
        <v>15</v>
      </c>
      <c r="G68400" s="16">
        <v>0.44654306515501468</v>
      </c>
    </row>
    <row r="68401" spans="1:7" x14ac:dyDescent="0.3">
      <c r="A68401" s="13" t="s">
        <v>359</v>
      </c>
      <c r="B68401" s="14" t="s">
        <v>1</v>
      </c>
      <c r="C68401" s="14" t="s">
        <v>101</v>
      </c>
      <c r="D68401" s="14" t="s">
        <v>193</v>
      </c>
      <c r="E68401" s="15">
        <v>45522</v>
      </c>
      <c r="F68401" s="14" t="s">
        <v>15</v>
      </c>
      <c r="G68401" s="16">
        <v>0.44654306515501468</v>
      </c>
    </row>
    <row r="68402" spans="1:7" x14ac:dyDescent="0.3">
      <c r="A68402" s="13" t="s">
        <v>359</v>
      </c>
      <c r="B68402" s="14" t="s">
        <v>1</v>
      </c>
      <c r="C68402" s="14" t="s">
        <v>101</v>
      </c>
      <c r="D68402" s="14" t="s">
        <v>193</v>
      </c>
      <c r="E68402" s="15">
        <v>45523</v>
      </c>
      <c r="F68402" s="14" t="s">
        <v>15</v>
      </c>
      <c r="G68402" s="16">
        <v>0.44930667636717275</v>
      </c>
    </row>
    <row r="68403" spans="1:7" x14ac:dyDescent="0.3">
      <c r="A68403" s="13" t="s">
        <v>359</v>
      </c>
      <c r="B68403" s="14" t="s">
        <v>1</v>
      </c>
      <c r="C68403" s="14" t="s">
        <v>101</v>
      </c>
      <c r="D68403" s="14" t="s">
        <v>193</v>
      </c>
      <c r="E68403" s="15">
        <v>45524</v>
      </c>
      <c r="F68403" s="14" t="s">
        <v>15</v>
      </c>
      <c r="G68403" s="16">
        <v>0.44007028757933081</v>
      </c>
    </row>
    <row r="68404" spans="1:7" x14ac:dyDescent="0.3">
      <c r="A68404" s="13" t="s">
        <v>359</v>
      </c>
      <c r="B68404" s="14" t="s">
        <v>1</v>
      </c>
      <c r="C68404" s="14" t="s">
        <v>101</v>
      </c>
      <c r="D68404" s="14" t="s">
        <v>193</v>
      </c>
      <c r="E68404" s="15">
        <v>45525</v>
      </c>
      <c r="F68404" s="14" t="s">
        <v>15</v>
      </c>
      <c r="G68404" s="16">
        <v>0.43583389879148882</v>
      </c>
    </row>
    <row r="68405" spans="1:7" x14ac:dyDescent="0.3">
      <c r="A68405" s="13" t="s">
        <v>359</v>
      </c>
      <c r="B68405" s="14" t="s">
        <v>1</v>
      </c>
      <c r="C68405" s="14" t="s">
        <v>101</v>
      </c>
      <c r="D68405" s="14" t="s">
        <v>193</v>
      </c>
      <c r="E68405" s="15">
        <v>45526</v>
      </c>
      <c r="F68405" s="14" t="s">
        <v>15</v>
      </c>
      <c r="G68405" s="16">
        <v>0.48959751000364687</v>
      </c>
    </row>
    <row r="68406" spans="1:7" x14ac:dyDescent="0.3">
      <c r="A68406" s="13" t="s">
        <v>359</v>
      </c>
      <c r="B68406" s="14" t="s">
        <v>1</v>
      </c>
      <c r="C68406" s="14" t="s">
        <v>101</v>
      </c>
      <c r="D68406" s="14" t="s">
        <v>193</v>
      </c>
      <c r="E68406" s="15">
        <v>45527</v>
      </c>
      <c r="F68406" s="14" t="s">
        <v>15</v>
      </c>
      <c r="G68406" s="16">
        <v>0.48536112121580494</v>
      </c>
    </row>
    <row r="68407" spans="1:7" x14ac:dyDescent="0.3">
      <c r="A68407" s="13" t="s">
        <v>359</v>
      </c>
      <c r="B68407" s="14" t="s">
        <v>1</v>
      </c>
      <c r="C68407" s="14" t="s">
        <v>101</v>
      </c>
      <c r="D68407" s="14" t="s">
        <v>193</v>
      </c>
      <c r="E68407" s="15">
        <v>45528</v>
      </c>
      <c r="F68407" s="14" t="s">
        <v>15</v>
      </c>
      <c r="G68407" s="16">
        <v>0.48536112121580494</v>
      </c>
    </row>
    <row r="68408" spans="1:7" x14ac:dyDescent="0.3">
      <c r="A68408" s="13" t="s">
        <v>359</v>
      </c>
      <c r="B68408" s="14" t="s">
        <v>1</v>
      </c>
      <c r="C68408" s="14" t="s">
        <v>101</v>
      </c>
      <c r="D68408" s="14" t="s">
        <v>193</v>
      </c>
      <c r="E68408" s="15">
        <v>45529</v>
      </c>
      <c r="F68408" s="14" t="s">
        <v>15</v>
      </c>
      <c r="G68408" s="16">
        <v>0.48536112121580494</v>
      </c>
    </row>
    <row r="68409" spans="1:7" x14ac:dyDescent="0.3">
      <c r="A68409" s="13" t="s">
        <v>359</v>
      </c>
      <c r="B68409" s="14" t="s">
        <v>1</v>
      </c>
      <c r="C68409" s="14" t="s">
        <v>101</v>
      </c>
      <c r="D68409" s="14" t="s">
        <v>193</v>
      </c>
      <c r="E68409" s="15">
        <v>45530</v>
      </c>
      <c r="F68409" s="14" t="s">
        <v>15</v>
      </c>
      <c r="G68409" s="16">
        <v>0.49012473242796295</v>
      </c>
    </row>
    <row r="68410" spans="1:7" x14ac:dyDescent="0.3">
      <c r="A68410" s="13" t="s">
        <v>359</v>
      </c>
      <c r="B68410" s="14" t="s">
        <v>1</v>
      </c>
      <c r="C68410" s="14" t="s">
        <v>101</v>
      </c>
      <c r="D68410" s="14" t="s">
        <v>193</v>
      </c>
      <c r="E68410" s="15">
        <v>45531</v>
      </c>
      <c r="F68410" s="14" t="s">
        <v>15</v>
      </c>
      <c r="G68410" s="16">
        <v>0.48088834364012101</v>
      </c>
    </row>
    <row r="68411" spans="1:7" x14ac:dyDescent="0.3">
      <c r="A68411" s="13" t="s">
        <v>359</v>
      </c>
      <c r="B68411" s="14" t="s">
        <v>1</v>
      </c>
      <c r="C68411" s="14" t="s">
        <v>101</v>
      </c>
      <c r="D68411" s="14" t="s">
        <v>193</v>
      </c>
      <c r="E68411" s="15">
        <v>45532</v>
      </c>
      <c r="F68411" s="14" t="s">
        <v>15</v>
      </c>
      <c r="G68411" s="16">
        <v>0.47665195485227907</v>
      </c>
    </row>
    <row r="68412" spans="1:7" x14ac:dyDescent="0.3">
      <c r="A68412" s="13" t="s">
        <v>359</v>
      </c>
      <c r="B68412" s="14" t="s">
        <v>1</v>
      </c>
      <c r="C68412" s="14" t="s">
        <v>101</v>
      </c>
      <c r="D68412" s="14" t="s">
        <v>193</v>
      </c>
      <c r="E68412" s="15">
        <v>45533</v>
      </c>
      <c r="F68412" s="14" t="s">
        <v>15</v>
      </c>
      <c r="G68412" s="16">
        <v>0.47141556606443713</v>
      </c>
    </row>
    <row r="68413" spans="1:7" x14ac:dyDescent="0.3">
      <c r="A68413" s="13" t="s">
        <v>359</v>
      </c>
      <c r="B68413" s="14" t="s">
        <v>1</v>
      </c>
      <c r="C68413" s="14" t="s">
        <v>101</v>
      </c>
      <c r="D68413" s="14" t="s">
        <v>193</v>
      </c>
      <c r="E68413" s="15">
        <v>45534</v>
      </c>
      <c r="F68413" s="14" t="s">
        <v>15</v>
      </c>
      <c r="G68413" s="16">
        <v>0.4731791772765952</v>
      </c>
    </row>
    <row r="68414" spans="1:7" x14ac:dyDescent="0.3">
      <c r="A68414" s="13" t="s">
        <v>359</v>
      </c>
      <c r="B68414" s="14" t="s">
        <v>1</v>
      </c>
      <c r="C68414" s="14" t="s">
        <v>101</v>
      </c>
      <c r="D68414" s="14" t="s">
        <v>193</v>
      </c>
      <c r="E68414" s="15">
        <v>45535</v>
      </c>
      <c r="F68414" s="14" t="s">
        <v>15</v>
      </c>
      <c r="G68414" s="16">
        <v>0.4731791772765952</v>
      </c>
    </row>
    <row r="68415" spans="1:7" x14ac:dyDescent="0.3">
      <c r="A68415" s="13" t="s">
        <v>359</v>
      </c>
      <c r="B68415" s="14" t="s">
        <v>1</v>
      </c>
      <c r="C68415" s="14" t="s">
        <v>101</v>
      </c>
      <c r="D68415" s="14" t="s">
        <v>193</v>
      </c>
      <c r="E68415" s="15">
        <v>45536</v>
      </c>
      <c r="F68415" s="14" t="s">
        <v>15</v>
      </c>
      <c r="G68415" s="16">
        <v>0.4731791772765952</v>
      </c>
    </row>
    <row r="68416" spans="1:7" x14ac:dyDescent="0.3">
      <c r="A68416" s="13" t="s">
        <v>359</v>
      </c>
      <c r="B68416" s="14" t="s">
        <v>1</v>
      </c>
      <c r="C68416" s="14" t="s">
        <v>101</v>
      </c>
      <c r="D68416" s="14" t="s">
        <v>193</v>
      </c>
      <c r="E68416" s="15">
        <v>45537</v>
      </c>
      <c r="F68416" s="14" t="s">
        <v>15</v>
      </c>
      <c r="G68416" s="16">
        <v>0.5319427884887532</v>
      </c>
    </row>
    <row r="68417" spans="1:7" x14ac:dyDescent="0.3">
      <c r="A68417" s="13" t="s">
        <v>359</v>
      </c>
      <c r="B68417" s="14" t="s">
        <v>1</v>
      </c>
      <c r="C68417" s="14" t="s">
        <v>101</v>
      </c>
      <c r="D68417" s="14" t="s">
        <v>193</v>
      </c>
      <c r="E68417" s="15">
        <v>45538</v>
      </c>
      <c r="F68417" s="14" t="s">
        <v>15</v>
      </c>
      <c r="G68417" s="16">
        <v>0.52070639970091137</v>
      </c>
    </row>
    <row r="68418" spans="1:7" x14ac:dyDescent="0.3">
      <c r="A68418" s="13" t="s">
        <v>359</v>
      </c>
      <c r="B68418" s="14" t="s">
        <v>1</v>
      </c>
      <c r="C68418" s="14" t="s">
        <v>101</v>
      </c>
      <c r="D68418" s="14" t="s">
        <v>193</v>
      </c>
      <c r="E68418" s="15">
        <v>45539</v>
      </c>
      <c r="F68418" s="14" t="s">
        <v>15</v>
      </c>
      <c r="G68418" s="16">
        <v>0.51547001091306943</v>
      </c>
    </row>
    <row r="68419" spans="1:7" x14ac:dyDescent="0.3">
      <c r="A68419" s="13" t="s">
        <v>359</v>
      </c>
      <c r="B68419" s="14" t="s">
        <v>1</v>
      </c>
      <c r="C68419" s="14" t="s">
        <v>101</v>
      </c>
      <c r="D68419" s="14" t="s">
        <v>193</v>
      </c>
      <c r="E68419" s="15">
        <v>45540</v>
      </c>
      <c r="F68419" s="14" t="s">
        <v>15</v>
      </c>
      <c r="G68419" s="16">
        <v>0.52523362212522751</v>
      </c>
    </row>
    <row r="68420" spans="1:7" x14ac:dyDescent="0.3">
      <c r="A68420" s="13" t="s">
        <v>359</v>
      </c>
      <c r="B68420" s="14" t="s">
        <v>1</v>
      </c>
      <c r="C68420" s="14" t="s">
        <v>101</v>
      </c>
      <c r="D68420" s="14" t="s">
        <v>193</v>
      </c>
      <c r="E68420" s="15">
        <v>45541</v>
      </c>
      <c r="F68420" s="14" t="s">
        <v>15</v>
      </c>
      <c r="G68420" s="16">
        <v>0.52099723333738557</v>
      </c>
    </row>
    <row r="68421" spans="1:7" x14ac:dyDescent="0.3">
      <c r="A68421" s="13" t="s">
        <v>359</v>
      </c>
      <c r="B68421" s="14" t="s">
        <v>1</v>
      </c>
      <c r="C68421" s="14" t="s">
        <v>101</v>
      </c>
      <c r="D68421" s="14" t="s">
        <v>193</v>
      </c>
      <c r="E68421" s="15">
        <v>45542</v>
      </c>
      <c r="F68421" s="14" t="s">
        <v>15</v>
      </c>
      <c r="G68421" s="16">
        <v>0.52099723333738557</v>
      </c>
    </row>
    <row r="68422" spans="1:7" x14ac:dyDescent="0.3">
      <c r="A68422" s="13" t="s">
        <v>359</v>
      </c>
      <c r="B68422" s="14" t="s">
        <v>1</v>
      </c>
      <c r="C68422" s="14" t="s">
        <v>101</v>
      </c>
      <c r="D68422" s="14" t="s">
        <v>193</v>
      </c>
      <c r="E68422" s="15">
        <v>45543</v>
      </c>
      <c r="F68422" s="14" t="s">
        <v>15</v>
      </c>
      <c r="G68422" s="16">
        <v>0.52099723333738557</v>
      </c>
    </row>
    <row r="68423" spans="1:7" x14ac:dyDescent="0.3">
      <c r="A68423" s="13" t="s">
        <v>359</v>
      </c>
      <c r="B68423" s="14" t="s">
        <v>1</v>
      </c>
      <c r="C68423" s="14" t="s">
        <v>101</v>
      </c>
      <c r="D68423" s="14" t="s">
        <v>193</v>
      </c>
      <c r="E68423" s="15">
        <v>45544</v>
      </c>
      <c r="F68423" s="14" t="s">
        <v>15</v>
      </c>
      <c r="G68423" s="16">
        <v>0.52276084454954364</v>
      </c>
    </row>
    <row r="68424" spans="1:7" x14ac:dyDescent="0.3">
      <c r="A68424" s="13" t="s">
        <v>359</v>
      </c>
      <c r="B68424" s="14" t="s">
        <v>1</v>
      </c>
      <c r="C68424" s="14" t="s">
        <v>101</v>
      </c>
      <c r="D68424" s="14" t="s">
        <v>193</v>
      </c>
      <c r="E68424" s="15">
        <v>45545</v>
      </c>
      <c r="F68424" s="14" t="s">
        <v>15</v>
      </c>
      <c r="G68424" s="16">
        <v>0.51352445576170169</v>
      </c>
    </row>
    <row r="68425" spans="1:7" x14ac:dyDescent="0.3">
      <c r="A68425" s="13" t="s">
        <v>359</v>
      </c>
      <c r="B68425" s="14" t="s">
        <v>1</v>
      </c>
      <c r="C68425" s="14" t="s">
        <v>101</v>
      </c>
      <c r="D68425" s="14" t="s">
        <v>193</v>
      </c>
      <c r="E68425" s="15">
        <v>45546</v>
      </c>
      <c r="F68425" s="14" t="s">
        <v>15</v>
      </c>
      <c r="G68425" s="16">
        <v>0.50928806697385975</v>
      </c>
    </row>
    <row r="68426" spans="1:7" x14ac:dyDescent="0.3">
      <c r="A68426" s="13" t="s">
        <v>359</v>
      </c>
      <c r="B68426" s="14" t="s">
        <v>1</v>
      </c>
      <c r="C68426" s="14" t="s">
        <v>101</v>
      </c>
      <c r="D68426" s="14" t="s">
        <v>193</v>
      </c>
      <c r="E68426" s="15">
        <v>45547</v>
      </c>
      <c r="F68426" s="14" t="s">
        <v>15</v>
      </c>
      <c r="G68426" s="16">
        <v>0.53305167818601773</v>
      </c>
    </row>
    <row r="68427" spans="1:7" x14ac:dyDescent="0.3">
      <c r="A68427" s="13" t="s">
        <v>359</v>
      </c>
      <c r="B68427" s="14" t="s">
        <v>1</v>
      </c>
      <c r="C68427" s="14" t="s">
        <v>101</v>
      </c>
      <c r="D68427" s="14" t="s">
        <v>193</v>
      </c>
      <c r="E68427" s="15">
        <v>45548</v>
      </c>
      <c r="F68427" s="14" t="s">
        <v>15</v>
      </c>
      <c r="G68427" s="16">
        <v>0.52581528939817579</v>
      </c>
    </row>
    <row r="68428" spans="1:7" x14ac:dyDescent="0.3">
      <c r="A68428" s="13" t="s">
        <v>359</v>
      </c>
      <c r="B68428" s="14" t="s">
        <v>1</v>
      </c>
      <c r="C68428" s="14" t="s">
        <v>101</v>
      </c>
      <c r="D68428" s="14" t="s">
        <v>193</v>
      </c>
      <c r="E68428" s="15">
        <v>45549</v>
      </c>
      <c r="F68428" s="14" t="s">
        <v>15</v>
      </c>
      <c r="G68428" s="16">
        <v>0.52581528939817579</v>
      </c>
    </row>
    <row r="68429" spans="1:7" x14ac:dyDescent="0.3">
      <c r="A68429" s="13" t="s">
        <v>359</v>
      </c>
      <c r="B68429" s="14" t="s">
        <v>1</v>
      </c>
      <c r="C68429" s="14" t="s">
        <v>101</v>
      </c>
      <c r="D68429" s="14" t="s">
        <v>193</v>
      </c>
      <c r="E68429" s="15">
        <v>45550</v>
      </c>
      <c r="F68429" s="14" t="s">
        <v>15</v>
      </c>
      <c r="G68429" s="16">
        <v>0.52581528939817579</v>
      </c>
    </row>
    <row r="68430" spans="1:7" x14ac:dyDescent="0.3">
      <c r="A68430" s="13" t="s">
        <v>359</v>
      </c>
      <c r="B68430" s="14" t="s">
        <v>1</v>
      </c>
      <c r="C68430" s="14" t="s">
        <v>101</v>
      </c>
      <c r="D68430" s="14" t="s">
        <v>193</v>
      </c>
      <c r="E68430" s="15">
        <v>45551</v>
      </c>
      <c r="F68430" s="14" t="s">
        <v>15</v>
      </c>
      <c r="G68430" s="16">
        <v>0.53157890061033386</v>
      </c>
    </row>
    <row r="68431" spans="1:7" x14ac:dyDescent="0.3">
      <c r="A68431" s="13" t="s">
        <v>359</v>
      </c>
      <c r="B68431" s="14" t="s">
        <v>1</v>
      </c>
      <c r="C68431" s="14" t="s">
        <v>101</v>
      </c>
      <c r="D68431" s="14" t="s">
        <v>193</v>
      </c>
      <c r="E68431" s="15">
        <v>45552</v>
      </c>
      <c r="F68431" s="14" t="s">
        <v>15</v>
      </c>
      <c r="G68431" s="16">
        <v>0.51934251182249191</v>
      </c>
    </row>
    <row r="68432" spans="1:7" x14ac:dyDescent="0.3">
      <c r="A68432" s="13" t="s">
        <v>359</v>
      </c>
      <c r="B68432" s="14" t="s">
        <v>1</v>
      </c>
      <c r="C68432" s="14" t="s">
        <v>101</v>
      </c>
      <c r="D68432" s="14" t="s">
        <v>193</v>
      </c>
      <c r="E68432" s="15">
        <v>45553</v>
      </c>
      <c r="F68432" s="14" t="s">
        <v>15</v>
      </c>
      <c r="G68432" s="16">
        <v>0.52310612303464998</v>
      </c>
    </row>
    <row r="68433" spans="1:7" x14ac:dyDescent="0.3">
      <c r="A68433" s="13" t="s">
        <v>359</v>
      </c>
      <c r="B68433" s="14" t="s">
        <v>1</v>
      </c>
      <c r="C68433" s="14" t="s">
        <v>101</v>
      </c>
      <c r="D68433" s="14" t="s">
        <v>193</v>
      </c>
      <c r="E68433" s="15">
        <v>45554</v>
      </c>
      <c r="F68433" s="14" t="s">
        <v>15</v>
      </c>
      <c r="G68433" s="16">
        <v>0.51786973424680804</v>
      </c>
    </row>
    <row r="68434" spans="1:7" x14ac:dyDescent="0.3">
      <c r="A68434" s="13" t="s">
        <v>359</v>
      </c>
      <c r="B68434" s="14" t="s">
        <v>1</v>
      </c>
      <c r="C68434" s="14" t="s">
        <v>101</v>
      </c>
      <c r="D68434" s="14" t="s">
        <v>193</v>
      </c>
      <c r="E68434" s="15">
        <v>45555</v>
      </c>
      <c r="F68434" s="14" t="s">
        <v>15</v>
      </c>
      <c r="G68434" s="16">
        <v>0.51963334545896611</v>
      </c>
    </row>
    <row r="68435" spans="1:7" x14ac:dyDescent="0.3">
      <c r="A68435" s="13" t="s">
        <v>359</v>
      </c>
      <c r="B68435" s="14" t="s">
        <v>1</v>
      </c>
      <c r="C68435" s="14" t="s">
        <v>101</v>
      </c>
      <c r="D68435" s="14" t="s">
        <v>193</v>
      </c>
      <c r="E68435" s="15">
        <v>45556</v>
      </c>
      <c r="F68435" s="14" t="s">
        <v>15</v>
      </c>
      <c r="G68435" s="16">
        <v>0.51963334545896611</v>
      </c>
    </row>
    <row r="68436" spans="1:7" x14ac:dyDescent="0.3">
      <c r="A68436" s="13" t="s">
        <v>359</v>
      </c>
      <c r="B68436" s="14" t="s">
        <v>1</v>
      </c>
      <c r="C68436" s="14" t="s">
        <v>101</v>
      </c>
      <c r="D68436" s="14" t="s">
        <v>193</v>
      </c>
      <c r="E68436" s="15">
        <v>45557</v>
      </c>
      <c r="F68436" s="14" t="s">
        <v>15</v>
      </c>
      <c r="G68436" s="16">
        <v>0.51963334545896611</v>
      </c>
    </row>
    <row r="68437" spans="1:7" x14ac:dyDescent="0.3">
      <c r="A68437" s="13" t="s">
        <v>359</v>
      </c>
      <c r="B68437" s="14" t="s">
        <v>1</v>
      </c>
      <c r="C68437" s="14" t="s">
        <v>101</v>
      </c>
      <c r="D68437" s="14" t="s">
        <v>193</v>
      </c>
      <c r="E68437" s="15">
        <v>45558</v>
      </c>
      <c r="F68437" s="14" t="s">
        <v>15</v>
      </c>
      <c r="G68437" s="16">
        <v>0.51439695667112417</v>
      </c>
    </row>
    <row r="68438" spans="1:7" x14ac:dyDescent="0.3">
      <c r="A68438" s="13" t="s">
        <v>359</v>
      </c>
      <c r="B68438" s="14" t="s">
        <v>1</v>
      </c>
      <c r="C68438" s="14" t="s">
        <v>101</v>
      </c>
      <c r="D68438" s="14" t="s">
        <v>193</v>
      </c>
      <c r="E68438" s="15">
        <v>45559</v>
      </c>
      <c r="F68438" s="14" t="s">
        <v>15</v>
      </c>
      <c r="G68438" s="16">
        <v>0.50216056788328223</v>
      </c>
    </row>
    <row r="68439" spans="1:7" x14ac:dyDescent="0.3">
      <c r="A68439" s="13" t="s">
        <v>359</v>
      </c>
      <c r="B68439" s="14" t="s">
        <v>1</v>
      </c>
      <c r="C68439" s="14" t="s">
        <v>101</v>
      </c>
      <c r="D68439" s="14" t="s">
        <v>193</v>
      </c>
      <c r="E68439" s="15">
        <v>45560</v>
      </c>
      <c r="F68439" s="14" t="s">
        <v>15</v>
      </c>
      <c r="G68439" s="16">
        <v>0.51092417909544019</v>
      </c>
    </row>
    <row r="68440" spans="1:7" x14ac:dyDescent="0.3">
      <c r="A68440" s="13" t="s">
        <v>359</v>
      </c>
      <c r="B68440" s="14" t="s">
        <v>1</v>
      </c>
      <c r="C68440" s="14" t="s">
        <v>101</v>
      </c>
      <c r="D68440" s="14" t="s">
        <v>193</v>
      </c>
      <c r="E68440" s="15">
        <v>45561</v>
      </c>
      <c r="F68440" s="14" t="s">
        <v>15</v>
      </c>
      <c r="G68440" s="16">
        <v>0.50568779030759825</v>
      </c>
    </row>
    <row r="68441" spans="1:7" x14ac:dyDescent="0.3">
      <c r="A68441" s="13" t="s">
        <v>359</v>
      </c>
      <c r="B68441" s="14" t="s">
        <v>1</v>
      </c>
      <c r="C68441" s="14" t="s">
        <v>101</v>
      </c>
      <c r="D68441" s="14" t="s">
        <v>193</v>
      </c>
      <c r="E68441" s="15">
        <v>45562</v>
      </c>
      <c r="F68441" s="14" t="s">
        <v>15</v>
      </c>
      <c r="G68441" s="16">
        <v>0.50045140151975631</v>
      </c>
    </row>
    <row r="68442" spans="1:7" x14ac:dyDescent="0.3">
      <c r="A68442" s="13" t="s">
        <v>359</v>
      </c>
      <c r="B68442" s="14" t="s">
        <v>1</v>
      </c>
      <c r="C68442" s="14" t="s">
        <v>101</v>
      </c>
      <c r="D68442" s="14" t="s">
        <v>193</v>
      </c>
      <c r="E68442" s="15">
        <v>45563</v>
      </c>
      <c r="F68442" s="14" t="s">
        <v>15</v>
      </c>
      <c r="G68442" s="16">
        <v>0.50045140151975631</v>
      </c>
    </row>
    <row r="68443" spans="1:7" x14ac:dyDescent="0.3">
      <c r="A68443" s="13" t="s">
        <v>359</v>
      </c>
      <c r="B68443" s="14" t="s">
        <v>1</v>
      </c>
      <c r="C68443" s="14" t="s">
        <v>101</v>
      </c>
      <c r="D68443" s="14" t="s">
        <v>193</v>
      </c>
      <c r="E68443" s="15">
        <v>45564</v>
      </c>
      <c r="F68443" s="14" t="s">
        <v>15</v>
      </c>
      <c r="G68443" s="16">
        <v>0.50045140151975631</v>
      </c>
    </row>
    <row r="68444" spans="1:7" x14ac:dyDescent="0.3">
      <c r="A68444" s="13" t="s">
        <v>359</v>
      </c>
      <c r="B68444" s="14" t="s">
        <v>1</v>
      </c>
      <c r="C68444" s="14" t="s">
        <v>101</v>
      </c>
      <c r="D68444" s="14" t="s">
        <v>193</v>
      </c>
      <c r="E68444" s="15">
        <v>45565</v>
      </c>
      <c r="F68444" s="14" t="s">
        <v>15</v>
      </c>
      <c r="G68444" s="16">
        <v>0.59921501273191446</v>
      </c>
    </row>
    <row r="68445" spans="1:7" x14ac:dyDescent="0.3">
      <c r="A68445" s="13" t="s">
        <v>359</v>
      </c>
      <c r="B68445" s="14" t="s">
        <v>1</v>
      </c>
      <c r="C68445" s="14" t="s">
        <v>101</v>
      </c>
      <c r="D68445" s="14" t="s">
        <v>193</v>
      </c>
      <c r="E68445" s="15">
        <v>45566</v>
      </c>
      <c r="F68445" s="14" t="s">
        <v>15</v>
      </c>
      <c r="G68445" s="16">
        <v>0.59097862394407241</v>
      </c>
    </row>
    <row r="68446" spans="1:7" x14ac:dyDescent="0.3">
      <c r="A68446" s="13" t="s">
        <v>359</v>
      </c>
      <c r="B68446" s="14" t="s">
        <v>1</v>
      </c>
      <c r="C68446" s="14" t="s">
        <v>101</v>
      </c>
      <c r="D68446" s="14" t="s">
        <v>193</v>
      </c>
      <c r="E68446" s="15">
        <v>45567</v>
      </c>
      <c r="F68446" s="14" t="s">
        <v>15</v>
      </c>
      <c r="G68446" s="16">
        <v>0.58374223515623047</v>
      </c>
    </row>
    <row r="68447" spans="1:7" x14ac:dyDescent="0.3">
      <c r="A68447" s="13" t="s">
        <v>359</v>
      </c>
      <c r="B68447" s="14" t="s">
        <v>1</v>
      </c>
      <c r="C68447" s="14" t="s">
        <v>101</v>
      </c>
      <c r="D68447" s="14" t="s">
        <v>193</v>
      </c>
      <c r="E68447" s="15">
        <v>45568</v>
      </c>
      <c r="F68447" s="14" t="s">
        <v>15</v>
      </c>
      <c r="G68447" s="16">
        <v>0.57450584636838853</v>
      </c>
    </row>
    <row r="68448" spans="1:7" x14ac:dyDescent="0.3">
      <c r="A68448" s="13" t="s">
        <v>359</v>
      </c>
      <c r="B68448" s="14" t="s">
        <v>1</v>
      </c>
      <c r="C68448" s="14" t="s">
        <v>101</v>
      </c>
      <c r="D68448" s="14" t="s">
        <v>193</v>
      </c>
      <c r="E68448" s="15">
        <v>45569</v>
      </c>
      <c r="F68448" s="14" t="s">
        <v>15</v>
      </c>
      <c r="G68448" s="16">
        <v>0.56826945758054659</v>
      </c>
    </row>
    <row r="68449" spans="1:7" x14ac:dyDescent="0.3">
      <c r="A68449" s="13" t="s">
        <v>359</v>
      </c>
      <c r="B68449" s="14" t="s">
        <v>1</v>
      </c>
      <c r="C68449" s="14" t="s">
        <v>101</v>
      </c>
      <c r="D68449" s="14" t="s">
        <v>193</v>
      </c>
      <c r="E68449" s="15">
        <v>45570</v>
      </c>
      <c r="F68449" s="14" t="s">
        <v>15</v>
      </c>
      <c r="G68449" s="16">
        <v>0.56826945758054659</v>
      </c>
    </row>
    <row r="68450" spans="1:7" x14ac:dyDescent="0.3">
      <c r="A68450" s="13" t="s">
        <v>359</v>
      </c>
      <c r="B68450" s="14" t="s">
        <v>1</v>
      </c>
      <c r="C68450" s="14" t="s">
        <v>101</v>
      </c>
      <c r="D68450" s="14" t="s">
        <v>193</v>
      </c>
      <c r="E68450" s="15">
        <v>45571</v>
      </c>
      <c r="F68450" s="14" t="s">
        <v>15</v>
      </c>
      <c r="G68450" s="16">
        <v>0.56826945758054659</v>
      </c>
    </row>
    <row r="68451" spans="1:7" x14ac:dyDescent="0.3">
      <c r="A68451" s="13" t="s">
        <v>359</v>
      </c>
      <c r="B68451" s="14" t="s">
        <v>1</v>
      </c>
      <c r="C68451" s="14" t="s">
        <v>101</v>
      </c>
      <c r="D68451" s="14" t="s">
        <v>193</v>
      </c>
      <c r="E68451" s="15">
        <v>45572</v>
      </c>
      <c r="F68451" s="14" t="s">
        <v>15</v>
      </c>
      <c r="G68451" s="16">
        <v>0.56703306879270465</v>
      </c>
    </row>
    <row r="68452" spans="1:7" x14ac:dyDescent="0.3">
      <c r="A68452" s="13" t="s">
        <v>359</v>
      </c>
      <c r="B68452" s="14" t="s">
        <v>1</v>
      </c>
      <c r="C68452" s="14" t="s">
        <v>101</v>
      </c>
      <c r="D68452" s="14" t="s">
        <v>193</v>
      </c>
      <c r="E68452" s="15">
        <v>45573</v>
      </c>
      <c r="F68452" s="14" t="s">
        <v>15</v>
      </c>
      <c r="G68452" s="16">
        <v>0.55379668000486271</v>
      </c>
    </row>
    <row r="68453" spans="1:7" x14ac:dyDescent="0.3">
      <c r="A68453" s="13" t="s">
        <v>359</v>
      </c>
      <c r="B68453" s="14" t="s">
        <v>1</v>
      </c>
      <c r="C68453" s="14" t="s">
        <v>101</v>
      </c>
      <c r="D68453" s="14" t="s">
        <v>193</v>
      </c>
      <c r="E68453" s="15">
        <v>45574</v>
      </c>
      <c r="F68453" s="14" t="s">
        <v>15</v>
      </c>
      <c r="G68453" s="16">
        <v>0.54756029121702077</v>
      </c>
    </row>
    <row r="68454" spans="1:7" x14ac:dyDescent="0.3">
      <c r="A68454" s="13" t="s">
        <v>359</v>
      </c>
      <c r="B68454" s="14" t="s">
        <v>1</v>
      </c>
      <c r="C68454" s="14" t="s">
        <v>101</v>
      </c>
      <c r="D68454" s="14" t="s">
        <v>193</v>
      </c>
      <c r="E68454" s="15">
        <v>45575</v>
      </c>
      <c r="F68454" s="14" t="s">
        <v>15</v>
      </c>
      <c r="G68454" s="16">
        <v>0.54132390242917894</v>
      </c>
    </row>
    <row r="68455" spans="1:7" x14ac:dyDescent="0.3">
      <c r="A68455" s="13" t="s">
        <v>359</v>
      </c>
      <c r="B68455" s="14" t="s">
        <v>1</v>
      </c>
      <c r="C68455" s="14" t="s">
        <v>101</v>
      </c>
      <c r="D68455" s="14" t="s">
        <v>193</v>
      </c>
      <c r="E68455" s="15">
        <v>45576</v>
      </c>
      <c r="F68455" s="14" t="s">
        <v>15</v>
      </c>
      <c r="G68455" s="16">
        <v>0.5450875136413369</v>
      </c>
    </row>
    <row r="68456" spans="1:7" x14ac:dyDescent="0.3">
      <c r="A68456" s="13" t="s">
        <v>359</v>
      </c>
      <c r="B68456" s="14" t="s">
        <v>1</v>
      </c>
      <c r="C68456" s="14" t="s">
        <v>101</v>
      </c>
      <c r="D68456" s="14" t="s">
        <v>193</v>
      </c>
      <c r="E68456" s="15">
        <v>45577</v>
      </c>
      <c r="F68456" s="14" t="s">
        <v>15</v>
      </c>
      <c r="G68456" s="16">
        <v>0.5450875136413369</v>
      </c>
    </row>
    <row r="68457" spans="1:7" x14ac:dyDescent="0.3">
      <c r="A68457" s="13" t="s">
        <v>359</v>
      </c>
      <c r="B68457" s="14" t="s">
        <v>1</v>
      </c>
      <c r="C68457" s="14" t="s">
        <v>101</v>
      </c>
      <c r="D68457" s="14" t="s">
        <v>193</v>
      </c>
      <c r="E68457" s="15">
        <v>45578</v>
      </c>
      <c r="F68457" s="14" t="s">
        <v>15</v>
      </c>
      <c r="G68457" s="16">
        <v>0.5450875136413369</v>
      </c>
    </row>
    <row r="68458" spans="1:7" x14ac:dyDescent="0.3">
      <c r="A68458" s="13" t="s">
        <v>359</v>
      </c>
      <c r="B68458" s="14" t="s">
        <v>1</v>
      </c>
      <c r="C68458" s="14" t="s">
        <v>101</v>
      </c>
      <c r="D68458" s="14" t="s">
        <v>193</v>
      </c>
      <c r="E68458" s="15">
        <v>45579</v>
      </c>
      <c r="F68458" s="14" t="s">
        <v>15</v>
      </c>
      <c r="G68458" s="16">
        <v>0.54385112485349496</v>
      </c>
    </row>
    <row r="68459" spans="1:7" x14ac:dyDescent="0.3">
      <c r="A68459" s="13" t="s">
        <v>359</v>
      </c>
      <c r="B68459" s="14" t="s">
        <v>1</v>
      </c>
      <c r="C68459" s="14" t="s">
        <v>101</v>
      </c>
      <c r="D68459" s="14" t="s">
        <v>193</v>
      </c>
      <c r="E68459" s="15">
        <v>45580</v>
      </c>
      <c r="F68459" s="14" t="s">
        <v>15</v>
      </c>
      <c r="G68459" s="16">
        <v>0.53061473606565301</v>
      </c>
    </row>
    <row r="68460" spans="1:7" x14ac:dyDescent="0.3">
      <c r="A68460" s="13" t="s">
        <v>359</v>
      </c>
      <c r="B68460" s="14" t="s">
        <v>1</v>
      </c>
      <c r="C68460" s="14" t="s">
        <v>101</v>
      </c>
      <c r="D68460" s="14" t="s">
        <v>193</v>
      </c>
      <c r="E68460" s="15">
        <v>45581</v>
      </c>
      <c r="F68460" s="14" t="s">
        <v>15</v>
      </c>
      <c r="G68460" s="16">
        <v>0.52437834727781119</v>
      </c>
    </row>
    <row r="68461" spans="1:7" x14ac:dyDescent="0.3">
      <c r="A68461" s="13" t="s">
        <v>359</v>
      </c>
      <c r="B68461" s="14" t="s">
        <v>1</v>
      </c>
      <c r="C68461" s="14" t="s">
        <v>101</v>
      </c>
      <c r="D68461" s="14" t="s">
        <v>193</v>
      </c>
      <c r="E68461" s="15">
        <v>45582</v>
      </c>
      <c r="F68461" s="14" t="s">
        <v>15</v>
      </c>
      <c r="G68461" s="16">
        <v>0.51814195848996925</v>
      </c>
    </row>
    <row r="68462" spans="1:7" x14ac:dyDescent="0.3">
      <c r="A68462" s="13" t="s">
        <v>359</v>
      </c>
      <c r="B68462" s="14" t="s">
        <v>1</v>
      </c>
      <c r="C68462" s="14" t="s">
        <v>101</v>
      </c>
      <c r="D68462" s="14" t="s">
        <v>193</v>
      </c>
      <c r="E68462" s="15">
        <v>45583</v>
      </c>
      <c r="F68462" s="14" t="s">
        <v>15</v>
      </c>
      <c r="G68462" s="16">
        <v>0.51190556970212731</v>
      </c>
    </row>
    <row r="68463" spans="1:7" x14ac:dyDescent="0.3">
      <c r="A68463" s="13" t="s">
        <v>359</v>
      </c>
      <c r="B68463" s="14" t="s">
        <v>1</v>
      </c>
      <c r="C68463" s="14" t="s">
        <v>101</v>
      </c>
      <c r="D68463" s="14" t="s">
        <v>193</v>
      </c>
      <c r="E68463" s="15">
        <v>45584</v>
      </c>
      <c r="F68463" s="14" t="s">
        <v>15</v>
      </c>
      <c r="G68463" s="16">
        <v>0.51190556970212731</v>
      </c>
    </row>
    <row r="68464" spans="1:7" x14ac:dyDescent="0.3">
      <c r="A68464" s="13" t="s">
        <v>359</v>
      </c>
      <c r="B68464" s="14" t="s">
        <v>1</v>
      </c>
      <c r="C68464" s="14" t="s">
        <v>101</v>
      </c>
      <c r="D68464" s="14" t="s">
        <v>193</v>
      </c>
      <c r="E68464" s="15">
        <v>45585</v>
      </c>
      <c r="F68464" s="14" t="s">
        <v>15</v>
      </c>
      <c r="G68464" s="16">
        <v>0.51190556970212731</v>
      </c>
    </row>
    <row r="68465" spans="1:7" x14ac:dyDescent="0.3">
      <c r="A68465" s="13" t="s">
        <v>359</v>
      </c>
      <c r="B68465" s="14" t="s">
        <v>1</v>
      </c>
      <c r="C68465" s="14" t="s">
        <v>101</v>
      </c>
      <c r="D68465" s="14" t="s">
        <v>193</v>
      </c>
      <c r="E68465" s="15">
        <v>45586</v>
      </c>
      <c r="F68465" s="14" t="s">
        <v>15</v>
      </c>
      <c r="G68465" s="16">
        <v>0.50766918091428537</v>
      </c>
    </row>
    <row r="68466" spans="1:7" x14ac:dyDescent="0.3">
      <c r="A68466" s="13" t="s">
        <v>359</v>
      </c>
      <c r="B68466" s="14" t="s">
        <v>1</v>
      </c>
      <c r="C68466" s="14" t="s">
        <v>101</v>
      </c>
      <c r="D68466" s="14" t="s">
        <v>193</v>
      </c>
      <c r="E68466" s="15">
        <v>45587</v>
      </c>
      <c r="F68466" s="14" t="s">
        <v>15</v>
      </c>
      <c r="G68466" s="16">
        <v>0.49443279212644342</v>
      </c>
    </row>
    <row r="68467" spans="1:7" x14ac:dyDescent="0.3">
      <c r="A68467" s="13" t="s">
        <v>359</v>
      </c>
      <c r="B68467" s="14" t="s">
        <v>1</v>
      </c>
      <c r="C68467" s="14" t="s">
        <v>101</v>
      </c>
      <c r="D68467" s="14" t="s">
        <v>193</v>
      </c>
      <c r="E68467" s="15">
        <v>45588</v>
      </c>
      <c r="F68467" s="14" t="s">
        <v>15</v>
      </c>
      <c r="G68467" s="16">
        <v>0.48819640333860148</v>
      </c>
    </row>
    <row r="68468" spans="1:7" x14ac:dyDescent="0.3">
      <c r="A68468" s="13" t="s">
        <v>359</v>
      </c>
      <c r="B68468" s="14" t="s">
        <v>1</v>
      </c>
      <c r="C68468" s="14" t="s">
        <v>101</v>
      </c>
      <c r="D68468" s="14" t="s">
        <v>193</v>
      </c>
      <c r="E68468" s="15">
        <v>45589</v>
      </c>
      <c r="F68468" s="14" t="s">
        <v>15</v>
      </c>
      <c r="G68468" s="16">
        <v>0.48296001455075954</v>
      </c>
    </row>
    <row r="68469" spans="1:7" x14ac:dyDescent="0.3">
      <c r="A68469" s="13" t="s">
        <v>359</v>
      </c>
      <c r="B68469" s="14" t="s">
        <v>1</v>
      </c>
      <c r="C68469" s="14" t="s">
        <v>101</v>
      </c>
      <c r="D68469" s="14" t="s">
        <v>193</v>
      </c>
      <c r="E68469" s="15">
        <v>45590</v>
      </c>
      <c r="F68469" s="14" t="s">
        <v>15</v>
      </c>
      <c r="G68469" s="16">
        <v>0.4777236257629176</v>
      </c>
    </row>
    <row r="68470" spans="1:7" x14ac:dyDescent="0.3">
      <c r="A68470" s="13" t="s">
        <v>359</v>
      </c>
      <c r="B68470" s="14" t="s">
        <v>1</v>
      </c>
      <c r="C68470" s="14" t="s">
        <v>101</v>
      </c>
      <c r="D68470" s="14" t="s">
        <v>193</v>
      </c>
      <c r="E68470" s="15">
        <v>45591</v>
      </c>
      <c r="F68470" s="14" t="s">
        <v>15</v>
      </c>
      <c r="G68470" s="16">
        <v>0.4777236257629176</v>
      </c>
    </row>
    <row r="68471" spans="1:7" x14ac:dyDescent="0.3">
      <c r="A68471" s="13" t="s">
        <v>359</v>
      </c>
      <c r="B68471" s="14" t="s">
        <v>1</v>
      </c>
      <c r="C68471" s="14" t="s">
        <v>101</v>
      </c>
      <c r="D68471" s="14" t="s">
        <v>193</v>
      </c>
      <c r="E68471" s="15">
        <v>45592</v>
      </c>
      <c r="F68471" s="14" t="s">
        <v>15</v>
      </c>
      <c r="G68471" s="16">
        <v>0.4777236257629176</v>
      </c>
    </row>
    <row r="68472" spans="1:7" x14ac:dyDescent="0.3">
      <c r="A68472" s="13" t="s">
        <v>359</v>
      </c>
      <c r="B68472" s="14" t="s">
        <v>1</v>
      </c>
      <c r="C68472" s="14" t="s">
        <v>101</v>
      </c>
      <c r="D68472" s="14" t="s">
        <v>193</v>
      </c>
      <c r="E68472" s="15">
        <v>45593</v>
      </c>
      <c r="F68472" s="14" t="s">
        <v>15</v>
      </c>
      <c r="G68472" s="16">
        <v>0.4777236257629176</v>
      </c>
    </row>
    <row r="68473" spans="1:7" x14ac:dyDescent="0.3">
      <c r="A68473" s="13" t="s">
        <v>359</v>
      </c>
      <c r="B68473" s="14" t="s">
        <v>1</v>
      </c>
      <c r="C68473" s="14" t="s">
        <v>101</v>
      </c>
      <c r="D68473" s="14" t="s">
        <v>193</v>
      </c>
      <c r="E68473" s="15">
        <v>45594</v>
      </c>
      <c r="F68473" s="14" t="s">
        <v>15</v>
      </c>
      <c r="G68473" s="16">
        <v>0.47348723697507566</v>
      </c>
    </row>
    <row r="68474" spans="1:7" x14ac:dyDescent="0.3">
      <c r="A68474" s="13" t="s">
        <v>359</v>
      </c>
      <c r="B68474" s="14" t="s">
        <v>1</v>
      </c>
      <c r="C68474" s="14" t="s">
        <v>101</v>
      </c>
      <c r="D68474" s="14" t="s">
        <v>193</v>
      </c>
      <c r="E68474" s="15">
        <v>45595</v>
      </c>
      <c r="F68474" s="14" t="s">
        <v>15</v>
      </c>
      <c r="G68474" s="16">
        <v>0.46125084818723366</v>
      </c>
    </row>
    <row r="68475" spans="1:7" x14ac:dyDescent="0.3">
      <c r="A68475" s="13" t="s">
        <v>359</v>
      </c>
      <c r="B68475" s="14" t="s">
        <v>1</v>
      </c>
      <c r="C68475" s="14" t="s">
        <v>101</v>
      </c>
      <c r="D68475" s="14" t="s">
        <v>193</v>
      </c>
      <c r="E68475" s="15">
        <v>45596</v>
      </c>
      <c r="F68475" s="14" t="s">
        <v>15</v>
      </c>
      <c r="G68475" s="16">
        <v>0.45601445939939173</v>
      </c>
    </row>
    <row r="68476" spans="1:7" x14ac:dyDescent="0.3">
      <c r="A68476" s="13" t="s">
        <v>359</v>
      </c>
      <c r="B68476" s="14" t="s">
        <v>1</v>
      </c>
      <c r="C68476" s="14" t="s">
        <v>101</v>
      </c>
      <c r="D68476" s="14" t="s">
        <v>193</v>
      </c>
      <c r="E68476" s="15">
        <v>45597</v>
      </c>
      <c r="F68476" s="14" t="s">
        <v>15</v>
      </c>
      <c r="G68476" s="16">
        <v>0.46577807061154985</v>
      </c>
    </row>
    <row r="68477" spans="1:7" x14ac:dyDescent="0.3">
      <c r="A68477" s="13" t="s">
        <v>359</v>
      </c>
      <c r="B68477" s="14" t="s">
        <v>1</v>
      </c>
      <c r="C68477" s="14" t="s">
        <v>101</v>
      </c>
      <c r="D68477" s="14" t="s">
        <v>193</v>
      </c>
      <c r="E68477" s="15">
        <v>45598</v>
      </c>
      <c r="F68477" s="14" t="s">
        <v>15</v>
      </c>
      <c r="G68477" s="16">
        <v>0.46577807061154985</v>
      </c>
    </row>
    <row r="68478" spans="1:7" x14ac:dyDescent="0.3">
      <c r="A68478" s="13" t="s">
        <v>359</v>
      </c>
      <c r="B68478" s="14" t="s">
        <v>1</v>
      </c>
      <c r="C68478" s="14" t="s">
        <v>101</v>
      </c>
      <c r="D68478" s="14" t="s">
        <v>193</v>
      </c>
      <c r="E68478" s="15">
        <v>45599</v>
      </c>
      <c r="F68478" s="14" t="s">
        <v>15</v>
      </c>
      <c r="G68478" s="16">
        <v>0.46577807061154985</v>
      </c>
    </row>
    <row r="68479" spans="1:7" x14ac:dyDescent="0.3">
      <c r="A68479" s="13" t="s">
        <v>359</v>
      </c>
      <c r="B68479" s="14" t="s">
        <v>1</v>
      </c>
      <c r="C68479" s="14" t="s">
        <v>101</v>
      </c>
      <c r="D68479" s="14" t="s">
        <v>193</v>
      </c>
      <c r="E68479" s="15">
        <v>45600</v>
      </c>
      <c r="F68479" s="14" t="s">
        <v>15</v>
      </c>
      <c r="G68479" s="16">
        <v>0.46254168182370786</v>
      </c>
    </row>
    <row r="68480" spans="1:7" x14ac:dyDescent="0.3">
      <c r="A68480" s="13" t="s">
        <v>359</v>
      </c>
      <c r="B68480" s="14" t="s">
        <v>1</v>
      </c>
      <c r="C68480" s="14" t="s">
        <v>101</v>
      </c>
      <c r="D68480" s="14" t="s">
        <v>193</v>
      </c>
      <c r="E68480" s="15">
        <v>45601</v>
      </c>
      <c r="F68480" s="14" t="s">
        <v>15</v>
      </c>
      <c r="G68480" s="16">
        <v>0.45330529303586592</v>
      </c>
    </row>
    <row r="68481" spans="1:7" x14ac:dyDescent="0.3">
      <c r="A68481" s="13" t="s">
        <v>359</v>
      </c>
      <c r="B68481" s="14" t="s">
        <v>1</v>
      </c>
      <c r="C68481" s="14" t="s">
        <v>101</v>
      </c>
      <c r="D68481" s="14" t="s">
        <v>193</v>
      </c>
      <c r="E68481" s="15">
        <v>45602</v>
      </c>
      <c r="F68481" s="14" t="s">
        <v>15</v>
      </c>
      <c r="G68481" s="16">
        <v>0.44906890424802393</v>
      </c>
    </row>
    <row r="68482" spans="1:7" x14ac:dyDescent="0.3">
      <c r="A68482" s="13" t="s">
        <v>359</v>
      </c>
      <c r="B68482" s="14" t="s">
        <v>1</v>
      </c>
      <c r="C68482" s="14" t="s">
        <v>101</v>
      </c>
      <c r="D68482" s="14" t="s">
        <v>193</v>
      </c>
      <c r="E68482" s="15">
        <v>45603</v>
      </c>
      <c r="F68482" s="14" t="s">
        <v>15</v>
      </c>
      <c r="G68482" s="16">
        <v>0.44383251546018199</v>
      </c>
    </row>
    <row r="68483" spans="1:7" x14ac:dyDescent="0.3">
      <c r="A68483" s="13" t="s">
        <v>359</v>
      </c>
      <c r="B68483" s="14" t="s">
        <v>1</v>
      </c>
      <c r="C68483" s="14" t="s">
        <v>101</v>
      </c>
      <c r="D68483" s="14" t="s">
        <v>193</v>
      </c>
      <c r="E68483" s="15">
        <v>45604</v>
      </c>
      <c r="F68483" s="14" t="s">
        <v>15</v>
      </c>
      <c r="G68483" s="16">
        <v>0.43859612667234005</v>
      </c>
    </row>
    <row r="68484" spans="1:7" x14ac:dyDescent="0.3">
      <c r="A68484" s="13" t="s">
        <v>359</v>
      </c>
      <c r="B68484" s="14" t="s">
        <v>1</v>
      </c>
      <c r="C68484" s="14" t="s">
        <v>101</v>
      </c>
      <c r="D68484" s="14" t="s">
        <v>193</v>
      </c>
      <c r="E68484" s="15">
        <v>45605</v>
      </c>
      <c r="F68484" s="14" t="s">
        <v>15</v>
      </c>
      <c r="G68484" s="16">
        <v>0.43859612667234005</v>
      </c>
    </row>
    <row r="68485" spans="1:7" x14ac:dyDescent="0.3">
      <c r="A68485" s="13" t="s">
        <v>359</v>
      </c>
      <c r="B68485" s="14" t="s">
        <v>1</v>
      </c>
      <c r="C68485" s="14" t="s">
        <v>101</v>
      </c>
      <c r="D68485" s="14" t="s">
        <v>193</v>
      </c>
      <c r="E68485" s="15">
        <v>45606</v>
      </c>
      <c r="F68485" s="14" t="s">
        <v>15</v>
      </c>
      <c r="G68485" s="16">
        <v>0.43859612667234005</v>
      </c>
    </row>
    <row r="68486" spans="1:7" x14ac:dyDescent="0.3">
      <c r="A68486" s="13" t="s">
        <v>359</v>
      </c>
      <c r="B68486" s="14" t="s">
        <v>1</v>
      </c>
      <c r="C68486" s="14" t="s">
        <v>101</v>
      </c>
      <c r="D68486" s="14" t="s">
        <v>193</v>
      </c>
      <c r="E68486" s="15">
        <v>45607</v>
      </c>
      <c r="F68486" s="14" t="s">
        <v>15</v>
      </c>
      <c r="G68486" s="16">
        <v>0.43335973788449811</v>
      </c>
    </row>
    <row r="68487" spans="1:7" x14ac:dyDescent="0.3">
      <c r="A68487" s="13" t="s">
        <v>359</v>
      </c>
      <c r="B68487" s="14" t="s">
        <v>1</v>
      </c>
      <c r="C68487" s="14" t="s">
        <v>101</v>
      </c>
      <c r="D68487" s="14" t="s">
        <v>193</v>
      </c>
      <c r="E68487" s="15">
        <v>45608</v>
      </c>
      <c r="F68487" s="14" t="s">
        <v>15</v>
      </c>
      <c r="G68487" s="16">
        <v>0.42112334909665616</v>
      </c>
    </row>
    <row r="68488" spans="1:7" x14ac:dyDescent="0.3">
      <c r="A68488" s="13" t="s">
        <v>359</v>
      </c>
      <c r="B68488" s="14" t="s">
        <v>1</v>
      </c>
      <c r="C68488" s="14" t="s">
        <v>101</v>
      </c>
      <c r="D68488" s="14" t="s">
        <v>193</v>
      </c>
      <c r="E68488" s="15">
        <v>45609</v>
      </c>
      <c r="F68488" s="14" t="s">
        <v>15</v>
      </c>
      <c r="G68488" s="16">
        <v>0.43488696030881419</v>
      </c>
    </row>
    <row r="68489" spans="1:7" x14ac:dyDescent="0.3">
      <c r="A68489" s="13" t="s">
        <v>359</v>
      </c>
      <c r="B68489" s="14" t="s">
        <v>1</v>
      </c>
      <c r="C68489" s="14" t="s">
        <v>101</v>
      </c>
      <c r="D68489" s="14" t="s">
        <v>193</v>
      </c>
      <c r="E68489" s="15">
        <v>45610</v>
      </c>
      <c r="F68489" s="14" t="s">
        <v>15</v>
      </c>
      <c r="G68489" s="16">
        <v>0.43265057152097225</v>
      </c>
    </row>
    <row r="68490" spans="1:7" x14ac:dyDescent="0.3">
      <c r="A68490" s="13" t="s">
        <v>359</v>
      </c>
      <c r="B68490" s="14" t="s">
        <v>1</v>
      </c>
      <c r="C68490" s="14" t="s">
        <v>101</v>
      </c>
      <c r="D68490" s="14" t="s">
        <v>193</v>
      </c>
      <c r="E68490" s="15">
        <v>45611</v>
      </c>
      <c r="F68490" s="14" t="s">
        <v>15</v>
      </c>
      <c r="G68490" s="16">
        <v>0.42741418273313031</v>
      </c>
    </row>
    <row r="68491" spans="1:7" x14ac:dyDescent="0.3">
      <c r="A68491" s="13" t="s">
        <v>359</v>
      </c>
      <c r="B68491" s="14" t="s">
        <v>1</v>
      </c>
      <c r="C68491" s="14" t="s">
        <v>101</v>
      </c>
      <c r="D68491" s="14" t="s">
        <v>193</v>
      </c>
      <c r="E68491" s="15">
        <v>45612</v>
      </c>
      <c r="F68491" s="14" t="s">
        <v>15</v>
      </c>
      <c r="G68491" s="16">
        <v>0.42741418273313031</v>
      </c>
    </row>
    <row r="68492" spans="1:7" x14ac:dyDescent="0.3">
      <c r="A68492" s="13" t="s">
        <v>359</v>
      </c>
      <c r="B68492" s="14" t="s">
        <v>1</v>
      </c>
      <c r="C68492" s="14" t="s">
        <v>101</v>
      </c>
      <c r="D68492" s="14" t="s">
        <v>193</v>
      </c>
      <c r="E68492" s="15">
        <v>45613</v>
      </c>
      <c r="F68492" s="14" t="s">
        <v>15</v>
      </c>
      <c r="G68492" s="16">
        <v>0.42741418273313031</v>
      </c>
    </row>
    <row r="68493" spans="1:7" x14ac:dyDescent="0.3">
      <c r="A68493" s="13" t="s">
        <v>359</v>
      </c>
      <c r="B68493" s="14" t="s">
        <v>1</v>
      </c>
      <c r="C68493" s="14" t="s">
        <v>101</v>
      </c>
      <c r="D68493" s="14" t="s">
        <v>193</v>
      </c>
      <c r="E68493" s="15">
        <v>45614</v>
      </c>
      <c r="F68493" s="14" t="s">
        <v>15</v>
      </c>
      <c r="G68493" s="16">
        <v>0.46717779394528841</v>
      </c>
    </row>
    <row r="68494" spans="1:7" x14ac:dyDescent="0.3">
      <c r="A68494" s="13" t="s">
        <v>359</v>
      </c>
      <c r="B68494" s="14" t="s">
        <v>1</v>
      </c>
      <c r="C68494" s="14" t="s">
        <v>101</v>
      </c>
      <c r="D68494" s="14" t="s">
        <v>193</v>
      </c>
      <c r="E68494" s="15">
        <v>45615</v>
      </c>
      <c r="F68494" s="14" t="s">
        <v>15</v>
      </c>
      <c r="G68494" s="16">
        <v>0.45794140515744647</v>
      </c>
    </row>
    <row r="68495" spans="1:7" x14ac:dyDescent="0.3">
      <c r="A68495" s="13" t="s">
        <v>359</v>
      </c>
      <c r="B68495" s="14" t="s">
        <v>1</v>
      </c>
      <c r="C68495" s="14" t="s">
        <v>101</v>
      </c>
      <c r="D68495" s="14" t="s">
        <v>193</v>
      </c>
      <c r="E68495" s="15">
        <v>45616</v>
      </c>
      <c r="F68495" s="14" t="s">
        <v>15</v>
      </c>
      <c r="G68495" s="16">
        <v>0.45370501636960447</v>
      </c>
    </row>
    <row r="68496" spans="1:7" x14ac:dyDescent="0.3">
      <c r="A68496" s="13" t="s">
        <v>359</v>
      </c>
      <c r="B68496" s="14" t="s">
        <v>1</v>
      </c>
      <c r="C68496" s="14" t="s">
        <v>101</v>
      </c>
      <c r="D68496" s="14" t="s">
        <v>193</v>
      </c>
      <c r="E68496" s="15">
        <v>45617</v>
      </c>
      <c r="F68496" s="14" t="s">
        <v>15</v>
      </c>
      <c r="G68496" s="16">
        <v>0.44946862758176254</v>
      </c>
    </row>
    <row r="68497" spans="1:7" x14ac:dyDescent="0.3">
      <c r="A68497" s="13" t="s">
        <v>359</v>
      </c>
      <c r="B68497" s="14" t="s">
        <v>1</v>
      </c>
      <c r="C68497" s="14" t="s">
        <v>101</v>
      </c>
      <c r="D68497" s="14" t="s">
        <v>193</v>
      </c>
      <c r="E68497" s="15">
        <v>45618</v>
      </c>
      <c r="F68497" s="14" t="s">
        <v>15</v>
      </c>
      <c r="G68497" s="16">
        <v>0.4452322387939206</v>
      </c>
    </row>
    <row r="68498" spans="1:7" x14ac:dyDescent="0.3">
      <c r="A68498" s="13" t="s">
        <v>359</v>
      </c>
      <c r="B68498" s="14" t="s">
        <v>1</v>
      </c>
      <c r="C68498" s="14" t="s">
        <v>101</v>
      </c>
      <c r="D68498" s="14" t="s">
        <v>193</v>
      </c>
      <c r="E68498" s="15">
        <v>45619</v>
      </c>
      <c r="F68498" s="14" t="s">
        <v>15</v>
      </c>
      <c r="G68498" s="16">
        <v>0.4452322387939206</v>
      </c>
    </row>
    <row r="68499" spans="1:7" x14ac:dyDescent="0.3">
      <c r="A68499" s="13" t="s">
        <v>359</v>
      </c>
      <c r="B68499" s="14" t="s">
        <v>1</v>
      </c>
      <c r="C68499" s="14" t="s">
        <v>101</v>
      </c>
      <c r="D68499" s="14" t="s">
        <v>193</v>
      </c>
      <c r="E68499" s="15">
        <v>45620</v>
      </c>
      <c r="F68499" s="14" t="s">
        <v>15</v>
      </c>
      <c r="G68499" s="16">
        <v>0.4452322387939206</v>
      </c>
    </row>
    <row r="68500" spans="1:7" x14ac:dyDescent="0.3">
      <c r="A68500" s="13" t="s">
        <v>359</v>
      </c>
      <c r="B68500" s="14" t="s">
        <v>1</v>
      </c>
      <c r="C68500" s="14" t="s">
        <v>101</v>
      </c>
      <c r="D68500" s="14" t="s">
        <v>193</v>
      </c>
      <c r="E68500" s="15">
        <v>45621</v>
      </c>
      <c r="F68500" s="14" t="s">
        <v>15</v>
      </c>
      <c r="G68500" s="16">
        <v>0.45099585000607867</v>
      </c>
    </row>
    <row r="68501" spans="1:7" x14ac:dyDescent="0.3">
      <c r="A68501" s="13" t="s">
        <v>359</v>
      </c>
      <c r="B68501" s="14" t="s">
        <v>1</v>
      </c>
      <c r="C68501" s="14" t="s">
        <v>101</v>
      </c>
      <c r="D68501" s="14" t="s">
        <v>193</v>
      </c>
      <c r="E68501" s="15">
        <v>45622</v>
      </c>
      <c r="F68501" s="14" t="s">
        <v>15</v>
      </c>
      <c r="G68501" s="16">
        <v>0.43875946121823672</v>
      </c>
    </row>
    <row r="68502" spans="1:7" x14ac:dyDescent="0.3">
      <c r="A68502" s="13" t="s">
        <v>359</v>
      </c>
      <c r="B68502" s="14" t="s">
        <v>1</v>
      </c>
      <c r="C68502" s="14" t="s">
        <v>101</v>
      </c>
      <c r="D68502" s="14" t="s">
        <v>193</v>
      </c>
      <c r="E68502" s="15">
        <v>45623</v>
      </c>
      <c r="F68502" s="14" t="s">
        <v>15</v>
      </c>
      <c r="G68502" s="16">
        <v>0.43952307243039473</v>
      </c>
    </row>
    <row r="68503" spans="1:7" x14ac:dyDescent="0.3">
      <c r="A68503" s="13" t="s">
        <v>359</v>
      </c>
      <c r="B68503" s="14" t="s">
        <v>1</v>
      </c>
      <c r="C68503" s="14" t="s">
        <v>101</v>
      </c>
      <c r="D68503" s="14" t="s">
        <v>193</v>
      </c>
      <c r="E68503" s="15">
        <v>45624</v>
      </c>
      <c r="F68503" s="14" t="s">
        <v>15</v>
      </c>
      <c r="G68503" s="16">
        <v>0.43228668364255274</v>
      </c>
    </row>
    <row r="68504" spans="1:7" x14ac:dyDescent="0.3">
      <c r="A68504" s="13" t="s">
        <v>359</v>
      </c>
      <c r="B68504" s="14" t="s">
        <v>1</v>
      </c>
      <c r="C68504" s="14" t="s">
        <v>101</v>
      </c>
      <c r="D68504" s="14" t="s">
        <v>193</v>
      </c>
      <c r="E68504" s="15">
        <v>45625</v>
      </c>
      <c r="F68504" s="14" t="s">
        <v>15</v>
      </c>
      <c r="G68504" s="16">
        <v>0.4270502948547108</v>
      </c>
    </row>
    <row r="68505" spans="1:7" x14ac:dyDescent="0.3">
      <c r="A68505" s="13" t="s">
        <v>359</v>
      </c>
      <c r="B68505" s="14" t="s">
        <v>1</v>
      </c>
      <c r="C68505" s="14" t="s">
        <v>101</v>
      </c>
      <c r="D68505" s="14" t="s">
        <v>193</v>
      </c>
      <c r="E68505" s="15">
        <v>45626</v>
      </c>
      <c r="F68505" s="14" t="s">
        <v>15</v>
      </c>
      <c r="G68505" s="16">
        <v>0.4270502948547108</v>
      </c>
    </row>
    <row r="68506" spans="1:7" x14ac:dyDescent="0.3">
      <c r="A68506" s="13" t="s">
        <v>359</v>
      </c>
      <c r="B68506" s="14" t="s">
        <v>1</v>
      </c>
      <c r="C68506" s="14" t="s">
        <v>101</v>
      </c>
      <c r="D68506" s="14" t="s">
        <v>193</v>
      </c>
      <c r="E68506" s="15">
        <v>45627</v>
      </c>
      <c r="F68506" s="14" t="s">
        <v>15</v>
      </c>
      <c r="G68506" s="16">
        <v>0.4270502948547108</v>
      </c>
    </row>
    <row r="68507" spans="1:7" x14ac:dyDescent="0.3">
      <c r="A68507" s="13" t="s">
        <v>359</v>
      </c>
      <c r="B68507" s="14" t="s">
        <v>1</v>
      </c>
      <c r="C68507" s="14" t="s">
        <v>101</v>
      </c>
      <c r="D68507" s="14" t="s">
        <v>193</v>
      </c>
      <c r="E68507" s="15">
        <v>45628</v>
      </c>
      <c r="F68507" s="14" t="s">
        <v>15</v>
      </c>
      <c r="G68507" s="16">
        <v>0.46381390606686884</v>
      </c>
    </row>
    <row r="68508" spans="1:7" x14ac:dyDescent="0.3">
      <c r="A68508" s="13" t="s">
        <v>359</v>
      </c>
      <c r="B68508" s="14" t="s">
        <v>1</v>
      </c>
      <c r="C68508" s="14" t="s">
        <v>101</v>
      </c>
      <c r="D68508" s="14" t="s">
        <v>193</v>
      </c>
      <c r="E68508" s="15">
        <v>45629</v>
      </c>
      <c r="F68508" s="14" t="s">
        <v>15</v>
      </c>
      <c r="G68508" s="16">
        <v>0.45357751727902695</v>
      </c>
    </row>
    <row r="68509" spans="1:7" x14ac:dyDescent="0.3">
      <c r="A68509" s="13" t="s">
        <v>359</v>
      </c>
      <c r="B68509" s="14" t="s">
        <v>1</v>
      </c>
      <c r="C68509" s="14" t="s">
        <v>101</v>
      </c>
      <c r="D68509" s="14" t="s">
        <v>193</v>
      </c>
      <c r="E68509" s="15">
        <v>45630</v>
      </c>
      <c r="F68509" s="14" t="s">
        <v>15</v>
      </c>
      <c r="G68509" s="16">
        <v>0.46334112849118503</v>
      </c>
    </row>
    <row r="68510" spans="1:7" x14ac:dyDescent="0.3">
      <c r="A68510" s="13" t="s">
        <v>359</v>
      </c>
      <c r="B68510" s="14" t="s">
        <v>1</v>
      </c>
      <c r="C68510" s="14" t="s">
        <v>101</v>
      </c>
      <c r="D68510" s="14" t="s">
        <v>193</v>
      </c>
      <c r="E68510" s="15">
        <v>45631</v>
      </c>
      <c r="F68510" s="14" t="s">
        <v>15</v>
      </c>
      <c r="G68510" s="16">
        <v>0.45810473970334309</v>
      </c>
    </row>
    <row r="68511" spans="1:7" x14ac:dyDescent="0.3">
      <c r="A68511" s="13" t="s">
        <v>359</v>
      </c>
      <c r="B68511" s="14" t="s">
        <v>1</v>
      </c>
      <c r="C68511" s="14" t="s">
        <v>101</v>
      </c>
      <c r="D68511" s="14" t="s">
        <v>193</v>
      </c>
      <c r="E68511" s="15">
        <v>45632</v>
      </c>
      <c r="F68511" s="14" t="s">
        <v>15</v>
      </c>
      <c r="G68511" s="16">
        <v>0.45286835091550115</v>
      </c>
    </row>
    <row r="68512" spans="1:7" x14ac:dyDescent="0.3">
      <c r="A68512" s="13" t="s">
        <v>359</v>
      </c>
      <c r="B68512" s="14" t="s">
        <v>1</v>
      </c>
      <c r="C68512" s="14" t="s">
        <v>101</v>
      </c>
      <c r="D68512" s="14" t="s">
        <v>193</v>
      </c>
      <c r="E68512" s="15">
        <v>45633</v>
      </c>
      <c r="F68512" s="14" t="s">
        <v>15</v>
      </c>
      <c r="G68512" s="16">
        <v>0.45286835091550115</v>
      </c>
    </row>
    <row r="68513" spans="1:7" x14ac:dyDescent="0.3">
      <c r="A68513" s="13" t="s">
        <v>359</v>
      </c>
      <c r="B68513" s="14" t="s">
        <v>1</v>
      </c>
      <c r="C68513" s="14" t="s">
        <v>101</v>
      </c>
      <c r="D68513" s="14" t="s">
        <v>193</v>
      </c>
      <c r="E68513" s="15">
        <v>45634</v>
      </c>
      <c r="F68513" s="14" t="s">
        <v>15</v>
      </c>
      <c r="G68513" s="16">
        <v>0.45286835091550115</v>
      </c>
    </row>
    <row r="68514" spans="1:7" x14ac:dyDescent="0.3">
      <c r="A68514" s="13" t="s">
        <v>359</v>
      </c>
      <c r="B68514" s="14" t="s">
        <v>1</v>
      </c>
      <c r="C68514" s="14" t="s">
        <v>101</v>
      </c>
      <c r="D68514" s="14" t="s">
        <v>193</v>
      </c>
      <c r="E68514" s="15">
        <v>45635</v>
      </c>
      <c r="F68514" s="14" t="s">
        <v>15</v>
      </c>
      <c r="G68514" s="16">
        <v>0.46163196212765917</v>
      </c>
    </row>
    <row r="68515" spans="1:7" x14ac:dyDescent="0.3">
      <c r="A68515" s="13" t="s">
        <v>359</v>
      </c>
      <c r="B68515" s="14" t="s">
        <v>1</v>
      </c>
      <c r="C68515" s="14" t="s">
        <v>101</v>
      </c>
      <c r="D68515" s="14" t="s">
        <v>193</v>
      </c>
      <c r="E68515" s="15">
        <v>45636</v>
      </c>
      <c r="F68515" s="14" t="s">
        <v>15</v>
      </c>
      <c r="G68515" s="16">
        <v>0.44939557333981722</v>
      </c>
    </row>
    <row r="68516" spans="1:7" x14ac:dyDescent="0.3">
      <c r="A68516" s="13" t="s">
        <v>359</v>
      </c>
      <c r="B68516" s="14" t="s">
        <v>1</v>
      </c>
      <c r="C68516" s="14" t="s">
        <v>101</v>
      </c>
      <c r="D68516" s="14" t="s">
        <v>193</v>
      </c>
      <c r="E68516" s="15">
        <v>45637</v>
      </c>
      <c r="F68516" s="14" t="s">
        <v>15</v>
      </c>
      <c r="G68516" s="16">
        <v>0.44415918455197528</v>
      </c>
    </row>
    <row r="68517" spans="1:7" x14ac:dyDescent="0.3">
      <c r="A68517" s="13" t="s">
        <v>359</v>
      </c>
      <c r="B68517" s="14" t="s">
        <v>1</v>
      </c>
      <c r="C68517" s="14" t="s">
        <v>101</v>
      </c>
      <c r="D68517" s="14" t="s">
        <v>193</v>
      </c>
      <c r="E68517" s="15">
        <v>45638</v>
      </c>
      <c r="F68517" s="14" t="s">
        <v>15</v>
      </c>
      <c r="G68517" s="16">
        <v>0.44292279576413335</v>
      </c>
    </row>
    <row r="68518" spans="1:7" x14ac:dyDescent="0.3">
      <c r="A68518" s="13" t="s">
        <v>359</v>
      </c>
      <c r="B68518" s="14" t="s">
        <v>1</v>
      </c>
      <c r="C68518" s="14" t="s">
        <v>101</v>
      </c>
      <c r="D68518" s="14" t="s">
        <v>193</v>
      </c>
      <c r="E68518" s="15">
        <v>45639</v>
      </c>
      <c r="F68518" s="14" t="s">
        <v>15</v>
      </c>
      <c r="G68518" s="16">
        <v>0.43768640697629141</v>
      </c>
    </row>
    <row r="68519" spans="1:7" x14ac:dyDescent="0.3">
      <c r="A68519" s="13" t="s">
        <v>359</v>
      </c>
      <c r="B68519" s="14" t="s">
        <v>1</v>
      </c>
      <c r="C68519" s="14" t="s">
        <v>101</v>
      </c>
      <c r="D68519" s="14" t="s">
        <v>193</v>
      </c>
      <c r="E68519" s="15">
        <v>45640</v>
      </c>
      <c r="F68519" s="14" t="s">
        <v>15</v>
      </c>
      <c r="G68519" s="16">
        <v>0.43768640697629141</v>
      </c>
    </row>
    <row r="68520" spans="1:7" x14ac:dyDescent="0.3">
      <c r="A68520" s="13" t="s">
        <v>359</v>
      </c>
      <c r="B68520" s="14" t="s">
        <v>1</v>
      </c>
      <c r="C68520" s="14" t="s">
        <v>101</v>
      </c>
      <c r="D68520" s="14" t="s">
        <v>193</v>
      </c>
      <c r="E68520" s="15">
        <v>45641</v>
      </c>
      <c r="F68520" s="14" t="s">
        <v>15</v>
      </c>
      <c r="G68520" s="16">
        <v>0.43768640697629141</v>
      </c>
    </row>
    <row r="68521" spans="1:7" x14ac:dyDescent="0.3">
      <c r="A68521" s="13" t="s">
        <v>359</v>
      </c>
      <c r="B68521" s="14" t="s">
        <v>1</v>
      </c>
      <c r="C68521" s="14" t="s">
        <v>101</v>
      </c>
      <c r="D68521" s="14" t="s">
        <v>193</v>
      </c>
      <c r="E68521" s="15">
        <v>45642</v>
      </c>
      <c r="F68521" s="14" t="s">
        <v>15</v>
      </c>
      <c r="G68521" s="16">
        <v>0.43445001818844942</v>
      </c>
    </row>
    <row r="68522" spans="1:7" x14ac:dyDescent="0.3">
      <c r="A68522" s="13" t="s">
        <v>359</v>
      </c>
      <c r="B68522" s="14" t="s">
        <v>1</v>
      </c>
      <c r="C68522" s="14" t="s">
        <v>101</v>
      </c>
      <c r="D68522" s="14" t="s">
        <v>193</v>
      </c>
      <c r="E68522" s="15">
        <v>45643</v>
      </c>
      <c r="F68522" s="14" t="s">
        <v>15</v>
      </c>
      <c r="G68522" s="16">
        <v>0.42221362940060747</v>
      </c>
    </row>
    <row r="68523" spans="1:7" x14ac:dyDescent="0.3">
      <c r="A68523" s="13" t="s">
        <v>359</v>
      </c>
      <c r="B68523" s="14" t="s">
        <v>1</v>
      </c>
      <c r="C68523" s="14" t="s">
        <v>101</v>
      </c>
      <c r="D68523" s="14" t="s">
        <v>193</v>
      </c>
      <c r="E68523" s="15">
        <v>45644</v>
      </c>
      <c r="F68523" s="14" t="s">
        <v>15</v>
      </c>
      <c r="G68523" s="16">
        <v>0.42497724061276554</v>
      </c>
    </row>
    <row r="68524" spans="1:7" x14ac:dyDescent="0.3">
      <c r="A68524" s="13" t="s">
        <v>359</v>
      </c>
      <c r="B68524" s="14" t="s">
        <v>1</v>
      </c>
      <c r="C68524" s="14" t="s">
        <v>101</v>
      </c>
      <c r="D68524" s="14" t="s">
        <v>193</v>
      </c>
      <c r="E68524" s="15">
        <v>45645</v>
      </c>
      <c r="F68524" s="14" t="s">
        <v>15</v>
      </c>
      <c r="G68524" s="16">
        <v>0.4197408518249236</v>
      </c>
    </row>
    <row r="68525" spans="1:7" x14ac:dyDescent="0.3">
      <c r="A68525" s="13" t="s">
        <v>359</v>
      </c>
      <c r="B68525" s="14" t="s">
        <v>1</v>
      </c>
      <c r="C68525" s="14" t="s">
        <v>101</v>
      </c>
      <c r="D68525" s="14" t="s">
        <v>193</v>
      </c>
      <c r="E68525" s="15">
        <v>45646</v>
      </c>
      <c r="F68525" s="14" t="s">
        <v>15</v>
      </c>
      <c r="G68525" s="16">
        <v>0.42450446303708161</v>
      </c>
    </row>
    <row r="68526" spans="1:7" x14ac:dyDescent="0.3">
      <c r="A68526" s="13" t="s">
        <v>359</v>
      </c>
      <c r="B68526" s="14" t="s">
        <v>1</v>
      </c>
      <c r="C68526" s="14" t="s">
        <v>101</v>
      </c>
      <c r="D68526" s="14" t="s">
        <v>193</v>
      </c>
      <c r="E68526" s="15">
        <v>45647</v>
      </c>
      <c r="F68526" s="14" t="s">
        <v>15</v>
      </c>
      <c r="G68526" s="16">
        <v>0.42450446303708161</v>
      </c>
    </row>
    <row r="68527" spans="1:7" x14ac:dyDescent="0.3">
      <c r="A68527" s="13" t="s">
        <v>359</v>
      </c>
      <c r="B68527" s="14" t="s">
        <v>1</v>
      </c>
      <c r="C68527" s="14" t="s">
        <v>101</v>
      </c>
      <c r="D68527" s="14" t="s">
        <v>193</v>
      </c>
      <c r="E68527" s="15">
        <v>45648</v>
      </c>
      <c r="F68527" s="14" t="s">
        <v>15</v>
      </c>
      <c r="G68527" s="16">
        <v>0.42450446303708161</v>
      </c>
    </row>
    <row r="68528" spans="1:7" x14ac:dyDescent="0.3">
      <c r="A68528" s="13" t="s">
        <v>359</v>
      </c>
      <c r="B68528" s="14" t="s">
        <v>1</v>
      </c>
      <c r="C68528" s="14" t="s">
        <v>101</v>
      </c>
      <c r="D68528" s="14" t="s">
        <v>193</v>
      </c>
      <c r="E68528" s="15">
        <v>45649</v>
      </c>
      <c r="F68528" s="14" t="s">
        <v>15</v>
      </c>
      <c r="G68528" s="16">
        <v>0.42426807424923962</v>
      </c>
    </row>
    <row r="68529" spans="1:7" x14ac:dyDescent="0.3">
      <c r="A68529" s="13" t="s">
        <v>359</v>
      </c>
      <c r="B68529" s="14" t="s">
        <v>1</v>
      </c>
      <c r="C68529" s="14" t="s">
        <v>101</v>
      </c>
      <c r="D68529" s="14" t="s">
        <v>193</v>
      </c>
      <c r="E68529" s="15">
        <v>45650</v>
      </c>
      <c r="F68529" s="14" t="s">
        <v>15</v>
      </c>
      <c r="G68529" s="16">
        <v>0.42103168546139769</v>
      </c>
    </row>
    <row r="68530" spans="1:7" x14ac:dyDescent="0.3">
      <c r="A68530" s="13" t="s">
        <v>359</v>
      </c>
      <c r="B68530" s="14" t="s">
        <v>1</v>
      </c>
      <c r="C68530" s="14" t="s">
        <v>101</v>
      </c>
      <c r="D68530" s="14" t="s">
        <v>193</v>
      </c>
      <c r="E68530" s="15">
        <v>45651</v>
      </c>
      <c r="F68530" s="14" t="s">
        <v>15</v>
      </c>
      <c r="G68530" s="16">
        <v>0.42103168546139769</v>
      </c>
    </row>
    <row r="68531" spans="1:7" x14ac:dyDescent="0.3">
      <c r="A68531" s="13" t="s">
        <v>359</v>
      </c>
      <c r="B68531" s="14" t="s">
        <v>1</v>
      </c>
      <c r="C68531" s="14" t="s">
        <v>101</v>
      </c>
      <c r="D68531" s="14" t="s">
        <v>193</v>
      </c>
      <c r="E68531" s="15">
        <v>45652</v>
      </c>
      <c r="F68531" s="14" t="s">
        <v>15</v>
      </c>
      <c r="G68531" s="16">
        <v>0.42103168546139769</v>
      </c>
    </row>
    <row r="68532" spans="1:7" x14ac:dyDescent="0.3">
      <c r="A68532" s="13" t="s">
        <v>359</v>
      </c>
      <c r="B68532" s="14" t="s">
        <v>1</v>
      </c>
      <c r="C68532" s="14" t="s">
        <v>101</v>
      </c>
      <c r="D68532" s="14" t="s">
        <v>193</v>
      </c>
      <c r="E68532" s="15">
        <v>45653</v>
      </c>
      <c r="F68532" s="14" t="s">
        <v>15</v>
      </c>
      <c r="G68532" s="16">
        <v>0.42103168546139769</v>
      </c>
    </row>
    <row r="68533" spans="1:7" x14ac:dyDescent="0.3">
      <c r="A68533" s="13" t="s">
        <v>359</v>
      </c>
      <c r="B68533" s="14" t="s">
        <v>1</v>
      </c>
      <c r="C68533" s="14" t="s">
        <v>101</v>
      </c>
      <c r="D68533" s="14" t="s">
        <v>193</v>
      </c>
      <c r="E68533" s="15">
        <v>45654</v>
      </c>
      <c r="F68533" s="14" t="s">
        <v>15</v>
      </c>
      <c r="G68533" s="16">
        <v>0.42103168546139769</v>
      </c>
    </row>
    <row r="68534" spans="1:7" x14ac:dyDescent="0.3">
      <c r="A68534" s="13" t="s">
        <v>359</v>
      </c>
      <c r="B68534" s="14" t="s">
        <v>1</v>
      </c>
      <c r="C68534" s="14" t="s">
        <v>101</v>
      </c>
      <c r="D68534" s="14" t="s">
        <v>193</v>
      </c>
      <c r="E68534" s="15">
        <v>45655</v>
      </c>
      <c r="F68534" s="14" t="s">
        <v>15</v>
      </c>
      <c r="G68534" s="16">
        <v>0.42103168546139769</v>
      </c>
    </row>
    <row r="68535" spans="1:7" x14ac:dyDescent="0.3">
      <c r="A68535" s="13" t="s">
        <v>359</v>
      </c>
      <c r="B68535" s="14" t="s">
        <v>1</v>
      </c>
      <c r="C68535" s="14" t="s">
        <v>101</v>
      </c>
      <c r="D68535" s="14" t="s">
        <v>193</v>
      </c>
      <c r="E68535" s="15">
        <v>45656</v>
      </c>
      <c r="F68535" s="14" t="s">
        <v>15</v>
      </c>
      <c r="G68535" s="16">
        <v>0.41679529667355569</v>
      </c>
    </row>
    <row r="68536" spans="1:7" x14ac:dyDescent="0.3">
      <c r="A68536" s="13" t="s">
        <v>359</v>
      </c>
      <c r="B68536" s="14" t="s">
        <v>1</v>
      </c>
      <c r="C68536" s="14" t="s">
        <v>101</v>
      </c>
      <c r="D68536" s="14" t="s">
        <v>193</v>
      </c>
      <c r="E68536" s="15">
        <v>45657</v>
      </c>
      <c r="F68536" s="14" t="s">
        <v>15</v>
      </c>
      <c r="G68536" s="16">
        <v>0.41655890788571376</v>
      </c>
    </row>
    <row r="68537" spans="1:7" x14ac:dyDescent="0.3">
      <c r="A68537" s="13" t="s">
        <v>359</v>
      </c>
      <c r="B68537" s="14" t="s">
        <v>1</v>
      </c>
      <c r="C68537" s="14" t="s">
        <v>101</v>
      </c>
      <c r="D68537" s="14" t="s">
        <v>193</v>
      </c>
      <c r="E68537" s="15">
        <v>45658</v>
      </c>
      <c r="F68537" s="14" t="s">
        <v>15</v>
      </c>
      <c r="G68537" s="16">
        <v>0.41655890788571376</v>
      </c>
    </row>
    <row r="68538" spans="1:7" x14ac:dyDescent="0.3">
      <c r="A68538" s="13" t="s">
        <v>359</v>
      </c>
      <c r="B68538" s="14" t="s">
        <v>1</v>
      </c>
      <c r="C68538" s="14" t="s">
        <v>101</v>
      </c>
      <c r="D68538" s="14" t="s">
        <v>193</v>
      </c>
      <c r="E68538" s="15">
        <v>45659</v>
      </c>
      <c r="F68538" s="14" t="s">
        <v>15</v>
      </c>
      <c r="G68538" s="16">
        <v>0.41932251909787183</v>
      </c>
    </row>
    <row r="68539" spans="1:7" x14ac:dyDescent="0.3">
      <c r="A68539" s="13" t="s">
        <v>359</v>
      </c>
      <c r="B68539" s="14" t="s">
        <v>1</v>
      </c>
      <c r="C68539" s="14" t="s">
        <v>101</v>
      </c>
      <c r="D68539" s="14" t="s">
        <v>193</v>
      </c>
      <c r="E68539" s="15">
        <v>45660</v>
      </c>
      <c r="F68539" s="14" t="s">
        <v>15</v>
      </c>
      <c r="G68539" s="16">
        <v>0.41208613031002983</v>
      </c>
    </row>
    <row r="68540" spans="1:7" x14ac:dyDescent="0.3">
      <c r="A68540" s="13" t="s">
        <v>359</v>
      </c>
      <c r="B68540" s="14" t="s">
        <v>1</v>
      </c>
      <c r="C68540" s="14" t="s">
        <v>101</v>
      </c>
      <c r="D68540" s="14" t="s">
        <v>193</v>
      </c>
      <c r="E68540" s="15">
        <v>45661</v>
      </c>
      <c r="F68540" s="14" t="s">
        <v>15</v>
      </c>
      <c r="G68540" s="16">
        <v>0.41208613031002983</v>
      </c>
    </row>
    <row r="68541" spans="1:7" x14ac:dyDescent="0.3">
      <c r="A68541" s="13" t="s">
        <v>359</v>
      </c>
      <c r="B68541" s="14" t="s">
        <v>1</v>
      </c>
      <c r="C68541" s="14" t="s">
        <v>101</v>
      </c>
      <c r="D68541" s="14" t="s">
        <v>193</v>
      </c>
      <c r="E68541" s="15">
        <v>45662</v>
      </c>
      <c r="F68541" s="14" t="s">
        <v>15</v>
      </c>
      <c r="G68541" s="16">
        <v>0.41208613031002983</v>
      </c>
    </row>
    <row r="68542" spans="1:7" x14ac:dyDescent="0.3">
      <c r="A68542" s="13" t="s">
        <v>359</v>
      </c>
      <c r="B68542" s="14" t="s">
        <v>1</v>
      </c>
      <c r="C68542" s="14" t="s">
        <v>101</v>
      </c>
      <c r="D68542" s="14" t="s">
        <v>193</v>
      </c>
      <c r="E68542" s="15">
        <v>45663</v>
      </c>
      <c r="F68542" s="14" t="s">
        <v>15</v>
      </c>
      <c r="G68542" s="16">
        <v>0.40784974152218789</v>
      </c>
    </row>
    <row r="68543" spans="1:7" x14ac:dyDescent="0.3">
      <c r="A68543" s="13" t="s">
        <v>359</v>
      </c>
      <c r="B68543" s="14" t="s">
        <v>1</v>
      </c>
      <c r="C68543" s="14" t="s">
        <v>101</v>
      </c>
      <c r="D68543" s="14" t="s">
        <v>193</v>
      </c>
      <c r="E68543" s="15">
        <v>45664</v>
      </c>
      <c r="F68543" s="14" t="s">
        <v>15</v>
      </c>
      <c r="G68543" s="16">
        <v>0.39261335273434594</v>
      </c>
    </row>
    <row r="68544" spans="1:7" x14ac:dyDescent="0.3">
      <c r="A68544" s="13" t="s">
        <v>359</v>
      </c>
      <c r="B68544" s="14" t="s">
        <v>1</v>
      </c>
      <c r="C68544" s="14" t="s">
        <v>101</v>
      </c>
      <c r="D68544" s="14" t="s">
        <v>193</v>
      </c>
      <c r="E68544" s="15">
        <v>45665</v>
      </c>
      <c r="F68544" s="14" t="s">
        <v>15</v>
      </c>
      <c r="G68544" s="16">
        <v>0.38837696394650395</v>
      </c>
    </row>
    <row r="68545" spans="1:7" x14ac:dyDescent="0.3">
      <c r="A68545" s="13" t="s">
        <v>359</v>
      </c>
      <c r="B68545" s="14" t="s">
        <v>1</v>
      </c>
      <c r="C68545" s="14" t="s">
        <v>101</v>
      </c>
      <c r="D68545" s="14" t="s">
        <v>193</v>
      </c>
      <c r="E68545" s="15">
        <v>45666</v>
      </c>
      <c r="F68545" s="14" t="s">
        <v>15</v>
      </c>
      <c r="G68545" s="16">
        <v>0.38414057515866201</v>
      </c>
    </row>
    <row r="68546" spans="1:7" x14ac:dyDescent="0.3">
      <c r="A68546" s="13" t="s">
        <v>359</v>
      </c>
      <c r="B68546" s="14" t="s">
        <v>1</v>
      </c>
      <c r="C68546" s="14" t="s">
        <v>101</v>
      </c>
      <c r="D68546" s="14" t="s">
        <v>193</v>
      </c>
      <c r="E68546" s="15">
        <v>45667</v>
      </c>
      <c r="F68546" s="14" t="s">
        <v>15</v>
      </c>
      <c r="G68546" s="16">
        <v>0.39090418637082008</v>
      </c>
    </row>
    <row r="68547" spans="1:7" x14ac:dyDescent="0.3">
      <c r="A68547" s="13" t="s">
        <v>359</v>
      </c>
      <c r="B68547" s="14" t="s">
        <v>1</v>
      </c>
      <c r="C68547" s="14" t="s">
        <v>101</v>
      </c>
      <c r="D68547" s="14" t="s">
        <v>193</v>
      </c>
      <c r="E68547" s="15">
        <v>45668</v>
      </c>
      <c r="F68547" s="14" t="s">
        <v>15</v>
      </c>
      <c r="G68547" s="16">
        <v>0.39090418637082008</v>
      </c>
    </row>
    <row r="68548" spans="1:7" x14ac:dyDescent="0.3">
      <c r="A68548" s="13" t="s">
        <v>359</v>
      </c>
      <c r="B68548" s="14" t="s">
        <v>1</v>
      </c>
      <c r="C68548" s="14" t="s">
        <v>101</v>
      </c>
      <c r="D68548" s="14" t="s">
        <v>193</v>
      </c>
      <c r="E68548" s="15">
        <v>45669</v>
      </c>
      <c r="F68548" s="14" t="s">
        <v>15</v>
      </c>
      <c r="G68548" s="16">
        <v>0.39090418637082008</v>
      </c>
    </row>
    <row r="68549" spans="1:7" x14ac:dyDescent="0.3">
      <c r="A68549" s="13" t="s">
        <v>359</v>
      </c>
      <c r="B68549" s="14" t="s">
        <v>1</v>
      </c>
      <c r="C68549" s="14" t="s">
        <v>101</v>
      </c>
      <c r="D68549" s="14" t="s">
        <v>193</v>
      </c>
      <c r="E68549" s="15">
        <v>45670</v>
      </c>
      <c r="F68549" s="14" t="s">
        <v>15</v>
      </c>
      <c r="G68549" s="16">
        <v>0.38666779758297809</v>
      </c>
    </row>
    <row r="68550" spans="1:7" x14ac:dyDescent="0.3">
      <c r="A68550" s="13" t="s">
        <v>359</v>
      </c>
      <c r="B68550" s="14" t="s">
        <v>1</v>
      </c>
      <c r="C68550" s="14" t="s">
        <v>101</v>
      </c>
      <c r="D68550" s="14" t="s">
        <v>193</v>
      </c>
      <c r="E68550" s="15">
        <v>45671</v>
      </c>
      <c r="F68550" s="14" t="s">
        <v>15</v>
      </c>
      <c r="G68550" s="16">
        <v>0.37743140879513615</v>
      </c>
    </row>
    <row r="68551" spans="1:7" x14ac:dyDescent="0.3">
      <c r="A68551" s="13" t="s">
        <v>359</v>
      </c>
      <c r="B68551" s="14" t="s">
        <v>1</v>
      </c>
      <c r="C68551" s="14" t="s">
        <v>101</v>
      </c>
      <c r="D68551" s="14" t="s">
        <v>193</v>
      </c>
      <c r="E68551" s="15">
        <v>45672</v>
      </c>
      <c r="F68551" s="14" t="s">
        <v>15</v>
      </c>
      <c r="G68551" s="16">
        <v>0.37319502000729421</v>
      </c>
    </row>
    <row r="68552" spans="1:7" x14ac:dyDescent="0.3">
      <c r="A68552" s="13" t="s">
        <v>359</v>
      </c>
      <c r="B68552" s="14" t="s">
        <v>1</v>
      </c>
      <c r="C68552" s="14" t="s">
        <v>101</v>
      </c>
      <c r="D68552" s="14" t="s">
        <v>193</v>
      </c>
      <c r="E68552" s="15">
        <v>45673</v>
      </c>
      <c r="F68552" s="14" t="s">
        <v>15</v>
      </c>
      <c r="G68552" s="16">
        <v>0.36895863121945227</v>
      </c>
    </row>
    <row r="68553" spans="1:7" x14ac:dyDescent="0.3">
      <c r="A68553" s="13" t="s">
        <v>359</v>
      </c>
      <c r="B68553" s="14" t="s">
        <v>1</v>
      </c>
      <c r="C68553" s="14" t="s">
        <v>101</v>
      </c>
      <c r="D68553" s="14" t="s">
        <v>193</v>
      </c>
      <c r="E68553" s="15">
        <v>45674</v>
      </c>
      <c r="F68553" s="14" t="s">
        <v>15</v>
      </c>
      <c r="G68553" s="16">
        <v>0.36472224243161028</v>
      </c>
    </row>
    <row r="68554" spans="1:7" x14ac:dyDescent="0.3">
      <c r="A68554" s="13" t="s">
        <v>359</v>
      </c>
      <c r="B68554" s="14" t="s">
        <v>1</v>
      </c>
      <c r="C68554" s="14" t="s">
        <v>101</v>
      </c>
      <c r="D68554" s="14" t="s">
        <v>193</v>
      </c>
      <c r="E68554" s="15">
        <v>45675</v>
      </c>
      <c r="F68554" s="14" t="s">
        <v>15</v>
      </c>
      <c r="G68554" s="16">
        <v>0.36472224243161028</v>
      </c>
    </row>
    <row r="68555" spans="1:7" x14ac:dyDescent="0.3">
      <c r="A68555" s="13" t="s">
        <v>359</v>
      </c>
      <c r="B68555" s="14" t="s">
        <v>1</v>
      </c>
      <c r="C68555" s="14" t="s">
        <v>101</v>
      </c>
      <c r="D68555" s="14" t="s">
        <v>193</v>
      </c>
      <c r="E68555" s="15">
        <v>45676</v>
      </c>
      <c r="F68555" s="14" t="s">
        <v>15</v>
      </c>
      <c r="G68555" s="16">
        <v>0.36472224243161028</v>
      </c>
    </row>
    <row r="68556" spans="1:7" x14ac:dyDescent="0.3">
      <c r="A68556" s="13" t="s">
        <v>359</v>
      </c>
      <c r="B68556" s="14" t="s">
        <v>1</v>
      </c>
      <c r="C68556" s="14" t="s">
        <v>101</v>
      </c>
      <c r="D68556" s="14" t="s">
        <v>193</v>
      </c>
      <c r="E68556" s="15">
        <v>45677</v>
      </c>
      <c r="F68556" s="14" t="s">
        <v>15</v>
      </c>
      <c r="G68556" s="16">
        <v>0.36548585364376834</v>
      </c>
    </row>
    <row r="68557" spans="1:7" x14ac:dyDescent="0.3">
      <c r="A68557" s="13" t="s">
        <v>359</v>
      </c>
      <c r="B68557" s="14" t="s">
        <v>1</v>
      </c>
      <c r="C68557" s="14" t="s">
        <v>101</v>
      </c>
      <c r="D68557" s="14" t="s">
        <v>193</v>
      </c>
      <c r="E68557" s="15">
        <v>45678</v>
      </c>
      <c r="F68557" s="14" t="s">
        <v>15</v>
      </c>
      <c r="G68557" s="16">
        <v>0.3562494648559264</v>
      </c>
    </row>
    <row r="68558" spans="1:7" x14ac:dyDescent="0.3">
      <c r="A68558" s="13" t="s">
        <v>359</v>
      </c>
      <c r="B68558" s="14" t="s">
        <v>1</v>
      </c>
      <c r="C68558" s="14" t="s">
        <v>101</v>
      </c>
      <c r="D68558" s="14" t="s">
        <v>193</v>
      </c>
      <c r="E68558" s="15">
        <v>45679</v>
      </c>
      <c r="F68558" s="14" t="s">
        <v>15</v>
      </c>
      <c r="G68558" s="16">
        <v>0.36101307606808447</v>
      </c>
    </row>
    <row r="68559" spans="1:7" x14ac:dyDescent="0.3">
      <c r="A68559" s="13" t="s">
        <v>359</v>
      </c>
      <c r="B68559" s="14" t="s">
        <v>1</v>
      </c>
      <c r="C68559" s="14" t="s">
        <v>101</v>
      </c>
      <c r="D68559" s="14" t="s">
        <v>193</v>
      </c>
      <c r="E68559" s="15">
        <v>45680</v>
      </c>
      <c r="F68559" s="14" t="s">
        <v>15</v>
      </c>
      <c r="G68559" s="16">
        <v>0.35577668728024253</v>
      </c>
    </row>
    <row r="68560" spans="1:7" x14ac:dyDescent="0.3">
      <c r="A68560" s="13" t="s">
        <v>359</v>
      </c>
      <c r="B68560" s="14" t="s">
        <v>1</v>
      </c>
      <c r="C68560" s="14" t="s">
        <v>101</v>
      </c>
      <c r="D68560" s="14" t="s">
        <v>193</v>
      </c>
      <c r="E68560" s="15">
        <v>45681</v>
      </c>
      <c r="F68560" s="14" t="s">
        <v>15</v>
      </c>
      <c r="G68560" s="16">
        <v>0.35054029849240059</v>
      </c>
    </row>
    <row r="68561" spans="1:7" x14ac:dyDescent="0.3">
      <c r="A68561" s="13" t="s">
        <v>359</v>
      </c>
      <c r="B68561" s="14" t="s">
        <v>1</v>
      </c>
      <c r="C68561" s="14" t="s">
        <v>101</v>
      </c>
      <c r="D68561" s="14" t="s">
        <v>193</v>
      </c>
      <c r="E68561" s="15">
        <v>45682</v>
      </c>
      <c r="F68561" s="14" t="s">
        <v>15</v>
      </c>
      <c r="G68561" s="16">
        <v>0.35054029849240059</v>
      </c>
    </row>
    <row r="68562" spans="1:7" x14ac:dyDescent="0.3">
      <c r="A68562" s="13" t="s">
        <v>359</v>
      </c>
      <c r="B68562" s="14" t="s">
        <v>1</v>
      </c>
      <c r="C68562" s="14" t="s">
        <v>101</v>
      </c>
      <c r="D68562" s="14" t="s">
        <v>193</v>
      </c>
      <c r="E68562" s="15">
        <v>45683</v>
      </c>
      <c r="F68562" s="14" t="s">
        <v>15</v>
      </c>
      <c r="G68562" s="16">
        <v>0.35054029849240059</v>
      </c>
    </row>
    <row r="68563" spans="1:7" x14ac:dyDescent="0.3">
      <c r="A68563" s="13" t="s">
        <v>359</v>
      </c>
      <c r="B68563" s="14" t="s">
        <v>1</v>
      </c>
      <c r="C68563" s="14" t="s">
        <v>101</v>
      </c>
      <c r="D68563" s="14" t="s">
        <v>193</v>
      </c>
      <c r="E68563" s="15">
        <v>45684</v>
      </c>
      <c r="F68563" s="14" t="s">
        <v>15</v>
      </c>
      <c r="G68563" s="16">
        <v>0.34530390970455865</v>
      </c>
    </row>
    <row r="68564" spans="1:7" x14ac:dyDescent="0.3">
      <c r="A68564" s="13" t="s">
        <v>359</v>
      </c>
      <c r="B68564" s="14" t="s">
        <v>1</v>
      </c>
      <c r="C68564" s="14" t="s">
        <v>101</v>
      </c>
      <c r="D68564" s="14" t="s">
        <v>193</v>
      </c>
      <c r="E68564" s="15">
        <v>45685</v>
      </c>
      <c r="F68564" s="14" t="s">
        <v>15</v>
      </c>
      <c r="G68564" s="16">
        <v>0.33306752091671676</v>
      </c>
    </row>
    <row r="68565" spans="1:7" x14ac:dyDescent="0.3">
      <c r="A68565" s="13" t="s">
        <v>359</v>
      </c>
      <c r="B68565" s="14" t="s">
        <v>1</v>
      </c>
      <c r="C68565" s="14" t="s">
        <v>101</v>
      </c>
      <c r="D68565" s="14" t="s">
        <v>193</v>
      </c>
      <c r="E68565" s="15">
        <v>45686</v>
      </c>
      <c r="F68565" s="14" t="s">
        <v>15</v>
      </c>
      <c r="G68565" s="16">
        <v>0.32783113212887482</v>
      </c>
    </row>
    <row r="68566" spans="1:7" x14ac:dyDescent="0.3">
      <c r="A68566" s="13" t="s">
        <v>359</v>
      </c>
      <c r="B68566" s="14" t="s">
        <v>1</v>
      </c>
      <c r="C68566" s="14" t="s">
        <v>101</v>
      </c>
      <c r="D68566" s="14" t="s">
        <v>193</v>
      </c>
      <c r="E68566" s="15">
        <v>45687</v>
      </c>
      <c r="F68566" s="14" t="s">
        <v>15</v>
      </c>
      <c r="G68566" s="16">
        <v>0.32259474334103289</v>
      </c>
    </row>
    <row r="68567" spans="1:7" x14ac:dyDescent="0.3">
      <c r="A68567" s="13" t="s">
        <v>359</v>
      </c>
      <c r="B68567" s="14" t="s">
        <v>1</v>
      </c>
      <c r="C68567" s="14" t="s">
        <v>101</v>
      </c>
      <c r="D68567" s="14" t="s">
        <v>193</v>
      </c>
      <c r="E68567" s="15">
        <v>45688</v>
      </c>
      <c r="F68567" s="14" t="s">
        <v>15</v>
      </c>
      <c r="G68567" s="16">
        <v>0.31735835455319095</v>
      </c>
    </row>
    <row r="68568" spans="1:7" x14ac:dyDescent="0.3">
      <c r="A68568" s="13" t="s">
        <v>359</v>
      </c>
      <c r="B68568" s="14" t="s">
        <v>1</v>
      </c>
      <c r="C68568" s="14" t="s">
        <v>101</v>
      </c>
      <c r="D68568" s="14" t="s">
        <v>193</v>
      </c>
      <c r="E68568" s="15">
        <v>45689</v>
      </c>
      <c r="F68568" s="14" t="s">
        <v>15</v>
      </c>
      <c r="G68568" s="16">
        <v>0.31735835455319095</v>
      </c>
    </row>
    <row r="68569" spans="1:7" x14ac:dyDescent="0.3">
      <c r="A68569" s="13" t="s">
        <v>359</v>
      </c>
      <c r="B68569" s="14" t="s">
        <v>1</v>
      </c>
      <c r="C68569" s="14" t="s">
        <v>101</v>
      </c>
      <c r="D68569" s="14" t="s">
        <v>193</v>
      </c>
      <c r="E68569" s="15">
        <v>45690</v>
      </c>
      <c r="F68569" s="14" t="s">
        <v>15</v>
      </c>
      <c r="G68569" s="16">
        <v>0.31735835455319095</v>
      </c>
    </row>
    <row r="68570" spans="1:7" x14ac:dyDescent="0.3">
      <c r="A68570" s="13" t="s">
        <v>359</v>
      </c>
      <c r="B68570" s="14" t="s">
        <v>1</v>
      </c>
      <c r="C68570" s="14" t="s">
        <v>101</v>
      </c>
      <c r="D68570" s="14" t="s">
        <v>193</v>
      </c>
      <c r="E68570" s="15">
        <v>45691</v>
      </c>
      <c r="F68570" s="14" t="s">
        <v>15</v>
      </c>
      <c r="G68570" s="16">
        <v>0.31735835455319095</v>
      </c>
    </row>
    <row r="68571" spans="1:7" x14ac:dyDescent="0.3">
      <c r="A68571" s="13" t="s">
        <v>359</v>
      </c>
      <c r="B68571" s="14" t="s">
        <v>1</v>
      </c>
      <c r="C68571" s="14" t="s">
        <v>101</v>
      </c>
      <c r="D68571" s="14" t="s">
        <v>193</v>
      </c>
      <c r="E68571" s="15">
        <v>45692</v>
      </c>
      <c r="F68571" s="14" t="s">
        <v>15</v>
      </c>
      <c r="G68571" s="16">
        <v>0.31212196576534901</v>
      </c>
    </row>
    <row r="68572" spans="1:7" x14ac:dyDescent="0.3">
      <c r="A68572" s="13" t="s">
        <v>359</v>
      </c>
      <c r="B68572" s="14" t="s">
        <v>1</v>
      </c>
      <c r="C68572" s="14" t="s">
        <v>101</v>
      </c>
      <c r="D68572" s="14" t="s">
        <v>193</v>
      </c>
      <c r="E68572" s="15">
        <v>45693</v>
      </c>
      <c r="F68572" s="14" t="s">
        <v>15</v>
      </c>
      <c r="G68572" s="16">
        <v>0.29688557697750706</v>
      </c>
    </row>
    <row r="68573" spans="1:7" x14ac:dyDescent="0.3">
      <c r="A68573" s="13" t="s">
        <v>359</v>
      </c>
      <c r="B68573" s="14" t="s">
        <v>1</v>
      </c>
      <c r="C68573" s="14" t="s">
        <v>101</v>
      </c>
      <c r="D68573" s="14" t="s">
        <v>193</v>
      </c>
      <c r="E68573" s="15">
        <v>45694</v>
      </c>
      <c r="F68573" s="14" t="s">
        <v>15</v>
      </c>
      <c r="G68573" s="16">
        <v>0.29264918818966507</v>
      </c>
    </row>
    <row r="68574" spans="1:7" x14ac:dyDescent="0.3">
      <c r="A68574" s="13" t="s">
        <v>359</v>
      </c>
      <c r="B68574" s="14" t="s">
        <v>1</v>
      </c>
      <c r="C68574" s="14" t="s">
        <v>101</v>
      </c>
      <c r="D68574" s="14" t="s">
        <v>193</v>
      </c>
      <c r="E68574" s="15">
        <v>45695</v>
      </c>
      <c r="F68574" s="14" t="s">
        <v>15</v>
      </c>
      <c r="G68574" s="16">
        <v>0.28841279940182313</v>
      </c>
    </row>
    <row r="68575" spans="1:7" x14ac:dyDescent="0.3">
      <c r="A68575" s="13" t="s">
        <v>359</v>
      </c>
      <c r="B68575" s="14" t="s">
        <v>1</v>
      </c>
      <c r="C68575" s="14" t="s">
        <v>101</v>
      </c>
      <c r="D68575" s="14" t="s">
        <v>193</v>
      </c>
      <c r="E68575" s="15">
        <v>45696</v>
      </c>
      <c r="F68575" s="14" t="s">
        <v>15</v>
      </c>
      <c r="G68575" s="16">
        <v>0.28841279940182313</v>
      </c>
    </row>
    <row r="68576" spans="1:7" x14ac:dyDescent="0.3">
      <c r="A68576" s="13" t="s">
        <v>359</v>
      </c>
      <c r="B68576" s="14" t="s">
        <v>1</v>
      </c>
      <c r="C68576" s="14" t="s">
        <v>101</v>
      </c>
      <c r="D68576" s="14" t="s">
        <v>193</v>
      </c>
      <c r="E68576" s="15">
        <v>45697</v>
      </c>
      <c r="F68576" s="14" t="s">
        <v>15</v>
      </c>
      <c r="G68576" s="16">
        <v>0.28841279940182313</v>
      </c>
    </row>
    <row r="68577" spans="1:7" x14ac:dyDescent="0.3">
      <c r="A68577" s="13" t="s">
        <v>359</v>
      </c>
      <c r="B68577" s="14" t="s">
        <v>1</v>
      </c>
      <c r="C68577" s="14" t="s">
        <v>101</v>
      </c>
      <c r="D68577" s="14" t="s">
        <v>193</v>
      </c>
      <c r="E68577" s="15">
        <v>45698</v>
      </c>
      <c r="F68577" s="14" t="s">
        <v>15</v>
      </c>
      <c r="G68577" s="16">
        <v>0.30717641061398115</v>
      </c>
    </row>
    <row r="68578" spans="1:7" x14ac:dyDescent="0.3">
      <c r="A68578" s="13" t="s">
        <v>359</v>
      </c>
      <c r="B68578" s="14" t="s">
        <v>1</v>
      </c>
      <c r="C68578" s="14" t="s">
        <v>101</v>
      </c>
      <c r="D68578" s="14" t="s">
        <v>193</v>
      </c>
      <c r="E68578" s="15">
        <v>45699</v>
      </c>
      <c r="F68578" s="14" t="s">
        <v>15</v>
      </c>
      <c r="G68578" s="16">
        <v>0.32294002182613923</v>
      </c>
    </row>
    <row r="68579" spans="1:7" x14ac:dyDescent="0.3">
      <c r="A68579" s="13" t="s">
        <v>359</v>
      </c>
      <c r="B68579" s="14" t="s">
        <v>1</v>
      </c>
      <c r="C68579" s="14" t="s">
        <v>101</v>
      </c>
      <c r="D68579" s="14" t="s">
        <v>193</v>
      </c>
      <c r="E68579" s="15">
        <v>45700</v>
      </c>
      <c r="F68579" s="14" t="s">
        <v>15</v>
      </c>
      <c r="G68579" s="16">
        <v>0.31870363303829724</v>
      </c>
    </row>
    <row r="68580" spans="1:7" x14ac:dyDescent="0.3">
      <c r="A68580" s="13" t="s">
        <v>359</v>
      </c>
      <c r="B68580" s="14" t="s">
        <v>1</v>
      </c>
      <c r="C68580" s="14" t="s">
        <v>101</v>
      </c>
      <c r="D68580" s="14" t="s">
        <v>193</v>
      </c>
      <c r="E68580" s="15">
        <v>45701</v>
      </c>
      <c r="F68580" s="14" t="s">
        <v>15</v>
      </c>
      <c r="G68580" s="16">
        <v>0.3174672442504553</v>
      </c>
    </row>
    <row r="68581" spans="1:7" x14ac:dyDescent="0.3">
      <c r="A68581" s="13" t="s">
        <v>359</v>
      </c>
      <c r="B68581" s="14" t="s">
        <v>1</v>
      </c>
      <c r="C68581" s="14" t="s">
        <v>101</v>
      </c>
      <c r="D68581" s="14" t="s">
        <v>193</v>
      </c>
      <c r="E68581" s="15">
        <v>45702</v>
      </c>
      <c r="F68581" s="14" t="s">
        <v>15</v>
      </c>
      <c r="G68581" s="16">
        <v>0.31323085546261337</v>
      </c>
    </row>
    <row r="68582" spans="1:7" x14ac:dyDescent="0.3">
      <c r="A68582" s="13" t="s">
        <v>359</v>
      </c>
      <c r="B68582" s="14" t="s">
        <v>1</v>
      </c>
      <c r="C68582" s="14" t="s">
        <v>101</v>
      </c>
      <c r="D68582" s="14" t="s">
        <v>193</v>
      </c>
      <c r="E68582" s="15">
        <v>45703</v>
      </c>
      <c r="F68582" s="14" t="s">
        <v>15</v>
      </c>
      <c r="G68582" s="16">
        <v>0.31323085546261337</v>
      </c>
    </row>
    <row r="68583" spans="1:7" x14ac:dyDescent="0.3">
      <c r="A68583" s="13" t="s">
        <v>359</v>
      </c>
      <c r="B68583" s="14" t="s">
        <v>1</v>
      </c>
      <c r="C68583" s="14" t="s">
        <v>101</v>
      </c>
      <c r="D68583" s="14" t="s">
        <v>193</v>
      </c>
      <c r="E68583" s="15">
        <v>45704</v>
      </c>
      <c r="F68583" s="14" t="s">
        <v>15</v>
      </c>
      <c r="G68583" s="16">
        <v>0.31323085546261337</v>
      </c>
    </row>
    <row r="68584" spans="1:7" x14ac:dyDescent="0.3">
      <c r="A68584" s="13" t="s">
        <v>359</v>
      </c>
      <c r="B68584" s="14" t="s">
        <v>1</v>
      </c>
      <c r="C68584" s="14" t="s">
        <v>101</v>
      </c>
      <c r="D68584" s="14" t="s">
        <v>193</v>
      </c>
      <c r="E68584" s="15">
        <v>45705</v>
      </c>
      <c r="F68584" s="14" t="s">
        <v>15</v>
      </c>
      <c r="G68584" s="16">
        <v>0.3399944666747714</v>
      </c>
    </row>
    <row r="68585" spans="1:7" x14ac:dyDescent="0.3">
      <c r="A68585" s="13" t="s">
        <v>359</v>
      </c>
      <c r="B68585" s="14" t="s">
        <v>1</v>
      </c>
      <c r="C68585" s="14" t="s">
        <v>101</v>
      </c>
      <c r="D68585" s="14" t="s">
        <v>193</v>
      </c>
      <c r="E68585" s="15">
        <v>45706</v>
      </c>
      <c r="F68585" s="14" t="s">
        <v>15</v>
      </c>
      <c r="G68585" s="16">
        <v>0.32775807788692946</v>
      </c>
    </row>
    <row r="68586" spans="1:7" x14ac:dyDescent="0.3">
      <c r="A68586" s="13" t="s">
        <v>359</v>
      </c>
      <c r="B68586" s="14" t="s">
        <v>1</v>
      </c>
      <c r="C68586" s="14" t="s">
        <v>101</v>
      </c>
      <c r="D68586" s="14" t="s">
        <v>193</v>
      </c>
      <c r="E68586" s="15">
        <v>45707</v>
      </c>
      <c r="F68586" s="14" t="s">
        <v>15</v>
      </c>
      <c r="G68586" s="16">
        <v>0.33052168909908752</v>
      </c>
    </row>
    <row r="68587" spans="1:7" x14ac:dyDescent="0.3">
      <c r="A68587" s="13" t="s">
        <v>359</v>
      </c>
      <c r="B68587" s="14" t="s">
        <v>1</v>
      </c>
      <c r="C68587" s="14" t="s">
        <v>101</v>
      </c>
      <c r="D68587" s="14" t="s">
        <v>193</v>
      </c>
      <c r="E68587" s="15">
        <v>45708</v>
      </c>
      <c r="F68587" s="14" t="s">
        <v>15</v>
      </c>
      <c r="G68587" s="16">
        <v>0.32528530031124558</v>
      </c>
    </row>
    <row r="68588" spans="1:7" x14ac:dyDescent="0.3">
      <c r="A68588" s="13" t="s">
        <v>359</v>
      </c>
      <c r="B68588" s="14" t="s">
        <v>1</v>
      </c>
      <c r="C68588" s="14" t="s">
        <v>101</v>
      </c>
      <c r="D68588" s="14" t="s">
        <v>193</v>
      </c>
      <c r="E68588" s="15">
        <v>45709</v>
      </c>
      <c r="F68588" s="14" t="s">
        <v>15</v>
      </c>
      <c r="G68588" s="16">
        <v>0.32004891152340365</v>
      </c>
    </row>
    <row r="68589" spans="1:7" x14ac:dyDescent="0.3">
      <c r="A68589" s="13" t="s">
        <v>359</v>
      </c>
      <c r="B68589" s="14" t="s">
        <v>1</v>
      </c>
      <c r="C68589" s="14" t="s">
        <v>101</v>
      </c>
      <c r="D68589" s="14" t="s">
        <v>193</v>
      </c>
      <c r="E68589" s="15">
        <v>45710</v>
      </c>
      <c r="F68589" s="14" t="s">
        <v>15</v>
      </c>
      <c r="G68589" s="16">
        <v>0.32004891152340365</v>
      </c>
    </row>
    <row r="68590" spans="1:7" x14ac:dyDescent="0.3">
      <c r="A68590" s="13" t="s">
        <v>359</v>
      </c>
      <c r="B68590" s="14" t="s">
        <v>1</v>
      </c>
      <c r="C68590" s="14" t="s">
        <v>101</v>
      </c>
      <c r="D68590" s="14" t="s">
        <v>193</v>
      </c>
      <c r="E68590" s="15">
        <v>45711</v>
      </c>
      <c r="F68590" s="14" t="s">
        <v>15</v>
      </c>
      <c r="G68590" s="16">
        <v>0.32004891152340365</v>
      </c>
    </row>
    <row r="68591" spans="1:7" x14ac:dyDescent="0.3">
      <c r="A68591" s="13" t="s">
        <v>359</v>
      </c>
      <c r="B68591" s="14" t="s">
        <v>1</v>
      </c>
      <c r="C68591" s="14" t="s">
        <v>101</v>
      </c>
      <c r="D68591" s="14" t="s">
        <v>193</v>
      </c>
      <c r="E68591" s="15">
        <v>45712</v>
      </c>
      <c r="F68591" s="14" t="s">
        <v>15</v>
      </c>
      <c r="G68591" s="16">
        <v>0.32581252273556172</v>
      </c>
    </row>
    <row r="68592" spans="1:7" x14ac:dyDescent="0.3">
      <c r="A68592" s="13" t="s">
        <v>359</v>
      </c>
      <c r="B68592" s="14" t="s">
        <v>1</v>
      </c>
      <c r="C68592" s="14" t="s">
        <v>101</v>
      </c>
      <c r="D68592" s="14" t="s">
        <v>193</v>
      </c>
      <c r="E68592" s="15">
        <v>45713</v>
      </c>
      <c r="F68592" s="14" t="s">
        <v>15</v>
      </c>
      <c r="G68592" s="16">
        <v>0.31657613394771977</v>
      </c>
    </row>
    <row r="68593" spans="1:7" x14ac:dyDescent="0.3">
      <c r="A68593" s="13" t="s">
        <v>359</v>
      </c>
      <c r="B68593" s="14" t="s">
        <v>1</v>
      </c>
      <c r="C68593" s="14" t="s">
        <v>101</v>
      </c>
      <c r="D68593" s="14" t="s">
        <v>193</v>
      </c>
      <c r="E68593" s="15">
        <v>45714</v>
      </c>
      <c r="F68593" s="14" t="s">
        <v>15</v>
      </c>
      <c r="G68593" s="16">
        <v>0.31233974515987784</v>
      </c>
    </row>
    <row r="68594" spans="1:7" x14ac:dyDescent="0.3">
      <c r="A68594" s="13" t="s">
        <v>359</v>
      </c>
      <c r="B68594" s="14" t="s">
        <v>1</v>
      </c>
      <c r="C68594" s="14" t="s">
        <v>101</v>
      </c>
      <c r="D68594" s="14" t="s">
        <v>193</v>
      </c>
      <c r="E68594" s="15">
        <v>45715</v>
      </c>
      <c r="F68594" s="14" t="s">
        <v>15</v>
      </c>
      <c r="G68594" s="16">
        <v>0.3171033563720359</v>
      </c>
    </row>
    <row r="68595" spans="1:7" x14ac:dyDescent="0.3">
      <c r="A68595" s="13" t="s">
        <v>359</v>
      </c>
      <c r="B68595" s="14" t="s">
        <v>1</v>
      </c>
      <c r="C68595" s="14" t="s">
        <v>101</v>
      </c>
      <c r="D68595" s="14" t="s">
        <v>193</v>
      </c>
      <c r="E68595" s="15">
        <v>45716</v>
      </c>
      <c r="F68595" s="14" t="s">
        <v>15</v>
      </c>
      <c r="G68595" s="16">
        <v>0.31286696758419391</v>
      </c>
    </row>
    <row r="68596" spans="1:7" x14ac:dyDescent="0.3">
      <c r="A68596" s="13" t="s">
        <v>359</v>
      </c>
      <c r="B68596" s="14" t="s">
        <v>1</v>
      </c>
      <c r="C68596" s="14" t="s">
        <v>101</v>
      </c>
      <c r="D68596" s="14" t="s">
        <v>193</v>
      </c>
      <c r="E68596" s="15">
        <v>45717</v>
      </c>
      <c r="F68596" s="14" t="s">
        <v>15</v>
      </c>
      <c r="G68596" s="16">
        <v>0.31286696758419391</v>
      </c>
    </row>
    <row r="68597" spans="1:7" x14ac:dyDescent="0.3">
      <c r="A68597" s="13" t="s">
        <v>359</v>
      </c>
      <c r="B68597" s="14" t="s">
        <v>1</v>
      </c>
      <c r="C68597" s="14" t="s">
        <v>101</v>
      </c>
      <c r="D68597" s="14" t="s">
        <v>193</v>
      </c>
      <c r="E68597" s="15">
        <v>45718</v>
      </c>
      <c r="F68597" s="14" t="s">
        <v>15</v>
      </c>
      <c r="G68597" s="16">
        <v>0.31286696758419391</v>
      </c>
    </row>
    <row r="68598" spans="1:7" x14ac:dyDescent="0.3">
      <c r="A68598" s="13" t="s">
        <v>359</v>
      </c>
      <c r="B68598" s="14" t="s">
        <v>1</v>
      </c>
      <c r="C68598" s="14" t="s">
        <v>101</v>
      </c>
      <c r="D68598" s="14" t="s">
        <v>193</v>
      </c>
      <c r="E68598" s="15">
        <v>45719</v>
      </c>
      <c r="F68598" s="14" t="s">
        <v>15</v>
      </c>
      <c r="G68598" s="16">
        <v>0.35163057879635196</v>
      </c>
    </row>
    <row r="68599" spans="1:7" x14ac:dyDescent="0.3">
      <c r="A68599" s="13" t="s">
        <v>359</v>
      </c>
      <c r="B68599" s="14" t="s">
        <v>1</v>
      </c>
      <c r="C68599" s="14" t="s">
        <v>101</v>
      </c>
      <c r="D68599" s="14" t="s">
        <v>193</v>
      </c>
      <c r="E68599" s="15">
        <v>45720</v>
      </c>
      <c r="F68599" s="14" t="s">
        <v>15</v>
      </c>
      <c r="G68599" s="16">
        <v>0.34239419000851001</v>
      </c>
    </row>
    <row r="68600" spans="1:7" x14ac:dyDescent="0.3">
      <c r="A68600" s="13" t="s">
        <v>359</v>
      </c>
      <c r="B68600" s="14" t="s">
        <v>1</v>
      </c>
      <c r="C68600" s="14" t="s">
        <v>101</v>
      </c>
      <c r="D68600" s="14" t="s">
        <v>193</v>
      </c>
      <c r="E68600" s="15">
        <v>45721</v>
      </c>
      <c r="F68600" s="14" t="s">
        <v>15</v>
      </c>
      <c r="G68600" s="16">
        <v>0.33815780122066808</v>
      </c>
    </row>
    <row r="68601" spans="1:7" x14ac:dyDescent="0.3">
      <c r="A68601" s="13" t="s">
        <v>359</v>
      </c>
      <c r="B68601" s="14" t="s">
        <v>1</v>
      </c>
      <c r="C68601" s="14" t="s">
        <v>101</v>
      </c>
      <c r="D68601" s="14" t="s">
        <v>193</v>
      </c>
      <c r="E68601" s="15">
        <v>45722</v>
      </c>
      <c r="F68601" s="14" t="s">
        <v>15</v>
      </c>
      <c r="G68601" s="16">
        <v>0.33392141243282614</v>
      </c>
    </row>
    <row r="68602" spans="1:7" x14ac:dyDescent="0.3">
      <c r="A68602" s="13" t="s">
        <v>359</v>
      </c>
      <c r="B68602" s="14" t="s">
        <v>1</v>
      </c>
      <c r="C68602" s="14" t="s">
        <v>101</v>
      </c>
      <c r="D68602" s="14" t="s">
        <v>193</v>
      </c>
      <c r="E68602" s="15">
        <v>45723</v>
      </c>
      <c r="F68602" s="14" t="s">
        <v>15</v>
      </c>
      <c r="G68602" s="16">
        <v>0.32968502364498414</v>
      </c>
    </row>
    <row r="68603" spans="1:7" x14ac:dyDescent="0.3">
      <c r="A68603" s="13" t="s">
        <v>359</v>
      </c>
      <c r="B68603" s="14" t="s">
        <v>1</v>
      </c>
      <c r="C68603" s="14" t="s">
        <v>101</v>
      </c>
      <c r="D68603" s="14" t="s">
        <v>193</v>
      </c>
      <c r="E68603" s="15">
        <v>45724</v>
      </c>
      <c r="F68603" s="14" t="s">
        <v>15</v>
      </c>
      <c r="G68603" s="16">
        <v>0.32968502364498414</v>
      </c>
    </row>
    <row r="68604" spans="1:7" x14ac:dyDescent="0.3">
      <c r="A68604" s="13" t="s">
        <v>359</v>
      </c>
      <c r="B68604" s="14" t="s">
        <v>1</v>
      </c>
      <c r="C68604" s="14" t="s">
        <v>101</v>
      </c>
      <c r="D68604" s="14" t="s">
        <v>193</v>
      </c>
      <c r="E68604" s="15">
        <v>45725</v>
      </c>
      <c r="F68604" s="14" t="s">
        <v>15</v>
      </c>
      <c r="G68604" s="16">
        <v>0.32968502364498414</v>
      </c>
    </row>
    <row r="68605" spans="1:7" x14ac:dyDescent="0.3">
      <c r="A68605" s="13" t="s">
        <v>359</v>
      </c>
      <c r="B68605" s="14" t="s">
        <v>1</v>
      </c>
      <c r="C68605" s="14" t="s">
        <v>101</v>
      </c>
      <c r="D68605" s="14" t="s">
        <v>193</v>
      </c>
      <c r="E68605" s="15">
        <v>45726</v>
      </c>
      <c r="F68605" s="14" t="s">
        <v>15</v>
      </c>
      <c r="G68605" s="16">
        <v>0.33644863485714221</v>
      </c>
    </row>
    <row r="68606" spans="1:7" x14ac:dyDescent="0.3">
      <c r="A68606" s="13" t="s">
        <v>359</v>
      </c>
      <c r="B68606" s="14" t="s">
        <v>1</v>
      </c>
      <c r="C68606" s="14" t="s">
        <v>101</v>
      </c>
      <c r="D68606" s="14" t="s">
        <v>193</v>
      </c>
      <c r="E68606" s="15">
        <v>45727</v>
      </c>
      <c r="F68606" s="14" t="s">
        <v>15</v>
      </c>
      <c r="G68606" s="16">
        <v>0.32721224606930027</v>
      </c>
    </row>
    <row r="68607" spans="1:7" x14ac:dyDescent="0.3">
      <c r="A68607" s="13" t="s">
        <v>359</v>
      </c>
      <c r="B68607" s="14" t="s">
        <v>1</v>
      </c>
      <c r="C68607" s="14" t="s">
        <v>101</v>
      </c>
      <c r="D68607" s="14" t="s">
        <v>193</v>
      </c>
      <c r="E68607" s="15">
        <v>45728</v>
      </c>
      <c r="F68607" s="14" t="s">
        <v>15</v>
      </c>
      <c r="G68607" s="16">
        <v>0.32297585728145833</v>
      </c>
    </row>
    <row r="68608" spans="1:7" x14ac:dyDescent="0.3">
      <c r="A68608" s="13" t="s">
        <v>359</v>
      </c>
      <c r="B68608" s="14" t="s">
        <v>1</v>
      </c>
      <c r="C68608" s="14" t="s">
        <v>101</v>
      </c>
      <c r="D68608" s="14" t="s">
        <v>193</v>
      </c>
      <c r="E68608" s="15">
        <v>45729</v>
      </c>
      <c r="F68608" s="14" t="s">
        <v>15</v>
      </c>
      <c r="G68608" s="16">
        <v>0.3237394684936164</v>
      </c>
    </row>
    <row r="68609" spans="1:7" x14ac:dyDescent="0.3">
      <c r="A68609" s="13" t="s">
        <v>359</v>
      </c>
      <c r="B68609" s="14" t="s">
        <v>1</v>
      </c>
      <c r="C68609" s="14" t="s">
        <v>101</v>
      </c>
      <c r="D68609" s="14" t="s">
        <v>193</v>
      </c>
      <c r="E68609" s="15">
        <v>45730</v>
      </c>
      <c r="F68609" s="14" t="s">
        <v>15</v>
      </c>
      <c r="G68609" s="16">
        <v>0.33350307970577442</v>
      </c>
    </row>
    <row r="68610" spans="1:7" x14ac:dyDescent="0.3">
      <c r="A68610" s="13" t="s">
        <v>359</v>
      </c>
      <c r="B68610" s="14" t="s">
        <v>1</v>
      </c>
      <c r="C68610" s="14" t="s">
        <v>101</v>
      </c>
      <c r="D68610" s="14" t="s">
        <v>193</v>
      </c>
      <c r="E68610" s="15">
        <v>45731</v>
      </c>
      <c r="F68610" s="14" t="s">
        <v>15</v>
      </c>
      <c r="G68610" s="16">
        <v>0.33350307970577442</v>
      </c>
    </row>
    <row r="68611" spans="1:7" x14ac:dyDescent="0.3">
      <c r="A68611" s="13" t="s">
        <v>359</v>
      </c>
      <c r="B68611" s="14" t="s">
        <v>1</v>
      </c>
      <c r="C68611" s="14" t="s">
        <v>101</v>
      </c>
      <c r="D68611" s="14" t="s">
        <v>193</v>
      </c>
      <c r="E68611" s="15">
        <v>45732</v>
      </c>
      <c r="F68611" s="14" t="s">
        <v>15</v>
      </c>
      <c r="G68611" s="16">
        <v>0.33350307970577442</v>
      </c>
    </row>
    <row r="68612" spans="1:7" x14ac:dyDescent="0.3">
      <c r="A68612" s="13" t="s">
        <v>359</v>
      </c>
      <c r="B68612" s="14" t="s">
        <v>1</v>
      </c>
      <c r="C68612" s="14" t="s">
        <v>101</v>
      </c>
      <c r="D68612" s="14" t="s">
        <v>193</v>
      </c>
      <c r="E68612" s="15">
        <v>45733</v>
      </c>
      <c r="F68612" s="14" t="s">
        <v>15</v>
      </c>
      <c r="G68612" s="16">
        <v>0.33350307970577442</v>
      </c>
    </row>
    <row r="68613" spans="1:7" x14ac:dyDescent="0.3">
      <c r="A68613" s="13" t="s">
        <v>359</v>
      </c>
      <c r="B68613" s="14" t="s">
        <v>1</v>
      </c>
      <c r="C68613" s="14" t="s">
        <v>101</v>
      </c>
      <c r="D68613" s="14" t="s">
        <v>193</v>
      </c>
      <c r="E68613" s="15">
        <v>45734</v>
      </c>
      <c r="F68613" s="14" t="s">
        <v>15</v>
      </c>
      <c r="G68613" s="16">
        <v>0.34026669091793249</v>
      </c>
    </row>
    <row r="68614" spans="1:7" x14ac:dyDescent="0.3">
      <c r="A68614" s="13" t="s">
        <v>359</v>
      </c>
      <c r="B68614" s="14" t="s">
        <v>1</v>
      </c>
      <c r="C68614" s="14" t="s">
        <v>101</v>
      </c>
      <c r="D68614" s="14" t="s">
        <v>193</v>
      </c>
      <c r="E68614" s="15">
        <v>45735</v>
      </c>
      <c r="F68614" s="14" t="s">
        <v>15</v>
      </c>
      <c r="G68614" s="16">
        <v>0.34703030213009056</v>
      </c>
    </row>
    <row r="68615" spans="1:7" x14ac:dyDescent="0.3">
      <c r="A68615" s="13" t="s">
        <v>359</v>
      </c>
      <c r="B68615" s="14" t="s">
        <v>1</v>
      </c>
      <c r="C68615" s="14" t="s">
        <v>101</v>
      </c>
      <c r="D68615" s="14" t="s">
        <v>193</v>
      </c>
      <c r="E68615" s="15">
        <v>45736</v>
      </c>
      <c r="F68615" s="14" t="s">
        <v>15</v>
      </c>
      <c r="G68615" s="16">
        <v>0.34579391334224863</v>
      </c>
    </row>
    <row r="68616" spans="1:7" x14ac:dyDescent="0.3">
      <c r="A68616" s="13" t="s">
        <v>359</v>
      </c>
      <c r="B68616" s="14" t="s">
        <v>1</v>
      </c>
      <c r="C68616" s="14" t="s">
        <v>101</v>
      </c>
      <c r="D68616" s="14" t="s">
        <v>193</v>
      </c>
      <c r="E68616" s="15">
        <v>45737</v>
      </c>
      <c r="F68616" s="14" t="s">
        <v>15</v>
      </c>
      <c r="G68616" s="16">
        <v>0.34155752455440669</v>
      </c>
    </row>
    <row r="68617" spans="1:7" x14ac:dyDescent="0.3">
      <c r="A68617" s="13" t="s">
        <v>359</v>
      </c>
      <c r="B68617" s="14" t="s">
        <v>1</v>
      </c>
      <c r="C68617" s="14" t="s">
        <v>101</v>
      </c>
      <c r="D68617" s="14" t="s">
        <v>193</v>
      </c>
      <c r="E68617" s="15">
        <v>45738</v>
      </c>
      <c r="F68617" s="14" t="s">
        <v>15</v>
      </c>
      <c r="G68617" s="16">
        <v>0.34155752455440669</v>
      </c>
    </row>
    <row r="68618" spans="1:7" x14ac:dyDescent="0.3">
      <c r="A68618" s="13" t="s">
        <v>359</v>
      </c>
      <c r="B68618" s="14" t="s">
        <v>1</v>
      </c>
      <c r="C68618" s="14" t="s">
        <v>101</v>
      </c>
      <c r="D68618" s="14" t="s">
        <v>193</v>
      </c>
      <c r="E68618" s="15">
        <v>45739</v>
      </c>
      <c r="F68618" s="14" t="s">
        <v>15</v>
      </c>
      <c r="G68618" s="16">
        <v>0.34155752455440669</v>
      </c>
    </row>
    <row r="68619" spans="1:7" x14ac:dyDescent="0.3">
      <c r="A68619" s="13" t="s">
        <v>359</v>
      </c>
      <c r="B68619" s="14" t="s">
        <v>1</v>
      </c>
      <c r="C68619" s="14" t="s">
        <v>101</v>
      </c>
      <c r="D68619" s="14" t="s">
        <v>193</v>
      </c>
      <c r="E68619" s="15">
        <v>45740</v>
      </c>
      <c r="F68619" s="14" t="s">
        <v>15</v>
      </c>
      <c r="G68619" s="16">
        <v>0.33732113576656475</v>
      </c>
    </row>
    <row r="68620" spans="1:7" x14ac:dyDescent="0.3">
      <c r="A68620" s="13" t="s">
        <v>359</v>
      </c>
      <c r="B68620" s="14" t="s">
        <v>1</v>
      </c>
      <c r="C68620" s="14" t="s">
        <v>101</v>
      </c>
      <c r="D68620" s="14" t="s">
        <v>193</v>
      </c>
      <c r="E68620" s="15">
        <v>45741</v>
      </c>
      <c r="F68620" s="14" t="s">
        <v>15</v>
      </c>
      <c r="G68620" s="16">
        <v>0.32808474697872281</v>
      </c>
    </row>
    <row r="68621" spans="1:7" x14ac:dyDescent="0.3">
      <c r="A68621" s="13" t="s">
        <v>359</v>
      </c>
      <c r="B68621" s="14" t="s">
        <v>1</v>
      </c>
      <c r="C68621" s="14" t="s">
        <v>101</v>
      </c>
      <c r="D68621" s="14" t="s">
        <v>193</v>
      </c>
      <c r="E68621" s="15">
        <v>45742</v>
      </c>
      <c r="F68621" s="14" t="s">
        <v>15</v>
      </c>
      <c r="G68621" s="16">
        <v>0.33484835819088088</v>
      </c>
    </row>
    <row r="68622" spans="1:7" x14ac:dyDescent="0.3">
      <c r="A68622" s="13" t="s">
        <v>359</v>
      </c>
      <c r="B68622" s="14" t="s">
        <v>1</v>
      </c>
      <c r="C68622" s="14" t="s">
        <v>101</v>
      </c>
      <c r="D68622" s="14" t="s">
        <v>193</v>
      </c>
      <c r="E68622" s="15">
        <v>45743</v>
      </c>
      <c r="F68622" s="14" t="s">
        <v>15</v>
      </c>
      <c r="G68622" s="16">
        <v>0.33061196940303889</v>
      </c>
    </row>
    <row r="68623" spans="1:7" x14ac:dyDescent="0.3">
      <c r="A68623" s="13" t="s">
        <v>359</v>
      </c>
      <c r="B68623" s="14" t="s">
        <v>1</v>
      </c>
      <c r="C68623" s="14" t="s">
        <v>101</v>
      </c>
      <c r="D68623" s="14" t="s">
        <v>193</v>
      </c>
      <c r="E68623" s="15">
        <v>45744</v>
      </c>
      <c r="F68623" s="14" t="s">
        <v>15</v>
      </c>
      <c r="G68623" s="16">
        <v>0.33437558061519695</v>
      </c>
    </row>
    <row r="68624" spans="1:7" x14ac:dyDescent="0.3">
      <c r="A68624" s="13" t="s">
        <v>359</v>
      </c>
      <c r="B68624" s="14" t="s">
        <v>1</v>
      </c>
      <c r="C68624" s="14" t="s">
        <v>101</v>
      </c>
      <c r="D68624" s="14" t="s">
        <v>193</v>
      </c>
      <c r="E68624" s="15">
        <v>45745</v>
      </c>
      <c r="F68624" s="14" t="s">
        <v>15</v>
      </c>
      <c r="G68624" s="16">
        <v>0.33437558061519695</v>
      </c>
    </row>
    <row r="68625" spans="1:7" x14ac:dyDescent="0.3">
      <c r="A68625" s="13" t="s">
        <v>359</v>
      </c>
      <c r="B68625" s="14" t="s">
        <v>1</v>
      </c>
      <c r="C68625" s="14" t="s">
        <v>101</v>
      </c>
      <c r="D68625" s="14" t="s">
        <v>193</v>
      </c>
      <c r="E68625" s="15">
        <v>45746</v>
      </c>
      <c r="F68625" s="14" t="s">
        <v>15</v>
      </c>
      <c r="G68625" s="16">
        <v>0.33437558061519695</v>
      </c>
    </row>
    <row r="68626" spans="1:7" x14ac:dyDescent="0.3">
      <c r="A68626" s="13" t="s">
        <v>359</v>
      </c>
      <c r="B68626" s="14" t="s">
        <v>1</v>
      </c>
      <c r="C68626" s="14" t="s">
        <v>101</v>
      </c>
      <c r="D68626" s="14" t="s">
        <v>193</v>
      </c>
      <c r="E68626" s="15">
        <v>45747</v>
      </c>
      <c r="F68626" s="14" t="s">
        <v>15</v>
      </c>
      <c r="G68626" s="16">
        <v>0.33513919182735502</v>
      </c>
    </row>
    <row r="68627" spans="1:7" x14ac:dyDescent="0.3">
      <c r="A68627" s="13" t="s">
        <v>360</v>
      </c>
      <c r="B68627" s="14" t="s">
        <v>1</v>
      </c>
      <c r="C68627" s="14" t="s">
        <v>17</v>
      </c>
      <c r="D68627" s="14" t="s">
        <v>171</v>
      </c>
      <c r="E68627" s="15">
        <v>45383</v>
      </c>
      <c r="F68627" s="14" t="s">
        <v>15</v>
      </c>
      <c r="G68627" s="16">
        <v>0</v>
      </c>
    </row>
    <row r="68628" spans="1:7" x14ac:dyDescent="0.3">
      <c r="A68628" s="13" t="s">
        <v>360</v>
      </c>
      <c r="B68628" s="14" t="s">
        <v>1</v>
      </c>
      <c r="C68628" s="14" t="s">
        <v>17</v>
      </c>
      <c r="D68628" s="14" t="s">
        <v>171</v>
      </c>
      <c r="E68628" s="15">
        <v>45384</v>
      </c>
      <c r="F68628" s="14" t="s">
        <v>15</v>
      </c>
      <c r="G68628" s="16">
        <v>0</v>
      </c>
    </row>
    <row r="68629" spans="1:7" x14ac:dyDescent="0.3">
      <c r="A68629" s="13" t="s">
        <v>360</v>
      </c>
      <c r="B68629" s="14" t="s">
        <v>1</v>
      </c>
      <c r="C68629" s="14" t="s">
        <v>17</v>
      </c>
      <c r="D68629" s="14" t="s">
        <v>171</v>
      </c>
      <c r="E68629" s="15">
        <v>45385</v>
      </c>
      <c r="F68629" s="14" t="s">
        <v>15</v>
      </c>
      <c r="G68629" s="16">
        <v>0</v>
      </c>
    </row>
    <row r="68630" spans="1:7" x14ac:dyDescent="0.3">
      <c r="A68630" s="13" t="s">
        <v>360</v>
      </c>
      <c r="B68630" s="14" t="s">
        <v>1</v>
      </c>
      <c r="C68630" s="14" t="s">
        <v>17</v>
      </c>
      <c r="D68630" s="14" t="s">
        <v>171</v>
      </c>
      <c r="E68630" s="15">
        <v>45386</v>
      </c>
      <c r="F68630" s="14" t="s">
        <v>15</v>
      </c>
      <c r="G68630" s="16">
        <v>0</v>
      </c>
    </row>
    <row r="68631" spans="1:7" x14ac:dyDescent="0.3">
      <c r="A68631" s="13" t="s">
        <v>360</v>
      </c>
      <c r="B68631" s="14" t="s">
        <v>1</v>
      </c>
      <c r="C68631" s="14" t="s">
        <v>17</v>
      </c>
      <c r="D68631" s="14" t="s">
        <v>171</v>
      </c>
      <c r="E68631" s="15">
        <v>45387</v>
      </c>
      <c r="F68631" s="14" t="s">
        <v>15</v>
      </c>
      <c r="G68631" s="16">
        <v>0</v>
      </c>
    </row>
    <row r="68632" spans="1:7" x14ac:dyDescent="0.3">
      <c r="A68632" s="13" t="s">
        <v>360</v>
      </c>
      <c r="B68632" s="14" t="s">
        <v>1</v>
      </c>
      <c r="C68632" s="14" t="s">
        <v>17</v>
      </c>
      <c r="D68632" s="14" t="s">
        <v>171</v>
      </c>
      <c r="E68632" s="15">
        <v>45388</v>
      </c>
      <c r="F68632" s="14" t="s">
        <v>15</v>
      </c>
      <c r="G68632" s="16">
        <v>0</v>
      </c>
    </row>
    <row r="68633" spans="1:7" x14ac:dyDescent="0.3">
      <c r="A68633" s="13" t="s">
        <v>360</v>
      </c>
      <c r="B68633" s="14" t="s">
        <v>1</v>
      </c>
      <c r="C68633" s="14" t="s">
        <v>17</v>
      </c>
      <c r="D68633" s="14" t="s">
        <v>171</v>
      </c>
      <c r="E68633" s="15">
        <v>45389</v>
      </c>
      <c r="F68633" s="14" t="s">
        <v>15</v>
      </c>
      <c r="G68633" s="16">
        <v>0</v>
      </c>
    </row>
    <row r="68634" spans="1:7" x14ac:dyDescent="0.3">
      <c r="A68634" s="13" t="s">
        <v>360</v>
      </c>
      <c r="B68634" s="14" t="s">
        <v>1</v>
      </c>
      <c r="C68634" s="14" t="s">
        <v>17</v>
      </c>
      <c r="D68634" s="14" t="s">
        <v>171</v>
      </c>
      <c r="E68634" s="15">
        <v>45390</v>
      </c>
      <c r="F68634" s="14" t="s">
        <v>15</v>
      </c>
      <c r="G68634" s="16">
        <v>0</v>
      </c>
    </row>
    <row r="68635" spans="1:7" x14ac:dyDescent="0.3">
      <c r="A68635" s="13" t="s">
        <v>360</v>
      </c>
      <c r="B68635" s="14" t="s">
        <v>1</v>
      </c>
      <c r="C68635" s="14" t="s">
        <v>17</v>
      </c>
      <c r="D68635" s="14" t="s">
        <v>171</v>
      </c>
      <c r="E68635" s="15">
        <v>45391</v>
      </c>
      <c r="F68635" s="14" t="s">
        <v>15</v>
      </c>
      <c r="G68635" s="16">
        <v>0</v>
      </c>
    </row>
    <row r="68636" spans="1:7" x14ac:dyDescent="0.3">
      <c r="A68636" s="13" t="s">
        <v>360</v>
      </c>
      <c r="B68636" s="14" t="s">
        <v>1</v>
      </c>
      <c r="C68636" s="14" t="s">
        <v>17</v>
      </c>
      <c r="D68636" s="14" t="s">
        <v>171</v>
      </c>
      <c r="E68636" s="15">
        <v>45392</v>
      </c>
      <c r="F68636" s="14" t="s">
        <v>15</v>
      </c>
      <c r="G68636" s="16">
        <v>0</v>
      </c>
    </row>
    <row r="68637" spans="1:7" x14ac:dyDescent="0.3">
      <c r="A68637" s="13" t="s">
        <v>360</v>
      </c>
      <c r="B68637" s="14" t="s">
        <v>1</v>
      </c>
      <c r="C68637" s="14" t="s">
        <v>17</v>
      </c>
      <c r="D68637" s="14" t="s">
        <v>171</v>
      </c>
      <c r="E68637" s="15">
        <v>45393</v>
      </c>
      <c r="F68637" s="14" t="s">
        <v>15</v>
      </c>
      <c r="G68637" s="16">
        <v>0</v>
      </c>
    </row>
    <row r="68638" spans="1:7" x14ac:dyDescent="0.3">
      <c r="A68638" s="13" t="s">
        <v>360</v>
      </c>
      <c r="B68638" s="14" t="s">
        <v>1</v>
      </c>
      <c r="C68638" s="14" t="s">
        <v>17</v>
      </c>
      <c r="D68638" s="14" t="s">
        <v>171</v>
      </c>
      <c r="E68638" s="15">
        <v>45394</v>
      </c>
      <c r="F68638" s="14" t="s">
        <v>15</v>
      </c>
      <c r="G68638" s="16">
        <v>0</v>
      </c>
    </row>
    <row r="68639" spans="1:7" x14ac:dyDescent="0.3">
      <c r="A68639" s="13" t="s">
        <v>360</v>
      </c>
      <c r="B68639" s="14" t="s">
        <v>1</v>
      </c>
      <c r="C68639" s="14" t="s">
        <v>17</v>
      </c>
      <c r="D68639" s="14" t="s">
        <v>171</v>
      </c>
      <c r="E68639" s="15">
        <v>45395</v>
      </c>
      <c r="F68639" s="14" t="s">
        <v>15</v>
      </c>
      <c r="G68639" s="16">
        <v>0</v>
      </c>
    </row>
    <row r="68640" spans="1:7" x14ac:dyDescent="0.3">
      <c r="A68640" s="13" t="s">
        <v>360</v>
      </c>
      <c r="B68640" s="14" t="s">
        <v>1</v>
      </c>
      <c r="C68640" s="14" t="s">
        <v>17</v>
      </c>
      <c r="D68640" s="14" t="s">
        <v>171</v>
      </c>
      <c r="E68640" s="15">
        <v>45396</v>
      </c>
      <c r="F68640" s="14" t="s">
        <v>15</v>
      </c>
      <c r="G68640" s="16">
        <v>0</v>
      </c>
    </row>
    <row r="68641" spans="1:7" x14ac:dyDescent="0.3">
      <c r="A68641" s="13" t="s">
        <v>360</v>
      </c>
      <c r="B68641" s="14" t="s">
        <v>1</v>
      </c>
      <c r="C68641" s="14" t="s">
        <v>17</v>
      </c>
      <c r="D68641" s="14" t="s">
        <v>171</v>
      </c>
      <c r="E68641" s="15">
        <v>45397</v>
      </c>
      <c r="F68641" s="14" t="s">
        <v>15</v>
      </c>
      <c r="G68641" s="16">
        <v>0</v>
      </c>
    </row>
    <row r="68642" spans="1:7" x14ac:dyDescent="0.3">
      <c r="A68642" s="13" t="s">
        <v>360</v>
      </c>
      <c r="B68642" s="14" t="s">
        <v>1</v>
      </c>
      <c r="C68642" s="14" t="s">
        <v>17</v>
      </c>
      <c r="D68642" s="14" t="s">
        <v>171</v>
      </c>
      <c r="E68642" s="15">
        <v>45398</v>
      </c>
      <c r="F68642" s="14" t="s">
        <v>15</v>
      </c>
      <c r="G68642" s="16">
        <v>0</v>
      </c>
    </row>
    <row r="68643" spans="1:7" x14ac:dyDescent="0.3">
      <c r="A68643" s="13" t="s">
        <v>360</v>
      </c>
      <c r="B68643" s="14" t="s">
        <v>1</v>
      </c>
      <c r="C68643" s="14" t="s">
        <v>17</v>
      </c>
      <c r="D68643" s="14" t="s">
        <v>171</v>
      </c>
      <c r="E68643" s="15">
        <v>45399</v>
      </c>
      <c r="F68643" s="14" t="s">
        <v>15</v>
      </c>
      <c r="G68643" s="16">
        <v>0</v>
      </c>
    </row>
    <row r="68644" spans="1:7" x14ac:dyDescent="0.3">
      <c r="A68644" s="13" t="s">
        <v>360</v>
      </c>
      <c r="B68644" s="14" t="s">
        <v>1</v>
      </c>
      <c r="C68644" s="14" t="s">
        <v>17</v>
      </c>
      <c r="D68644" s="14" t="s">
        <v>171</v>
      </c>
      <c r="E68644" s="15">
        <v>45400</v>
      </c>
      <c r="F68644" s="14" t="s">
        <v>15</v>
      </c>
      <c r="G68644" s="16">
        <v>0</v>
      </c>
    </row>
    <row r="68645" spans="1:7" x14ac:dyDescent="0.3">
      <c r="A68645" s="13" t="s">
        <v>360</v>
      </c>
      <c r="B68645" s="14" t="s">
        <v>1</v>
      </c>
      <c r="C68645" s="14" t="s">
        <v>17</v>
      </c>
      <c r="D68645" s="14" t="s">
        <v>171</v>
      </c>
      <c r="E68645" s="15">
        <v>45401</v>
      </c>
      <c r="F68645" s="14" t="s">
        <v>15</v>
      </c>
      <c r="G68645" s="16">
        <v>0</v>
      </c>
    </row>
    <row r="68646" spans="1:7" x14ac:dyDescent="0.3">
      <c r="A68646" s="13" t="s">
        <v>360</v>
      </c>
      <c r="B68646" s="14" t="s">
        <v>1</v>
      </c>
      <c r="C68646" s="14" t="s">
        <v>17</v>
      </c>
      <c r="D68646" s="14" t="s">
        <v>171</v>
      </c>
      <c r="E68646" s="15">
        <v>45402</v>
      </c>
      <c r="F68646" s="14" t="s">
        <v>15</v>
      </c>
      <c r="G68646" s="16">
        <v>0</v>
      </c>
    </row>
    <row r="68647" spans="1:7" x14ac:dyDescent="0.3">
      <c r="A68647" s="13" t="s">
        <v>360</v>
      </c>
      <c r="B68647" s="14" t="s">
        <v>1</v>
      </c>
      <c r="C68647" s="14" t="s">
        <v>17</v>
      </c>
      <c r="D68647" s="14" t="s">
        <v>171</v>
      </c>
      <c r="E68647" s="15">
        <v>45403</v>
      </c>
      <c r="F68647" s="14" t="s">
        <v>15</v>
      </c>
      <c r="G68647" s="16">
        <v>0</v>
      </c>
    </row>
    <row r="68648" spans="1:7" x14ac:dyDescent="0.3">
      <c r="A68648" s="13" t="s">
        <v>360</v>
      </c>
      <c r="B68648" s="14" t="s">
        <v>1</v>
      </c>
      <c r="C68648" s="14" t="s">
        <v>17</v>
      </c>
      <c r="D68648" s="14" t="s">
        <v>171</v>
      </c>
      <c r="E68648" s="15">
        <v>45404</v>
      </c>
      <c r="F68648" s="14" t="s">
        <v>15</v>
      </c>
      <c r="G68648" s="16">
        <v>0</v>
      </c>
    </row>
    <row r="68649" spans="1:7" x14ac:dyDescent="0.3">
      <c r="A68649" s="13" t="s">
        <v>360</v>
      </c>
      <c r="B68649" s="14" t="s">
        <v>1</v>
      </c>
      <c r="C68649" s="14" t="s">
        <v>17</v>
      </c>
      <c r="D68649" s="14" t="s">
        <v>171</v>
      </c>
      <c r="E68649" s="15">
        <v>45405</v>
      </c>
      <c r="F68649" s="14" t="s">
        <v>15</v>
      </c>
      <c r="G68649" s="16">
        <v>0</v>
      </c>
    </row>
    <row r="68650" spans="1:7" x14ac:dyDescent="0.3">
      <c r="A68650" s="13" t="s">
        <v>360</v>
      </c>
      <c r="B68650" s="14" t="s">
        <v>1</v>
      </c>
      <c r="C68650" s="14" t="s">
        <v>17</v>
      </c>
      <c r="D68650" s="14" t="s">
        <v>171</v>
      </c>
      <c r="E68650" s="15">
        <v>45406</v>
      </c>
      <c r="F68650" s="14" t="s">
        <v>15</v>
      </c>
      <c r="G68650" s="16">
        <v>0</v>
      </c>
    </row>
    <row r="68651" spans="1:7" x14ac:dyDescent="0.3">
      <c r="A68651" s="13" t="s">
        <v>360</v>
      </c>
      <c r="B68651" s="14" t="s">
        <v>1</v>
      </c>
      <c r="C68651" s="14" t="s">
        <v>17</v>
      </c>
      <c r="D68651" s="14" t="s">
        <v>171</v>
      </c>
      <c r="E68651" s="15">
        <v>45407</v>
      </c>
      <c r="F68651" s="14" t="s">
        <v>15</v>
      </c>
      <c r="G68651" s="16">
        <v>0</v>
      </c>
    </row>
    <row r="68652" spans="1:7" x14ac:dyDescent="0.3">
      <c r="A68652" s="13" t="s">
        <v>360</v>
      </c>
      <c r="B68652" s="14" t="s">
        <v>1</v>
      </c>
      <c r="C68652" s="14" t="s">
        <v>17</v>
      </c>
      <c r="D68652" s="14" t="s">
        <v>171</v>
      </c>
      <c r="E68652" s="15">
        <v>45408</v>
      </c>
      <c r="F68652" s="14" t="s">
        <v>15</v>
      </c>
      <c r="G68652" s="16">
        <v>0</v>
      </c>
    </row>
    <row r="68653" spans="1:7" x14ac:dyDescent="0.3">
      <c r="A68653" s="13" t="s">
        <v>360</v>
      </c>
      <c r="B68653" s="14" t="s">
        <v>1</v>
      </c>
      <c r="C68653" s="14" t="s">
        <v>17</v>
      </c>
      <c r="D68653" s="14" t="s">
        <v>171</v>
      </c>
      <c r="E68653" s="15">
        <v>45409</v>
      </c>
      <c r="F68653" s="14" t="s">
        <v>15</v>
      </c>
      <c r="G68653" s="16">
        <v>0</v>
      </c>
    </row>
    <row r="68654" spans="1:7" x14ac:dyDescent="0.3">
      <c r="A68654" s="13" t="s">
        <v>360</v>
      </c>
      <c r="B68654" s="14" t="s">
        <v>1</v>
      </c>
      <c r="C68654" s="14" t="s">
        <v>17</v>
      </c>
      <c r="D68654" s="14" t="s">
        <v>171</v>
      </c>
      <c r="E68654" s="15">
        <v>45410</v>
      </c>
      <c r="F68654" s="14" t="s">
        <v>15</v>
      </c>
      <c r="G68654" s="16">
        <v>0</v>
      </c>
    </row>
    <row r="68655" spans="1:7" x14ac:dyDescent="0.3">
      <c r="A68655" s="13" t="s">
        <v>360</v>
      </c>
      <c r="B68655" s="14" t="s">
        <v>1</v>
      </c>
      <c r="C68655" s="14" t="s">
        <v>17</v>
      </c>
      <c r="D68655" s="14" t="s">
        <v>171</v>
      </c>
      <c r="E68655" s="15">
        <v>45411</v>
      </c>
      <c r="F68655" s="14" t="s">
        <v>15</v>
      </c>
      <c r="G68655" s="16">
        <v>0</v>
      </c>
    </row>
    <row r="68656" spans="1:7" x14ac:dyDescent="0.3">
      <c r="A68656" s="13" t="s">
        <v>360</v>
      </c>
      <c r="B68656" s="14" t="s">
        <v>1</v>
      </c>
      <c r="C68656" s="14" t="s">
        <v>17</v>
      </c>
      <c r="D68656" s="14" t="s">
        <v>171</v>
      </c>
      <c r="E68656" s="15">
        <v>45412</v>
      </c>
      <c r="F68656" s="14" t="s">
        <v>15</v>
      </c>
      <c r="G68656" s="16">
        <v>0</v>
      </c>
    </row>
    <row r="68657" spans="1:7" x14ac:dyDescent="0.3">
      <c r="A68657" s="13" t="s">
        <v>360</v>
      </c>
      <c r="B68657" s="14" t="s">
        <v>1</v>
      </c>
      <c r="C68657" s="14" t="s">
        <v>17</v>
      </c>
      <c r="D68657" s="14" t="s">
        <v>171</v>
      </c>
      <c r="E68657" s="15">
        <v>45413</v>
      </c>
      <c r="F68657" s="14" t="s">
        <v>15</v>
      </c>
      <c r="G68657" s="16">
        <v>0</v>
      </c>
    </row>
    <row r="68658" spans="1:7" x14ac:dyDescent="0.3">
      <c r="A68658" s="13" t="s">
        <v>360</v>
      </c>
      <c r="B68658" s="14" t="s">
        <v>1</v>
      </c>
      <c r="C68658" s="14" t="s">
        <v>17</v>
      </c>
      <c r="D68658" s="14" t="s">
        <v>171</v>
      </c>
      <c r="E68658" s="15">
        <v>45414</v>
      </c>
      <c r="F68658" s="14" t="s">
        <v>15</v>
      </c>
      <c r="G68658" s="16">
        <v>0</v>
      </c>
    </row>
    <row r="68659" spans="1:7" x14ac:dyDescent="0.3">
      <c r="A68659" s="13" t="s">
        <v>360</v>
      </c>
      <c r="B68659" s="14" t="s">
        <v>1</v>
      </c>
      <c r="C68659" s="14" t="s">
        <v>17</v>
      </c>
      <c r="D68659" s="14" t="s">
        <v>171</v>
      </c>
      <c r="E68659" s="15">
        <v>45415</v>
      </c>
      <c r="F68659" s="14" t="s">
        <v>15</v>
      </c>
      <c r="G68659" s="16">
        <v>0</v>
      </c>
    </row>
    <row r="68660" spans="1:7" x14ac:dyDescent="0.3">
      <c r="A68660" s="13" t="s">
        <v>360</v>
      </c>
      <c r="B68660" s="14" t="s">
        <v>1</v>
      </c>
      <c r="C68660" s="14" t="s">
        <v>17</v>
      </c>
      <c r="D68660" s="14" t="s">
        <v>171</v>
      </c>
      <c r="E68660" s="15">
        <v>45416</v>
      </c>
      <c r="F68660" s="14" t="s">
        <v>15</v>
      </c>
      <c r="G68660" s="16">
        <v>0</v>
      </c>
    </row>
    <row r="68661" spans="1:7" x14ac:dyDescent="0.3">
      <c r="A68661" s="13" t="s">
        <v>360</v>
      </c>
      <c r="B68661" s="14" t="s">
        <v>1</v>
      </c>
      <c r="C68661" s="14" t="s">
        <v>17</v>
      </c>
      <c r="D68661" s="14" t="s">
        <v>171</v>
      </c>
      <c r="E68661" s="15">
        <v>45417</v>
      </c>
      <c r="F68661" s="14" t="s">
        <v>15</v>
      </c>
      <c r="G68661" s="16">
        <v>0</v>
      </c>
    </row>
    <row r="68662" spans="1:7" x14ac:dyDescent="0.3">
      <c r="A68662" s="13" t="s">
        <v>360</v>
      </c>
      <c r="B68662" s="14" t="s">
        <v>1</v>
      </c>
      <c r="C68662" s="14" t="s">
        <v>17</v>
      </c>
      <c r="D68662" s="14" t="s">
        <v>171</v>
      </c>
      <c r="E68662" s="15">
        <v>45418</v>
      </c>
      <c r="F68662" s="14" t="s">
        <v>15</v>
      </c>
      <c r="G68662" s="16">
        <v>0</v>
      </c>
    </row>
    <row r="68663" spans="1:7" x14ac:dyDescent="0.3">
      <c r="A68663" s="13" t="s">
        <v>360</v>
      </c>
      <c r="B68663" s="14" t="s">
        <v>1</v>
      </c>
      <c r="C68663" s="14" t="s">
        <v>17</v>
      </c>
      <c r="D68663" s="14" t="s">
        <v>171</v>
      </c>
      <c r="E68663" s="15">
        <v>45419</v>
      </c>
      <c r="F68663" s="14" t="s">
        <v>15</v>
      </c>
      <c r="G68663" s="16">
        <v>0</v>
      </c>
    </row>
    <row r="68664" spans="1:7" x14ac:dyDescent="0.3">
      <c r="A68664" s="13" t="s">
        <v>360</v>
      </c>
      <c r="B68664" s="14" t="s">
        <v>1</v>
      </c>
      <c r="C68664" s="14" t="s">
        <v>17</v>
      </c>
      <c r="D68664" s="14" t="s">
        <v>171</v>
      </c>
      <c r="E68664" s="15">
        <v>45420</v>
      </c>
      <c r="F68664" s="14" t="s">
        <v>15</v>
      </c>
      <c r="G68664" s="16">
        <v>0</v>
      </c>
    </row>
    <row r="68665" spans="1:7" x14ac:dyDescent="0.3">
      <c r="A68665" s="13" t="s">
        <v>360</v>
      </c>
      <c r="B68665" s="14" t="s">
        <v>1</v>
      </c>
      <c r="C68665" s="14" t="s">
        <v>17</v>
      </c>
      <c r="D68665" s="14" t="s">
        <v>171</v>
      </c>
      <c r="E68665" s="15">
        <v>45421</v>
      </c>
      <c r="F68665" s="14" t="s">
        <v>15</v>
      </c>
      <c r="G68665" s="16">
        <v>0</v>
      </c>
    </row>
    <row r="68666" spans="1:7" x14ac:dyDescent="0.3">
      <c r="A68666" s="13" t="s">
        <v>360</v>
      </c>
      <c r="B68666" s="14" t="s">
        <v>1</v>
      </c>
      <c r="C68666" s="14" t="s">
        <v>17</v>
      </c>
      <c r="D68666" s="14" t="s">
        <v>171</v>
      </c>
      <c r="E68666" s="15">
        <v>45422</v>
      </c>
      <c r="F68666" s="14" t="s">
        <v>15</v>
      </c>
      <c r="G68666" s="16">
        <v>0</v>
      </c>
    </row>
    <row r="68667" spans="1:7" x14ac:dyDescent="0.3">
      <c r="A68667" s="13" t="s">
        <v>360</v>
      </c>
      <c r="B68667" s="14" t="s">
        <v>1</v>
      </c>
      <c r="C68667" s="14" t="s">
        <v>17</v>
      </c>
      <c r="D68667" s="14" t="s">
        <v>171</v>
      </c>
      <c r="E68667" s="15">
        <v>45423</v>
      </c>
      <c r="F68667" s="14" t="s">
        <v>15</v>
      </c>
      <c r="G68667" s="16">
        <v>0</v>
      </c>
    </row>
    <row r="68668" spans="1:7" x14ac:dyDescent="0.3">
      <c r="A68668" s="13" t="s">
        <v>360</v>
      </c>
      <c r="B68668" s="14" t="s">
        <v>1</v>
      </c>
      <c r="C68668" s="14" t="s">
        <v>17</v>
      </c>
      <c r="D68668" s="14" t="s">
        <v>171</v>
      </c>
      <c r="E68668" s="15">
        <v>45424</v>
      </c>
      <c r="F68668" s="14" t="s">
        <v>15</v>
      </c>
      <c r="G68668" s="16">
        <v>0</v>
      </c>
    </row>
    <row r="68669" spans="1:7" x14ac:dyDescent="0.3">
      <c r="A68669" s="13" t="s">
        <v>360</v>
      </c>
      <c r="B68669" s="14" t="s">
        <v>1</v>
      </c>
      <c r="C68669" s="14" t="s">
        <v>17</v>
      </c>
      <c r="D68669" s="14" t="s">
        <v>171</v>
      </c>
      <c r="E68669" s="15">
        <v>45425</v>
      </c>
      <c r="F68669" s="14" t="s">
        <v>15</v>
      </c>
      <c r="G68669" s="16">
        <v>0</v>
      </c>
    </row>
    <row r="68670" spans="1:7" x14ac:dyDescent="0.3">
      <c r="A68670" s="13" t="s">
        <v>360</v>
      </c>
      <c r="B68670" s="14" t="s">
        <v>1</v>
      </c>
      <c r="C68670" s="14" t="s">
        <v>17</v>
      </c>
      <c r="D68670" s="14" t="s">
        <v>171</v>
      </c>
      <c r="E68670" s="15">
        <v>45426</v>
      </c>
      <c r="F68670" s="14" t="s">
        <v>15</v>
      </c>
      <c r="G68670" s="16">
        <v>0</v>
      </c>
    </row>
    <row r="68671" spans="1:7" x14ac:dyDescent="0.3">
      <c r="A68671" s="13" t="s">
        <v>360</v>
      </c>
      <c r="B68671" s="14" t="s">
        <v>1</v>
      </c>
      <c r="C68671" s="14" t="s">
        <v>17</v>
      </c>
      <c r="D68671" s="14" t="s">
        <v>171</v>
      </c>
      <c r="E68671" s="15">
        <v>45427</v>
      </c>
      <c r="F68671" s="14" t="s">
        <v>15</v>
      </c>
      <c r="G68671" s="16">
        <v>0</v>
      </c>
    </row>
    <row r="68672" spans="1:7" x14ac:dyDescent="0.3">
      <c r="A68672" s="13" t="s">
        <v>360</v>
      </c>
      <c r="B68672" s="14" t="s">
        <v>1</v>
      </c>
      <c r="C68672" s="14" t="s">
        <v>17</v>
      </c>
      <c r="D68672" s="14" t="s">
        <v>171</v>
      </c>
      <c r="E68672" s="15">
        <v>45428</v>
      </c>
      <c r="F68672" s="14" t="s">
        <v>15</v>
      </c>
      <c r="G68672" s="16">
        <v>0</v>
      </c>
    </row>
    <row r="68673" spans="1:7" x14ac:dyDescent="0.3">
      <c r="A68673" s="13" t="s">
        <v>360</v>
      </c>
      <c r="B68673" s="14" t="s">
        <v>1</v>
      </c>
      <c r="C68673" s="14" t="s">
        <v>17</v>
      </c>
      <c r="D68673" s="14" t="s">
        <v>171</v>
      </c>
      <c r="E68673" s="15">
        <v>45429</v>
      </c>
      <c r="F68673" s="14" t="s">
        <v>15</v>
      </c>
      <c r="G68673" s="16">
        <v>0</v>
      </c>
    </row>
    <row r="68674" spans="1:7" x14ac:dyDescent="0.3">
      <c r="A68674" s="13" t="s">
        <v>360</v>
      </c>
      <c r="B68674" s="14" t="s">
        <v>1</v>
      </c>
      <c r="C68674" s="14" t="s">
        <v>17</v>
      </c>
      <c r="D68674" s="14" t="s">
        <v>171</v>
      </c>
      <c r="E68674" s="15">
        <v>45430</v>
      </c>
      <c r="F68674" s="14" t="s">
        <v>15</v>
      </c>
      <c r="G68674" s="16">
        <v>0</v>
      </c>
    </row>
    <row r="68675" spans="1:7" x14ac:dyDescent="0.3">
      <c r="A68675" s="13" t="s">
        <v>360</v>
      </c>
      <c r="B68675" s="14" t="s">
        <v>1</v>
      </c>
      <c r="C68675" s="14" t="s">
        <v>17</v>
      </c>
      <c r="D68675" s="14" t="s">
        <v>171</v>
      </c>
      <c r="E68675" s="15">
        <v>45431</v>
      </c>
      <c r="F68675" s="14" t="s">
        <v>15</v>
      </c>
      <c r="G68675" s="16">
        <v>0</v>
      </c>
    </row>
    <row r="68676" spans="1:7" x14ac:dyDescent="0.3">
      <c r="A68676" s="13" t="s">
        <v>360</v>
      </c>
      <c r="B68676" s="14" t="s">
        <v>1</v>
      </c>
      <c r="C68676" s="14" t="s">
        <v>17</v>
      </c>
      <c r="D68676" s="14" t="s">
        <v>171</v>
      </c>
      <c r="E68676" s="15">
        <v>45432</v>
      </c>
      <c r="F68676" s="14" t="s">
        <v>15</v>
      </c>
      <c r="G68676" s="16">
        <v>0</v>
      </c>
    </row>
    <row r="68677" spans="1:7" x14ac:dyDescent="0.3">
      <c r="A68677" s="13" t="s">
        <v>360</v>
      </c>
      <c r="B68677" s="14" t="s">
        <v>1</v>
      </c>
      <c r="C68677" s="14" t="s">
        <v>17</v>
      </c>
      <c r="D68677" s="14" t="s">
        <v>171</v>
      </c>
      <c r="E68677" s="15">
        <v>45433</v>
      </c>
      <c r="F68677" s="14" t="s">
        <v>15</v>
      </c>
      <c r="G68677" s="16">
        <v>0</v>
      </c>
    </row>
    <row r="68678" spans="1:7" x14ac:dyDescent="0.3">
      <c r="A68678" s="13" t="s">
        <v>360</v>
      </c>
      <c r="B68678" s="14" t="s">
        <v>1</v>
      </c>
      <c r="C68678" s="14" t="s">
        <v>17</v>
      </c>
      <c r="D68678" s="14" t="s">
        <v>171</v>
      </c>
      <c r="E68678" s="15">
        <v>45434</v>
      </c>
      <c r="F68678" s="14" t="s">
        <v>15</v>
      </c>
      <c r="G68678" s="16">
        <v>0</v>
      </c>
    </row>
    <row r="68679" spans="1:7" x14ac:dyDescent="0.3">
      <c r="A68679" s="13" t="s">
        <v>360</v>
      </c>
      <c r="B68679" s="14" t="s">
        <v>1</v>
      </c>
      <c r="C68679" s="14" t="s">
        <v>17</v>
      </c>
      <c r="D68679" s="14" t="s">
        <v>171</v>
      </c>
      <c r="E68679" s="15">
        <v>45435</v>
      </c>
      <c r="F68679" s="14" t="s">
        <v>15</v>
      </c>
      <c r="G68679" s="16">
        <v>0</v>
      </c>
    </row>
    <row r="68680" spans="1:7" x14ac:dyDescent="0.3">
      <c r="A68680" s="13" t="s">
        <v>360</v>
      </c>
      <c r="B68680" s="14" t="s">
        <v>1</v>
      </c>
      <c r="C68680" s="14" t="s">
        <v>17</v>
      </c>
      <c r="D68680" s="14" t="s">
        <v>171</v>
      </c>
      <c r="E68680" s="15">
        <v>45436</v>
      </c>
      <c r="F68680" s="14" t="s">
        <v>15</v>
      </c>
      <c r="G68680" s="16">
        <v>0</v>
      </c>
    </row>
    <row r="68681" spans="1:7" x14ac:dyDescent="0.3">
      <c r="A68681" s="13" t="s">
        <v>360</v>
      </c>
      <c r="B68681" s="14" t="s">
        <v>1</v>
      </c>
      <c r="C68681" s="14" t="s">
        <v>17</v>
      </c>
      <c r="D68681" s="14" t="s">
        <v>171</v>
      </c>
      <c r="E68681" s="15">
        <v>45437</v>
      </c>
      <c r="F68681" s="14" t="s">
        <v>15</v>
      </c>
      <c r="G68681" s="16">
        <v>0</v>
      </c>
    </row>
    <row r="68682" spans="1:7" x14ac:dyDescent="0.3">
      <c r="A68682" s="13" t="s">
        <v>360</v>
      </c>
      <c r="B68682" s="14" t="s">
        <v>1</v>
      </c>
      <c r="C68682" s="14" t="s">
        <v>17</v>
      </c>
      <c r="D68682" s="14" t="s">
        <v>171</v>
      </c>
      <c r="E68682" s="15">
        <v>45438</v>
      </c>
      <c r="F68682" s="14" t="s">
        <v>15</v>
      </c>
      <c r="G68682" s="16">
        <v>0</v>
      </c>
    </row>
    <row r="68683" spans="1:7" x14ac:dyDescent="0.3">
      <c r="A68683" s="13" t="s">
        <v>360</v>
      </c>
      <c r="B68683" s="14" t="s">
        <v>1</v>
      </c>
      <c r="C68683" s="14" t="s">
        <v>17</v>
      </c>
      <c r="D68683" s="14" t="s">
        <v>171</v>
      </c>
      <c r="E68683" s="15">
        <v>45439</v>
      </c>
      <c r="F68683" s="14" t="s">
        <v>15</v>
      </c>
      <c r="G68683" s="16">
        <v>0</v>
      </c>
    </row>
    <row r="68684" spans="1:7" x14ac:dyDescent="0.3">
      <c r="A68684" s="13" t="s">
        <v>360</v>
      </c>
      <c r="B68684" s="14" t="s">
        <v>1</v>
      </c>
      <c r="C68684" s="14" t="s">
        <v>17</v>
      </c>
      <c r="D68684" s="14" t="s">
        <v>171</v>
      </c>
      <c r="E68684" s="15">
        <v>45440</v>
      </c>
      <c r="F68684" s="14" t="s">
        <v>15</v>
      </c>
      <c r="G68684" s="16">
        <v>0</v>
      </c>
    </row>
    <row r="68685" spans="1:7" x14ac:dyDescent="0.3">
      <c r="A68685" s="13" t="s">
        <v>360</v>
      </c>
      <c r="B68685" s="14" t="s">
        <v>1</v>
      </c>
      <c r="C68685" s="14" t="s">
        <v>17</v>
      </c>
      <c r="D68685" s="14" t="s">
        <v>171</v>
      </c>
      <c r="E68685" s="15">
        <v>45441</v>
      </c>
      <c r="F68685" s="14" t="s">
        <v>15</v>
      </c>
      <c r="G68685" s="16">
        <v>0</v>
      </c>
    </row>
    <row r="68686" spans="1:7" x14ac:dyDescent="0.3">
      <c r="A68686" s="13" t="s">
        <v>360</v>
      </c>
      <c r="B68686" s="14" t="s">
        <v>1</v>
      </c>
      <c r="C68686" s="14" t="s">
        <v>17</v>
      </c>
      <c r="D68686" s="14" t="s">
        <v>171</v>
      </c>
      <c r="E68686" s="15">
        <v>45442</v>
      </c>
      <c r="F68686" s="14" t="s">
        <v>15</v>
      </c>
      <c r="G68686" s="16">
        <v>0</v>
      </c>
    </row>
    <row r="68687" spans="1:7" x14ac:dyDescent="0.3">
      <c r="A68687" s="13" t="s">
        <v>360</v>
      </c>
      <c r="B68687" s="14" t="s">
        <v>1</v>
      </c>
      <c r="C68687" s="14" t="s">
        <v>17</v>
      </c>
      <c r="D68687" s="14" t="s">
        <v>171</v>
      </c>
      <c r="E68687" s="15">
        <v>45443</v>
      </c>
      <c r="F68687" s="14" t="s">
        <v>15</v>
      </c>
      <c r="G68687" s="16">
        <v>0</v>
      </c>
    </row>
    <row r="68688" spans="1:7" x14ac:dyDescent="0.3">
      <c r="A68688" s="13" t="s">
        <v>360</v>
      </c>
      <c r="B68688" s="14" t="s">
        <v>1</v>
      </c>
      <c r="C68688" s="14" t="s">
        <v>17</v>
      </c>
      <c r="D68688" s="14" t="s">
        <v>171</v>
      </c>
      <c r="E68688" s="15">
        <v>45444</v>
      </c>
      <c r="F68688" s="14" t="s">
        <v>15</v>
      </c>
      <c r="G68688" s="16">
        <v>0</v>
      </c>
    </row>
    <row r="68689" spans="1:7" x14ac:dyDescent="0.3">
      <c r="A68689" s="13" t="s">
        <v>360</v>
      </c>
      <c r="B68689" s="14" t="s">
        <v>1</v>
      </c>
      <c r="C68689" s="14" t="s">
        <v>17</v>
      </c>
      <c r="D68689" s="14" t="s">
        <v>171</v>
      </c>
      <c r="E68689" s="15">
        <v>45445</v>
      </c>
      <c r="F68689" s="14" t="s">
        <v>15</v>
      </c>
      <c r="G68689" s="16">
        <v>0</v>
      </c>
    </row>
    <row r="68690" spans="1:7" x14ac:dyDescent="0.3">
      <c r="A68690" s="13" t="s">
        <v>360</v>
      </c>
      <c r="B68690" s="14" t="s">
        <v>1</v>
      </c>
      <c r="C68690" s="14" t="s">
        <v>17</v>
      </c>
      <c r="D68690" s="14" t="s">
        <v>171</v>
      </c>
      <c r="E68690" s="15">
        <v>45446</v>
      </c>
      <c r="F68690" s="14" t="s">
        <v>15</v>
      </c>
      <c r="G68690" s="16">
        <v>0</v>
      </c>
    </row>
    <row r="68691" spans="1:7" x14ac:dyDescent="0.3">
      <c r="A68691" s="13" t="s">
        <v>360</v>
      </c>
      <c r="B68691" s="14" t="s">
        <v>1</v>
      </c>
      <c r="C68691" s="14" t="s">
        <v>17</v>
      </c>
      <c r="D68691" s="14" t="s">
        <v>171</v>
      </c>
      <c r="E68691" s="15">
        <v>45447</v>
      </c>
      <c r="F68691" s="14" t="s">
        <v>15</v>
      </c>
      <c r="G68691" s="16">
        <v>0</v>
      </c>
    </row>
    <row r="68692" spans="1:7" x14ac:dyDescent="0.3">
      <c r="A68692" s="13" t="s">
        <v>360</v>
      </c>
      <c r="B68692" s="14" t="s">
        <v>1</v>
      </c>
      <c r="C68692" s="14" t="s">
        <v>17</v>
      </c>
      <c r="D68692" s="14" t="s">
        <v>171</v>
      </c>
      <c r="E68692" s="15">
        <v>45448</v>
      </c>
      <c r="F68692" s="14" t="s">
        <v>15</v>
      </c>
      <c r="G68692" s="16">
        <v>0</v>
      </c>
    </row>
    <row r="68693" spans="1:7" x14ac:dyDescent="0.3">
      <c r="A68693" s="13" t="s">
        <v>360</v>
      </c>
      <c r="B68693" s="14" t="s">
        <v>1</v>
      </c>
      <c r="C68693" s="14" t="s">
        <v>17</v>
      </c>
      <c r="D68693" s="14" t="s">
        <v>171</v>
      </c>
      <c r="E68693" s="15">
        <v>45449</v>
      </c>
      <c r="F68693" s="14" t="s">
        <v>15</v>
      </c>
      <c r="G68693" s="16">
        <v>0</v>
      </c>
    </row>
    <row r="68694" spans="1:7" x14ac:dyDescent="0.3">
      <c r="A68694" s="13" t="s">
        <v>360</v>
      </c>
      <c r="B68694" s="14" t="s">
        <v>1</v>
      </c>
      <c r="C68694" s="14" t="s">
        <v>17</v>
      </c>
      <c r="D68694" s="14" t="s">
        <v>171</v>
      </c>
      <c r="E68694" s="15">
        <v>45450</v>
      </c>
      <c r="F68694" s="14" t="s">
        <v>15</v>
      </c>
      <c r="G68694" s="16">
        <v>0</v>
      </c>
    </row>
    <row r="68695" spans="1:7" x14ac:dyDescent="0.3">
      <c r="A68695" s="13" t="s">
        <v>360</v>
      </c>
      <c r="B68695" s="14" t="s">
        <v>1</v>
      </c>
      <c r="C68695" s="14" t="s">
        <v>17</v>
      </c>
      <c r="D68695" s="14" t="s">
        <v>171</v>
      </c>
      <c r="E68695" s="15">
        <v>45451</v>
      </c>
      <c r="F68695" s="14" t="s">
        <v>15</v>
      </c>
      <c r="G68695" s="16">
        <v>0</v>
      </c>
    </row>
    <row r="68696" spans="1:7" x14ac:dyDescent="0.3">
      <c r="A68696" s="13" t="s">
        <v>360</v>
      </c>
      <c r="B68696" s="14" t="s">
        <v>1</v>
      </c>
      <c r="C68696" s="14" t="s">
        <v>17</v>
      </c>
      <c r="D68696" s="14" t="s">
        <v>171</v>
      </c>
      <c r="E68696" s="15">
        <v>45452</v>
      </c>
      <c r="F68696" s="14" t="s">
        <v>15</v>
      </c>
      <c r="G68696" s="16">
        <v>0</v>
      </c>
    </row>
    <row r="68697" spans="1:7" x14ac:dyDescent="0.3">
      <c r="A68697" s="13" t="s">
        <v>360</v>
      </c>
      <c r="B68697" s="14" t="s">
        <v>1</v>
      </c>
      <c r="C68697" s="14" t="s">
        <v>17</v>
      </c>
      <c r="D68697" s="14" t="s">
        <v>171</v>
      </c>
      <c r="E68697" s="15">
        <v>45453</v>
      </c>
      <c r="F68697" s="14" t="s">
        <v>15</v>
      </c>
      <c r="G68697" s="16">
        <v>0</v>
      </c>
    </row>
    <row r="68698" spans="1:7" x14ac:dyDescent="0.3">
      <c r="A68698" s="13" t="s">
        <v>360</v>
      </c>
      <c r="B68698" s="14" t="s">
        <v>1</v>
      </c>
      <c r="C68698" s="14" t="s">
        <v>17</v>
      </c>
      <c r="D68698" s="14" t="s">
        <v>171</v>
      </c>
      <c r="E68698" s="15">
        <v>45454</v>
      </c>
      <c r="F68698" s="14" t="s">
        <v>15</v>
      </c>
      <c r="G68698" s="16">
        <v>0</v>
      </c>
    </row>
    <row r="68699" spans="1:7" x14ac:dyDescent="0.3">
      <c r="A68699" s="13" t="s">
        <v>360</v>
      </c>
      <c r="B68699" s="14" t="s">
        <v>1</v>
      </c>
      <c r="C68699" s="14" t="s">
        <v>17</v>
      </c>
      <c r="D68699" s="14" t="s">
        <v>171</v>
      </c>
      <c r="E68699" s="15">
        <v>45455</v>
      </c>
      <c r="F68699" s="14" t="s">
        <v>15</v>
      </c>
      <c r="G68699" s="16">
        <v>0</v>
      </c>
    </row>
    <row r="68700" spans="1:7" x14ac:dyDescent="0.3">
      <c r="A68700" s="13" t="s">
        <v>360</v>
      </c>
      <c r="B68700" s="14" t="s">
        <v>1</v>
      </c>
      <c r="C68700" s="14" t="s">
        <v>17</v>
      </c>
      <c r="D68700" s="14" t="s">
        <v>171</v>
      </c>
      <c r="E68700" s="15">
        <v>45456</v>
      </c>
      <c r="F68700" s="14" t="s">
        <v>15</v>
      </c>
      <c r="G68700" s="16">
        <v>0</v>
      </c>
    </row>
    <row r="68701" spans="1:7" x14ac:dyDescent="0.3">
      <c r="A68701" s="13" t="s">
        <v>360</v>
      </c>
      <c r="B68701" s="14" t="s">
        <v>1</v>
      </c>
      <c r="C68701" s="14" t="s">
        <v>17</v>
      </c>
      <c r="D68701" s="14" t="s">
        <v>171</v>
      </c>
      <c r="E68701" s="15">
        <v>45457</v>
      </c>
      <c r="F68701" s="14" t="s">
        <v>15</v>
      </c>
      <c r="G68701" s="16">
        <v>0</v>
      </c>
    </row>
    <row r="68702" spans="1:7" x14ac:dyDescent="0.3">
      <c r="A68702" s="13" t="s">
        <v>360</v>
      </c>
      <c r="B68702" s="14" t="s">
        <v>1</v>
      </c>
      <c r="C68702" s="14" t="s">
        <v>17</v>
      </c>
      <c r="D68702" s="14" t="s">
        <v>171</v>
      </c>
      <c r="E68702" s="15">
        <v>45458</v>
      </c>
      <c r="F68702" s="14" t="s">
        <v>15</v>
      </c>
      <c r="G68702" s="16">
        <v>0</v>
      </c>
    </row>
    <row r="68703" spans="1:7" x14ac:dyDescent="0.3">
      <c r="A68703" s="13" t="s">
        <v>360</v>
      </c>
      <c r="B68703" s="14" t="s">
        <v>1</v>
      </c>
      <c r="C68703" s="14" t="s">
        <v>17</v>
      </c>
      <c r="D68703" s="14" t="s">
        <v>171</v>
      </c>
      <c r="E68703" s="15">
        <v>45459</v>
      </c>
      <c r="F68703" s="14" t="s">
        <v>15</v>
      </c>
      <c r="G68703" s="16">
        <v>0</v>
      </c>
    </row>
    <row r="68704" spans="1:7" x14ac:dyDescent="0.3">
      <c r="A68704" s="13" t="s">
        <v>360</v>
      </c>
      <c r="B68704" s="14" t="s">
        <v>1</v>
      </c>
      <c r="C68704" s="14" t="s">
        <v>17</v>
      </c>
      <c r="D68704" s="14" t="s">
        <v>171</v>
      </c>
      <c r="E68704" s="15">
        <v>45460</v>
      </c>
      <c r="F68704" s="14" t="s">
        <v>15</v>
      </c>
      <c r="G68704" s="16">
        <v>0</v>
      </c>
    </row>
    <row r="68705" spans="1:7" x14ac:dyDescent="0.3">
      <c r="A68705" s="13" t="s">
        <v>360</v>
      </c>
      <c r="B68705" s="14" t="s">
        <v>1</v>
      </c>
      <c r="C68705" s="14" t="s">
        <v>17</v>
      </c>
      <c r="D68705" s="14" t="s">
        <v>171</v>
      </c>
      <c r="E68705" s="15">
        <v>45461</v>
      </c>
      <c r="F68705" s="14" t="s">
        <v>15</v>
      </c>
      <c r="G68705" s="16">
        <v>0</v>
      </c>
    </row>
    <row r="68706" spans="1:7" x14ac:dyDescent="0.3">
      <c r="A68706" s="13" t="s">
        <v>360</v>
      </c>
      <c r="B68706" s="14" t="s">
        <v>1</v>
      </c>
      <c r="C68706" s="14" t="s">
        <v>17</v>
      </c>
      <c r="D68706" s="14" t="s">
        <v>171</v>
      </c>
      <c r="E68706" s="15">
        <v>45462</v>
      </c>
      <c r="F68706" s="14" t="s">
        <v>15</v>
      </c>
      <c r="G68706" s="16">
        <v>0</v>
      </c>
    </row>
    <row r="68707" spans="1:7" x14ac:dyDescent="0.3">
      <c r="A68707" s="13" t="s">
        <v>360</v>
      </c>
      <c r="B68707" s="14" t="s">
        <v>1</v>
      </c>
      <c r="C68707" s="14" t="s">
        <v>17</v>
      </c>
      <c r="D68707" s="14" t="s">
        <v>171</v>
      </c>
      <c r="E68707" s="15">
        <v>45463</v>
      </c>
      <c r="F68707" s="14" t="s">
        <v>15</v>
      </c>
      <c r="G68707" s="16">
        <v>0</v>
      </c>
    </row>
    <row r="68708" spans="1:7" x14ac:dyDescent="0.3">
      <c r="A68708" s="13" t="s">
        <v>360</v>
      </c>
      <c r="B68708" s="14" t="s">
        <v>1</v>
      </c>
      <c r="C68708" s="14" t="s">
        <v>17</v>
      </c>
      <c r="D68708" s="14" t="s">
        <v>171</v>
      </c>
      <c r="E68708" s="15">
        <v>45464</v>
      </c>
      <c r="F68708" s="14" t="s">
        <v>15</v>
      </c>
      <c r="G68708" s="16">
        <v>0</v>
      </c>
    </row>
    <row r="68709" spans="1:7" x14ac:dyDescent="0.3">
      <c r="A68709" s="13" t="s">
        <v>360</v>
      </c>
      <c r="B68709" s="14" t="s">
        <v>1</v>
      </c>
      <c r="C68709" s="14" t="s">
        <v>17</v>
      </c>
      <c r="D68709" s="14" t="s">
        <v>171</v>
      </c>
      <c r="E68709" s="15">
        <v>45465</v>
      </c>
      <c r="F68709" s="14" t="s">
        <v>15</v>
      </c>
      <c r="G68709" s="16">
        <v>0</v>
      </c>
    </row>
    <row r="68710" spans="1:7" x14ac:dyDescent="0.3">
      <c r="A68710" s="13" t="s">
        <v>360</v>
      </c>
      <c r="B68710" s="14" t="s">
        <v>1</v>
      </c>
      <c r="C68710" s="14" t="s">
        <v>17</v>
      </c>
      <c r="D68710" s="14" t="s">
        <v>171</v>
      </c>
      <c r="E68710" s="15">
        <v>45466</v>
      </c>
      <c r="F68710" s="14" t="s">
        <v>15</v>
      </c>
      <c r="G68710" s="16">
        <v>0</v>
      </c>
    </row>
    <row r="68711" spans="1:7" x14ac:dyDescent="0.3">
      <c r="A68711" s="13" t="s">
        <v>360</v>
      </c>
      <c r="B68711" s="14" t="s">
        <v>1</v>
      </c>
      <c r="C68711" s="14" t="s">
        <v>17</v>
      </c>
      <c r="D68711" s="14" t="s">
        <v>171</v>
      </c>
      <c r="E68711" s="15">
        <v>45467</v>
      </c>
      <c r="F68711" s="14" t="s">
        <v>15</v>
      </c>
      <c r="G68711" s="16">
        <v>0</v>
      </c>
    </row>
    <row r="68712" spans="1:7" x14ac:dyDescent="0.3">
      <c r="A68712" s="13" t="s">
        <v>360</v>
      </c>
      <c r="B68712" s="14" t="s">
        <v>1</v>
      </c>
      <c r="C68712" s="14" t="s">
        <v>17</v>
      </c>
      <c r="D68712" s="14" t="s">
        <v>171</v>
      </c>
      <c r="E68712" s="15">
        <v>45468</v>
      </c>
      <c r="F68712" s="14" t="s">
        <v>15</v>
      </c>
      <c r="G68712" s="16">
        <v>0</v>
      </c>
    </row>
    <row r="68713" spans="1:7" x14ac:dyDescent="0.3">
      <c r="A68713" s="13" t="s">
        <v>360</v>
      </c>
      <c r="B68713" s="14" t="s">
        <v>1</v>
      </c>
      <c r="C68713" s="14" t="s">
        <v>17</v>
      </c>
      <c r="D68713" s="14" t="s">
        <v>171</v>
      </c>
      <c r="E68713" s="15">
        <v>45469</v>
      </c>
      <c r="F68713" s="14" t="s">
        <v>15</v>
      </c>
      <c r="G68713" s="16">
        <v>0</v>
      </c>
    </row>
    <row r="68714" spans="1:7" x14ac:dyDescent="0.3">
      <c r="A68714" s="13" t="s">
        <v>360</v>
      </c>
      <c r="B68714" s="14" t="s">
        <v>1</v>
      </c>
      <c r="C68714" s="14" t="s">
        <v>17</v>
      </c>
      <c r="D68714" s="14" t="s">
        <v>171</v>
      </c>
      <c r="E68714" s="15">
        <v>45470</v>
      </c>
      <c r="F68714" s="14" t="s">
        <v>15</v>
      </c>
      <c r="G68714" s="16">
        <v>0</v>
      </c>
    </row>
    <row r="68715" spans="1:7" x14ac:dyDescent="0.3">
      <c r="A68715" s="13" t="s">
        <v>360</v>
      </c>
      <c r="B68715" s="14" t="s">
        <v>1</v>
      </c>
      <c r="C68715" s="14" t="s">
        <v>17</v>
      </c>
      <c r="D68715" s="14" t="s">
        <v>171</v>
      </c>
      <c r="E68715" s="15">
        <v>45471</v>
      </c>
      <c r="F68715" s="14" t="s">
        <v>15</v>
      </c>
      <c r="G68715" s="16">
        <v>0</v>
      </c>
    </row>
    <row r="68716" spans="1:7" x14ac:dyDescent="0.3">
      <c r="A68716" s="13" t="s">
        <v>360</v>
      </c>
      <c r="B68716" s="14" t="s">
        <v>1</v>
      </c>
      <c r="C68716" s="14" t="s">
        <v>17</v>
      </c>
      <c r="D68716" s="14" t="s">
        <v>171</v>
      </c>
      <c r="E68716" s="15">
        <v>45472</v>
      </c>
      <c r="F68716" s="14" t="s">
        <v>15</v>
      </c>
      <c r="G68716" s="16">
        <v>0</v>
      </c>
    </row>
    <row r="68717" spans="1:7" x14ac:dyDescent="0.3">
      <c r="A68717" s="13" t="s">
        <v>360</v>
      </c>
      <c r="B68717" s="14" t="s">
        <v>1</v>
      </c>
      <c r="C68717" s="14" t="s">
        <v>17</v>
      </c>
      <c r="D68717" s="14" t="s">
        <v>171</v>
      </c>
      <c r="E68717" s="15">
        <v>45473</v>
      </c>
      <c r="F68717" s="14" t="s">
        <v>15</v>
      </c>
      <c r="G68717" s="16">
        <v>0</v>
      </c>
    </row>
    <row r="68718" spans="1:7" x14ac:dyDescent="0.3">
      <c r="A68718" s="13" t="s">
        <v>360</v>
      </c>
      <c r="B68718" s="14" t="s">
        <v>1</v>
      </c>
      <c r="C68718" s="14" t="s">
        <v>17</v>
      </c>
      <c r="D68718" s="14" t="s">
        <v>171</v>
      </c>
      <c r="E68718" s="15">
        <v>45474</v>
      </c>
      <c r="F68718" s="14" t="s">
        <v>15</v>
      </c>
      <c r="G68718" s="16">
        <v>0</v>
      </c>
    </row>
    <row r="68719" spans="1:7" x14ac:dyDescent="0.3">
      <c r="A68719" s="13" t="s">
        <v>360</v>
      </c>
      <c r="B68719" s="14" t="s">
        <v>1</v>
      </c>
      <c r="C68719" s="14" t="s">
        <v>17</v>
      </c>
      <c r="D68719" s="14" t="s">
        <v>171</v>
      </c>
      <c r="E68719" s="15">
        <v>45475</v>
      </c>
      <c r="F68719" s="14" t="s">
        <v>15</v>
      </c>
      <c r="G68719" s="16">
        <v>0</v>
      </c>
    </row>
    <row r="68720" spans="1:7" x14ac:dyDescent="0.3">
      <c r="A68720" s="13" t="s">
        <v>360</v>
      </c>
      <c r="B68720" s="14" t="s">
        <v>1</v>
      </c>
      <c r="C68720" s="14" t="s">
        <v>17</v>
      </c>
      <c r="D68720" s="14" t="s">
        <v>171</v>
      </c>
      <c r="E68720" s="15">
        <v>45476</v>
      </c>
      <c r="F68720" s="14" t="s">
        <v>15</v>
      </c>
      <c r="G68720" s="16">
        <v>0</v>
      </c>
    </row>
    <row r="68721" spans="1:7" x14ac:dyDescent="0.3">
      <c r="A68721" s="13" t="s">
        <v>360</v>
      </c>
      <c r="B68721" s="14" t="s">
        <v>1</v>
      </c>
      <c r="C68721" s="14" t="s">
        <v>17</v>
      </c>
      <c r="D68721" s="14" t="s">
        <v>171</v>
      </c>
      <c r="E68721" s="15">
        <v>45477</v>
      </c>
      <c r="F68721" s="14" t="s">
        <v>15</v>
      </c>
      <c r="G68721" s="16">
        <v>0</v>
      </c>
    </row>
    <row r="68722" spans="1:7" x14ac:dyDescent="0.3">
      <c r="A68722" s="13" t="s">
        <v>360</v>
      </c>
      <c r="B68722" s="14" t="s">
        <v>1</v>
      </c>
      <c r="C68722" s="14" t="s">
        <v>17</v>
      </c>
      <c r="D68722" s="14" t="s">
        <v>171</v>
      </c>
      <c r="E68722" s="15">
        <v>45478</v>
      </c>
      <c r="F68722" s="14" t="s">
        <v>15</v>
      </c>
      <c r="G68722" s="16">
        <v>0</v>
      </c>
    </row>
    <row r="68723" spans="1:7" x14ac:dyDescent="0.3">
      <c r="A68723" s="13" t="s">
        <v>360</v>
      </c>
      <c r="B68723" s="14" t="s">
        <v>1</v>
      </c>
      <c r="C68723" s="14" t="s">
        <v>17</v>
      </c>
      <c r="D68723" s="14" t="s">
        <v>171</v>
      </c>
      <c r="E68723" s="15">
        <v>45479</v>
      </c>
      <c r="F68723" s="14" t="s">
        <v>15</v>
      </c>
      <c r="G68723" s="16">
        <v>0</v>
      </c>
    </row>
    <row r="68724" spans="1:7" x14ac:dyDescent="0.3">
      <c r="A68724" s="13" t="s">
        <v>360</v>
      </c>
      <c r="B68724" s="14" t="s">
        <v>1</v>
      </c>
      <c r="C68724" s="14" t="s">
        <v>17</v>
      </c>
      <c r="D68724" s="14" t="s">
        <v>171</v>
      </c>
      <c r="E68724" s="15">
        <v>45480</v>
      </c>
      <c r="F68724" s="14" t="s">
        <v>15</v>
      </c>
      <c r="G68724" s="16">
        <v>0</v>
      </c>
    </row>
    <row r="68725" spans="1:7" x14ac:dyDescent="0.3">
      <c r="A68725" s="13" t="s">
        <v>360</v>
      </c>
      <c r="B68725" s="14" t="s">
        <v>1</v>
      </c>
      <c r="C68725" s="14" t="s">
        <v>17</v>
      </c>
      <c r="D68725" s="14" t="s">
        <v>171</v>
      </c>
      <c r="E68725" s="15">
        <v>45481</v>
      </c>
      <c r="F68725" s="14" t="s">
        <v>15</v>
      </c>
      <c r="G68725" s="16">
        <v>0</v>
      </c>
    </row>
    <row r="68726" spans="1:7" x14ac:dyDescent="0.3">
      <c r="A68726" s="13" t="s">
        <v>360</v>
      </c>
      <c r="B68726" s="14" t="s">
        <v>1</v>
      </c>
      <c r="C68726" s="14" t="s">
        <v>17</v>
      </c>
      <c r="D68726" s="14" t="s">
        <v>171</v>
      </c>
      <c r="E68726" s="15">
        <v>45482</v>
      </c>
      <c r="F68726" s="14" t="s">
        <v>15</v>
      </c>
      <c r="G68726" s="16">
        <v>0</v>
      </c>
    </row>
    <row r="68727" spans="1:7" x14ac:dyDescent="0.3">
      <c r="A68727" s="13" t="s">
        <v>360</v>
      </c>
      <c r="B68727" s="14" t="s">
        <v>1</v>
      </c>
      <c r="C68727" s="14" t="s">
        <v>17</v>
      </c>
      <c r="D68727" s="14" t="s">
        <v>171</v>
      </c>
      <c r="E68727" s="15">
        <v>45483</v>
      </c>
      <c r="F68727" s="14" t="s">
        <v>15</v>
      </c>
      <c r="G68727" s="16">
        <v>0</v>
      </c>
    </row>
    <row r="68728" spans="1:7" x14ac:dyDescent="0.3">
      <c r="A68728" s="13" t="s">
        <v>360</v>
      </c>
      <c r="B68728" s="14" t="s">
        <v>1</v>
      </c>
      <c r="C68728" s="14" t="s">
        <v>17</v>
      </c>
      <c r="D68728" s="14" t="s">
        <v>171</v>
      </c>
      <c r="E68728" s="15">
        <v>45484</v>
      </c>
      <c r="F68728" s="14" t="s">
        <v>15</v>
      </c>
      <c r="G68728" s="16">
        <v>0</v>
      </c>
    </row>
    <row r="68729" spans="1:7" x14ac:dyDescent="0.3">
      <c r="A68729" s="13" t="s">
        <v>360</v>
      </c>
      <c r="B68729" s="14" t="s">
        <v>1</v>
      </c>
      <c r="C68729" s="14" t="s">
        <v>17</v>
      </c>
      <c r="D68729" s="14" t="s">
        <v>171</v>
      </c>
      <c r="E68729" s="15">
        <v>45485</v>
      </c>
      <c r="F68729" s="14" t="s">
        <v>15</v>
      </c>
      <c r="G68729" s="16">
        <v>0</v>
      </c>
    </row>
    <row r="68730" spans="1:7" x14ac:dyDescent="0.3">
      <c r="A68730" s="13" t="s">
        <v>360</v>
      </c>
      <c r="B68730" s="14" t="s">
        <v>1</v>
      </c>
      <c r="C68730" s="14" t="s">
        <v>17</v>
      </c>
      <c r="D68730" s="14" t="s">
        <v>171</v>
      </c>
      <c r="E68730" s="15">
        <v>45486</v>
      </c>
      <c r="F68730" s="14" t="s">
        <v>15</v>
      </c>
      <c r="G68730" s="16">
        <v>0</v>
      </c>
    </row>
    <row r="68731" spans="1:7" x14ac:dyDescent="0.3">
      <c r="A68731" s="13" t="s">
        <v>360</v>
      </c>
      <c r="B68731" s="14" t="s">
        <v>1</v>
      </c>
      <c r="C68731" s="14" t="s">
        <v>17</v>
      </c>
      <c r="D68731" s="14" t="s">
        <v>171</v>
      </c>
      <c r="E68731" s="15">
        <v>45487</v>
      </c>
      <c r="F68731" s="14" t="s">
        <v>15</v>
      </c>
      <c r="G68731" s="16">
        <v>0</v>
      </c>
    </row>
    <row r="68732" spans="1:7" x14ac:dyDescent="0.3">
      <c r="A68732" s="13" t="s">
        <v>360</v>
      </c>
      <c r="B68732" s="14" t="s">
        <v>1</v>
      </c>
      <c r="C68732" s="14" t="s">
        <v>17</v>
      </c>
      <c r="D68732" s="14" t="s">
        <v>171</v>
      </c>
      <c r="E68732" s="15">
        <v>45488</v>
      </c>
      <c r="F68732" s="14" t="s">
        <v>15</v>
      </c>
      <c r="G68732" s="16">
        <v>0</v>
      </c>
    </row>
    <row r="68733" spans="1:7" x14ac:dyDescent="0.3">
      <c r="A68733" s="13" t="s">
        <v>360</v>
      </c>
      <c r="B68733" s="14" t="s">
        <v>1</v>
      </c>
      <c r="C68733" s="14" t="s">
        <v>17</v>
      </c>
      <c r="D68733" s="14" t="s">
        <v>171</v>
      </c>
      <c r="E68733" s="15">
        <v>45489</v>
      </c>
      <c r="F68733" s="14" t="s">
        <v>15</v>
      </c>
      <c r="G68733" s="16">
        <v>0</v>
      </c>
    </row>
    <row r="68734" spans="1:7" x14ac:dyDescent="0.3">
      <c r="A68734" s="13" t="s">
        <v>360</v>
      </c>
      <c r="B68734" s="14" t="s">
        <v>1</v>
      </c>
      <c r="C68734" s="14" t="s">
        <v>17</v>
      </c>
      <c r="D68734" s="14" t="s">
        <v>171</v>
      </c>
      <c r="E68734" s="15">
        <v>45490</v>
      </c>
      <c r="F68734" s="14" t="s">
        <v>15</v>
      </c>
      <c r="G68734" s="16">
        <v>0</v>
      </c>
    </row>
    <row r="68735" spans="1:7" x14ac:dyDescent="0.3">
      <c r="A68735" s="13" t="s">
        <v>360</v>
      </c>
      <c r="B68735" s="14" t="s">
        <v>1</v>
      </c>
      <c r="C68735" s="14" t="s">
        <v>17</v>
      </c>
      <c r="D68735" s="14" t="s">
        <v>171</v>
      </c>
      <c r="E68735" s="15">
        <v>45491</v>
      </c>
      <c r="F68735" s="14" t="s">
        <v>15</v>
      </c>
      <c r="G68735" s="16">
        <v>0</v>
      </c>
    </row>
    <row r="68736" spans="1:7" x14ac:dyDescent="0.3">
      <c r="A68736" s="13" t="s">
        <v>360</v>
      </c>
      <c r="B68736" s="14" t="s">
        <v>1</v>
      </c>
      <c r="C68736" s="14" t="s">
        <v>17</v>
      </c>
      <c r="D68736" s="14" t="s">
        <v>171</v>
      </c>
      <c r="E68736" s="15">
        <v>45492</v>
      </c>
      <c r="F68736" s="14" t="s">
        <v>15</v>
      </c>
      <c r="G68736" s="16">
        <v>0</v>
      </c>
    </row>
    <row r="68737" spans="1:7" x14ac:dyDescent="0.3">
      <c r="A68737" s="13" t="s">
        <v>360</v>
      </c>
      <c r="B68737" s="14" t="s">
        <v>1</v>
      </c>
      <c r="C68737" s="14" t="s">
        <v>17</v>
      </c>
      <c r="D68737" s="14" t="s">
        <v>171</v>
      </c>
      <c r="E68737" s="15">
        <v>45493</v>
      </c>
      <c r="F68737" s="14" t="s">
        <v>15</v>
      </c>
      <c r="G68737" s="16">
        <v>0</v>
      </c>
    </row>
    <row r="68738" spans="1:7" x14ac:dyDescent="0.3">
      <c r="A68738" s="13" t="s">
        <v>360</v>
      </c>
      <c r="B68738" s="14" t="s">
        <v>1</v>
      </c>
      <c r="C68738" s="14" t="s">
        <v>17</v>
      </c>
      <c r="D68738" s="14" t="s">
        <v>171</v>
      </c>
      <c r="E68738" s="15">
        <v>45494</v>
      </c>
      <c r="F68738" s="14" t="s">
        <v>15</v>
      </c>
      <c r="G68738" s="16">
        <v>0</v>
      </c>
    </row>
    <row r="68739" spans="1:7" x14ac:dyDescent="0.3">
      <c r="A68739" s="13" t="s">
        <v>360</v>
      </c>
      <c r="B68739" s="14" t="s">
        <v>1</v>
      </c>
      <c r="C68739" s="14" t="s">
        <v>17</v>
      </c>
      <c r="D68739" s="14" t="s">
        <v>171</v>
      </c>
      <c r="E68739" s="15">
        <v>45495</v>
      </c>
      <c r="F68739" s="14" t="s">
        <v>15</v>
      </c>
      <c r="G68739" s="16">
        <v>0</v>
      </c>
    </row>
    <row r="68740" spans="1:7" x14ac:dyDescent="0.3">
      <c r="A68740" s="13" t="s">
        <v>360</v>
      </c>
      <c r="B68740" s="14" t="s">
        <v>1</v>
      </c>
      <c r="C68740" s="14" t="s">
        <v>17</v>
      </c>
      <c r="D68740" s="14" t="s">
        <v>171</v>
      </c>
      <c r="E68740" s="15">
        <v>45496</v>
      </c>
      <c r="F68740" s="14" t="s">
        <v>15</v>
      </c>
      <c r="G68740" s="16">
        <v>0</v>
      </c>
    </row>
    <row r="68741" spans="1:7" x14ac:dyDescent="0.3">
      <c r="A68741" s="13" t="s">
        <v>360</v>
      </c>
      <c r="B68741" s="14" t="s">
        <v>1</v>
      </c>
      <c r="C68741" s="14" t="s">
        <v>17</v>
      </c>
      <c r="D68741" s="14" t="s">
        <v>171</v>
      </c>
      <c r="E68741" s="15">
        <v>45497</v>
      </c>
      <c r="F68741" s="14" t="s">
        <v>15</v>
      </c>
      <c r="G68741" s="16">
        <v>0</v>
      </c>
    </row>
    <row r="68742" spans="1:7" x14ac:dyDescent="0.3">
      <c r="A68742" s="13" t="s">
        <v>360</v>
      </c>
      <c r="B68742" s="14" t="s">
        <v>1</v>
      </c>
      <c r="C68742" s="14" t="s">
        <v>17</v>
      </c>
      <c r="D68742" s="14" t="s">
        <v>171</v>
      </c>
      <c r="E68742" s="15">
        <v>45498</v>
      </c>
      <c r="F68742" s="14" t="s">
        <v>15</v>
      </c>
      <c r="G68742" s="16">
        <v>0</v>
      </c>
    </row>
    <row r="68743" spans="1:7" x14ac:dyDescent="0.3">
      <c r="A68743" s="13" t="s">
        <v>360</v>
      </c>
      <c r="B68743" s="14" t="s">
        <v>1</v>
      </c>
      <c r="C68743" s="14" t="s">
        <v>17</v>
      </c>
      <c r="D68743" s="14" t="s">
        <v>171</v>
      </c>
      <c r="E68743" s="15">
        <v>45499</v>
      </c>
      <c r="F68743" s="14" t="s">
        <v>15</v>
      </c>
      <c r="G68743" s="16">
        <v>0</v>
      </c>
    </row>
    <row r="68744" spans="1:7" x14ac:dyDescent="0.3">
      <c r="A68744" s="13" t="s">
        <v>360</v>
      </c>
      <c r="B68744" s="14" t="s">
        <v>1</v>
      </c>
      <c r="C68744" s="14" t="s">
        <v>17</v>
      </c>
      <c r="D68744" s="14" t="s">
        <v>171</v>
      </c>
      <c r="E68744" s="15">
        <v>45500</v>
      </c>
      <c r="F68744" s="14" t="s">
        <v>15</v>
      </c>
      <c r="G68744" s="16">
        <v>0</v>
      </c>
    </row>
    <row r="68745" spans="1:7" x14ac:dyDescent="0.3">
      <c r="A68745" s="13" t="s">
        <v>360</v>
      </c>
      <c r="B68745" s="14" t="s">
        <v>1</v>
      </c>
      <c r="C68745" s="14" t="s">
        <v>17</v>
      </c>
      <c r="D68745" s="14" t="s">
        <v>171</v>
      </c>
      <c r="E68745" s="15">
        <v>45501</v>
      </c>
      <c r="F68745" s="14" t="s">
        <v>15</v>
      </c>
      <c r="G68745" s="16">
        <v>0</v>
      </c>
    </row>
    <row r="68746" spans="1:7" x14ac:dyDescent="0.3">
      <c r="A68746" s="13" t="s">
        <v>360</v>
      </c>
      <c r="B68746" s="14" t="s">
        <v>1</v>
      </c>
      <c r="C68746" s="14" t="s">
        <v>17</v>
      </c>
      <c r="D68746" s="14" t="s">
        <v>171</v>
      </c>
      <c r="E68746" s="15">
        <v>45502</v>
      </c>
      <c r="F68746" s="14" t="s">
        <v>15</v>
      </c>
      <c r="G68746" s="16">
        <v>0</v>
      </c>
    </row>
    <row r="68747" spans="1:7" x14ac:dyDescent="0.3">
      <c r="A68747" s="13" t="s">
        <v>360</v>
      </c>
      <c r="B68747" s="14" t="s">
        <v>1</v>
      </c>
      <c r="C68747" s="14" t="s">
        <v>17</v>
      </c>
      <c r="D68747" s="14" t="s">
        <v>171</v>
      </c>
      <c r="E68747" s="15">
        <v>45503</v>
      </c>
      <c r="F68747" s="14" t="s">
        <v>15</v>
      </c>
      <c r="G68747" s="16">
        <v>0</v>
      </c>
    </row>
    <row r="68748" spans="1:7" x14ac:dyDescent="0.3">
      <c r="A68748" s="13" t="s">
        <v>360</v>
      </c>
      <c r="B68748" s="14" t="s">
        <v>1</v>
      </c>
      <c r="C68748" s="14" t="s">
        <v>17</v>
      </c>
      <c r="D68748" s="14" t="s">
        <v>171</v>
      </c>
      <c r="E68748" s="15">
        <v>45504</v>
      </c>
      <c r="F68748" s="14" t="s">
        <v>15</v>
      </c>
      <c r="G68748" s="16">
        <v>0</v>
      </c>
    </row>
    <row r="68749" spans="1:7" x14ac:dyDescent="0.3">
      <c r="A68749" s="13" t="s">
        <v>360</v>
      </c>
      <c r="B68749" s="14" t="s">
        <v>1</v>
      </c>
      <c r="C68749" s="14" t="s">
        <v>17</v>
      </c>
      <c r="D68749" s="14" t="s">
        <v>171</v>
      </c>
      <c r="E68749" s="15">
        <v>45505</v>
      </c>
      <c r="F68749" s="14" t="s">
        <v>15</v>
      </c>
      <c r="G68749" s="16">
        <v>0</v>
      </c>
    </row>
    <row r="68750" spans="1:7" x14ac:dyDescent="0.3">
      <c r="A68750" s="13" t="s">
        <v>360</v>
      </c>
      <c r="B68750" s="14" t="s">
        <v>1</v>
      </c>
      <c r="C68750" s="14" t="s">
        <v>17</v>
      </c>
      <c r="D68750" s="14" t="s">
        <v>171</v>
      </c>
      <c r="E68750" s="15">
        <v>45506</v>
      </c>
      <c r="F68750" s="14" t="s">
        <v>15</v>
      </c>
      <c r="G68750" s="16">
        <v>0</v>
      </c>
    </row>
    <row r="68751" spans="1:7" x14ac:dyDescent="0.3">
      <c r="A68751" s="13" t="s">
        <v>360</v>
      </c>
      <c r="B68751" s="14" t="s">
        <v>1</v>
      </c>
      <c r="C68751" s="14" t="s">
        <v>17</v>
      </c>
      <c r="D68751" s="14" t="s">
        <v>171</v>
      </c>
      <c r="E68751" s="15">
        <v>45507</v>
      </c>
      <c r="F68751" s="14" t="s">
        <v>15</v>
      </c>
      <c r="G68751" s="16">
        <v>0</v>
      </c>
    </row>
    <row r="68752" spans="1:7" x14ac:dyDescent="0.3">
      <c r="A68752" s="13" t="s">
        <v>360</v>
      </c>
      <c r="B68752" s="14" t="s">
        <v>1</v>
      </c>
      <c r="C68752" s="14" t="s">
        <v>17</v>
      </c>
      <c r="D68752" s="14" t="s">
        <v>171</v>
      </c>
      <c r="E68752" s="15">
        <v>45508</v>
      </c>
      <c r="F68752" s="14" t="s">
        <v>15</v>
      </c>
      <c r="G68752" s="16">
        <v>0</v>
      </c>
    </row>
    <row r="68753" spans="1:7" x14ac:dyDescent="0.3">
      <c r="A68753" s="13" t="s">
        <v>360</v>
      </c>
      <c r="B68753" s="14" t="s">
        <v>1</v>
      </c>
      <c r="C68753" s="14" t="s">
        <v>17</v>
      </c>
      <c r="D68753" s="14" t="s">
        <v>171</v>
      </c>
      <c r="E68753" s="15">
        <v>45509</v>
      </c>
      <c r="F68753" s="14" t="s">
        <v>15</v>
      </c>
      <c r="G68753" s="16">
        <v>0</v>
      </c>
    </row>
    <row r="68754" spans="1:7" x14ac:dyDescent="0.3">
      <c r="A68754" s="13" t="s">
        <v>360</v>
      </c>
      <c r="B68754" s="14" t="s">
        <v>1</v>
      </c>
      <c r="C68754" s="14" t="s">
        <v>17</v>
      </c>
      <c r="D68754" s="14" t="s">
        <v>171</v>
      </c>
      <c r="E68754" s="15">
        <v>45510</v>
      </c>
      <c r="F68754" s="14" t="s">
        <v>15</v>
      </c>
      <c r="G68754" s="16">
        <v>0</v>
      </c>
    </row>
    <row r="68755" spans="1:7" x14ac:dyDescent="0.3">
      <c r="A68755" s="13" t="s">
        <v>360</v>
      </c>
      <c r="B68755" s="14" t="s">
        <v>1</v>
      </c>
      <c r="C68755" s="14" t="s">
        <v>17</v>
      </c>
      <c r="D68755" s="14" t="s">
        <v>171</v>
      </c>
      <c r="E68755" s="15">
        <v>45511</v>
      </c>
      <c r="F68755" s="14" t="s">
        <v>15</v>
      </c>
      <c r="G68755" s="16">
        <v>0</v>
      </c>
    </row>
    <row r="68756" spans="1:7" x14ac:dyDescent="0.3">
      <c r="A68756" s="13" t="s">
        <v>360</v>
      </c>
      <c r="B68756" s="14" t="s">
        <v>1</v>
      </c>
      <c r="C68756" s="14" t="s">
        <v>17</v>
      </c>
      <c r="D68756" s="14" t="s">
        <v>171</v>
      </c>
      <c r="E68756" s="15">
        <v>45512</v>
      </c>
      <c r="F68756" s="14" t="s">
        <v>15</v>
      </c>
      <c r="G68756" s="16">
        <v>0</v>
      </c>
    </row>
    <row r="68757" spans="1:7" x14ac:dyDescent="0.3">
      <c r="A68757" s="13" t="s">
        <v>360</v>
      </c>
      <c r="B68757" s="14" t="s">
        <v>1</v>
      </c>
      <c r="C68757" s="14" t="s">
        <v>17</v>
      </c>
      <c r="D68757" s="14" t="s">
        <v>171</v>
      </c>
      <c r="E68757" s="15">
        <v>45513</v>
      </c>
      <c r="F68757" s="14" t="s">
        <v>15</v>
      </c>
      <c r="G68757" s="16">
        <v>0</v>
      </c>
    </row>
    <row r="68758" spans="1:7" x14ac:dyDescent="0.3">
      <c r="A68758" s="13" t="s">
        <v>360</v>
      </c>
      <c r="B68758" s="14" t="s">
        <v>1</v>
      </c>
      <c r="C68758" s="14" t="s">
        <v>17</v>
      </c>
      <c r="D68758" s="14" t="s">
        <v>171</v>
      </c>
      <c r="E68758" s="15">
        <v>45514</v>
      </c>
      <c r="F68758" s="14" t="s">
        <v>15</v>
      </c>
      <c r="G68758" s="16">
        <v>0</v>
      </c>
    </row>
    <row r="68759" spans="1:7" x14ac:dyDescent="0.3">
      <c r="A68759" s="13" t="s">
        <v>360</v>
      </c>
      <c r="B68759" s="14" t="s">
        <v>1</v>
      </c>
      <c r="C68759" s="14" t="s">
        <v>17</v>
      </c>
      <c r="D68759" s="14" t="s">
        <v>171</v>
      </c>
      <c r="E68759" s="15">
        <v>45515</v>
      </c>
      <c r="F68759" s="14" t="s">
        <v>15</v>
      </c>
      <c r="G68759" s="16">
        <v>0</v>
      </c>
    </row>
    <row r="68760" spans="1:7" x14ac:dyDescent="0.3">
      <c r="A68760" s="13" t="s">
        <v>360</v>
      </c>
      <c r="B68760" s="14" t="s">
        <v>1</v>
      </c>
      <c r="C68760" s="14" t="s">
        <v>17</v>
      </c>
      <c r="D68760" s="14" t="s">
        <v>171</v>
      </c>
      <c r="E68760" s="15">
        <v>45516</v>
      </c>
      <c r="F68760" s="14" t="s">
        <v>15</v>
      </c>
      <c r="G68760" s="16">
        <v>0</v>
      </c>
    </row>
    <row r="68761" spans="1:7" x14ac:dyDescent="0.3">
      <c r="A68761" s="13" t="s">
        <v>360</v>
      </c>
      <c r="B68761" s="14" t="s">
        <v>1</v>
      </c>
      <c r="C68761" s="14" t="s">
        <v>17</v>
      </c>
      <c r="D68761" s="14" t="s">
        <v>171</v>
      </c>
      <c r="E68761" s="15">
        <v>45517</v>
      </c>
      <c r="F68761" s="14" t="s">
        <v>15</v>
      </c>
      <c r="G68761" s="16">
        <v>0</v>
      </c>
    </row>
    <row r="68762" spans="1:7" x14ac:dyDescent="0.3">
      <c r="A68762" s="13" t="s">
        <v>360</v>
      </c>
      <c r="B68762" s="14" t="s">
        <v>1</v>
      </c>
      <c r="C68762" s="14" t="s">
        <v>17</v>
      </c>
      <c r="D68762" s="14" t="s">
        <v>171</v>
      </c>
      <c r="E68762" s="15">
        <v>45518</v>
      </c>
      <c r="F68762" s="14" t="s">
        <v>15</v>
      </c>
      <c r="G68762" s="16">
        <v>0</v>
      </c>
    </row>
    <row r="68763" spans="1:7" x14ac:dyDescent="0.3">
      <c r="A68763" s="13" t="s">
        <v>360</v>
      </c>
      <c r="B68763" s="14" t="s">
        <v>1</v>
      </c>
      <c r="C68763" s="14" t="s">
        <v>17</v>
      </c>
      <c r="D68763" s="14" t="s">
        <v>171</v>
      </c>
      <c r="E68763" s="15">
        <v>45519</v>
      </c>
      <c r="F68763" s="14" t="s">
        <v>15</v>
      </c>
      <c r="G68763" s="16">
        <v>0</v>
      </c>
    </row>
    <row r="68764" spans="1:7" x14ac:dyDescent="0.3">
      <c r="A68764" s="13" t="s">
        <v>360</v>
      </c>
      <c r="B68764" s="14" t="s">
        <v>1</v>
      </c>
      <c r="C68764" s="14" t="s">
        <v>17</v>
      </c>
      <c r="D68764" s="14" t="s">
        <v>171</v>
      </c>
      <c r="E68764" s="15">
        <v>45520</v>
      </c>
      <c r="F68764" s="14" t="s">
        <v>15</v>
      </c>
      <c r="G68764" s="16">
        <v>0</v>
      </c>
    </row>
    <row r="68765" spans="1:7" x14ac:dyDescent="0.3">
      <c r="A68765" s="13" t="s">
        <v>360</v>
      </c>
      <c r="B68765" s="14" t="s">
        <v>1</v>
      </c>
      <c r="C68765" s="14" t="s">
        <v>17</v>
      </c>
      <c r="D68765" s="14" t="s">
        <v>171</v>
      </c>
      <c r="E68765" s="15">
        <v>45521</v>
      </c>
      <c r="F68765" s="14" t="s">
        <v>15</v>
      </c>
      <c r="G68765" s="16">
        <v>0</v>
      </c>
    </row>
    <row r="68766" spans="1:7" x14ac:dyDescent="0.3">
      <c r="A68766" s="13" t="s">
        <v>360</v>
      </c>
      <c r="B68766" s="14" t="s">
        <v>1</v>
      </c>
      <c r="C68766" s="14" t="s">
        <v>17</v>
      </c>
      <c r="D68766" s="14" t="s">
        <v>171</v>
      </c>
      <c r="E68766" s="15">
        <v>45522</v>
      </c>
      <c r="F68766" s="14" t="s">
        <v>15</v>
      </c>
      <c r="G68766" s="16">
        <v>0</v>
      </c>
    </row>
    <row r="68767" spans="1:7" x14ac:dyDescent="0.3">
      <c r="A68767" s="13" t="s">
        <v>360</v>
      </c>
      <c r="B68767" s="14" t="s">
        <v>1</v>
      </c>
      <c r="C68767" s="14" t="s">
        <v>17</v>
      </c>
      <c r="D68767" s="14" t="s">
        <v>171</v>
      </c>
      <c r="E68767" s="15">
        <v>45523</v>
      </c>
      <c r="F68767" s="14" t="s">
        <v>15</v>
      </c>
      <c r="G68767" s="16">
        <v>0</v>
      </c>
    </row>
    <row r="68768" spans="1:7" x14ac:dyDescent="0.3">
      <c r="A68768" s="13" t="s">
        <v>360</v>
      </c>
      <c r="B68768" s="14" t="s">
        <v>1</v>
      </c>
      <c r="C68768" s="14" t="s">
        <v>17</v>
      </c>
      <c r="D68768" s="14" t="s">
        <v>171</v>
      </c>
      <c r="E68768" s="15">
        <v>45524</v>
      </c>
      <c r="F68768" s="14" t="s">
        <v>15</v>
      </c>
      <c r="G68768" s="16">
        <v>0</v>
      </c>
    </row>
    <row r="68769" spans="1:7" x14ac:dyDescent="0.3">
      <c r="A68769" s="13" t="s">
        <v>360</v>
      </c>
      <c r="B68769" s="14" t="s">
        <v>1</v>
      </c>
      <c r="C68769" s="14" t="s">
        <v>17</v>
      </c>
      <c r="D68769" s="14" t="s">
        <v>171</v>
      </c>
      <c r="E68769" s="15">
        <v>45525</v>
      </c>
      <c r="F68769" s="14" t="s">
        <v>15</v>
      </c>
      <c r="G68769" s="16">
        <v>0</v>
      </c>
    </row>
    <row r="68770" spans="1:7" x14ac:dyDescent="0.3">
      <c r="A68770" s="13" t="s">
        <v>360</v>
      </c>
      <c r="B68770" s="14" t="s">
        <v>1</v>
      </c>
      <c r="C68770" s="14" t="s">
        <v>17</v>
      </c>
      <c r="D68770" s="14" t="s">
        <v>171</v>
      </c>
      <c r="E68770" s="15">
        <v>45526</v>
      </c>
      <c r="F68770" s="14" t="s">
        <v>15</v>
      </c>
      <c r="G68770" s="16">
        <v>0</v>
      </c>
    </row>
    <row r="68771" spans="1:7" x14ac:dyDescent="0.3">
      <c r="A68771" s="13" t="s">
        <v>360</v>
      </c>
      <c r="B68771" s="14" t="s">
        <v>1</v>
      </c>
      <c r="C68771" s="14" t="s">
        <v>17</v>
      </c>
      <c r="D68771" s="14" t="s">
        <v>171</v>
      </c>
      <c r="E68771" s="15">
        <v>45527</v>
      </c>
      <c r="F68771" s="14" t="s">
        <v>15</v>
      </c>
      <c r="G68771" s="16">
        <v>0</v>
      </c>
    </row>
    <row r="68772" spans="1:7" x14ac:dyDescent="0.3">
      <c r="A68772" s="13" t="s">
        <v>360</v>
      </c>
      <c r="B68772" s="14" t="s">
        <v>1</v>
      </c>
      <c r="C68772" s="14" t="s">
        <v>17</v>
      </c>
      <c r="D68772" s="14" t="s">
        <v>171</v>
      </c>
      <c r="E68772" s="15">
        <v>45528</v>
      </c>
      <c r="F68772" s="14" t="s">
        <v>15</v>
      </c>
      <c r="G68772" s="16">
        <v>0</v>
      </c>
    </row>
    <row r="68773" spans="1:7" x14ac:dyDescent="0.3">
      <c r="A68773" s="13" t="s">
        <v>360</v>
      </c>
      <c r="B68773" s="14" t="s">
        <v>1</v>
      </c>
      <c r="C68773" s="14" t="s">
        <v>17</v>
      </c>
      <c r="D68773" s="14" t="s">
        <v>171</v>
      </c>
      <c r="E68773" s="15">
        <v>45529</v>
      </c>
      <c r="F68773" s="14" t="s">
        <v>15</v>
      </c>
      <c r="G68773" s="16">
        <v>0</v>
      </c>
    </row>
    <row r="68774" spans="1:7" x14ac:dyDescent="0.3">
      <c r="A68774" s="13" t="s">
        <v>360</v>
      </c>
      <c r="B68774" s="14" t="s">
        <v>1</v>
      </c>
      <c r="C68774" s="14" t="s">
        <v>17</v>
      </c>
      <c r="D68774" s="14" t="s">
        <v>171</v>
      </c>
      <c r="E68774" s="15">
        <v>45530</v>
      </c>
      <c r="F68774" s="14" t="s">
        <v>15</v>
      </c>
      <c r="G68774" s="16">
        <v>0</v>
      </c>
    </row>
    <row r="68775" spans="1:7" x14ac:dyDescent="0.3">
      <c r="A68775" s="13" t="s">
        <v>360</v>
      </c>
      <c r="B68775" s="14" t="s">
        <v>1</v>
      </c>
      <c r="C68775" s="14" t="s">
        <v>17</v>
      </c>
      <c r="D68775" s="14" t="s">
        <v>171</v>
      </c>
      <c r="E68775" s="15">
        <v>45531</v>
      </c>
      <c r="F68775" s="14" t="s">
        <v>15</v>
      </c>
      <c r="G68775" s="16">
        <v>0</v>
      </c>
    </row>
    <row r="68776" spans="1:7" x14ac:dyDescent="0.3">
      <c r="A68776" s="13" t="s">
        <v>360</v>
      </c>
      <c r="B68776" s="14" t="s">
        <v>1</v>
      </c>
      <c r="C68776" s="14" t="s">
        <v>17</v>
      </c>
      <c r="D68776" s="14" t="s">
        <v>171</v>
      </c>
      <c r="E68776" s="15">
        <v>45532</v>
      </c>
      <c r="F68776" s="14" t="s">
        <v>15</v>
      </c>
      <c r="G68776" s="16">
        <v>0</v>
      </c>
    </row>
    <row r="68777" spans="1:7" x14ac:dyDescent="0.3">
      <c r="A68777" s="13" t="s">
        <v>360</v>
      </c>
      <c r="B68777" s="14" t="s">
        <v>1</v>
      </c>
      <c r="C68777" s="14" t="s">
        <v>17</v>
      </c>
      <c r="D68777" s="14" t="s">
        <v>171</v>
      </c>
      <c r="E68777" s="15">
        <v>45533</v>
      </c>
      <c r="F68777" s="14" t="s">
        <v>15</v>
      </c>
      <c r="G68777" s="16">
        <v>0</v>
      </c>
    </row>
    <row r="68778" spans="1:7" x14ac:dyDescent="0.3">
      <c r="A68778" s="13" t="s">
        <v>360</v>
      </c>
      <c r="B68778" s="14" t="s">
        <v>1</v>
      </c>
      <c r="C68778" s="14" t="s">
        <v>17</v>
      </c>
      <c r="D68778" s="14" t="s">
        <v>171</v>
      </c>
      <c r="E68778" s="15">
        <v>45534</v>
      </c>
      <c r="F68778" s="14" t="s">
        <v>15</v>
      </c>
      <c r="G68778" s="16">
        <v>0</v>
      </c>
    </row>
    <row r="68779" spans="1:7" x14ac:dyDescent="0.3">
      <c r="A68779" s="13" t="s">
        <v>360</v>
      </c>
      <c r="B68779" s="14" t="s">
        <v>1</v>
      </c>
      <c r="C68779" s="14" t="s">
        <v>17</v>
      </c>
      <c r="D68779" s="14" t="s">
        <v>171</v>
      </c>
      <c r="E68779" s="15">
        <v>45535</v>
      </c>
      <c r="F68779" s="14" t="s">
        <v>15</v>
      </c>
      <c r="G68779" s="16">
        <v>0</v>
      </c>
    </row>
    <row r="68780" spans="1:7" x14ac:dyDescent="0.3">
      <c r="A68780" s="13" t="s">
        <v>360</v>
      </c>
      <c r="B68780" s="14" t="s">
        <v>1</v>
      </c>
      <c r="C68780" s="14" t="s">
        <v>17</v>
      </c>
      <c r="D68780" s="14" t="s">
        <v>171</v>
      </c>
      <c r="E68780" s="15">
        <v>45536</v>
      </c>
      <c r="F68780" s="14" t="s">
        <v>15</v>
      </c>
      <c r="G68780" s="16">
        <v>0</v>
      </c>
    </row>
    <row r="68781" spans="1:7" x14ac:dyDescent="0.3">
      <c r="A68781" s="13" t="s">
        <v>360</v>
      </c>
      <c r="B68781" s="14" t="s">
        <v>1</v>
      </c>
      <c r="C68781" s="14" t="s">
        <v>17</v>
      </c>
      <c r="D68781" s="14" t="s">
        <v>171</v>
      </c>
      <c r="E68781" s="15">
        <v>45537</v>
      </c>
      <c r="F68781" s="14" t="s">
        <v>15</v>
      </c>
      <c r="G68781" s="16">
        <v>0</v>
      </c>
    </row>
    <row r="68782" spans="1:7" x14ac:dyDescent="0.3">
      <c r="A68782" s="13" t="s">
        <v>360</v>
      </c>
      <c r="B68782" s="14" t="s">
        <v>1</v>
      </c>
      <c r="C68782" s="14" t="s">
        <v>17</v>
      </c>
      <c r="D68782" s="14" t="s">
        <v>171</v>
      </c>
      <c r="E68782" s="15">
        <v>45538</v>
      </c>
      <c r="F68782" s="14" t="s">
        <v>15</v>
      </c>
      <c r="G68782" s="16">
        <v>0</v>
      </c>
    </row>
    <row r="68783" spans="1:7" x14ac:dyDescent="0.3">
      <c r="A68783" s="13" t="s">
        <v>360</v>
      </c>
      <c r="B68783" s="14" t="s">
        <v>1</v>
      </c>
      <c r="C68783" s="14" t="s">
        <v>17</v>
      </c>
      <c r="D68783" s="14" t="s">
        <v>171</v>
      </c>
      <c r="E68783" s="15">
        <v>45539</v>
      </c>
      <c r="F68783" s="14" t="s">
        <v>15</v>
      </c>
      <c r="G68783" s="16">
        <v>0</v>
      </c>
    </row>
    <row r="68784" spans="1:7" x14ac:dyDescent="0.3">
      <c r="A68784" s="13" t="s">
        <v>360</v>
      </c>
      <c r="B68784" s="14" t="s">
        <v>1</v>
      </c>
      <c r="C68784" s="14" t="s">
        <v>17</v>
      </c>
      <c r="D68784" s="14" t="s">
        <v>171</v>
      </c>
      <c r="E68784" s="15">
        <v>45540</v>
      </c>
      <c r="F68784" s="14" t="s">
        <v>15</v>
      </c>
      <c r="G68784" s="16">
        <v>0</v>
      </c>
    </row>
    <row r="68785" spans="1:7" x14ac:dyDescent="0.3">
      <c r="A68785" s="13" t="s">
        <v>360</v>
      </c>
      <c r="B68785" s="14" t="s">
        <v>1</v>
      </c>
      <c r="C68785" s="14" t="s">
        <v>17</v>
      </c>
      <c r="D68785" s="14" t="s">
        <v>171</v>
      </c>
      <c r="E68785" s="15">
        <v>45541</v>
      </c>
      <c r="F68785" s="14" t="s">
        <v>15</v>
      </c>
      <c r="G68785" s="16">
        <v>0</v>
      </c>
    </row>
    <row r="68786" spans="1:7" x14ac:dyDescent="0.3">
      <c r="A68786" s="13" t="s">
        <v>360</v>
      </c>
      <c r="B68786" s="14" t="s">
        <v>1</v>
      </c>
      <c r="C68786" s="14" t="s">
        <v>17</v>
      </c>
      <c r="D68786" s="14" t="s">
        <v>171</v>
      </c>
      <c r="E68786" s="15">
        <v>45542</v>
      </c>
      <c r="F68786" s="14" t="s">
        <v>15</v>
      </c>
      <c r="G68786" s="16">
        <v>0</v>
      </c>
    </row>
    <row r="68787" spans="1:7" x14ac:dyDescent="0.3">
      <c r="A68787" s="13" t="s">
        <v>360</v>
      </c>
      <c r="B68787" s="14" t="s">
        <v>1</v>
      </c>
      <c r="C68787" s="14" t="s">
        <v>17</v>
      </c>
      <c r="D68787" s="14" t="s">
        <v>171</v>
      </c>
      <c r="E68787" s="15">
        <v>45543</v>
      </c>
      <c r="F68787" s="14" t="s">
        <v>15</v>
      </c>
      <c r="G68787" s="16">
        <v>0</v>
      </c>
    </row>
    <row r="68788" spans="1:7" x14ac:dyDescent="0.3">
      <c r="A68788" s="13" t="s">
        <v>360</v>
      </c>
      <c r="B68788" s="14" t="s">
        <v>1</v>
      </c>
      <c r="C68788" s="14" t="s">
        <v>17</v>
      </c>
      <c r="D68788" s="14" t="s">
        <v>171</v>
      </c>
      <c r="E68788" s="15">
        <v>45544</v>
      </c>
      <c r="F68788" s="14" t="s">
        <v>15</v>
      </c>
      <c r="G68788" s="16">
        <v>0</v>
      </c>
    </row>
    <row r="68789" spans="1:7" x14ac:dyDescent="0.3">
      <c r="A68789" s="13" t="s">
        <v>360</v>
      </c>
      <c r="B68789" s="14" t="s">
        <v>1</v>
      </c>
      <c r="C68789" s="14" t="s">
        <v>17</v>
      </c>
      <c r="D68789" s="14" t="s">
        <v>171</v>
      </c>
      <c r="E68789" s="15">
        <v>45545</v>
      </c>
      <c r="F68789" s="14" t="s">
        <v>15</v>
      </c>
      <c r="G68789" s="16">
        <v>0</v>
      </c>
    </row>
    <row r="68790" spans="1:7" x14ac:dyDescent="0.3">
      <c r="A68790" s="13" t="s">
        <v>360</v>
      </c>
      <c r="B68790" s="14" t="s">
        <v>1</v>
      </c>
      <c r="C68790" s="14" t="s">
        <v>17</v>
      </c>
      <c r="D68790" s="14" t="s">
        <v>171</v>
      </c>
      <c r="E68790" s="15">
        <v>45546</v>
      </c>
      <c r="F68790" s="14" t="s">
        <v>15</v>
      </c>
      <c r="G68790" s="16">
        <v>0</v>
      </c>
    </row>
    <row r="68791" spans="1:7" x14ac:dyDescent="0.3">
      <c r="A68791" s="13" t="s">
        <v>360</v>
      </c>
      <c r="B68791" s="14" t="s">
        <v>1</v>
      </c>
      <c r="C68791" s="14" t="s">
        <v>17</v>
      </c>
      <c r="D68791" s="14" t="s">
        <v>171</v>
      </c>
      <c r="E68791" s="15">
        <v>45547</v>
      </c>
      <c r="F68791" s="14" t="s">
        <v>15</v>
      </c>
      <c r="G68791" s="16">
        <v>0</v>
      </c>
    </row>
    <row r="68792" spans="1:7" x14ac:dyDescent="0.3">
      <c r="A68792" s="13" t="s">
        <v>360</v>
      </c>
      <c r="B68792" s="14" t="s">
        <v>1</v>
      </c>
      <c r="C68792" s="14" t="s">
        <v>17</v>
      </c>
      <c r="D68792" s="14" t="s">
        <v>171</v>
      </c>
      <c r="E68792" s="15">
        <v>45548</v>
      </c>
      <c r="F68792" s="14" t="s">
        <v>15</v>
      </c>
      <c r="G68792" s="16">
        <v>0</v>
      </c>
    </row>
    <row r="68793" spans="1:7" x14ac:dyDescent="0.3">
      <c r="A68793" s="13" t="s">
        <v>360</v>
      </c>
      <c r="B68793" s="14" t="s">
        <v>1</v>
      </c>
      <c r="C68793" s="14" t="s">
        <v>17</v>
      </c>
      <c r="D68793" s="14" t="s">
        <v>171</v>
      </c>
      <c r="E68793" s="15">
        <v>45549</v>
      </c>
      <c r="F68793" s="14" t="s">
        <v>15</v>
      </c>
      <c r="G68793" s="16">
        <v>0</v>
      </c>
    </row>
    <row r="68794" spans="1:7" x14ac:dyDescent="0.3">
      <c r="A68794" s="13" t="s">
        <v>360</v>
      </c>
      <c r="B68794" s="14" t="s">
        <v>1</v>
      </c>
      <c r="C68794" s="14" t="s">
        <v>17</v>
      </c>
      <c r="D68794" s="14" t="s">
        <v>171</v>
      </c>
      <c r="E68794" s="15">
        <v>45550</v>
      </c>
      <c r="F68794" s="14" t="s">
        <v>15</v>
      </c>
      <c r="G68794" s="16">
        <v>0</v>
      </c>
    </row>
    <row r="68795" spans="1:7" x14ac:dyDescent="0.3">
      <c r="A68795" s="13" t="s">
        <v>360</v>
      </c>
      <c r="B68795" s="14" t="s">
        <v>1</v>
      </c>
      <c r="C68795" s="14" t="s">
        <v>17</v>
      </c>
      <c r="D68795" s="14" t="s">
        <v>171</v>
      </c>
      <c r="E68795" s="15">
        <v>45551</v>
      </c>
      <c r="F68795" s="14" t="s">
        <v>15</v>
      </c>
      <c r="G68795" s="16">
        <v>0</v>
      </c>
    </row>
    <row r="68796" spans="1:7" x14ac:dyDescent="0.3">
      <c r="A68796" s="13" t="s">
        <v>360</v>
      </c>
      <c r="B68796" s="14" t="s">
        <v>1</v>
      </c>
      <c r="C68796" s="14" t="s">
        <v>17</v>
      </c>
      <c r="D68796" s="14" t="s">
        <v>171</v>
      </c>
      <c r="E68796" s="15">
        <v>45552</v>
      </c>
      <c r="F68796" s="14" t="s">
        <v>15</v>
      </c>
      <c r="G68796" s="16">
        <v>0</v>
      </c>
    </row>
    <row r="68797" spans="1:7" x14ac:dyDescent="0.3">
      <c r="A68797" s="13" t="s">
        <v>360</v>
      </c>
      <c r="B68797" s="14" t="s">
        <v>1</v>
      </c>
      <c r="C68797" s="14" t="s">
        <v>17</v>
      </c>
      <c r="D68797" s="14" t="s">
        <v>171</v>
      </c>
      <c r="E68797" s="15">
        <v>45553</v>
      </c>
      <c r="F68797" s="14" t="s">
        <v>15</v>
      </c>
      <c r="G68797" s="16">
        <v>0</v>
      </c>
    </row>
    <row r="68798" spans="1:7" x14ac:dyDescent="0.3">
      <c r="A68798" s="13" t="s">
        <v>360</v>
      </c>
      <c r="B68798" s="14" t="s">
        <v>1</v>
      </c>
      <c r="C68798" s="14" t="s">
        <v>17</v>
      </c>
      <c r="D68798" s="14" t="s">
        <v>171</v>
      </c>
      <c r="E68798" s="15">
        <v>45554</v>
      </c>
      <c r="F68798" s="14" t="s">
        <v>15</v>
      </c>
      <c r="G68798" s="16">
        <v>0</v>
      </c>
    </row>
    <row r="68799" spans="1:7" x14ac:dyDescent="0.3">
      <c r="A68799" s="13" t="s">
        <v>360</v>
      </c>
      <c r="B68799" s="14" t="s">
        <v>1</v>
      </c>
      <c r="C68799" s="14" t="s">
        <v>17</v>
      </c>
      <c r="D68799" s="14" t="s">
        <v>171</v>
      </c>
      <c r="E68799" s="15">
        <v>45555</v>
      </c>
      <c r="F68799" s="14" t="s">
        <v>15</v>
      </c>
      <c r="G68799" s="16">
        <v>0</v>
      </c>
    </row>
    <row r="68800" spans="1:7" x14ac:dyDescent="0.3">
      <c r="A68800" s="13" t="s">
        <v>360</v>
      </c>
      <c r="B68800" s="14" t="s">
        <v>1</v>
      </c>
      <c r="C68800" s="14" t="s">
        <v>17</v>
      </c>
      <c r="D68800" s="14" t="s">
        <v>171</v>
      </c>
      <c r="E68800" s="15">
        <v>45556</v>
      </c>
      <c r="F68800" s="14" t="s">
        <v>15</v>
      </c>
      <c r="G68800" s="16">
        <v>0</v>
      </c>
    </row>
    <row r="68801" spans="1:7" x14ac:dyDescent="0.3">
      <c r="A68801" s="13" t="s">
        <v>360</v>
      </c>
      <c r="B68801" s="14" t="s">
        <v>1</v>
      </c>
      <c r="C68801" s="14" t="s">
        <v>17</v>
      </c>
      <c r="D68801" s="14" t="s">
        <v>171</v>
      </c>
      <c r="E68801" s="15">
        <v>45557</v>
      </c>
      <c r="F68801" s="14" t="s">
        <v>15</v>
      </c>
      <c r="G68801" s="16">
        <v>0</v>
      </c>
    </row>
    <row r="68802" spans="1:7" x14ac:dyDescent="0.3">
      <c r="A68802" s="13" t="s">
        <v>360</v>
      </c>
      <c r="B68802" s="14" t="s">
        <v>1</v>
      </c>
      <c r="C68802" s="14" t="s">
        <v>17</v>
      </c>
      <c r="D68802" s="14" t="s">
        <v>171</v>
      </c>
      <c r="E68802" s="15">
        <v>45558</v>
      </c>
      <c r="F68802" s="14" t="s">
        <v>15</v>
      </c>
      <c r="G68802" s="16">
        <v>0</v>
      </c>
    </row>
    <row r="68803" spans="1:7" x14ac:dyDescent="0.3">
      <c r="A68803" s="13" t="s">
        <v>360</v>
      </c>
      <c r="B68803" s="14" t="s">
        <v>1</v>
      </c>
      <c r="C68803" s="14" t="s">
        <v>17</v>
      </c>
      <c r="D68803" s="14" t="s">
        <v>171</v>
      </c>
      <c r="E68803" s="15">
        <v>45559</v>
      </c>
      <c r="F68803" s="14" t="s">
        <v>15</v>
      </c>
      <c r="G68803" s="16">
        <v>0</v>
      </c>
    </row>
    <row r="68804" spans="1:7" x14ac:dyDescent="0.3">
      <c r="A68804" s="13" t="s">
        <v>360</v>
      </c>
      <c r="B68804" s="14" t="s">
        <v>1</v>
      </c>
      <c r="C68804" s="14" t="s">
        <v>17</v>
      </c>
      <c r="D68804" s="14" t="s">
        <v>171</v>
      </c>
      <c r="E68804" s="15">
        <v>45560</v>
      </c>
      <c r="F68804" s="14" t="s">
        <v>15</v>
      </c>
      <c r="G68804" s="16">
        <v>0</v>
      </c>
    </row>
    <row r="68805" spans="1:7" x14ac:dyDescent="0.3">
      <c r="A68805" s="13" t="s">
        <v>360</v>
      </c>
      <c r="B68805" s="14" t="s">
        <v>1</v>
      </c>
      <c r="C68805" s="14" t="s">
        <v>17</v>
      </c>
      <c r="D68805" s="14" t="s">
        <v>171</v>
      </c>
      <c r="E68805" s="15">
        <v>45561</v>
      </c>
      <c r="F68805" s="14" t="s">
        <v>15</v>
      </c>
      <c r="G68805" s="16">
        <v>0</v>
      </c>
    </row>
    <row r="68806" spans="1:7" x14ac:dyDescent="0.3">
      <c r="A68806" s="13" t="s">
        <v>360</v>
      </c>
      <c r="B68806" s="14" t="s">
        <v>1</v>
      </c>
      <c r="C68806" s="14" t="s">
        <v>17</v>
      </c>
      <c r="D68806" s="14" t="s">
        <v>171</v>
      </c>
      <c r="E68806" s="15">
        <v>45562</v>
      </c>
      <c r="F68806" s="14" t="s">
        <v>15</v>
      </c>
      <c r="G68806" s="16">
        <v>0</v>
      </c>
    </row>
    <row r="68807" spans="1:7" x14ac:dyDescent="0.3">
      <c r="A68807" s="13" t="s">
        <v>360</v>
      </c>
      <c r="B68807" s="14" t="s">
        <v>1</v>
      </c>
      <c r="C68807" s="14" t="s">
        <v>17</v>
      </c>
      <c r="D68807" s="14" t="s">
        <v>171</v>
      </c>
      <c r="E68807" s="15">
        <v>45563</v>
      </c>
      <c r="F68807" s="14" t="s">
        <v>15</v>
      </c>
      <c r="G68807" s="16">
        <v>0</v>
      </c>
    </row>
    <row r="68808" spans="1:7" x14ac:dyDescent="0.3">
      <c r="A68808" s="13" t="s">
        <v>360</v>
      </c>
      <c r="B68808" s="14" t="s">
        <v>1</v>
      </c>
      <c r="C68808" s="14" t="s">
        <v>17</v>
      </c>
      <c r="D68808" s="14" t="s">
        <v>171</v>
      </c>
      <c r="E68808" s="15">
        <v>45564</v>
      </c>
      <c r="F68808" s="14" t="s">
        <v>15</v>
      </c>
      <c r="G68808" s="16">
        <v>0</v>
      </c>
    </row>
    <row r="68809" spans="1:7" x14ac:dyDescent="0.3">
      <c r="A68809" s="13" t="s">
        <v>360</v>
      </c>
      <c r="B68809" s="14" t="s">
        <v>1</v>
      </c>
      <c r="C68809" s="14" t="s">
        <v>17</v>
      </c>
      <c r="D68809" s="14" t="s">
        <v>171</v>
      </c>
      <c r="E68809" s="15">
        <v>45565</v>
      </c>
      <c r="F68809" s="14" t="s">
        <v>15</v>
      </c>
      <c r="G68809" s="16">
        <v>0</v>
      </c>
    </row>
    <row r="68810" spans="1:7" x14ac:dyDescent="0.3">
      <c r="A68810" s="13" t="s">
        <v>360</v>
      </c>
      <c r="B68810" s="14" t="s">
        <v>1</v>
      </c>
      <c r="C68810" s="14" t="s">
        <v>17</v>
      </c>
      <c r="D68810" s="14" t="s">
        <v>171</v>
      </c>
      <c r="E68810" s="15">
        <v>45566</v>
      </c>
      <c r="F68810" s="14" t="s">
        <v>15</v>
      </c>
      <c r="G68810" s="16">
        <v>0</v>
      </c>
    </row>
    <row r="68811" spans="1:7" x14ac:dyDescent="0.3">
      <c r="A68811" s="13" t="s">
        <v>360</v>
      </c>
      <c r="B68811" s="14" t="s">
        <v>1</v>
      </c>
      <c r="C68811" s="14" t="s">
        <v>17</v>
      </c>
      <c r="D68811" s="14" t="s">
        <v>171</v>
      </c>
      <c r="E68811" s="15">
        <v>45567</v>
      </c>
      <c r="F68811" s="14" t="s">
        <v>15</v>
      </c>
      <c r="G68811" s="16">
        <v>0</v>
      </c>
    </row>
    <row r="68812" spans="1:7" x14ac:dyDescent="0.3">
      <c r="A68812" s="13" t="s">
        <v>360</v>
      </c>
      <c r="B68812" s="14" t="s">
        <v>1</v>
      </c>
      <c r="C68812" s="14" t="s">
        <v>17</v>
      </c>
      <c r="D68812" s="14" t="s">
        <v>171</v>
      </c>
      <c r="E68812" s="15">
        <v>45568</v>
      </c>
      <c r="F68812" s="14" t="s">
        <v>15</v>
      </c>
      <c r="G68812" s="16">
        <v>0</v>
      </c>
    </row>
    <row r="68813" spans="1:7" x14ac:dyDescent="0.3">
      <c r="A68813" s="13" t="s">
        <v>360</v>
      </c>
      <c r="B68813" s="14" t="s">
        <v>1</v>
      </c>
      <c r="C68813" s="14" t="s">
        <v>17</v>
      </c>
      <c r="D68813" s="14" t="s">
        <v>171</v>
      </c>
      <c r="E68813" s="15">
        <v>45569</v>
      </c>
      <c r="F68813" s="14" t="s">
        <v>15</v>
      </c>
      <c r="G68813" s="16">
        <v>0</v>
      </c>
    </row>
    <row r="68814" spans="1:7" x14ac:dyDescent="0.3">
      <c r="A68814" s="13" t="s">
        <v>360</v>
      </c>
      <c r="B68814" s="14" t="s">
        <v>1</v>
      </c>
      <c r="C68814" s="14" t="s">
        <v>17</v>
      </c>
      <c r="D68814" s="14" t="s">
        <v>171</v>
      </c>
      <c r="E68814" s="15">
        <v>45570</v>
      </c>
      <c r="F68814" s="14" t="s">
        <v>15</v>
      </c>
      <c r="G68814" s="16">
        <v>0</v>
      </c>
    </row>
    <row r="68815" spans="1:7" x14ac:dyDescent="0.3">
      <c r="A68815" s="13" t="s">
        <v>360</v>
      </c>
      <c r="B68815" s="14" t="s">
        <v>1</v>
      </c>
      <c r="C68815" s="14" t="s">
        <v>17</v>
      </c>
      <c r="D68815" s="14" t="s">
        <v>171</v>
      </c>
      <c r="E68815" s="15">
        <v>45571</v>
      </c>
      <c r="F68815" s="14" t="s">
        <v>15</v>
      </c>
      <c r="G68815" s="16">
        <v>0</v>
      </c>
    </row>
    <row r="68816" spans="1:7" x14ac:dyDescent="0.3">
      <c r="A68816" s="13" t="s">
        <v>360</v>
      </c>
      <c r="B68816" s="14" t="s">
        <v>1</v>
      </c>
      <c r="C68816" s="14" t="s">
        <v>17</v>
      </c>
      <c r="D68816" s="14" t="s">
        <v>171</v>
      </c>
      <c r="E68816" s="15">
        <v>45572</v>
      </c>
      <c r="F68816" s="14" t="s">
        <v>15</v>
      </c>
      <c r="G68816" s="16">
        <v>0</v>
      </c>
    </row>
    <row r="68817" spans="1:7" x14ac:dyDescent="0.3">
      <c r="A68817" s="13" t="s">
        <v>360</v>
      </c>
      <c r="B68817" s="14" t="s">
        <v>1</v>
      </c>
      <c r="C68817" s="14" t="s">
        <v>17</v>
      </c>
      <c r="D68817" s="14" t="s">
        <v>171</v>
      </c>
      <c r="E68817" s="15">
        <v>45573</v>
      </c>
      <c r="F68817" s="14" t="s">
        <v>15</v>
      </c>
      <c r="G68817" s="16">
        <v>0</v>
      </c>
    </row>
    <row r="68818" spans="1:7" x14ac:dyDescent="0.3">
      <c r="A68818" s="13" t="s">
        <v>360</v>
      </c>
      <c r="B68818" s="14" t="s">
        <v>1</v>
      </c>
      <c r="C68818" s="14" t="s">
        <v>17</v>
      </c>
      <c r="D68818" s="14" t="s">
        <v>171</v>
      </c>
      <c r="E68818" s="15">
        <v>45574</v>
      </c>
      <c r="F68818" s="14" t="s">
        <v>15</v>
      </c>
      <c r="G68818" s="16">
        <v>0</v>
      </c>
    </row>
    <row r="68819" spans="1:7" x14ac:dyDescent="0.3">
      <c r="A68819" s="13" t="s">
        <v>360</v>
      </c>
      <c r="B68819" s="14" t="s">
        <v>1</v>
      </c>
      <c r="C68819" s="14" t="s">
        <v>17</v>
      </c>
      <c r="D68819" s="14" t="s">
        <v>171</v>
      </c>
      <c r="E68819" s="15">
        <v>45575</v>
      </c>
      <c r="F68819" s="14" t="s">
        <v>15</v>
      </c>
      <c r="G68819" s="16">
        <v>0</v>
      </c>
    </row>
    <row r="68820" spans="1:7" x14ac:dyDescent="0.3">
      <c r="A68820" s="13" t="s">
        <v>360</v>
      </c>
      <c r="B68820" s="14" t="s">
        <v>1</v>
      </c>
      <c r="C68820" s="14" t="s">
        <v>17</v>
      </c>
      <c r="D68820" s="14" t="s">
        <v>171</v>
      </c>
      <c r="E68820" s="15">
        <v>45576</v>
      </c>
      <c r="F68820" s="14" t="s">
        <v>15</v>
      </c>
      <c r="G68820" s="16">
        <v>0</v>
      </c>
    </row>
    <row r="68821" spans="1:7" x14ac:dyDescent="0.3">
      <c r="A68821" s="13" t="s">
        <v>360</v>
      </c>
      <c r="B68821" s="14" t="s">
        <v>1</v>
      </c>
      <c r="C68821" s="14" t="s">
        <v>17</v>
      </c>
      <c r="D68821" s="14" t="s">
        <v>171</v>
      </c>
      <c r="E68821" s="15">
        <v>45577</v>
      </c>
      <c r="F68821" s="14" t="s">
        <v>15</v>
      </c>
      <c r="G68821" s="16">
        <v>0</v>
      </c>
    </row>
    <row r="68822" spans="1:7" x14ac:dyDescent="0.3">
      <c r="A68822" s="13" t="s">
        <v>360</v>
      </c>
      <c r="B68822" s="14" t="s">
        <v>1</v>
      </c>
      <c r="C68822" s="14" t="s">
        <v>17</v>
      </c>
      <c r="D68822" s="14" t="s">
        <v>171</v>
      </c>
      <c r="E68822" s="15">
        <v>45578</v>
      </c>
      <c r="F68822" s="14" t="s">
        <v>15</v>
      </c>
      <c r="G68822" s="16">
        <v>0</v>
      </c>
    </row>
    <row r="68823" spans="1:7" x14ac:dyDescent="0.3">
      <c r="A68823" s="13" t="s">
        <v>360</v>
      </c>
      <c r="B68823" s="14" t="s">
        <v>1</v>
      </c>
      <c r="C68823" s="14" t="s">
        <v>17</v>
      </c>
      <c r="D68823" s="14" t="s">
        <v>171</v>
      </c>
      <c r="E68823" s="15">
        <v>45579</v>
      </c>
      <c r="F68823" s="14" t="s">
        <v>15</v>
      </c>
      <c r="G68823" s="16">
        <v>0</v>
      </c>
    </row>
    <row r="68824" spans="1:7" x14ac:dyDescent="0.3">
      <c r="A68824" s="13" t="s">
        <v>360</v>
      </c>
      <c r="B68824" s="14" t="s">
        <v>1</v>
      </c>
      <c r="C68824" s="14" t="s">
        <v>17</v>
      </c>
      <c r="D68824" s="14" t="s">
        <v>171</v>
      </c>
      <c r="E68824" s="15">
        <v>45580</v>
      </c>
      <c r="F68824" s="14" t="s">
        <v>15</v>
      </c>
      <c r="G68824" s="16">
        <v>0</v>
      </c>
    </row>
    <row r="68825" spans="1:7" x14ac:dyDescent="0.3">
      <c r="A68825" s="13" t="s">
        <v>360</v>
      </c>
      <c r="B68825" s="14" t="s">
        <v>1</v>
      </c>
      <c r="C68825" s="14" t="s">
        <v>17</v>
      </c>
      <c r="D68825" s="14" t="s">
        <v>171</v>
      </c>
      <c r="E68825" s="15">
        <v>45581</v>
      </c>
      <c r="F68825" s="14" t="s">
        <v>15</v>
      </c>
      <c r="G68825" s="16">
        <v>0</v>
      </c>
    </row>
    <row r="68826" spans="1:7" x14ac:dyDescent="0.3">
      <c r="A68826" s="13" t="s">
        <v>360</v>
      </c>
      <c r="B68826" s="14" t="s">
        <v>1</v>
      </c>
      <c r="C68826" s="14" t="s">
        <v>17</v>
      </c>
      <c r="D68826" s="14" t="s">
        <v>171</v>
      </c>
      <c r="E68826" s="15">
        <v>45582</v>
      </c>
      <c r="F68826" s="14" t="s">
        <v>15</v>
      </c>
      <c r="G68826" s="16">
        <v>0</v>
      </c>
    </row>
    <row r="68827" spans="1:7" x14ac:dyDescent="0.3">
      <c r="A68827" s="13" t="s">
        <v>360</v>
      </c>
      <c r="B68827" s="14" t="s">
        <v>1</v>
      </c>
      <c r="C68827" s="14" t="s">
        <v>17</v>
      </c>
      <c r="D68827" s="14" t="s">
        <v>171</v>
      </c>
      <c r="E68827" s="15">
        <v>45583</v>
      </c>
      <c r="F68827" s="14" t="s">
        <v>15</v>
      </c>
      <c r="G68827" s="16">
        <v>0</v>
      </c>
    </row>
    <row r="68828" spans="1:7" x14ac:dyDescent="0.3">
      <c r="A68828" s="13" t="s">
        <v>360</v>
      </c>
      <c r="B68828" s="14" t="s">
        <v>1</v>
      </c>
      <c r="C68828" s="14" t="s">
        <v>17</v>
      </c>
      <c r="D68828" s="14" t="s">
        <v>171</v>
      </c>
      <c r="E68828" s="15">
        <v>45584</v>
      </c>
      <c r="F68828" s="14" t="s">
        <v>15</v>
      </c>
      <c r="G68828" s="16">
        <v>0</v>
      </c>
    </row>
    <row r="68829" spans="1:7" x14ac:dyDescent="0.3">
      <c r="A68829" s="13" t="s">
        <v>360</v>
      </c>
      <c r="B68829" s="14" t="s">
        <v>1</v>
      </c>
      <c r="C68829" s="14" t="s">
        <v>17</v>
      </c>
      <c r="D68829" s="14" t="s">
        <v>171</v>
      </c>
      <c r="E68829" s="15">
        <v>45585</v>
      </c>
      <c r="F68829" s="14" t="s">
        <v>15</v>
      </c>
      <c r="G68829" s="16">
        <v>0</v>
      </c>
    </row>
    <row r="68830" spans="1:7" x14ac:dyDescent="0.3">
      <c r="A68830" s="13" t="s">
        <v>360</v>
      </c>
      <c r="B68830" s="14" t="s">
        <v>1</v>
      </c>
      <c r="C68830" s="14" t="s">
        <v>17</v>
      </c>
      <c r="D68830" s="14" t="s">
        <v>171</v>
      </c>
      <c r="E68830" s="15">
        <v>45586</v>
      </c>
      <c r="F68830" s="14" t="s">
        <v>15</v>
      </c>
      <c r="G68830" s="16">
        <v>0</v>
      </c>
    </row>
    <row r="68831" spans="1:7" x14ac:dyDescent="0.3">
      <c r="A68831" s="13" t="s">
        <v>360</v>
      </c>
      <c r="B68831" s="14" t="s">
        <v>1</v>
      </c>
      <c r="C68831" s="14" t="s">
        <v>17</v>
      </c>
      <c r="D68831" s="14" t="s">
        <v>171</v>
      </c>
      <c r="E68831" s="15">
        <v>45587</v>
      </c>
      <c r="F68831" s="14" t="s">
        <v>15</v>
      </c>
      <c r="G68831" s="16">
        <v>0</v>
      </c>
    </row>
    <row r="68832" spans="1:7" x14ac:dyDescent="0.3">
      <c r="A68832" s="13" t="s">
        <v>360</v>
      </c>
      <c r="B68832" s="14" t="s">
        <v>1</v>
      </c>
      <c r="C68832" s="14" t="s">
        <v>17</v>
      </c>
      <c r="D68832" s="14" t="s">
        <v>171</v>
      </c>
      <c r="E68832" s="15">
        <v>45588</v>
      </c>
      <c r="F68832" s="14" t="s">
        <v>15</v>
      </c>
      <c r="G68832" s="16">
        <v>0</v>
      </c>
    </row>
    <row r="68833" spans="1:7" x14ac:dyDescent="0.3">
      <c r="A68833" s="13" t="s">
        <v>360</v>
      </c>
      <c r="B68833" s="14" t="s">
        <v>1</v>
      </c>
      <c r="C68833" s="14" t="s">
        <v>17</v>
      </c>
      <c r="D68833" s="14" t="s">
        <v>171</v>
      </c>
      <c r="E68833" s="15">
        <v>45589</v>
      </c>
      <c r="F68833" s="14" t="s">
        <v>15</v>
      </c>
      <c r="G68833" s="16">
        <v>0</v>
      </c>
    </row>
    <row r="68834" spans="1:7" x14ac:dyDescent="0.3">
      <c r="A68834" s="13" t="s">
        <v>360</v>
      </c>
      <c r="B68834" s="14" t="s">
        <v>1</v>
      </c>
      <c r="C68834" s="14" t="s">
        <v>17</v>
      </c>
      <c r="D68834" s="14" t="s">
        <v>171</v>
      </c>
      <c r="E68834" s="15">
        <v>45590</v>
      </c>
      <c r="F68834" s="14" t="s">
        <v>15</v>
      </c>
      <c r="G68834" s="16">
        <v>0</v>
      </c>
    </row>
    <row r="68835" spans="1:7" x14ac:dyDescent="0.3">
      <c r="A68835" s="13" t="s">
        <v>360</v>
      </c>
      <c r="B68835" s="14" t="s">
        <v>1</v>
      </c>
      <c r="C68835" s="14" t="s">
        <v>17</v>
      </c>
      <c r="D68835" s="14" t="s">
        <v>171</v>
      </c>
      <c r="E68835" s="15">
        <v>45591</v>
      </c>
      <c r="F68835" s="14" t="s">
        <v>15</v>
      </c>
      <c r="G68835" s="16">
        <v>0</v>
      </c>
    </row>
    <row r="68836" spans="1:7" x14ac:dyDescent="0.3">
      <c r="A68836" s="13" t="s">
        <v>360</v>
      </c>
      <c r="B68836" s="14" t="s">
        <v>1</v>
      </c>
      <c r="C68836" s="14" t="s">
        <v>17</v>
      </c>
      <c r="D68836" s="14" t="s">
        <v>171</v>
      </c>
      <c r="E68836" s="15">
        <v>45592</v>
      </c>
      <c r="F68836" s="14" t="s">
        <v>15</v>
      </c>
      <c r="G68836" s="16">
        <v>0</v>
      </c>
    </row>
    <row r="68837" spans="1:7" x14ac:dyDescent="0.3">
      <c r="A68837" s="13" t="s">
        <v>360</v>
      </c>
      <c r="B68837" s="14" t="s">
        <v>1</v>
      </c>
      <c r="C68837" s="14" t="s">
        <v>17</v>
      </c>
      <c r="D68837" s="14" t="s">
        <v>171</v>
      </c>
      <c r="E68837" s="15">
        <v>45593</v>
      </c>
      <c r="F68837" s="14" t="s">
        <v>15</v>
      </c>
      <c r="G68837" s="16">
        <v>0</v>
      </c>
    </row>
    <row r="68838" spans="1:7" x14ac:dyDescent="0.3">
      <c r="A68838" s="13" t="s">
        <v>360</v>
      </c>
      <c r="B68838" s="14" t="s">
        <v>1</v>
      </c>
      <c r="C68838" s="14" t="s">
        <v>17</v>
      </c>
      <c r="D68838" s="14" t="s">
        <v>171</v>
      </c>
      <c r="E68838" s="15">
        <v>45594</v>
      </c>
      <c r="F68838" s="14" t="s">
        <v>15</v>
      </c>
      <c r="G68838" s="16">
        <v>0</v>
      </c>
    </row>
    <row r="68839" spans="1:7" x14ac:dyDescent="0.3">
      <c r="A68839" s="13" t="s">
        <v>360</v>
      </c>
      <c r="B68839" s="14" t="s">
        <v>1</v>
      </c>
      <c r="C68839" s="14" t="s">
        <v>17</v>
      </c>
      <c r="D68839" s="14" t="s">
        <v>171</v>
      </c>
      <c r="E68839" s="15">
        <v>45595</v>
      </c>
      <c r="F68839" s="14" t="s">
        <v>15</v>
      </c>
      <c r="G68839" s="16">
        <v>0</v>
      </c>
    </row>
    <row r="68840" spans="1:7" x14ac:dyDescent="0.3">
      <c r="A68840" s="13" t="s">
        <v>360</v>
      </c>
      <c r="B68840" s="14" t="s">
        <v>1</v>
      </c>
      <c r="C68840" s="14" t="s">
        <v>17</v>
      </c>
      <c r="D68840" s="14" t="s">
        <v>171</v>
      </c>
      <c r="E68840" s="15">
        <v>45596</v>
      </c>
      <c r="F68840" s="14" t="s">
        <v>15</v>
      </c>
      <c r="G68840" s="16">
        <v>0</v>
      </c>
    </row>
    <row r="68841" spans="1:7" x14ac:dyDescent="0.3">
      <c r="A68841" s="13" t="s">
        <v>360</v>
      </c>
      <c r="B68841" s="14" t="s">
        <v>1</v>
      </c>
      <c r="C68841" s="14" t="s">
        <v>17</v>
      </c>
      <c r="D68841" s="14" t="s">
        <v>171</v>
      </c>
      <c r="E68841" s="15">
        <v>45597</v>
      </c>
      <c r="F68841" s="14" t="s">
        <v>15</v>
      </c>
      <c r="G68841" s="16">
        <v>0</v>
      </c>
    </row>
    <row r="68842" spans="1:7" x14ac:dyDescent="0.3">
      <c r="A68842" s="13" t="s">
        <v>360</v>
      </c>
      <c r="B68842" s="14" t="s">
        <v>1</v>
      </c>
      <c r="C68842" s="14" t="s">
        <v>17</v>
      </c>
      <c r="D68842" s="14" t="s">
        <v>171</v>
      </c>
      <c r="E68842" s="15">
        <v>45598</v>
      </c>
      <c r="F68842" s="14" t="s">
        <v>15</v>
      </c>
      <c r="G68842" s="16">
        <v>0</v>
      </c>
    </row>
    <row r="68843" spans="1:7" x14ac:dyDescent="0.3">
      <c r="A68843" s="13" t="s">
        <v>360</v>
      </c>
      <c r="B68843" s="14" t="s">
        <v>1</v>
      </c>
      <c r="C68843" s="14" t="s">
        <v>17</v>
      </c>
      <c r="D68843" s="14" t="s">
        <v>171</v>
      </c>
      <c r="E68843" s="15">
        <v>45599</v>
      </c>
      <c r="F68843" s="14" t="s">
        <v>15</v>
      </c>
      <c r="G68843" s="16">
        <v>0</v>
      </c>
    </row>
    <row r="68844" spans="1:7" x14ac:dyDescent="0.3">
      <c r="A68844" s="13" t="s">
        <v>360</v>
      </c>
      <c r="B68844" s="14" t="s">
        <v>1</v>
      </c>
      <c r="C68844" s="14" t="s">
        <v>17</v>
      </c>
      <c r="D68844" s="14" t="s">
        <v>171</v>
      </c>
      <c r="E68844" s="15">
        <v>45600</v>
      </c>
      <c r="F68844" s="14" t="s">
        <v>15</v>
      </c>
      <c r="G68844" s="16">
        <v>0</v>
      </c>
    </row>
    <row r="68845" spans="1:7" x14ac:dyDescent="0.3">
      <c r="A68845" s="13" t="s">
        <v>360</v>
      </c>
      <c r="B68845" s="14" t="s">
        <v>1</v>
      </c>
      <c r="C68845" s="14" t="s">
        <v>17</v>
      </c>
      <c r="D68845" s="14" t="s">
        <v>171</v>
      </c>
      <c r="E68845" s="15">
        <v>45601</v>
      </c>
      <c r="F68845" s="14" t="s">
        <v>15</v>
      </c>
      <c r="G68845" s="16">
        <v>0</v>
      </c>
    </row>
    <row r="68846" spans="1:7" x14ac:dyDescent="0.3">
      <c r="A68846" s="13" t="s">
        <v>360</v>
      </c>
      <c r="B68846" s="14" t="s">
        <v>1</v>
      </c>
      <c r="C68846" s="14" t="s">
        <v>17</v>
      </c>
      <c r="D68846" s="14" t="s">
        <v>171</v>
      </c>
      <c r="E68846" s="15">
        <v>45602</v>
      </c>
      <c r="F68846" s="14" t="s">
        <v>15</v>
      </c>
      <c r="G68846" s="16">
        <v>0</v>
      </c>
    </row>
    <row r="68847" spans="1:7" x14ac:dyDescent="0.3">
      <c r="A68847" s="13" t="s">
        <v>360</v>
      </c>
      <c r="B68847" s="14" t="s">
        <v>1</v>
      </c>
      <c r="C68847" s="14" t="s">
        <v>17</v>
      </c>
      <c r="D68847" s="14" t="s">
        <v>171</v>
      </c>
      <c r="E68847" s="15">
        <v>45603</v>
      </c>
      <c r="F68847" s="14" t="s">
        <v>15</v>
      </c>
      <c r="G68847" s="16">
        <v>0</v>
      </c>
    </row>
    <row r="68848" spans="1:7" x14ac:dyDescent="0.3">
      <c r="A68848" s="13" t="s">
        <v>360</v>
      </c>
      <c r="B68848" s="14" t="s">
        <v>1</v>
      </c>
      <c r="C68848" s="14" t="s">
        <v>17</v>
      </c>
      <c r="D68848" s="14" t="s">
        <v>171</v>
      </c>
      <c r="E68848" s="15">
        <v>45604</v>
      </c>
      <c r="F68848" s="14" t="s">
        <v>15</v>
      </c>
      <c r="G68848" s="16">
        <v>0</v>
      </c>
    </row>
    <row r="68849" spans="1:7" x14ac:dyDescent="0.3">
      <c r="A68849" s="13" t="s">
        <v>360</v>
      </c>
      <c r="B68849" s="14" t="s">
        <v>1</v>
      </c>
      <c r="C68849" s="14" t="s">
        <v>17</v>
      </c>
      <c r="D68849" s="14" t="s">
        <v>171</v>
      </c>
      <c r="E68849" s="15">
        <v>45605</v>
      </c>
      <c r="F68849" s="14" t="s">
        <v>15</v>
      </c>
      <c r="G68849" s="16">
        <v>0</v>
      </c>
    </row>
    <row r="68850" spans="1:7" x14ac:dyDescent="0.3">
      <c r="A68850" s="13" t="s">
        <v>360</v>
      </c>
      <c r="B68850" s="14" t="s">
        <v>1</v>
      </c>
      <c r="C68850" s="14" t="s">
        <v>17</v>
      </c>
      <c r="D68850" s="14" t="s">
        <v>171</v>
      </c>
      <c r="E68850" s="15">
        <v>45606</v>
      </c>
      <c r="F68850" s="14" t="s">
        <v>15</v>
      </c>
      <c r="G68850" s="16">
        <v>0</v>
      </c>
    </row>
    <row r="68851" spans="1:7" x14ac:dyDescent="0.3">
      <c r="A68851" s="13" t="s">
        <v>360</v>
      </c>
      <c r="B68851" s="14" t="s">
        <v>1</v>
      </c>
      <c r="C68851" s="14" t="s">
        <v>17</v>
      </c>
      <c r="D68851" s="14" t="s">
        <v>171</v>
      </c>
      <c r="E68851" s="15">
        <v>45607</v>
      </c>
      <c r="F68851" s="14" t="s">
        <v>15</v>
      </c>
      <c r="G68851" s="16">
        <v>0</v>
      </c>
    </row>
    <row r="68852" spans="1:7" x14ac:dyDescent="0.3">
      <c r="A68852" s="13" t="s">
        <v>360</v>
      </c>
      <c r="B68852" s="14" t="s">
        <v>1</v>
      </c>
      <c r="C68852" s="14" t="s">
        <v>17</v>
      </c>
      <c r="D68852" s="14" t="s">
        <v>171</v>
      </c>
      <c r="E68852" s="15">
        <v>45608</v>
      </c>
      <c r="F68852" s="14" t="s">
        <v>15</v>
      </c>
      <c r="G68852" s="16">
        <v>0</v>
      </c>
    </row>
    <row r="68853" spans="1:7" x14ac:dyDescent="0.3">
      <c r="A68853" s="13" t="s">
        <v>360</v>
      </c>
      <c r="B68853" s="14" t="s">
        <v>1</v>
      </c>
      <c r="C68853" s="14" t="s">
        <v>17</v>
      </c>
      <c r="D68853" s="14" t="s">
        <v>171</v>
      </c>
      <c r="E68853" s="15">
        <v>45609</v>
      </c>
      <c r="F68853" s="14" t="s">
        <v>15</v>
      </c>
      <c r="G68853" s="16">
        <v>0</v>
      </c>
    </row>
    <row r="68854" spans="1:7" x14ac:dyDescent="0.3">
      <c r="A68854" s="13" t="s">
        <v>360</v>
      </c>
      <c r="B68854" s="14" t="s">
        <v>1</v>
      </c>
      <c r="C68854" s="14" t="s">
        <v>17</v>
      </c>
      <c r="D68854" s="14" t="s">
        <v>171</v>
      </c>
      <c r="E68854" s="15">
        <v>45610</v>
      </c>
      <c r="F68854" s="14" t="s">
        <v>15</v>
      </c>
      <c r="G68854" s="16">
        <v>0</v>
      </c>
    </row>
    <row r="68855" spans="1:7" x14ac:dyDescent="0.3">
      <c r="A68855" s="13" t="s">
        <v>360</v>
      </c>
      <c r="B68855" s="14" t="s">
        <v>1</v>
      </c>
      <c r="C68855" s="14" t="s">
        <v>17</v>
      </c>
      <c r="D68855" s="14" t="s">
        <v>171</v>
      </c>
      <c r="E68855" s="15">
        <v>45611</v>
      </c>
      <c r="F68855" s="14" t="s">
        <v>15</v>
      </c>
      <c r="G68855" s="16">
        <v>0</v>
      </c>
    </row>
    <row r="68856" spans="1:7" x14ac:dyDescent="0.3">
      <c r="A68856" s="13" t="s">
        <v>360</v>
      </c>
      <c r="B68856" s="14" t="s">
        <v>1</v>
      </c>
      <c r="C68856" s="14" t="s">
        <v>17</v>
      </c>
      <c r="D68856" s="14" t="s">
        <v>171</v>
      </c>
      <c r="E68856" s="15">
        <v>45612</v>
      </c>
      <c r="F68856" s="14" t="s">
        <v>15</v>
      </c>
      <c r="G68856" s="16">
        <v>0</v>
      </c>
    </row>
    <row r="68857" spans="1:7" x14ac:dyDescent="0.3">
      <c r="A68857" s="13" t="s">
        <v>360</v>
      </c>
      <c r="B68857" s="14" t="s">
        <v>1</v>
      </c>
      <c r="C68857" s="14" t="s">
        <v>17</v>
      </c>
      <c r="D68857" s="14" t="s">
        <v>171</v>
      </c>
      <c r="E68857" s="15">
        <v>45613</v>
      </c>
      <c r="F68857" s="14" t="s">
        <v>15</v>
      </c>
      <c r="G68857" s="16">
        <v>0</v>
      </c>
    </row>
    <row r="68858" spans="1:7" x14ac:dyDescent="0.3">
      <c r="A68858" s="13" t="s">
        <v>360</v>
      </c>
      <c r="B68858" s="14" t="s">
        <v>1</v>
      </c>
      <c r="C68858" s="14" t="s">
        <v>17</v>
      </c>
      <c r="D68858" s="14" t="s">
        <v>171</v>
      </c>
      <c r="E68858" s="15">
        <v>45614</v>
      </c>
      <c r="F68858" s="14" t="s">
        <v>15</v>
      </c>
      <c r="G68858" s="16">
        <v>0</v>
      </c>
    </row>
    <row r="68859" spans="1:7" x14ac:dyDescent="0.3">
      <c r="A68859" s="13" t="s">
        <v>360</v>
      </c>
      <c r="B68859" s="14" t="s">
        <v>1</v>
      </c>
      <c r="C68859" s="14" t="s">
        <v>17</v>
      </c>
      <c r="D68859" s="14" t="s">
        <v>171</v>
      </c>
      <c r="E68859" s="15">
        <v>45615</v>
      </c>
      <c r="F68859" s="14" t="s">
        <v>15</v>
      </c>
      <c r="G68859" s="16">
        <v>0</v>
      </c>
    </row>
    <row r="68860" spans="1:7" x14ac:dyDescent="0.3">
      <c r="A68860" s="13" t="s">
        <v>360</v>
      </c>
      <c r="B68860" s="14" t="s">
        <v>1</v>
      </c>
      <c r="C68860" s="14" t="s">
        <v>17</v>
      </c>
      <c r="D68860" s="14" t="s">
        <v>171</v>
      </c>
      <c r="E68860" s="15">
        <v>45616</v>
      </c>
      <c r="F68860" s="14" t="s">
        <v>15</v>
      </c>
      <c r="G68860" s="16">
        <v>0</v>
      </c>
    </row>
    <row r="68861" spans="1:7" x14ac:dyDescent="0.3">
      <c r="A68861" s="13" t="s">
        <v>360</v>
      </c>
      <c r="B68861" s="14" t="s">
        <v>1</v>
      </c>
      <c r="C68861" s="14" t="s">
        <v>17</v>
      </c>
      <c r="D68861" s="14" t="s">
        <v>171</v>
      </c>
      <c r="E68861" s="15">
        <v>45617</v>
      </c>
      <c r="F68861" s="14" t="s">
        <v>15</v>
      </c>
      <c r="G68861" s="16">
        <v>0</v>
      </c>
    </row>
    <row r="68862" spans="1:7" x14ac:dyDescent="0.3">
      <c r="A68862" s="13" t="s">
        <v>360</v>
      </c>
      <c r="B68862" s="14" t="s">
        <v>1</v>
      </c>
      <c r="C68862" s="14" t="s">
        <v>17</v>
      </c>
      <c r="D68862" s="14" t="s">
        <v>171</v>
      </c>
      <c r="E68862" s="15">
        <v>45618</v>
      </c>
      <c r="F68862" s="14" t="s">
        <v>15</v>
      </c>
      <c r="G68862" s="16">
        <v>0</v>
      </c>
    </row>
    <row r="68863" spans="1:7" x14ac:dyDescent="0.3">
      <c r="A68863" s="13" t="s">
        <v>360</v>
      </c>
      <c r="B68863" s="14" t="s">
        <v>1</v>
      </c>
      <c r="C68863" s="14" t="s">
        <v>17</v>
      </c>
      <c r="D68863" s="14" t="s">
        <v>171</v>
      </c>
      <c r="E68863" s="15">
        <v>45619</v>
      </c>
      <c r="F68863" s="14" t="s">
        <v>15</v>
      </c>
      <c r="G68863" s="16">
        <v>0</v>
      </c>
    </row>
    <row r="68864" spans="1:7" x14ac:dyDescent="0.3">
      <c r="A68864" s="13" t="s">
        <v>360</v>
      </c>
      <c r="B68864" s="14" t="s">
        <v>1</v>
      </c>
      <c r="C68864" s="14" t="s">
        <v>17</v>
      </c>
      <c r="D68864" s="14" t="s">
        <v>171</v>
      </c>
      <c r="E68864" s="15">
        <v>45620</v>
      </c>
      <c r="F68864" s="14" t="s">
        <v>15</v>
      </c>
      <c r="G68864" s="16">
        <v>0</v>
      </c>
    </row>
    <row r="68865" spans="1:7" x14ac:dyDescent="0.3">
      <c r="A68865" s="13" t="s">
        <v>360</v>
      </c>
      <c r="B68865" s="14" t="s">
        <v>1</v>
      </c>
      <c r="C68865" s="14" t="s">
        <v>17</v>
      </c>
      <c r="D68865" s="14" t="s">
        <v>171</v>
      </c>
      <c r="E68865" s="15">
        <v>45621</v>
      </c>
      <c r="F68865" s="14" t="s">
        <v>15</v>
      </c>
      <c r="G68865" s="16">
        <v>0</v>
      </c>
    </row>
    <row r="68866" spans="1:7" x14ac:dyDescent="0.3">
      <c r="A68866" s="13" t="s">
        <v>360</v>
      </c>
      <c r="B68866" s="14" t="s">
        <v>1</v>
      </c>
      <c r="C68866" s="14" t="s">
        <v>17</v>
      </c>
      <c r="D68866" s="14" t="s">
        <v>171</v>
      </c>
      <c r="E68866" s="15">
        <v>45622</v>
      </c>
      <c r="F68866" s="14" t="s">
        <v>15</v>
      </c>
      <c r="G68866" s="16">
        <v>0</v>
      </c>
    </row>
    <row r="68867" spans="1:7" x14ac:dyDescent="0.3">
      <c r="A68867" s="13" t="s">
        <v>360</v>
      </c>
      <c r="B68867" s="14" t="s">
        <v>1</v>
      </c>
      <c r="C68867" s="14" t="s">
        <v>17</v>
      </c>
      <c r="D68867" s="14" t="s">
        <v>171</v>
      </c>
      <c r="E68867" s="15">
        <v>45623</v>
      </c>
      <c r="F68867" s="14" t="s">
        <v>15</v>
      </c>
      <c r="G68867" s="16">
        <v>0</v>
      </c>
    </row>
    <row r="68868" spans="1:7" x14ac:dyDescent="0.3">
      <c r="A68868" s="13" t="s">
        <v>360</v>
      </c>
      <c r="B68868" s="14" t="s">
        <v>1</v>
      </c>
      <c r="C68868" s="14" t="s">
        <v>17</v>
      </c>
      <c r="D68868" s="14" t="s">
        <v>171</v>
      </c>
      <c r="E68868" s="15">
        <v>45624</v>
      </c>
      <c r="F68868" s="14" t="s">
        <v>15</v>
      </c>
      <c r="G68868" s="16">
        <v>0</v>
      </c>
    </row>
    <row r="68869" spans="1:7" x14ac:dyDescent="0.3">
      <c r="A68869" s="13" t="s">
        <v>360</v>
      </c>
      <c r="B68869" s="14" t="s">
        <v>1</v>
      </c>
      <c r="C68869" s="14" t="s">
        <v>17</v>
      </c>
      <c r="D68869" s="14" t="s">
        <v>171</v>
      </c>
      <c r="E68869" s="15">
        <v>45625</v>
      </c>
      <c r="F68869" s="14" t="s">
        <v>15</v>
      </c>
      <c r="G68869" s="16">
        <v>0</v>
      </c>
    </row>
    <row r="68870" spans="1:7" x14ac:dyDescent="0.3">
      <c r="A68870" s="13" t="s">
        <v>360</v>
      </c>
      <c r="B68870" s="14" t="s">
        <v>1</v>
      </c>
      <c r="C68870" s="14" t="s">
        <v>17</v>
      </c>
      <c r="D68870" s="14" t="s">
        <v>171</v>
      </c>
      <c r="E68870" s="15">
        <v>45626</v>
      </c>
      <c r="F68870" s="14" t="s">
        <v>15</v>
      </c>
      <c r="G68870" s="16">
        <v>0</v>
      </c>
    </row>
    <row r="68871" spans="1:7" x14ac:dyDescent="0.3">
      <c r="A68871" s="13" t="s">
        <v>360</v>
      </c>
      <c r="B68871" s="14" t="s">
        <v>1</v>
      </c>
      <c r="C68871" s="14" t="s">
        <v>17</v>
      </c>
      <c r="D68871" s="14" t="s">
        <v>171</v>
      </c>
      <c r="E68871" s="15">
        <v>45627</v>
      </c>
      <c r="F68871" s="14" t="s">
        <v>15</v>
      </c>
      <c r="G68871" s="16">
        <v>0</v>
      </c>
    </row>
    <row r="68872" spans="1:7" x14ac:dyDescent="0.3">
      <c r="A68872" s="13" t="s">
        <v>360</v>
      </c>
      <c r="B68872" s="14" t="s">
        <v>1</v>
      </c>
      <c r="C68872" s="14" t="s">
        <v>17</v>
      </c>
      <c r="D68872" s="14" t="s">
        <v>171</v>
      </c>
      <c r="E68872" s="15">
        <v>45628</v>
      </c>
      <c r="F68872" s="14" t="s">
        <v>15</v>
      </c>
      <c r="G68872" s="16">
        <v>0</v>
      </c>
    </row>
    <row r="68873" spans="1:7" x14ac:dyDescent="0.3">
      <c r="A68873" s="13" t="s">
        <v>360</v>
      </c>
      <c r="B68873" s="14" t="s">
        <v>1</v>
      </c>
      <c r="C68873" s="14" t="s">
        <v>17</v>
      </c>
      <c r="D68873" s="14" t="s">
        <v>171</v>
      </c>
      <c r="E68873" s="15">
        <v>45629</v>
      </c>
      <c r="F68873" s="14" t="s">
        <v>15</v>
      </c>
      <c r="G68873" s="16">
        <v>0</v>
      </c>
    </row>
    <row r="68874" spans="1:7" x14ac:dyDescent="0.3">
      <c r="A68874" s="13" t="s">
        <v>360</v>
      </c>
      <c r="B68874" s="14" t="s">
        <v>1</v>
      </c>
      <c r="C68874" s="14" t="s">
        <v>17</v>
      </c>
      <c r="D68874" s="14" t="s">
        <v>171</v>
      </c>
      <c r="E68874" s="15">
        <v>45630</v>
      </c>
      <c r="F68874" s="14" t="s">
        <v>15</v>
      </c>
      <c r="G68874" s="16">
        <v>0</v>
      </c>
    </row>
    <row r="68875" spans="1:7" x14ac:dyDescent="0.3">
      <c r="A68875" s="13" t="s">
        <v>360</v>
      </c>
      <c r="B68875" s="14" t="s">
        <v>1</v>
      </c>
      <c r="C68875" s="14" t="s">
        <v>17</v>
      </c>
      <c r="D68875" s="14" t="s">
        <v>171</v>
      </c>
      <c r="E68875" s="15">
        <v>45631</v>
      </c>
      <c r="F68875" s="14" t="s">
        <v>15</v>
      </c>
      <c r="G68875" s="16">
        <v>0</v>
      </c>
    </row>
    <row r="68876" spans="1:7" x14ac:dyDescent="0.3">
      <c r="A68876" s="13" t="s">
        <v>360</v>
      </c>
      <c r="B68876" s="14" t="s">
        <v>1</v>
      </c>
      <c r="C68876" s="14" t="s">
        <v>17</v>
      </c>
      <c r="D68876" s="14" t="s">
        <v>171</v>
      </c>
      <c r="E68876" s="15">
        <v>45632</v>
      </c>
      <c r="F68876" s="14" t="s">
        <v>15</v>
      </c>
      <c r="G68876" s="16">
        <v>0</v>
      </c>
    </row>
    <row r="68877" spans="1:7" x14ac:dyDescent="0.3">
      <c r="A68877" s="13" t="s">
        <v>360</v>
      </c>
      <c r="B68877" s="14" t="s">
        <v>1</v>
      </c>
      <c r="C68877" s="14" t="s">
        <v>17</v>
      </c>
      <c r="D68877" s="14" t="s">
        <v>171</v>
      </c>
      <c r="E68877" s="15">
        <v>45633</v>
      </c>
      <c r="F68877" s="14" t="s">
        <v>15</v>
      </c>
      <c r="G68877" s="16">
        <v>0</v>
      </c>
    </row>
    <row r="68878" spans="1:7" x14ac:dyDescent="0.3">
      <c r="A68878" s="13" t="s">
        <v>360</v>
      </c>
      <c r="B68878" s="14" t="s">
        <v>1</v>
      </c>
      <c r="C68878" s="14" t="s">
        <v>17</v>
      </c>
      <c r="D68878" s="14" t="s">
        <v>171</v>
      </c>
      <c r="E68878" s="15">
        <v>45634</v>
      </c>
      <c r="F68878" s="14" t="s">
        <v>15</v>
      </c>
      <c r="G68878" s="16">
        <v>0</v>
      </c>
    </row>
    <row r="68879" spans="1:7" x14ac:dyDescent="0.3">
      <c r="A68879" s="13" t="s">
        <v>360</v>
      </c>
      <c r="B68879" s="14" t="s">
        <v>1</v>
      </c>
      <c r="C68879" s="14" t="s">
        <v>17</v>
      </c>
      <c r="D68879" s="14" t="s">
        <v>171</v>
      </c>
      <c r="E68879" s="15">
        <v>45635</v>
      </c>
      <c r="F68879" s="14" t="s">
        <v>15</v>
      </c>
      <c r="G68879" s="16">
        <v>0</v>
      </c>
    </row>
    <row r="68880" spans="1:7" x14ac:dyDescent="0.3">
      <c r="A68880" s="13" t="s">
        <v>360</v>
      </c>
      <c r="B68880" s="14" t="s">
        <v>1</v>
      </c>
      <c r="C68880" s="14" t="s">
        <v>17</v>
      </c>
      <c r="D68880" s="14" t="s">
        <v>171</v>
      </c>
      <c r="E68880" s="15">
        <v>45636</v>
      </c>
      <c r="F68880" s="14" t="s">
        <v>15</v>
      </c>
      <c r="G68880" s="16">
        <v>0</v>
      </c>
    </row>
    <row r="68881" spans="1:7" x14ac:dyDescent="0.3">
      <c r="A68881" s="13" t="s">
        <v>360</v>
      </c>
      <c r="B68881" s="14" t="s">
        <v>1</v>
      </c>
      <c r="C68881" s="14" t="s">
        <v>17</v>
      </c>
      <c r="D68881" s="14" t="s">
        <v>171</v>
      </c>
      <c r="E68881" s="15">
        <v>45637</v>
      </c>
      <c r="F68881" s="14" t="s">
        <v>15</v>
      </c>
      <c r="G68881" s="16">
        <v>0</v>
      </c>
    </row>
    <row r="68882" spans="1:7" x14ac:dyDescent="0.3">
      <c r="A68882" s="13" t="s">
        <v>360</v>
      </c>
      <c r="B68882" s="14" t="s">
        <v>1</v>
      </c>
      <c r="C68882" s="14" t="s">
        <v>17</v>
      </c>
      <c r="D68882" s="14" t="s">
        <v>171</v>
      </c>
      <c r="E68882" s="15">
        <v>45638</v>
      </c>
      <c r="F68882" s="14" t="s">
        <v>15</v>
      </c>
      <c r="G68882" s="16">
        <v>0</v>
      </c>
    </row>
    <row r="68883" spans="1:7" x14ac:dyDescent="0.3">
      <c r="A68883" s="13" t="s">
        <v>360</v>
      </c>
      <c r="B68883" s="14" t="s">
        <v>1</v>
      </c>
      <c r="C68883" s="14" t="s">
        <v>17</v>
      </c>
      <c r="D68883" s="14" t="s">
        <v>171</v>
      </c>
      <c r="E68883" s="15">
        <v>45639</v>
      </c>
      <c r="F68883" s="14" t="s">
        <v>15</v>
      </c>
      <c r="G68883" s="16">
        <v>0</v>
      </c>
    </row>
    <row r="68884" spans="1:7" x14ac:dyDescent="0.3">
      <c r="A68884" s="13" t="s">
        <v>360</v>
      </c>
      <c r="B68884" s="14" t="s">
        <v>1</v>
      </c>
      <c r="C68884" s="14" t="s">
        <v>17</v>
      </c>
      <c r="D68884" s="14" t="s">
        <v>171</v>
      </c>
      <c r="E68884" s="15">
        <v>45640</v>
      </c>
      <c r="F68884" s="14" t="s">
        <v>15</v>
      </c>
      <c r="G68884" s="16">
        <v>0</v>
      </c>
    </row>
    <row r="68885" spans="1:7" x14ac:dyDescent="0.3">
      <c r="A68885" s="13" t="s">
        <v>360</v>
      </c>
      <c r="B68885" s="14" t="s">
        <v>1</v>
      </c>
      <c r="C68885" s="14" t="s">
        <v>17</v>
      </c>
      <c r="D68885" s="14" t="s">
        <v>171</v>
      </c>
      <c r="E68885" s="15">
        <v>45641</v>
      </c>
      <c r="F68885" s="14" t="s">
        <v>15</v>
      </c>
      <c r="G68885" s="16">
        <v>0</v>
      </c>
    </row>
    <row r="68886" spans="1:7" x14ac:dyDescent="0.3">
      <c r="A68886" s="13" t="s">
        <v>360</v>
      </c>
      <c r="B68886" s="14" t="s">
        <v>1</v>
      </c>
      <c r="C68886" s="14" t="s">
        <v>17</v>
      </c>
      <c r="D68886" s="14" t="s">
        <v>171</v>
      </c>
      <c r="E68886" s="15">
        <v>45642</v>
      </c>
      <c r="F68886" s="14" t="s">
        <v>15</v>
      </c>
      <c r="G68886" s="16">
        <v>0</v>
      </c>
    </row>
    <row r="68887" spans="1:7" x14ac:dyDescent="0.3">
      <c r="A68887" s="13" t="s">
        <v>360</v>
      </c>
      <c r="B68887" s="14" t="s">
        <v>1</v>
      </c>
      <c r="C68887" s="14" t="s">
        <v>17</v>
      </c>
      <c r="D68887" s="14" t="s">
        <v>171</v>
      </c>
      <c r="E68887" s="15">
        <v>45643</v>
      </c>
      <c r="F68887" s="14" t="s">
        <v>15</v>
      </c>
      <c r="G68887" s="16">
        <v>0</v>
      </c>
    </row>
    <row r="68888" spans="1:7" x14ac:dyDescent="0.3">
      <c r="A68888" s="13" t="s">
        <v>360</v>
      </c>
      <c r="B68888" s="14" t="s">
        <v>1</v>
      </c>
      <c r="C68888" s="14" t="s">
        <v>17</v>
      </c>
      <c r="D68888" s="14" t="s">
        <v>171</v>
      </c>
      <c r="E68888" s="15">
        <v>45644</v>
      </c>
      <c r="F68888" s="14" t="s">
        <v>15</v>
      </c>
      <c r="G68888" s="16">
        <v>0</v>
      </c>
    </row>
    <row r="68889" spans="1:7" x14ac:dyDescent="0.3">
      <c r="A68889" s="13" t="s">
        <v>360</v>
      </c>
      <c r="B68889" s="14" t="s">
        <v>1</v>
      </c>
      <c r="C68889" s="14" t="s">
        <v>17</v>
      </c>
      <c r="D68889" s="14" t="s">
        <v>171</v>
      </c>
      <c r="E68889" s="15">
        <v>45645</v>
      </c>
      <c r="F68889" s="14" t="s">
        <v>15</v>
      </c>
      <c r="G68889" s="16">
        <v>0</v>
      </c>
    </row>
    <row r="68890" spans="1:7" x14ac:dyDescent="0.3">
      <c r="A68890" s="13" t="s">
        <v>360</v>
      </c>
      <c r="B68890" s="14" t="s">
        <v>1</v>
      </c>
      <c r="C68890" s="14" t="s">
        <v>17</v>
      </c>
      <c r="D68890" s="14" t="s">
        <v>171</v>
      </c>
      <c r="E68890" s="15">
        <v>45646</v>
      </c>
      <c r="F68890" s="14" t="s">
        <v>15</v>
      </c>
      <c r="G68890" s="16">
        <v>0</v>
      </c>
    </row>
    <row r="68891" spans="1:7" x14ac:dyDescent="0.3">
      <c r="A68891" s="13" t="s">
        <v>360</v>
      </c>
      <c r="B68891" s="14" t="s">
        <v>1</v>
      </c>
      <c r="C68891" s="14" t="s">
        <v>17</v>
      </c>
      <c r="D68891" s="14" t="s">
        <v>171</v>
      </c>
      <c r="E68891" s="15">
        <v>45647</v>
      </c>
      <c r="F68891" s="14" t="s">
        <v>15</v>
      </c>
      <c r="G68891" s="16">
        <v>0</v>
      </c>
    </row>
    <row r="68892" spans="1:7" x14ac:dyDescent="0.3">
      <c r="A68892" s="13" t="s">
        <v>360</v>
      </c>
      <c r="B68892" s="14" t="s">
        <v>1</v>
      </c>
      <c r="C68892" s="14" t="s">
        <v>17</v>
      </c>
      <c r="D68892" s="14" t="s">
        <v>171</v>
      </c>
      <c r="E68892" s="15">
        <v>45648</v>
      </c>
      <c r="F68892" s="14" t="s">
        <v>15</v>
      </c>
      <c r="G68892" s="16">
        <v>0</v>
      </c>
    </row>
    <row r="68893" spans="1:7" x14ac:dyDescent="0.3">
      <c r="A68893" s="13" t="s">
        <v>360</v>
      </c>
      <c r="B68893" s="14" t="s">
        <v>1</v>
      </c>
      <c r="C68893" s="14" t="s">
        <v>17</v>
      </c>
      <c r="D68893" s="14" t="s">
        <v>171</v>
      </c>
      <c r="E68893" s="15">
        <v>45649</v>
      </c>
      <c r="F68893" s="14" t="s">
        <v>15</v>
      </c>
      <c r="G68893" s="16">
        <v>0</v>
      </c>
    </row>
    <row r="68894" spans="1:7" x14ac:dyDescent="0.3">
      <c r="A68894" s="13" t="s">
        <v>360</v>
      </c>
      <c r="B68894" s="14" t="s">
        <v>1</v>
      </c>
      <c r="C68894" s="14" t="s">
        <v>17</v>
      </c>
      <c r="D68894" s="14" t="s">
        <v>171</v>
      </c>
      <c r="E68894" s="15">
        <v>45650</v>
      </c>
      <c r="F68894" s="14" t="s">
        <v>15</v>
      </c>
      <c r="G68894" s="16">
        <v>0</v>
      </c>
    </row>
    <row r="68895" spans="1:7" x14ac:dyDescent="0.3">
      <c r="A68895" s="13" t="s">
        <v>360</v>
      </c>
      <c r="B68895" s="14" t="s">
        <v>1</v>
      </c>
      <c r="C68895" s="14" t="s">
        <v>17</v>
      </c>
      <c r="D68895" s="14" t="s">
        <v>171</v>
      </c>
      <c r="E68895" s="15">
        <v>45651</v>
      </c>
      <c r="F68895" s="14" t="s">
        <v>15</v>
      </c>
      <c r="G68895" s="16">
        <v>0</v>
      </c>
    </row>
    <row r="68896" spans="1:7" x14ac:dyDescent="0.3">
      <c r="A68896" s="13" t="s">
        <v>360</v>
      </c>
      <c r="B68896" s="14" t="s">
        <v>1</v>
      </c>
      <c r="C68896" s="14" t="s">
        <v>17</v>
      </c>
      <c r="D68896" s="14" t="s">
        <v>171</v>
      </c>
      <c r="E68896" s="15">
        <v>45652</v>
      </c>
      <c r="F68896" s="14" t="s">
        <v>15</v>
      </c>
      <c r="G68896" s="16">
        <v>0</v>
      </c>
    </row>
    <row r="68897" spans="1:7" x14ac:dyDescent="0.3">
      <c r="A68897" s="13" t="s">
        <v>360</v>
      </c>
      <c r="B68897" s="14" t="s">
        <v>1</v>
      </c>
      <c r="C68897" s="14" t="s">
        <v>17</v>
      </c>
      <c r="D68897" s="14" t="s">
        <v>171</v>
      </c>
      <c r="E68897" s="15">
        <v>45653</v>
      </c>
      <c r="F68897" s="14" t="s">
        <v>15</v>
      </c>
      <c r="G68897" s="16">
        <v>0</v>
      </c>
    </row>
    <row r="68898" spans="1:7" x14ac:dyDescent="0.3">
      <c r="A68898" s="13" t="s">
        <v>360</v>
      </c>
      <c r="B68898" s="14" t="s">
        <v>1</v>
      </c>
      <c r="C68898" s="14" t="s">
        <v>17</v>
      </c>
      <c r="D68898" s="14" t="s">
        <v>171</v>
      </c>
      <c r="E68898" s="15">
        <v>45654</v>
      </c>
      <c r="F68898" s="14" t="s">
        <v>15</v>
      </c>
      <c r="G68898" s="16">
        <v>0</v>
      </c>
    </row>
    <row r="68899" spans="1:7" x14ac:dyDescent="0.3">
      <c r="A68899" s="13" t="s">
        <v>360</v>
      </c>
      <c r="B68899" s="14" t="s">
        <v>1</v>
      </c>
      <c r="C68899" s="14" t="s">
        <v>17</v>
      </c>
      <c r="D68899" s="14" t="s">
        <v>171</v>
      </c>
      <c r="E68899" s="15">
        <v>45655</v>
      </c>
      <c r="F68899" s="14" t="s">
        <v>15</v>
      </c>
      <c r="G68899" s="16">
        <v>0</v>
      </c>
    </row>
    <row r="68900" spans="1:7" x14ac:dyDescent="0.3">
      <c r="A68900" s="13" t="s">
        <v>360</v>
      </c>
      <c r="B68900" s="14" t="s">
        <v>1</v>
      </c>
      <c r="C68900" s="14" t="s">
        <v>17</v>
      </c>
      <c r="D68900" s="14" t="s">
        <v>171</v>
      </c>
      <c r="E68900" s="15">
        <v>45656</v>
      </c>
      <c r="F68900" s="14" t="s">
        <v>15</v>
      </c>
      <c r="G68900" s="16">
        <v>0</v>
      </c>
    </row>
    <row r="68901" spans="1:7" x14ac:dyDescent="0.3">
      <c r="A68901" s="13" t="s">
        <v>360</v>
      </c>
      <c r="B68901" s="14" t="s">
        <v>1</v>
      </c>
      <c r="C68901" s="14" t="s">
        <v>17</v>
      </c>
      <c r="D68901" s="14" t="s">
        <v>171</v>
      </c>
      <c r="E68901" s="15">
        <v>45657</v>
      </c>
      <c r="F68901" s="14" t="s">
        <v>15</v>
      </c>
      <c r="G68901" s="16">
        <v>0</v>
      </c>
    </row>
    <row r="68902" spans="1:7" x14ac:dyDescent="0.3">
      <c r="A68902" s="13" t="s">
        <v>360</v>
      </c>
      <c r="B68902" s="14" t="s">
        <v>1</v>
      </c>
      <c r="C68902" s="14" t="s">
        <v>17</v>
      </c>
      <c r="D68902" s="14" t="s">
        <v>171</v>
      </c>
      <c r="E68902" s="15">
        <v>45658</v>
      </c>
      <c r="F68902" s="14" t="s">
        <v>15</v>
      </c>
      <c r="G68902" s="16">
        <v>0</v>
      </c>
    </row>
    <row r="68903" spans="1:7" x14ac:dyDescent="0.3">
      <c r="A68903" s="13" t="s">
        <v>360</v>
      </c>
      <c r="B68903" s="14" t="s">
        <v>1</v>
      </c>
      <c r="C68903" s="14" t="s">
        <v>17</v>
      </c>
      <c r="D68903" s="14" t="s">
        <v>171</v>
      </c>
      <c r="E68903" s="15">
        <v>45659</v>
      </c>
      <c r="F68903" s="14" t="s">
        <v>15</v>
      </c>
      <c r="G68903" s="16">
        <v>0</v>
      </c>
    </row>
    <row r="68904" spans="1:7" x14ac:dyDescent="0.3">
      <c r="A68904" s="13" t="s">
        <v>360</v>
      </c>
      <c r="B68904" s="14" t="s">
        <v>1</v>
      </c>
      <c r="C68904" s="14" t="s">
        <v>17</v>
      </c>
      <c r="D68904" s="14" t="s">
        <v>171</v>
      </c>
      <c r="E68904" s="15">
        <v>45660</v>
      </c>
      <c r="F68904" s="14" t="s">
        <v>15</v>
      </c>
      <c r="G68904" s="16">
        <v>0</v>
      </c>
    </row>
    <row r="68905" spans="1:7" x14ac:dyDescent="0.3">
      <c r="A68905" s="13" t="s">
        <v>360</v>
      </c>
      <c r="B68905" s="14" t="s">
        <v>1</v>
      </c>
      <c r="C68905" s="14" t="s">
        <v>17</v>
      </c>
      <c r="D68905" s="14" t="s">
        <v>171</v>
      </c>
      <c r="E68905" s="15">
        <v>45661</v>
      </c>
      <c r="F68905" s="14" t="s">
        <v>15</v>
      </c>
      <c r="G68905" s="16">
        <v>0</v>
      </c>
    </row>
    <row r="68906" spans="1:7" x14ac:dyDescent="0.3">
      <c r="A68906" s="13" t="s">
        <v>360</v>
      </c>
      <c r="B68906" s="14" t="s">
        <v>1</v>
      </c>
      <c r="C68906" s="14" t="s">
        <v>17</v>
      </c>
      <c r="D68906" s="14" t="s">
        <v>171</v>
      </c>
      <c r="E68906" s="15">
        <v>45662</v>
      </c>
      <c r="F68906" s="14" t="s">
        <v>15</v>
      </c>
      <c r="G68906" s="16">
        <v>0</v>
      </c>
    </row>
    <row r="68907" spans="1:7" x14ac:dyDescent="0.3">
      <c r="A68907" s="13" t="s">
        <v>360</v>
      </c>
      <c r="B68907" s="14" t="s">
        <v>1</v>
      </c>
      <c r="C68907" s="14" t="s">
        <v>17</v>
      </c>
      <c r="D68907" s="14" t="s">
        <v>171</v>
      </c>
      <c r="E68907" s="15">
        <v>45663</v>
      </c>
      <c r="F68907" s="14" t="s">
        <v>15</v>
      </c>
      <c r="G68907" s="16">
        <v>0</v>
      </c>
    </row>
    <row r="68908" spans="1:7" x14ac:dyDescent="0.3">
      <c r="A68908" s="13" t="s">
        <v>360</v>
      </c>
      <c r="B68908" s="14" t="s">
        <v>1</v>
      </c>
      <c r="C68908" s="14" t="s">
        <v>17</v>
      </c>
      <c r="D68908" s="14" t="s">
        <v>171</v>
      </c>
      <c r="E68908" s="15">
        <v>45664</v>
      </c>
      <c r="F68908" s="14" t="s">
        <v>15</v>
      </c>
      <c r="G68908" s="16">
        <v>0</v>
      </c>
    </row>
    <row r="68909" spans="1:7" x14ac:dyDescent="0.3">
      <c r="A68909" s="13" t="s">
        <v>360</v>
      </c>
      <c r="B68909" s="14" t="s">
        <v>1</v>
      </c>
      <c r="C68909" s="14" t="s">
        <v>17</v>
      </c>
      <c r="D68909" s="14" t="s">
        <v>171</v>
      </c>
      <c r="E68909" s="15">
        <v>45665</v>
      </c>
      <c r="F68909" s="14" t="s">
        <v>15</v>
      </c>
      <c r="G68909" s="16">
        <v>0</v>
      </c>
    </row>
    <row r="68910" spans="1:7" x14ac:dyDescent="0.3">
      <c r="A68910" s="13" t="s">
        <v>360</v>
      </c>
      <c r="B68910" s="14" t="s">
        <v>1</v>
      </c>
      <c r="C68910" s="14" t="s">
        <v>17</v>
      </c>
      <c r="D68910" s="14" t="s">
        <v>171</v>
      </c>
      <c r="E68910" s="15">
        <v>45666</v>
      </c>
      <c r="F68910" s="14" t="s">
        <v>15</v>
      </c>
      <c r="G68910" s="16">
        <v>0</v>
      </c>
    </row>
    <row r="68911" spans="1:7" x14ac:dyDescent="0.3">
      <c r="A68911" s="13" t="s">
        <v>360</v>
      </c>
      <c r="B68911" s="14" t="s">
        <v>1</v>
      </c>
      <c r="C68911" s="14" t="s">
        <v>17</v>
      </c>
      <c r="D68911" s="14" t="s">
        <v>171</v>
      </c>
      <c r="E68911" s="15">
        <v>45667</v>
      </c>
      <c r="F68911" s="14" t="s">
        <v>15</v>
      </c>
      <c r="G68911" s="16">
        <v>0</v>
      </c>
    </row>
    <row r="68912" spans="1:7" x14ac:dyDescent="0.3">
      <c r="A68912" s="13" t="s">
        <v>360</v>
      </c>
      <c r="B68912" s="14" t="s">
        <v>1</v>
      </c>
      <c r="C68912" s="14" t="s">
        <v>17</v>
      </c>
      <c r="D68912" s="14" t="s">
        <v>171</v>
      </c>
      <c r="E68912" s="15">
        <v>45668</v>
      </c>
      <c r="F68912" s="14" t="s">
        <v>15</v>
      </c>
      <c r="G68912" s="16">
        <v>0</v>
      </c>
    </row>
    <row r="68913" spans="1:7" x14ac:dyDescent="0.3">
      <c r="A68913" s="13" t="s">
        <v>360</v>
      </c>
      <c r="B68913" s="14" t="s">
        <v>1</v>
      </c>
      <c r="C68913" s="14" t="s">
        <v>17</v>
      </c>
      <c r="D68913" s="14" t="s">
        <v>171</v>
      </c>
      <c r="E68913" s="15">
        <v>45669</v>
      </c>
      <c r="F68913" s="14" t="s">
        <v>15</v>
      </c>
      <c r="G68913" s="16">
        <v>0</v>
      </c>
    </row>
    <row r="68914" spans="1:7" x14ac:dyDescent="0.3">
      <c r="A68914" s="13" t="s">
        <v>360</v>
      </c>
      <c r="B68914" s="14" t="s">
        <v>1</v>
      </c>
      <c r="C68914" s="14" t="s">
        <v>17</v>
      </c>
      <c r="D68914" s="14" t="s">
        <v>171</v>
      </c>
      <c r="E68914" s="15">
        <v>45670</v>
      </c>
      <c r="F68914" s="14" t="s">
        <v>15</v>
      </c>
      <c r="G68914" s="16">
        <v>0</v>
      </c>
    </row>
    <row r="68915" spans="1:7" x14ac:dyDescent="0.3">
      <c r="A68915" s="13" t="s">
        <v>360</v>
      </c>
      <c r="B68915" s="14" t="s">
        <v>1</v>
      </c>
      <c r="C68915" s="14" t="s">
        <v>17</v>
      </c>
      <c r="D68915" s="14" t="s">
        <v>171</v>
      </c>
      <c r="E68915" s="15">
        <v>45671</v>
      </c>
      <c r="F68915" s="14" t="s">
        <v>15</v>
      </c>
      <c r="G68915" s="16">
        <v>0</v>
      </c>
    </row>
    <row r="68916" spans="1:7" x14ac:dyDescent="0.3">
      <c r="A68916" s="13" t="s">
        <v>360</v>
      </c>
      <c r="B68916" s="14" t="s">
        <v>1</v>
      </c>
      <c r="C68916" s="14" t="s">
        <v>17</v>
      </c>
      <c r="D68916" s="14" t="s">
        <v>171</v>
      </c>
      <c r="E68916" s="15">
        <v>45672</v>
      </c>
      <c r="F68916" s="14" t="s">
        <v>15</v>
      </c>
      <c r="G68916" s="16">
        <v>0</v>
      </c>
    </row>
    <row r="68917" spans="1:7" x14ac:dyDescent="0.3">
      <c r="A68917" s="13" t="s">
        <v>360</v>
      </c>
      <c r="B68917" s="14" t="s">
        <v>1</v>
      </c>
      <c r="C68917" s="14" t="s">
        <v>17</v>
      </c>
      <c r="D68917" s="14" t="s">
        <v>171</v>
      </c>
      <c r="E68917" s="15">
        <v>45673</v>
      </c>
      <c r="F68917" s="14" t="s">
        <v>15</v>
      </c>
      <c r="G68917" s="16">
        <v>0</v>
      </c>
    </row>
    <row r="68918" spans="1:7" x14ac:dyDescent="0.3">
      <c r="A68918" s="13" t="s">
        <v>360</v>
      </c>
      <c r="B68918" s="14" t="s">
        <v>1</v>
      </c>
      <c r="C68918" s="14" t="s">
        <v>17</v>
      </c>
      <c r="D68918" s="14" t="s">
        <v>171</v>
      </c>
      <c r="E68918" s="15">
        <v>45674</v>
      </c>
      <c r="F68918" s="14" t="s">
        <v>15</v>
      </c>
      <c r="G68918" s="16">
        <v>0</v>
      </c>
    </row>
    <row r="68919" spans="1:7" x14ac:dyDescent="0.3">
      <c r="A68919" s="13" t="s">
        <v>360</v>
      </c>
      <c r="B68919" s="14" t="s">
        <v>1</v>
      </c>
      <c r="C68919" s="14" t="s">
        <v>17</v>
      </c>
      <c r="D68919" s="14" t="s">
        <v>171</v>
      </c>
      <c r="E68919" s="15">
        <v>45675</v>
      </c>
      <c r="F68919" s="14" t="s">
        <v>15</v>
      </c>
      <c r="G68919" s="16">
        <v>0</v>
      </c>
    </row>
    <row r="68920" spans="1:7" x14ac:dyDescent="0.3">
      <c r="A68920" s="13" t="s">
        <v>360</v>
      </c>
      <c r="B68920" s="14" t="s">
        <v>1</v>
      </c>
      <c r="C68920" s="14" t="s">
        <v>17</v>
      </c>
      <c r="D68920" s="14" t="s">
        <v>171</v>
      </c>
      <c r="E68920" s="15">
        <v>45676</v>
      </c>
      <c r="F68920" s="14" t="s">
        <v>15</v>
      </c>
      <c r="G68920" s="16">
        <v>0</v>
      </c>
    </row>
    <row r="68921" spans="1:7" x14ac:dyDescent="0.3">
      <c r="A68921" s="13" t="s">
        <v>360</v>
      </c>
      <c r="B68921" s="14" t="s">
        <v>1</v>
      </c>
      <c r="C68921" s="14" t="s">
        <v>17</v>
      </c>
      <c r="D68921" s="14" t="s">
        <v>171</v>
      </c>
      <c r="E68921" s="15">
        <v>45677</v>
      </c>
      <c r="F68921" s="14" t="s">
        <v>15</v>
      </c>
      <c r="G68921" s="16">
        <v>0</v>
      </c>
    </row>
    <row r="68922" spans="1:7" x14ac:dyDescent="0.3">
      <c r="A68922" s="13" t="s">
        <v>360</v>
      </c>
      <c r="B68922" s="14" t="s">
        <v>1</v>
      </c>
      <c r="C68922" s="14" t="s">
        <v>17</v>
      </c>
      <c r="D68922" s="14" t="s">
        <v>171</v>
      </c>
      <c r="E68922" s="15">
        <v>45678</v>
      </c>
      <c r="F68922" s="14" t="s">
        <v>15</v>
      </c>
      <c r="G68922" s="16">
        <v>0</v>
      </c>
    </row>
    <row r="68923" spans="1:7" x14ac:dyDescent="0.3">
      <c r="A68923" s="13" t="s">
        <v>360</v>
      </c>
      <c r="B68923" s="14" t="s">
        <v>1</v>
      </c>
      <c r="C68923" s="14" t="s">
        <v>17</v>
      </c>
      <c r="D68923" s="14" t="s">
        <v>171</v>
      </c>
      <c r="E68923" s="15">
        <v>45679</v>
      </c>
      <c r="F68923" s="14" t="s">
        <v>15</v>
      </c>
      <c r="G68923" s="16">
        <v>0</v>
      </c>
    </row>
    <row r="68924" spans="1:7" x14ac:dyDescent="0.3">
      <c r="A68924" s="13" t="s">
        <v>360</v>
      </c>
      <c r="B68924" s="14" t="s">
        <v>1</v>
      </c>
      <c r="C68924" s="14" t="s">
        <v>17</v>
      </c>
      <c r="D68924" s="14" t="s">
        <v>171</v>
      </c>
      <c r="E68924" s="15">
        <v>45680</v>
      </c>
      <c r="F68924" s="14" t="s">
        <v>15</v>
      </c>
      <c r="G68924" s="16">
        <v>0</v>
      </c>
    </row>
    <row r="68925" spans="1:7" x14ac:dyDescent="0.3">
      <c r="A68925" s="13" t="s">
        <v>360</v>
      </c>
      <c r="B68925" s="14" t="s">
        <v>1</v>
      </c>
      <c r="C68925" s="14" t="s">
        <v>17</v>
      </c>
      <c r="D68925" s="14" t="s">
        <v>171</v>
      </c>
      <c r="E68925" s="15">
        <v>45681</v>
      </c>
      <c r="F68925" s="14" t="s">
        <v>15</v>
      </c>
      <c r="G68925" s="16">
        <v>0</v>
      </c>
    </row>
    <row r="68926" spans="1:7" x14ac:dyDescent="0.3">
      <c r="A68926" s="13" t="s">
        <v>360</v>
      </c>
      <c r="B68926" s="14" t="s">
        <v>1</v>
      </c>
      <c r="C68926" s="14" t="s">
        <v>17</v>
      </c>
      <c r="D68926" s="14" t="s">
        <v>171</v>
      </c>
      <c r="E68926" s="15">
        <v>45682</v>
      </c>
      <c r="F68926" s="14" t="s">
        <v>15</v>
      </c>
      <c r="G68926" s="16">
        <v>0</v>
      </c>
    </row>
    <row r="68927" spans="1:7" x14ac:dyDescent="0.3">
      <c r="A68927" s="13" t="s">
        <v>360</v>
      </c>
      <c r="B68927" s="14" t="s">
        <v>1</v>
      </c>
      <c r="C68927" s="14" t="s">
        <v>17</v>
      </c>
      <c r="D68927" s="14" t="s">
        <v>171</v>
      </c>
      <c r="E68927" s="15">
        <v>45683</v>
      </c>
      <c r="F68927" s="14" t="s">
        <v>15</v>
      </c>
      <c r="G68927" s="16">
        <v>0</v>
      </c>
    </row>
    <row r="68928" spans="1:7" x14ac:dyDescent="0.3">
      <c r="A68928" s="13" t="s">
        <v>360</v>
      </c>
      <c r="B68928" s="14" t="s">
        <v>1</v>
      </c>
      <c r="C68928" s="14" t="s">
        <v>17</v>
      </c>
      <c r="D68928" s="14" t="s">
        <v>171</v>
      </c>
      <c r="E68928" s="15">
        <v>45684</v>
      </c>
      <c r="F68928" s="14" t="s">
        <v>15</v>
      </c>
      <c r="G68928" s="16">
        <v>0</v>
      </c>
    </row>
    <row r="68929" spans="1:7" x14ac:dyDescent="0.3">
      <c r="A68929" s="13" t="s">
        <v>360</v>
      </c>
      <c r="B68929" s="14" t="s">
        <v>1</v>
      </c>
      <c r="C68929" s="14" t="s">
        <v>17</v>
      </c>
      <c r="D68929" s="14" t="s">
        <v>171</v>
      </c>
      <c r="E68929" s="15">
        <v>45685</v>
      </c>
      <c r="F68929" s="14" t="s">
        <v>15</v>
      </c>
      <c r="G68929" s="16">
        <v>0</v>
      </c>
    </row>
    <row r="68930" spans="1:7" x14ac:dyDescent="0.3">
      <c r="A68930" s="13" t="s">
        <v>360</v>
      </c>
      <c r="B68930" s="14" t="s">
        <v>1</v>
      </c>
      <c r="C68930" s="14" t="s">
        <v>17</v>
      </c>
      <c r="D68930" s="14" t="s">
        <v>171</v>
      </c>
      <c r="E68930" s="15">
        <v>45686</v>
      </c>
      <c r="F68930" s="14" t="s">
        <v>15</v>
      </c>
      <c r="G68930" s="16">
        <v>0</v>
      </c>
    </row>
    <row r="68931" spans="1:7" x14ac:dyDescent="0.3">
      <c r="A68931" s="13" t="s">
        <v>360</v>
      </c>
      <c r="B68931" s="14" t="s">
        <v>1</v>
      </c>
      <c r="C68931" s="14" t="s">
        <v>17</v>
      </c>
      <c r="D68931" s="14" t="s">
        <v>171</v>
      </c>
      <c r="E68931" s="15">
        <v>45687</v>
      </c>
      <c r="F68931" s="14" t="s">
        <v>15</v>
      </c>
      <c r="G68931" s="16">
        <v>0</v>
      </c>
    </row>
    <row r="68932" spans="1:7" x14ac:dyDescent="0.3">
      <c r="A68932" s="13" t="s">
        <v>360</v>
      </c>
      <c r="B68932" s="14" t="s">
        <v>1</v>
      </c>
      <c r="C68932" s="14" t="s">
        <v>17</v>
      </c>
      <c r="D68932" s="14" t="s">
        <v>171</v>
      </c>
      <c r="E68932" s="15">
        <v>45688</v>
      </c>
      <c r="F68932" s="14" t="s">
        <v>15</v>
      </c>
      <c r="G68932" s="16">
        <v>0</v>
      </c>
    </row>
    <row r="68933" spans="1:7" x14ac:dyDescent="0.3">
      <c r="A68933" s="13" t="s">
        <v>360</v>
      </c>
      <c r="B68933" s="14" t="s">
        <v>1</v>
      </c>
      <c r="C68933" s="14" t="s">
        <v>17</v>
      </c>
      <c r="D68933" s="14" t="s">
        <v>171</v>
      </c>
      <c r="E68933" s="15">
        <v>45689</v>
      </c>
      <c r="F68933" s="14" t="s">
        <v>15</v>
      </c>
      <c r="G68933" s="16">
        <v>0</v>
      </c>
    </row>
    <row r="68934" spans="1:7" x14ac:dyDescent="0.3">
      <c r="A68934" s="13" t="s">
        <v>360</v>
      </c>
      <c r="B68934" s="14" t="s">
        <v>1</v>
      </c>
      <c r="C68934" s="14" t="s">
        <v>17</v>
      </c>
      <c r="D68934" s="14" t="s">
        <v>171</v>
      </c>
      <c r="E68934" s="15">
        <v>45690</v>
      </c>
      <c r="F68934" s="14" t="s">
        <v>15</v>
      </c>
      <c r="G68934" s="16">
        <v>0</v>
      </c>
    </row>
    <row r="68935" spans="1:7" x14ac:dyDescent="0.3">
      <c r="A68935" s="13" t="s">
        <v>360</v>
      </c>
      <c r="B68935" s="14" t="s">
        <v>1</v>
      </c>
      <c r="C68935" s="14" t="s">
        <v>17</v>
      </c>
      <c r="D68935" s="14" t="s">
        <v>171</v>
      </c>
      <c r="E68935" s="15">
        <v>45691</v>
      </c>
      <c r="F68935" s="14" t="s">
        <v>15</v>
      </c>
      <c r="G68935" s="16">
        <v>0</v>
      </c>
    </row>
    <row r="68936" spans="1:7" x14ac:dyDescent="0.3">
      <c r="A68936" s="13" t="s">
        <v>360</v>
      </c>
      <c r="B68936" s="14" t="s">
        <v>1</v>
      </c>
      <c r="C68936" s="14" t="s">
        <v>17</v>
      </c>
      <c r="D68936" s="14" t="s">
        <v>171</v>
      </c>
      <c r="E68936" s="15">
        <v>45692</v>
      </c>
      <c r="F68936" s="14" t="s">
        <v>15</v>
      </c>
      <c r="G68936" s="16">
        <v>0</v>
      </c>
    </row>
    <row r="68937" spans="1:7" x14ac:dyDescent="0.3">
      <c r="A68937" s="13" t="s">
        <v>360</v>
      </c>
      <c r="B68937" s="14" t="s">
        <v>1</v>
      </c>
      <c r="C68937" s="14" t="s">
        <v>17</v>
      </c>
      <c r="D68937" s="14" t="s">
        <v>171</v>
      </c>
      <c r="E68937" s="15">
        <v>45693</v>
      </c>
      <c r="F68937" s="14" t="s">
        <v>15</v>
      </c>
      <c r="G68937" s="16">
        <v>0</v>
      </c>
    </row>
    <row r="68938" spans="1:7" x14ac:dyDescent="0.3">
      <c r="A68938" s="13" t="s">
        <v>360</v>
      </c>
      <c r="B68938" s="14" t="s">
        <v>1</v>
      </c>
      <c r="C68938" s="14" t="s">
        <v>17</v>
      </c>
      <c r="D68938" s="14" t="s">
        <v>171</v>
      </c>
      <c r="E68938" s="15">
        <v>45694</v>
      </c>
      <c r="F68938" s="14" t="s">
        <v>15</v>
      </c>
      <c r="G68938" s="16">
        <v>0</v>
      </c>
    </row>
    <row r="68939" spans="1:7" x14ac:dyDescent="0.3">
      <c r="A68939" s="13" t="s">
        <v>360</v>
      </c>
      <c r="B68939" s="14" t="s">
        <v>1</v>
      </c>
      <c r="C68939" s="14" t="s">
        <v>17</v>
      </c>
      <c r="D68939" s="14" t="s">
        <v>171</v>
      </c>
      <c r="E68939" s="15">
        <v>45695</v>
      </c>
      <c r="F68939" s="14" t="s">
        <v>15</v>
      </c>
      <c r="G68939" s="16">
        <v>0</v>
      </c>
    </row>
    <row r="68940" spans="1:7" x14ac:dyDescent="0.3">
      <c r="A68940" s="13" t="s">
        <v>360</v>
      </c>
      <c r="B68940" s="14" t="s">
        <v>1</v>
      </c>
      <c r="C68940" s="14" t="s">
        <v>17</v>
      </c>
      <c r="D68940" s="14" t="s">
        <v>171</v>
      </c>
      <c r="E68940" s="15">
        <v>45696</v>
      </c>
      <c r="F68940" s="14" t="s">
        <v>15</v>
      </c>
      <c r="G68940" s="16">
        <v>0</v>
      </c>
    </row>
    <row r="68941" spans="1:7" x14ac:dyDescent="0.3">
      <c r="A68941" s="13" t="s">
        <v>360</v>
      </c>
      <c r="B68941" s="14" t="s">
        <v>1</v>
      </c>
      <c r="C68941" s="14" t="s">
        <v>17</v>
      </c>
      <c r="D68941" s="14" t="s">
        <v>171</v>
      </c>
      <c r="E68941" s="15">
        <v>45697</v>
      </c>
      <c r="F68941" s="14" t="s">
        <v>15</v>
      </c>
      <c r="G68941" s="16">
        <v>0</v>
      </c>
    </row>
    <row r="68942" spans="1:7" x14ac:dyDescent="0.3">
      <c r="A68942" s="13" t="s">
        <v>360</v>
      </c>
      <c r="B68942" s="14" t="s">
        <v>1</v>
      </c>
      <c r="C68942" s="14" t="s">
        <v>17</v>
      </c>
      <c r="D68942" s="14" t="s">
        <v>171</v>
      </c>
      <c r="E68942" s="15">
        <v>45698</v>
      </c>
      <c r="F68942" s="14" t="s">
        <v>15</v>
      </c>
      <c r="G68942" s="16">
        <v>0</v>
      </c>
    </row>
    <row r="68943" spans="1:7" x14ac:dyDescent="0.3">
      <c r="A68943" s="13" t="s">
        <v>360</v>
      </c>
      <c r="B68943" s="14" t="s">
        <v>1</v>
      </c>
      <c r="C68943" s="14" t="s">
        <v>17</v>
      </c>
      <c r="D68943" s="14" t="s">
        <v>171</v>
      </c>
      <c r="E68943" s="15">
        <v>45699</v>
      </c>
      <c r="F68943" s="14" t="s">
        <v>15</v>
      </c>
      <c r="G68943" s="16">
        <v>0</v>
      </c>
    </row>
    <row r="68944" spans="1:7" x14ac:dyDescent="0.3">
      <c r="A68944" s="13" t="s">
        <v>360</v>
      </c>
      <c r="B68944" s="14" t="s">
        <v>1</v>
      </c>
      <c r="C68944" s="14" t="s">
        <v>17</v>
      </c>
      <c r="D68944" s="14" t="s">
        <v>171</v>
      </c>
      <c r="E68944" s="15">
        <v>45700</v>
      </c>
      <c r="F68944" s="14" t="s">
        <v>15</v>
      </c>
      <c r="G68944" s="16">
        <v>0</v>
      </c>
    </row>
    <row r="68945" spans="1:7" x14ac:dyDescent="0.3">
      <c r="A68945" s="13" t="s">
        <v>360</v>
      </c>
      <c r="B68945" s="14" t="s">
        <v>1</v>
      </c>
      <c r="C68945" s="14" t="s">
        <v>17</v>
      </c>
      <c r="D68945" s="14" t="s">
        <v>171</v>
      </c>
      <c r="E68945" s="15">
        <v>45701</v>
      </c>
      <c r="F68945" s="14" t="s">
        <v>15</v>
      </c>
      <c r="G68945" s="16">
        <v>0</v>
      </c>
    </row>
    <row r="68946" spans="1:7" x14ac:dyDescent="0.3">
      <c r="A68946" s="13" t="s">
        <v>360</v>
      </c>
      <c r="B68946" s="14" t="s">
        <v>1</v>
      </c>
      <c r="C68946" s="14" t="s">
        <v>17</v>
      </c>
      <c r="D68946" s="14" t="s">
        <v>171</v>
      </c>
      <c r="E68946" s="15">
        <v>45702</v>
      </c>
      <c r="F68946" s="14" t="s">
        <v>15</v>
      </c>
      <c r="G68946" s="16">
        <v>0</v>
      </c>
    </row>
    <row r="68947" spans="1:7" x14ac:dyDescent="0.3">
      <c r="A68947" s="13" t="s">
        <v>360</v>
      </c>
      <c r="B68947" s="14" t="s">
        <v>1</v>
      </c>
      <c r="C68947" s="14" t="s">
        <v>17</v>
      </c>
      <c r="D68947" s="14" t="s">
        <v>171</v>
      </c>
      <c r="E68947" s="15">
        <v>45703</v>
      </c>
      <c r="F68947" s="14" t="s">
        <v>15</v>
      </c>
      <c r="G68947" s="16">
        <v>0</v>
      </c>
    </row>
    <row r="68948" spans="1:7" x14ac:dyDescent="0.3">
      <c r="A68948" s="13" t="s">
        <v>360</v>
      </c>
      <c r="B68948" s="14" t="s">
        <v>1</v>
      </c>
      <c r="C68948" s="14" t="s">
        <v>17</v>
      </c>
      <c r="D68948" s="14" t="s">
        <v>171</v>
      </c>
      <c r="E68948" s="15">
        <v>45704</v>
      </c>
      <c r="F68948" s="14" t="s">
        <v>15</v>
      </c>
      <c r="G68948" s="16">
        <v>0</v>
      </c>
    </row>
    <row r="68949" spans="1:7" x14ac:dyDescent="0.3">
      <c r="A68949" s="13" t="s">
        <v>360</v>
      </c>
      <c r="B68949" s="14" t="s">
        <v>1</v>
      </c>
      <c r="C68949" s="14" t="s">
        <v>17</v>
      </c>
      <c r="D68949" s="14" t="s">
        <v>171</v>
      </c>
      <c r="E68949" s="15">
        <v>45705</v>
      </c>
      <c r="F68949" s="14" t="s">
        <v>15</v>
      </c>
      <c r="G68949" s="16">
        <v>0</v>
      </c>
    </row>
    <row r="68950" spans="1:7" x14ac:dyDescent="0.3">
      <c r="A68950" s="13" t="s">
        <v>360</v>
      </c>
      <c r="B68950" s="14" t="s">
        <v>1</v>
      </c>
      <c r="C68950" s="14" t="s">
        <v>17</v>
      </c>
      <c r="D68950" s="14" t="s">
        <v>171</v>
      </c>
      <c r="E68950" s="15">
        <v>45706</v>
      </c>
      <c r="F68950" s="14" t="s">
        <v>15</v>
      </c>
      <c r="G68950" s="16">
        <v>0</v>
      </c>
    </row>
    <row r="68951" spans="1:7" x14ac:dyDescent="0.3">
      <c r="A68951" s="13" t="s">
        <v>360</v>
      </c>
      <c r="B68951" s="14" t="s">
        <v>1</v>
      </c>
      <c r="C68951" s="14" t="s">
        <v>17</v>
      </c>
      <c r="D68951" s="14" t="s">
        <v>171</v>
      </c>
      <c r="E68951" s="15">
        <v>45707</v>
      </c>
      <c r="F68951" s="14" t="s">
        <v>15</v>
      </c>
      <c r="G68951" s="16">
        <v>0</v>
      </c>
    </row>
    <row r="68952" spans="1:7" x14ac:dyDescent="0.3">
      <c r="A68952" s="13" t="s">
        <v>360</v>
      </c>
      <c r="B68952" s="14" t="s">
        <v>1</v>
      </c>
      <c r="C68952" s="14" t="s">
        <v>17</v>
      </c>
      <c r="D68952" s="14" t="s">
        <v>171</v>
      </c>
      <c r="E68952" s="15">
        <v>45708</v>
      </c>
      <c r="F68952" s="14" t="s">
        <v>15</v>
      </c>
      <c r="G68952" s="16">
        <v>0</v>
      </c>
    </row>
    <row r="68953" spans="1:7" x14ac:dyDescent="0.3">
      <c r="A68953" s="13" t="s">
        <v>360</v>
      </c>
      <c r="B68953" s="14" t="s">
        <v>1</v>
      </c>
      <c r="C68953" s="14" t="s">
        <v>17</v>
      </c>
      <c r="D68953" s="14" t="s">
        <v>171</v>
      </c>
      <c r="E68953" s="15">
        <v>45709</v>
      </c>
      <c r="F68953" s="14" t="s">
        <v>15</v>
      </c>
      <c r="G68953" s="16">
        <v>0</v>
      </c>
    </row>
    <row r="68954" spans="1:7" x14ac:dyDescent="0.3">
      <c r="A68954" s="13" t="s">
        <v>360</v>
      </c>
      <c r="B68954" s="14" t="s">
        <v>1</v>
      </c>
      <c r="C68954" s="14" t="s">
        <v>17</v>
      </c>
      <c r="D68954" s="14" t="s">
        <v>171</v>
      </c>
      <c r="E68954" s="15">
        <v>45710</v>
      </c>
      <c r="F68954" s="14" t="s">
        <v>15</v>
      </c>
      <c r="G68954" s="16">
        <v>0</v>
      </c>
    </row>
    <row r="68955" spans="1:7" x14ac:dyDescent="0.3">
      <c r="A68955" s="13" t="s">
        <v>360</v>
      </c>
      <c r="B68955" s="14" t="s">
        <v>1</v>
      </c>
      <c r="C68955" s="14" t="s">
        <v>17</v>
      </c>
      <c r="D68955" s="14" t="s">
        <v>171</v>
      </c>
      <c r="E68955" s="15">
        <v>45711</v>
      </c>
      <c r="F68955" s="14" t="s">
        <v>15</v>
      </c>
      <c r="G68955" s="16">
        <v>0</v>
      </c>
    </row>
    <row r="68956" spans="1:7" x14ac:dyDescent="0.3">
      <c r="A68956" s="13" t="s">
        <v>360</v>
      </c>
      <c r="B68956" s="14" t="s">
        <v>1</v>
      </c>
      <c r="C68956" s="14" t="s">
        <v>17</v>
      </c>
      <c r="D68956" s="14" t="s">
        <v>171</v>
      </c>
      <c r="E68956" s="15">
        <v>45712</v>
      </c>
      <c r="F68956" s="14" t="s">
        <v>15</v>
      </c>
      <c r="G68956" s="16">
        <v>0</v>
      </c>
    </row>
    <row r="68957" spans="1:7" x14ac:dyDescent="0.3">
      <c r="A68957" s="13" t="s">
        <v>360</v>
      </c>
      <c r="B68957" s="14" t="s">
        <v>1</v>
      </c>
      <c r="C68957" s="14" t="s">
        <v>17</v>
      </c>
      <c r="D68957" s="14" t="s">
        <v>171</v>
      </c>
      <c r="E68957" s="15">
        <v>45713</v>
      </c>
      <c r="F68957" s="14" t="s">
        <v>15</v>
      </c>
      <c r="G68957" s="16">
        <v>0</v>
      </c>
    </row>
    <row r="68958" spans="1:7" x14ac:dyDescent="0.3">
      <c r="A68958" s="13" t="s">
        <v>360</v>
      </c>
      <c r="B68958" s="14" t="s">
        <v>1</v>
      </c>
      <c r="C68958" s="14" t="s">
        <v>17</v>
      </c>
      <c r="D68958" s="14" t="s">
        <v>171</v>
      </c>
      <c r="E68958" s="15">
        <v>45714</v>
      </c>
      <c r="F68958" s="14" t="s">
        <v>15</v>
      </c>
      <c r="G68958" s="16">
        <v>0</v>
      </c>
    </row>
    <row r="68959" spans="1:7" x14ac:dyDescent="0.3">
      <c r="A68959" s="13" t="s">
        <v>360</v>
      </c>
      <c r="B68959" s="14" t="s">
        <v>1</v>
      </c>
      <c r="C68959" s="14" t="s">
        <v>17</v>
      </c>
      <c r="D68959" s="14" t="s">
        <v>171</v>
      </c>
      <c r="E68959" s="15">
        <v>45715</v>
      </c>
      <c r="F68959" s="14" t="s">
        <v>15</v>
      </c>
      <c r="G68959" s="16">
        <v>0</v>
      </c>
    </row>
    <row r="68960" spans="1:7" x14ac:dyDescent="0.3">
      <c r="A68960" s="13" t="s">
        <v>360</v>
      </c>
      <c r="B68960" s="14" t="s">
        <v>1</v>
      </c>
      <c r="C68960" s="14" t="s">
        <v>17</v>
      </c>
      <c r="D68960" s="14" t="s">
        <v>171</v>
      </c>
      <c r="E68960" s="15">
        <v>45716</v>
      </c>
      <c r="F68960" s="14" t="s">
        <v>15</v>
      </c>
      <c r="G68960" s="16">
        <v>0</v>
      </c>
    </row>
    <row r="68961" spans="1:7" x14ac:dyDescent="0.3">
      <c r="A68961" s="13" t="s">
        <v>360</v>
      </c>
      <c r="B68961" s="14" t="s">
        <v>1</v>
      </c>
      <c r="C68961" s="14" t="s">
        <v>17</v>
      </c>
      <c r="D68961" s="14" t="s">
        <v>171</v>
      </c>
      <c r="E68961" s="15">
        <v>45717</v>
      </c>
      <c r="F68961" s="14" t="s">
        <v>15</v>
      </c>
      <c r="G68961" s="16">
        <v>0</v>
      </c>
    </row>
    <row r="68962" spans="1:7" x14ac:dyDescent="0.3">
      <c r="A68962" s="13" t="s">
        <v>360</v>
      </c>
      <c r="B68962" s="14" t="s">
        <v>1</v>
      </c>
      <c r="C68962" s="14" t="s">
        <v>17</v>
      </c>
      <c r="D68962" s="14" t="s">
        <v>171</v>
      </c>
      <c r="E68962" s="15">
        <v>45718</v>
      </c>
      <c r="F68962" s="14" t="s">
        <v>15</v>
      </c>
      <c r="G68962" s="16">
        <v>0</v>
      </c>
    </row>
    <row r="68963" spans="1:7" x14ac:dyDescent="0.3">
      <c r="A68963" s="13" t="s">
        <v>360</v>
      </c>
      <c r="B68963" s="14" t="s">
        <v>1</v>
      </c>
      <c r="C68963" s="14" t="s">
        <v>17</v>
      </c>
      <c r="D68963" s="14" t="s">
        <v>171</v>
      </c>
      <c r="E68963" s="15">
        <v>45719</v>
      </c>
      <c r="F68963" s="14" t="s">
        <v>15</v>
      </c>
      <c r="G68963" s="16">
        <v>0</v>
      </c>
    </row>
    <row r="68964" spans="1:7" x14ac:dyDescent="0.3">
      <c r="A68964" s="13" t="s">
        <v>360</v>
      </c>
      <c r="B68964" s="14" t="s">
        <v>1</v>
      </c>
      <c r="C68964" s="14" t="s">
        <v>17</v>
      </c>
      <c r="D68964" s="14" t="s">
        <v>171</v>
      </c>
      <c r="E68964" s="15">
        <v>45720</v>
      </c>
      <c r="F68964" s="14" t="s">
        <v>15</v>
      </c>
      <c r="G68964" s="16">
        <v>0</v>
      </c>
    </row>
    <row r="68965" spans="1:7" x14ac:dyDescent="0.3">
      <c r="A68965" s="13" t="s">
        <v>360</v>
      </c>
      <c r="B68965" s="14" t="s">
        <v>1</v>
      </c>
      <c r="C68965" s="14" t="s">
        <v>17</v>
      </c>
      <c r="D68965" s="14" t="s">
        <v>171</v>
      </c>
      <c r="E68965" s="15">
        <v>45721</v>
      </c>
      <c r="F68965" s="14" t="s">
        <v>15</v>
      </c>
      <c r="G68965" s="16">
        <v>0</v>
      </c>
    </row>
    <row r="68966" spans="1:7" x14ac:dyDescent="0.3">
      <c r="A68966" s="13" t="s">
        <v>360</v>
      </c>
      <c r="B68966" s="14" t="s">
        <v>1</v>
      </c>
      <c r="C68966" s="14" t="s">
        <v>17</v>
      </c>
      <c r="D68966" s="14" t="s">
        <v>171</v>
      </c>
      <c r="E68966" s="15">
        <v>45722</v>
      </c>
      <c r="F68966" s="14" t="s">
        <v>15</v>
      </c>
      <c r="G68966" s="16">
        <v>0</v>
      </c>
    </row>
    <row r="68967" spans="1:7" x14ac:dyDescent="0.3">
      <c r="A68967" s="13" t="s">
        <v>360</v>
      </c>
      <c r="B68967" s="14" t="s">
        <v>1</v>
      </c>
      <c r="C68967" s="14" t="s">
        <v>17</v>
      </c>
      <c r="D68967" s="14" t="s">
        <v>171</v>
      </c>
      <c r="E68967" s="15">
        <v>45723</v>
      </c>
      <c r="F68967" s="14" t="s">
        <v>15</v>
      </c>
      <c r="G68967" s="16">
        <v>0</v>
      </c>
    </row>
    <row r="68968" spans="1:7" x14ac:dyDescent="0.3">
      <c r="A68968" s="13" t="s">
        <v>360</v>
      </c>
      <c r="B68968" s="14" t="s">
        <v>1</v>
      </c>
      <c r="C68968" s="14" t="s">
        <v>17</v>
      </c>
      <c r="D68968" s="14" t="s">
        <v>171</v>
      </c>
      <c r="E68968" s="15">
        <v>45724</v>
      </c>
      <c r="F68968" s="14" t="s">
        <v>15</v>
      </c>
      <c r="G68968" s="16">
        <v>0</v>
      </c>
    </row>
    <row r="68969" spans="1:7" x14ac:dyDescent="0.3">
      <c r="A68969" s="13" t="s">
        <v>360</v>
      </c>
      <c r="B68969" s="14" t="s">
        <v>1</v>
      </c>
      <c r="C68969" s="14" t="s">
        <v>17</v>
      </c>
      <c r="D68969" s="14" t="s">
        <v>171</v>
      </c>
      <c r="E68969" s="15">
        <v>45725</v>
      </c>
      <c r="F68969" s="14" t="s">
        <v>15</v>
      </c>
      <c r="G68969" s="16">
        <v>0</v>
      </c>
    </row>
    <row r="68970" spans="1:7" x14ac:dyDescent="0.3">
      <c r="A68970" s="13" t="s">
        <v>360</v>
      </c>
      <c r="B68970" s="14" t="s">
        <v>1</v>
      </c>
      <c r="C68970" s="14" t="s">
        <v>17</v>
      </c>
      <c r="D68970" s="14" t="s">
        <v>171</v>
      </c>
      <c r="E68970" s="15">
        <v>45726</v>
      </c>
      <c r="F68970" s="14" t="s">
        <v>15</v>
      </c>
      <c r="G68970" s="16">
        <v>0</v>
      </c>
    </row>
    <row r="68971" spans="1:7" x14ac:dyDescent="0.3">
      <c r="A68971" s="13" t="s">
        <v>360</v>
      </c>
      <c r="B68971" s="14" t="s">
        <v>1</v>
      </c>
      <c r="C68971" s="14" t="s">
        <v>17</v>
      </c>
      <c r="D68971" s="14" t="s">
        <v>171</v>
      </c>
      <c r="E68971" s="15">
        <v>45727</v>
      </c>
      <c r="F68971" s="14" t="s">
        <v>15</v>
      </c>
      <c r="G68971" s="16">
        <v>0</v>
      </c>
    </row>
    <row r="68972" spans="1:7" x14ac:dyDescent="0.3">
      <c r="A68972" s="13" t="s">
        <v>360</v>
      </c>
      <c r="B68972" s="14" t="s">
        <v>1</v>
      </c>
      <c r="C68972" s="14" t="s">
        <v>17</v>
      </c>
      <c r="D68972" s="14" t="s">
        <v>171</v>
      </c>
      <c r="E68972" s="15">
        <v>45728</v>
      </c>
      <c r="F68972" s="14" t="s">
        <v>15</v>
      </c>
      <c r="G68972" s="16">
        <v>0</v>
      </c>
    </row>
    <row r="68973" spans="1:7" x14ac:dyDescent="0.3">
      <c r="A68973" s="13" t="s">
        <v>360</v>
      </c>
      <c r="B68973" s="14" t="s">
        <v>1</v>
      </c>
      <c r="C68973" s="14" t="s">
        <v>17</v>
      </c>
      <c r="D68973" s="14" t="s">
        <v>171</v>
      </c>
      <c r="E68973" s="15">
        <v>45729</v>
      </c>
      <c r="F68973" s="14" t="s">
        <v>15</v>
      </c>
      <c r="G68973" s="16">
        <v>0</v>
      </c>
    </row>
    <row r="68974" spans="1:7" x14ac:dyDescent="0.3">
      <c r="A68974" s="13" t="s">
        <v>360</v>
      </c>
      <c r="B68974" s="14" t="s">
        <v>1</v>
      </c>
      <c r="C68974" s="14" t="s">
        <v>17</v>
      </c>
      <c r="D68974" s="14" t="s">
        <v>171</v>
      </c>
      <c r="E68974" s="15">
        <v>45730</v>
      </c>
      <c r="F68974" s="14" t="s">
        <v>15</v>
      </c>
      <c r="G68974" s="16">
        <v>0</v>
      </c>
    </row>
    <row r="68975" spans="1:7" x14ac:dyDescent="0.3">
      <c r="A68975" s="13" t="s">
        <v>360</v>
      </c>
      <c r="B68975" s="14" t="s">
        <v>1</v>
      </c>
      <c r="C68975" s="14" t="s">
        <v>17</v>
      </c>
      <c r="D68975" s="14" t="s">
        <v>171</v>
      </c>
      <c r="E68975" s="15">
        <v>45731</v>
      </c>
      <c r="F68975" s="14" t="s">
        <v>15</v>
      </c>
      <c r="G68975" s="16">
        <v>0</v>
      </c>
    </row>
    <row r="68976" spans="1:7" x14ac:dyDescent="0.3">
      <c r="A68976" s="13" t="s">
        <v>360</v>
      </c>
      <c r="B68976" s="14" t="s">
        <v>1</v>
      </c>
      <c r="C68976" s="14" t="s">
        <v>17</v>
      </c>
      <c r="D68976" s="14" t="s">
        <v>171</v>
      </c>
      <c r="E68976" s="15">
        <v>45732</v>
      </c>
      <c r="F68976" s="14" t="s">
        <v>15</v>
      </c>
      <c r="G68976" s="16">
        <v>0</v>
      </c>
    </row>
    <row r="68977" spans="1:7" x14ac:dyDescent="0.3">
      <c r="A68977" s="13" t="s">
        <v>360</v>
      </c>
      <c r="B68977" s="14" t="s">
        <v>1</v>
      </c>
      <c r="C68977" s="14" t="s">
        <v>17</v>
      </c>
      <c r="D68977" s="14" t="s">
        <v>171</v>
      </c>
      <c r="E68977" s="15">
        <v>45733</v>
      </c>
      <c r="F68977" s="14" t="s">
        <v>15</v>
      </c>
      <c r="G68977" s="16">
        <v>0</v>
      </c>
    </row>
    <row r="68978" spans="1:7" x14ac:dyDescent="0.3">
      <c r="A68978" s="13" t="s">
        <v>360</v>
      </c>
      <c r="B68978" s="14" t="s">
        <v>1</v>
      </c>
      <c r="C68978" s="14" t="s">
        <v>17</v>
      </c>
      <c r="D68978" s="14" t="s">
        <v>171</v>
      </c>
      <c r="E68978" s="15">
        <v>45734</v>
      </c>
      <c r="F68978" s="14" t="s">
        <v>15</v>
      </c>
      <c r="G68978" s="16">
        <v>0</v>
      </c>
    </row>
    <row r="68979" spans="1:7" x14ac:dyDescent="0.3">
      <c r="A68979" s="13" t="s">
        <v>360</v>
      </c>
      <c r="B68979" s="14" t="s">
        <v>1</v>
      </c>
      <c r="C68979" s="14" t="s">
        <v>17</v>
      </c>
      <c r="D68979" s="14" t="s">
        <v>171</v>
      </c>
      <c r="E68979" s="15">
        <v>45735</v>
      </c>
      <c r="F68979" s="14" t="s">
        <v>15</v>
      </c>
      <c r="G68979" s="16">
        <v>0</v>
      </c>
    </row>
    <row r="68980" spans="1:7" x14ac:dyDescent="0.3">
      <c r="A68980" s="13" t="s">
        <v>360</v>
      </c>
      <c r="B68980" s="14" t="s">
        <v>1</v>
      </c>
      <c r="C68980" s="14" t="s">
        <v>17</v>
      </c>
      <c r="D68980" s="14" t="s">
        <v>171</v>
      </c>
      <c r="E68980" s="15">
        <v>45736</v>
      </c>
      <c r="F68980" s="14" t="s">
        <v>15</v>
      </c>
      <c r="G68980" s="16">
        <v>0</v>
      </c>
    </row>
    <row r="68981" spans="1:7" x14ac:dyDescent="0.3">
      <c r="A68981" s="13" t="s">
        <v>360</v>
      </c>
      <c r="B68981" s="14" t="s">
        <v>1</v>
      </c>
      <c r="C68981" s="14" t="s">
        <v>17</v>
      </c>
      <c r="D68981" s="14" t="s">
        <v>171</v>
      </c>
      <c r="E68981" s="15">
        <v>45737</v>
      </c>
      <c r="F68981" s="14" t="s">
        <v>15</v>
      </c>
      <c r="G68981" s="16">
        <v>0</v>
      </c>
    </row>
    <row r="68982" spans="1:7" x14ac:dyDescent="0.3">
      <c r="A68982" s="13" t="s">
        <v>360</v>
      </c>
      <c r="B68982" s="14" t="s">
        <v>1</v>
      </c>
      <c r="C68982" s="14" t="s">
        <v>17</v>
      </c>
      <c r="D68982" s="14" t="s">
        <v>171</v>
      </c>
      <c r="E68982" s="15">
        <v>45738</v>
      </c>
      <c r="F68982" s="14" t="s">
        <v>15</v>
      </c>
      <c r="G68982" s="16">
        <v>0</v>
      </c>
    </row>
    <row r="68983" spans="1:7" x14ac:dyDescent="0.3">
      <c r="A68983" s="13" t="s">
        <v>360</v>
      </c>
      <c r="B68983" s="14" t="s">
        <v>1</v>
      </c>
      <c r="C68983" s="14" t="s">
        <v>17</v>
      </c>
      <c r="D68983" s="14" t="s">
        <v>171</v>
      </c>
      <c r="E68983" s="15">
        <v>45739</v>
      </c>
      <c r="F68983" s="14" t="s">
        <v>15</v>
      </c>
      <c r="G68983" s="16">
        <v>0</v>
      </c>
    </row>
    <row r="68984" spans="1:7" x14ac:dyDescent="0.3">
      <c r="A68984" s="13" t="s">
        <v>360</v>
      </c>
      <c r="B68984" s="14" t="s">
        <v>1</v>
      </c>
      <c r="C68984" s="14" t="s">
        <v>17</v>
      </c>
      <c r="D68984" s="14" t="s">
        <v>171</v>
      </c>
      <c r="E68984" s="15">
        <v>45740</v>
      </c>
      <c r="F68984" s="14" t="s">
        <v>15</v>
      </c>
      <c r="G68984" s="16">
        <v>0</v>
      </c>
    </row>
    <row r="68985" spans="1:7" x14ac:dyDescent="0.3">
      <c r="A68985" s="13" t="s">
        <v>360</v>
      </c>
      <c r="B68985" s="14" t="s">
        <v>1</v>
      </c>
      <c r="C68985" s="14" t="s">
        <v>17</v>
      </c>
      <c r="D68985" s="14" t="s">
        <v>171</v>
      </c>
      <c r="E68985" s="15">
        <v>45741</v>
      </c>
      <c r="F68985" s="14" t="s">
        <v>15</v>
      </c>
      <c r="G68985" s="16">
        <v>0</v>
      </c>
    </row>
    <row r="68986" spans="1:7" x14ac:dyDescent="0.3">
      <c r="A68986" s="13" t="s">
        <v>360</v>
      </c>
      <c r="B68986" s="14" t="s">
        <v>1</v>
      </c>
      <c r="C68986" s="14" t="s">
        <v>17</v>
      </c>
      <c r="D68986" s="14" t="s">
        <v>171</v>
      </c>
      <c r="E68986" s="15">
        <v>45742</v>
      </c>
      <c r="F68986" s="14" t="s">
        <v>15</v>
      </c>
      <c r="G68986" s="16">
        <v>0</v>
      </c>
    </row>
    <row r="68987" spans="1:7" x14ac:dyDescent="0.3">
      <c r="A68987" s="13" t="s">
        <v>360</v>
      </c>
      <c r="B68987" s="14" t="s">
        <v>1</v>
      </c>
      <c r="C68987" s="14" t="s">
        <v>17</v>
      </c>
      <c r="D68987" s="14" t="s">
        <v>171</v>
      </c>
      <c r="E68987" s="15">
        <v>45743</v>
      </c>
      <c r="F68987" s="14" t="s">
        <v>15</v>
      </c>
      <c r="G68987" s="16">
        <v>0</v>
      </c>
    </row>
    <row r="68988" spans="1:7" x14ac:dyDescent="0.3">
      <c r="A68988" s="13" t="s">
        <v>360</v>
      </c>
      <c r="B68988" s="14" t="s">
        <v>1</v>
      </c>
      <c r="C68988" s="14" t="s">
        <v>17</v>
      </c>
      <c r="D68988" s="14" t="s">
        <v>171</v>
      </c>
      <c r="E68988" s="15">
        <v>45744</v>
      </c>
      <c r="F68988" s="14" t="s">
        <v>15</v>
      </c>
      <c r="G68988" s="16">
        <v>0</v>
      </c>
    </row>
    <row r="68989" spans="1:7" x14ac:dyDescent="0.3">
      <c r="A68989" s="13" t="s">
        <v>360</v>
      </c>
      <c r="B68989" s="14" t="s">
        <v>1</v>
      </c>
      <c r="C68989" s="14" t="s">
        <v>17</v>
      </c>
      <c r="D68989" s="14" t="s">
        <v>171</v>
      </c>
      <c r="E68989" s="15">
        <v>45745</v>
      </c>
      <c r="F68989" s="14" t="s">
        <v>15</v>
      </c>
      <c r="G68989" s="16">
        <v>0</v>
      </c>
    </row>
    <row r="68990" spans="1:7" x14ac:dyDescent="0.3">
      <c r="A68990" s="13" t="s">
        <v>360</v>
      </c>
      <c r="B68990" s="14" t="s">
        <v>1</v>
      </c>
      <c r="C68990" s="14" t="s">
        <v>17</v>
      </c>
      <c r="D68990" s="14" t="s">
        <v>171</v>
      </c>
      <c r="E68990" s="15">
        <v>45746</v>
      </c>
      <c r="F68990" s="14" t="s">
        <v>15</v>
      </c>
      <c r="G68990" s="16">
        <v>0</v>
      </c>
    </row>
    <row r="68991" spans="1:7" x14ac:dyDescent="0.3">
      <c r="A68991" s="13" t="s">
        <v>360</v>
      </c>
      <c r="B68991" s="14" t="s">
        <v>1</v>
      </c>
      <c r="C68991" s="14" t="s">
        <v>17</v>
      </c>
      <c r="D68991" s="14" t="s">
        <v>171</v>
      </c>
      <c r="E68991" s="15">
        <v>45747</v>
      </c>
      <c r="F68991" s="14" t="s">
        <v>15</v>
      </c>
      <c r="G68991" s="16">
        <v>0</v>
      </c>
    </row>
    <row r="68992" spans="1:7" x14ac:dyDescent="0.3">
      <c r="A68992" s="13" t="s">
        <v>361</v>
      </c>
      <c r="B68992" s="14" t="s">
        <v>1</v>
      </c>
      <c r="C68992" s="14" t="s">
        <v>191</v>
      </c>
      <c r="D68992" s="14" t="s">
        <v>14</v>
      </c>
      <c r="E68992" s="15">
        <v>45383</v>
      </c>
      <c r="F68992" s="14" t="s">
        <v>15</v>
      </c>
      <c r="G68992" s="16">
        <v>0</v>
      </c>
    </row>
    <row r="68993" spans="1:7" x14ac:dyDescent="0.3">
      <c r="A68993" s="13" t="s">
        <v>361</v>
      </c>
      <c r="B68993" s="14" t="s">
        <v>1</v>
      </c>
      <c r="C68993" s="14" t="s">
        <v>191</v>
      </c>
      <c r="D68993" s="14" t="s">
        <v>14</v>
      </c>
      <c r="E68993" s="15">
        <v>45384</v>
      </c>
      <c r="F68993" s="14" t="s">
        <v>15</v>
      </c>
      <c r="G68993" s="16">
        <v>0</v>
      </c>
    </row>
    <row r="68994" spans="1:7" x14ac:dyDescent="0.3">
      <c r="A68994" s="13" t="s">
        <v>361</v>
      </c>
      <c r="B68994" s="14" t="s">
        <v>1</v>
      </c>
      <c r="C68994" s="14" t="s">
        <v>191</v>
      </c>
      <c r="D68994" s="14" t="s">
        <v>14</v>
      </c>
      <c r="E68994" s="15">
        <v>45385</v>
      </c>
      <c r="F68994" s="14" t="s">
        <v>15</v>
      </c>
      <c r="G68994" s="16">
        <v>0</v>
      </c>
    </row>
    <row r="68995" spans="1:7" x14ac:dyDescent="0.3">
      <c r="A68995" s="13" t="s">
        <v>361</v>
      </c>
      <c r="B68995" s="14" t="s">
        <v>1</v>
      </c>
      <c r="C68995" s="14" t="s">
        <v>191</v>
      </c>
      <c r="D68995" s="14" t="s">
        <v>14</v>
      </c>
      <c r="E68995" s="15">
        <v>45386</v>
      </c>
      <c r="F68995" s="14" t="s">
        <v>15</v>
      </c>
      <c r="G68995" s="16">
        <v>0</v>
      </c>
    </row>
    <row r="68996" spans="1:7" x14ac:dyDescent="0.3">
      <c r="A68996" s="13" t="s">
        <v>361</v>
      </c>
      <c r="B68996" s="14" t="s">
        <v>1</v>
      </c>
      <c r="C68996" s="14" t="s">
        <v>191</v>
      </c>
      <c r="D68996" s="14" t="s">
        <v>14</v>
      </c>
      <c r="E68996" s="15">
        <v>45387</v>
      </c>
      <c r="F68996" s="14" t="s">
        <v>15</v>
      </c>
      <c r="G68996" s="16">
        <v>0</v>
      </c>
    </row>
    <row r="68997" spans="1:7" x14ac:dyDescent="0.3">
      <c r="A68997" s="13" t="s">
        <v>361</v>
      </c>
      <c r="B68997" s="14" t="s">
        <v>1</v>
      </c>
      <c r="C68997" s="14" t="s">
        <v>191</v>
      </c>
      <c r="D68997" s="14" t="s">
        <v>14</v>
      </c>
      <c r="E68997" s="15">
        <v>45388</v>
      </c>
      <c r="F68997" s="14" t="s">
        <v>15</v>
      </c>
      <c r="G68997" s="16">
        <v>0</v>
      </c>
    </row>
    <row r="68998" spans="1:7" x14ac:dyDescent="0.3">
      <c r="A68998" s="13" t="s">
        <v>361</v>
      </c>
      <c r="B68998" s="14" t="s">
        <v>1</v>
      </c>
      <c r="C68998" s="14" t="s">
        <v>191</v>
      </c>
      <c r="D68998" s="14" t="s">
        <v>14</v>
      </c>
      <c r="E68998" s="15">
        <v>45389</v>
      </c>
      <c r="F68998" s="14" t="s">
        <v>15</v>
      </c>
      <c r="G68998" s="16">
        <v>0</v>
      </c>
    </row>
    <row r="68999" spans="1:7" x14ac:dyDescent="0.3">
      <c r="A68999" s="13" t="s">
        <v>361</v>
      </c>
      <c r="B68999" s="14" t="s">
        <v>1</v>
      </c>
      <c r="C68999" s="14" t="s">
        <v>191</v>
      </c>
      <c r="D68999" s="14" t="s">
        <v>14</v>
      </c>
      <c r="E68999" s="15">
        <v>45390</v>
      </c>
      <c r="F68999" s="14" t="s">
        <v>15</v>
      </c>
      <c r="G68999" s="16">
        <v>0</v>
      </c>
    </row>
    <row r="69000" spans="1:7" x14ac:dyDescent="0.3">
      <c r="A69000" s="13" t="s">
        <v>361</v>
      </c>
      <c r="B69000" s="14" t="s">
        <v>1</v>
      </c>
      <c r="C69000" s="14" t="s">
        <v>191</v>
      </c>
      <c r="D69000" s="14" t="s">
        <v>14</v>
      </c>
      <c r="E69000" s="15">
        <v>45391</v>
      </c>
      <c r="F69000" s="14" t="s">
        <v>15</v>
      </c>
      <c r="G69000" s="16">
        <v>0</v>
      </c>
    </row>
    <row r="69001" spans="1:7" x14ac:dyDescent="0.3">
      <c r="A69001" s="13" t="s">
        <v>361</v>
      </c>
      <c r="B69001" s="14" t="s">
        <v>1</v>
      </c>
      <c r="C69001" s="14" t="s">
        <v>191</v>
      </c>
      <c r="D69001" s="14" t="s">
        <v>14</v>
      </c>
      <c r="E69001" s="15">
        <v>45392</v>
      </c>
      <c r="F69001" s="14" t="s">
        <v>15</v>
      </c>
      <c r="G69001" s="16">
        <v>0</v>
      </c>
    </row>
    <row r="69002" spans="1:7" x14ac:dyDescent="0.3">
      <c r="A69002" s="13" t="s">
        <v>361</v>
      </c>
      <c r="B69002" s="14" t="s">
        <v>1</v>
      </c>
      <c r="C69002" s="14" t="s">
        <v>191</v>
      </c>
      <c r="D69002" s="14" t="s">
        <v>14</v>
      </c>
      <c r="E69002" s="15">
        <v>45393</v>
      </c>
      <c r="F69002" s="14" t="s">
        <v>15</v>
      </c>
      <c r="G69002" s="16">
        <v>0</v>
      </c>
    </row>
    <row r="69003" spans="1:7" x14ac:dyDescent="0.3">
      <c r="A69003" s="13" t="s">
        <v>361</v>
      </c>
      <c r="B69003" s="14" t="s">
        <v>1</v>
      </c>
      <c r="C69003" s="14" t="s">
        <v>191</v>
      </c>
      <c r="D69003" s="14" t="s">
        <v>14</v>
      </c>
      <c r="E69003" s="15">
        <v>45394</v>
      </c>
      <c r="F69003" s="14" t="s">
        <v>15</v>
      </c>
      <c r="G69003" s="16">
        <v>0</v>
      </c>
    </row>
    <row r="69004" spans="1:7" x14ac:dyDescent="0.3">
      <c r="A69004" s="13" t="s">
        <v>361</v>
      </c>
      <c r="B69004" s="14" t="s">
        <v>1</v>
      </c>
      <c r="C69004" s="14" t="s">
        <v>191</v>
      </c>
      <c r="D69004" s="14" t="s">
        <v>14</v>
      </c>
      <c r="E69004" s="15">
        <v>45395</v>
      </c>
      <c r="F69004" s="14" t="s">
        <v>15</v>
      </c>
      <c r="G69004" s="16">
        <v>0</v>
      </c>
    </row>
    <row r="69005" spans="1:7" x14ac:dyDescent="0.3">
      <c r="A69005" s="13" t="s">
        <v>361</v>
      </c>
      <c r="B69005" s="14" t="s">
        <v>1</v>
      </c>
      <c r="C69005" s="14" t="s">
        <v>191</v>
      </c>
      <c r="D69005" s="14" t="s">
        <v>14</v>
      </c>
      <c r="E69005" s="15">
        <v>45396</v>
      </c>
      <c r="F69005" s="14" t="s">
        <v>15</v>
      </c>
      <c r="G69005" s="16">
        <v>0</v>
      </c>
    </row>
    <row r="69006" spans="1:7" x14ac:dyDescent="0.3">
      <c r="A69006" s="13" t="s">
        <v>361</v>
      </c>
      <c r="B69006" s="14" t="s">
        <v>1</v>
      </c>
      <c r="C69006" s="14" t="s">
        <v>191</v>
      </c>
      <c r="D69006" s="14" t="s">
        <v>14</v>
      </c>
      <c r="E69006" s="15">
        <v>45397</v>
      </c>
      <c r="F69006" s="14" t="s">
        <v>15</v>
      </c>
      <c r="G69006" s="16">
        <v>0</v>
      </c>
    </row>
    <row r="69007" spans="1:7" x14ac:dyDescent="0.3">
      <c r="A69007" s="13" t="s">
        <v>361</v>
      </c>
      <c r="B69007" s="14" t="s">
        <v>1</v>
      </c>
      <c r="C69007" s="14" t="s">
        <v>191</v>
      </c>
      <c r="D69007" s="14" t="s">
        <v>14</v>
      </c>
      <c r="E69007" s="15">
        <v>45398</v>
      </c>
      <c r="F69007" s="14" t="s">
        <v>15</v>
      </c>
      <c r="G69007" s="16">
        <v>0</v>
      </c>
    </row>
    <row r="69008" spans="1:7" x14ac:dyDescent="0.3">
      <c r="A69008" s="13" t="s">
        <v>361</v>
      </c>
      <c r="B69008" s="14" t="s">
        <v>1</v>
      </c>
      <c r="C69008" s="14" t="s">
        <v>191</v>
      </c>
      <c r="D69008" s="14" t="s">
        <v>14</v>
      </c>
      <c r="E69008" s="15">
        <v>45399</v>
      </c>
      <c r="F69008" s="14" t="s">
        <v>15</v>
      </c>
      <c r="G69008" s="16">
        <v>0</v>
      </c>
    </row>
    <row r="69009" spans="1:7" x14ac:dyDescent="0.3">
      <c r="A69009" s="13" t="s">
        <v>361</v>
      </c>
      <c r="B69009" s="14" t="s">
        <v>1</v>
      </c>
      <c r="C69009" s="14" t="s">
        <v>191</v>
      </c>
      <c r="D69009" s="14" t="s">
        <v>14</v>
      </c>
      <c r="E69009" s="15">
        <v>45400</v>
      </c>
      <c r="F69009" s="14" t="s">
        <v>15</v>
      </c>
      <c r="G69009" s="16">
        <v>0</v>
      </c>
    </row>
    <row r="69010" spans="1:7" x14ac:dyDescent="0.3">
      <c r="A69010" s="13" t="s">
        <v>361</v>
      </c>
      <c r="B69010" s="14" t="s">
        <v>1</v>
      </c>
      <c r="C69010" s="14" t="s">
        <v>191</v>
      </c>
      <c r="D69010" s="14" t="s">
        <v>14</v>
      </c>
      <c r="E69010" s="15">
        <v>45401</v>
      </c>
      <c r="F69010" s="14" t="s">
        <v>15</v>
      </c>
      <c r="G69010" s="16">
        <v>0</v>
      </c>
    </row>
    <row r="69011" spans="1:7" x14ac:dyDescent="0.3">
      <c r="A69011" s="13" t="s">
        <v>361</v>
      </c>
      <c r="B69011" s="14" t="s">
        <v>1</v>
      </c>
      <c r="C69011" s="14" t="s">
        <v>191</v>
      </c>
      <c r="D69011" s="14" t="s">
        <v>14</v>
      </c>
      <c r="E69011" s="15">
        <v>45402</v>
      </c>
      <c r="F69011" s="14" t="s">
        <v>15</v>
      </c>
      <c r="G69011" s="16">
        <v>0</v>
      </c>
    </row>
    <row r="69012" spans="1:7" x14ac:dyDescent="0.3">
      <c r="A69012" s="13" t="s">
        <v>361</v>
      </c>
      <c r="B69012" s="14" t="s">
        <v>1</v>
      </c>
      <c r="C69012" s="14" t="s">
        <v>191</v>
      </c>
      <c r="D69012" s="14" t="s">
        <v>14</v>
      </c>
      <c r="E69012" s="15">
        <v>45403</v>
      </c>
      <c r="F69012" s="14" t="s">
        <v>15</v>
      </c>
      <c r="G69012" s="16">
        <v>0</v>
      </c>
    </row>
    <row r="69013" spans="1:7" x14ac:dyDescent="0.3">
      <c r="A69013" s="13" t="s">
        <v>361</v>
      </c>
      <c r="B69013" s="14" t="s">
        <v>1</v>
      </c>
      <c r="C69013" s="14" t="s">
        <v>191</v>
      </c>
      <c r="D69013" s="14" t="s">
        <v>14</v>
      </c>
      <c r="E69013" s="15">
        <v>45404</v>
      </c>
      <c r="F69013" s="14" t="s">
        <v>15</v>
      </c>
      <c r="G69013" s="16">
        <v>0</v>
      </c>
    </row>
    <row r="69014" spans="1:7" x14ac:dyDescent="0.3">
      <c r="A69014" s="13" t="s">
        <v>361</v>
      </c>
      <c r="B69014" s="14" t="s">
        <v>1</v>
      </c>
      <c r="C69014" s="14" t="s">
        <v>191</v>
      </c>
      <c r="D69014" s="14" t="s">
        <v>14</v>
      </c>
      <c r="E69014" s="15">
        <v>45405</v>
      </c>
      <c r="F69014" s="14" t="s">
        <v>15</v>
      </c>
      <c r="G69014" s="16">
        <v>0</v>
      </c>
    </row>
    <row r="69015" spans="1:7" x14ac:dyDescent="0.3">
      <c r="A69015" s="13" t="s">
        <v>361</v>
      </c>
      <c r="B69015" s="14" t="s">
        <v>1</v>
      </c>
      <c r="C69015" s="14" t="s">
        <v>191</v>
      </c>
      <c r="D69015" s="14" t="s">
        <v>14</v>
      </c>
      <c r="E69015" s="15">
        <v>45406</v>
      </c>
      <c r="F69015" s="14" t="s">
        <v>15</v>
      </c>
      <c r="G69015" s="16">
        <v>0</v>
      </c>
    </row>
    <row r="69016" spans="1:7" x14ac:dyDescent="0.3">
      <c r="A69016" s="13" t="s">
        <v>361</v>
      </c>
      <c r="B69016" s="14" t="s">
        <v>1</v>
      </c>
      <c r="C69016" s="14" t="s">
        <v>191</v>
      </c>
      <c r="D69016" s="14" t="s">
        <v>14</v>
      </c>
      <c r="E69016" s="15">
        <v>45407</v>
      </c>
      <c r="F69016" s="14" t="s">
        <v>15</v>
      </c>
      <c r="G69016" s="16">
        <v>0</v>
      </c>
    </row>
    <row r="69017" spans="1:7" x14ac:dyDescent="0.3">
      <c r="A69017" s="13" t="s">
        <v>361</v>
      </c>
      <c r="B69017" s="14" t="s">
        <v>1</v>
      </c>
      <c r="C69017" s="14" t="s">
        <v>191</v>
      </c>
      <c r="D69017" s="14" t="s">
        <v>14</v>
      </c>
      <c r="E69017" s="15">
        <v>45408</v>
      </c>
      <c r="F69017" s="14" t="s">
        <v>15</v>
      </c>
      <c r="G69017" s="16">
        <v>0</v>
      </c>
    </row>
    <row r="69018" spans="1:7" x14ac:dyDescent="0.3">
      <c r="A69018" s="13" t="s">
        <v>361</v>
      </c>
      <c r="B69018" s="14" t="s">
        <v>1</v>
      </c>
      <c r="C69018" s="14" t="s">
        <v>191</v>
      </c>
      <c r="D69018" s="14" t="s">
        <v>14</v>
      </c>
      <c r="E69018" s="15">
        <v>45409</v>
      </c>
      <c r="F69018" s="14" t="s">
        <v>15</v>
      </c>
      <c r="G69018" s="16">
        <v>0</v>
      </c>
    </row>
    <row r="69019" spans="1:7" x14ac:dyDescent="0.3">
      <c r="A69019" s="13" t="s">
        <v>361</v>
      </c>
      <c r="B69019" s="14" t="s">
        <v>1</v>
      </c>
      <c r="C69019" s="14" t="s">
        <v>191</v>
      </c>
      <c r="D69019" s="14" t="s">
        <v>14</v>
      </c>
      <c r="E69019" s="15">
        <v>45410</v>
      </c>
      <c r="F69019" s="14" t="s">
        <v>15</v>
      </c>
      <c r="G69019" s="16">
        <v>0</v>
      </c>
    </row>
    <row r="69020" spans="1:7" x14ac:dyDescent="0.3">
      <c r="A69020" s="13" t="s">
        <v>361</v>
      </c>
      <c r="B69020" s="14" t="s">
        <v>1</v>
      </c>
      <c r="C69020" s="14" t="s">
        <v>191</v>
      </c>
      <c r="D69020" s="14" t="s">
        <v>14</v>
      </c>
      <c r="E69020" s="15">
        <v>45411</v>
      </c>
      <c r="F69020" s="14" t="s">
        <v>15</v>
      </c>
      <c r="G69020" s="16">
        <v>0</v>
      </c>
    </row>
    <row r="69021" spans="1:7" x14ac:dyDescent="0.3">
      <c r="A69021" s="13" t="s">
        <v>361</v>
      </c>
      <c r="B69021" s="14" t="s">
        <v>1</v>
      </c>
      <c r="C69021" s="14" t="s">
        <v>191</v>
      </c>
      <c r="D69021" s="14" t="s">
        <v>14</v>
      </c>
      <c r="E69021" s="15">
        <v>45412</v>
      </c>
      <c r="F69021" s="14" t="s">
        <v>15</v>
      </c>
      <c r="G69021" s="16">
        <v>0</v>
      </c>
    </row>
    <row r="69022" spans="1:7" x14ac:dyDescent="0.3">
      <c r="A69022" s="13" t="s">
        <v>361</v>
      </c>
      <c r="B69022" s="14" t="s">
        <v>1</v>
      </c>
      <c r="C69022" s="14" t="s">
        <v>191</v>
      </c>
      <c r="D69022" s="14" t="s">
        <v>14</v>
      </c>
      <c r="E69022" s="15">
        <v>45413</v>
      </c>
      <c r="F69022" s="14" t="s">
        <v>15</v>
      </c>
      <c r="G69022" s="16">
        <v>0</v>
      </c>
    </row>
    <row r="69023" spans="1:7" x14ac:dyDescent="0.3">
      <c r="A69023" s="13" t="s">
        <v>361</v>
      </c>
      <c r="B69023" s="14" t="s">
        <v>1</v>
      </c>
      <c r="C69023" s="14" t="s">
        <v>191</v>
      </c>
      <c r="D69023" s="14" t="s">
        <v>14</v>
      </c>
      <c r="E69023" s="15">
        <v>45414</v>
      </c>
      <c r="F69023" s="14" t="s">
        <v>15</v>
      </c>
      <c r="G69023" s="16">
        <v>0</v>
      </c>
    </row>
    <row r="69024" spans="1:7" x14ac:dyDescent="0.3">
      <c r="A69024" s="13" t="s">
        <v>361</v>
      </c>
      <c r="B69024" s="14" t="s">
        <v>1</v>
      </c>
      <c r="C69024" s="14" t="s">
        <v>191</v>
      </c>
      <c r="D69024" s="14" t="s">
        <v>14</v>
      </c>
      <c r="E69024" s="15">
        <v>45415</v>
      </c>
      <c r="F69024" s="14" t="s">
        <v>15</v>
      </c>
      <c r="G69024" s="16">
        <v>0</v>
      </c>
    </row>
    <row r="69025" spans="1:7" x14ac:dyDescent="0.3">
      <c r="A69025" s="13" t="s">
        <v>361</v>
      </c>
      <c r="B69025" s="14" t="s">
        <v>1</v>
      </c>
      <c r="C69025" s="14" t="s">
        <v>191</v>
      </c>
      <c r="D69025" s="14" t="s">
        <v>14</v>
      </c>
      <c r="E69025" s="15">
        <v>45416</v>
      </c>
      <c r="F69025" s="14" t="s">
        <v>15</v>
      </c>
      <c r="G69025" s="16">
        <v>0</v>
      </c>
    </row>
    <row r="69026" spans="1:7" x14ac:dyDescent="0.3">
      <c r="A69026" s="13" t="s">
        <v>361</v>
      </c>
      <c r="B69026" s="14" t="s">
        <v>1</v>
      </c>
      <c r="C69026" s="14" t="s">
        <v>191</v>
      </c>
      <c r="D69026" s="14" t="s">
        <v>14</v>
      </c>
      <c r="E69026" s="15">
        <v>45417</v>
      </c>
      <c r="F69026" s="14" t="s">
        <v>15</v>
      </c>
      <c r="G69026" s="16">
        <v>0</v>
      </c>
    </row>
    <row r="69027" spans="1:7" x14ac:dyDescent="0.3">
      <c r="A69027" s="13" t="s">
        <v>361</v>
      </c>
      <c r="B69027" s="14" t="s">
        <v>1</v>
      </c>
      <c r="C69027" s="14" t="s">
        <v>191</v>
      </c>
      <c r="D69027" s="14" t="s">
        <v>14</v>
      </c>
      <c r="E69027" s="15">
        <v>45418</v>
      </c>
      <c r="F69027" s="14" t="s">
        <v>15</v>
      </c>
      <c r="G69027" s="16">
        <v>0</v>
      </c>
    </row>
    <row r="69028" spans="1:7" x14ac:dyDescent="0.3">
      <c r="A69028" s="13" t="s">
        <v>361</v>
      </c>
      <c r="B69028" s="14" t="s">
        <v>1</v>
      </c>
      <c r="C69028" s="14" t="s">
        <v>191</v>
      </c>
      <c r="D69028" s="14" t="s">
        <v>14</v>
      </c>
      <c r="E69028" s="15">
        <v>45419</v>
      </c>
      <c r="F69028" s="14" t="s">
        <v>15</v>
      </c>
      <c r="G69028" s="16">
        <v>0</v>
      </c>
    </row>
    <row r="69029" spans="1:7" x14ac:dyDescent="0.3">
      <c r="A69029" s="13" t="s">
        <v>361</v>
      </c>
      <c r="B69029" s="14" t="s">
        <v>1</v>
      </c>
      <c r="C69029" s="14" t="s">
        <v>191</v>
      </c>
      <c r="D69029" s="14" t="s">
        <v>14</v>
      </c>
      <c r="E69029" s="15">
        <v>45420</v>
      </c>
      <c r="F69029" s="14" t="s">
        <v>15</v>
      </c>
      <c r="G69029" s="16">
        <v>3.5649249577891784E-4</v>
      </c>
    </row>
    <row r="69030" spans="1:7" x14ac:dyDescent="0.3">
      <c r="A69030" s="13" t="s">
        <v>361</v>
      </c>
      <c r="B69030" s="14" t="s">
        <v>1</v>
      </c>
      <c r="C69030" s="14" t="s">
        <v>191</v>
      </c>
      <c r="D69030" s="14" t="s">
        <v>14</v>
      </c>
      <c r="E69030" s="15">
        <v>45421</v>
      </c>
      <c r="F69030" s="14" t="s">
        <v>15</v>
      </c>
      <c r="G69030" s="16">
        <v>0</v>
      </c>
    </row>
    <row r="69031" spans="1:7" x14ac:dyDescent="0.3">
      <c r="A69031" s="13" t="s">
        <v>361</v>
      </c>
      <c r="B69031" s="14" t="s">
        <v>1</v>
      </c>
      <c r="C69031" s="14" t="s">
        <v>191</v>
      </c>
      <c r="D69031" s="14" t="s">
        <v>14</v>
      </c>
      <c r="E69031" s="15">
        <v>45422</v>
      </c>
      <c r="F69031" s="14" t="s">
        <v>15</v>
      </c>
      <c r="G69031" s="16">
        <v>0</v>
      </c>
    </row>
    <row r="69032" spans="1:7" x14ac:dyDescent="0.3">
      <c r="A69032" s="13" t="s">
        <v>361</v>
      </c>
      <c r="B69032" s="14" t="s">
        <v>1</v>
      </c>
      <c r="C69032" s="14" t="s">
        <v>191</v>
      </c>
      <c r="D69032" s="14" t="s">
        <v>14</v>
      </c>
      <c r="E69032" s="15">
        <v>45423</v>
      </c>
      <c r="F69032" s="14" t="s">
        <v>15</v>
      </c>
      <c r="G69032" s="16">
        <v>0</v>
      </c>
    </row>
    <row r="69033" spans="1:7" x14ac:dyDescent="0.3">
      <c r="A69033" s="13" t="s">
        <v>361</v>
      </c>
      <c r="B69033" s="14" t="s">
        <v>1</v>
      </c>
      <c r="C69033" s="14" t="s">
        <v>191</v>
      </c>
      <c r="D69033" s="14" t="s">
        <v>14</v>
      </c>
      <c r="E69033" s="15">
        <v>45424</v>
      </c>
      <c r="F69033" s="14" t="s">
        <v>15</v>
      </c>
      <c r="G69033" s="16">
        <v>0</v>
      </c>
    </row>
    <row r="69034" spans="1:7" x14ac:dyDescent="0.3">
      <c r="A69034" s="13" t="s">
        <v>361</v>
      </c>
      <c r="B69034" s="14" t="s">
        <v>1</v>
      </c>
      <c r="C69034" s="14" t="s">
        <v>191</v>
      </c>
      <c r="D69034" s="14" t="s">
        <v>14</v>
      </c>
      <c r="E69034" s="15">
        <v>45425</v>
      </c>
      <c r="F69034" s="14" t="s">
        <v>15</v>
      </c>
      <c r="G69034" s="16">
        <v>0</v>
      </c>
    </row>
    <row r="69035" spans="1:7" x14ac:dyDescent="0.3">
      <c r="A69035" s="13" t="s">
        <v>361</v>
      </c>
      <c r="B69035" s="14" t="s">
        <v>1</v>
      </c>
      <c r="C69035" s="14" t="s">
        <v>191</v>
      </c>
      <c r="D69035" s="14" t="s">
        <v>14</v>
      </c>
      <c r="E69035" s="15">
        <v>45426</v>
      </c>
      <c r="F69035" s="14" t="s">
        <v>15</v>
      </c>
      <c r="G69035" s="16">
        <v>0</v>
      </c>
    </row>
    <row r="69036" spans="1:7" x14ac:dyDescent="0.3">
      <c r="A69036" s="13" t="s">
        <v>361</v>
      </c>
      <c r="B69036" s="14" t="s">
        <v>1</v>
      </c>
      <c r="C69036" s="14" t="s">
        <v>191</v>
      </c>
      <c r="D69036" s="14" t="s">
        <v>14</v>
      </c>
      <c r="E69036" s="15">
        <v>45427</v>
      </c>
      <c r="F69036" s="14" t="s">
        <v>15</v>
      </c>
      <c r="G69036" s="16">
        <v>0</v>
      </c>
    </row>
    <row r="69037" spans="1:7" x14ac:dyDescent="0.3">
      <c r="A69037" s="13" t="s">
        <v>361</v>
      </c>
      <c r="B69037" s="14" t="s">
        <v>1</v>
      </c>
      <c r="C69037" s="14" t="s">
        <v>191</v>
      </c>
      <c r="D69037" s="14" t="s">
        <v>14</v>
      </c>
      <c r="E69037" s="15">
        <v>45428</v>
      </c>
      <c r="F69037" s="14" t="s">
        <v>15</v>
      </c>
      <c r="G69037" s="16">
        <v>0</v>
      </c>
    </row>
    <row r="69038" spans="1:7" x14ac:dyDescent="0.3">
      <c r="A69038" s="13" t="s">
        <v>361</v>
      </c>
      <c r="B69038" s="14" t="s">
        <v>1</v>
      </c>
      <c r="C69038" s="14" t="s">
        <v>191</v>
      </c>
      <c r="D69038" s="14" t="s">
        <v>14</v>
      </c>
      <c r="E69038" s="15">
        <v>45429</v>
      </c>
      <c r="F69038" s="14" t="s">
        <v>15</v>
      </c>
      <c r="G69038" s="16">
        <v>0</v>
      </c>
    </row>
    <row r="69039" spans="1:7" x14ac:dyDescent="0.3">
      <c r="A69039" s="13" t="s">
        <v>361</v>
      </c>
      <c r="B69039" s="14" t="s">
        <v>1</v>
      </c>
      <c r="C69039" s="14" t="s">
        <v>191</v>
      </c>
      <c r="D69039" s="14" t="s">
        <v>14</v>
      </c>
      <c r="E69039" s="15">
        <v>45430</v>
      </c>
      <c r="F69039" s="14" t="s">
        <v>15</v>
      </c>
      <c r="G69039" s="16">
        <v>0</v>
      </c>
    </row>
    <row r="69040" spans="1:7" x14ac:dyDescent="0.3">
      <c r="A69040" s="13" t="s">
        <v>361</v>
      </c>
      <c r="B69040" s="14" t="s">
        <v>1</v>
      </c>
      <c r="C69040" s="14" t="s">
        <v>191</v>
      </c>
      <c r="D69040" s="14" t="s">
        <v>14</v>
      </c>
      <c r="E69040" s="15">
        <v>45431</v>
      </c>
      <c r="F69040" s="14" t="s">
        <v>15</v>
      </c>
      <c r="G69040" s="16">
        <v>0</v>
      </c>
    </row>
    <row r="69041" spans="1:7" x14ac:dyDescent="0.3">
      <c r="A69041" s="13" t="s">
        <v>361</v>
      </c>
      <c r="B69041" s="14" t="s">
        <v>1</v>
      </c>
      <c r="C69041" s="14" t="s">
        <v>191</v>
      </c>
      <c r="D69041" s="14" t="s">
        <v>14</v>
      </c>
      <c r="E69041" s="15">
        <v>45432</v>
      </c>
      <c r="F69041" s="14" t="s">
        <v>15</v>
      </c>
      <c r="G69041" s="16">
        <v>0</v>
      </c>
    </row>
    <row r="69042" spans="1:7" x14ac:dyDescent="0.3">
      <c r="A69042" s="13" t="s">
        <v>361</v>
      </c>
      <c r="B69042" s="14" t="s">
        <v>1</v>
      </c>
      <c r="C69042" s="14" t="s">
        <v>191</v>
      </c>
      <c r="D69042" s="14" t="s">
        <v>14</v>
      </c>
      <c r="E69042" s="15">
        <v>45433</v>
      </c>
      <c r="F69042" s="14" t="s">
        <v>15</v>
      </c>
      <c r="G69042" s="16">
        <v>0</v>
      </c>
    </row>
    <row r="69043" spans="1:7" x14ac:dyDescent="0.3">
      <c r="A69043" s="13" t="s">
        <v>361</v>
      </c>
      <c r="B69043" s="14" t="s">
        <v>1</v>
      </c>
      <c r="C69043" s="14" t="s">
        <v>191</v>
      </c>
      <c r="D69043" s="14" t="s">
        <v>14</v>
      </c>
      <c r="E69043" s="15">
        <v>45434</v>
      </c>
      <c r="F69043" s="14" t="s">
        <v>15</v>
      </c>
      <c r="G69043" s="16">
        <v>0</v>
      </c>
    </row>
    <row r="69044" spans="1:7" x14ac:dyDescent="0.3">
      <c r="A69044" s="13" t="s">
        <v>361</v>
      </c>
      <c r="B69044" s="14" t="s">
        <v>1</v>
      </c>
      <c r="C69044" s="14" t="s">
        <v>191</v>
      </c>
      <c r="D69044" s="14" t="s">
        <v>14</v>
      </c>
      <c r="E69044" s="15">
        <v>45435</v>
      </c>
      <c r="F69044" s="14" t="s">
        <v>15</v>
      </c>
      <c r="G69044" s="16">
        <v>0</v>
      </c>
    </row>
    <row r="69045" spans="1:7" x14ac:dyDescent="0.3">
      <c r="A69045" s="13" t="s">
        <v>361</v>
      </c>
      <c r="B69045" s="14" t="s">
        <v>1</v>
      </c>
      <c r="C69045" s="14" t="s">
        <v>191</v>
      </c>
      <c r="D69045" s="14" t="s">
        <v>14</v>
      </c>
      <c r="E69045" s="15">
        <v>45436</v>
      </c>
      <c r="F69045" s="14" t="s">
        <v>15</v>
      </c>
      <c r="G69045" s="16">
        <v>0</v>
      </c>
    </row>
    <row r="69046" spans="1:7" x14ac:dyDescent="0.3">
      <c r="A69046" s="13" t="s">
        <v>361</v>
      </c>
      <c r="B69046" s="14" t="s">
        <v>1</v>
      </c>
      <c r="C69046" s="14" t="s">
        <v>191</v>
      </c>
      <c r="D69046" s="14" t="s">
        <v>14</v>
      </c>
      <c r="E69046" s="15">
        <v>45437</v>
      </c>
      <c r="F69046" s="14" t="s">
        <v>15</v>
      </c>
      <c r="G69046" s="16">
        <v>0</v>
      </c>
    </row>
    <row r="69047" spans="1:7" x14ac:dyDescent="0.3">
      <c r="A69047" s="13" t="s">
        <v>361</v>
      </c>
      <c r="B69047" s="14" t="s">
        <v>1</v>
      </c>
      <c r="C69047" s="14" t="s">
        <v>191</v>
      </c>
      <c r="D69047" s="14" t="s">
        <v>14</v>
      </c>
      <c r="E69047" s="15">
        <v>45438</v>
      </c>
      <c r="F69047" s="14" t="s">
        <v>15</v>
      </c>
      <c r="G69047" s="16">
        <v>0</v>
      </c>
    </row>
    <row r="69048" spans="1:7" x14ac:dyDescent="0.3">
      <c r="A69048" s="13" t="s">
        <v>361</v>
      </c>
      <c r="B69048" s="14" t="s">
        <v>1</v>
      </c>
      <c r="C69048" s="14" t="s">
        <v>191</v>
      </c>
      <c r="D69048" s="14" t="s">
        <v>14</v>
      </c>
      <c r="E69048" s="15">
        <v>45439</v>
      </c>
      <c r="F69048" s="14" t="s">
        <v>15</v>
      </c>
      <c r="G69048" s="16">
        <v>0</v>
      </c>
    </row>
    <row r="69049" spans="1:7" x14ac:dyDescent="0.3">
      <c r="A69049" s="13" t="s">
        <v>361</v>
      </c>
      <c r="B69049" s="14" t="s">
        <v>1</v>
      </c>
      <c r="C69049" s="14" t="s">
        <v>191</v>
      </c>
      <c r="D69049" s="14" t="s">
        <v>14</v>
      </c>
      <c r="E69049" s="15">
        <v>45440</v>
      </c>
      <c r="F69049" s="14" t="s">
        <v>15</v>
      </c>
      <c r="G69049" s="16">
        <v>0</v>
      </c>
    </row>
    <row r="69050" spans="1:7" x14ac:dyDescent="0.3">
      <c r="A69050" s="13" t="s">
        <v>361</v>
      </c>
      <c r="B69050" s="14" t="s">
        <v>1</v>
      </c>
      <c r="C69050" s="14" t="s">
        <v>191</v>
      </c>
      <c r="D69050" s="14" t="s">
        <v>14</v>
      </c>
      <c r="E69050" s="15">
        <v>45441</v>
      </c>
      <c r="F69050" s="14" t="s">
        <v>15</v>
      </c>
      <c r="G69050" s="16">
        <v>0</v>
      </c>
    </row>
    <row r="69051" spans="1:7" x14ac:dyDescent="0.3">
      <c r="A69051" s="13" t="s">
        <v>361</v>
      </c>
      <c r="B69051" s="14" t="s">
        <v>1</v>
      </c>
      <c r="C69051" s="14" t="s">
        <v>191</v>
      </c>
      <c r="D69051" s="14" t="s">
        <v>14</v>
      </c>
      <c r="E69051" s="15">
        <v>45442</v>
      </c>
      <c r="F69051" s="14" t="s">
        <v>15</v>
      </c>
      <c r="G69051" s="16">
        <v>0</v>
      </c>
    </row>
    <row r="69052" spans="1:7" x14ac:dyDescent="0.3">
      <c r="A69052" s="13" t="s">
        <v>361</v>
      </c>
      <c r="B69052" s="14" t="s">
        <v>1</v>
      </c>
      <c r="C69052" s="14" t="s">
        <v>191</v>
      </c>
      <c r="D69052" s="14" t="s">
        <v>14</v>
      </c>
      <c r="E69052" s="15">
        <v>45443</v>
      </c>
      <c r="F69052" s="14" t="s">
        <v>15</v>
      </c>
      <c r="G69052" s="16">
        <v>0</v>
      </c>
    </row>
    <row r="69053" spans="1:7" x14ac:dyDescent="0.3">
      <c r="A69053" s="13" t="s">
        <v>361</v>
      </c>
      <c r="B69053" s="14" t="s">
        <v>1</v>
      </c>
      <c r="C69053" s="14" t="s">
        <v>191</v>
      </c>
      <c r="D69053" s="14" t="s">
        <v>14</v>
      </c>
      <c r="E69053" s="15">
        <v>45444</v>
      </c>
      <c r="F69053" s="14" t="s">
        <v>15</v>
      </c>
      <c r="G69053" s="16">
        <v>0</v>
      </c>
    </row>
    <row r="69054" spans="1:7" x14ac:dyDescent="0.3">
      <c r="A69054" s="13" t="s">
        <v>361</v>
      </c>
      <c r="B69054" s="14" t="s">
        <v>1</v>
      </c>
      <c r="C69054" s="14" t="s">
        <v>191</v>
      </c>
      <c r="D69054" s="14" t="s">
        <v>14</v>
      </c>
      <c r="E69054" s="15">
        <v>45445</v>
      </c>
      <c r="F69054" s="14" t="s">
        <v>15</v>
      </c>
      <c r="G69054" s="16">
        <v>0</v>
      </c>
    </row>
    <row r="69055" spans="1:7" x14ac:dyDescent="0.3">
      <c r="A69055" s="13" t="s">
        <v>361</v>
      </c>
      <c r="B69055" s="14" t="s">
        <v>1</v>
      </c>
      <c r="C69055" s="14" t="s">
        <v>191</v>
      </c>
      <c r="D69055" s="14" t="s">
        <v>14</v>
      </c>
      <c r="E69055" s="15">
        <v>45446</v>
      </c>
      <c r="F69055" s="14" t="s">
        <v>15</v>
      </c>
      <c r="G69055" s="16">
        <v>0</v>
      </c>
    </row>
    <row r="69056" spans="1:7" x14ac:dyDescent="0.3">
      <c r="A69056" s="13" t="s">
        <v>361</v>
      </c>
      <c r="B69056" s="14" t="s">
        <v>1</v>
      </c>
      <c r="C69056" s="14" t="s">
        <v>191</v>
      </c>
      <c r="D69056" s="14" t="s">
        <v>14</v>
      </c>
      <c r="E69056" s="15">
        <v>45447</v>
      </c>
      <c r="F69056" s="14" t="s">
        <v>15</v>
      </c>
      <c r="G69056" s="16">
        <v>0</v>
      </c>
    </row>
    <row r="69057" spans="1:7" x14ac:dyDescent="0.3">
      <c r="A69057" s="13" t="s">
        <v>361</v>
      </c>
      <c r="B69057" s="14" t="s">
        <v>1</v>
      </c>
      <c r="C69057" s="14" t="s">
        <v>191</v>
      </c>
      <c r="D69057" s="14" t="s">
        <v>14</v>
      </c>
      <c r="E69057" s="15">
        <v>45448</v>
      </c>
      <c r="F69057" s="14" t="s">
        <v>15</v>
      </c>
      <c r="G69057" s="16">
        <v>0</v>
      </c>
    </row>
    <row r="69058" spans="1:7" x14ac:dyDescent="0.3">
      <c r="A69058" s="13" t="s">
        <v>361</v>
      </c>
      <c r="B69058" s="14" t="s">
        <v>1</v>
      </c>
      <c r="C69058" s="14" t="s">
        <v>191</v>
      </c>
      <c r="D69058" s="14" t="s">
        <v>14</v>
      </c>
      <c r="E69058" s="15">
        <v>45449</v>
      </c>
      <c r="F69058" s="14" t="s">
        <v>15</v>
      </c>
      <c r="G69058" s="16">
        <v>0</v>
      </c>
    </row>
    <row r="69059" spans="1:7" x14ac:dyDescent="0.3">
      <c r="A69059" s="13" t="s">
        <v>361</v>
      </c>
      <c r="B69059" s="14" t="s">
        <v>1</v>
      </c>
      <c r="C69059" s="14" t="s">
        <v>191</v>
      </c>
      <c r="D69059" s="14" t="s">
        <v>14</v>
      </c>
      <c r="E69059" s="15">
        <v>45450</v>
      </c>
      <c r="F69059" s="14" t="s">
        <v>15</v>
      </c>
      <c r="G69059" s="16">
        <v>0</v>
      </c>
    </row>
    <row r="69060" spans="1:7" x14ac:dyDescent="0.3">
      <c r="A69060" s="13" t="s">
        <v>361</v>
      </c>
      <c r="B69060" s="14" t="s">
        <v>1</v>
      </c>
      <c r="C69060" s="14" t="s">
        <v>191</v>
      </c>
      <c r="D69060" s="14" t="s">
        <v>14</v>
      </c>
      <c r="E69060" s="15">
        <v>45451</v>
      </c>
      <c r="F69060" s="14" t="s">
        <v>15</v>
      </c>
      <c r="G69060" s="16">
        <v>0</v>
      </c>
    </row>
    <row r="69061" spans="1:7" x14ac:dyDescent="0.3">
      <c r="A69061" s="13" t="s">
        <v>361</v>
      </c>
      <c r="B69061" s="14" t="s">
        <v>1</v>
      </c>
      <c r="C69061" s="14" t="s">
        <v>191</v>
      </c>
      <c r="D69061" s="14" t="s">
        <v>14</v>
      </c>
      <c r="E69061" s="15">
        <v>45452</v>
      </c>
      <c r="F69061" s="14" t="s">
        <v>15</v>
      </c>
      <c r="G69061" s="16">
        <v>0</v>
      </c>
    </row>
    <row r="69062" spans="1:7" x14ac:dyDescent="0.3">
      <c r="A69062" s="13" t="s">
        <v>361</v>
      </c>
      <c r="B69062" s="14" t="s">
        <v>1</v>
      </c>
      <c r="C69062" s="14" t="s">
        <v>191</v>
      </c>
      <c r="D69062" s="14" t="s">
        <v>14</v>
      </c>
      <c r="E69062" s="15">
        <v>45453</v>
      </c>
      <c r="F69062" s="14" t="s">
        <v>15</v>
      </c>
      <c r="G69062" s="16">
        <v>0</v>
      </c>
    </row>
    <row r="69063" spans="1:7" x14ac:dyDescent="0.3">
      <c r="A69063" s="13" t="s">
        <v>361</v>
      </c>
      <c r="B69063" s="14" t="s">
        <v>1</v>
      </c>
      <c r="C69063" s="14" t="s">
        <v>191</v>
      </c>
      <c r="D69063" s="14" t="s">
        <v>14</v>
      </c>
      <c r="E69063" s="15">
        <v>45454</v>
      </c>
      <c r="F69063" s="14" t="s">
        <v>15</v>
      </c>
      <c r="G69063" s="16">
        <v>0</v>
      </c>
    </row>
    <row r="69064" spans="1:7" x14ac:dyDescent="0.3">
      <c r="A69064" s="13" t="s">
        <v>361</v>
      </c>
      <c r="B69064" s="14" t="s">
        <v>1</v>
      </c>
      <c r="C69064" s="14" t="s">
        <v>191</v>
      </c>
      <c r="D69064" s="14" t="s">
        <v>14</v>
      </c>
      <c r="E69064" s="15">
        <v>45455</v>
      </c>
      <c r="F69064" s="14" t="s">
        <v>15</v>
      </c>
      <c r="G69064" s="16">
        <v>0</v>
      </c>
    </row>
    <row r="69065" spans="1:7" x14ac:dyDescent="0.3">
      <c r="A69065" s="13" t="s">
        <v>361</v>
      </c>
      <c r="B69065" s="14" t="s">
        <v>1</v>
      </c>
      <c r="C69065" s="14" t="s">
        <v>191</v>
      </c>
      <c r="D69065" s="14" t="s">
        <v>14</v>
      </c>
      <c r="E69065" s="15">
        <v>45456</v>
      </c>
      <c r="F69065" s="14" t="s">
        <v>15</v>
      </c>
      <c r="G69065" s="16">
        <v>0</v>
      </c>
    </row>
    <row r="69066" spans="1:7" x14ac:dyDescent="0.3">
      <c r="A69066" s="13" t="s">
        <v>361</v>
      </c>
      <c r="B69066" s="14" t="s">
        <v>1</v>
      </c>
      <c r="C69066" s="14" t="s">
        <v>191</v>
      </c>
      <c r="D69066" s="14" t="s">
        <v>14</v>
      </c>
      <c r="E69066" s="15">
        <v>45457</v>
      </c>
      <c r="F69066" s="14" t="s">
        <v>15</v>
      </c>
      <c r="G69066" s="16">
        <v>0</v>
      </c>
    </row>
    <row r="69067" spans="1:7" x14ac:dyDescent="0.3">
      <c r="A69067" s="13" t="s">
        <v>361</v>
      </c>
      <c r="B69067" s="14" t="s">
        <v>1</v>
      </c>
      <c r="C69067" s="14" t="s">
        <v>191</v>
      </c>
      <c r="D69067" s="14" t="s">
        <v>14</v>
      </c>
      <c r="E69067" s="15">
        <v>45458</v>
      </c>
      <c r="F69067" s="14" t="s">
        <v>15</v>
      </c>
      <c r="G69067" s="16">
        <v>0</v>
      </c>
    </row>
    <row r="69068" spans="1:7" x14ac:dyDescent="0.3">
      <c r="A69068" s="13" t="s">
        <v>361</v>
      </c>
      <c r="B69068" s="14" t="s">
        <v>1</v>
      </c>
      <c r="C69068" s="14" t="s">
        <v>191</v>
      </c>
      <c r="D69068" s="14" t="s">
        <v>14</v>
      </c>
      <c r="E69068" s="15">
        <v>45459</v>
      </c>
      <c r="F69068" s="14" t="s">
        <v>15</v>
      </c>
      <c r="G69068" s="16">
        <v>0</v>
      </c>
    </row>
    <row r="69069" spans="1:7" x14ac:dyDescent="0.3">
      <c r="A69069" s="13" t="s">
        <v>361</v>
      </c>
      <c r="B69069" s="14" t="s">
        <v>1</v>
      </c>
      <c r="C69069" s="14" t="s">
        <v>191</v>
      </c>
      <c r="D69069" s="14" t="s">
        <v>14</v>
      </c>
      <c r="E69069" s="15">
        <v>45460</v>
      </c>
      <c r="F69069" s="14" t="s">
        <v>15</v>
      </c>
      <c r="G69069" s="16">
        <v>0</v>
      </c>
    </row>
    <row r="69070" spans="1:7" x14ac:dyDescent="0.3">
      <c r="A69070" s="13" t="s">
        <v>361</v>
      </c>
      <c r="B69070" s="14" t="s">
        <v>1</v>
      </c>
      <c r="C69070" s="14" t="s">
        <v>191</v>
      </c>
      <c r="D69070" s="14" t="s">
        <v>14</v>
      </c>
      <c r="E69070" s="15">
        <v>45461</v>
      </c>
      <c r="F69070" s="14" t="s">
        <v>15</v>
      </c>
      <c r="G69070" s="16">
        <v>0</v>
      </c>
    </row>
    <row r="69071" spans="1:7" x14ac:dyDescent="0.3">
      <c r="A69071" s="13" t="s">
        <v>361</v>
      </c>
      <c r="B69071" s="14" t="s">
        <v>1</v>
      </c>
      <c r="C69071" s="14" t="s">
        <v>191</v>
      </c>
      <c r="D69071" s="14" t="s">
        <v>14</v>
      </c>
      <c r="E69071" s="15">
        <v>45462</v>
      </c>
      <c r="F69071" s="14" t="s">
        <v>15</v>
      </c>
      <c r="G69071" s="16">
        <v>0</v>
      </c>
    </row>
    <row r="69072" spans="1:7" x14ac:dyDescent="0.3">
      <c r="A69072" s="13" t="s">
        <v>361</v>
      </c>
      <c r="B69072" s="14" t="s">
        <v>1</v>
      </c>
      <c r="C69072" s="14" t="s">
        <v>191</v>
      </c>
      <c r="D69072" s="14" t="s">
        <v>14</v>
      </c>
      <c r="E69072" s="15">
        <v>45463</v>
      </c>
      <c r="F69072" s="14" t="s">
        <v>15</v>
      </c>
      <c r="G69072" s="16">
        <v>0</v>
      </c>
    </row>
    <row r="69073" spans="1:7" x14ac:dyDescent="0.3">
      <c r="A69073" s="13" t="s">
        <v>361</v>
      </c>
      <c r="B69073" s="14" t="s">
        <v>1</v>
      </c>
      <c r="C69073" s="14" t="s">
        <v>191</v>
      </c>
      <c r="D69073" s="14" t="s">
        <v>14</v>
      </c>
      <c r="E69073" s="15">
        <v>45464</v>
      </c>
      <c r="F69073" s="14" t="s">
        <v>15</v>
      </c>
      <c r="G69073" s="16">
        <v>0</v>
      </c>
    </row>
    <row r="69074" spans="1:7" x14ac:dyDescent="0.3">
      <c r="A69074" s="13" t="s">
        <v>361</v>
      </c>
      <c r="B69074" s="14" t="s">
        <v>1</v>
      </c>
      <c r="C69074" s="14" t="s">
        <v>191</v>
      </c>
      <c r="D69074" s="14" t="s">
        <v>14</v>
      </c>
      <c r="E69074" s="15">
        <v>45465</v>
      </c>
      <c r="F69074" s="14" t="s">
        <v>15</v>
      </c>
      <c r="G69074" s="16">
        <v>0</v>
      </c>
    </row>
    <row r="69075" spans="1:7" x14ac:dyDescent="0.3">
      <c r="A69075" s="13" t="s">
        <v>361</v>
      </c>
      <c r="B69075" s="14" t="s">
        <v>1</v>
      </c>
      <c r="C69075" s="14" t="s">
        <v>191</v>
      </c>
      <c r="D69075" s="14" t="s">
        <v>14</v>
      </c>
      <c r="E69075" s="15">
        <v>45466</v>
      </c>
      <c r="F69075" s="14" t="s">
        <v>15</v>
      </c>
      <c r="G69075" s="16">
        <v>0</v>
      </c>
    </row>
    <row r="69076" spans="1:7" x14ac:dyDescent="0.3">
      <c r="A69076" s="13" t="s">
        <v>361</v>
      </c>
      <c r="B69076" s="14" t="s">
        <v>1</v>
      </c>
      <c r="C69076" s="14" t="s">
        <v>191</v>
      </c>
      <c r="D69076" s="14" t="s">
        <v>14</v>
      </c>
      <c r="E69076" s="15">
        <v>45467</v>
      </c>
      <c r="F69076" s="14" t="s">
        <v>15</v>
      </c>
      <c r="G69076" s="16">
        <v>0</v>
      </c>
    </row>
    <row r="69077" spans="1:7" x14ac:dyDescent="0.3">
      <c r="A69077" s="13" t="s">
        <v>361</v>
      </c>
      <c r="B69077" s="14" t="s">
        <v>1</v>
      </c>
      <c r="C69077" s="14" t="s">
        <v>191</v>
      </c>
      <c r="D69077" s="14" t="s">
        <v>14</v>
      </c>
      <c r="E69077" s="15">
        <v>45468</v>
      </c>
      <c r="F69077" s="14" t="s">
        <v>15</v>
      </c>
      <c r="G69077" s="16">
        <v>0</v>
      </c>
    </row>
    <row r="69078" spans="1:7" x14ac:dyDescent="0.3">
      <c r="A69078" s="13" t="s">
        <v>361</v>
      </c>
      <c r="B69078" s="14" t="s">
        <v>1</v>
      </c>
      <c r="C69078" s="14" t="s">
        <v>191</v>
      </c>
      <c r="D69078" s="14" t="s">
        <v>14</v>
      </c>
      <c r="E69078" s="15">
        <v>45469</v>
      </c>
      <c r="F69078" s="14" t="s">
        <v>15</v>
      </c>
      <c r="G69078" s="16">
        <v>0</v>
      </c>
    </row>
    <row r="69079" spans="1:7" x14ac:dyDescent="0.3">
      <c r="A69079" s="13" t="s">
        <v>361</v>
      </c>
      <c r="B69079" s="14" t="s">
        <v>1</v>
      </c>
      <c r="C69079" s="14" t="s">
        <v>191</v>
      </c>
      <c r="D69079" s="14" t="s">
        <v>14</v>
      </c>
      <c r="E69079" s="15">
        <v>45470</v>
      </c>
      <c r="F69079" s="14" t="s">
        <v>15</v>
      </c>
      <c r="G69079" s="16">
        <v>0</v>
      </c>
    </row>
    <row r="69080" spans="1:7" x14ac:dyDescent="0.3">
      <c r="A69080" s="13" t="s">
        <v>361</v>
      </c>
      <c r="B69080" s="14" t="s">
        <v>1</v>
      </c>
      <c r="C69080" s="14" t="s">
        <v>191</v>
      </c>
      <c r="D69080" s="14" t="s">
        <v>14</v>
      </c>
      <c r="E69080" s="15">
        <v>45471</v>
      </c>
      <c r="F69080" s="14" t="s">
        <v>15</v>
      </c>
      <c r="G69080" s="16">
        <v>0.55790070155893001</v>
      </c>
    </row>
    <row r="69081" spans="1:7" x14ac:dyDescent="0.3">
      <c r="A69081" s="13" t="s">
        <v>361</v>
      </c>
      <c r="B69081" s="14" t="s">
        <v>1</v>
      </c>
      <c r="C69081" s="14" t="s">
        <v>191</v>
      </c>
      <c r="D69081" s="14" t="s">
        <v>14</v>
      </c>
      <c r="E69081" s="15">
        <v>45472</v>
      </c>
      <c r="F69081" s="14" t="s">
        <v>15</v>
      </c>
      <c r="G69081" s="16">
        <v>0.55790070155893001</v>
      </c>
    </row>
    <row r="69082" spans="1:7" x14ac:dyDescent="0.3">
      <c r="A69082" s="13" t="s">
        <v>361</v>
      </c>
      <c r="B69082" s="14" t="s">
        <v>1</v>
      </c>
      <c r="C69082" s="14" t="s">
        <v>191</v>
      </c>
      <c r="D69082" s="14" t="s">
        <v>14</v>
      </c>
      <c r="E69082" s="15">
        <v>45473</v>
      </c>
      <c r="F69082" s="14" t="s">
        <v>15</v>
      </c>
      <c r="G69082" s="16">
        <v>0.55790070155893001</v>
      </c>
    </row>
    <row r="69083" spans="1:7" x14ac:dyDescent="0.3">
      <c r="A69083" s="13" t="s">
        <v>361</v>
      </c>
      <c r="B69083" s="14" t="s">
        <v>1</v>
      </c>
      <c r="C69083" s="14" t="s">
        <v>191</v>
      </c>
      <c r="D69083" s="14" t="s">
        <v>14</v>
      </c>
      <c r="E69083" s="15">
        <v>45474</v>
      </c>
      <c r="F69083" s="14" t="s">
        <v>15</v>
      </c>
      <c r="G69083" s="16">
        <v>0.5545838039424541</v>
      </c>
    </row>
    <row r="69084" spans="1:7" x14ac:dyDescent="0.3">
      <c r="A69084" s="13" t="s">
        <v>361</v>
      </c>
      <c r="B69084" s="14" t="s">
        <v>1</v>
      </c>
      <c r="C69084" s="14" t="s">
        <v>191</v>
      </c>
      <c r="D69084" s="14" t="s">
        <v>14</v>
      </c>
      <c r="E69084" s="15">
        <v>45475</v>
      </c>
      <c r="F69084" s="14" t="s">
        <v>15</v>
      </c>
      <c r="G69084" s="16">
        <v>0.5446370004145189</v>
      </c>
    </row>
    <row r="69085" spans="1:7" x14ac:dyDescent="0.3">
      <c r="A69085" s="13" t="s">
        <v>361</v>
      </c>
      <c r="B69085" s="14" t="s">
        <v>1</v>
      </c>
      <c r="C69085" s="14" t="s">
        <v>191</v>
      </c>
      <c r="D69085" s="14" t="s">
        <v>14</v>
      </c>
      <c r="E69085" s="15">
        <v>45476</v>
      </c>
      <c r="F69085" s="14" t="s">
        <v>15</v>
      </c>
      <c r="G69085" s="16">
        <v>0.54130908206857564</v>
      </c>
    </row>
    <row r="69086" spans="1:7" x14ac:dyDescent="0.3">
      <c r="A69086" s="13" t="s">
        <v>361</v>
      </c>
      <c r="B69086" s="14" t="s">
        <v>1</v>
      </c>
      <c r="C69086" s="14" t="s">
        <v>191</v>
      </c>
      <c r="D69086" s="14" t="s">
        <v>14</v>
      </c>
      <c r="E69086" s="15">
        <v>45477</v>
      </c>
      <c r="F69086" s="14" t="s">
        <v>15</v>
      </c>
      <c r="G69086" s="16">
        <v>0.5380027553558745</v>
      </c>
    </row>
    <row r="69087" spans="1:7" x14ac:dyDescent="0.3">
      <c r="A69087" s="13" t="s">
        <v>361</v>
      </c>
      <c r="B69087" s="14" t="s">
        <v>1</v>
      </c>
      <c r="C69087" s="14" t="s">
        <v>191</v>
      </c>
      <c r="D69087" s="14" t="s">
        <v>14</v>
      </c>
      <c r="E69087" s="15">
        <v>45478</v>
      </c>
      <c r="F69087" s="14" t="s">
        <v>15</v>
      </c>
      <c r="G69087" s="16">
        <v>0.53468368358188456</v>
      </c>
    </row>
    <row r="69088" spans="1:7" x14ac:dyDescent="0.3">
      <c r="A69088" s="13" t="s">
        <v>361</v>
      </c>
      <c r="B69088" s="14" t="s">
        <v>1</v>
      </c>
      <c r="C69088" s="14" t="s">
        <v>191</v>
      </c>
      <c r="D69088" s="14" t="s">
        <v>14</v>
      </c>
      <c r="E69088" s="15">
        <v>45479</v>
      </c>
      <c r="F69088" s="14" t="s">
        <v>15</v>
      </c>
      <c r="G69088" s="16">
        <v>0.53468368358188456</v>
      </c>
    </row>
    <row r="69089" spans="1:7" x14ac:dyDescent="0.3">
      <c r="A69089" s="13" t="s">
        <v>361</v>
      </c>
      <c r="B69089" s="14" t="s">
        <v>1</v>
      </c>
      <c r="C69089" s="14" t="s">
        <v>191</v>
      </c>
      <c r="D69089" s="14" t="s">
        <v>14</v>
      </c>
      <c r="E69089" s="15">
        <v>45480</v>
      </c>
      <c r="F69089" s="14" t="s">
        <v>15</v>
      </c>
      <c r="G69089" s="16">
        <v>0.53468368358188456</v>
      </c>
    </row>
    <row r="69090" spans="1:7" x14ac:dyDescent="0.3">
      <c r="A69090" s="13" t="s">
        <v>361</v>
      </c>
      <c r="B69090" s="14" t="s">
        <v>1</v>
      </c>
      <c r="C69090" s="14" t="s">
        <v>191</v>
      </c>
      <c r="D69090" s="14" t="s">
        <v>14</v>
      </c>
      <c r="E69090" s="15">
        <v>45481</v>
      </c>
      <c r="F69090" s="14" t="s">
        <v>15</v>
      </c>
      <c r="G69090" s="16">
        <v>0.53132202830900055</v>
      </c>
    </row>
    <row r="69091" spans="1:7" x14ac:dyDescent="0.3">
      <c r="A69091" s="13" t="s">
        <v>361</v>
      </c>
      <c r="B69091" s="14" t="s">
        <v>1</v>
      </c>
      <c r="C69091" s="14" t="s">
        <v>191</v>
      </c>
      <c r="D69091" s="14" t="s">
        <v>14</v>
      </c>
      <c r="E69091" s="15">
        <v>45482</v>
      </c>
      <c r="F69091" s="14" t="s">
        <v>15</v>
      </c>
      <c r="G69091" s="16">
        <v>0.52125714553677249</v>
      </c>
    </row>
    <row r="69092" spans="1:7" x14ac:dyDescent="0.3">
      <c r="A69092" s="13" t="s">
        <v>361</v>
      </c>
      <c r="B69092" s="14" t="s">
        <v>1</v>
      </c>
      <c r="C69092" s="14" t="s">
        <v>191</v>
      </c>
      <c r="D69092" s="14" t="s">
        <v>14</v>
      </c>
      <c r="E69092" s="15">
        <v>45483</v>
      </c>
      <c r="F69092" s="14" t="s">
        <v>15</v>
      </c>
      <c r="G69092" s="16">
        <v>0.52535097626306382</v>
      </c>
    </row>
    <row r="69093" spans="1:7" x14ac:dyDescent="0.3">
      <c r="A69093" s="13" t="s">
        <v>361</v>
      </c>
      <c r="B69093" s="14" t="s">
        <v>1</v>
      </c>
      <c r="C69093" s="14" t="s">
        <v>191</v>
      </c>
      <c r="D69093" s="14" t="s">
        <v>14</v>
      </c>
      <c r="E69093" s="15">
        <v>45484</v>
      </c>
      <c r="F69093" s="14" t="s">
        <v>15</v>
      </c>
      <c r="G69093" s="16">
        <v>0.52199955803943443</v>
      </c>
    </row>
    <row r="69094" spans="1:7" x14ac:dyDescent="0.3">
      <c r="A69094" s="13" t="s">
        <v>361</v>
      </c>
      <c r="B69094" s="14" t="s">
        <v>1</v>
      </c>
      <c r="C69094" s="14" t="s">
        <v>191</v>
      </c>
      <c r="D69094" s="14" t="s">
        <v>14</v>
      </c>
      <c r="E69094" s="15">
        <v>45485</v>
      </c>
      <c r="F69094" s="14" t="s">
        <v>15</v>
      </c>
      <c r="G69094" s="16">
        <v>0.51864534767906589</v>
      </c>
    </row>
    <row r="69095" spans="1:7" x14ac:dyDescent="0.3">
      <c r="A69095" s="13" t="s">
        <v>361</v>
      </c>
      <c r="B69095" s="14" t="s">
        <v>1</v>
      </c>
      <c r="C69095" s="14" t="s">
        <v>191</v>
      </c>
      <c r="D69095" s="14" t="s">
        <v>14</v>
      </c>
      <c r="E69095" s="15">
        <v>45486</v>
      </c>
      <c r="F69095" s="14" t="s">
        <v>15</v>
      </c>
      <c r="G69095" s="16">
        <v>0.51864534767906589</v>
      </c>
    </row>
    <row r="69096" spans="1:7" x14ac:dyDescent="0.3">
      <c r="A69096" s="13" t="s">
        <v>361</v>
      </c>
      <c r="B69096" s="14" t="s">
        <v>1</v>
      </c>
      <c r="C69096" s="14" t="s">
        <v>191</v>
      </c>
      <c r="D69096" s="14" t="s">
        <v>14</v>
      </c>
      <c r="E69096" s="15">
        <v>45487</v>
      </c>
      <c r="F69096" s="14" t="s">
        <v>15</v>
      </c>
      <c r="G69096" s="16">
        <v>0.51864534767906589</v>
      </c>
    </row>
    <row r="69097" spans="1:7" x14ac:dyDescent="0.3">
      <c r="A69097" s="13" t="s">
        <v>361</v>
      </c>
      <c r="B69097" s="14" t="s">
        <v>1</v>
      </c>
      <c r="C69097" s="14" t="s">
        <v>191</v>
      </c>
      <c r="D69097" s="14" t="s">
        <v>14</v>
      </c>
      <c r="E69097" s="15">
        <v>45488</v>
      </c>
      <c r="F69097" s="14" t="s">
        <v>15</v>
      </c>
      <c r="G69097" s="16">
        <v>0.51522623900529896</v>
      </c>
    </row>
    <row r="69098" spans="1:7" x14ac:dyDescent="0.3">
      <c r="A69098" s="13" t="s">
        <v>361</v>
      </c>
      <c r="B69098" s="14" t="s">
        <v>1</v>
      </c>
      <c r="C69098" s="14" t="s">
        <v>191</v>
      </c>
      <c r="D69098" s="14" t="s">
        <v>14</v>
      </c>
      <c r="E69098" s="15">
        <v>45489</v>
      </c>
      <c r="F69098" s="14" t="s">
        <v>15</v>
      </c>
      <c r="G69098" s="16">
        <v>0.50463911161666941</v>
      </c>
    </row>
    <row r="69099" spans="1:7" x14ac:dyDescent="0.3">
      <c r="A69099" s="13" t="s">
        <v>361</v>
      </c>
      <c r="B69099" s="14" t="s">
        <v>1</v>
      </c>
      <c r="C69099" s="14" t="s">
        <v>191</v>
      </c>
      <c r="D69099" s="14" t="s">
        <v>14</v>
      </c>
      <c r="E69099" s="15">
        <v>45490</v>
      </c>
      <c r="F69099" s="14" t="s">
        <v>15</v>
      </c>
      <c r="G69099" s="16">
        <v>0.50108733871621114</v>
      </c>
    </row>
    <row r="69100" spans="1:7" x14ac:dyDescent="0.3">
      <c r="A69100" s="13" t="s">
        <v>361</v>
      </c>
      <c r="B69100" s="14" t="s">
        <v>1</v>
      </c>
      <c r="C69100" s="14" t="s">
        <v>191</v>
      </c>
      <c r="D69100" s="14" t="s">
        <v>14</v>
      </c>
      <c r="E69100" s="15">
        <v>45491</v>
      </c>
      <c r="F69100" s="14" t="s">
        <v>15</v>
      </c>
      <c r="G69100" s="16">
        <v>0.49754620612062395</v>
      </c>
    </row>
    <row r="69101" spans="1:7" x14ac:dyDescent="0.3">
      <c r="A69101" s="13" t="s">
        <v>361</v>
      </c>
      <c r="B69101" s="14" t="s">
        <v>1</v>
      </c>
      <c r="C69101" s="14" t="s">
        <v>191</v>
      </c>
      <c r="D69101" s="14" t="s">
        <v>14</v>
      </c>
      <c r="E69101" s="15">
        <v>45492</v>
      </c>
      <c r="F69101" s="14" t="s">
        <v>15</v>
      </c>
      <c r="G69101" s="16">
        <v>0.49396734194747954</v>
      </c>
    </row>
    <row r="69102" spans="1:7" x14ac:dyDescent="0.3">
      <c r="A69102" s="13" t="s">
        <v>361</v>
      </c>
      <c r="B69102" s="14" t="s">
        <v>1</v>
      </c>
      <c r="C69102" s="14" t="s">
        <v>191</v>
      </c>
      <c r="D69102" s="14" t="s">
        <v>14</v>
      </c>
      <c r="E69102" s="15">
        <v>45493</v>
      </c>
      <c r="F69102" s="14" t="s">
        <v>15</v>
      </c>
      <c r="G69102" s="16">
        <v>0.49396734194747954</v>
      </c>
    </row>
    <row r="69103" spans="1:7" x14ac:dyDescent="0.3">
      <c r="A69103" s="13" t="s">
        <v>361</v>
      </c>
      <c r="B69103" s="14" t="s">
        <v>1</v>
      </c>
      <c r="C69103" s="14" t="s">
        <v>191</v>
      </c>
      <c r="D69103" s="14" t="s">
        <v>14</v>
      </c>
      <c r="E69103" s="15">
        <v>45494</v>
      </c>
      <c r="F69103" s="14" t="s">
        <v>15</v>
      </c>
      <c r="G69103" s="16">
        <v>0.49396734194747954</v>
      </c>
    </row>
    <row r="69104" spans="1:7" x14ac:dyDescent="0.3">
      <c r="A69104" s="13" t="s">
        <v>361</v>
      </c>
      <c r="B69104" s="14" t="s">
        <v>1</v>
      </c>
      <c r="C69104" s="14" t="s">
        <v>191</v>
      </c>
      <c r="D69104" s="14" t="s">
        <v>14</v>
      </c>
      <c r="E69104" s="15">
        <v>45495</v>
      </c>
      <c r="F69104" s="14" t="s">
        <v>15</v>
      </c>
      <c r="G69104" s="16">
        <v>0.49130739261416456</v>
      </c>
    </row>
    <row r="69105" spans="1:7" x14ac:dyDescent="0.3">
      <c r="A69105" s="13" t="s">
        <v>361</v>
      </c>
      <c r="B69105" s="14" t="s">
        <v>1</v>
      </c>
      <c r="C69105" s="14" t="s">
        <v>191</v>
      </c>
      <c r="D69105" s="14" t="s">
        <v>14</v>
      </c>
      <c r="E69105" s="15">
        <v>45496</v>
      </c>
      <c r="F69105" s="14" t="s">
        <v>15</v>
      </c>
      <c r="G69105" s="16">
        <v>0.48076818984813424</v>
      </c>
    </row>
    <row r="69106" spans="1:7" x14ac:dyDescent="0.3">
      <c r="A69106" s="13" t="s">
        <v>361</v>
      </c>
      <c r="B69106" s="14" t="s">
        <v>1</v>
      </c>
      <c r="C69106" s="14" t="s">
        <v>191</v>
      </c>
      <c r="D69106" s="14" t="s">
        <v>14</v>
      </c>
      <c r="E69106" s="15">
        <v>45497</v>
      </c>
      <c r="F69106" s="14" t="s">
        <v>15</v>
      </c>
      <c r="G69106" s="16">
        <v>0.47726543610362321</v>
      </c>
    </row>
    <row r="69107" spans="1:7" x14ac:dyDescent="0.3">
      <c r="A69107" s="13" t="s">
        <v>361</v>
      </c>
      <c r="B69107" s="14" t="s">
        <v>1</v>
      </c>
      <c r="C69107" s="14" t="s">
        <v>191</v>
      </c>
      <c r="D69107" s="14" t="s">
        <v>14</v>
      </c>
      <c r="E69107" s="15">
        <v>45498</v>
      </c>
      <c r="F69107" s="14" t="s">
        <v>15</v>
      </c>
      <c r="G69107" s="16">
        <v>0.47376323090546441</v>
      </c>
    </row>
    <row r="69108" spans="1:7" x14ac:dyDescent="0.3">
      <c r="A69108" s="13" t="s">
        <v>361</v>
      </c>
      <c r="B69108" s="14" t="s">
        <v>1</v>
      </c>
      <c r="C69108" s="14" t="s">
        <v>191</v>
      </c>
      <c r="D69108" s="14" t="s">
        <v>14</v>
      </c>
      <c r="E69108" s="15">
        <v>45499</v>
      </c>
      <c r="F69108" s="14" t="s">
        <v>15</v>
      </c>
      <c r="G69108" s="16">
        <v>0.47028516174680085</v>
      </c>
    </row>
    <row r="69109" spans="1:7" x14ac:dyDescent="0.3">
      <c r="A69109" s="13" t="s">
        <v>361</v>
      </c>
      <c r="B69109" s="14" t="s">
        <v>1</v>
      </c>
      <c r="C69109" s="14" t="s">
        <v>191</v>
      </c>
      <c r="D69109" s="14" t="s">
        <v>14</v>
      </c>
      <c r="E69109" s="15">
        <v>45500</v>
      </c>
      <c r="F69109" s="14" t="s">
        <v>15</v>
      </c>
      <c r="G69109" s="16">
        <v>0.47028516174680085</v>
      </c>
    </row>
    <row r="69110" spans="1:7" x14ac:dyDescent="0.3">
      <c r="A69110" s="13" t="s">
        <v>361</v>
      </c>
      <c r="B69110" s="14" t="s">
        <v>1</v>
      </c>
      <c r="C69110" s="14" t="s">
        <v>191</v>
      </c>
      <c r="D69110" s="14" t="s">
        <v>14</v>
      </c>
      <c r="E69110" s="15">
        <v>45501</v>
      </c>
      <c r="F69110" s="14" t="s">
        <v>15</v>
      </c>
      <c r="G69110" s="16">
        <v>0.47028516174680085</v>
      </c>
    </row>
    <row r="69111" spans="1:7" x14ac:dyDescent="0.3">
      <c r="A69111" s="13" t="s">
        <v>361</v>
      </c>
      <c r="B69111" s="14" t="s">
        <v>1</v>
      </c>
      <c r="C69111" s="14" t="s">
        <v>191</v>
      </c>
      <c r="D69111" s="14" t="s">
        <v>14</v>
      </c>
      <c r="E69111" s="15">
        <v>45502</v>
      </c>
      <c r="F69111" s="14" t="s">
        <v>15</v>
      </c>
      <c r="G69111" s="16">
        <v>0.46383820300268164</v>
      </c>
    </row>
    <row r="69112" spans="1:7" x14ac:dyDescent="0.3">
      <c r="A69112" s="13" t="s">
        <v>361</v>
      </c>
      <c r="B69112" s="14" t="s">
        <v>1</v>
      </c>
      <c r="C69112" s="14" t="s">
        <v>191</v>
      </c>
      <c r="D69112" s="14" t="s">
        <v>14</v>
      </c>
      <c r="E69112" s="15">
        <v>45503</v>
      </c>
      <c r="F69112" s="14" t="s">
        <v>15</v>
      </c>
      <c r="G69112" s="16">
        <v>0.45342831031921599</v>
      </c>
    </row>
    <row r="69113" spans="1:7" x14ac:dyDescent="0.3">
      <c r="A69113" s="13" t="s">
        <v>361</v>
      </c>
      <c r="B69113" s="14" t="s">
        <v>1</v>
      </c>
      <c r="C69113" s="14" t="s">
        <v>191</v>
      </c>
      <c r="D69113" s="14" t="s">
        <v>14</v>
      </c>
      <c r="E69113" s="15">
        <v>45504</v>
      </c>
      <c r="F69113" s="14" t="s">
        <v>15</v>
      </c>
      <c r="G69113" s="16">
        <v>0.46685455900398165</v>
      </c>
    </row>
    <row r="69114" spans="1:7" x14ac:dyDescent="0.3">
      <c r="A69114" s="13" t="s">
        <v>361</v>
      </c>
      <c r="B69114" s="14" t="s">
        <v>1</v>
      </c>
      <c r="C69114" s="14" t="s">
        <v>191</v>
      </c>
      <c r="D69114" s="14" t="s">
        <v>14</v>
      </c>
      <c r="E69114" s="15">
        <v>45505</v>
      </c>
      <c r="F69114" s="14" t="s">
        <v>15</v>
      </c>
      <c r="G69114" s="16">
        <v>0.49833127395314675</v>
      </c>
    </row>
    <row r="69115" spans="1:7" x14ac:dyDescent="0.3">
      <c r="A69115" s="13" t="s">
        <v>361</v>
      </c>
      <c r="B69115" s="14" t="s">
        <v>1</v>
      </c>
      <c r="C69115" s="14" t="s">
        <v>191</v>
      </c>
      <c r="D69115" s="14" t="s">
        <v>14</v>
      </c>
      <c r="E69115" s="15">
        <v>45506</v>
      </c>
      <c r="F69115" s="14" t="s">
        <v>15</v>
      </c>
      <c r="G69115" s="16">
        <v>0.56202975835611635</v>
      </c>
    </row>
    <row r="69116" spans="1:7" x14ac:dyDescent="0.3">
      <c r="A69116" s="13" t="s">
        <v>361</v>
      </c>
      <c r="B69116" s="14" t="s">
        <v>1</v>
      </c>
      <c r="C69116" s="14" t="s">
        <v>191</v>
      </c>
      <c r="D69116" s="14" t="s">
        <v>14</v>
      </c>
      <c r="E69116" s="15">
        <v>45507</v>
      </c>
      <c r="F69116" s="14" t="s">
        <v>15</v>
      </c>
      <c r="G69116" s="16">
        <v>0.56202975835611635</v>
      </c>
    </row>
    <row r="69117" spans="1:7" x14ac:dyDescent="0.3">
      <c r="A69117" s="13" t="s">
        <v>361</v>
      </c>
      <c r="B69117" s="14" t="s">
        <v>1</v>
      </c>
      <c r="C69117" s="14" t="s">
        <v>191</v>
      </c>
      <c r="D69117" s="14" t="s">
        <v>14</v>
      </c>
      <c r="E69117" s="15">
        <v>45508</v>
      </c>
      <c r="F69117" s="14" t="s">
        <v>15</v>
      </c>
      <c r="G69117" s="16">
        <v>0.56202975835611635</v>
      </c>
    </row>
    <row r="69118" spans="1:7" x14ac:dyDescent="0.3">
      <c r="A69118" s="13" t="s">
        <v>361</v>
      </c>
      <c r="B69118" s="14" t="s">
        <v>1</v>
      </c>
      <c r="C69118" s="14" t="s">
        <v>191</v>
      </c>
      <c r="D69118" s="14" t="s">
        <v>14</v>
      </c>
      <c r="E69118" s="15">
        <v>45509</v>
      </c>
      <c r="F69118" s="14" t="s">
        <v>15</v>
      </c>
      <c r="G69118" s="16">
        <v>0.56202975835611635</v>
      </c>
    </row>
    <row r="69119" spans="1:7" x14ac:dyDescent="0.3">
      <c r="A69119" s="13" t="s">
        <v>361</v>
      </c>
      <c r="B69119" s="14" t="s">
        <v>1</v>
      </c>
      <c r="C69119" s="14" t="s">
        <v>191</v>
      </c>
      <c r="D69119" s="14" t="s">
        <v>14</v>
      </c>
      <c r="E69119" s="15">
        <v>45510</v>
      </c>
      <c r="F69119" s="14" t="s">
        <v>15</v>
      </c>
      <c r="G69119" s="16">
        <v>0.58855208101627576</v>
      </c>
    </row>
    <row r="69120" spans="1:7" x14ac:dyDescent="0.3">
      <c r="A69120" s="13" t="s">
        <v>361</v>
      </c>
      <c r="B69120" s="14" t="s">
        <v>1</v>
      </c>
      <c r="C69120" s="14" t="s">
        <v>191</v>
      </c>
      <c r="D69120" s="14" t="s">
        <v>14</v>
      </c>
      <c r="E69120" s="15">
        <v>45511</v>
      </c>
      <c r="F69120" s="14" t="s">
        <v>15</v>
      </c>
      <c r="G69120" s="16">
        <v>0.85441708841901021</v>
      </c>
    </row>
    <row r="69121" spans="1:7" x14ac:dyDescent="0.3">
      <c r="A69121" s="13" t="s">
        <v>361</v>
      </c>
      <c r="B69121" s="14" t="s">
        <v>1</v>
      </c>
      <c r="C69121" s="14" t="s">
        <v>191</v>
      </c>
      <c r="D69121" s="14" t="s">
        <v>14</v>
      </c>
      <c r="E69121" s="15">
        <v>45512</v>
      </c>
      <c r="F69121" s="14" t="s">
        <v>15</v>
      </c>
      <c r="G69121" s="16">
        <v>0.85090422856148085</v>
      </c>
    </row>
    <row r="69122" spans="1:7" x14ac:dyDescent="0.3">
      <c r="A69122" s="13" t="s">
        <v>361</v>
      </c>
      <c r="B69122" s="14" t="s">
        <v>1</v>
      </c>
      <c r="C69122" s="14" t="s">
        <v>191</v>
      </c>
      <c r="D69122" s="14" t="s">
        <v>14</v>
      </c>
      <c r="E69122" s="15">
        <v>45513</v>
      </c>
      <c r="F69122" s="14" t="s">
        <v>15</v>
      </c>
      <c r="G69122" s="16">
        <v>0.85090422856148085</v>
      </c>
    </row>
    <row r="69123" spans="1:7" x14ac:dyDescent="0.3">
      <c r="A69123" s="13" t="s">
        <v>361</v>
      </c>
      <c r="B69123" s="14" t="s">
        <v>1</v>
      </c>
      <c r="C69123" s="14" t="s">
        <v>191</v>
      </c>
      <c r="D69123" s="14" t="s">
        <v>14</v>
      </c>
      <c r="E69123" s="15">
        <v>45514</v>
      </c>
      <c r="F69123" s="14" t="s">
        <v>15</v>
      </c>
      <c r="G69123" s="16">
        <v>0.85090422856148085</v>
      </c>
    </row>
    <row r="69124" spans="1:7" x14ac:dyDescent="0.3">
      <c r="A69124" s="13" t="s">
        <v>361</v>
      </c>
      <c r="B69124" s="14" t="s">
        <v>1</v>
      </c>
      <c r="C69124" s="14" t="s">
        <v>191</v>
      </c>
      <c r="D69124" s="14" t="s">
        <v>14</v>
      </c>
      <c r="E69124" s="15">
        <v>45515</v>
      </c>
      <c r="F69124" s="14" t="s">
        <v>15</v>
      </c>
      <c r="G69124" s="16">
        <v>0.85090422856148085</v>
      </c>
    </row>
    <row r="69125" spans="1:7" x14ac:dyDescent="0.3">
      <c r="A69125" s="13" t="s">
        <v>361</v>
      </c>
      <c r="B69125" s="14" t="s">
        <v>1</v>
      </c>
      <c r="C69125" s="14" t="s">
        <v>191</v>
      </c>
      <c r="D69125" s="14" t="s">
        <v>14</v>
      </c>
      <c r="E69125" s="15">
        <v>45516</v>
      </c>
      <c r="F69125" s="14" t="s">
        <v>15</v>
      </c>
      <c r="G69125" s="16">
        <v>0.85255102792932025</v>
      </c>
    </row>
    <row r="69126" spans="1:7" x14ac:dyDescent="0.3">
      <c r="A69126" s="13" t="s">
        <v>361</v>
      </c>
      <c r="B69126" s="14" t="s">
        <v>1</v>
      </c>
      <c r="C69126" s="14" t="s">
        <v>191</v>
      </c>
      <c r="D69126" s="14" t="s">
        <v>14</v>
      </c>
      <c r="E69126" s="15">
        <v>45517</v>
      </c>
      <c r="F69126" s="14" t="s">
        <v>15</v>
      </c>
      <c r="G69126" s="16">
        <v>0.83840777057552762</v>
      </c>
    </row>
    <row r="69127" spans="1:7" x14ac:dyDescent="0.3">
      <c r="A69127" s="13" t="s">
        <v>361</v>
      </c>
      <c r="B69127" s="14" t="s">
        <v>1</v>
      </c>
      <c r="C69127" s="14" t="s">
        <v>191</v>
      </c>
      <c r="D69127" s="14" t="s">
        <v>14</v>
      </c>
      <c r="E69127" s="15">
        <v>45518</v>
      </c>
      <c r="F69127" s="14" t="s">
        <v>15</v>
      </c>
      <c r="G69127" s="16">
        <v>0.83484964736180567</v>
      </c>
    </row>
    <row r="69128" spans="1:7" x14ac:dyDescent="0.3">
      <c r="A69128" s="13" t="s">
        <v>361</v>
      </c>
      <c r="B69128" s="14" t="s">
        <v>1</v>
      </c>
      <c r="C69128" s="14" t="s">
        <v>191</v>
      </c>
      <c r="D69128" s="14" t="s">
        <v>14</v>
      </c>
      <c r="E69128" s="15">
        <v>45519</v>
      </c>
      <c r="F69128" s="14" t="s">
        <v>15</v>
      </c>
      <c r="G69128" s="16">
        <v>0.83126159141712019</v>
      </c>
    </row>
    <row r="69129" spans="1:7" x14ac:dyDescent="0.3">
      <c r="A69129" s="13" t="s">
        <v>361</v>
      </c>
      <c r="B69129" s="14" t="s">
        <v>1</v>
      </c>
      <c r="C69129" s="14" t="s">
        <v>191</v>
      </c>
      <c r="D69129" s="14" t="s">
        <v>14</v>
      </c>
      <c r="E69129" s="15">
        <v>45520</v>
      </c>
      <c r="F69129" s="14" t="s">
        <v>15</v>
      </c>
      <c r="G69129" s="16">
        <v>0.99442487886295317</v>
      </c>
    </row>
    <row r="69130" spans="1:7" x14ac:dyDescent="0.3">
      <c r="A69130" s="13" t="s">
        <v>361</v>
      </c>
      <c r="B69130" s="14" t="s">
        <v>1</v>
      </c>
      <c r="C69130" s="14" t="s">
        <v>191</v>
      </c>
      <c r="D69130" s="14" t="s">
        <v>14</v>
      </c>
      <c r="E69130" s="15">
        <v>45521</v>
      </c>
      <c r="F69130" s="14" t="s">
        <v>15</v>
      </c>
      <c r="G69130" s="16">
        <v>0.99442487886295317</v>
      </c>
    </row>
    <row r="69131" spans="1:7" x14ac:dyDescent="0.3">
      <c r="A69131" s="13" t="s">
        <v>361</v>
      </c>
      <c r="B69131" s="14" t="s">
        <v>1</v>
      </c>
      <c r="C69131" s="14" t="s">
        <v>191</v>
      </c>
      <c r="D69131" s="14" t="s">
        <v>14</v>
      </c>
      <c r="E69131" s="15">
        <v>45522</v>
      </c>
      <c r="F69131" s="14" t="s">
        <v>15</v>
      </c>
      <c r="G69131" s="16">
        <v>0.99442487886295317</v>
      </c>
    </row>
    <row r="69132" spans="1:7" x14ac:dyDescent="0.3">
      <c r="A69132" s="13" t="s">
        <v>361</v>
      </c>
      <c r="B69132" s="14" t="s">
        <v>1</v>
      </c>
      <c r="C69132" s="14" t="s">
        <v>191</v>
      </c>
      <c r="D69132" s="14" t="s">
        <v>14</v>
      </c>
      <c r="E69132" s="15">
        <v>45523</v>
      </c>
      <c r="F69132" s="14" t="s">
        <v>15</v>
      </c>
      <c r="G69132" s="16">
        <v>0.99078428142242703</v>
      </c>
    </row>
    <row r="69133" spans="1:7" x14ac:dyDescent="0.3">
      <c r="A69133" s="13" t="s">
        <v>361</v>
      </c>
      <c r="B69133" s="14" t="s">
        <v>1</v>
      </c>
      <c r="C69133" s="14" t="s">
        <v>191</v>
      </c>
      <c r="D69133" s="14" t="s">
        <v>14</v>
      </c>
      <c r="E69133" s="15">
        <v>45524</v>
      </c>
      <c r="F69133" s="14" t="s">
        <v>15</v>
      </c>
      <c r="G69133" s="16">
        <v>0.9798253756456683</v>
      </c>
    </row>
    <row r="69134" spans="1:7" x14ac:dyDescent="0.3">
      <c r="A69134" s="13" t="s">
        <v>361</v>
      </c>
      <c r="B69134" s="14" t="s">
        <v>1</v>
      </c>
      <c r="C69134" s="14" t="s">
        <v>191</v>
      </c>
      <c r="D69134" s="14" t="s">
        <v>14</v>
      </c>
      <c r="E69134" s="15">
        <v>45525</v>
      </c>
      <c r="F69134" s="14" t="s">
        <v>15</v>
      </c>
      <c r="G69134" s="16">
        <v>1.1481101303760692</v>
      </c>
    </row>
    <row r="69135" spans="1:7" x14ac:dyDescent="0.3">
      <c r="A69135" s="13" t="s">
        <v>361</v>
      </c>
      <c r="B69135" s="14" t="s">
        <v>1</v>
      </c>
      <c r="C69135" s="14" t="s">
        <v>191</v>
      </c>
      <c r="D69135" s="14" t="s">
        <v>14</v>
      </c>
      <c r="E69135" s="15">
        <v>45526</v>
      </c>
      <c r="F69135" s="14" t="s">
        <v>15</v>
      </c>
      <c r="G69135" s="16">
        <v>1.1444085640121573</v>
      </c>
    </row>
    <row r="69136" spans="1:7" x14ac:dyDescent="0.3">
      <c r="A69136" s="13" t="s">
        <v>361</v>
      </c>
      <c r="B69136" s="14" t="s">
        <v>1</v>
      </c>
      <c r="C69136" s="14" t="s">
        <v>191</v>
      </c>
      <c r="D69136" s="14" t="s">
        <v>14</v>
      </c>
      <c r="E69136" s="15">
        <v>45527</v>
      </c>
      <c r="F69136" s="14" t="s">
        <v>15</v>
      </c>
      <c r="G69136" s="16">
        <v>1.140705317782635</v>
      </c>
    </row>
    <row r="69137" spans="1:7" x14ac:dyDescent="0.3">
      <c r="A69137" s="13" t="s">
        <v>361</v>
      </c>
      <c r="B69137" s="14" t="s">
        <v>1</v>
      </c>
      <c r="C69137" s="14" t="s">
        <v>191</v>
      </c>
      <c r="D69137" s="14" t="s">
        <v>14</v>
      </c>
      <c r="E69137" s="15">
        <v>45528</v>
      </c>
      <c r="F69137" s="14" t="s">
        <v>15</v>
      </c>
      <c r="G69137" s="16">
        <v>1.140705317782635</v>
      </c>
    </row>
    <row r="69138" spans="1:7" x14ac:dyDescent="0.3">
      <c r="A69138" s="13" t="s">
        <v>361</v>
      </c>
      <c r="B69138" s="14" t="s">
        <v>1</v>
      </c>
      <c r="C69138" s="14" t="s">
        <v>191</v>
      </c>
      <c r="D69138" s="14" t="s">
        <v>14</v>
      </c>
      <c r="E69138" s="15">
        <v>45529</v>
      </c>
      <c r="F69138" s="14" t="s">
        <v>15</v>
      </c>
      <c r="G69138" s="16">
        <v>1.140705317782635</v>
      </c>
    </row>
    <row r="69139" spans="1:7" x14ac:dyDescent="0.3">
      <c r="A69139" s="13" t="s">
        <v>361</v>
      </c>
      <c r="B69139" s="14" t="s">
        <v>1</v>
      </c>
      <c r="C69139" s="14" t="s">
        <v>191</v>
      </c>
      <c r="D69139" s="14" t="s">
        <v>14</v>
      </c>
      <c r="E69139" s="15">
        <v>45530</v>
      </c>
      <c r="F69139" s="14" t="s">
        <v>15</v>
      </c>
      <c r="G69139" s="16">
        <v>1.2295110708331698</v>
      </c>
    </row>
    <row r="69140" spans="1:7" x14ac:dyDescent="0.3">
      <c r="A69140" s="13" t="s">
        <v>361</v>
      </c>
      <c r="B69140" s="14" t="s">
        <v>1</v>
      </c>
      <c r="C69140" s="14" t="s">
        <v>191</v>
      </c>
      <c r="D69140" s="14" t="s">
        <v>14</v>
      </c>
      <c r="E69140" s="15">
        <v>45531</v>
      </c>
      <c r="F69140" s="14" t="s">
        <v>15</v>
      </c>
      <c r="G69140" s="16">
        <v>1.2183028250036152</v>
      </c>
    </row>
    <row r="69141" spans="1:7" x14ac:dyDescent="0.3">
      <c r="A69141" s="13" t="s">
        <v>361</v>
      </c>
      <c r="B69141" s="14" t="s">
        <v>1</v>
      </c>
      <c r="C69141" s="14" t="s">
        <v>191</v>
      </c>
      <c r="D69141" s="14" t="s">
        <v>14</v>
      </c>
      <c r="E69141" s="15">
        <v>45532</v>
      </c>
      <c r="F69141" s="14" t="s">
        <v>15</v>
      </c>
      <c r="G69141" s="16">
        <v>1.2164365518162492</v>
      </c>
    </row>
    <row r="69142" spans="1:7" x14ac:dyDescent="0.3">
      <c r="A69142" s="13" t="s">
        <v>361</v>
      </c>
      <c r="B69142" s="14" t="s">
        <v>1</v>
      </c>
      <c r="C69142" s="14" t="s">
        <v>191</v>
      </c>
      <c r="D69142" s="14" t="s">
        <v>14</v>
      </c>
      <c r="E69142" s="15">
        <v>45533</v>
      </c>
      <c r="F69142" s="14" t="s">
        <v>15</v>
      </c>
      <c r="G69142" s="16">
        <v>1.2126073956595211</v>
      </c>
    </row>
    <row r="69143" spans="1:7" x14ac:dyDescent="0.3">
      <c r="A69143" s="13" t="s">
        <v>361</v>
      </c>
      <c r="B69143" s="14" t="s">
        <v>1</v>
      </c>
      <c r="C69143" s="14" t="s">
        <v>191</v>
      </c>
      <c r="D69143" s="14" t="s">
        <v>14</v>
      </c>
      <c r="E69143" s="15">
        <v>45534</v>
      </c>
      <c r="F69143" s="14" t="s">
        <v>15</v>
      </c>
      <c r="G69143" s="16">
        <v>1.475302197586146</v>
      </c>
    </row>
    <row r="69144" spans="1:7" x14ac:dyDescent="0.3">
      <c r="A69144" s="13" t="s">
        <v>361</v>
      </c>
      <c r="B69144" s="14" t="s">
        <v>1</v>
      </c>
      <c r="C69144" s="14" t="s">
        <v>191</v>
      </c>
      <c r="D69144" s="14" t="s">
        <v>14</v>
      </c>
      <c r="E69144" s="15">
        <v>45535</v>
      </c>
      <c r="F69144" s="14" t="s">
        <v>15</v>
      </c>
      <c r="G69144" s="16">
        <v>1.475302197586146</v>
      </c>
    </row>
    <row r="69145" spans="1:7" x14ac:dyDescent="0.3">
      <c r="A69145" s="13" t="s">
        <v>361</v>
      </c>
      <c r="B69145" s="14" t="s">
        <v>1</v>
      </c>
      <c r="C69145" s="14" t="s">
        <v>191</v>
      </c>
      <c r="D69145" s="14" t="s">
        <v>14</v>
      </c>
      <c r="E69145" s="15">
        <v>45536</v>
      </c>
      <c r="F69145" s="14" t="s">
        <v>15</v>
      </c>
      <c r="G69145" s="16">
        <v>1.475302197586146</v>
      </c>
    </row>
    <row r="69146" spans="1:7" x14ac:dyDescent="0.3">
      <c r="A69146" s="13" t="s">
        <v>361</v>
      </c>
      <c r="B69146" s="14" t="s">
        <v>1</v>
      </c>
      <c r="C69146" s="14" t="s">
        <v>191</v>
      </c>
      <c r="D69146" s="14" t="s">
        <v>14</v>
      </c>
      <c r="E69146" s="15">
        <v>45537</v>
      </c>
      <c r="F69146" s="14" t="s">
        <v>15</v>
      </c>
      <c r="G69146" s="16">
        <v>1.4762602584520557</v>
      </c>
    </row>
    <row r="69147" spans="1:7" x14ac:dyDescent="0.3">
      <c r="A69147" s="13" t="s">
        <v>361</v>
      </c>
      <c r="B69147" s="14" t="s">
        <v>1</v>
      </c>
      <c r="C69147" s="14" t="s">
        <v>191</v>
      </c>
      <c r="D69147" s="14" t="s">
        <v>14</v>
      </c>
      <c r="E69147" s="15">
        <v>45538</v>
      </c>
      <c r="F69147" s="14" t="s">
        <v>15</v>
      </c>
      <c r="G69147" s="16">
        <v>1.4647683553150859</v>
      </c>
    </row>
    <row r="69148" spans="1:7" x14ac:dyDescent="0.3">
      <c r="A69148" s="13" t="s">
        <v>361</v>
      </c>
      <c r="B69148" s="14" t="s">
        <v>1</v>
      </c>
      <c r="C69148" s="14" t="s">
        <v>191</v>
      </c>
      <c r="D69148" s="14" t="s">
        <v>14</v>
      </c>
      <c r="E69148" s="15">
        <v>45539</v>
      </c>
      <c r="F69148" s="14" t="s">
        <v>15</v>
      </c>
      <c r="G69148" s="16">
        <v>1.4596169849354954</v>
      </c>
    </row>
    <row r="69149" spans="1:7" x14ac:dyDescent="0.3">
      <c r="A69149" s="13" t="s">
        <v>361</v>
      </c>
      <c r="B69149" s="14" t="s">
        <v>1</v>
      </c>
      <c r="C69149" s="14" t="s">
        <v>191</v>
      </c>
      <c r="D69149" s="14" t="s">
        <v>14</v>
      </c>
      <c r="E69149" s="15">
        <v>45540</v>
      </c>
      <c r="F69149" s="14" t="s">
        <v>15</v>
      </c>
      <c r="G69149" s="16">
        <v>1.4419203781748153</v>
      </c>
    </row>
    <row r="69150" spans="1:7" x14ac:dyDescent="0.3">
      <c r="A69150" s="13" t="s">
        <v>361</v>
      </c>
      <c r="B69150" s="14" t="s">
        <v>1</v>
      </c>
      <c r="C69150" s="14" t="s">
        <v>191</v>
      </c>
      <c r="D69150" s="14" t="s">
        <v>14</v>
      </c>
      <c r="E69150" s="15">
        <v>45541</v>
      </c>
      <c r="F69150" s="14" t="s">
        <v>15</v>
      </c>
      <c r="G69150" s="16">
        <v>1.4309731514637314</v>
      </c>
    </row>
    <row r="69151" spans="1:7" x14ac:dyDescent="0.3">
      <c r="A69151" s="13" t="s">
        <v>361</v>
      </c>
      <c r="B69151" s="14" t="s">
        <v>1</v>
      </c>
      <c r="C69151" s="14" t="s">
        <v>191</v>
      </c>
      <c r="D69151" s="14" t="s">
        <v>14</v>
      </c>
      <c r="E69151" s="15">
        <v>45542</v>
      </c>
      <c r="F69151" s="14" t="s">
        <v>15</v>
      </c>
      <c r="G69151" s="16">
        <v>1.4309731514637314</v>
      </c>
    </row>
    <row r="69152" spans="1:7" x14ac:dyDescent="0.3">
      <c r="A69152" s="13" t="s">
        <v>361</v>
      </c>
      <c r="B69152" s="14" t="s">
        <v>1</v>
      </c>
      <c r="C69152" s="14" t="s">
        <v>191</v>
      </c>
      <c r="D69152" s="14" t="s">
        <v>14</v>
      </c>
      <c r="E69152" s="15">
        <v>45543</v>
      </c>
      <c r="F69152" s="14" t="s">
        <v>15</v>
      </c>
      <c r="G69152" s="16">
        <v>1.4309731514637314</v>
      </c>
    </row>
    <row r="69153" spans="1:7" x14ac:dyDescent="0.3">
      <c r="A69153" s="13" t="s">
        <v>361</v>
      </c>
      <c r="B69153" s="14" t="s">
        <v>1</v>
      </c>
      <c r="C69153" s="14" t="s">
        <v>191</v>
      </c>
      <c r="D69153" s="14" t="s">
        <v>14</v>
      </c>
      <c r="E69153" s="15">
        <v>45544</v>
      </c>
      <c r="F69153" s="14" t="s">
        <v>15</v>
      </c>
      <c r="G69153" s="16">
        <v>1.4339627298082429</v>
      </c>
    </row>
    <row r="69154" spans="1:7" x14ac:dyDescent="0.3">
      <c r="A69154" s="13" t="s">
        <v>361</v>
      </c>
      <c r="B69154" s="14" t="s">
        <v>1</v>
      </c>
      <c r="C69154" s="14" t="s">
        <v>191</v>
      </c>
      <c r="D69154" s="14" t="s">
        <v>14</v>
      </c>
      <c r="E69154" s="15">
        <v>45545</v>
      </c>
      <c r="F69154" s="14" t="s">
        <v>15</v>
      </c>
      <c r="G69154" s="16">
        <v>1.4222283660681212</v>
      </c>
    </row>
    <row r="69155" spans="1:7" x14ac:dyDescent="0.3">
      <c r="A69155" s="13" t="s">
        <v>361</v>
      </c>
      <c r="B69155" s="14" t="s">
        <v>1</v>
      </c>
      <c r="C69155" s="14" t="s">
        <v>191</v>
      </c>
      <c r="D69155" s="14" t="s">
        <v>14</v>
      </c>
      <c r="E69155" s="15">
        <v>45546</v>
      </c>
      <c r="F69155" s="14" t="s">
        <v>15</v>
      </c>
      <c r="G69155" s="16">
        <v>1.4871735479643486</v>
      </c>
    </row>
    <row r="69156" spans="1:7" x14ac:dyDescent="0.3">
      <c r="A69156" s="13" t="s">
        <v>361</v>
      </c>
      <c r="B69156" s="14" t="s">
        <v>1</v>
      </c>
      <c r="C69156" s="14" t="s">
        <v>191</v>
      </c>
      <c r="D69156" s="14" t="s">
        <v>14</v>
      </c>
      <c r="E69156" s="15">
        <v>45547</v>
      </c>
      <c r="F69156" s="14" t="s">
        <v>15</v>
      </c>
      <c r="G69156" s="16">
        <v>1.4832571187894616</v>
      </c>
    </row>
    <row r="69157" spans="1:7" x14ac:dyDescent="0.3">
      <c r="A69157" s="13" t="s">
        <v>361</v>
      </c>
      <c r="B69157" s="14" t="s">
        <v>1</v>
      </c>
      <c r="C69157" s="14" t="s">
        <v>191</v>
      </c>
      <c r="D69157" s="14" t="s">
        <v>14</v>
      </c>
      <c r="E69157" s="15">
        <v>45548</v>
      </c>
      <c r="F69157" s="14" t="s">
        <v>15</v>
      </c>
      <c r="G69157" s="16">
        <v>1.4793293305233022</v>
      </c>
    </row>
    <row r="69158" spans="1:7" x14ac:dyDescent="0.3">
      <c r="A69158" s="13" t="s">
        <v>361</v>
      </c>
      <c r="B69158" s="14" t="s">
        <v>1</v>
      </c>
      <c r="C69158" s="14" t="s">
        <v>191</v>
      </c>
      <c r="D69158" s="14" t="s">
        <v>14</v>
      </c>
      <c r="E69158" s="15">
        <v>45549</v>
      </c>
      <c r="F69158" s="14" t="s">
        <v>15</v>
      </c>
      <c r="G69158" s="16">
        <v>1.4793293305233022</v>
      </c>
    </row>
    <row r="69159" spans="1:7" x14ac:dyDescent="0.3">
      <c r="A69159" s="13" t="s">
        <v>361</v>
      </c>
      <c r="B69159" s="14" t="s">
        <v>1</v>
      </c>
      <c r="C69159" s="14" t="s">
        <v>191</v>
      </c>
      <c r="D69159" s="14" t="s">
        <v>14</v>
      </c>
      <c r="E69159" s="15">
        <v>45550</v>
      </c>
      <c r="F69159" s="14" t="s">
        <v>15</v>
      </c>
      <c r="G69159" s="16">
        <v>1.4793293305233022</v>
      </c>
    </row>
    <row r="69160" spans="1:7" x14ac:dyDescent="0.3">
      <c r="A69160" s="13" t="s">
        <v>361</v>
      </c>
      <c r="B69160" s="14" t="s">
        <v>1</v>
      </c>
      <c r="C69160" s="14" t="s">
        <v>191</v>
      </c>
      <c r="D69160" s="14" t="s">
        <v>14</v>
      </c>
      <c r="E69160" s="15">
        <v>45551</v>
      </c>
      <c r="F69160" s="14" t="s">
        <v>15</v>
      </c>
      <c r="G69160" s="16">
        <v>1.4753768242345844</v>
      </c>
    </row>
    <row r="69161" spans="1:7" x14ac:dyDescent="0.3">
      <c r="A69161" s="13" t="s">
        <v>361</v>
      </c>
      <c r="B69161" s="14" t="s">
        <v>1</v>
      </c>
      <c r="C69161" s="14" t="s">
        <v>191</v>
      </c>
      <c r="D69161" s="14" t="s">
        <v>14</v>
      </c>
      <c r="E69161" s="15">
        <v>45552</v>
      </c>
      <c r="F69161" s="14" t="s">
        <v>15</v>
      </c>
      <c r="G69161" s="16">
        <v>1.4545733460236203</v>
      </c>
    </row>
    <row r="69162" spans="1:7" x14ac:dyDescent="0.3">
      <c r="A69162" s="13" t="s">
        <v>361</v>
      </c>
      <c r="B69162" s="14" t="s">
        <v>1</v>
      </c>
      <c r="C69162" s="14" t="s">
        <v>191</v>
      </c>
      <c r="D69162" s="14" t="s">
        <v>14</v>
      </c>
      <c r="E69162" s="15">
        <v>45553</v>
      </c>
      <c r="F69162" s="14" t="s">
        <v>15</v>
      </c>
      <c r="G69162" s="16">
        <v>1.4485444458464134</v>
      </c>
    </row>
    <row r="69163" spans="1:7" x14ac:dyDescent="0.3">
      <c r="A69163" s="13" t="s">
        <v>361</v>
      </c>
      <c r="B69163" s="14" t="s">
        <v>1</v>
      </c>
      <c r="C69163" s="14" t="s">
        <v>191</v>
      </c>
      <c r="D69163" s="14" t="s">
        <v>14</v>
      </c>
      <c r="E69163" s="15">
        <v>45554</v>
      </c>
      <c r="F69163" s="14" t="s">
        <v>15</v>
      </c>
      <c r="G69163" s="16">
        <v>1.4425341041845257</v>
      </c>
    </row>
    <row r="69164" spans="1:7" x14ac:dyDescent="0.3">
      <c r="A69164" s="13" t="s">
        <v>361</v>
      </c>
      <c r="B69164" s="14" t="s">
        <v>1</v>
      </c>
      <c r="C69164" s="14" t="s">
        <v>191</v>
      </c>
      <c r="D69164" s="14" t="s">
        <v>14</v>
      </c>
      <c r="E69164" s="15">
        <v>45555</v>
      </c>
      <c r="F69164" s="14" t="s">
        <v>15</v>
      </c>
      <c r="G69164" s="16">
        <v>1.4399432489637223</v>
      </c>
    </row>
    <row r="69165" spans="1:7" x14ac:dyDescent="0.3">
      <c r="A69165" s="13" t="s">
        <v>361</v>
      </c>
      <c r="B69165" s="14" t="s">
        <v>1</v>
      </c>
      <c r="C69165" s="14" t="s">
        <v>191</v>
      </c>
      <c r="D69165" s="14" t="s">
        <v>14</v>
      </c>
      <c r="E69165" s="15">
        <v>45556</v>
      </c>
      <c r="F69165" s="14" t="s">
        <v>15</v>
      </c>
      <c r="G69165" s="16">
        <v>1.4399432489637223</v>
      </c>
    </row>
    <row r="69166" spans="1:7" x14ac:dyDescent="0.3">
      <c r="A69166" s="13" t="s">
        <v>361</v>
      </c>
      <c r="B69166" s="14" t="s">
        <v>1</v>
      </c>
      <c r="C69166" s="14" t="s">
        <v>191</v>
      </c>
      <c r="D69166" s="14" t="s">
        <v>14</v>
      </c>
      <c r="E69166" s="15">
        <v>45557</v>
      </c>
      <c r="F69166" s="14" t="s">
        <v>15</v>
      </c>
      <c r="G69166" s="16">
        <v>1.4399432489637223</v>
      </c>
    </row>
    <row r="69167" spans="1:7" x14ac:dyDescent="0.3">
      <c r="A69167" s="13" t="s">
        <v>361</v>
      </c>
      <c r="B69167" s="14" t="s">
        <v>1</v>
      </c>
      <c r="C69167" s="14" t="s">
        <v>191</v>
      </c>
      <c r="D69167" s="14" t="s">
        <v>14</v>
      </c>
      <c r="E69167" s="15">
        <v>45558</v>
      </c>
      <c r="F69167" s="14" t="s">
        <v>15</v>
      </c>
      <c r="G69167" s="16">
        <v>1.434341274632448</v>
      </c>
    </row>
    <row r="69168" spans="1:7" x14ac:dyDescent="0.3">
      <c r="A69168" s="13" t="s">
        <v>361</v>
      </c>
      <c r="B69168" s="14" t="s">
        <v>1</v>
      </c>
      <c r="C69168" s="14" t="s">
        <v>191</v>
      </c>
      <c r="D69168" s="14" t="s">
        <v>14</v>
      </c>
      <c r="E69168" s="15">
        <v>45559</v>
      </c>
      <c r="F69168" s="14" t="s">
        <v>15</v>
      </c>
      <c r="G69168" s="16">
        <v>1.4223132543848469</v>
      </c>
    </row>
    <row r="69169" spans="1:7" x14ac:dyDescent="0.3">
      <c r="A69169" s="13" t="s">
        <v>361</v>
      </c>
      <c r="B69169" s="14" t="s">
        <v>1</v>
      </c>
      <c r="C69169" s="14" t="s">
        <v>191</v>
      </c>
      <c r="D69169" s="14" t="s">
        <v>14</v>
      </c>
      <c r="E69169" s="15">
        <v>45560</v>
      </c>
      <c r="F69169" s="14" t="s">
        <v>15</v>
      </c>
      <c r="G69169" s="16">
        <v>1.4183151359669193</v>
      </c>
    </row>
    <row r="69170" spans="1:7" x14ac:dyDescent="0.3">
      <c r="A69170" s="13" t="s">
        <v>361</v>
      </c>
      <c r="B69170" s="14" t="s">
        <v>1</v>
      </c>
      <c r="C69170" s="14" t="s">
        <v>191</v>
      </c>
      <c r="D69170" s="14" t="s">
        <v>14</v>
      </c>
      <c r="E69170" s="15">
        <v>45561</v>
      </c>
      <c r="F69170" s="14" t="s">
        <v>15</v>
      </c>
      <c r="G69170" s="16">
        <v>1.4143094513652041</v>
      </c>
    </row>
    <row r="69171" spans="1:7" x14ac:dyDescent="0.3">
      <c r="A69171" s="13" t="s">
        <v>361</v>
      </c>
      <c r="B69171" s="14" t="s">
        <v>1</v>
      </c>
      <c r="C69171" s="14" t="s">
        <v>191</v>
      </c>
      <c r="D69171" s="14" t="s">
        <v>14</v>
      </c>
      <c r="E69171" s="15">
        <v>45562</v>
      </c>
      <c r="F69171" s="14" t="s">
        <v>15</v>
      </c>
      <c r="G69171" s="16">
        <v>1.4153039689356262</v>
      </c>
    </row>
    <row r="69172" spans="1:7" x14ac:dyDescent="0.3">
      <c r="A69172" s="13" t="s">
        <v>361</v>
      </c>
      <c r="B69172" s="14" t="s">
        <v>1</v>
      </c>
      <c r="C69172" s="14" t="s">
        <v>191</v>
      </c>
      <c r="D69172" s="14" t="s">
        <v>14</v>
      </c>
      <c r="E69172" s="15">
        <v>45563</v>
      </c>
      <c r="F69172" s="14" t="s">
        <v>15</v>
      </c>
      <c r="G69172" s="16">
        <v>1.4153039689356262</v>
      </c>
    </row>
    <row r="69173" spans="1:7" x14ac:dyDescent="0.3">
      <c r="A69173" s="13" t="s">
        <v>361</v>
      </c>
      <c r="B69173" s="14" t="s">
        <v>1</v>
      </c>
      <c r="C69173" s="14" t="s">
        <v>191</v>
      </c>
      <c r="D69173" s="14" t="s">
        <v>14</v>
      </c>
      <c r="E69173" s="15">
        <v>45564</v>
      </c>
      <c r="F69173" s="14" t="s">
        <v>15</v>
      </c>
      <c r="G69173" s="16">
        <v>1.4153039689356262</v>
      </c>
    </row>
    <row r="69174" spans="1:7" x14ac:dyDescent="0.3">
      <c r="A69174" s="13" t="s">
        <v>361</v>
      </c>
      <c r="B69174" s="14" t="s">
        <v>1</v>
      </c>
      <c r="C69174" s="14" t="s">
        <v>191</v>
      </c>
      <c r="D69174" s="14" t="s">
        <v>14</v>
      </c>
      <c r="E69174" s="15">
        <v>45565</v>
      </c>
      <c r="F69174" s="14" t="s">
        <v>15</v>
      </c>
      <c r="G69174" s="16">
        <v>1.4673687049328257</v>
      </c>
    </row>
    <row r="69175" spans="1:7" x14ac:dyDescent="0.3">
      <c r="A69175" s="13" t="s">
        <v>361</v>
      </c>
      <c r="B69175" s="14" t="s">
        <v>1</v>
      </c>
      <c r="C69175" s="14" t="s">
        <v>191</v>
      </c>
      <c r="D69175" s="14" t="s">
        <v>14</v>
      </c>
      <c r="E69175" s="15">
        <v>45566</v>
      </c>
      <c r="F69175" s="14" t="s">
        <v>15</v>
      </c>
      <c r="G69175" s="16">
        <v>1.4552124101755994</v>
      </c>
    </row>
    <row r="69176" spans="1:7" x14ac:dyDescent="0.3">
      <c r="A69176" s="13" t="s">
        <v>361</v>
      </c>
      <c r="B69176" s="14" t="s">
        <v>1</v>
      </c>
      <c r="C69176" s="14" t="s">
        <v>191</v>
      </c>
      <c r="D69176" s="14" t="s">
        <v>14</v>
      </c>
      <c r="E69176" s="15">
        <v>45567</v>
      </c>
      <c r="F69176" s="14" t="s">
        <v>15</v>
      </c>
      <c r="G69176" s="16">
        <v>1.4512238697711393</v>
      </c>
    </row>
    <row r="69177" spans="1:7" x14ac:dyDescent="0.3">
      <c r="A69177" s="13" t="s">
        <v>361</v>
      </c>
      <c r="B69177" s="14" t="s">
        <v>1</v>
      </c>
      <c r="C69177" s="14" t="s">
        <v>191</v>
      </c>
      <c r="D69177" s="14" t="s">
        <v>14</v>
      </c>
      <c r="E69177" s="15">
        <v>45568</v>
      </c>
      <c r="F69177" s="14" t="s">
        <v>15</v>
      </c>
      <c r="G69177" s="16">
        <v>1.4299398264837047</v>
      </c>
    </row>
    <row r="69178" spans="1:7" x14ac:dyDescent="0.3">
      <c r="A69178" s="13" t="s">
        <v>361</v>
      </c>
      <c r="B69178" s="14" t="s">
        <v>1</v>
      </c>
      <c r="C69178" s="14" t="s">
        <v>191</v>
      </c>
      <c r="D69178" s="14" t="s">
        <v>14</v>
      </c>
      <c r="E69178" s="15">
        <v>45569</v>
      </c>
      <c r="F69178" s="14" t="s">
        <v>15</v>
      </c>
      <c r="G69178" s="16">
        <v>1.4259239524062619</v>
      </c>
    </row>
    <row r="69179" spans="1:7" x14ac:dyDescent="0.3">
      <c r="A69179" s="13" t="s">
        <v>361</v>
      </c>
      <c r="B69179" s="14" t="s">
        <v>1</v>
      </c>
      <c r="C69179" s="14" t="s">
        <v>191</v>
      </c>
      <c r="D69179" s="14" t="s">
        <v>14</v>
      </c>
      <c r="E69179" s="15">
        <v>45570</v>
      </c>
      <c r="F69179" s="14" t="s">
        <v>15</v>
      </c>
      <c r="G69179" s="16">
        <v>1.4259239524062619</v>
      </c>
    </row>
    <row r="69180" spans="1:7" x14ac:dyDescent="0.3">
      <c r="A69180" s="13" t="s">
        <v>361</v>
      </c>
      <c r="B69180" s="14" t="s">
        <v>1</v>
      </c>
      <c r="C69180" s="14" t="s">
        <v>191</v>
      </c>
      <c r="D69180" s="14" t="s">
        <v>14</v>
      </c>
      <c r="E69180" s="15">
        <v>45571</v>
      </c>
      <c r="F69180" s="14" t="s">
        <v>15</v>
      </c>
      <c r="G69180" s="16">
        <v>1.4259239524062619</v>
      </c>
    </row>
    <row r="69181" spans="1:7" x14ac:dyDescent="0.3">
      <c r="A69181" s="13" t="s">
        <v>361</v>
      </c>
      <c r="B69181" s="14" t="s">
        <v>1</v>
      </c>
      <c r="C69181" s="14" t="s">
        <v>191</v>
      </c>
      <c r="D69181" s="14" t="s">
        <v>14</v>
      </c>
      <c r="E69181" s="15">
        <v>45572</v>
      </c>
      <c r="F69181" s="14" t="s">
        <v>15</v>
      </c>
      <c r="G69181" s="16">
        <v>1.4219253033949295</v>
      </c>
    </row>
    <row r="69182" spans="1:7" x14ac:dyDescent="0.3">
      <c r="A69182" s="13" t="s">
        <v>361</v>
      </c>
      <c r="B69182" s="14" t="s">
        <v>1</v>
      </c>
      <c r="C69182" s="14" t="s">
        <v>191</v>
      </c>
      <c r="D69182" s="14" t="s">
        <v>14</v>
      </c>
      <c r="E69182" s="15">
        <v>45573</v>
      </c>
      <c r="F69182" s="14" t="s">
        <v>15</v>
      </c>
      <c r="G69182" s="16">
        <v>1.4089412350381496</v>
      </c>
    </row>
    <row r="69183" spans="1:7" x14ac:dyDescent="0.3">
      <c r="A69183" s="13" t="s">
        <v>361</v>
      </c>
      <c r="B69183" s="14" t="s">
        <v>1</v>
      </c>
      <c r="C69183" s="14" t="s">
        <v>191</v>
      </c>
      <c r="D69183" s="14" t="s">
        <v>14</v>
      </c>
      <c r="E69183" s="15">
        <v>45574</v>
      </c>
      <c r="F69183" s="14" t="s">
        <v>15</v>
      </c>
      <c r="G69183" s="16">
        <v>1.4111391620394975</v>
      </c>
    </row>
    <row r="69184" spans="1:7" x14ac:dyDescent="0.3">
      <c r="A69184" s="13" t="s">
        <v>361</v>
      </c>
      <c r="B69184" s="14" t="s">
        <v>1</v>
      </c>
      <c r="C69184" s="14" t="s">
        <v>191</v>
      </c>
      <c r="D69184" s="14" t="s">
        <v>14</v>
      </c>
      <c r="E69184" s="15">
        <v>45575</v>
      </c>
      <c r="F69184" s="14" t="s">
        <v>15</v>
      </c>
      <c r="G69184" s="16">
        <v>1.4072512224906299</v>
      </c>
    </row>
    <row r="69185" spans="1:7" x14ac:dyDescent="0.3">
      <c r="A69185" s="13" t="s">
        <v>361</v>
      </c>
      <c r="B69185" s="14" t="s">
        <v>1</v>
      </c>
      <c r="C69185" s="14" t="s">
        <v>191</v>
      </c>
      <c r="D69185" s="14" t="s">
        <v>14</v>
      </c>
      <c r="E69185" s="15">
        <v>45576</v>
      </c>
      <c r="F69185" s="14" t="s">
        <v>15</v>
      </c>
      <c r="G69185" s="16">
        <v>1.4033604525318382</v>
      </c>
    </row>
    <row r="69186" spans="1:7" x14ac:dyDescent="0.3">
      <c r="A69186" s="13" t="s">
        <v>361</v>
      </c>
      <c r="B69186" s="14" t="s">
        <v>1</v>
      </c>
      <c r="C69186" s="14" t="s">
        <v>191</v>
      </c>
      <c r="D69186" s="14" t="s">
        <v>14</v>
      </c>
      <c r="E69186" s="15">
        <v>45577</v>
      </c>
      <c r="F69186" s="14" t="s">
        <v>15</v>
      </c>
      <c r="G69186" s="16">
        <v>1.4033604525318382</v>
      </c>
    </row>
    <row r="69187" spans="1:7" x14ac:dyDescent="0.3">
      <c r="A69187" s="13" t="s">
        <v>361</v>
      </c>
      <c r="B69187" s="14" t="s">
        <v>1</v>
      </c>
      <c r="C69187" s="14" t="s">
        <v>191</v>
      </c>
      <c r="D69187" s="14" t="s">
        <v>14</v>
      </c>
      <c r="E69187" s="15">
        <v>45578</v>
      </c>
      <c r="F69187" s="14" t="s">
        <v>15</v>
      </c>
      <c r="G69187" s="16">
        <v>1.4033604525318382</v>
      </c>
    </row>
    <row r="69188" spans="1:7" x14ac:dyDescent="0.3">
      <c r="A69188" s="13" t="s">
        <v>361</v>
      </c>
      <c r="B69188" s="14" t="s">
        <v>1</v>
      </c>
      <c r="C69188" s="14" t="s">
        <v>191</v>
      </c>
      <c r="D69188" s="14" t="s">
        <v>14</v>
      </c>
      <c r="E69188" s="15">
        <v>45579</v>
      </c>
      <c r="F69188" s="14" t="s">
        <v>15</v>
      </c>
      <c r="G69188" s="16">
        <v>1.3994801395806751</v>
      </c>
    </row>
    <row r="69189" spans="1:7" x14ac:dyDescent="0.3">
      <c r="A69189" s="13" t="s">
        <v>361</v>
      </c>
      <c r="B69189" s="14" t="s">
        <v>1</v>
      </c>
      <c r="C69189" s="14" t="s">
        <v>191</v>
      </c>
      <c r="D69189" s="14" t="s">
        <v>14</v>
      </c>
      <c r="E69189" s="15">
        <v>45580</v>
      </c>
      <c r="F69189" s="14" t="s">
        <v>15</v>
      </c>
      <c r="G69189" s="16">
        <v>1.3878656740252642</v>
      </c>
    </row>
    <row r="69190" spans="1:7" x14ac:dyDescent="0.3">
      <c r="A69190" s="13" t="s">
        <v>361</v>
      </c>
      <c r="B69190" s="14" t="s">
        <v>1</v>
      </c>
      <c r="C69190" s="14" t="s">
        <v>191</v>
      </c>
      <c r="D69190" s="14" t="s">
        <v>14</v>
      </c>
      <c r="E69190" s="15">
        <v>45581</v>
      </c>
      <c r="F69190" s="14" t="s">
        <v>15</v>
      </c>
      <c r="G69190" s="16">
        <v>1.3839972563627465</v>
      </c>
    </row>
    <row r="69191" spans="1:7" x14ac:dyDescent="0.3">
      <c r="A69191" s="13" t="s">
        <v>361</v>
      </c>
      <c r="B69191" s="14" t="s">
        <v>1</v>
      </c>
      <c r="C69191" s="14" t="s">
        <v>191</v>
      </c>
      <c r="D69191" s="14" t="s">
        <v>14</v>
      </c>
      <c r="E69191" s="15">
        <v>45582</v>
      </c>
      <c r="F69191" s="14" t="s">
        <v>15</v>
      </c>
      <c r="G69191" s="16">
        <v>1.3811519155602006</v>
      </c>
    </row>
    <row r="69192" spans="1:7" x14ac:dyDescent="0.3">
      <c r="A69192" s="13" t="s">
        <v>361</v>
      </c>
      <c r="B69192" s="14" t="s">
        <v>1</v>
      </c>
      <c r="C69192" s="14" t="s">
        <v>191</v>
      </c>
      <c r="D69192" s="14" t="s">
        <v>14</v>
      </c>
      <c r="E69192" s="15">
        <v>45583</v>
      </c>
      <c r="F69192" s="14" t="s">
        <v>15</v>
      </c>
      <c r="G69192" s="16">
        <v>1.3773007255570999</v>
      </c>
    </row>
    <row r="69193" spans="1:7" x14ac:dyDescent="0.3">
      <c r="A69193" s="13" t="s">
        <v>361</v>
      </c>
      <c r="B69193" s="14" t="s">
        <v>1</v>
      </c>
      <c r="C69193" s="14" t="s">
        <v>191</v>
      </c>
      <c r="D69193" s="14" t="s">
        <v>14</v>
      </c>
      <c r="E69193" s="15">
        <v>45584</v>
      </c>
      <c r="F69193" s="14" t="s">
        <v>15</v>
      </c>
      <c r="G69193" s="16">
        <v>1.3773007255570999</v>
      </c>
    </row>
    <row r="69194" spans="1:7" x14ac:dyDescent="0.3">
      <c r="A69194" s="13" t="s">
        <v>361</v>
      </c>
      <c r="B69194" s="14" t="s">
        <v>1</v>
      </c>
      <c r="C69194" s="14" t="s">
        <v>191</v>
      </c>
      <c r="D69194" s="14" t="s">
        <v>14</v>
      </c>
      <c r="E69194" s="15">
        <v>45585</v>
      </c>
      <c r="F69194" s="14" t="s">
        <v>15</v>
      </c>
      <c r="G69194" s="16">
        <v>1.3773007255570999</v>
      </c>
    </row>
    <row r="69195" spans="1:7" x14ac:dyDescent="0.3">
      <c r="A69195" s="13" t="s">
        <v>361</v>
      </c>
      <c r="B69195" s="14" t="s">
        <v>1</v>
      </c>
      <c r="C69195" s="14" t="s">
        <v>191</v>
      </c>
      <c r="D69195" s="14" t="s">
        <v>14</v>
      </c>
      <c r="E69195" s="15">
        <v>45586</v>
      </c>
      <c r="F69195" s="14" t="s">
        <v>15</v>
      </c>
      <c r="G69195" s="16">
        <v>1.3735657812368303</v>
      </c>
    </row>
    <row r="69196" spans="1:7" x14ac:dyDescent="0.3">
      <c r="A69196" s="13" t="s">
        <v>361</v>
      </c>
      <c r="B69196" s="14" t="s">
        <v>1</v>
      </c>
      <c r="C69196" s="14" t="s">
        <v>191</v>
      </c>
      <c r="D69196" s="14" t="s">
        <v>14</v>
      </c>
      <c r="E69196" s="15">
        <v>45587</v>
      </c>
      <c r="F69196" s="14" t="s">
        <v>15</v>
      </c>
      <c r="G69196" s="16">
        <v>1.3621773261656804</v>
      </c>
    </row>
    <row r="69197" spans="1:7" x14ac:dyDescent="0.3">
      <c r="A69197" s="13" t="s">
        <v>361</v>
      </c>
      <c r="B69197" s="14" t="s">
        <v>1</v>
      </c>
      <c r="C69197" s="14" t="s">
        <v>191</v>
      </c>
      <c r="D69197" s="14" t="s">
        <v>14</v>
      </c>
      <c r="E69197" s="15">
        <v>45588</v>
      </c>
      <c r="F69197" s="14" t="s">
        <v>15</v>
      </c>
      <c r="G69197" s="16">
        <v>1.3521750413858424</v>
      </c>
    </row>
    <row r="69198" spans="1:7" x14ac:dyDescent="0.3">
      <c r="A69198" s="13" t="s">
        <v>361</v>
      </c>
      <c r="B69198" s="14" t="s">
        <v>1</v>
      </c>
      <c r="C69198" s="14" t="s">
        <v>191</v>
      </c>
      <c r="D69198" s="14" t="s">
        <v>14</v>
      </c>
      <c r="E69198" s="15">
        <v>45589</v>
      </c>
      <c r="F69198" s="14" t="s">
        <v>15</v>
      </c>
      <c r="G69198" s="16">
        <v>1.3483708582820093</v>
      </c>
    </row>
    <row r="69199" spans="1:7" x14ac:dyDescent="0.3">
      <c r="A69199" s="13" t="s">
        <v>361</v>
      </c>
      <c r="B69199" s="14" t="s">
        <v>1</v>
      </c>
      <c r="C69199" s="14" t="s">
        <v>191</v>
      </c>
      <c r="D69199" s="14" t="s">
        <v>14</v>
      </c>
      <c r="E69199" s="15">
        <v>45590</v>
      </c>
      <c r="F69199" s="14" t="s">
        <v>15</v>
      </c>
      <c r="G69199" s="16">
        <v>1.3445907939013606</v>
      </c>
    </row>
    <row r="69200" spans="1:7" x14ac:dyDescent="0.3">
      <c r="A69200" s="13" t="s">
        <v>361</v>
      </c>
      <c r="B69200" s="14" t="s">
        <v>1</v>
      </c>
      <c r="C69200" s="14" t="s">
        <v>191</v>
      </c>
      <c r="D69200" s="14" t="s">
        <v>14</v>
      </c>
      <c r="E69200" s="15">
        <v>45591</v>
      </c>
      <c r="F69200" s="14" t="s">
        <v>15</v>
      </c>
      <c r="G69200" s="16">
        <v>1.3445907939013606</v>
      </c>
    </row>
    <row r="69201" spans="1:7" x14ac:dyDescent="0.3">
      <c r="A69201" s="13" t="s">
        <v>361</v>
      </c>
      <c r="B69201" s="14" t="s">
        <v>1</v>
      </c>
      <c r="C69201" s="14" t="s">
        <v>191</v>
      </c>
      <c r="D69201" s="14" t="s">
        <v>14</v>
      </c>
      <c r="E69201" s="15">
        <v>45592</v>
      </c>
      <c r="F69201" s="14" t="s">
        <v>15</v>
      </c>
      <c r="G69201" s="16">
        <v>1.3445907939013606</v>
      </c>
    </row>
    <row r="69202" spans="1:7" x14ac:dyDescent="0.3">
      <c r="A69202" s="13" t="s">
        <v>361</v>
      </c>
      <c r="B69202" s="14" t="s">
        <v>1</v>
      </c>
      <c r="C69202" s="14" t="s">
        <v>191</v>
      </c>
      <c r="D69202" s="14" t="s">
        <v>14</v>
      </c>
      <c r="E69202" s="15">
        <v>45593</v>
      </c>
      <c r="F69202" s="14" t="s">
        <v>15</v>
      </c>
      <c r="G69202" s="16">
        <v>1.3445907939013606</v>
      </c>
    </row>
    <row r="69203" spans="1:7" x14ac:dyDescent="0.3">
      <c r="A69203" s="13" t="s">
        <v>361</v>
      </c>
      <c r="B69203" s="14" t="s">
        <v>1</v>
      </c>
      <c r="C69203" s="14" t="s">
        <v>191</v>
      </c>
      <c r="D69203" s="14" t="s">
        <v>14</v>
      </c>
      <c r="E69203" s="15">
        <v>45594</v>
      </c>
      <c r="F69203" s="14" t="s">
        <v>15</v>
      </c>
      <c r="G69203" s="16">
        <v>1.3449533253188037</v>
      </c>
    </row>
    <row r="69204" spans="1:7" x14ac:dyDescent="0.3">
      <c r="A69204" s="13" t="s">
        <v>361</v>
      </c>
      <c r="B69204" s="14" t="s">
        <v>1</v>
      </c>
      <c r="C69204" s="14" t="s">
        <v>191</v>
      </c>
      <c r="D69204" s="14" t="s">
        <v>14</v>
      </c>
      <c r="E69204" s="15">
        <v>45595</v>
      </c>
      <c r="F69204" s="14" t="s">
        <v>15</v>
      </c>
      <c r="G69204" s="16">
        <v>1.3643039368366596</v>
      </c>
    </row>
    <row r="69205" spans="1:7" x14ac:dyDescent="0.3">
      <c r="A69205" s="13" t="s">
        <v>361</v>
      </c>
      <c r="B69205" s="14" t="s">
        <v>1</v>
      </c>
      <c r="C69205" s="14" t="s">
        <v>191</v>
      </c>
      <c r="D69205" s="14" t="s">
        <v>14</v>
      </c>
      <c r="E69205" s="15">
        <v>45596</v>
      </c>
      <c r="F69205" s="14" t="s">
        <v>15</v>
      </c>
      <c r="G69205" s="16">
        <v>1.3643039368366596</v>
      </c>
    </row>
    <row r="69206" spans="1:7" x14ac:dyDescent="0.3">
      <c r="A69206" s="13" t="s">
        <v>361</v>
      </c>
      <c r="B69206" s="14" t="s">
        <v>1</v>
      </c>
      <c r="C69206" s="14" t="s">
        <v>191</v>
      </c>
      <c r="D69206" s="14" t="s">
        <v>14</v>
      </c>
      <c r="E69206" s="15">
        <v>45597</v>
      </c>
      <c r="F69206" s="14" t="s">
        <v>15</v>
      </c>
      <c r="G69206" s="16">
        <v>1.3605977873185588</v>
      </c>
    </row>
    <row r="69207" spans="1:7" x14ac:dyDescent="0.3">
      <c r="A69207" s="13" t="s">
        <v>361</v>
      </c>
      <c r="B69207" s="14" t="s">
        <v>1</v>
      </c>
      <c r="C69207" s="14" t="s">
        <v>191</v>
      </c>
      <c r="D69207" s="14" t="s">
        <v>14</v>
      </c>
      <c r="E69207" s="15">
        <v>45598</v>
      </c>
      <c r="F69207" s="14" t="s">
        <v>15</v>
      </c>
      <c r="G69207" s="16">
        <v>1.3605977873185588</v>
      </c>
    </row>
    <row r="69208" spans="1:7" x14ac:dyDescent="0.3">
      <c r="A69208" s="13" t="s">
        <v>361</v>
      </c>
      <c r="B69208" s="14" t="s">
        <v>1</v>
      </c>
      <c r="C69208" s="14" t="s">
        <v>191</v>
      </c>
      <c r="D69208" s="14" t="s">
        <v>14</v>
      </c>
      <c r="E69208" s="15">
        <v>45599</v>
      </c>
      <c r="F69208" s="14" t="s">
        <v>15</v>
      </c>
      <c r="G69208" s="16">
        <v>1.3605977873185588</v>
      </c>
    </row>
    <row r="69209" spans="1:7" x14ac:dyDescent="0.3">
      <c r="A69209" s="13" t="s">
        <v>361</v>
      </c>
      <c r="B69209" s="14" t="s">
        <v>1</v>
      </c>
      <c r="C69209" s="14" t="s">
        <v>191</v>
      </c>
      <c r="D69209" s="14" t="s">
        <v>14</v>
      </c>
      <c r="E69209" s="15">
        <v>45600</v>
      </c>
      <c r="F69209" s="14" t="s">
        <v>15</v>
      </c>
      <c r="G69209" s="16">
        <v>1.3867044314838792</v>
      </c>
    </row>
    <row r="69210" spans="1:7" x14ac:dyDescent="0.3">
      <c r="A69210" s="13" t="s">
        <v>361</v>
      </c>
      <c r="B69210" s="14" t="s">
        <v>1</v>
      </c>
      <c r="C69210" s="14" t="s">
        <v>191</v>
      </c>
      <c r="D69210" s="14" t="s">
        <v>14</v>
      </c>
      <c r="E69210" s="15">
        <v>45601</v>
      </c>
      <c r="F69210" s="14" t="s">
        <v>15</v>
      </c>
      <c r="G69210" s="16">
        <v>1.4049533492252966</v>
      </c>
    </row>
    <row r="69211" spans="1:7" x14ac:dyDescent="0.3">
      <c r="A69211" s="13" t="s">
        <v>361</v>
      </c>
      <c r="B69211" s="14" t="s">
        <v>1</v>
      </c>
      <c r="C69211" s="14" t="s">
        <v>191</v>
      </c>
      <c r="D69211" s="14" t="s">
        <v>14</v>
      </c>
      <c r="E69211" s="15">
        <v>45602</v>
      </c>
      <c r="F69211" s="14" t="s">
        <v>15</v>
      </c>
      <c r="G69211" s="16">
        <v>1.4012382313524683</v>
      </c>
    </row>
    <row r="69212" spans="1:7" x14ac:dyDescent="0.3">
      <c r="A69212" s="13" t="s">
        <v>361</v>
      </c>
      <c r="B69212" s="14" t="s">
        <v>1</v>
      </c>
      <c r="C69212" s="14" t="s">
        <v>191</v>
      </c>
      <c r="D69212" s="14" t="s">
        <v>14</v>
      </c>
      <c r="E69212" s="15">
        <v>45603</v>
      </c>
      <c r="F69212" s="14" t="s">
        <v>15</v>
      </c>
      <c r="G69212" s="16">
        <v>1.4636903303663946</v>
      </c>
    </row>
    <row r="69213" spans="1:7" x14ac:dyDescent="0.3">
      <c r="A69213" s="13" t="s">
        <v>361</v>
      </c>
      <c r="B69213" s="14" t="s">
        <v>1</v>
      </c>
      <c r="C69213" s="14" t="s">
        <v>191</v>
      </c>
      <c r="D69213" s="14" t="s">
        <v>14</v>
      </c>
      <c r="E69213" s="15">
        <v>45604</v>
      </c>
      <c r="F69213" s="14" t="s">
        <v>15</v>
      </c>
      <c r="G69213" s="16">
        <v>1.4600354866032101</v>
      </c>
    </row>
    <row r="69214" spans="1:7" x14ac:dyDescent="0.3">
      <c r="A69214" s="13" t="s">
        <v>361</v>
      </c>
      <c r="B69214" s="14" t="s">
        <v>1</v>
      </c>
      <c r="C69214" s="14" t="s">
        <v>191</v>
      </c>
      <c r="D69214" s="14" t="s">
        <v>14</v>
      </c>
      <c r="E69214" s="15">
        <v>45605</v>
      </c>
      <c r="F69214" s="14" t="s">
        <v>15</v>
      </c>
      <c r="G69214" s="16">
        <v>1.4600354866032101</v>
      </c>
    </row>
    <row r="69215" spans="1:7" x14ac:dyDescent="0.3">
      <c r="A69215" s="13" t="s">
        <v>361</v>
      </c>
      <c r="B69215" s="14" t="s">
        <v>1</v>
      </c>
      <c r="C69215" s="14" t="s">
        <v>191</v>
      </c>
      <c r="D69215" s="14" t="s">
        <v>14</v>
      </c>
      <c r="E69215" s="15">
        <v>45606</v>
      </c>
      <c r="F69215" s="14" t="s">
        <v>15</v>
      </c>
      <c r="G69215" s="16">
        <v>1.4600354866032101</v>
      </c>
    </row>
    <row r="69216" spans="1:7" x14ac:dyDescent="0.3">
      <c r="A69216" s="13" t="s">
        <v>361</v>
      </c>
      <c r="B69216" s="14" t="s">
        <v>1</v>
      </c>
      <c r="C69216" s="14" t="s">
        <v>191</v>
      </c>
      <c r="D69216" s="14" t="s">
        <v>14</v>
      </c>
      <c r="E69216" s="15">
        <v>45607</v>
      </c>
      <c r="F69216" s="14" t="s">
        <v>15</v>
      </c>
      <c r="G69216" s="16">
        <v>1.4564313297814691</v>
      </c>
    </row>
    <row r="69217" spans="1:7" x14ac:dyDescent="0.3">
      <c r="A69217" s="13" t="s">
        <v>361</v>
      </c>
      <c r="B69217" s="14" t="s">
        <v>1</v>
      </c>
      <c r="C69217" s="14" t="s">
        <v>191</v>
      </c>
      <c r="D69217" s="14" t="s">
        <v>14</v>
      </c>
      <c r="E69217" s="15">
        <v>45608</v>
      </c>
      <c r="F69217" s="14" t="s">
        <v>15</v>
      </c>
      <c r="G69217" s="16">
        <v>1.445533422126061</v>
      </c>
    </row>
    <row r="69218" spans="1:7" x14ac:dyDescent="0.3">
      <c r="A69218" s="13" t="s">
        <v>361</v>
      </c>
      <c r="B69218" s="14" t="s">
        <v>1</v>
      </c>
      <c r="C69218" s="14" t="s">
        <v>191</v>
      </c>
      <c r="D69218" s="14" t="s">
        <v>14</v>
      </c>
      <c r="E69218" s="15">
        <v>45609</v>
      </c>
      <c r="F69218" s="14" t="s">
        <v>15</v>
      </c>
      <c r="G69218" s="16">
        <v>1.4506874352389605</v>
      </c>
    </row>
    <row r="69219" spans="1:7" x14ac:dyDescent="0.3">
      <c r="A69219" s="13" t="s">
        <v>361</v>
      </c>
      <c r="B69219" s="14" t="s">
        <v>1</v>
      </c>
      <c r="C69219" s="14" t="s">
        <v>191</v>
      </c>
      <c r="D69219" s="14" t="s">
        <v>14</v>
      </c>
      <c r="E69219" s="15">
        <v>45610</v>
      </c>
      <c r="F69219" s="14" t="s">
        <v>15</v>
      </c>
      <c r="G69219" s="16">
        <v>1.4470680223147783</v>
      </c>
    </row>
    <row r="69220" spans="1:7" x14ac:dyDescent="0.3">
      <c r="A69220" s="13" t="s">
        <v>361</v>
      </c>
      <c r="B69220" s="14" t="s">
        <v>1</v>
      </c>
      <c r="C69220" s="14" t="s">
        <v>191</v>
      </c>
      <c r="D69220" s="14" t="s">
        <v>14</v>
      </c>
      <c r="E69220" s="15">
        <v>45611</v>
      </c>
      <c r="F69220" s="14" t="s">
        <v>15</v>
      </c>
      <c r="G69220" s="16">
        <v>1.443474392187944</v>
      </c>
    </row>
    <row r="69221" spans="1:7" x14ac:dyDescent="0.3">
      <c r="A69221" s="13" t="s">
        <v>361</v>
      </c>
      <c r="B69221" s="14" t="s">
        <v>1</v>
      </c>
      <c r="C69221" s="14" t="s">
        <v>191</v>
      </c>
      <c r="D69221" s="14" t="s">
        <v>14</v>
      </c>
      <c r="E69221" s="15">
        <v>45612</v>
      </c>
      <c r="F69221" s="14" t="s">
        <v>15</v>
      </c>
      <c r="G69221" s="16">
        <v>1.443474392187944</v>
      </c>
    </row>
    <row r="69222" spans="1:7" x14ac:dyDescent="0.3">
      <c r="A69222" s="13" t="s">
        <v>361</v>
      </c>
      <c r="B69222" s="14" t="s">
        <v>1</v>
      </c>
      <c r="C69222" s="14" t="s">
        <v>191</v>
      </c>
      <c r="D69222" s="14" t="s">
        <v>14</v>
      </c>
      <c r="E69222" s="15">
        <v>45613</v>
      </c>
      <c r="F69222" s="14" t="s">
        <v>15</v>
      </c>
      <c r="G69222" s="16">
        <v>1.443474392187944</v>
      </c>
    </row>
    <row r="69223" spans="1:7" x14ac:dyDescent="0.3">
      <c r="A69223" s="13" t="s">
        <v>361</v>
      </c>
      <c r="B69223" s="14" t="s">
        <v>1</v>
      </c>
      <c r="C69223" s="14" t="s">
        <v>191</v>
      </c>
      <c r="D69223" s="14" t="s">
        <v>14</v>
      </c>
      <c r="E69223" s="15">
        <v>45614</v>
      </c>
      <c r="F69223" s="14" t="s">
        <v>15</v>
      </c>
      <c r="G69223" s="16">
        <v>1.4399096052956002</v>
      </c>
    </row>
    <row r="69224" spans="1:7" x14ac:dyDescent="0.3">
      <c r="A69224" s="13" t="s">
        <v>361</v>
      </c>
      <c r="B69224" s="14" t="s">
        <v>1</v>
      </c>
      <c r="C69224" s="14" t="s">
        <v>191</v>
      </c>
      <c r="D69224" s="14" t="s">
        <v>14</v>
      </c>
      <c r="E69224" s="15">
        <v>45615</v>
      </c>
      <c r="F69224" s="14" t="s">
        <v>15</v>
      </c>
      <c r="G69224" s="16">
        <v>1.775640857940415</v>
      </c>
    </row>
    <row r="69225" spans="1:7" x14ac:dyDescent="0.3">
      <c r="A69225" s="13" t="s">
        <v>361</v>
      </c>
      <c r="B69225" s="14" t="s">
        <v>1</v>
      </c>
      <c r="C69225" s="14" t="s">
        <v>191</v>
      </c>
      <c r="D69225" s="14" t="s">
        <v>14</v>
      </c>
      <c r="E69225" s="15">
        <v>45616</v>
      </c>
      <c r="F69225" s="14" t="s">
        <v>15</v>
      </c>
      <c r="G69225" s="16">
        <v>1.7720670469951751</v>
      </c>
    </row>
    <row r="69226" spans="1:7" x14ac:dyDescent="0.3">
      <c r="A69226" s="13" t="s">
        <v>361</v>
      </c>
      <c r="B69226" s="14" t="s">
        <v>1</v>
      </c>
      <c r="C69226" s="14" t="s">
        <v>191</v>
      </c>
      <c r="D69226" s="14" t="s">
        <v>14</v>
      </c>
      <c r="E69226" s="15">
        <v>45617</v>
      </c>
      <c r="F69226" s="14" t="s">
        <v>15</v>
      </c>
      <c r="G69226" s="16">
        <v>1.7684822356634522</v>
      </c>
    </row>
    <row r="69227" spans="1:7" x14ac:dyDescent="0.3">
      <c r="A69227" s="13" t="s">
        <v>361</v>
      </c>
      <c r="B69227" s="14" t="s">
        <v>1</v>
      </c>
      <c r="C69227" s="14" t="s">
        <v>191</v>
      </c>
      <c r="D69227" s="14" t="s">
        <v>14</v>
      </c>
      <c r="E69227" s="15">
        <v>45618</v>
      </c>
      <c r="F69227" s="14" t="s">
        <v>15</v>
      </c>
      <c r="G69227" s="16">
        <v>1.7649231988517755</v>
      </c>
    </row>
    <row r="69228" spans="1:7" x14ac:dyDescent="0.3">
      <c r="A69228" s="13" t="s">
        <v>361</v>
      </c>
      <c r="B69228" s="14" t="s">
        <v>1</v>
      </c>
      <c r="C69228" s="14" t="s">
        <v>191</v>
      </c>
      <c r="D69228" s="14" t="s">
        <v>14</v>
      </c>
      <c r="E69228" s="15">
        <v>45619</v>
      </c>
      <c r="F69228" s="14" t="s">
        <v>15</v>
      </c>
      <c r="G69228" s="16">
        <v>1.7649231988517755</v>
      </c>
    </row>
    <row r="69229" spans="1:7" x14ac:dyDescent="0.3">
      <c r="A69229" s="13" t="s">
        <v>361</v>
      </c>
      <c r="B69229" s="14" t="s">
        <v>1</v>
      </c>
      <c r="C69229" s="14" t="s">
        <v>191</v>
      </c>
      <c r="D69229" s="14" t="s">
        <v>14</v>
      </c>
      <c r="E69229" s="15">
        <v>45620</v>
      </c>
      <c r="F69229" s="14" t="s">
        <v>15</v>
      </c>
      <c r="G69229" s="16">
        <v>1.7649231988517755</v>
      </c>
    </row>
    <row r="69230" spans="1:7" x14ac:dyDescent="0.3">
      <c r="A69230" s="13" t="s">
        <v>361</v>
      </c>
      <c r="B69230" s="14" t="s">
        <v>1</v>
      </c>
      <c r="C69230" s="14" t="s">
        <v>191</v>
      </c>
      <c r="D69230" s="14" t="s">
        <v>14</v>
      </c>
      <c r="E69230" s="15">
        <v>45621</v>
      </c>
      <c r="F69230" s="14" t="s">
        <v>15</v>
      </c>
      <c r="G69230" s="16">
        <v>1.761366987818044</v>
      </c>
    </row>
    <row r="69231" spans="1:7" x14ac:dyDescent="0.3">
      <c r="A69231" s="13" t="s">
        <v>361</v>
      </c>
      <c r="B69231" s="14" t="s">
        <v>1</v>
      </c>
      <c r="C69231" s="14" t="s">
        <v>191</v>
      </c>
      <c r="D69231" s="14" t="s">
        <v>14</v>
      </c>
      <c r="E69231" s="15">
        <v>45622</v>
      </c>
      <c r="F69231" s="14" t="s">
        <v>15</v>
      </c>
      <c r="G69231" s="16">
        <v>1.7506970837124574</v>
      </c>
    </row>
    <row r="69232" spans="1:7" x14ac:dyDescent="0.3">
      <c r="A69232" s="13" t="s">
        <v>361</v>
      </c>
      <c r="B69232" s="14" t="s">
        <v>1</v>
      </c>
      <c r="C69232" s="14" t="s">
        <v>191</v>
      </c>
      <c r="D69232" s="14" t="s">
        <v>14</v>
      </c>
      <c r="E69232" s="15">
        <v>45623</v>
      </c>
      <c r="F69232" s="14" t="s">
        <v>15</v>
      </c>
      <c r="G69232" s="16">
        <v>1.7471023095485936</v>
      </c>
    </row>
    <row r="69233" spans="1:7" x14ac:dyDescent="0.3">
      <c r="A69233" s="13" t="s">
        <v>361</v>
      </c>
      <c r="B69233" s="14" t="s">
        <v>1</v>
      </c>
      <c r="C69233" s="14" t="s">
        <v>191</v>
      </c>
      <c r="D69233" s="14" t="s">
        <v>14</v>
      </c>
      <c r="E69233" s="15">
        <v>45624</v>
      </c>
      <c r="F69233" s="14" t="s">
        <v>15</v>
      </c>
      <c r="G69233" s="16">
        <v>1.7446535601305342</v>
      </c>
    </row>
    <row r="69234" spans="1:7" x14ac:dyDescent="0.3">
      <c r="A69234" s="13" t="s">
        <v>361</v>
      </c>
      <c r="B69234" s="14" t="s">
        <v>1</v>
      </c>
      <c r="C69234" s="14" t="s">
        <v>191</v>
      </c>
      <c r="D69234" s="14" t="s">
        <v>14</v>
      </c>
      <c r="E69234" s="15">
        <v>45625</v>
      </c>
      <c r="F69234" s="14" t="s">
        <v>15</v>
      </c>
      <c r="G69234" s="16">
        <v>1.7653755637619488</v>
      </c>
    </row>
    <row r="69235" spans="1:7" x14ac:dyDescent="0.3">
      <c r="A69235" s="13" t="s">
        <v>361</v>
      </c>
      <c r="B69235" s="14" t="s">
        <v>1</v>
      </c>
      <c r="C69235" s="14" t="s">
        <v>191</v>
      </c>
      <c r="D69235" s="14" t="s">
        <v>14</v>
      </c>
      <c r="E69235" s="15">
        <v>45626</v>
      </c>
      <c r="F69235" s="14" t="s">
        <v>15</v>
      </c>
      <c r="G69235" s="16">
        <v>1.7653755637619488</v>
      </c>
    </row>
    <row r="69236" spans="1:7" x14ac:dyDescent="0.3">
      <c r="A69236" s="13" t="s">
        <v>361</v>
      </c>
      <c r="B69236" s="14" t="s">
        <v>1</v>
      </c>
      <c r="C69236" s="14" t="s">
        <v>191</v>
      </c>
      <c r="D69236" s="14" t="s">
        <v>14</v>
      </c>
      <c r="E69236" s="15">
        <v>45627</v>
      </c>
      <c r="F69236" s="14" t="s">
        <v>15</v>
      </c>
      <c r="G69236" s="16">
        <v>1.7653755637619488</v>
      </c>
    </row>
    <row r="69237" spans="1:7" x14ac:dyDescent="0.3">
      <c r="A69237" s="13" t="s">
        <v>361</v>
      </c>
      <c r="B69237" s="14" t="s">
        <v>1</v>
      </c>
      <c r="C69237" s="14" t="s">
        <v>191</v>
      </c>
      <c r="D69237" s="14" t="s">
        <v>14</v>
      </c>
      <c r="E69237" s="15">
        <v>45628</v>
      </c>
      <c r="F69237" s="14" t="s">
        <v>15</v>
      </c>
      <c r="G69237" s="16">
        <v>1.7617291629202181</v>
      </c>
    </row>
    <row r="69238" spans="1:7" x14ac:dyDescent="0.3">
      <c r="A69238" s="13" t="s">
        <v>361</v>
      </c>
      <c r="B69238" s="14" t="s">
        <v>1</v>
      </c>
      <c r="C69238" s="14" t="s">
        <v>191</v>
      </c>
      <c r="D69238" s="14" t="s">
        <v>14</v>
      </c>
      <c r="E69238" s="15">
        <v>45629</v>
      </c>
      <c r="F69238" s="14" t="s">
        <v>15</v>
      </c>
      <c r="G69238" s="16">
        <v>1.7508062005902392</v>
      </c>
    </row>
    <row r="69239" spans="1:7" x14ac:dyDescent="0.3">
      <c r="A69239" s="13" t="s">
        <v>361</v>
      </c>
      <c r="B69239" s="14" t="s">
        <v>1</v>
      </c>
      <c r="C69239" s="14" t="s">
        <v>191</v>
      </c>
      <c r="D69239" s="14" t="s">
        <v>14</v>
      </c>
      <c r="E69239" s="15">
        <v>45630</v>
      </c>
      <c r="F69239" s="14" t="s">
        <v>15</v>
      </c>
      <c r="G69239" s="16">
        <v>1.7445023383810141</v>
      </c>
    </row>
    <row r="69240" spans="1:7" x14ac:dyDescent="0.3">
      <c r="A69240" s="13" t="s">
        <v>361</v>
      </c>
      <c r="B69240" s="14" t="s">
        <v>1</v>
      </c>
      <c r="C69240" s="14" t="s">
        <v>191</v>
      </c>
      <c r="D69240" s="14" t="s">
        <v>14</v>
      </c>
      <c r="E69240" s="15">
        <v>45631</v>
      </c>
      <c r="F69240" s="14" t="s">
        <v>15</v>
      </c>
      <c r="G69240" s="16">
        <v>1.740858387618911</v>
      </c>
    </row>
    <row r="69241" spans="1:7" x14ac:dyDescent="0.3">
      <c r="A69241" s="13" t="s">
        <v>361</v>
      </c>
      <c r="B69241" s="14" t="s">
        <v>1</v>
      </c>
      <c r="C69241" s="14" t="s">
        <v>191</v>
      </c>
      <c r="D69241" s="14" t="s">
        <v>14</v>
      </c>
      <c r="E69241" s="15">
        <v>45632</v>
      </c>
      <c r="F69241" s="14" t="s">
        <v>15</v>
      </c>
      <c r="G69241" s="16">
        <v>1.7372549506735069</v>
      </c>
    </row>
    <row r="69242" spans="1:7" x14ac:dyDescent="0.3">
      <c r="A69242" s="13" t="s">
        <v>361</v>
      </c>
      <c r="B69242" s="14" t="s">
        <v>1</v>
      </c>
      <c r="C69242" s="14" t="s">
        <v>191</v>
      </c>
      <c r="D69242" s="14" t="s">
        <v>14</v>
      </c>
      <c r="E69242" s="15">
        <v>45633</v>
      </c>
      <c r="F69242" s="14" t="s">
        <v>15</v>
      </c>
      <c r="G69242" s="16">
        <v>1.7372549506735069</v>
      </c>
    </row>
    <row r="69243" spans="1:7" x14ac:dyDescent="0.3">
      <c r="A69243" s="13" t="s">
        <v>361</v>
      </c>
      <c r="B69243" s="14" t="s">
        <v>1</v>
      </c>
      <c r="C69243" s="14" t="s">
        <v>191</v>
      </c>
      <c r="D69243" s="14" t="s">
        <v>14</v>
      </c>
      <c r="E69243" s="15">
        <v>45634</v>
      </c>
      <c r="F69243" s="14" t="s">
        <v>15</v>
      </c>
      <c r="G69243" s="16">
        <v>1.7372549506735069</v>
      </c>
    </row>
    <row r="69244" spans="1:7" x14ac:dyDescent="0.3">
      <c r="A69244" s="13" t="s">
        <v>361</v>
      </c>
      <c r="B69244" s="14" t="s">
        <v>1</v>
      </c>
      <c r="C69244" s="14" t="s">
        <v>191</v>
      </c>
      <c r="D69244" s="14" t="s">
        <v>14</v>
      </c>
      <c r="E69244" s="15">
        <v>45635</v>
      </c>
      <c r="F69244" s="14" t="s">
        <v>15</v>
      </c>
      <c r="G69244" s="16">
        <v>1.7433172528646248</v>
      </c>
    </row>
    <row r="69245" spans="1:7" x14ac:dyDescent="0.3">
      <c r="A69245" s="13" t="s">
        <v>361</v>
      </c>
      <c r="B69245" s="14" t="s">
        <v>1</v>
      </c>
      <c r="C69245" s="14" t="s">
        <v>191</v>
      </c>
      <c r="D69245" s="14" t="s">
        <v>14</v>
      </c>
      <c r="E69245" s="15">
        <v>45636</v>
      </c>
      <c r="F69245" s="14" t="s">
        <v>15</v>
      </c>
      <c r="G69245" s="16">
        <v>1.7325811966090932</v>
      </c>
    </row>
    <row r="69246" spans="1:7" x14ac:dyDescent="0.3">
      <c r="A69246" s="13" t="s">
        <v>361</v>
      </c>
      <c r="B69246" s="14" t="s">
        <v>1</v>
      </c>
      <c r="C69246" s="14" t="s">
        <v>191</v>
      </c>
      <c r="D69246" s="14" t="s">
        <v>14</v>
      </c>
      <c r="E69246" s="15">
        <v>45637</v>
      </c>
      <c r="F69246" s="14" t="s">
        <v>15</v>
      </c>
      <c r="G69246" s="16">
        <v>1.7260073006237702</v>
      </c>
    </row>
    <row r="69247" spans="1:7" x14ac:dyDescent="0.3">
      <c r="A69247" s="13" t="s">
        <v>361</v>
      </c>
      <c r="B69247" s="14" t="s">
        <v>1</v>
      </c>
      <c r="C69247" s="14" t="s">
        <v>191</v>
      </c>
      <c r="D69247" s="14" t="s">
        <v>14</v>
      </c>
      <c r="E69247" s="15">
        <v>45638</v>
      </c>
      <c r="F69247" s="14" t="s">
        <v>15</v>
      </c>
      <c r="G69247" s="16">
        <v>1.7224811286894792</v>
      </c>
    </row>
    <row r="69248" spans="1:7" x14ac:dyDescent="0.3">
      <c r="A69248" s="13" t="s">
        <v>361</v>
      </c>
      <c r="B69248" s="14" t="s">
        <v>1</v>
      </c>
      <c r="C69248" s="14" t="s">
        <v>191</v>
      </c>
      <c r="D69248" s="14" t="s">
        <v>14</v>
      </c>
      <c r="E69248" s="15">
        <v>45639</v>
      </c>
      <c r="F69248" s="14" t="s">
        <v>15</v>
      </c>
      <c r="G69248" s="16">
        <v>1.7189679946789207</v>
      </c>
    </row>
    <row r="69249" spans="1:7" x14ac:dyDescent="0.3">
      <c r="A69249" s="13" t="s">
        <v>361</v>
      </c>
      <c r="B69249" s="14" t="s">
        <v>1</v>
      </c>
      <c r="C69249" s="14" t="s">
        <v>191</v>
      </c>
      <c r="D69249" s="14" t="s">
        <v>14</v>
      </c>
      <c r="E69249" s="15">
        <v>45640</v>
      </c>
      <c r="F69249" s="14" t="s">
        <v>15</v>
      </c>
      <c r="G69249" s="16">
        <v>1.7189679946789207</v>
      </c>
    </row>
    <row r="69250" spans="1:7" x14ac:dyDescent="0.3">
      <c r="A69250" s="13" t="s">
        <v>361</v>
      </c>
      <c r="B69250" s="14" t="s">
        <v>1</v>
      </c>
      <c r="C69250" s="14" t="s">
        <v>191</v>
      </c>
      <c r="D69250" s="14" t="s">
        <v>14</v>
      </c>
      <c r="E69250" s="15">
        <v>45641</v>
      </c>
      <c r="F69250" s="14" t="s">
        <v>15</v>
      </c>
      <c r="G69250" s="16">
        <v>1.7189679946789207</v>
      </c>
    </row>
    <row r="69251" spans="1:7" x14ac:dyDescent="0.3">
      <c r="A69251" s="13" t="s">
        <v>361</v>
      </c>
      <c r="B69251" s="14" t="s">
        <v>1</v>
      </c>
      <c r="C69251" s="14" t="s">
        <v>191</v>
      </c>
      <c r="D69251" s="14" t="s">
        <v>14</v>
      </c>
      <c r="E69251" s="15">
        <v>45642</v>
      </c>
      <c r="F69251" s="14" t="s">
        <v>15</v>
      </c>
      <c r="G69251" s="16">
        <v>1.7154621234044007</v>
      </c>
    </row>
    <row r="69252" spans="1:7" x14ac:dyDescent="0.3">
      <c r="A69252" s="13" t="s">
        <v>361</v>
      </c>
      <c r="B69252" s="14" t="s">
        <v>1</v>
      </c>
      <c r="C69252" s="14" t="s">
        <v>191</v>
      </c>
      <c r="D69252" s="14" t="s">
        <v>14</v>
      </c>
      <c r="E69252" s="15">
        <v>45643</v>
      </c>
      <c r="F69252" s="14" t="s">
        <v>15</v>
      </c>
      <c r="G69252" s="16">
        <v>1.7050360897246029</v>
      </c>
    </row>
    <row r="69253" spans="1:7" x14ac:dyDescent="0.3">
      <c r="A69253" s="13" t="s">
        <v>361</v>
      </c>
      <c r="B69253" s="14" t="s">
        <v>1</v>
      </c>
      <c r="C69253" s="14" t="s">
        <v>191</v>
      </c>
      <c r="D69253" s="14" t="s">
        <v>14</v>
      </c>
      <c r="E69253" s="15">
        <v>45644</v>
      </c>
      <c r="F69253" s="14" t="s">
        <v>15</v>
      </c>
      <c r="G69253" s="16">
        <v>1.7015851702360161</v>
      </c>
    </row>
    <row r="69254" spans="1:7" x14ac:dyDescent="0.3">
      <c r="A69254" s="13" t="s">
        <v>361</v>
      </c>
      <c r="B69254" s="14" t="s">
        <v>1</v>
      </c>
      <c r="C69254" s="14" t="s">
        <v>191</v>
      </c>
      <c r="D69254" s="14" t="s">
        <v>14</v>
      </c>
      <c r="E69254" s="15">
        <v>45645</v>
      </c>
      <c r="F69254" s="14" t="s">
        <v>15</v>
      </c>
      <c r="G69254" s="16">
        <v>1.6981306631308317</v>
      </c>
    </row>
    <row r="69255" spans="1:7" x14ac:dyDescent="0.3">
      <c r="A69255" s="13" t="s">
        <v>361</v>
      </c>
      <c r="B69255" s="14" t="s">
        <v>1</v>
      </c>
      <c r="C69255" s="14" t="s">
        <v>191</v>
      </c>
      <c r="D69255" s="14" t="s">
        <v>14</v>
      </c>
      <c r="E69255" s="15">
        <v>45646</v>
      </c>
      <c r="F69255" s="14" t="s">
        <v>15</v>
      </c>
      <c r="G69255" s="16">
        <v>1.6929234740634838</v>
      </c>
    </row>
    <row r="69256" spans="1:7" x14ac:dyDescent="0.3">
      <c r="A69256" s="13" t="s">
        <v>361</v>
      </c>
      <c r="B69256" s="14" t="s">
        <v>1</v>
      </c>
      <c r="C69256" s="14" t="s">
        <v>191</v>
      </c>
      <c r="D69256" s="14" t="s">
        <v>14</v>
      </c>
      <c r="E69256" s="15">
        <v>45647</v>
      </c>
      <c r="F69256" s="14" t="s">
        <v>15</v>
      </c>
      <c r="G69256" s="16">
        <v>1.6929234740634838</v>
      </c>
    </row>
    <row r="69257" spans="1:7" x14ac:dyDescent="0.3">
      <c r="A69257" s="13" t="s">
        <v>361</v>
      </c>
      <c r="B69257" s="14" t="s">
        <v>1</v>
      </c>
      <c r="C69257" s="14" t="s">
        <v>191</v>
      </c>
      <c r="D69257" s="14" t="s">
        <v>14</v>
      </c>
      <c r="E69257" s="15">
        <v>45648</v>
      </c>
      <c r="F69257" s="14" t="s">
        <v>15</v>
      </c>
      <c r="G69257" s="16">
        <v>1.6929234740634838</v>
      </c>
    </row>
    <row r="69258" spans="1:7" x14ac:dyDescent="0.3">
      <c r="A69258" s="13" t="s">
        <v>361</v>
      </c>
      <c r="B69258" s="14" t="s">
        <v>1</v>
      </c>
      <c r="C69258" s="14" t="s">
        <v>191</v>
      </c>
      <c r="D69258" s="14" t="s">
        <v>14</v>
      </c>
      <c r="E69258" s="15">
        <v>45649</v>
      </c>
      <c r="F69258" s="14" t="s">
        <v>15</v>
      </c>
      <c r="G69258" s="16">
        <v>1.6848325412744647</v>
      </c>
    </row>
    <row r="69259" spans="1:7" x14ac:dyDescent="0.3">
      <c r="A69259" s="13" t="s">
        <v>361</v>
      </c>
      <c r="B69259" s="14" t="s">
        <v>1</v>
      </c>
      <c r="C69259" s="14" t="s">
        <v>191</v>
      </c>
      <c r="D69259" s="14" t="s">
        <v>14</v>
      </c>
      <c r="E69259" s="15">
        <v>45650</v>
      </c>
      <c r="F69259" s="14" t="s">
        <v>15</v>
      </c>
      <c r="G69259" s="16">
        <v>1.6747174927016828</v>
      </c>
    </row>
    <row r="69260" spans="1:7" x14ac:dyDescent="0.3">
      <c r="A69260" s="13" t="s">
        <v>361</v>
      </c>
      <c r="B69260" s="14" t="s">
        <v>1</v>
      </c>
      <c r="C69260" s="14" t="s">
        <v>191</v>
      </c>
      <c r="D69260" s="14" t="s">
        <v>14</v>
      </c>
      <c r="E69260" s="15">
        <v>45651</v>
      </c>
      <c r="F69260" s="14" t="s">
        <v>15</v>
      </c>
      <c r="G69260" s="16">
        <v>1.6747174927016828</v>
      </c>
    </row>
    <row r="69261" spans="1:7" x14ac:dyDescent="0.3">
      <c r="A69261" s="13" t="s">
        <v>361</v>
      </c>
      <c r="B69261" s="14" t="s">
        <v>1</v>
      </c>
      <c r="C69261" s="14" t="s">
        <v>191</v>
      </c>
      <c r="D69261" s="14" t="s">
        <v>14</v>
      </c>
      <c r="E69261" s="15">
        <v>45652</v>
      </c>
      <c r="F69261" s="14" t="s">
        <v>15</v>
      </c>
      <c r="G69261" s="16">
        <v>1.6747174927016828</v>
      </c>
    </row>
    <row r="69262" spans="1:7" x14ac:dyDescent="0.3">
      <c r="A69262" s="13" t="s">
        <v>361</v>
      </c>
      <c r="B69262" s="14" t="s">
        <v>1</v>
      </c>
      <c r="C69262" s="14" t="s">
        <v>191</v>
      </c>
      <c r="D69262" s="14" t="s">
        <v>14</v>
      </c>
      <c r="E69262" s="15">
        <v>45653</v>
      </c>
      <c r="F69262" s="14" t="s">
        <v>15</v>
      </c>
      <c r="G69262" s="16">
        <v>1.6747174927016828</v>
      </c>
    </row>
    <row r="69263" spans="1:7" x14ac:dyDescent="0.3">
      <c r="A69263" s="13" t="s">
        <v>361</v>
      </c>
      <c r="B69263" s="14" t="s">
        <v>1</v>
      </c>
      <c r="C69263" s="14" t="s">
        <v>191</v>
      </c>
      <c r="D69263" s="14" t="s">
        <v>14</v>
      </c>
      <c r="E69263" s="15">
        <v>45654</v>
      </c>
      <c r="F69263" s="14" t="s">
        <v>15</v>
      </c>
      <c r="G69263" s="16">
        <v>1.6747174927016828</v>
      </c>
    </row>
    <row r="69264" spans="1:7" x14ac:dyDescent="0.3">
      <c r="A69264" s="13" t="s">
        <v>361</v>
      </c>
      <c r="B69264" s="14" t="s">
        <v>1</v>
      </c>
      <c r="C69264" s="14" t="s">
        <v>191</v>
      </c>
      <c r="D69264" s="14" t="s">
        <v>14</v>
      </c>
      <c r="E69264" s="15">
        <v>45655</v>
      </c>
      <c r="F69264" s="14" t="s">
        <v>15</v>
      </c>
      <c r="G69264" s="16">
        <v>1.6747174927016828</v>
      </c>
    </row>
    <row r="69265" spans="1:7" x14ac:dyDescent="0.3">
      <c r="A69265" s="13" t="s">
        <v>361</v>
      </c>
      <c r="B69265" s="14" t="s">
        <v>1</v>
      </c>
      <c r="C69265" s="14" t="s">
        <v>191</v>
      </c>
      <c r="D69265" s="14" t="s">
        <v>14</v>
      </c>
      <c r="E69265" s="15">
        <v>45656</v>
      </c>
      <c r="F69265" s="14" t="s">
        <v>15</v>
      </c>
      <c r="G69265" s="16">
        <v>1.6713005649972732</v>
      </c>
    </row>
    <row r="69266" spans="1:7" x14ac:dyDescent="0.3">
      <c r="A69266" s="13" t="s">
        <v>361</v>
      </c>
      <c r="B69266" s="14" t="s">
        <v>1</v>
      </c>
      <c r="C69266" s="14" t="s">
        <v>191</v>
      </c>
      <c r="D69266" s="14" t="s">
        <v>14</v>
      </c>
      <c r="E69266" s="15">
        <v>45657</v>
      </c>
      <c r="F69266" s="14" t="s">
        <v>15</v>
      </c>
      <c r="G69266" s="16">
        <v>2.012661611797113</v>
      </c>
    </row>
    <row r="69267" spans="1:7" x14ac:dyDescent="0.3">
      <c r="A69267" s="13" t="s">
        <v>361</v>
      </c>
      <c r="B69267" s="14" t="s">
        <v>1</v>
      </c>
      <c r="C69267" s="14" t="s">
        <v>191</v>
      </c>
      <c r="D69267" s="14" t="s">
        <v>14</v>
      </c>
      <c r="E69267" s="15">
        <v>45658</v>
      </c>
      <c r="F69267" s="14" t="s">
        <v>15</v>
      </c>
      <c r="G69267" s="16">
        <v>2.012661611797113</v>
      </c>
    </row>
    <row r="69268" spans="1:7" x14ac:dyDescent="0.3">
      <c r="A69268" s="13" t="s">
        <v>361</v>
      </c>
      <c r="B69268" s="14" t="s">
        <v>1</v>
      </c>
      <c r="C69268" s="14" t="s">
        <v>191</v>
      </c>
      <c r="D69268" s="14" t="s">
        <v>14</v>
      </c>
      <c r="E69268" s="15">
        <v>45659</v>
      </c>
      <c r="F69268" s="14" t="s">
        <v>15</v>
      </c>
      <c r="G69268" s="16">
        <v>2.0092243229029014</v>
      </c>
    </row>
    <row r="69269" spans="1:7" x14ac:dyDescent="0.3">
      <c r="A69269" s="13" t="s">
        <v>361</v>
      </c>
      <c r="B69269" s="14" t="s">
        <v>1</v>
      </c>
      <c r="C69269" s="14" t="s">
        <v>191</v>
      </c>
      <c r="D69269" s="14" t="s">
        <v>14</v>
      </c>
      <c r="E69269" s="15">
        <v>45660</v>
      </c>
      <c r="F69269" s="14" t="s">
        <v>15</v>
      </c>
      <c r="G69269" s="16">
        <v>2.0023961876914096</v>
      </c>
    </row>
    <row r="69270" spans="1:7" x14ac:dyDescent="0.3">
      <c r="A69270" s="13" t="s">
        <v>361</v>
      </c>
      <c r="B69270" s="14" t="s">
        <v>1</v>
      </c>
      <c r="C69270" s="14" t="s">
        <v>191</v>
      </c>
      <c r="D69270" s="14" t="s">
        <v>14</v>
      </c>
      <c r="E69270" s="15">
        <v>45661</v>
      </c>
      <c r="F69270" s="14" t="s">
        <v>15</v>
      </c>
      <c r="G69270" s="16">
        <v>2.0023961876914096</v>
      </c>
    </row>
    <row r="69271" spans="1:7" x14ac:dyDescent="0.3">
      <c r="A69271" s="13" t="s">
        <v>361</v>
      </c>
      <c r="B69271" s="14" t="s">
        <v>1</v>
      </c>
      <c r="C69271" s="14" t="s">
        <v>191</v>
      </c>
      <c r="D69271" s="14" t="s">
        <v>14</v>
      </c>
      <c r="E69271" s="15">
        <v>45662</v>
      </c>
      <c r="F69271" s="14" t="s">
        <v>15</v>
      </c>
      <c r="G69271" s="16">
        <v>2.0023961876914096</v>
      </c>
    </row>
    <row r="69272" spans="1:7" x14ac:dyDescent="0.3">
      <c r="A69272" s="13" t="s">
        <v>361</v>
      </c>
      <c r="B69272" s="14" t="s">
        <v>1</v>
      </c>
      <c r="C69272" s="14" t="s">
        <v>191</v>
      </c>
      <c r="D69272" s="14" t="s">
        <v>14</v>
      </c>
      <c r="E69272" s="15">
        <v>45663</v>
      </c>
      <c r="F69272" s="14" t="s">
        <v>15</v>
      </c>
      <c r="G69272" s="16">
        <v>1.998959252904847</v>
      </c>
    </row>
    <row r="69273" spans="1:7" x14ac:dyDescent="0.3">
      <c r="A69273" s="13" t="s">
        <v>361</v>
      </c>
      <c r="B69273" s="14" t="s">
        <v>1</v>
      </c>
      <c r="C69273" s="14" t="s">
        <v>191</v>
      </c>
      <c r="D69273" s="14" t="s">
        <v>14</v>
      </c>
      <c r="E69273" s="15">
        <v>45664</v>
      </c>
      <c r="F69273" s="14" t="s">
        <v>15</v>
      </c>
      <c r="G69273" s="16">
        <v>1.9885889788831568</v>
      </c>
    </row>
    <row r="69274" spans="1:7" x14ac:dyDescent="0.3">
      <c r="A69274" s="13" t="s">
        <v>361</v>
      </c>
      <c r="B69274" s="14" t="s">
        <v>1</v>
      </c>
      <c r="C69274" s="14" t="s">
        <v>191</v>
      </c>
      <c r="D69274" s="14" t="s">
        <v>14</v>
      </c>
      <c r="E69274" s="15">
        <v>45665</v>
      </c>
      <c r="F69274" s="14" t="s">
        <v>15</v>
      </c>
      <c r="G69274" s="16">
        <v>1.9850841439549509</v>
      </c>
    </row>
    <row r="69275" spans="1:7" x14ac:dyDescent="0.3">
      <c r="A69275" s="13" t="s">
        <v>361</v>
      </c>
      <c r="B69275" s="14" t="s">
        <v>1</v>
      </c>
      <c r="C69275" s="14" t="s">
        <v>191</v>
      </c>
      <c r="D69275" s="14" t="s">
        <v>14</v>
      </c>
      <c r="E69275" s="15">
        <v>45666</v>
      </c>
      <c r="F69275" s="14" t="s">
        <v>15</v>
      </c>
      <c r="G69275" s="16">
        <v>1.9816001128511078</v>
      </c>
    </row>
    <row r="69276" spans="1:7" x14ac:dyDescent="0.3">
      <c r="A69276" s="13" t="s">
        <v>361</v>
      </c>
      <c r="B69276" s="14" t="s">
        <v>1</v>
      </c>
      <c r="C69276" s="14" t="s">
        <v>191</v>
      </c>
      <c r="D69276" s="14" t="s">
        <v>14</v>
      </c>
      <c r="E69276" s="15">
        <v>45667</v>
      </c>
      <c r="F69276" s="14" t="s">
        <v>15</v>
      </c>
      <c r="G69276" s="16">
        <v>1.9881380364214858</v>
      </c>
    </row>
    <row r="69277" spans="1:7" x14ac:dyDescent="0.3">
      <c r="A69277" s="13" t="s">
        <v>361</v>
      </c>
      <c r="B69277" s="14" t="s">
        <v>1</v>
      </c>
      <c r="C69277" s="14" t="s">
        <v>191</v>
      </c>
      <c r="D69277" s="14" t="s">
        <v>14</v>
      </c>
      <c r="E69277" s="15">
        <v>45668</v>
      </c>
      <c r="F69277" s="14" t="s">
        <v>15</v>
      </c>
      <c r="G69277" s="16">
        <v>1.9881380364214858</v>
      </c>
    </row>
    <row r="69278" spans="1:7" x14ac:dyDescent="0.3">
      <c r="A69278" s="13" t="s">
        <v>361</v>
      </c>
      <c r="B69278" s="14" t="s">
        <v>1</v>
      </c>
      <c r="C69278" s="14" t="s">
        <v>191</v>
      </c>
      <c r="D69278" s="14" t="s">
        <v>14</v>
      </c>
      <c r="E69278" s="15">
        <v>45669</v>
      </c>
      <c r="F69278" s="14" t="s">
        <v>15</v>
      </c>
      <c r="G69278" s="16">
        <v>1.9881380364214858</v>
      </c>
    </row>
    <row r="69279" spans="1:7" x14ac:dyDescent="0.3">
      <c r="A69279" s="13" t="s">
        <v>361</v>
      </c>
      <c r="B69279" s="14" t="s">
        <v>1</v>
      </c>
      <c r="C69279" s="14" t="s">
        <v>191</v>
      </c>
      <c r="D69279" s="14" t="s">
        <v>14</v>
      </c>
      <c r="E69279" s="15">
        <v>45670</v>
      </c>
      <c r="F69279" s="14" t="s">
        <v>15</v>
      </c>
      <c r="G69279" s="16">
        <v>1.9847128757142432</v>
      </c>
    </row>
    <row r="69280" spans="1:7" x14ac:dyDescent="0.3">
      <c r="A69280" s="13" t="s">
        <v>361</v>
      </c>
      <c r="B69280" s="14" t="s">
        <v>1</v>
      </c>
      <c r="C69280" s="14" t="s">
        <v>191</v>
      </c>
      <c r="D69280" s="14" t="s">
        <v>14</v>
      </c>
      <c r="E69280" s="15">
        <v>45671</v>
      </c>
      <c r="F69280" s="14" t="s">
        <v>15</v>
      </c>
      <c r="G69280" s="16">
        <v>1.9744674246387288</v>
      </c>
    </row>
    <row r="69281" spans="1:7" x14ac:dyDescent="0.3">
      <c r="A69281" s="13" t="s">
        <v>361</v>
      </c>
      <c r="B69281" s="14" t="s">
        <v>1</v>
      </c>
      <c r="C69281" s="14" t="s">
        <v>191</v>
      </c>
      <c r="D69281" s="14" t="s">
        <v>14</v>
      </c>
      <c r="E69281" s="15">
        <v>45672</v>
      </c>
      <c r="F69281" s="14" t="s">
        <v>15</v>
      </c>
      <c r="G69281" s="16">
        <v>1.9710894487756789</v>
      </c>
    </row>
    <row r="69282" spans="1:7" x14ac:dyDescent="0.3">
      <c r="A69282" s="13" t="s">
        <v>361</v>
      </c>
      <c r="B69282" s="14" t="s">
        <v>1</v>
      </c>
      <c r="C69282" s="14" t="s">
        <v>191</v>
      </c>
      <c r="D69282" s="14" t="s">
        <v>14</v>
      </c>
      <c r="E69282" s="15">
        <v>45673</v>
      </c>
      <c r="F69282" s="14" t="s">
        <v>15</v>
      </c>
      <c r="G69282" s="16">
        <v>1.9677027087483232</v>
      </c>
    </row>
    <row r="69283" spans="1:7" x14ac:dyDescent="0.3">
      <c r="A69283" s="13" t="s">
        <v>361</v>
      </c>
      <c r="B69283" s="14" t="s">
        <v>1</v>
      </c>
      <c r="C69283" s="14" t="s">
        <v>191</v>
      </c>
      <c r="D69283" s="14" t="s">
        <v>14</v>
      </c>
      <c r="E69283" s="15">
        <v>45674</v>
      </c>
      <c r="F69283" s="14" t="s">
        <v>15</v>
      </c>
      <c r="G69283" s="16">
        <v>1.9643012732535454</v>
      </c>
    </row>
    <row r="69284" spans="1:7" x14ac:dyDescent="0.3">
      <c r="A69284" s="13" t="s">
        <v>361</v>
      </c>
      <c r="B69284" s="14" t="s">
        <v>1</v>
      </c>
      <c r="C69284" s="14" t="s">
        <v>191</v>
      </c>
      <c r="D69284" s="14" t="s">
        <v>14</v>
      </c>
      <c r="E69284" s="15">
        <v>45675</v>
      </c>
      <c r="F69284" s="14" t="s">
        <v>15</v>
      </c>
      <c r="G69284" s="16">
        <v>1.9643012732535454</v>
      </c>
    </row>
    <row r="69285" spans="1:7" x14ac:dyDescent="0.3">
      <c r="A69285" s="13" t="s">
        <v>361</v>
      </c>
      <c r="B69285" s="14" t="s">
        <v>1</v>
      </c>
      <c r="C69285" s="14" t="s">
        <v>191</v>
      </c>
      <c r="D69285" s="14" t="s">
        <v>14</v>
      </c>
      <c r="E69285" s="15">
        <v>45676</v>
      </c>
      <c r="F69285" s="14" t="s">
        <v>15</v>
      </c>
      <c r="G69285" s="16">
        <v>1.9643012732535454</v>
      </c>
    </row>
    <row r="69286" spans="1:7" x14ac:dyDescent="0.3">
      <c r="A69286" s="13" t="s">
        <v>361</v>
      </c>
      <c r="B69286" s="14" t="s">
        <v>1</v>
      </c>
      <c r="C69286" s="14" t="s">
        <v>191</v>
      </c>
      <c r="D69286" s="14" t="s">
        <v>14</v>
      </c>
      <c r="E69286" s="15">
        <v>45677</v>
      </c>
      <c r="F69286" s="14" t="s">
        <v>15</v>
      </c>
      <c r="G69286" s="16">
        <v>1.9608441543310053</v>
      </c>
    </row>
    <row r="69287" spans="1:7" x14ac:dyDescent="0.3">
      <c r="A69287" s="13" t="s">
        <v>361</v>
      </c>
      <c r="B69287" s="14" t="s">
        <v>1</v>
      </c>
      <c r="C69287" s="14" t="s">
        <v>191</v>
      </c>
      <c r="D69287" s="14" t="s">
        <v>14</v>
      </c>
      <c r="E69287" s="15">
        <v>45678</v>
      </c>
      <c r="F69287" s="14" t="s">
        <v>15</v>
      </c>
      <c r="G69287" s="16">
        <v>1.9504929135954343</v>
      </c>
    </row>
    <row r="69288" spans="1:7" x14ac:dyDescent="0.3">
      <c r="A69288" s="13" t="s">
        <v>361</v>
      </c>
      <c r="B69288" s="14" t="s">
        <v>1</v>
      </c>
      <c r="C69288" s="14" t="s">
        <v>191</v>
      </c>
      <c r="D69288" s="14" t="s">
        <v>14</v>
      </c>
      <c r="E69288" s="15">
        <v>45679</v>
      </c>
      <c r="F69288" s="14" t="s">
        <v>15</v>
      </c>
      <c r="G69288" s="16">
        <v>1.9477452493471155</v>
      </c>
    </row>
    <row r="69289" spans="1:7" x14ac:dyDescent="0.3">
      <c r="A69289" s="13" t="s">
        <v>361</v>
      </c>
      <c r="B69289" s="14" t="s">
        <v>1</v>
      </c>
      <c r="C69289" s="14" t="s">
        <v>191</v>
      </c>
      <c r="D69289" s="14" t="s">
        <v>14</v>
      </c>
      <c r="E69289" s="15">
        <v>45680</v>
      </c>
      <c r="F69289" s="14" t="s">
        <v>15</v>
      </c>
      <c r="G69289" s="16">
        <v>1.944271841472734</v>
      </c>
    </row>
    <row r="69290" spans="1:7" x14ac:dyDescent="0.3">
      <c r="A69290" s="13" t="s">
        <v>361</v>
      </c>
      <c r="B69290" s="14" t="s">
        <v>1</v>
      </c>
      <c r="C69290" s="14" t="s">
        <v>191</v>
      </c>
      <c r="D69290" s="14" t="s">
        <v>14</v>
      </c>
      <c r="E69290" s="15">
        <v>45681</v>
      </c>
      <c r="F69290" s="14" t="s">
        <v>15</v>
      </c>
      <c r="G69290" s="16">
        <v>1.940798522125265</v>
      </c>
    </row>
    <row r="69291" spans="1:7" x14ac:dyDescent="0.3">
      <c r="A69291" s="13" t="s">
        <v>361</v>
      </c>
      <c r="B69291" s="14" t="s">
        <v>1</v>
      </c>
      <c r="C69291" s="14" t="s">
        <v>191</v>
      </c>
      <c r="D69291" s="14" t="s">
        <v>14</v>
      </c>
      <c r="E69291" s="15">
        <v>45682</v>
      </c>
      <c r="F69291" s="14" t="s">
        <v>15</v>
      </c>
      <c r="G69291" s="16">
        <v>1.940798522125265</v>
      </c>
    </row>
    <row r="69292" spans="1:7" x14ac:dyDescent="0.3">
      <c r="A69292" s="13" t="s">
        <v>361</v>
      </c>
      <c r="B69292" s="14" t="s">
        <v>1</v>
      </c>
      <c r="C69292" s="14" t="s">
        <v>191</v>
      </c>
      <c r="D69292" s="14" t="s">
        <v>14</v>
      </c>
      <c r="E69292" s="15">
        <v>45683</v>
      </c>
      <c r="F69292" s="14" t="s">
        <v>15</v>
      </c>
      <c r="G69292" s="16">
        <v>1.940798522125265</v>
      </c>
    </row>
    <row r="69293" spans="1:7" x14ac:dyDescent="0.3">
      <c r="A69293" s="13" t="s">
        <v>361</v>
      </c>
      <c r="B69293" s="14" t="s">
        <v>1</v>
      </c>
      <c r="C69293" s="14" t="s">
        <v>191</v>
      </c>
      <c r="D69293" s="14" t="s">
        <v>14</v>
      </c>
      <c r="E69293" s="15">
        <v>45684</v>
      </c>
      <c r="F69293" s="14" t="s">
        <v>15</v>
      </c>
      <c r="G69293" s="16">
        <v>1.9391732020695809</v>
      </c>
    </row>
    <row r="69294" spans="1:7" x14ac:dyDescent="0.3">
      <c r="A69294" s="13" t="s">
        <v>361</v>
      </c>
      <c r="B69294" s="14" t="s">
        <v>1</v>
      </c>
      <c r="C69294" s="14" t="s">
        <v>191</v>
      </c>
      <c r="D69294" s="14" t="s">
        <v>14</v>
      </c>
      <c r="E69294" s="15">
        <v>45685</v>
      </c>
      <c r="F69294" s="14" t="s">
        <v>15</v>
      </c>
      <c r="G69294" s="16">
        <v>1.928721748743806</v>
      </c>
    </row>
    <row r="69295" spans="1:7" x14ac:dyDescent="0.3">
      <c r="A69295" s="13" t="s">
        <v>361</v>
      </c>
      <c r="B69295" s="14" t="s">
        <v>1</v>
      </c>
      <c r="C69295" s="14" t="s">
        <v>191</v>
      </c>
      <c r="D69295" s="14" t="s">
        <v>14</v>
      </c>
      <c r="E69295" s="15">
        <v>45686</v>
      </c>
      <c r="F69295" s="14" t="s">
        <v>15</v>
      </c>
      <c r="G69295" s="16">
        <v>1.928721748743806</v>
      </c>
    </row>
    <row r="69296" spans="1:7" x14ac:dyDescent="0.3">
      <c r="A69296" s="13" t="s">
        <v>361</v>
      </c>
      <c r="B69296" s="14" t="s">
        <v>1</v>
      </c>
      <c r="C69296" s="14" t="s">
        <v>191</v>
      </c>
      <c r="D69296" s="14" t="s">
        <v>14</v>
      </c>
      <c r="E69296" s="15">
        <v>45687</v>
      </c>
      <c r="F69296" s="14" t="s">
        <v>15</v>
      </c>
      <c r="G69296" s="16">
        <v>1.928721748743806</v>
      </c>
    </row>
    <row r="69297" spans="1:7" x14ac:dyDescent="0.3">
      <c r="A69297" s="13" t="s">
        <v>361</v>
      </c>
      <c r="B69297" s="14" t="s">
        <v>1</v>
      </c>
      <c r="C69297" s="14" t="s">
        <v>191</v>
      </c>
      <c r="D69297" s="14" t="s">
        <v>14</v>
      </c>
      <c r="E69297" s="15">
        <v>45688</v>
      </c>
      <c r="F69297" s="14" t="s">
        <v>15</v>
      </c>
      <c r="G69297" s="16">
        <v>1.9486895043573711</v>
      </c>
    </row>
    <row r="69298" spans="1:7" x14ac:dyDescent="0.3">
      <c r="A69298" s="13" t="s">
        <v>361</v>
      </c>
      <c r="B69298" s="14" t="s">
        <v>1</v>
      </c>
      <c r="C69298" s="14" t="s">
        <v>191</v>
      </c>
      <c r="D69298" s="14" t="s">
        <v>14</v>
      </c>
      <c r="E69298" s="15">
        <v>45689</v>
      </c>
      <c r="F69298" s="14" t="s">
        <v>15</v>
      </c>
      <c r="G69298" s="16">
        <v>1.9486895043573711</v>
      </c>
    </row>
    <row r="69299" spans="1:7" x14ac:dyDescent="0.3">
      <c r="A69299" s="13" t="s">
        <v>361</v>
      </c>
      <c r="B69299" s="14" t="s">
        <v>1</v>
      </c>
      <c r="C69299" s="14" t="s">
        <v>191</v>
      </c>
      <c r="D69299" s="14" t="s">
        <v>14</v>
      </c>
      <c r="E69299" s="15">
        <v>45690</v>
      </c>
      <c r="F69299" s="14" t="s">
        <v>15</v>
      </c>
      <c r="G69299" s="16">
        <v>1.9486895043573711</v>
      </c>
    </row>
    <row r="69300" spans="1:7" x14ac:dyDescent="0.3">
      <c r="A69300" s="13" t="s">
        <v>361</v>
      </c>
      <c r="B69300" s="14" t="s">
        <v>1</v>
      </c>
      <c r="C69300" s="14" t="s">
        <v>191</v>
      </c>
      <c r="D69300" s="14" t="s">
        <v>14</v>
      </c>
      <c r="E69300" s="15">
        <v>45691</v>
      </c>
      <c r="F69300" s="14" t="s">
        <v>15</v>
      </c>
      <c r="G69300" s="16">
        <v>1.9486895043573711</v>
      </c>
    </row>
    <row r="69301" spans="1:7" x14ac:dyDescent="0.3">
      <c r="A69301" s="13" t="s">
        <v>361</v>
      </c>
      <c r="B69301" s="14" t="s">
        <v>1</v>
      </c>
      <c r="C69301" s="14" t="s">
        <v>191</v>
      </c>
      <c r="D69301" s="14" t="s">
        <v>14</v>
      </c>
      <c r="E69301" s="15">
        <v>45692</v>
      </c>
      <c r="F69301" s="14" t="s">
        <v>15</v>
      </c>
      <c r="G69301" s="16">
        <v>1.9901039609287228</v>
      </c>
    </row>
    <row r="69302" spans="1:7" x14ac:dyDescent="0.3">
      <c r="A69302" s="13" t="s">
        <v>361</v>
      </c>
      <c r="B69302" s="14" t="s">
        <v>1</v>
      </c>
      <c r="C69302" s="14" t="s">
        <v>191</v>
      </c>
      <c r="D69302" s="14" t="s">
        <v>14</v>
      </c>
      <c r="E69302" s="15">
        <v>45693</v>
      </c>
      <c r="F69302" s="14" t="s">
        <v>15</v>
      </c>
      <c r="G69302" s="16">
        <v>2.0275393469076657</v>
      </c>
    </row>
    <row r="69303" spans="1:7" x14ac:dyDescent="0.3">
      <c r="A69303" s="13" t="s">
        <v>361</v>
      </c>
      <c r="B69303" s="14" t="s">
        <v>1</v>
      </c>
      <c r="C69303" s="14" t="s">
        <v>191</v>
      </c>
      <c r="D69303" s="14" t="s">
        <v>14</v>
      </c>
      <c r="E69303" s="15">
        <v>45694</v>
      </c>
      <c r="F69303" s="14" t="s">
        <v>15</v>
      </c>
      <c r="G69303" s="16">
        <v>2.1123479342218925</v>
      </c>
    </row>
    <row r="69304" spans="1:7" x14ac:dyDescent="0.3">
      <c r="A69304" s="13" t="s">
        <v>361</v>
      </c>
      <c r="B69304" s="14" t="s">
        <v>1</v>
      </c>
      <c r="C69304" s="14" t="s">
        <v>191</v>
      </c>
      <c r="D69304" s="14" t="s">
        <v>14</v>
      </c>
      <c r="E69304" s="15">
        <v>45695</v>
      </c>
      <c r="F69304" s="14" t="s">
        <v>15</v>
      </c>
      <c r="G69304" s="16">
        <v>2.1088644970171848</v>
      </c>
    </row>
    <row r="69305" spans="1:7" x14ac:dyDescent="0.3">
      <c r="A69305" s="13" t="s">
        <v>361</v>
      </c>
      <c r="B69305" s="14" t="s">
        <v>1</v>
      </c>
      <c r="C69305" s="14" t="s">
        <v>191</v>
      </c>
      <c r="D69305" s="14" t="s">
        <v>14</v>
      </c>
      <c r="E69305" s="15">
        <v>45696</v>
      </c>
      <c r="F69305" s="14" t="s">
        <v>15</v>
      </c>
      <c r="G69305" s="16">
        <v>2.1088644970171848</v>
      </c>
    </row>
    <row r="69306" spans="1:7" x14ac:dyDescent="0.3">
      <c r="A69306" s="13" t="s">
        <v>361</v>
      </c>
      <c r="B69306" s="14" t="s">
        <v>1</v>
      </c>
      <c r="C69306" s="14" t="s">
        <v>191</v>
      </c>
      <c r="D69306" s="14" t="s">
        <v>14</v>
      </c>
      <c r="E69306" s="15">
        <v>45697</v>
      </c>
      <c r="F69306" s="14" t="s">
        <v>15</v>
      </c>
      <c r="G69306" s="16">
        <v>2.1088644970171848</v>
      </c>
    </row>
    <row r="69307" spans="1:7" x14ac:dyDescent="0.3">
      <c r="A69307" s="13" t="s">
        <v>361</v>
      </c>
      <c r="B69307" s="14" t="s">
        <v>1</v>
      </c>
      <c r="C69307" s="14" t="s">
        <v>191</v>
      </c>
      <c r="D69307" s="14" t="s">
        <v>14</v>
      </c>
      <c r="E69307" s="15">
        <v>45698</v>
      </c>
      <c r="F69307" s="14" t="s">
        <v>15</v>
      </c>
      <c r="G69307" s="16">
        <v>2.1578644507362275</v>
      </c>
    </row>
    <row r="69308" spans="1:7" x14ac:dyDescent="0.3">
      <c r="A69308" s="13" t="s">
        <v>361</v>
      </c>
      <c r="B69308" s="14" t="s">
        <v>1</v>
      </c>
      <c r="C69308" s="14" t="s">
        <v>191</v>
      </c>
      <c r="D69308" s="14" t="s">
        <v>14</v>
      </c>
      <c r="E69308" s="15">
        <v>45699</v>
      </c>
      <c r="F69308" s="14" t="s">
        <v>15</v>
      </c>
      <c r="G69308" s="16">
        <v>2.1472416447224898</v>
      </c>
    </row>
    <row r="69309" spans="1:7" x14ac:dyDescent="0.3">
      <c r="A69309" s="13" t="s">
        <v>361</v>
      </c>
      <c r="B69309" s="14" t="s">
        <v>1</v>
      </c>
      <c r="C69309" s="14" t="s">
        <v>191</v>
      </c>
      <c r="D69309" s="14" t="s">
        <v>14</v>
      </c>
      <c r="E69309" s="15">
        <v>45700</v>
      </c>
      <c r="F69309" s="14" t="s">
        <v>15</v>
      </c>
      <c r="G69309" s="16">
        <v>2.1436995113648223</v>
      </c>
    </row>
    <row r="69310" spans="1:7" x14ac:dyDescent="0.3">
      <c r="A69310" s="13" t="s">
        <v>361</v>
      </c>
      <c r="B69310" s="14" t="s">
        <v>1</v>
      </c>
      <c r="C69310" s="14" t="s">
        <v>191</v>
      </c>
      <c r="D69310" s="14" t="s">
        <v>14</v>
      </c>
      <c r="E69310" s="15">
        <v>45701</v>
      </c>
      <c r="F69310" s="14" t="s">
        <v>15</v>
      </c>
      <c r="G69310" s="16">
        <v>2.2408949039228419</v>
      </c>
    </row>
    <row r="69311" spans="1:7" x14ac:dyDescent="0.3">
      <c r="A69311" s="13" t="s">
        <v>361</v>
      </c>
      <c r="B69311" s="14" t="s">
        <v>1</v>
      </c>
      <c r="C69311" s="14" t="s">
        <v>191</v>
      </c>
      <c r="D69311" s="14" t="s">
        <v>14</v>
      </c>
      <c r="E69311" s="15">
        <v>45702</v>
      </c>
      <c r="F69311" s="14" t="s">
        <v>15</v>
      </c>
      <c r="G69311" s="16">
        <v>2.5790823259671551</v>
      </c>
    </row>
    <row r="69312" spans="1:7" x14ac:dyDescent="0.3">
      <c r="A69312" s="13" t="s">
        <v>361</v>
      </c>
      <c r="B69312" s="14" t="s">
        <v>1</v>
      </c>
      <c r="C69312" s="14" t="s">
        <v>191</v>
      </c>
      <c r="D69312" s="14" t="s">
        <v>14</v>
      </c>
      <c r="E69312" s="15">
        <v>45703</v>
      </c>
      <c r="F69312" s="14" t="s">
        <v>15</v>
      </c>
      <c r="G69312" s="16">
        <v>2.5790823259671551</v>
      </c>
    </row>
    <row r="69313" spans="1:7" x14ac:dyDescent="0.3">
      <c r="A69313" s="13" t="s">
        <v>361</v>
      </c>
      <c r="B69313" s="14" t="s">
        <v>1</v>
      </c>
      <c r="C69313" s="14" t="s">
        <v>191</v>
      </c>
      <c r="D69313" s="14" t="s">
        <v>14</v>
      </c>
      <c r="E69313" s="15">
        <v>45704</v>
      </c>
      <c r="F69313" s="14" t="s">
        <v>15</v>
      </c>
      <c r="G69313" s="16">
        <v>2.5790823259671551</v>
      </c>
    </row>
    <row r="69314" spans="1:7" x14ac:dyDescent="0.3">
      <c r="A69314" s="13" t="s">
        <v>361</v>
      </c>
      <c r="B69314" s="14" t="s">
        <v>1</v>
      </c>
      <c r="C69314" s="14" t="s">
        <v>191</v>
      </c>
      <c r="D69314" s="14" t="s">
        <v>14</v>
      </c>
      <c r="E69314" s="15">
        <v>45705</v>
      </c>
      <c r="F69314" s="14" t="s">
        <v>15</v>
      </c>
      <c r="G69314" s="16">
        <v>2.5755535440753348</v>
      </c>
    </row>
    <row r="69315" spans="1:7" x14ac:dyDescent="0.3">
      <c r="A69315" s="13" t="s">
        <v>361</v>
      </c>
      <c r="B69315" s="14" t="s">
        <v>1</v>
      </c>
      <c r="C69315" s="14" t="s">
        <v>191</v>
      </c>
      <c r="D69315" s="14" t="s">
        <v>14</v>
      </c>
      <c r="E69315" s="15">
        <v>45706</v>
      </c>
      <c r="F69315" s="14" t="s">
        <v>15</v>
      </c>
      <c r="G69315" s="16">
        <v>2.5727984894758915</v>
      </c>
    </row>
    <row r="69316" spans="1:7" x14ac:dyDescent="0.3">
      <c r="A69316" s="13" t="s">
        <v>361</v>
      </c>
      <c r="B69316" s="14" t="s">
        <v>1</v>
      </c>
      <c r="C69316" s="14" t="s">
        <v>191</v>
      </c>
      <c r="D69316" s="14" t="s">
        <v>14</v>
      </c>
      <c r="E69316" s="15">
        <v>45707</v>
      </c>
      <c r="F69316" s="14" t="s">
        <v>15</v>
      </c>
      <c r="G69316" s="16">
        <v>2.5691475610115035</v>
      </c>
    </row>
    <row r="69317" spans="1:7" x14ac:dyDescent="0.3">
      <c r="A69317" s="13" t="s">
        <v>361</v>
      </c>
      <c r="B69317" s="14" t="s">
        <v>1</v>
      </c>
      <c r="C69317" s="14" t="s">
        <v>191</v>
      </c>
      <c r="D69317" s="14" t="s">
        <v>14</v>
      </c>
      <c r="E69317" s="15">
        <v>45708</v>
      </c>
      <c r="F69317" s="14" t="s">
        <v>15</v>
      </c>
      <c r="G69317" s="16">
        <v>2.5655241224627567</v>
      </c>
    </row>
    <row r="69318" spans="1:7" x14ac:dyDescent="0.3">
      <c r="A69318" s="13" t="s">
        <v>361</v>
      </c>
      <c r="B69318" s="14" t="s">
        <v>1</v>
      </c>
      <c r="C69318" s="14" t="s">
        <v>191</v>
      </c>
      <c r="D69318" s="14" t="s">
        <v>14</v>
      </c>
      <c r="E69318" s="15">
        <v>45709</v>
      </c>
      <c r="F69318" s="14" t="s">
        <v>15</v>
      </c>
      <c r="G69318" s="16">
        <v>2.5619221279375513</v>
      </c>
    </row>
    <row r="69319" spans="1:7" x14ac:dyDescent="0.3">
      <c r="A69319" s="13" t="s">
        <v>361</v>
      </c>
      <c r="B69319" s="14" t="s">
        <v>1</v>
      </c>
      <c r="C69319" s="14" t="s">
        <v>191</v>
      </c>
      <c r="D69319" s="14" t="s">
        <v>14</v>
      </c>
      <c r="E69319" s="15">
        <v>45710</v>
      </c>
      <c r="F69319" s="14" t="s">
        <v>15</v>
      </c>
      <c r="G69319" s="16">
        <v>2.5619221279375513</v>
      </c>
    </row>
    <row r="69320" spans="1:7" x14ac:dyDescent="0.3">
      <c r="A69320" s="13" t="s">
        <v>361</v>
      </c>
      <c r="B69320" s="14" t="s">
        <v>1</v>
      </c>
      <c r="C69320" s="14" t="s">
        <v>191</v>
      </c>
      <c r="D69320" s="14" t="s">
        <v>14</v>
      </c>
      <c r="E69320" s="15">
        <v>45711</v>
      </c>
      <c r="F69320" s="14" t="s">
        <v>15</v>
      </c>
      <c r="G69320" s="16">
        <v>2.5619221279375513</v>
      </c>
    </row>
    <row r="69321" spans="1:7" x14ac:dyDescent="0.3">
      <c r="A69321" s="13" t="s">
        <v>361</v>
      </c>
      <c r="B69321" s="14" t="s">
        <v>1</v>
      </c>
      <c r="C69321" s="14" t="s">
        <v>191</v>
      </c>
      <c r="D69321" s="14" t="s">
        <v>14</v>
      </c>
      <c r="E69321" s="15">
        <v>45712</v>
      </c>
      <c r="F69321" s="14" t="s">
        <v>15</v>
      </c>
      <c r="G69321" s="16">
        <v>2.5583269350409577</v>
      </c>
    </row>
    <row r="69322" spans="1:7" x14ac:dyDescent="0.3">
      <c r="A69322" s="13" t="s">
        <v>361</v>
      </c>
      <c r="B69322" s="14" t="s">
        <v>1</v>
      </c>
      <c r="C69322" s="14" t="s">
        <v>191</v>
      </c>
      <c r="D69322" s="14" t="s">
        <v>14</v>
      </c>
      <c r="E69322" s="15">
        <v>45713</v>
      </c>
      <c r="F69322" s="14" t="s">
        <v>15</v>
      </c>
      <c r="G69322" s="16">
        <v>2.6476093978497026</v>
      </c>
    </row>
    <row r="69323" spans="1:7" x14ac:dyDescent="0.3">
      <c r="A69323" s="13" t="s">
        <v>361</v>
      </c>
      <c r="B69323" s="14" t="s">
        <v>1</v>
      </c>
      <c r="C69323" s="14" t="s">
        <v>191</v>
      </c>
      <c r="D69323" s="14" t="s">
        <v>14</v>
      </c>
      <c r="E69323" s="15">
        <v>45714</v>
      </c>
      <c r="F69323" s="14" t="s">
        <v>15</v>
      </c>
      <c r="G69323" s="16">
        <v>2.6440166024675094</v>
      </c>
    </row>
    <row r="69324" spans="1:7" x14ac:dyDescent="0.3">
      <c r="A69324" s="13" t="s">
        <v>361</v>
      </c>
      <c r="B69324" s="14" t="s">
        <v>1</v>
      </c>
      <c r="C69324" s="14" t="s">
        <v>191</v>
      </c>
      <c r="D69324" s="14" t="s">
        <v>14</v>
      </c>
      <c r="E69324" s="15">
        <v>45715</v>
      </c>
      <c r="F69324" s="14" t="s">
        <v>15</v>
      </c>
      <c r="G69324" s="16">
        <v>2.6454921057580938</v>
      </c>
    </row>
    <row r="69325" spans="1:7" x14ac:dyDescent="0.3">
      <c r="A69325" s="13" t="s">
        <v>361</v>
      </c>
      <c r="B69325" s="14" t="s">
        <v>1</v>
      </c>
      <c r="C69325" s="14" t="s">
        <v>191</v>
      </c>
      <c r="D69325" s="14" t="s">
        <v>14</v>
      </c>
      <c r="E69325" s="15">
        <v>45716</v>
      </c>
      <c r="F69325" s="14" t="s">
        <v>15</v>
      </c>
      <c r="G69325" s="16">
        <v>2.7987816896499225</v>
      </c>
    </row>
    <row r="69326" spans="1:7" x14ac:dyDescent="0.3">
      <c r="A69326" s="13" t="s">
        <v>361</v>
      </c>
      <c r="B69326" s="14" t="s">
        <v>1</v>
      </c>
      <c r="C69326" s="14" t="s">
        <v>191</v>
      </c>
      <c r="D69326" s="14" t="s">
        <v>14</v>
      </c>
      <c r="E69326" s="15">
        <v>45717</v>
      </c>
      <c r="F69326" s="14" t="s">
        <v>15</v>
      </c>
      <c r="G69326" s="16">
        <v>2.7987816896499225</v>
      </c>
    </row>
    <row r="69327" spans="1:7" x14ac:dyDescent="0.3">
      <c r="A69327" s="13" t="s">
        <v>361</v>
      </c>
      <c r="B69327" s="14" t="s">
        <v>1</v>
      </c>
      <c r="C69327" s="14" t="s">
        <v>191</v>
      </c>
      <c r="D69327" s="14" t="s">
        <v>14</v>
      </c>
      <c r="E69327" s="15">
        <v>45718</v>
      </c>
      <c r="F69327" s="14" t="s">
        <v>15</v>
      </c>
      <c r="G69327" s="16">
        <v>2.7987816896499225</v>
      </c>
    </row>
    <row r="69328" spans="1:7" x14ac:dyDescent="0.3">
      <c r="A69328" s="13" t="s">
        <v>361</v>
      </c>
      <c r="B69328" s="14" t="s">
        <v>1</v>
      </c>
      <c r="C69328" s="14" t="s">
        <v>191</v>
      </c>
      <c r="D69328" s="14" t="s">
        <v>14</v>
      </c>
      <c r="E69328" s="15">
        <v>45719</v>
      </c>
      <c r="F69328" s="14" t="s">
        <v>15</v>
      </c>
      <c r="G69328" s="16">
        <v>2.795211125039335</v>
      </c>
    </row>
    <row r="69329" spans="1:7" x14ac:dyDescent="0.3">
      <c r="A69329" s="13" t="s">
        <v>361</v>
      </c>
      <c r="B69329" s="14" t="s">
        <v>1</v>
      </c>
      <c r="C69329" s="14" t="s">
        <v>191</v>
      </c>
      <c r="D69329" s="14" t="s">
        <v>14</v>
      </c>
      <c r="E69329" s="15">
        <v>45720</v>
      </c>
      <c r="F69329" s="14" t="s">
        <v>15</v>
      </c>
      <c r="G69329" s="16">
        <v>2.7777021316606745</v>
      </c>
    </row>
    <row r="69330" spans="1:7" x14ac:dyDescent="0.3">
      <c r="A69330" s="13" t="s">
        <v>361</v>
      </c>
      <c r="B69330" s="14" t="s">
        <v>1</v>
      </c>
      <c r="C69330" s="14" t="s">
        <v>191</v>
      </c>
      <c r="D69330" s="14" t="s">
        <v>14</v>
      </c>
      <c r="E69330" s="15">
        <v>45721</v>
      </c>
      <c r="F69330" s="14" t="s">
        <v>15</v>
      </c>
      <c r="G69330" s="16">
        <v>2.7814484760295595</v>
      </c>
    </row>
    <row r="69331" spans="1:7" x14ac:dyDescent="0.3">
      <c r="A69331" s="13" t="s">
        <v>361</v>
      </c>
      <c r="B69331" s="14" t="s">
        <v>1</v>
      </c>
      <c r="C69331" s="14" t="s">
        <v>191</v>
      </c>
      <c r="D69331" s="14" t="s">
        <v>14</v>
      </c>
      <c r="E69331" s="15">
        <v>45722</v>
      </c>
      <c r="F69331" s="14" t="s">
        <v>15</v>
      </c>
      <c r="G69331" s="16">
        <v>2.7948029669315462</v>
      </c>
    </row>
    <row r="69332" spans="1:7" x14ac:dyDescent="0.3">
      <c r="A69332" s="13" t="s">
        <v>361</v>
      </c>
      <c r="B69332" s="14" t="s">
        <v>1</v>
      </c>
      <c r="C69332" s="14" t="s">
        <v>191</v>
      </c>
      <c r="D69332" s="14" t="s">
        <v>14</v>
      </c>
      <c r="E69332" s="15">
        <v>45723</v>
      </c>
      <c r="F69332" s="14" t="s">
        <v>15</v>
      </c>
      <c r="G69332" s="16">
        <v>2.8355400776251471</v>
      </c>
    </row>
    <row r="69333" spans="1:7" x14ac:dyDescent="0.3">
      <c r="A69333" s="13" t="s">
        <v>361</v>
      </c>
      <c r="B69333" s="14" t="s">
        <v>1</v>
      </c>
      <c r="C69333" s="14" t="s">
        <v>191</v>
      </c>
      <c r="D69333" s="14" t="s">
        <v>14</v>
      </c>
      <c r="E69333" s="15">
        <v>45724</v>
      </c>
      <c r="F69333" s="14" t="s">
        <v>15</v>
      </c>
      <c r="G69333" s="16">
        <v>2.8355400776251471</v>
      </c>
    </row>
    <row r="69334" spans="1:7" x14ac:dyDescent="0.3">
      <c r="A69334" s="13" t="s">
        <v>361</v>
      </c>
      <c r="B69334" s="14" t="s">
        <v>1</v>
      </c>
      <c r="C69334" s="14" t="s">
        <v>191</v>
      </c>
      <c r="D69334" s="14" t="s">
        <v>14</v>
      </c>
      <c r="E69334" s="15">
        <v>45725</v>
      </c>
      <c r="F69334" s="14" t="s">
        <v>15</v>
      </c>
      <c r="G69334" s="16">
        <v>2.8355400776251471</v>
      </c>
    </row>
    <row r="69335" spans="1:7" x14ac:dyDescent="0.3">
      <c r="A69335" s="13" t="s">
        <v>361</v>
      </c>
      <c r="B69335" s="14" t="s">
        <v>1</v>
      </c>
      <c r="C69335" s="14" t="s">
        <v>191</v>
      </c>
      <c r="D69335" s="14" t="s">
        <v>14</v>
      </c>
      <c r="E69335" s="15">
        <v>45726</v>
      </c>
      <c r="F69335" s="14" t="s">
        <v>15</v>
      </c>
      <c r="G69335" s="16">
        <v>2.8396242197775483</v>
      </c>
    </row>
    <row r="69336" spans="1:7" x14ac:dyDescent="0.3">
      <c r="A69336" s="13" t="s">
        <v>361</v>
      </c>
      <c r="B69336" s="14" t="s">
        <v>1</v>
      </c>
      <c r="C69336" s="14" t="s">
        <v>191</v>
      </c>
      <c r="D69336" s="14" t="s">
        <v>14</v>
      </c>
      <c r="E69336" s="15">
        <v>45727</v>
      </c>
      <c r="F69336" s="14" t="s">
        <v>15</v>
      </c>
      <c r="G69336" s="16">
        <v>2.8074199175882133</v>
      </c>
    </row>
    <row r="69337" spans="1:7" x14ac:dyDescent="0.3">
      <c r="A69337" s="13" t="s">
        <v>361</v>
      </c>
      <c r="B69337" s="14" t="s">
        <v>1</v>
      </c>
      <c r="C69337" s="14" t="s">
        <v>191</v>
      </c>
      <c r="D69337" s="14" t="s">
        <v>14</v>
      </c>
      <c r="E69337" s="15">
        <v>45728</v>
      </c>
      <c r="F69337" s="14" t="s">
        <v>15</v>
      </c>
      <c r="G69337" s="16">
        <v>2.8011201438183018</v>
      </c>
    </row>
    <row r="69338" spans="1:7" x14ac:dyDescent="0.3">
      <c r="A69338" s="13" t="s">
        <v>361</v>
      </c>
      <c r="B69338" s="14" t="s">
        <v>1</v>
      </c>
      <c r="C69338" s="14" t="s">
        <v>191</v>
      </c>
      <c r="D69338" s="14" t="s">
        <v>14</v>
      </c>
      <c r="E69338" s="15">
        <v>45729</v>
      </c>
      <c r="F69338" s="14" t="s">
        <v>15</v>
      </c>
      <c r="G69338" s="16">
        <v>2.797568569029572</v>
      </c>
    </row>
    <row r="69339" spans="1:7" x14ac:dyDescent="0.3">
      <c r="A69339" s="13" t="s">
        <v>361</v>
      </c>
      <c r="B69339" s="14" t="s">
        <v>1</v>
      </c>
      <c r="C69339" s="14" t="s">
        <v>191</v>
      </c>
      <c r="D69339" s="14" t="s">
        <v>14</v>
      </c>
      <c r="E69339" s="15">
        <v>45730</v>
      </c>
      <c r="F69339" s="14" t="s">
        <v>15</v>
      </c>
      <c r="G69339" s="16">
        <v>2.777025725539886</v>
      </c>
    </row>
    <row r="69340" spans="1:7" x14ac:dyDescent="0.3">
      <c r="A69340" s="13" t="s">
        <v>361</v>
      </c>
      <c r="B69340" s="14" t="s">
        <v>1</v>
      </c>
      <c r="C69340" s="14" t="s">
        <v>191</v>
      </c>
      <c r="D69340" s="14" t="s">
        <v>14</v>
      </c>
      <c r="E69340" s="15">
        <v>45731</v>
      </c>
      <c r="F69340" s="14" t="s">
        <v>15</v>
      </c>
      <c r="G69340" s="16">
        <v>2.777025725539886</v>
      </c>
    </row>
    <row r="69341" spans="1:7" x14ac:dyDescent="0.3">
      <c r="A69341" s="13" t="s">
        <v>361</v>
      </c>
      <c r="B69341" s="14" t="s">
        <v>1</v>
      </c>
      <c r="C69341" s="14" t="s">
        <v>191</v>
      </c>
      <c r="D69341" s="14" t="s">
        <v>14</v>
      </c>
      <c r="E69341" s="15">
        <v>45732</v>
      </c>
      <c r="F69341" s="14" t="s">
        <v>15</v>
      </c>
      <c r="G69341" s="16">
        <v>2.777025725539886</v>
      </c>
    </row>
    <row r="69342" spans="1:7" x14ac:dyDescent="0.3">
      <c r="A69342" s="13" t="s">
        <v>361</v>
      </c>
      <c r="B69342" s="14" t="s">
        <v>1</v>
      </c>
      <c r="C69342" s="14" t="s">
        <v>191</v>
      </c>
      <c r="D69342" s="14" t="s">
        <v>14</v>
      </c>
      <c r="E69342" s="15">
        <v>45733</v>
      </c>
      <c r="F69342" s="14" t="s">
        <v>15</v>
      </c>
      <c r="G69342" s="16">
        <v>2.777025725539886</v>
      </c>
    </row>
    <row r="69343" spans="1:7" x14ac:dyDescent="0.3">
      <c r="A69343" s="13" t="s">
        <v>361</v>
      </c>
      <c r="B69343" s="14" t="s">
        <v>1</v>
      </c>
      <c r="C69343" s="14" t="s">
        <v>191</v>
      </c>
      <c r="D69343" s="14" t="s">
        <v>14</v>
      </c>
      <c r="E69343" s="15">
        <v>45734</v>
      </c>
      <c r="F69343" s="14" t="s">
        <v>15</v>
      </c>
      <c r="G69343" s="16">
        <v>2.7734575723352481</v>
      </c>
    </row>
    <row r="69344" spans="1:7" x14ac:dyDescent="0.3">
      <c r="A69344" s="13" t="s">
        <v>361</v>
      </c>
      <c r="B69344" s="14" t="s">
        <v>1</v>
      </c>
      <c r="C69344" s="14" t="s">
        <v>191</v>
      </c>
      <c r="D69344" s="14" t="s">
        <v>14</v>
      </c>
      <c r="E69344" s="15">
        <v>45735</v>
      </c>
      <c r="F69344" s="14" t="s">
        <v>15</v>
      </c>
      <c r="G69344" s="16">
        <v>2.7551485101285875</v>
      </c>
    </row>
    <row r="69345" spans="1:7" x14ac:dyDescent="0.3">
      <c r="A69345" s="13" t="s">
        <v>361</v>
      </c>
      <c r="B69345" s="14" t="s">
        <v>1</v>
      </c>
      <c r="C69345" s="14" t="s">
        <v>191</v>
      </c>
      <c r="D69345" s="14" t="s">
        <v>14</v>
      </c>
      <c r="E69345" s="15">
        <v>45736</v>
      </c>
      <c r="F69345" s="14" t="s">
        <v>15</v>
      </c>
      <c r="G69345" s="16">
        <v>2.7429316334076503</v>
      </c>
    </row>
    <row r="69346" spans="1:7" x14ac:dyDescent="0.3">
      <c r="A69346" s="13" t="s">
        <v>361</v>
      </c>
      <c r="B69346" s="14" t="s">
        <v>1</v>
      </c>
      <c r="C69346" s="14" t="s">
        <v>191</v>
      </c>
      <c r="D69346" s="14" t="s">
        <v>14</v>
      </c>
      <c r="E69346" s="15">
        <v>45737</v>
      </c>
      <c r="F69346" s="14" t="s">
        <v>15</v>
      </c>
      <c r="G69346" s="16">
        <v>2.7393505827963316</v>
      </c>
    </row>
    <row r="69347" spans="1:7" x14ac:dyDescent="0.3">
      <c r="A69347" s="13" t="s">
        <v>361</v>
      </c>
      <c r="B69347" s="14" t="s">
        <v>1</v>
      </c>
      <c r="C69347" s="14" t="s">
        <v>191</v>
      </c>
      <c r="D69347" s="14" t="s">
        <v>14</v>
      </c>
      <c r="E69347" s="15">
        <v>45738</v>
      </c>
      <c r="F69347" s="14" t="s">
        <v>15</v>
      </c>
      <c r="G69347" s="16">
        <v>2.7393505827963316</v>
      </c>
    </row>
    <row r="69348" spans="1:7" x14ac:dyDescent="0.3">
      <c r="A69348" s="13" t="s">
        <v>361</v>
      </c>
      <c r="B69348" s="14" t="s">
        <v>1</v>
      </c>
      <c r="C69348" s="14" t="s">
        <v>191</v>
      </c>
      <c r="D69348" s="14" t="s">
        <v>14</v>
      </c>
      <c r="E69348" s="15">
        <v>45739</v>
      </c>
      <c r="F69348" s="14" t="s">
        <v>15</v>
      </c>
      <c r="G69348" s="16">
        <v>2.7393505827963316</v>
      </c>
    </row>
    <row r="69349" spans="1:7" x14ac:dyDescent="0.3">
      <c r="A69349" s="13" t="s">
        <v>361</v>
      </c>
      <c r="B69349" s="14" t="s">
        <v>1</v>
      </c>
      <c r="C69349" s="14" t="s">
        <v>191</v>
      </c>
      <c r="D69349" s="14" t="s">
        <v>14</v>
      </c>
      <c r="E69349" s="15">
        <v>45740</v>
      </c>
      <c r="F69349" s="14" t="s">
        <v>15</v>
      </c>
      <c r="G69349" s="16">
        <v>2.7357420103341679</v>
      </c>
    </row>
    <row r="69350" spans="1:7" x14ac:dyDescent="0.3">
      <c r="A69350" s="13" t="s">
        <v>361</v>
      </c>
      <c r="B69350" s="14" t="s">
        <v>1</v>
      </c>
      <c r="C69350" s="14" t="s">
        <v>191</v>
      </c>
      <c r="D69350" s="14" t="s">
        <v>14</v>
      </c>
      <c r="E69350" s="15">
        <v>45741</v>
      </c>
      <c r="F69350" s="14" t="s">
        <v>15</v>
      </c>
      <c r="G69350" s="16">
        <v>2.7249060493301247</v>
      </c>
    </row>
    <row r="69351" spans="1:7" x14ac:dyDescent="0.3">
      <c r="A69351" s="13" t="s">
        <v>361</v>
      </c>
      <c r="B69351" s="14" t="s">
        <v>1</v>
      </c>
      <c r="C69351" s="14" t="s">
        <v>191</v>
      </c>
      <c r="D69351" s="14" t="s">
        <v>14</v>
      </c>
      <c r="E69351" s="15">
        <v>45742</v>
      </c>
      <c r="F69351" s="14" t="s">
        <v>15</v>
      </c>
      <c r="G69351" s="16">
        <v>2.7112322199794354</v>
      </c>
    </row>
    <row r="69352" spans="1:7" x14ac:dyDescent="0.3">
      <c r="A69352" s="13" t="s">
        <v>361</v>
      </c>
      <c r="B69352" s="14" t="s">
        <v>1</v>
      </c>
      <c r="C69352" s="14" t="s">
        <v>191</v>
      </c>
      <c r="D69352" s="14" t="s">
        <v>14</v>
      </c>
      <c r="E69352" s="15">
        <v>45743</v>
      </c>
      <c r="F69352" s="14" t="s">
        <v>15</v>
      </c>
      <c r="G69352" s="16">
        <v>2.7082274081201723</v>
      </c>
    </row>
    <row r="69353" spans="1:7" x14ac:dyDescent="0.3">
      <c r="A69353" s="13" t="s">
        <v>361</v>
      </c>
      <c r="B69353" s="14" t="s">
        <v>1</v>
      </c>
      <c r="C69353" s="14" t="s">
        <v>191</v>
      </c>
      <c r="D69353" s="14" t="s">
        <v>14</v>
      </c>
      <c r="E69353" s="15">
        <v>45744</v>
      </c>
      <c r="F69353" s="14" t="s">
        <v>15</v>
      </c>
      <c r="G69353" s="16">
        <v>2.7045701872097538</v>
      </c>
    </row>
    <row r="69354" spans="1:7" x14ac:dyDescent="0.3">
      <c r="A69354" s="13" t="s">
        <v>361</v>
      </c>
      <c r="B69354" s="14" t="s">
        <v>1</v>
      </c>
      <c r="C69354" s="14" t="s">
        <v>191</v>
      </c>
      <c r="D69354" s="14" t="s">
        <v>14</v>
      </c>
      <c r="E69354" s="15">
        <v>45745</v>
      </c>
      <c r="F69354" s="14" t="s">
        <v>15</v>
      </c>
      <c r="G69354" s="16">
        <v>2.7045701872097538</v>
      </c>
    </row>
    <row r="69355" spans="1:7" x14ac:dyDescent="0.3">
      <c r="A69355" s="13" t="s">
        <v>361</v>
      </c>
      <c r="B69355" s="14" t="s">
        <v>1</v>
      </c>
      <c r="C69355" s="14" t="s">
        <v>191</v>
      </c>
      <c r="D69355" s="14" t="s">
        <v>14</v>
      </c>
      <c r="E69355" s="15">
        <v>45746</v>
      </c>
      <c r="F69355" s="14" t="s">
        <v>15</v>
      </c>
      <c r="G69355" s="16">
        <v>2.7045701872097538</v>
      </c>
    </row>
    <row r="69356" spans="1:7" x14ac:dyDescent="0.3">
      <c r="A69356" s="13" t="s">
        <v>361</v>
      </c>
      <c r="B69356" s="14" t="s">
        <v>1</v>
      </c>
      <c r="C69356" s="14" t="s">
        <v>191</v>
      </c>
      <c r="D69356" s="14" t="s">
        <v>14</v>
      </c>
      <c r="E69356" s="15">
        <v>45747</v>
      </c>
      <c r="F69356" s="14" t="s">
        <v>15</v>
      </c>
      <c r="G69356" s="16">
        <v>2.7045701872097538</v>
      </c>
    </row>
    <row r="69357" spans="1:7" x14ac:dyDescent="0.3">
      <c r="A69357" s="13" t="s">
        <v>362</v>
      </c>
      <c r="B69357" s="14" t="s">
        <v>1</v>
      </c>
      <c r="C69357" s="14" t="s">
        <v>63</v>
      </c>
      <c r="D69357" s="14" t="s">
        <v>14</v>
      </c>
      <c r="E69357" s="15">
        <v>45383</v>
      </c>
      <c r="F69357" s="14" t="s">
        <v>15</v>
      </c>
      <c r="G69357" s="16">
        <v>0</v>
      </c>
    </row>
    <row r="69358" spans="1:7" x14ac:dyDescent="0.3">
      <c r="A69358" s="13" t="s">
        <v>362</v>
      </c>
      <c r="B69358" s="14" t="s">
        <v>1</v>
      </c>
      <c r="C69358" s="14" t="s">
        <v>63</v>
      </c>
      <c r="D69358" s="14" t="s">
        <v>14</v>
      </c>
      <c r="E69358" s="15">
        <v>45384</v>
      </c>
      <c r="F69358" s="14" t="s">
        <v>15</v>
      </c>
      <c r="G69358" s="16">
        <v>0</v>
      </c>
    </row>
    <row r="69359" spans="1:7" x14ac:dyDescent="0.3">
      <c r="A69359" s="13" t="s">
        <v>362</v>
      </c>
      <c r="B69359" s="14" t="s">
        <v>1</v>
      </c>
      <c r="C69359" s="14" t="s">
        <v>63</v>
      </c>
      <c r="D69359" s="14" t="s">
        <v>14</v>
      </c>
      <c r="E69359" s="15">
        <v>45385</v>
      </c>
      <c r="F69359" s="14" t="s">
        <v>15</v>
      </c>
      <c r="G69359" s="16">
        <v>4.6926543352433299E-2</v>
      </c>
    </row>
    <row r="69360" spans="1:7" x14ac:dyDescent="0.3">
      <c r="A69360" s="13" t="s">
        <v>362</v>
      </c>
      <c r="B69360" s="14" t="s">
        <v>1</v>
      </c>
      <c r="C69360" s="14" t="s">
        <v>63</v>
      </c>
      <c r="D69360" s="14" t="s">
        <v>14</v>
      </c>
      <c r="E69360" s="15">
        <v>45386</v>
      </c>
      <c r="F69360" s="14" t="s">
        <v>15</v>
      </c>
      <c r="G69360" s="16">
        <v>4.6926543352433299E-2</v>
      </c>
    </row>
    <row r="69361" spans="1:7" x14ac:dyDescent="0.3">
      <c r="A69361" s="13" t="s">
        <v>362</v>
      </c>
      <c r="B69361" s="14" t="s">
        <v>1</v>
      </c>
      <c r="C69361" s="14" t="s">
        <v>63</v>
      </c>
      <c r="D69361" s="14" t="s">
        <v>14</v>
      </c>
      <c r="E69361" s="15">
        <v>45387</v>
      </c>
      <c r="F69361" s="14" t="s">
        <v>15</v>
      </c>
      <c r="G69361" s="16">
        <v>6.15104209391273E-2</v>
      </c>
    </row>
    <row r="69362" spans="1:7" x14ac:dyDescent="0.3">
      <c r="A69362" s="13" t="s">
        <v>362</v>
      </c>
      <c r="B69362" s="14" t="s">
        <v>1</v>
      </c>
      <c r="C69362" s="14" t="s">
        <v>63</v>
      </c>
      <c r="D69362" s="14" t="s">
        <v>14</v>
      </c>
      <c r="E69362" s="15">
        <v>45388</v>
      </c>
      <c r="F69362" s="14" t="s">
        <v>15</v>
      </c>
      <c r="G69362" s="16">
        <v>6.15104209391273E-2</v>
      </c>
    </row>
    <row r="69363" spans="1:7" x14ac:dyDescent="0.3">
      <c r="A69363" s="13" t="s">
        <v>362</v>
      </c>
      <c r="B69363" s="14" t="s">
        <v>1</v>
      </c>
      <c r="C69363" s="14" t="s">
        <v>63</v>
      </c>
      <c r="D69363" s="14" t="s">
        <v>14</v>
      </c>
      <c r="E69363" s="15">
        <v>45389</v>
      </c>
      <c r="F69363" s="14" t="s">
        <v>15</v>
      </c>
      <c r="G69363" s="16">
        <v>6.15104209391273E-2</v>
      </c>
    </row>
    <row r="69364" spans="1:7" x14ac:dyDescent="0.3">
      <c r="A69364" s="13" t="s">
        <v>362</v>
      </c>
      <c r="B69364" s="14" t="s">
        <v>1</v>
      </c>
      <c r="C69364" s="14" t="s">
        <v>63</v>
      </c>
      <c r="D69364" s="14" t="s">
        <v>14</v>
      </c>
      <c r="E69364" s="15">
        <v>45390</v>
      </c>
      <c r="F69364" s="14" t="s">
        <v>15</v>
      </c>
      <c r="G69364" s="16">
        <v>8.5027463424907634E-2</v>
      </c>
    </row>
    <row r="69365" spans="1:7" x14ac:dyDescent="0.3">
      <c r="A69365" s="13" t="s">
        <v>362</v>
      </c>
      <c r="B69365" s="14" t="s">
        <v>1</v>
      </c>
      <c r="C69365" s="14" t="s">
        <v>63</v>
      </c>
      <c r="D69365" s="14" t="s">
        <v>14</v>
      </c>
      <c r="E69365" s="15">
        <v>45391</v>
      </c>
      <c r="F69365" s="14" t="s">
        <v>15</v>
      </c>
      <c r="G69365" s="16">
        <v>0.12085344565627391</v>
      </c>
    </row>
    <row r="69366" spans="1:7" x14ac:dyDescent="0.3">
      <c r="A69366" s="13" t="s">
        <v>362</v>
      </c>
      <c r="B69366" s="14" t="s">
        <v>1</v>
      </c>
      <c r="C69366" s="14" t="s">
        <v>63</v>
      </c>
      <c r="D69366" s="14" t="s">
        <v>14</v>
      </c>
      <c r="E69366" s="15">
        <v>45392</v>
      </c>
      <c r="F69366" s="14" t="s">
        <v>15</v>
      </c>
      <c r="G69366" s="16">
        <v>0.12085344565627391</v>
      </c>
    </row>
    <row r="69367" spans="1:7" x14ac:dyDescent="0.3">
      <c r="A69367" s="13" t="s">
        <v>362</v>
      </c>
      <c r="B69367" s="14" t="s">
        <v>1</v>
      </c>
      <c r="C69367" s="14" t="s">
        <v>63</v>
      </c>
      <c r="D69367" s="14" t="s">
        <v>14</v>
      </c>
      <c r="E69367" s="15">
        <v>45393</v>
      </c>
      <c r="F69367" s="14" t="s">
        <v>15</v>
      </c>
      <c r="G69367" s="16">
        <v>0.13254769663819105</v>
      </c>
    </row>
    <row r="69368" spans="1:7" x14ac:dyDescent="0.3">
      <c r="A69368" s="13" t="s">
        <v>362</v>
      </c>
      <c r="B69368" s="14" t="s">
        <v>1</v>
      </c>
      <c r="C69368" s="14" t="s">
        <v>63</v>
      </c>
      <c r="D69368" s="14" t="s">
        <v>14</v>
      </c>
      <c r="E69368" s="15">
        <v>45394</v>
      </c>
      <c r="F69368" s="14" t="s">
        <v>15</v>
      </c>
      <c r="G69368" s="16">
        <v>0.15906200696380215</v>
      </c>
    </row>
    <row r="69369" spans="1:7" x14ac:dyDescent="0.3">
      <c r="A69369" s="13" t="s">
        <v>362</v>
      </c>
      <c r="B69369" s="14" t="s">
        <v>1</v>
      </c>
      <c r="C69369" s="14" t="s">
        <v>63</v>
      </c>
      <c r="D69369" s="14" t="s">
        <v>14</v>
      </c>
      <c r="E69369" s="15">
        <v>45395</v>
      </c>
      <c r="F69369" s="14" t="s">
        <v>15</v>
      </c>
      <c r="G69369" s="16">
        <v>0.15906200696380215</v>
      </c>
    </row>
    <row r="69370" spans="1:7" x14ac:dyDescent="0.3">
      <c r="A69370" s="13" t="s">
        <v>362</v>
      </c>
      <c r="B69370" s="14" t="s">
        <v>1</v>
      </c>
      <c r="C69370" s="14" t="s">
        <v>63</v>
      </c>
      <c r="D69370" s="14" t="s">
        <v>14</v>
      </c>
      <c r="E69370" s="15">
        <v>45396</v>
      </c>
      <c r="F69370" s="14" t="s">
        <v>15</v>
      </c>
      <c r="G69370" s="16">
        <v>0.15906200696380215</v>
      </c>
    </row>
    <row r="69371" spans="1:7" x14ac:dyDescent="0.3">
      <c r="A69371" s="13" t="s">
        <v>362</v>
      </c>
      <c r="B69371" s="14" t="s">
        <v>1</v>
      </c>
      <c r="C69371" s="14" t="s">
        <v>63</v>
      </c>
      <c r="D69371" s="14" t="s">
        <v>14</v>
      </c>
      <c r="E69371" s="15">
        <v>45397</v>
      </c>
      <c r="F69371" s="14" t="s">
        <v>15</v>
      </c>
      <c r="G69371" s="16">
        <v>0.17065361098194243</v>
      </c>
    </row>
    <row r="69372" spans="1:7" x14ac:dyDescent="0.3">
      <c r="A69372" s="13" t="s">
        <v>362</v>
      </c>
      <c r="B69372" s="14" t="s">
        <v>1</v>
      </c>
      <c r="C69372" s="14" t="s">
        <v>63</v>
      </c>
      <c r="D69372" s="14" t="s">
        <v>14</v>
      </c>
      <c r="E69372" s="15">
        <v>45398</v>
      </c>
      <c r="F69372" s="14" t="s">
        <v>15</v>
      </c>
      <c r="G69372" s="16">
        <v>0.20543479166214679</v>
      </c>
    </row>
    <row r="69373" spans="1:7" x14ac:dyDescent="0.3">
      <c r="A69373" s="13" t="s">
        <v>362</v>
      </c>
      <c r="B69373" s="14" t="s">
        <v>1</v>
      </c>
      <c r="C69373" s="14" t="s">
        <v>63</v>
      </c>
      <c r="D69373" s="14" t="s">
        <v>14</v>
      </c>
      <c r="E69373" s="15">
        <v>45399</v>
      </c>
      <c r="F69373" s="14" t="s">
        <v>15</v>
      </c>
      <c r="G69373" s="16">
        <v>0.21904173103091432</v>
      </c>
    </row>
    <row r="69374" spans="1:7" x14ac:dyDescent="0.3">
      <c r="A69374" s="13" t="s">
        <v>362</v>
      </c>
      <c r="B69374" s="14" t="s">
        <v>1</v>
      </c>
      <c r="C69374" s="14" t="s">
        <v>63</v>
      </c>
      <c r="D69374" s="14" t="s">
        <v>14</v>
      </c>
      <c r="E69374" s="15">
        <v>45400</v>
      </c>
      <c r="F69374" s="14" t="s">
        <v>15</v>
      </c>
      <c r="G69374" s="16">
        <v>0.2308024939550154</v>
      </c>
    </row>
    <row r="69375" spans="1:7" x14ac:dyDescent="0.3">
      <c r="A69375" s="13" t="s">
        <v>362</v>
      </c>
      <c r="B69375" s="14" t="s">
        <v>1</v>
      </c>
      <c r="C69375" s="14" t="s">
        <v>63</v>
      </c>
      <c r="D69375" s="14" t="s">
        <v>14</v>
      </c>
      <c r="E69375" s="15">
        <v>45401</v>
      </c>
      <c r="F69375" s="14" t="s">
        <v>15</v>
      </c>
      <c r="G69375" s="16">
        <v>0.24232458946820548</v>
      </c>
    </row>
    <row r="69376" spans="1:7" x14ac:dyDescent="0.3">
      <c r="A69376" s="13" t="s">
        <v>362</v>
      </c>
      <c r="B69376" s="14" t="s">
        <v>1</v>
      </c>
      <c r="C69376" s="14" t="s">
        <v>63</v>
      </c>
      <c r="D69376" s="14" t="s">
        <v>14</v>
      </c>
      <c r="E69376" s="15">
        <v>45402</v>
      </c>
      <c r="F69376" s="14" t="s">
        <v>15</v>
      </c>
      <c r="G69376" s="16">
        <v>0.24232458946820548</v>
      </c>
    </row>
    <row r="69377" spans="1:7" x14ac:dyDescent="0.3">
      <c r="A69377" s="13" t="s">
        <v>362</v>
      </c>
      <c r="B69377" s="14" t="s">
        <v>1</v>
      </c>
      <c r="C69377" s="14" t="s">
        <v>63</v>
      </c>
      <c r="D69377" s="14" t="s">
        <v>14</v>
      </c>
      <c r="E69377" s="15">
        <v>45403</v>
      </c>
      <c r="F69377" s="14" t="s">
        <v>15</v>
      </c>
      <c r="G69377" s="16">
        <v>0.24232458946820548</v>
      </c>
    </row>
    <row r="69378" spans="1:7" x14ac:dyDescent="0.3">
      <c r="A69378" s="13" t="s">
        <v>362</v>
      </c>
      <c r="B69378" s="14" t="s">
        <v>1</v>
      </c>
      <c r="C69378" s="14" t="s">
        <v>63</v>
      </c>
      <c r="D69378" s="14" t="s">
        <v>14</v>
      </c>
      <c r="E69378" s="15">
        <v>45404</v>
      </c>
      <c r="F69378" s="14" t="s">
        <v>15</v>
      </c>
      <c r="G69378" s="16">
        <v>0.25458013778553201</v>
      </c>
    </row>
    <row r="69379" spans="1:7" x14ac:dyDescent="0.3">
      <c r="A69379" s="13" t="s">
        <v>362</v>
      </c>
      <c r="B69379" s="14" t="s">
        <v>1</v>
      </c>
      <c r="C69379" s="14" t="s">
        <v>63</v>
      </c>
      <c r="D69379" s="14" t="s">
        <v>14</v>
      </c>
      <c r="E69379" s="15">
        <v>45405</v>
      </c>
      <c r="F69379" s="14" t="s">
        <v>15</v>
      </c>
      <c r="G69379" s="16">
        <v>0.28966867179574018</v>
      </c>
    </row>
    <row r="69380" spans="1:7" x14ac:dyDescent="0.3">
      <c r="A69380" s="13" t="s">
        <v>362</v>
      </c>
      <c r="B69380" s="14" t="s">
        <v>1</v>
      </c>
      <c r="C69380" s="14" t="s">
        <v>63</v>
      </c>
      <c r="D69380" s="14" t="s">
        <v>14</v>
      </c>
      <c r="E69380" s="15">
        <v>45406</v>
      </c>
      <c r="F69380" s="14" t="s">
        <v>15</v>
      </c>
      <c r="G69380" s="16">
        <v>0.30225818997117065</v>
      </c>
    </row>
    <row r="69381" spans="1:7" x14ac:dyDescent="0.3">
      <c r="A69381" s="13" t="s">
        <v>362</v>
      </c>
      <c r="B69381" s="14" t="s">
        <v>1</v>
      </c>
      <c r="C69381" s="14" t="s">
        <v>63</v>
      </c>
      <c r="D69381" s="14" t="s">
        <v>14</v>
      </c>
      <c r="E69381" s="15">
        <v>45407</v>
      </c>
      <c r="F69381" s="14" t="s">
        <v>15</v>
      </c>
      <c r="G69381" s="16">
        <v>0.31682355937607315</v>
      </c>
    </row>
    <row r="69382" spans="1:7" x14ac:dyDescent="0.3">
      <c r="A69382" s="13" t="s">
        <v>362</v>
      </c>
      <c r="B69382" s="14" t="s">
        <v>1</v>
      </c>
      <c r="C69382" s="14" t="s">
        <v>63</v>
      </c>
      <c r="D69382" s="14" t="s">
        <v>14</v>
      </c>
      <c r="E69382" s="15">
        <v>45408</v>
      </c>
      <c r="F69382" s="14" t="s">
        <v>15</v>
      </c>
      <c r="G69382" s="16">
        <v>0.33199670221732813</v>
      </c>
    </row>
    <row r="69383" spans="1:7" x14ac:dyDescent="0.3">
      <c r="A69383" s="13" t="s">
        <v>362</v>
      </c>
      <c r="B69383" s="14" t="s">
        <v>1</v>
      </c>
      <c r="C69383" s="14" t="s">
        <v>63</v>
      </c>
      <c r="D69383" s="14" t="s">
        <v>14</v>
      </c>
      <c r="E69383" s="15">
        <v>45409</v>
      </c>
      <c r="F69383" s="14" t="s">
        <v>15</v>
      </c>
      <c r="G69383" s="16">
        <v>0.33199670221732813</v>
      </c>
    </row>
    <row r="69384" spans="1:7" x14ac:dyDescent="0.3">
      <c r="A69384" s="13" t="s">
        <v>362</v>
      </c>
      <c r="B69384" s="14" t="s">
        <v>1</v>
      </c>
      <c r="C69384" s="14" t="s">
        <v>63</v>
      </c>
      <c r="D69384" s="14" t="s">
        <v>14</v>
      </c>
      <c r="E69384" s="15">
        <v>45410</v>
      </c>
      <c r="F69384" s="14" t="s">
        <v>15</v>
      </c>
      <c r="G69384" s="16">
        <v>0.33199670221732813</v>
      </c>
    </row>
    <row r="69385" spans="1:7" x14ac:dyDescent="0.3">
      <c r="A69385" s="13" t="s">
        <v>362</v>
      </c>
      <c r="B69385" s="14" t="s">
        <v>1</v>
      </c>
      <c r="C69385" s="14" t="s">
        <v>63</v>
      </c>
      <c r="D69385" s="14" t="s">
        <v>14</v>
      </c>
      <c r="E69385" s="15">
        <v>45411</v>
      </c>
      <c r="F69385" s="14" t="s">
        <v>15</v>
      </c>
      <c r="G69385" s="16">
        <v>0.34345992408558146</v>
      </c>
    </row>
    <row r="69386" spans="1:7" x14ac:dyDescent="0.3">
      <c r="A69386" s="13" t="s">
        <v>362</v>
      </c>
      <c r="B69386" s="14" t="s">
        <v>1</v>
      </c>
      <c r="C69386" s="14" t="s">
        <v>63</v>
      </c>
      <c r="D69386" s="14" t="s">
        <v>14</v>
      </c>
      <c r="E69386" s="15">
        <v>45412</v>
      </c>
      <c r="F69386" s="14" t="s">
        <v>15</v>
      </c>
      <c r="G69386" s="16">
        <v>0.38141887144518305</v>
      </c>
    </row>
    <row r="69387" spans="1:7" x14ac:dyDescent="0.3">
      <c r="A69387" s="13" t="s">
        <v>362</v>
      </c>
      <c r="B69387" s="14" t="s">
        <v>1</v>
      </c>
      <c r="C69387" s="14" t="s">
        <v>63</v>
      </c>
      <c r="D69387" s="14" t="s">
        <v>14</v>
      </c>
      <c r="E69387" s="15">
        <v>45413</v>
      </c>
      <c r="F69387" s="14" t="s">
        <v>15</v>
      </c>
      <c r="G69387" s="16">
        <v>0.38141887144518305</v>
      </c>
    </row>
    <row r="69388" spans="1:7" x14ac:dyDescent="0.3">
      <c r="A69388" s="13" t="s">
        <v>362</v>
      </c>
      <c r="B69388" s="14" t="s">
        <v>1</v>
      </c>
      <c r="C69388" s="14" t="s">
        <v>63</v>
      </c>
      <c r="D69388" s="14" t="s">
        <v>14</v>
      </c>
      <c r="E69388" s="15">
        <v>45414</v>
      </c>
      <c r="F69388" s="14" t="s">
        <v>15</v>
      </c>
      <c r="G69388" s="16">
        <v>0.39453478581321605</v>
      </c>
    </row>
    <row r="69389" spans="1:7" x14ac:dyDescent="0.3">
      <c r="A69389" s="13" t="s">
        <v>362</v>
      </c>
      <c r="B69389" s="14" t="s">
        <v>1</v>
      </c>
      <c r="C69389" s="14" t="s">
        <v>63</v>
      </c>
      <c r="D69389" s="14" t="s">
        <v>14</v>
      </c>
      <c r="E69389" s="15">
        <v>45415</v>
      </c>
      <c r="F69389" s="14" t="s">
        <v>15</v>
      </c>
      <c r="G69389" s="16">
        <v>0.42409389768998906</v>
      </c>
    </row>
    <row r="69390" spans="1:7" x14ac:dyDescent="0.3">
      <c r="A69390" s="13" t="s">
        <v>362</v>
      </c>
      <c r="B69390" s="14" t="s">
        <v>1</v>
      </c>
      <c r="C69390" s="14" t="s">
        <v>63</v>
      </c>
      <c r="D69390" s="14" t="s">
        <v>14</v>
      </c>
      <c r="E69390" s="15">
        <v>45416</v>
      </c>
      <c r="F69390" s="14" t="s">
        <v>15</v>
      </c>
      <c r="G69390" s="16">
        <v>0.42409389768998906</v>
      </c>
    </row>
    <row r="69391" spans="1:7" x14ac:dyDescent="0.3">
      <c r="A69391" s="13" t="s">
        <v>362</v>
      </c>
      <c r="B69391" s="14" t="s">
        <v>1</v>
      </c>
      <c r="C69391" s="14" t="s">
        <v>63</v>
      </c>
      <c r="D69391" s="14" t="s">
        <v>14</v>
      </c>
      <c r="E69391" s="15">
        <v>45417</v>
      </c>
      <c r="F69391" s="14" t="s">
        <v>15</v>
      </c>
      <c r="G69391" s="16">
        <v>0.42409389768998906</v>
      </c>
    </row>
    <row r="69392" spans="1:7" x14ac:dyDescent="0.3">
      <c r="A69392" s="13" t="s">
        <v>362</v>
      </c>
      <c r="B69392" s="14" t="s">
        <v>1</v>
      </c>
      <c r="C69392" s="14" t="s">
        <v>63</v>
      </c>
      <c r="D69392" s="14" t="s">
        <v>14</v>
      </c>
      <c r="E69392" s="15">
        <v>45418</v>
      </c>
      <c r="F69392" s="14" t="s">
        <v>15</v>
      </c>
      <c r="G69392" s="16">
        <v>0.42409389768998906</v>
      </c>
    </row>
    <row r="69393" spans="1:7" x14ac:dyDescent="0.3">
      <c r="A69393" s="13" t="s">
        <v>362</v>
      </c>
      <c r="B69393" s="14" t="s">
        <v>1</v>
      </c>
      <c r="C69393" s="14" t="s">
        <v>63</v>
      </c>
      <c r="D69393" s="14" t="s">
        <v>14</v>
      </c>
      <c r="E69393" s="15">
        <v>45419</v>
      </c>
      <c r="F69393" s="14" t="s">
        <v>15</v>
      </c>
      <c r="G69393" s="16">
        <v>0.4355464259420963</v>
      </c>
    </row>
    <row r="69394" spans="1:7" x14ac:dyDescent="0.3">
      <c r="A69394" s="13" t="s">
        <v>362</v>
      </c>
      <c r="B69394" s="14" t="s">
        <v>1</v>
      </c>
      <c r="C69394" s="14" t="s">
        <v>63</v>
      </c>
      <c r="D69394" s="14" t="s">
        <v>14</v>
      </c>
      <c r="E69394" s="15">
        <v>45420</v>
      </c>
      <c r="F69394" s="14" t="s">
        <v>15</v>
      </c>
      <c r="G69394" s="16">
        <v>0.48165432009801973</v>
      </c>
    </row>
    <row r="69395" spans="1:7" x14ac:dyDescent="0.3">
      <c r="A69395" s="13" t="s">
        <v>362</v>
      </c>
      <c r="B69395" s="14" t="s">
        <v>1</v>
      </c>
      <c r="C69395" s="14" t="s">
        <v>63</v>
      </c>
      <c r="D69395" s="14" t="s">
        <v>14</v>
      </c>
      <c r="E69395" s="15">
        <v>45421</v>
      </c>
      <c r="F69395" s="14" t="s">
        <v>15</v>
      </c>
      <c r="G69395" s="16">
        <v>0.48165432009801973</v>
      </c>
    </row>
    <row r="69396" spans="1:7" x14ac:dyDescent="0.3">
      <c r="A69396" s="13" t="s">
        <v>362</v>
      </c>
      <c r="B69396" s="14" t="s">
        <v>1</v>
      </c>
      <c r="C69396" s="14" t="s">
        <v>63</v>
      </c>
      <c r="D69396" s="14" t="s">
        <v>14</v>
      </c>
      <c r="E69396" s="15">
        <v>45422</v>
      </c>
      <c r="F69396" s="14" t="s">
        <v>15</v>
      </c>
      <c r="G69396" s="16">
        <v>0.49276858929433798</v>
      </c>
    </row>
    <row r="69397" spans="1:7" x14ac:dyDescent="0.3">
      <c r="A69397" s="13" t="s">
        <v>362</v>
      </c>
      <c r="B69397" s="14" t="s">
        <v>1</v>
      </c>
      <c r="C69397" s="14" t="s">
        <v>63</v>
      </c>
      <c r="D69397" s="14" t="s">
        <v>14</v>
      </c>
      <c r="E69397" s="15">
        <v>45423</v>
      </c>
      <c r="F69397" s="14" t="s">
        <v>15</v>
      </c>
      <c r="G69397" s="16">
        <v>0.49276858929433798</v>
      </c>
    </row>
    <row r="69398" spans="1:7" x14ac:dyDescent="0.3">
      <c r="A69398" s="13" t="s">
        <v>362</v>
      </c>
      <c r="B69398" s="14" t="s">
        <v>1</v>
      </c>
      <c r="C69398" s="14" t="s">
        <v>63</v>
      </c>
      <c r="D69398" s="14" t="s">
        <v>14</v>
      </c>
      <c r="E69398" s="15">
        <v>45424</v>
      </c>
      <c r="F69398" s="14" t="s">
        <v>15</v>
      </c>
      <c r="G69398" s="16">
        <v>0.49276858929433798</v>
      </c>
    </row>
    <row r="69399" spans="1:7" x14ac:dyDescent="0.3">
      <c r="A69399" s="13" t="s">
        <v>362</v>
      </c>
      <c r="B69399" s="14" t="s">
        <v>1</v>
      </c>
      <c r="C69399" s="14" t="s">
        <v>63</v>
      </c>
      <c r="D69399" s="14" t="s">
        <v>14</v>
      </c>
      <c r="E69399" s="15">
        <v>45425</v>
      </c>
      <c r="F69399" s="14" t="s">
        <v>15</v>
      </c>
      <c r="G69399" s="16">
        <v>0.51458493551994611</v>
      </c>
    </row>
    <row r="69400" spans="1:7" x14ac:dyDescent="0.3">
      <c r="A69400" s="13" t="s">
        <v>362</v>
      </c>
      <c r="B69400" s="14" t="s">
        <v>1</v>
      </c>
      <c r="C69400" s="14" t="s">
        <v>63</v>
      </c>
      <c r="D69400" s="14" t="s">
        <v>14</v>
      </c>
      <c r="E69400" s="15">
        <v>45426</v>
      </c>
      <c r="F69400" s="14" t="s">
        <v>15</v>
      </c>
      <c r="G69400" s="16">
        <v>0.55090529185160908</v>
      </c>
    </row>
    <row r="69401" spans="1:7" x14ac:dyDescent="0.3">
      <c r="A69401" s="13" t="s">
        <v>362</v>
      </c>
      <c r="B69401" s="14" t="s">
        <v>1</v>
      </c>
      <c r="C69401" s="14" t="s">
        <v>63</v>
      </c>
      <c r="D69401" s="14" t="s">
        <v>14</v>
      </c>
      <c r="E69401" s="15">
        <v>45427</v>
      </c>
      <c r="F69401" s="14" t="s">
        <v>15</v>
      </c>
      <c r="G69401" s="16">
        <v>0.55090529185160908</v>
      </c>
    </row>
    <row r="69402" spans="1:7" x14ac:dyDescent="0.3">
      <c r="A69402" s="13" t="s">
        <v>362</v>
      </c>
      <c r="B69402" s="14" t="s">
        <v>1</v>
      </c>
      <c r="C69402" s="14" t="s">
        <v>63</v>
      </c>
      <c r="D69402" s="14" t="s">
        <v>14</v>
      </c>
      <c r="E69402" s="15">
        <v>45428</v>
      </c>
      <c r="F69402" s="14" t="s">
        <v>15</v>
      </c>
      <c r="G69402" s="16">
        <v>0.56208901079674489</v>
      </c>
    </row>
    <row r="69403" spans="1:7" x14ac:dyDescent="0.3">
      <c r="A69403" s="13" t="s">
        <v>362</v>
      </c>
      <c r="B69403" s="14" t="s">
        <v>1</v>
      </c>
      <c r="C69403" s="14" t="s">
        <v>63</v>
      </c>
      <c r="D69403" s="14" t="s">
        <v>14</v>
      </c>
      <c r="E69403" s="15">
        <v>45429</v>
      </c>
      <c r="F69403" s="14" t="s">
        <v>15</v>
      </c>
      <c r="G69403" s="16">
        <v>0.58820372066405824</v>
      </c>
    </row>
    <row r="69404" spans="1:7" x14ac:dyDescent="0.3">
      <c r="A69404" s="13" t="s">
        <v>362</v>
      </c>
      <c r="B69404" s="14" t="s">
        <v>1</v>
      </c>
      <c r="C69404" s="14" t="s">
        <v>63</v>
      </c>
      <c r="D69404" s="14" t="s">
        <v>14</v>
      </c>
      <c r="E69404" s="15">
        <v>45430</v>
      </c>
      <c r="F69404" s="14" t="s">
        <v>15</v>
      </c>
      <c r="G69404" s="16">
        <v>0.58820372066405824</v>
      </c>
    </row>
    <row r="69405" spans="1:7" x14ac:dyDescent="0.3">
      <c r="A69405" s="13" t="s">
        <v>362</v>
      </c>
      <c r="B69405" s="14" t="s">
        <v>1</v>
      </c>
      <c r="C69405" s="14" t="s">
        <v>63</v>
      </c>
      <c r="D69405" s="14" t="s">
        <v>14</v>
      </c>
      <c r="E69405" s="15">
        <v>45431</v>
      </c>
      <c r="F69405" s="14" t="s">
        <v>15</v>
      </c>
      <c r="G69405" s="16">
        <v>0.58820372066405824</v>
      </c>
    </row>
    <row r="69406" spans="1:7" x14ac:dyDescent="0.3">
      <c r="A69406" s="13" t="s">
        <v>362</v>
      </c>
      <c r="B69406" s="14" t="s">
        <v>1</v>
      </c>
      <c r="C69406" s="14" t="s">
        <v>63</v>
      </c>
      <c r="D69406" s="14" t="s">
        <v>14</v>
      </c>
      <c r="E69406" s="15">
        <v>45432</v>
      </c>
      <c r="F69406" s="14" t="s">
        <v>15</v>
      </c>
      <c r="G69406" s="16">
        <v>0.58820372066405824</v>
      </c>
    </row>
    <row r="69407" spans="1:7" x14ac:dyDescent="0.3">
      <c r="A69407" s="13" t="s">
        <v>362</v>
      </c>
      <c r="B69407" s="14" t="s">
        <v>1</v>
      </c>
      <c r="C69407" s="14" t="s">
        <v>63</v>
      </c>
      <c r="D69407" s="14" t="s">
        <v>14</v>
      </c>
      <c r="E69407" s="15">
        <v>45433</v>
      </c>
      <c r="F69407" s="14" t="s">
        <v>15</v>
      </c>
      <c r="G69407" s="16">
        <v>0.60590367099084452</v>
      </c>
    </row>
    <row r="69408" spans="1:7" x14ac:dyDescent="0.3">
      <c r="A69408" s="13" t="s">
        <v>362</v>
      </c>
      <c r="B69408" s="14" t="s">
        <v>1</v>
      </c>
      <c r="C69408" s="14" t="s">
        <v>63</v>
      </c>
      <c r="D69408" s="14" t="s">
        <v>14</v>
      </c>
      <c r="E69408" s="15">
        <v>45434</v>
      </c>
      <c r="F69408" s="14" t="s">
        <v>15</v>
      </c>
      <c r="G69408" s="16">
        <v>0.60590367099084452</v>
      </c>
    </row>
    <row r="69409" spans="1:7" x14ac:dyDescent="0.3">
      <c r="A69409" s="13" t="s">
        <v>362</v>
      </c>
      <c r="B69409" s="14" t="s">
        <v>1</v>
      </c>
      <c r="C69409" s="14" t="s">
        <v>63</v>
      </c>
      <c r="D69409" s="14" t="s">
        <v>14</v>
      </c>
      <c r="E69409" s="15">
        <v>45435</v>
      </c>
      <c r="F69409" s="14" t="s">
        <v>15</v>
      </c>
      <c r="G69409" s="16">
        <v>0.65164915732045103</v>
      </c>
    </row>
    <row r="69410" spans="1:7" x14ac:dyDescent="0.3">
      <c r="A69410" s="13" t="s">
        <v>362</v>
      </c>
      <c r="B69410" s="14" t="s">
        <v>1</v>
      </c>
      <c r="C69410" s="14" t="s">
        <v>63</v>
      </c>
      <c r="D69410" s="14" t="s">
        <v>14</v>
      </c>
      <c r="E69410" s="15">
        <v>45436</v>
      </c>
      <c r="F69410" s="14" t="s">
        <v>15</v>
      </c>
      <c r="G69410" s="16">
        <v>0.67513641044696704</v>
      </c>
    </row>
    <row r="69411" spans="1:7" x14ac:dyDescent="0.3">
      <c r="A69411" s="13" t="s">
        <v>362</v>
      </c>
      <c r="B69411" s="14" t="s">
        <v>1</v>
      </c>
      <c r="C69411" s="14" t="s">
        <v>63</v>
      </c>
      <c r="D69411" s="14" t="s">
        <v>14</v>
      </c>
      <c r="E69411" s="15">
        <v>45437</v>
      </c>
      <c r="F69411" s="14" t="s">
        <v>15</v>
      </c>
      <c r="G69411" s="16">
        <v>0.67513641044696704</v>
      </c>
    </row>
    <row r="69412" spans="1:7" x14ac:dyDescent="0.3">
      <c r="A69412" s="13" t="s">
        <v>362</v>
      </c>
      <c r="B69412" s="14" t="s">
        <v>1</v>
      </c>
      <c r="C69412" s="14" t="s">
        <v>63</v>
      </c>
      <c r="D69412" s="14" t="s">
        <v>14</v>
      </c>
      <c r="E69412" s="15">
        <v>45438</v>
      </c>
      <c r="F69412" s="14" t="s">
        <v>15</v>
      </c>
      <c r="G69412" s="16">
        <v>0.67513641044696704</v>
      </c>
    </row>
    <row r="69413" spans="1:7" x14ac:dyDescent="0.3">
      <c r="A69413" s="13" t="s">
        <v>362</v>
      </c>
      <c r="B69413" s="14" t="s">
        <v>1</v>
      </c>
      <c r="C69413" s="14" t="s">
        <v>63</v>
      </c>
      <c r="D69413" s="14" t="s">
        <v>14</v>
      </c>
      <c r="E69413" s="15">
        <v>45439</v>
      </c>
      <c r="F69413" s="14" t="s">
        <v>15</v>
      </c>
      <c r="G69413" s="16">
        <v>0.68559319851869294</v>
      </c>
    </row>
    <row r="69414" spans="1:7" x14ac:dyDescent="0.3">
      <c r="A69414" s="13" t="s">
        <v>362</v>
      </c>
      <c r="B69414" s="14" t="s">
        <v>1</v>
      </c>
      <c r="C69414" s="14" t="s">
        <v>63</v>
      </c>
      <c r="D69414" s="14" t="s">
        <v>14</v>
      </c>
      <c r="E69414" s="15">
        <v>45440</v>
      </c>
      <c r="F69414" s="14" t="s">
        <v>15</v>
      </c>
      <c r="G69414" s="16">
        <v>0.71944532722909793</v>
      </c>
    </row>
    <row r="69415" spans="1:7" x14ac:dyDescent="0.3">
      <c r="A69415" s="13" t="s">
        <v>362</v>
      </c>
      <c r="B69415" s="14" t="s">
        <v>1</v>
      </c>
      <c r="C69415" s="14" t="s">
        <v>63</v>
      </c>
      <c r="D69415" s="14" t="s">
        <v>14</v>
      </c>
      <c r="E69415" s="15">
        <v>45441</v>
      </c>
      <c r="F69415" s="14" t="s">
        <v>15</v>
      </c>
      <c r="G69415" s="16">
        <v>0.73164253070668173</v>
      </c>
    </row>
    <row r="69416" spans="1:7" x14ac:dyDescent="0.3">
      <c r="A69416" s="13" t="s">
        <v>362</v>
      </c>
      <c r="B69416" s="14" t="s">
        <v>1</v>
      </c>
      <c r="C69416" s="14" t="s">
        <v>63</v>
      </c>
      <c r="D69416" s="14" t="s">
        <v>14</v>
      </c>
      <c r="E69416" s="15">
        <v>45442</v>
      </c>
      <c r="F69416" s="14" t="s">
        <v>15</v>
      </c>
      <c r="G69416" s="16">
        <v>0.74590383712500996</v>
      </c>
    </row>
    <row r="69417" spans="1:7" x14ac:dyDescent="0.3">
      <c r="A69417" s="13" t="s">
        <v>362</v>
      </c>
      <c r="B69417" s="14" t="s">
        <v>1</v>
      </c>
      <c r="C69417" s="14" t="s">
        <v>63</v>
      </c>
      <c r="D69417" s="14" t="s">
        <v>14</v>
      </c>
      <c r="E69417" s="15">
        <v>45443</v>
      </c>
      <c r="F69417" s="14" t="s">
        <v>15</v>
      </c>
      <c r="G69417" s="16">
        <v>0.75746659188200871</v>
      </c>
    </row>
    <row r="69418" spans="1:7" x14ac:dyDescent="0.3">
      <c r="A69418" s="13" t="s">
        <v>362</v>
      </c>
      <c r="B69418" s="14" t="s">
        <v>1</v>
      </c>
      <c r="C69418" s="14" t="s">
        <v>63</v>
      </c>
      <c r="D69418" s="14" t="s">
        <v>14</v>
      </c>
      <c r="E69418" s="15">
        <v>45444</v>
      </c>
      <c r="F69418" s="14" t="s">
        <v>15</v>
      </c>
      <c r="G69418" s="16">
        <v>0.75746659188200871</v>
      </c>
    </row>
    <row r="69419" spans="1:7" x14ac:dyDescent="0.3">
      <c r="A69419" s="13" t="s">
        <v>362</v>
      </c>
      <c r="B69419" s="14" t="s">
        <v>1</v>
      </c>
      <c r="C69419" s="14" t="s">
        <v>63</v>
      </c>
      <c r="D69419" s="14" t="s">
        <v>14</v>
      </c>
      <c r="E69419" s="15">
        <v>45445</v>
      </c>
      <c r="F69419" s="14" t="s">
        <v>15</v>
      </c>
      <c r="G69419" s="16">
        <v>0.75746659188200871</v>
      </c>
    </row>
    <row r="69420" spans="1:7" x14ac:dyDescent="0.3">
      <c r="A69420" s="13" t="s">
        <v>362</v>
      </c>
      <c r="B69420" s="14" t="s">
        <v>1</v>
      </c>
      <c r="C69420" s="14" t="s">
        <v>63</v>
      </c>
      <c r="D69420" s="14" t="s">
        <v>14</v>
      </c>
      <c r="E69420" s="15">
        <v>45446</v>
      </c>
      <c r="F69420" s="14" t="s">
        <v>15</v>
      </c>
      <c r="G69420" s="16">
        <v>0.75746659188200871</v>
      </c>
    </row>
    <row r="69421" spans="1:7" x14ac:dyDescent="0.3">
      <c r="A69421" s="13" t="s">
        <v>362</v>
      </c>
      <c r="B69421" s="14" t="s">
        <v>1</v>
      </c>
      <c r="C69421" s="14" t="s">
        <v>63</v>
      </c>
      <c r="D69421" s="14" t="s">
        <v>14</v>
      </c>
      <c r="E69421" s="15">
        <v>45447</v>
      </c>
      <c r="F69421" s="14" t="s">
        <v>15</v>
      </c>
      <c r="G69421" s="16">
        <v>0.76929357296763035</v>
      </c>
    </row>
    <row r="69422" spans="1:7" x14ac:dyDescent="0.3">
      <c r="A69422" s="13" t="s">
        <v>362</v>
      </c>
      <c r="B69422" s="14" t="s">
        <v>1</v>
      </c>
      <c r="C69422" s="14" t="s">
        <v>63</v>
      </c>
      <c r="D69422" s="14" t="s">
        <v>14</v>
      </c>
      <c r="E69422" s="15">
        <v>45448</v>
      </c>
      <c r="F69422" s="14" t="s">
        <v>15</v>
      </c>
      <c r="G69422" s="16">
        <v>0.80823192630273066</v>
      </c>
    </row>
    <row r="69423" spans="1:7" x14ac:dyDescent="0.3">
      <c r="A69423" s="13" t="s">
        <v>362</v>
      </c>
      <c r="B69423" s="14" t="s">
        <v>1</v>
      </c>
      <c r="C69423" s="14" t="s">
        <v>63</v>
      </c>
      <c r="D69423" s="14" t="s">
        <v>14</v>
      </c>
      <c r="E69423" s="15">
        <v>45449</v>
      </c>
      <c r="F69423" s="14" t="s">
        <v>15</v>
      </c>
      <c r="G69423" s="16">
        <v>0.81988105257475619</v>
      </c>
    </row>
    <row r="69424" spans="1:7" x14ac:dyDescent="0.3">
      <c r="A69424" s="13" t="s">
        <v>362</v>
      </c>
      <c r="B69424" s="14" t="s">
        <v>1</v>
      </c>
      <c r="C69424" s="14" t="s">
        <v>63</v>
      </c>
      <c r="D69424" s="14" t="s">
        <v>14</v>
      </c>
      <c r="E69424" s="15">
        <v>45450</v>
      </c>
      <c r="F69424" s="14" t="s">
        <v>15</v>
      </c>
      <c r="G69424" s="16">
        <v>0.83175740662358977</v>
      </c>
    </row>
    <row r="69425" spans="1:7" x14ac:dyDescent="0.3">
      <c r="A69425" s="13" t="s">
        <v>362</v>
      </c>
      <c r="B69425" s="14" t="s">
        <v>1</v>
      </c>
      <c r="C69425" s="14" t="s">
        <v>63</v>
      </c>
      <c r="D69425" s="14" t="s">
        <v>14</v>
      </c>
      <c r="E69425" s="15">
        <v>45451</v>
      </c>
      <c r="F69425" s="14" t="s">
        <v>15</v>
      </c>
      <c r="G69425" s="16">
        <v>0.83175740662358977</v>
      </c>
    </row>
    <row r="69426" spans="1:7" x14ac:dyDescent="0.3">
      <c r="A69426" s="13" t="s">
        <v>362</v>
      </c>
      <c r="B69426" s="14" t="s">
        <v>1</v>
      </c>
      <c r="C69426" s="14" t="s">
        <v>63</v>
      </c>
      <c r="D69426" s="14" t="s">
        <v>14</v>
      </c>
      <c r="E69426" s="15">
        <v>45452</v>
      </c>
      <c r="F69426" s="14" t="s">
        <v>15</v>
      </c>
      <c r="G69426" s="16">
        <v>0.83175740662358977</v>
      </c>
    </row>
    <row r="69427" spans="1:7" x14ac:dyDescent="0.3">
      <c r="A69427" s="13" t="s">
        <v>362</v>
      </c>
      <c r="B69427" s="14" t="s">
        <v>1</v>
      </c>
      <c r="C69427" s="14" t="s">
        <v>63</v>
      </c>
      <c r="D69427" s="14" t="s">
        <v>14</v>
      </c>
      <c r="E69427" s="15">
        <v>45453</v>
      </c>
      <c r="F69427" s="14" t="s">
        <v>15</v>
      </c>
      <c r="G69427" s="16">
        <v>0.83175740662358977</v>
      </c>
    </row>
    <row r="69428" spans="1:7" x14ac:dyDescent="0.3">
      <c r="A69428" s="13" t="s">
        <v>362</v>
      </c>
      <c r="B69428" s="14" t="s">
        <v>1</v>
      </c>
      <c r="C69428" s="14" t="s">
        <v>63</v>
      </c>
      <c r="D69428" s="14" t="s">
        <v>14</v>
      </c>
      <c r="E69428" s="15">
        <v>45454</v>
      </c>
      <c r="F69428" s="14" t="s">
        <v>15</v>
      </c>
      <c r="G69428" s="16">
        <v>0.85418085253796838</v>
      </c>
    </row>
    <row r="69429" spans="1:7" x14ac:dyDescent="0.3">
      <c r="A69429" s="13" t="s">
        <v>362</v>
      </c>
      <c r="B69429" s="14" t="s">
        <v>1</v>
      </c>
      <c r="C69429" s="14" t="s">
        <v>63</v>
      </c>
      <c r="D69429" s="14" t="s">
        <v>14</v>
      </c>
      <c r="E69429" s="15">
        <v>45455</v>
      </c>
      <c r="F69429" s="14" t="s">
        <v>15</v>
      </c>
      <c r="G69429" s="16">
        <v>0.90201827295230252</v>
      </c>
    </row>
    <row r="69430" spans="1:7" x14ac:dyDescent="0.3">
      <c r="A69430" s="13" t="s">
        <v>362</v>
      </c>
      <c r="B69430" s="14" t="s">
        <v>1</v>
      </c>
      <c r="C69430" s="14" t="s">
        <v>63</v>
      </c>
      <c r="D69430" s="14" t="s">
        <v>14</v>
      </c>
      <c r="E69430" s="15">
        <v>45456</v>
      </c>
      <c r="F69430" s="14" t="s">
        <v>15</v>
      </c>
      <c r="G69430" s="16">
        <v>0.92068978711486049</v>
      </c>
    </row>
    <row r="69431" spans="1:7" x14ac:dyDescent="0.3">
      <c r="A69431" s="13" t="s">
        <v>362</v>
      </c>
      <c r="B69431" s="14" t="s">
        <v>1</v>
      </c>
      <c r="C69431" s="14" t="s">
        <v>63</v>
      </c>
      <c r="D69431" s="14" t="s">
        <v>14</v>
      </c>
      <c r="E69431" s="15">
        <v>45457</v>
      </c>
      <c r="F69431" s="14" t="s">
        <v>15</v>
      </c>
      <c r="G69431" s="16">
        <v>0.93297615401522993</v>
      </c>
    </row>
    <row r="69432" spans="1:7" x14ac:dyDescent="0.3">
      <c r="A69432" s="13" t="s">
        <v>362</v>
      </c>
      <c r="B69432" s="14" t="s">
        <v>1</v>
      </c>
      <c r="C69432" s="14" t="s">
        <v>63</v>
      </c>
      <c r="D69432" s="14" t="s">
        <v>14</v>
      </c>
      <c r="E69432" s="15">
        <v>45458</v>
      </c>
      <c r="F69432" s="14" t="s">
        <v>15</v>
      </c>
      <c r="G69432" s="16">
        <v>0.93297615401522993</v>
      </c>
    </row>
    <row r="69433" spans="1:7" x14ac:dyDescent="0.3">
      <c r="A69433" s="13" t="s">
        <v>362</v>
      </c>
      <c r="B69433" s="14" t="s">
        <v>1</v>
      </c>
      <c r="C69433" s="14" t="s">
        <v>63</v>
      </c>
      <c r="D69433" s="14" t="s">
        <v>14</v>
      </c>
      <c r="E69433" s="15">
        <v>45459</v>
      </c>
      <c r="F69433" s="14" t="s">
        <v>15</v>
      </c>
      <c r="G69433" s="16">
        <v>0.93297615401522993</v>
      </c>
    </row>
    <row r="69434" spans="1:7" x14ac:dyDescent="0.3">
      <c r="A69434" s="13" t="s">
        <v>362</v>
      </c>
      <c r="B69434" s="14" t="s">
        <v>1</v>
      </c>
      <c r="C69434" s="14" t="s">
        <v>63</v>
      </c>
      <c r="D69434" s="14" t="s">
        <v>14</v>
      </c>
      <c r="E69434" s="15">
        <v>45460</v>
      </c>
      <c r="F69434" s="14" t="s">
        <v>15</v>
      </c>
      <c r="G69434" s="16">
        <v>0.93297615401522993</v>
      </c>
    </row>
    <row r="69435" spans="1:7" x14ac:dyDescent="0.3">
      <c r="A69435" s="13" t="s">
        <v>362</v>
      </c>
      <c r="B69435" s="14" t="s">
        <v>1</v>
      </c>
      <c r="C69435" s="14" t="s">
        <v>63</v>
      </c>
      <c r="D69435" s="14" t="s">
        <v>14</v>
      </c>
      <c r="E69435" s="15">
        <v>45461</v>
      </c>
      <c r="F69435" s="14" t="s">
        <v>15</v>
      </c>
      <c r="G69435" s="16">
        <v>0.94470766170472464</v>
      </c>
    </row>
    <row r="69436" spans="1:7" x14ac:dyDescent="0.3">
      <c r="A69436" s="13" t="s">
        <v>362</v>
      </c>
      <c r="B69436" s="14" t="s">
        <v>1</v>
      </c>
      <c r="C69436" s="14" t="s">
        <v>63</v>
      </c>
      <c r="D69436" s="14" t="s">
        <v>14</v>
      </c>
      <c r="E69436" s="15">
        <v>45462</v>
      </c>
      <c r="F69436" s="14" t="s">
        <v>15</v>
      </c>
      <c r="G69436" s="16">
        <v>0.99162344573517314</v>
      </c>
    </row>
    <row r="69437" spans="1:7" x14ac:dyDescent="0.3">
      <c r="A69437" s="13" t="s">
        <v>362</v>
      </c>
      <c r="B69437" s="14" t="s">
        <v>1</v>
      </c>
      <c r="C69437" s="14" t="s">
        <v>63</v>
      </c>
      <c r="D69437" s="14" t="s">
        <v>14</v>
      </c>
      <c r="E69437" s="15">
        <v>45463</v>
      </c>
      <c r="F69437" s="14" t="s">
        <v>15</v>
      </c>
      <c r="G69437" s="16">
        <v>1.0033586018784884</v>
      </c>
    </row>
    <row r="69438" spans="1:7" x14ac:dyDescent="0.3">
      <c r="A69438" s="13" t="s">
        <v>362</v>
      </c>
      <c r="B69438" s="14" t="s">
        <v>1</v>
      </c>
      <c r="C69438" s="14" t="s">
        <v>63</v>
      </c>
      <c r="D69438" s="14" t="s">
        <v>14</v>
      </c>
      <c r="E69438" s="15">
        <v>45464</v>
      </c>
      <c r="F69438" s="14" t="s">
        <v>15</v>
      </c>
      <c r="G69438" s="16">
        <v>1.0164204417538187</v>
      </c>
    </row>
    <row r="69439" spans="1:7" x14ac:dyDescent="0.3">
      <c r="A69439" s="13" t="s">
        <v>362</v>
      </c>
      <c r="B69439" s="14" t="s">
        <v>1</v>
      </c>
      <c r="C69439" s="14" t="s">
        <v>63</v>
      </c>
      <c r="D69439" s="14" t="s">
        <v>14</v>
      </c>
      <c r="E69439" s="15">
        <v>45465</v>
      </c>
      <c r="F69439" s="14" t="s">
        <v>15</v>
      </c>
      <c r="G69439" s="16">
        <v>1.0164204417538187</v>
      </c>
    </row>
    <row r="69440" spans="1:7" x14ac:dyDescent="0.3">
      <c r="A69440" s="13" t="s">
        <v>362</v>
      </c>
      <c r="B69440" s="14" t="s">
        <v>1</v>
      </c>
      <c r="C69440" s="14" t="s">
        <v>63</v>
      </c>
      <c r="D69440" s="14" t="s">
        <v>14</v>
      </c>
      <c r="E69440" s="15">
        <v>45466</v>
      </c>
      <c r="F69440" s="14" t="s">
        <v>15</v>
      </c>
      <c r="G69440" s="16">
        <v>1.0164204417538187</v>
      </c>
    </row>
    <row r="69441" spans="1:7" x14ac:dyDescent="0.3">
      <c r="A69441" s="13" t="s">
        <v>362</v>
      </c>
      <c r="B69441" s="14" t="s">
        <v>1</v>
      </c>
      <c r="C69441" s="14" t="s">
        <v>63</v>
      </c>
      <c r="D69441" s="14" t="s">
        <v>14</v>
      </c>
      <c r="E69441" s="15">
        <v>45467</v>
      </c>
      <c r="F69441" s="14" t="s">
        <v>15</v>
      </c>
      <c r="G69441" s="16">
        <v>1.0297348487871802</v>
      </c>
    </row>
    <row r="69442" spans="1:7" x14ac:dyDescent="0.3">
      <c r="A69442" s="13" t="s">
        <v>362</v>
      </c>
      <c r="B69442" s="14" t="s">
        <v>1</v>
      </c>
      <c r="C69442" s="14" t="s">
        <v>63</v>
      </c>
      <c r="D69442" s="14" t="s">
        <v>14</v>
      </c>
      <c r="E69442" s="15">
        <v>45468</v>
      </c>
      <c r="F69442" s="14" t="s">
        <v>15</v>
      </c>
      <c r="G69442" s="16">
        <v>1.0675773989340849</v>
      </c>
    </row>
    <row r="69443" spans="1:7" x14ac:dyDescent="0.3">
      <c r="A69443" s="13" t="s">
        <v>362</v>
      </c>
      <c r="B69443" s="14" t="s">
        <v>1</v>
      </c>
      <c r="C69443" s="14" t="s">
        <v>63</v>
      </c>
      <c r="D69443" s="14" t="s">
        <v>14</v>
      </c>
      <c r="E69443" s="15">
        <v>45469</v>
      </c>
      <c r="F69443" s="14" t="s">
        <v>15</v>
      </c>
      <c r="G69443" s="16">
        <v>1.0795722426049843</v>
      </c>
    </row>
    <row r="69444" spans="1:7" x14ac:dyDescent="0.3">
      <c r="A69444" s="13" t="s">
        <v>362</v>
      </c>
      <c r="B69444" s="14" t="s">
        <v>1</v>
      </c>
      <c r="C69444" s="14" t="s">
        <v>63</v>
      </c>
      <c r="D69444" s="14" t="s">
        <v>14</v>
      </c>
      <c r="E69444" s="15">
        <v>45470</v>
      </c>
      <c r="F69444" s="14" t="s">
        <v>15</v>
      </c>
      <c r="G69444" s="16">
        <v>1.0914592803500884</v>
      </c>
    </row>
    <row r="69445" spans="1:7" x14ac:dyDescent="0.3">
      <c r="A69445" s="13" t="s">
        <v>362</v>
      </c>
      <c r="B69445" s="14" t="s">
        <v>1</v>
      </c>
      <c r="C69445" s="14" t="s">
        <v>63</v>
      </c>
      <c r="D69445" s="14" t="s">
        <v>14</v>
      </c>
      <c r="E69445" s="15">
        <v>45471</v>
      </c>
      <c r="F69445" s="14" t="s">
        <v>15</v>
      </c>
      <c r="G69445" s="16">
        <v>1.103264463268347</v>
      </c>
    </row>
    <row r="69446" spans="1:7" x14ac:dyDescent="0.3">
      <c r="A69446" s="13" t="s">
        <v>362</v>
      </c>
      <c r="B69446" s="14" t="s">
        <v>1</v>
      </c>
      <c r="C69446" s="14" t="s">
        <v>63</v>
      </c>
      <c r="D69446" s="14" t="s">
        <v>14</v>
      </c>
      <c r="E69446" s="15">
        <v>45472</v>
      </c>
      <c r="F69446" s="14" t="s">
        <v>15</v>
      </c>
      <c r="G69446" s="16">
        <v>1.103264463268347</v>
      </c>
    </row>
    <row r="69447" spans="1:7" x14ac:dyDescent="0.3">
      <c r="A69447" s="13" t="s">
        <v>362</v>
      </c>
      <c r="B69447" s="14" t="s">
        <v>1</v>
      </c>
      <c r="C69447" s="14" t="s">
        <v>63</v>
      </c>
      <c r="D69447" s="14" t="s">
        <v>14</v>
      </c>
      <c r="E69447" s="15">
        <v>45473</v>
      </c>
      <c r="F69447" s="14" t="s">
        <v>15</v>
      </c>
      <c r="G69447" s="16">
        <v>1.103264463268347</v>
      </c>
    </row>
    <row r="69448" spans="1:7" x14ac:dyDescent="0.3">
      <c r="A69448" s="13" t="s">
        <v>362</v>
      </c>
      <c r="B69448" s="14" t="s">
        <v>1</v>
      </c>
      <c r="C69448" s="14" t="s">
        <v>63</v>
      </c>
      <c r="D69448" s="14" t="s">
        <v>14</v>
      </c>
      <c r="E69448" s="15">
        <v>45474</v>
      </c>
      <c r="F69448" s="14" t="s">
        <v>15</v>
      </c>
      <c r="G69448" s="16">
        <v>1.103264463268347</v>
      </c>
    </row>
    <row r="69449" spans="1:7" x14ac:dyDescent="0.3">
      <c r="A69449" s="13" t="s">
        <v>362</v>
      </c>
      <c r="B69449" s="14" t="s">
        <v>1</v>
      </c>
      <c r="C69449" s="14" t="s">
        <v>63</v>
      </c>
      <c r="D69449" s="14" t="s">
        <v>14</v>
      </c>
      <c r="E69449" s="15">
        <v>45475</v>
      </c>
      <c r="F69449" s="14" t="s">
        <v>15</v>
      </c>
      <c r="G69449" s="16">
        <v>1.1150725884880739</v>
      </c>
    </row>
    <row r="69450" spans="1:7" x14ac:dyDescent="0.3">
      <c r="A69450" s="13" t="s">
        <v>362</v>
      </c>
      <c r="B69450" s="14" t="s">
        <v>1</v>
      </c>
      <c r="C69450" s="14" t="s">
        <v>63</v>
      </c>
      <c r="D69450" s="14" t="s">
        <v>14</v>
      </c>
      <c r="E69450" s="15">
        <v>45476</v>
      </c>
      <c r="F69450" s="14" t="s">
        <v>15</v>
      </c>
      <c r="G69450" s="16">
        <v>1.1635696830195965</v>
      </c>
    </row>
    <row r="69451" spans="1:7" x14ac:dyDescent="0.3">
      <c r="A69451" s="13" t="s">
        <v>362</v>
      </c>
      <c r="B69451" s="14" t="s">
        <v>1</v>
      </c>
      <c r="C69451" s="14" t="s">
        <v>63</v>
      </c>
      <c r="D69451" s="14" t="s">
        <v>14</v>
      </c>
      <c r="E69451" s="15">
        <v>45477</v>
      </c>
      <c r="F69451" s="14" t="s">
        <v>15</v>
      </c>
      <c r="G69451" s="16">
        <v>1.1754420092573596</v>
      </c>
    </row>
    <row r="69452" spans="1:7" x14ac:dyDescent="0.3">
      <c r="A69452" s="13" t="s">
        <v>362</v>
      </c>
      <c r="B69452" s="14" t="s">
        <v>1</v>
      </c>
      <c r="C69452" s="14" t="s">
        <v>63</v>
      </c>
      <c r="D69452" s="14" t="s">
        <v>14</v>
      </c>
      <c r="E69452" s="15">
        <v>45478</v>
      </c>
      <c r="F69452" s="14" t="s">
        <v>15</v>
      </c>
      <c r="G69452" s="16">
        <v>1.1880472179837829</v>
      </c>
    </row>
    <row r="69453" spans="1:7" x14ac:dyDescent="0.3">
      <c r="A69453" s="13" t="s">
        <v>362</v>
      </c>
      <c r="B69453" s="14" t="s">
        <v>1</v>
      </c>
      <c r="C69453" s="14" t="s">
        <v>63</v>
      </c>
      <c r="D69453" s="14" t="s">
        <v>14</v>
      </c>
      <c r="E69453" s="15">
        <v>45479</v>
      </c>
      <c r="F69453" s="14" t="s">
        <v>15</v>
      </c>
      <c r="G69453" s="16">
        <v>1.1880472179837829</v>
      </c>
    </row>
    <row r="69454" spans="1:7" x14ac:dyDescent="0.3">
      <c r="A69454" s="13" t="s">
        <v>362</v>
      </c>
      <c r="B69454" s="14" t="s">
        <v>1</v>
      </c>
      <c r="C69454" s="14" t="s">
        <v>63</v>
      </c>
      <c r="D69454" s="14" t="s">
        <v>14</v>
      </c>
      <c r="E69454" s="15">
        <v>45480</v>
      </c>
      <c r="F69454" s="14" t="s">
        <v>15</v>
      </c>
      <c r="G69454" s="16">
        <v>1.1880472179837829</v>
      </c>
    </row>
    <row r="69455" spans="1:7" x14ac:dyDescent="0.3">
      <c r="A69455" s="13" t="s">
        <v>362</v>
      </c>
      <c r="B69455" s="14" t="s">
        <v>1</v>
      </c>
      <c r="C69455" s="14" t="s">
        <v>63</v>
      </c>
      <c r="D69455" s="14" t="s">
        <v>14</v>
      </c>
      <c r="E69455" s="15">
        <v>45481</v>
      </c>
      <c r="F69455" s="14" t="s">
        <v>15</v>
      </c>
      <c r="G69455" s="16">
        <v>1.2003893324195236</v>
      </c>
    </row>
    <row r="69456" spans="1:7" x14ac:dyDescent="0.3">
      <c r="A69456" s="13" t="s">
        <v>362</v>
      </c>
      <c r="B69456" s="14" t="s">
        <v>1</v>
      </c>
      <c r="C69456" s="14" t="s">
        <v>63</v>
      </c>
      <c r="D69456" s="14" t="s">
        <v>14</v>
      </c>
      <c r="E69456" s="15">
        <v>45482</v>
      </c>
      <c r="F69456" s="14" t="s">
        <v>15</v>
      </c>
      <c r="G69456" s="16">
        <v>1.2354575941715609</v>
      </c>
    </row>
    <row r="69457" spans="1:7" x14ac:dyDescent="0.3">
      <c r="A69457" s="13" t="s">
        <v>362</v>
      </c>
      <c r="B69457" s="14" t="s">
        <v>1</v>
      </c>
      <c r="C69457" s="14" t="s">
        <v>63</v>
      </c>
      <c r="D69457" s="14" t="s">
        <v>14</v>
      </c>
      <c r="E69457" s="15">
        <v>45483</v>
      </c>
      <c r="F69457" s="14" t="s">
        <v>15</v>
      </c>
      <c r="G69457" s="16">
        <v>1.2511467773136415</v>
      </c>
    </row>
    <row r="69458" spans="1:7" x14ac:dyDescent="0.3">
      <c r="A69458" s="13" t="s">
        <v>362</v>
      </c>
      <c r="B69458" s="14" t="s">
        <v>1</v>
      </c>
      <c r="C69458" s="14" t="s">
        <v>63</v>
      </c>
      <c r="D69458" s="14" t="s">
        <v>14</v>
      </c>
      <c r="E69458" s="15">
        <v>45484</v>
      </c>
      <c r="F69458" s="14" t="s">
        <v>15</v>
      </c>
      <c r="G69458" s="16">
        <v>1.2627538429681755</v>
      </c>
    </row>
    <row r="69459" spans="1:7" x14ac:dyDescent="0.3">
      <c r="A69459" s="13" t="s">
        <v>362</v>
      </c>
      <c r="B69459" s="14" t="s">
        <v>1</v>
      </c>
      <c r="C69459" s="14" t="s">
        <v>63</v>
      </c>
      <c r="D69459" s="14" t="s">
        <v>14</v>
      </c>
      <c r="E69459" s="15">
        <v>45485</v>
      </c>
      <c r="F69459" s="14" t="s">
        <v>15</v>
      </c>
      <c r="G69459" s="16">
        <v>1.276575486982128</v>
      </c>
    </row>
    <row r="69460" spans="1:7" x14ac:dyDescent="0.3">
      <c r="A69460" s="13" t="s">
        <v>362</v>
      </c>
      <c r="B69460" s="14" t="s">
        <v>1</v>
      </c>
      <c r="C69460" s="14" t="s">
        <v>63</v>
      </c>
      <c r="D69460" s="14" t="s">
        <v>14</v>
      </c>
      <c r="E69460" s="15">
        <v>45486</v>
      </c>
      <c r="F69460" s="14" t="s">
        <v>15</v>
      </c>
      <c r="G69460" s="16">
        <v>1.276575486982128</v>
      </c>
    </row>
    <row r="69461" spans="1:7" x14ac:dyDescent="0.3">
      <c r="A69461" s="13" t="s">
        <v>362</v>
      </c>
      <c r="B69461" s="14" t="s">
        <v>1</v>
      </c>
      <c r="C69461" s="14" t="s">
        <v>63</v>
      </c>
      <c r="D69461" s="14" t="s">
        <v>14</v>
      </c>
      <c r="E69461" s="15">
        <v>45487</v>
      </c>
      <c r="F69461" s="14" t="s">
        <v>15</v>
      </c>
      <c r="G69461" s="16">
        <v>1.276575486982128</v>
      </c>
    </row>
    <row r="69462" spans="1:7" x14ac:dyDescent="0.3">
      <c r="A69462" s="13" t="s">
        <v>362</v>
      </c>
      <c r="B69462" s="14" t="s">
        <v>1</v>
      </c>
      <c r="C69462" s="14" t="s">
        <v>63</v>
      </c>
      <c r="D69462" s="14" t="s">
        <v>14</v>
      </c>
      <c r="E69462" s="15">
        <v>45488</v>
      </c>
      <c r="F69462" s="14" t="s">
        <v>15</v>
      </c>
      <c r="G69462" s="16">
        <v>1.288193694205324</v>
      </c>
    </row>
    <row r="69463" spans="1:7" x14ac:dyDescent="0.3">
      <c r="A69463" s="13" t="s">
        <v>362</v>
      </c>
      <c r="B69463" s="14" t="s">
        <v>1</v>
      </c>
      <c r="C69463" s="14" t="s">
        <v>63</v>
      </c>
      <c r="D69463" s="14" t="s">
        <v>14</v>
      </c>
      <c r="E69463" s="15">
        <v>45489</v>
      </c>
      <c r="F69463" s="14" t="s">
        <v>15</v>
      </c>
      <c r="G69463" s="16">
        <v>1.3230198479018302</v>
      </c>
    </row>
    <row r="69464" spans="1:7" x14ac:dyDescent="0.3">
      <c r="A69464" s="13" t="s">
        <v>362</v>
      </c>
      <c r="B69464" s="14" t="s">
        <v>1</v>
      </c>
      <c r="C69464" s="14" t="s">
        <v>63</v>
      </c>
      <c r="D69464" s="14" t="s">
        <v>14</v>
      </c>
      <c r="E69464" s="15">
        <v>45490</v>
      </c>
      <c r="F69464" s="14" t="s">
        <v>15</v>
      </c>
      <c r="G69464" s="16">
        <v>1.3368758598233492</v>
      </c>
    </row>
    <row r="69465" spans="1:7" x14ac:dyDescent="0.3">
      <c r="A69465" s="13" t="s">
        <v>362</v>
      </c>
      <c r="B69465" s="14" t="s">
        <v>1</v>
      </c>
      <c r="C69465" s="14" t="s">
        <v>63</v>
      </c>
      <c r="D69465" s="14" t="s">
        <v>14</v>
      </c>
      <c r="E69465" s="15">
        <v>45491</v>
      </c>
      <c r="F69465" s="14" t="s">
        <v>15</v>
      </c>
      <c r="G69465" s="16">
        <v>1.3491581988589658</v>
      </c>
    </row>
    <row r="69466" spans="1:7" x14ac:dyDescent="0.3">
      <c r="A69466" s="13" t="s">
        <v>362</v>
      </c>
      <c r="B69466" s="14" t="s">
        <v>1</v>
      </c>
      <c r="C69466" s="14" t="s">
        <v>63</v>
      </c>
      <c r="D69466" s="14" t="s">
        <v>14</v>
      </c>
      <c r="E69466" s="15">
        <v>45492</v>
      </c>
      <c r="F69466" s="14" t="s">
        <v>15</v>
      </c>
      <c r="G69466" s="16">
        <v>1.3623960010949834</v>
      </c>
    </row>
    <row r="69467" spans="1:7" x14ac:dyDescent="0.3">
      <c r="A69467" s="13" t="s">
        <v>362</v>
      </c>
      <c r="B69467" s="14" t="s">
        <v>1</v>
      </c>
      <c r="C69467" s="14" t="s">
        <v>63</v>
      </c>
      <c r="D69467" s="14" t="s">
        <v>14</v>
      </c>
      <c r="E69467" s="15">
        <v>45493</v>
      </c>
      <c r="F69467" s="14" t="s">
        <v>15</v>
      </c>
      <c r="G69467" s="16">
        <v>1.3623960010949834</v>
      </c>
    </row>
    <row r="69468" spans="1:7" x14ac:dyDescent="0.3">
      <c r="A69468" s="13" t="s">
        <v>362</v>
      </c>
      <c r="B69468" s="14" t="s">
        <v>1</v>
      </c>
      <c r="C69468" s="14" t="s">
        <v>63</v>
      </c>
      <c r="D69468" s="14" t="s">
        <v>14</v>
      </c>
      <c r="E69468" s="15">
        <v>45494</v>
      </c>
      <c r="F69468" s="14" t="s">
        <v>15</v>
      </c>
      <c r="G69468" s="16">
        <v>1.3623960010949834</v>
      </c>
    </row>
    <row r="69469" spans="1:7" x14ac:dyDescent="0.3">
      <c r="A69469" s="13" t="s">
        <v>362</v>
      </c>
      <c r="B69469" s="14" t="s">
        <v>1</v>
      </c>
      <c r="C69469" s="14" t="s">
        <v>63</v>
      </c>
      <c r="D69469" s="14" t="s">
        <v>14</v>
      </c>
      <c r="E69469" s="15">
        <v>45495</v>
      </c>
      <c r="F69469" s="14" t="s">
        <v>15</v>
      </c>
      <c r="G69469" s="16">
        <v>1.3741296326115151</v>
      </c>
    </row>
    <row r="69470" spans="1:7" x14ac:dyDescent="0.3">
      <c r="A69470" s="13" t="s">
        <v>362</v>
      </c>
      <c r="B69470" s="14" t="s">
        <v>1</v>
      </c>
      <c r="C69470" s="14" t="s">
        <v>63</v>
      </c>
      <c r="D69470" s="14" t="s">
        <v>14</v>
      </c>
      <c r="E69470" s="15">
        <v>45496</v>
      </c>
      <c r="F69470" s="14" t="s">
        <v>15</v>
      </c>
      <c r="G69470" s="16">
        <v>1.4093364860456934</v>
      </c>
    </row>
    <row r="69471" spans="1:7" x14ac:dyDescent="0.3">
      <c r="A69471" s="13" t="s">
        <v>362</v>
      </c>
      <c r="B69471" s="14" t="s">
        <v>1</v>
      </c>
      <c r="C69471" s="14" t="s">
        <v>63</v>
      </c>
      <c r="D69471" s="14" t="s">
        <v>14</v>
      </c>
      <c r="E69471" s="15">
        <v>45497</v>
      </c>
      <c r="F69471" s="14" t="s">
        <v>15</v>
      </c>
      <c r="G69471" s="16">
        <v>1.4214100827816667</v>
      </c>
    </row>
    <row r="69472" spans="1:7" x14ac:dyDescent="0.3">
      <c r="A69472" s="13" t="s">
        <v>362</v>
      </c>
      <c r="B69472" s="14" t="s">
        <v>1</v>
      </c>
      <c r="C69472" s="14" t="s">
        <v>63</v>
      </c>
      <c r="D69472" s="14" t="s">
        <v>14</v>
      </c>
      <c r="E69472" s="15">
        <v>45498</v>
      </c>
      <c r="F69472" s="14" t="s">
        <v>15</v>
      </c>
      <c r="G69472" s="16">
        <v>1.4326413415567241</v>
      </c>
    </row>
    <row r="69473" spans="1:7" x14ac:dyDescent="0.3">
      <c r="A69473" s="13" t="s">
        <v>362</v>
      </c>
      <c r="B69473" s="14" t="s">
        <v>1</v>
      </c>
      <c r="C69473" s="14" t="s">
        <v>63</v>
      </c>
      <c r="D69473" s="14" t="s">
        <v>14</v>
      </c>
      <c r="E69473" s="15">
        <v>45499</v>
      </c>
      <c r="F69473" s="14" t="s">
        <v>15</v>
      </c>
      <c r="G69473" s="16">
        <v>1.4443171430263906</v>
      </c>
    </row>
    <row r="69474" spans="1:7" x14ac:dyDescent="0.3">
      <c r="A69474" s="13" t="s">
        <v>362</v>
      </c>
      <c r="B69474" s="14" t="s">
        <v>1</v>
      </c>
      <c r="C69474" s="14" t="s">
        <v>63</v>
      </c>
      <c r="D69474" s="14" t="s">
        <v>14</v>
      </c>
      <c r="E69474" s="15">
        <v>45500</v>
      </c>
      <c r="F69474" s="14" t="s">
        <v>15</v>
      </c>
      <c r="G69474" s="16">
        <v>1.4443171430263906</v>
      </c>
    </row>
    <row r="69475" spans="1:7" x14ac:dyDescent="0.3">
      <c r="A69475" s="13" t="s">
        <v>362</v>
      </c>
      <c r="B69475" s="14" t="s">
        <v>1</v>
      </c>
      <c r="C69475" s="14" t="s">
        <v>63</v>
      </c>
      <c r="D69475" s="14" t="s">
        <v>14</v>
      </c>
      <c r="E69475" s="15">
        <v>45501</v>
      </c>
      <c r="F69475" s="14" t="s">
        <v>15</v>
      </c>
      <c r="G69475" s="16">
        <v>1.4443171430263906</v>
      </c>
    </row>
    <row r="69476" spans="1:7" x14ac:dyDescent="0.3">
      <c r="A69476" s="13" t="s">
        <v>362</v>
      </c>
      <c r="B69476" s="14" t="s">
        <v>1</v>
      </c>
      <c r="C69476" s="14" t="s">
        <v>63</v>
      </c>
      <c r="D69476" s="14" t="s">
        <v>14</v>
      </c>
      <c r="E69476" s="15">
        <v>45502</v>
      </c>
      <c r="F69476" s="14" t="s">
        <v>15</v>
      </c>
      <c r="G69476" s="16">
        <v>1.456443618000935</v>
      </c>
    </row>
    <row r="69477" spans="1:7" x14ac:dyDescent="0.3">
      <c r="A69477" s="13" t="s">
        <v>362</v>
      </c>
      <c r="B69477" s="14" t="s">
        <v>1</v>
      </c>
      <c r="C69477" s="14" t="s">
        <v>63</v>
      </c>
      <c r="D69477" s="14" t="s">
        <v>14</v>
      </c>
      <c r="E69477" s="15">
        <v>45503</v>
      </c>
      <c r="F69477" s="14" t="s">
        <v>15</v>
      </c>
      <c r="G69477" s="16">
        <v>1.4919477567830663</v>
      </c>
    </row>
    <row r="69478" spans="1:7" x14ac:dyDescent="0.3">
      <c r="A69478" s="13" t="s">
        <v>362</v>
      </c>
      <c r="B69478" s="14" t="s">
        <v>1</v>
      </c>
      <c r="C69478" s="14" t="s">
        <v>63</v>
      </c>
      <c r="D69478" s="14" t="s">
        <v>14</v>
      </c>
      <c r="E69478" s="15">
        <v>45504</v>
      </c>
      <c r="F69478" s="14" t="s">
        <v>15</v>
      </c>
      <c r="G69478" s="16">
        <v>1.5051991175417945</v>
      </c>
    </row>
    <row r="69479" spans="1:7" x14ac:dyDescent="0.3">
      <c r="A69479" s="13" t="s">
        <v>362</v>
      </c>
      <c r="B69479" s="14" t="s">
        <v>1</v>
      </c>
      <c r="C69479" s="14" t="s">
        <v>63</v>
      </c>
      <c r="D69479" s="14" t="s">
        <v>14</v>
      </c>
      <c r="E69479" s="15">
        <v>45505</v>
      </c>
      <c r="F69479" s="14" t="s">
        <v>15</v>
      </c>
      <c r="G69479" s="16">
        <v>1.5051991175417945</v>
      </c>
    </row>
    <row r="69480" spans="1:7" x14ac:dyDescent="0.3">
      <c r="A69480" s="13" t="s">
        <v>362</v>
      </c>
      <c r="B69480" s="14" t="s">
        <v>1</v>
      </c>
      <c r="C69480" s="14" t="s">
        <v>63</v>
      </c>
      <c r="D69480" s="14" t="s">
        <v>14</v>
      </c>
      <c r="E69480" s="15">
        <v>45506</v>
      </c>
      <c r="F69480" s="14" t="s">
        <v>15</v>
      </c>
      <c r="G69480" s="16">
        <v>1.5292038605624378</v>
      </c>
    </row>
    <row r="69481" spans="1:7" x14ac:dyDescent="0.3">
      <c r="A69481" s="13" t="s">
        <v>362</v>
      </c>
      <c r="B69481" s="14" t="s">
        <v>1</v>
      </c>
      <c r="C69481" s="14" t="s">
        <v>63</v>
      </c>
      <c r="D69481" s="14" t="s">
        <v>14</v>
      </c>
      <c r="E69481" s="15">
        <v>45507</v>
      </c>
      <c r="F69481" s="14" t="s">
        <v>15</v>
      </c>
      <c r="G69481" s="16">
        <v>1.5292038605624378</v>
      </c>
    </row>
    <row r="69482" spans="1:7" x14ac:dyDescent="0.3">
      <c r="A69482" s="13" t="s">
        <v>362</v>
      </c>
      <c r="B69482" s="14" t="s">
        <v>1</v>
      </c>
      <c r="C69482" s="14" t="s">
        <v>63</v>
      </c>
      <c r="D69482" s="14" t="s">
        <v>14</v>
      </c>
      <c r="E69482" s="15">
        <v>45508</v>
      </c>
      <c r="F69482" s="14" t="s">
        <v>15</v>
      </c>
      <c r="G69482" s="16">
        <v>1.5292038605624378</v>
      </c>
    </row>
    <row r="69483" spans="1:7" x14ac:dyDescent="0.3">
      <c r="A69483" s="13" t="s">
        <v>362</v>
      </c>
      <c r="B69483" s="14" t="s">
        <v>1</v>
      </c>
      <c r="C69483" s="14" t="s">
        <v>63</v>
      </c>
      <c r="D69483" s="14" t="s">
        <v>14</v>
      </c>
      <c r="E69483" s="15">
        <v>45509</v>
      </c>
      <c r="F69483" s="14" t="s">
        <v>15</v>
      </c>
      <c r="G69483" s="16">
        <v>1.5292038605624378</v>
      </c>
    </row>
    <row r="69484" spans="1:7" x14ac:dyDescent="0.3">
      <c r="A69484" s="13" t="s">
        <v>362</v>
      </c>
      <c r="B69484" s="14" t="s">
        <v>1</v>
      </c>
      <c r="C69484" s="14" t="s">
        <v>63</v>
      </c>
      <c r="D69484" s="14" t="s">
        <v>14</v>
      </c>
      <c r="E69484" s="15">
        <v>45510</v>
      </c>
      <c r="F69484" s="14" t="s">
        <v>15</v>
      </c>
      <c r="G69484" s="16">
        <v>1.5398756829004392</v>
      </c>
    </row>
    <row r="69485" spans="1:7" x14ac:dyDescent="0.3">
      <c r="A69485" s="13" t="s">
        <v>362</v>
      </c>
      <c r="B69485" s="14" t="s">
        <v>1</v>
      </c>
      <c r="C69485" s="14" t="s">
        <v>63</v>
      </c>
      <c r="D69485" s="14" t="s">
        <v>14</v>
      </c>
      <c r="E69485" s="15">
        <v>45511</v>
      </c>
      <c r="F69485" s="14" t="s">
        <v>15</v>
      </c>
      <c r="G69485" s="16">
        <v>1.5683707138923149</v>
      </c>
    </row>
    <row r="69486" spans="1:7" x14ac:dyDescent="0.3">
      <c r="A69486" s="13" t="s">
        <v>362</v>
      </c>
      <c r="B69486" s="14" t="s">
        <v>1</v>
      </c>
      <c r="C69486" s="14" t="s">
        <v>63</v>
      </c>
      <c r="D69486" s="14" t="s">
        <v>14</v>
      </c>
      <c r="E69486" s="15">
        <v>45512</v>
      </c>
      <c r="F69486" s="14" t="s">
        <v>15</v>
      </c>
      <c r="G69486" s="16">
        <v>1.5784406557221664</v>
      </c>
    </row>
    <row r="69487" spans="1:7" x14ac:dyDescent="0.3">
      <c r="A69487" s="13" t="s">
        <v>362</v>
      </c>
      <c r="B69487" s="14" t="s">
        <v>1</v>
      </c>
      <c r="C69487" s="14" t="s">
        <v>63</v>
      </c>
      <c r="D69487" s="14" t="s">
        <v>14</v>
      </c>
      <c r="E69487" s="15">
        <v>45513</v>
      </c>
      <c r="F69487" s="14" t="s">
        <v>15</v>
      </c>
      <c r="G69487" s="16">
        <v>1.5784406557221664</v>
      </c>
    </row>
    <row r="69488" spans="1:7" x14ac:dyDescent="0.3">
      <c r="A69488" s="13" t="s">
        <v>362</v>
      </c>
      <c r="B69488" s="14" t="s">
        <v>1</v>
      </c>
      <c r="C69488" s="14" t="s">
        <v>63</v>
      </c>
      <c r="D69488" s="14" t="s">
        <v>14</v>
      </c>
      <c r="E69488" s="15">
        <v>45514</v>
      </c>
      <c r="F69488" s="14" t="s">
        <v>15</v>
      </c>
      <c r="G69488" s="16">
        <v>1.5784406557221664</v>
      </c>
    </row>
    <row r="69489" spans="1:7" x14ac:dyDescent="0.3">
      <c r="A69489" s="13" t="s">
        <v>362</v>
      </c>
      <c r="B69489" s="14" t="s">
        <v>1</v>
      </c>
      <c r="C69489" s="14" t="s">
        <v>63</v>
      </c>
      <c r="D69489" s="14" t="s">
        <v>14</v>
      </c>
      <c r="E69489" s="15">
        <v>45515</v>
      </c>
      <c r="F69489" s="14" t="s">
        <v>15</v>
      </c>
      <c r="G69489" s="16">
        <v>1.5784406557221664</v>
      </c>
    </row>
    <row r="69490" spans="1:7" x14ac:dyDescent="0.3">
      <c r="A69490" s="13" t="s">
        <v>362</v>
      </c>
      <c r="B69490" s="14" t="s">
        <v>1</v>
      </c>
      <c r="C69490" s="14" t="s">
        <v>63</v>
      </c>
      <c r="D69490" s="14" t="s">
        <v>14</v>
      </c>
      <c r="E69490" s="15">
        <v>45516</v>
      </c>
      <c r="F69490" s="14" t="s">
        <v>15</v>
      </c>
      <c r="G69490" s="16">
        <v>1.5957378207076167</v>
      </c>
    </row>
    <row r="69491" spans="1:7" x14ac:dyDescent="0.3">
      <c r="A69491" s="13" t="s">
        <v>362</v>
      </c>
      <c r="B69491" s="14" t="s">
        <v>1</v>
      </c>
      <c r="C69491" s="14" t="s">
        <v>63</v>
      </c>
      <c r="D69491" s="14" t="s">
        <v>14</v>
      </c>
      <c r="E69491" s="15">
        <v>45517</v>
      </c>
      <c r="F69491" s="14" t="s">
        <v>15</v>
      </c>
      <c r="G69491" s="16">
        <v>1.6431797081854769</v>
      </c>
    </row>
    <row r="69492" spans="1:7" x14ac:dyDescent="0.3">
      <c r="A69492" s="13" t="s">
        <v>362</v>
      </c>
      <c r="B69492" s="14" t="s">
        <v>1</v>
      </c>
      <c r="C69492" s="14" t="s">
        <v>63</v>
      </c>
      <c r="D69492" s="14" t="s">
        <v>14</v>
      </c>
      <c r="E69492" s="15">
        <v>45518</v>
      </c>
      <c r="F69492" s="14" t="s">
        <v>15</v>
      </c>
      <c r="G69492" s="16">
        <v>1.655032477851565</v>
      </c>
    </row>
    <row r="69493" spans="1:7" x14ac:dyDescent="0.3">
      <c r="A69493" s="13" t="s">
        <v>362</v>
      </c>
      <c r="B69493" s="14" t="s">
        <v>1</v>
      </c>
      <c r="C69493" s="14" t="s">
        <v>63</v>
      </c>
      <c r="D69493" s="14" t="s">
        <v>14</v>
      </c>
      <c r="E69493" s="15">
        <v>45519</v>
      </c>
      <c r="F69493" s="14" t="s">
        <v>15</v>
      </c>
      <c r="G69493" s="16">
        <v>1.67113690548918</v>
      </c>
    </row>
    <row r="69494" spans="1:7" x14ac:dyDescent="0.3">
      <c r="A69494" s="13" t="s">
        <v>362</v>
      </c>
      <c r="B69494" s="14" t="s">
        <v>1</v>
      </c>
      <c r="C69494" s="14" t="s">
        <v>63</v>
      </c>
      <c r="D69494" s="14" t="s">
        <v>14</v>
      </c>
      <c r="E69494" s="15">
        <v>45520</v>
      </c>
      <c r="F69494" s="14" t="s">
        <v>15</v>
      </c>
      <c r="G69494" s="16">
        <v>1.6866304332535378</v>
      </c>
    </row>
    <row r="69495" spans="1:7" x14ac:dyDescent="0.3">
      <c r="A69495" s="13" t="s">
        <v>362</v>
      </c>
      <c r="B69495" s="14" t="s">
        <v>1</v>
      </c>
      <c r="C69495" s="14" t="s">
        <v>63</v>
      </c>
      <c r="D69495" s="14" t="s">
        <v>14</v>
      </c>
      <c r="E69495" s="15">
        <v>45521</v>
      </c>
      <c r="F69495" s="14" t="s">
        <v>15</v>
      </c>
      <c r="G69495" s="16">
        <v>1.6866304332535378</v>
      </c>
    </row>
    <row r="69496" spans="1:7" x14ac:dyDescent="0.3">
      <c r="A69496" s="13" t="s">
        <v>362</v>
      </c>
      <c r="B69496" s="14" t="s">
        <v>1</v>
      </c>
      <c r="C69496" s="14" t="s">
        <v>63</v>
      </c>
      <c r="D69496" s="14" t="s">
        <v>14</v>
      </c>
      <c r="E69496" s="15">
        <v>45522</v>
      </c>
      <c r="F69496" s="14" t="s">
        <v>15</v>
      </c>
      <c r="G69496" s="16">
        <v>1.6866304332535378</v>
      </c>
    </row>
    <row r="69497" spans="1:7" x14ac:dyDescent="0.3">
      <c r="A69497" s="13" t="s">
        <v>362</v>
      </c>
      <c r="B69497" s="14" t="s">
        <v>1</v>
      </c>
      <c r="C69497" s="14" t="s">
        <v>63</v>
      </c>
      <c r="D69497" s="14" t="s">
        <v>14</v>
      </c>
      <c r="E69497" s="15">
        <v>45523</v>
      </c>
      <c r="F69497" s="14" t="s">
        <v>15</v>
      </c>
      <c r="G69497" s="16">
        <v>1.6995935280294203</v>
      </c>
    </row>
    <row r="69498" spans="1:7" x14ac:dyDescent="0.3">
      <c r="A69498" s="13" t="s">
        <v>362</v>
      </c>
      <c r="B69498" s="14" t="s">
        <v>1</v>
      </c>
      <c r="C69498" s="14" t="s">
        <v>63</v>
      </c>
      <c r="D69498" s="14" t="s">
        <v>14</v>
      </c>
      <c r="E69498" s="15">
        <v>45524</v>
      </c>
      <c r="F69498" s="14" t="s">
        <v>15</v>
      </c>
      <c r="G69498" s="16">
        <v>1.7351817296523568</v>
      </c>
    </row>
    <row r="69499" spans="1:7" x14ac:dyDescent="0.3">
      <c r="A69499" s="13" t="s">
        <v>362</v>
      </c>
      <c r="B69499" s="14" t="s">
        <v>1</v>
      </c>
      <c r="C69499" s="14" t="s">
        <v>63</v>
      </c>
      <c r="D69499" s="14" t="s">
        <v>14</v>
      </c>
      <c r="E69499" s="15">
        <v>45525</v>
      </c>
      <c r="F69499" s="14" t="s">
        <v>15</v>
      </c>
      <c r="G69499" s="16">
        <v>1.7469234373324158</v>
      </c>
    </row>
    <row r="69500" spans="1:7" x14ac:dyDescent="0.3">
      <c r="A69500" s="13" t="s">
        <v>362</v>
      </c>
      <c r="B69500" s="14" t="s">
        <v>1</v>
      </c>
      <c r="C69500" s="14" t="s">
        <v>63</v>
      </c>
      <c r="D69500" s="14" t="s">
        <v>14</v>
      </c>
      <c r="E69500" s="15">
        <v>45526</v>
      </c>
      <c r="F69500" s="14" t="s">
        <v>15</v>
      </c>
      <c r="G69500" s="16">
        <v>1.7586538855436156</v>
      </c>
    </row>
    <row r="69501" spans="1:7" x14ac:dyDescent="0.3">
      <c r="A69501" s="13" t="s">
        <v>362</v>
      </c>
      <c r="B69501" s="14" t="s">
        <v>1</v>
      </c>
      <c r="C69501" s="14" t="s">
        <v>63</v>
      </c>
      <c r="D69501" s="14" t="s">
        <v>14</v>
      </c>
      <c r="E69501" s="15">
        <v>45527</v>
      </c>
      <c r="F69501" s="14" t="s">
        <v>15</v>
      </c>
      <c r="G69501" s="16">
        <v>1.7705922507530762</v>
      </c>
    </row>
    <row r="69502" spans="1:7" x14ac:dyDescent="0.3">
      <c r="A69502" s="13" t="s">
        <v>362</v>
      </c>
      <c r="B69502" s="14" t="s">
        <v>1</v>
      </c>
      <c r="C69502" s="14" t="s">
        <v>63</v>
      </c>
      <c r="D69502" s="14" t="s">
        <v>14</v>
      </c>
      <c r="E69502" s="15">
        <v>45528</v>
      </c>
      <c r="F69502" s="14" t="s">
        <v>15</v>
      </c>
      <c r="G69502" s="16">
        <v>1.7705922507530762</v>
      </c>
    </row>
    <row r="69503" spans="1:7" x14ac:dyDescent="0.3">
      <c r="A69503" s="13" t="s">
        <v>362</v>
      </c>
      <c r="B69503" s="14" t="s">
        <v>1</v>
      </c>
      <c r="C69503" s="14" t="s">
        <v>63</v>
      </c>
      <c r="D69503" s="14" t="s">
        <v>14</v>
      </c>
      <c r="E69503" s="15">
        <v>45529</v>
      </c>
      <c r="F69503" s="14" t="s">
        <v>15</v>
      </c>
      <c r="G69503" s="16">
        <v>1.7705922507530762</v>
      </c>
    </row>
    <row r="69504" spans="1:7" x14ac:dyDescent="0.3">
      <c r="A69504" s="13" t="s">
        <v>362</v>
      </c>
      <c r="B69504" s="14" t="s">
        <v>1</v>
      </c>
      <c r="C69504" s="14" t="s">
        <v>63</v>
      </c>
      <c r="D69504" s="14" t="s">
        <v>14</v>
      </c>
      <c r="E69504" s="15">
        <v>45530</v>
      </c>
      <c r="F69504" s="14" t="s">
        <v>15</v>
      </c>
      <c r="G69504" s="16">
        <v>1.7829192150134403</v>
      </c>
    </row>
    <row r="69505" spans="1:7" x14ac:dyDescent="0.3">
      <c r="A69505" s="13" t="s">
        <v>362</v>
      </c>
      <c r="B69505" s="14" t="s">
        <v>1</v>
      </c>
      <c r="C69505" s="14" t="s">
        <v>63</v>
      </c>
      <c r="D69505" s="14" t="s">
        <v>14</v>
      </c>
      <c r="E69505" s="15">
        <v>45531</v>
      </c>
      <c r="F69505" s="14" t="s">
        <v>15</v>
      </c>
      <c r="G69505" s="16">
        <v>1.8177632305898652</v>
      </c>
    </row>
    <row r="69506" spans="1:7" x14ac:dyDescent="0.3">
      <c r="A69506" s="13" t="s">
        <v>362</v>
      </c>
      <c r="B69506" s="14" t="s">
        <v>1</v>
      </c>
      <c r="C69506" s="14" t="s">
        <v>63</v>
      </c>
      <c r="D69506" s="14" t="s">
        <v>14</v>
      </c>
      <c r="E69506" s="15">
        <v>45532</v>
      </c>
      <c r="F69506" s="14" t="s">
        <v>15</v>
      </c>
      <c r="G69506" s="16">
        <v>1.8319532537708527</v>
      </c>
    </row>
    <row r="69507" spans="1:7" x14ac:dyDescent="0.3">
      <c r="A69507" s="13" t="s">
        <v>362</v>
      </c>
      <c r="B69507" s="14" t="s">
        <v>1</v>
      </c>
      <c r="C69507" s="14" t="s">
        <v>63</v>
      </c>
      <c r="D69507" s="14" t="s">
        <v>14</v>
      </c>
      <c r="E69507" s="15">
        <v>45533</v>
      </c>
      <c r="F69507" s="14" t="s">
        <v>15</v>
      </c>
      <c r="G69507" s="16">
        <v>1.8434471941859019</v>
      </c>
    </row>
    <row r="69508" spans="1:7" x14ac:dyDescent="0.3">
      <c r="A69508" s="13" t="s">
        <v>362</v>
      </c>
      <c r="B69508" s="14" t="s">
        <v>1</v>
      </c>
      <c r="C69508" s="14" t="s">
        <v>63</v>
      </c>
      <c r="D69508" s="14" t="s">
        <v>14</v>
      </c>
      <c r="E69508" s="15">
        <v>45534</v>
      </c>
      <c r="F69508" s="14" t="s">
        <v>15</v>
      </c>
      <c r="G69508" s="16">
        <v>1.8557627810772088</v>
      </c>
    </row>
    <row r="69509" spans="1:7" x14ac:dyDescent="0.3">
      <c r="A69509" s="13" t="s">
        <v>362</v>
      </c>
      <c r="B69509" s="14" t="s">
        <v>1</v>
      </c>
      <c r="C69509" s="14" t="s">
        <v>63</v>
      </c>
      <c r="D69509" s="14" t="s">
        <v>14</v>
      </c>
      <c r="E69509" s="15">
        <v>45535</v>
      </c>
      <c r="F69509" s="14" t="s">
        <v>15</v>
      </c>
      <c r="G69509" s="16">
        <v>1.8557627810772088</v>
      </c>
    </row>
    <row r="69510" spans="1:7" x14ac:dyDescent="0.3">
      <c r="A69510" s="13" t="s">
        <v>362</v>
      </c>
      <c r="B69510" s="14" t="s">
        <v>1</v>
      </c>
      <c r="C69510" s="14" t="s">
        <v>63</v>
      </c>
      <c r="D69510" s="14" t="s">
        <v>14</v>
      </c>
      <c r="E69510" s="15">
        <v>45536</v>
      </c>
      <c r="F69510" s="14" t="s">
        <v>15</v>
      </c>
      <c r="G69510" s="16">
        <v>1.8557627810772088</v>
      </c>
    </row>
    <row r="69511" spans="1:7" x14ac:dyDescent="0.3">
      <c r="A69511" s="13" t="s">
        <v>362</v>
      </c>
      <c r="B69511" s="14" t="s">
        <v>1</v>
      </c>
      <c r="C69511" s="14" t="s">
        <v>63</v>
      </c>
      <c r="D69511" s="14" t="s">
        <v>14</v>
      </c>
      <c r="E69511" s="15">
        <v>45537</v>
      </c>
      <c r="F69511" s="14" t="s">
        <v>15</v>
      </c>
      <c r="G69511" s="16">
        <v>1.86743133168473</v>
      </c>
    </row>
    <row r="69512" spans="1:7" x14ac:dyDescent="0.3">
      <c r="A69512" s="13" t="s">
        <v>362</v>
      </c>
      <c r="B69512" s="14" t="s">
        <v>1</v>
      </c>
      <c r="C69512" s="14" t="s">
        <v>63</v>
      </c>
      <c r="D69512" s="14" t="s">
        <v>14</v>
      </c>
      <c r="E69512" s="15">
        <v>45538</v>
      </c>
      <c r="F69512" s="14" t="s">
        <v>15</v>
      </c>
      <c r="G69512" s="16">
        <v>1.8898821501025498</v>
      </c>
    </row>
    <row r="69513" spans="1:7" x14ac:dyDescent="0.3">
      <c r="A69513" s="13" t="s">
        <v>362</v>
      </c>
      <c r="B69513" s="14" t="s">
        <v>1</v>
      </c>
      <c r="C69513" s="14" t="s">
        <v>63</v>
      </c>
      <c r="D69513" s="14" t="s">
        <v>14</v>
      </c>
      <c r="E69513" s="15">
        <v>45539</v>
      </c>
      <c r="F69513" s="14" t="s">
        <v>15</v>
      </c>
      <c r="G69513" s="16">
        <v>1.902106010640215</v>
      </c>
    </row>
    <row r="69514" spans="1:7" x14ac:dyDescent="0.3">
      <c r="A69514" s="13" t="s">
        <v>362</v>
      </c>
      <c r="B69514" s="14" t="s">
        <v>1</v>
      </c>
      <c r="C69514" s="14" t="s">
        <v>63</v>
      </c>
      <c r="D69514" s="14" t="s">
        <v>14</v>
      </c>
      <c r="E69514" s="15">
        <v>45540</v>
      </c>
      <c r="F69514" s="14" t="s">
        <v>15</v>
      </c>
      <c r="G69514" s="16">
        <v>1.9138042131474029</v>
      </c>
    </row>
    <row r="69515" spans="1:7" x14ac:dyDescent="0.3">
      <c r="A69515" s="13" t="s">
        <v>362</v>
      </c>
      <c r="B69515" s="14" t="s">
        <v>1</v>
      </c>
      <c r="C69515" s="14" t="s">
        <v>63</v>
      </c>
      <c r="D69515" s="14" t="s">
        <v>14</v>
      </c>
      <c r="E69515" s="15">
        <v>45541</v>
      </c>
      <c r="F69515" s="14" t="s">
        <v>15</v>
      </c>
      <c r="G69515" s="16">
        <v>1.9254942215908661</v>
      </c>
    </row>
    <row r="69516" spans="1:7" x14ac:dyDescent="0.3">
      <c r="A69516" s="13" t="s">
        <v>362</v>
      </c>
      <c r="B69516" s="14" t="s">
        <v>1</v>
      </c>
      <c r="C69516" s="14" t="s">
        <v>63</v>
      </c>
      <c r="D69516" s="14" t="s">
        <v>14</v>
      </c>
      <c r="E69516" s="15">
        <v>45542</v>
      </c>
      <c r="F69516" s="14" t="s">
        <v>15</v>
      </c>
      <c r="G69516" s="16">
        <v>1.9254942215908661</v>
      </c>
    </row>
    <row r="69517" spans="1:7" x14ac:dyDescent="0.3">
      <c r="A69517" s="13" t="s">
        <v>362</v>
      </c>
      <c r="B69517" s="14" t="s">
        <v>1</v>
      </c>
      <c r="C69517" s="14" t="s">
        <v>63</v>
      </c>
      <c r="D69517" s="14" t="s">
        <v>14</v>
      </c>
      <c r="E69517" s="15">
        <v>45543</v>
      </c>
      <c r="F69517" s="14" t="s">
        <v>15</v>
      </c>
      <c r="G69517" s="16">
        <v>1.9254942215908661</v>
      </c>
    </row>
    <row r="69518" spans="1:7" x14ac:dyDescent="0.3">
      <c r="A69518" s="13" t="s">
        <v>362</v>
      </c>
      <c r="B69518" s="14" t="s">
        <v>1</v>
      </c>
      <c r="C69518" s="14" t="s">
        <v>63</v>
      </c>
      <c r="D69518" s="14" t="s">
        <v>14</v>
      </c>
      <c r="E69518" s="15">
        <v>45544</v>
      </c>
      <c r="F69518" s="14" t="s">
        <v>15</v>
      </c>
      <c r="G69518" s="16">
        <v>1.9398787211476016</v>
      </c>
    </row>
    <row r="69519" spans="1:7" x14ac:dyDescent="0.3">
      <c r="A69519" s="13" t="s">
        <v>362</v>
      </c>
      <c r="B69519" s="14" t="s">
        <v>1</v>
      </c>
      <c r="C69519" s="14" t="s">
        <v>63</v>
      </c>
      <c r="D69519" s="14" t="s">
        <v>14</v>
      </c>
      <c r="E69519" s="15">
        <v>45545</v>
      </c>
      <c r="F69519" s="14" t="s">
        <v>15</v>
      </c>
      <c r="G69519" s="16">
        <v>1.974745019861351</v>
      </c>
    </row>
    <row r="69520" spans="1:7" x14ac:dyDescent="0.3">
      <c r="A69520" s="13" t="s">
        <v>362</v>
      </c>
      <c r="B69520" s="14" t="s">
        <v>1</v>
      </c>
      <c r="C69520" s="14" t="s">
        <v>63</v>
      </c>
      <c r="D69520" s="14" t="s">
        <v>14</v>
      </c>
      <c r="E69520" s="15">
        <v>45546</v>
      </c>
      <c r="F69520" s="14" t="s">
        <v>15</v>
      </c>
      <c r="G69520" s="16">
        <v>1.9862884783593426</v>
      </c>
    </row>
    <row r="69521" spans="1:7" x14ac:dyDescent="0.3">
      <c r="A69521" s="13" t="s">
        <v>362</v>
      </c>
      <c r="B69521" s="14" t="s">
        <v>1</v>
      </c>
      <c r="C69521" s="14" t="s">
        <v>63</v>
      </c>
      <c r="D69521" s="14" t="s">
        <v>14</v>
      </c>
      <c r="E69521" s="15">
        <v>45547</v>
      </c>
      <c r="F69521" s="14" t="s">
        <v>15</v>
      </c>
      <c r="G69521" s="16">
        <v>1.9978261007975588</v>
      </c>
    </row>
    <row r="69522" spans="1:7" x14ac:dyDescent="0.3">
      <c r="A69522" s="13" t="s">
        <v>362</v>
      </c>
      <c r="B69522" s="14" t="s">
        <v>1</v>
      </c>
      <c r="C69522" s="14" t="s">
        <v>63</v>
      </c>
      <c r="D69522" s="14" t="s">
        <v>14</v>
      </c>
      <c r="E69522" s="15">
        <v>45548</v>
      </c>
      <c r="F69522" s="14" t="s">
        <v>15</v>
      </c>
      <c r="G69522" s="16">
        <v>2.0113083101429581</v>
      </c>
    </row>
    <row r="69523" spans="1:7" x14ac:dyDescent="0.3">
      <c r="A69523" s="13" t="s">
        <v>362</v>
      </c>
      <c r="B69523" s="14" t="s">
        <v>1</v>
      </c>
      <c r="C69523" s="14" t="s">
        <v>63</v>
      </c>
      <c r="D69523" s="14" t="s">
        <v>14</v>
      </c>
      <c r="E69523" s="15">
        <v>45549</v>
      </c>
      <c r="F69523" s="14" t="s">
        <v>15</v>
      </c>
      <c r="G69523" s="16">
        <v>2.0113083101429581</v>
      </c>
    </row>
    <row r="69524" spans="1:7" x14ac:dyDescent="0.3">
      <c r="A69524" s="13" t="s">
        <v>362</v>
      </c>
      <c r="B69524" s="14" t="s">
        <v>1</v>
      </c>
      <c r="C69524" s="14" t="s">
        <v>63</v>
      </c>
      <c r="D69524" s="14" t="s">
        <v>14</v>
      </c>
      <c r="E69524" s="15">
        <v>45550</v>
      </c>
      <c r="F69524" s="14" t="s">
        <v>15</v>
      </c>
      <c r="G69524" s="16">
        <v>2.0113083101429581</v>
      </c>
    </row>
    <row r="69525" spans="1:7" x14ac:dyDescent="0.3">
      <c r="A69525" s="13" t="s">
        <v>362</v>
      </c>
      <c r="B69525" s="14" t="s">
        <v>1</v>
      </c>
      <c r="C69525" s="14" t="s">
        <v>63</v>
      </c>
      <c r="D69525" s="14" t="s">
        <v>14</v>
      </c>
      <c r="E69525" s="15">
        <v>45551</v>
      </c>
      <c r="F69525" s="14" t="s">
        <v>15</v>
      </c>
      <c r="G69525" s="16">
        <v>2.0227598064869134</v>
      </c>
    </row>
    <row r="69526" spans="1:7" x14ac:dyDescent="0.3">
      <c r="A69526" s="13" t="s">
        <v>362</v>
      </c>
      <c r="B69526" s="14" t="s">
        <v>1</v>
      </c>
      <c r="C69526" s="14" t="s">
        <v>63</v>
      </c>
      <c r="D69526" s="14" t="s">
        <v>14</v>
      </c>
      <c r="E69526" s="15">
        <v>45552</v>
      </c>
      <c r="F69526" s="14" t="s">
        <v>15</v>
      </c>
      <c r="G69526" s="16">
        <v>2.0569600280349833</v>
      </c>
    </row>
    <row r="69527" spans="1:7" x14ac:dyDescent="0.3">
      <c r="A69527" s="13" t="s">
        <v>362</v>
      </c>
      <c r="B69527" s="14" t="s">
        <v>1</v>
      </c>
      <c r="C69527" s="14" t="s">
        <v>63</v>
      </c>
      <c r="D69527" s="14" t="s">
        <v>14</v>
      </c>
      <c r="E69527" s="15">
        <v>45553</v>
      </c>
      <c r="F69527" s="14" t="s">
        <v>15</v>
      </c>
      <c r="G69527" s="16">
        <v>2.0569600280349833</v>
      </c>
    </row>
    <row r="69528" spans="1:7" x14ac:dyDescent="0.3">
      <c r="A69528" s="13" t="s">
        <v>362</v>
      </c>
      <c r="B69528" s="14" t="s">
        <v>1</v>
      </c>
      <c r="C69528" s="14" t="s">
        <v>63</v>
      </c>
      <c r="D69528" s="14" t="s">
        <v>14</v>
      </c>
      <c r="E69528" s="15">
        <v>45554</v>
      </c>
      <c r="F69528" s="14" t="s">
        <v>15</v>
      </c>
      <c r="G69528" s="16">
        <v>2.0692270400449275</v>
      </c>
    </row>
    <row r="69529" spans="1:7" x14ac:dyDescent="0.3">
      <c r="A69529" s="13" t="s">
        <v>362</v>
      </c>
      <c r="B69529" s="14" t="s">
        <v>1</v>
      </c>
      <c r="C69529" s="14" t="s">
        <v>63</v>
      </c>
      <c r="D69529" s="14" t="s">
        <v>14</v>
      </c>
      <c r="E69529" s="15">
        <v>45555</v>
      </c>
      <c r="F69529" s="14" t="s">
        <v>15</v>
      </c>
      <c r="G69529" s="16">
        <v>2.0989129809315772</v>
      </c>
    </row>
    <row r="69530" spans="1:7" x14ac:dyDescent="0.3">
      <c r="A69530" s="13" t="s">
        <v>362</v>
      </c>
      <c r="B69530" s="14" t="s">
        <v>1</v>
      </c>
      <c r="C69530" s="14" t="s">
        <v>63</v>
      </c>
      <c r="D69530" s="14" t="s">
        <v>14</v>
      </c>
      <c r="E69530" s="15">
        <v>45556</v>
      </c>
      <c r="F69530" s="14" t="s">
        <v>15</v>
      </c>
      <c r="G69530" s="16">
        <v>2.0989129809315772</v>
      </c>
    </row>
    <row r="69531" spans="1:7" x14ac:dyDescent="0.3">
      <c r="A69531" s="13" t="s">
        <v>362</v>
      </c>
      <c r="B69531" s="14" t="s">
        <v>1</v>
      </c>
      <c r="C69531" s="14" t="s">
        <v>63</v>
      </c>
      <c r="D69531" s="14" t="s">
        <v>14</v>
      </c>
      <c r="E69531" s="15">
        <v>45557</v>
      </c>
      <c r="F69531" s="14" t="s">
        <v>15</v>
      </c>
      <c r="G69531" s="16">
        <v>2.0989129809315772</v>
      </c>
    </row>
    <row r="69532" spans="1:7" x14ac:dyDescent="0.3">
      <c r="A69532" s="13" t="s">
        <v>362</v>
      </c>
      <c r="B69532" s="14" t="s">
        <v>1</v>
      </c>
      <c r="C69532" s="14" t="s">
        <v>63</v>
      </c>
      <c r="D69532" s="14" t="s">
        <v>14</v>
      </c>
      <c r="E69532" s="15">
        <v>45558</v>
      </c>
      <c r="F69532" s="14" t="s">
        <v>15</v>
      </c>
      <c r="G69532" s="16">
        <v>2.1104068034464287</v>
      </c>
    </row>
    <row r="69533" spans="1:7" x14ac:dyDescent="0.3">
      <c r="A69533" s="13" t="s">
        <v>362</v>
      </c>
      <c r="B69533" s="14" t="s">
        <v>1</v>
      </c>
      <c r="C69533" s="14" t="s">
        <v>63</v>
      </c>
      <c r="D69533" s="14" t="s">
        <v>14</v>
      </c>
      <c r="E69533" s="15">
        <v>45559</v>
      </c>
      <c r="F69533" s="14" t="s">
        <v>15</v>
      </c>
      <c r="G69533" s="16">
        <v>2.1440071539629746</v>
      </c>
    </row>
    <row r="69534" spans="1:7" x14ac:dyDescent="0.3">
      <c r="A69534" s="13" t="s">
        <v>362</v>
      </c>
      <c r="B69534" s="14" t="s">
        <v>1</v>
      </c>
      <c r="C69534" s="14" t="s">
        <v>63</v>
      </c>
      <c r="D69534" s="14" t="s">
        <v>14</v>
      </c>
      <c r="E69534" s="15">
        <v>45560</v>
      </c>
      <c r="F69534" s="14" t="s">
        <v>15</v>
      </c>
      <c r="G69534" s="16">
        <v>2.156152242335541</v>
      </c>
    </row>
    <row r="69535" spans="1:7" x14ac:dyDescent="0.3">
      <c r="A69535" s="13" t="s">
        <v>362</v>
      </c>
      <c r="B69535" s="14" t="s">
        <v>1</v>
      </c>
      <c r="C69535" s="14" t="s">
        <v>63</v>
      </c>
      <c r="D69535" s="14" t="s">
        <v>14</v>
      </c>
      <c r="E69535" s="15">
        <v>45561</v>
      </c>
      <c r="F69535" s="14" t="s">
        <v>15</v>
      </c>
      <c r="G69535" s="16">
        <v>2.1677790888065629</v>
      </c>
    </row>
    <row r="69536" spans="1:7" x14ac:dyDescent="0.3">
      <c r="A69536" s="13" t="s">
        <v>362</v>
      </c>
      <c r="B69536" s="14" t="s">
        <v>1</v>
      </c>
      <c r="C69536" s="14" t="s">
        <v>63</v>
      </c>
      <c r="D69536" s="14" t="s">
        <v>14</v>
      </c>
      <c r="E69536" s="15">
        <v>45562</v>
      </c>
      <c r="F69536" s="14" t="s">
        <v>15</v>
      </c>
      <c r="G69536" s="16">
        <v>2.1842486488901045</v>
      </c>
    </row>
    <row r="69537" spans="1:7" x14ac:dyDescent="0.3">
      <c r="A69537" s="13" t="s">
        <v>362</v>
      </c>
      <c r="B69537" s="14" t="s">
        <v>1</v>
      </c>
      <c r="C69537" s="14" t="s">
        <v>63</v>
      </c>
      <c r="D69537" s="14" t="s">
        <v>14</v>
      </c>
      <c r="E69537" s="15">
        <v>45563</v>
      </c>
      <c r="F69537" s="14" t="s">
        <v>15</v>
      </c>
      <c r="G69537" s="16">
        <v>2.1842486488901045</v>
      </c>
    </row>
    <row r="69538" spans="1:7" x14ac:dyDescent="0.3">
      <c r="A69538" s="13" t="s">
        <v>362</v>
      </c>
      <c r="B69538" s="14" t="s">
        <v>1</v>
      </c>
      <c r="C69538" s="14" t="s">
        <v>63</v>
      </c>
      <c r="D69538" s="14" t="s">
        <v>14</v>
      </c>
      <c r="E69538" s="15">
        <v>45564</v>
      </c>
      <c r="F69538" s="14" t="s">
        <v>15</v>
      </c>
      <c r="G69538" s="16">
        <v>2.1842486488901045</v>
      </c>
    </row>
    <row r="69539" spans="1:7" x14ac:dyDescent="0.3">
      <c r="A69539" s="13" t="s">
        <v>362</v>
      </c>
      <c r="B69539" s="14" t="s">
        <v>1</v>
      </c>
      <c r="C69539" s="14" t="s">
        <v>63</v>
      </c>
      <c r="D69539" s="14" t="s">
        <v>14</v>
      </c>
      <c r="E69539" s="15">
        <v>45565</v>
      </c>
      <c r="F69539" s="14" t="s">
        <v>15</v>
      </c>
      <c r="G69539" s="16">
        <v>2.1968295275474872</v>
      </c>
    </row>
    <row r="69540" spans="1:7" x14ac:dyDescent="0.3">
      <c r="A69540" s="13" t="s">
        <v>362</v>
      </c>
      <c r="B69540" s="14" t="s">
        <v>1</v>
      </c>
      <c r="C69540" s="14" t="s">
        <v>63</v>
      </c>
      <c r="D69540" s="14" t="s">
        <v>14</v>
      </c>
      <c r="E69540" s="15">
        <v>45566</v>
      </c>
      <c r="F69540" s="14" t="s">
        <v>15</v>
      </c>
      <c r="G69540" s="16">
        <v>2.1968295275474872</v>
      </c>
    </row>
    <row r="69541" spans="1:7" x14ac:dyDescent="0.3">
      <c r="A69541" s="13" t="s">
        <v>362</v>
      </c>
      <c r="B69541" s="14" t="s">
        <v>1</v>
      </c>
      <c r="C69541" s="14" t="s">
        <v>63</v>
      </c>
      <c r="D69541" s="14" t="s">
        <v>14</v>
      </c>
      <c r="E69541" s="15">
        <v>45567</v>
      </c>
      <c r="F69541" s="14" t="s">
        <v>15</v>
      </c>
      <c r="G69541" s="16">
        <v>2.2345732644485503</v>
      </c>
    </row>
    <row r="69542" spans="1:7" x14ac:dyDescent="0.3">
      <c r="A69542" s="13" t="s">
        <v>362</v>
      </c>
      <c r="B69542" s="14" t="s">
        <v>1</v>
      </c>
      <c r="C69542" s="14" t="s">
        <v>63</v>
      </c>
      <c r="D69542" s="14" t="s">
        <v>14</v>
      </c>
      <c r="E69542" s="15">
        <v>45568</v>
      </c>
      <c r="F69542" s="14" t="s">
        <v>15</v>
      </c>
      <c r="G69542" s="16">
        <v>2.2601745633661507</v>
      </c>
    </row>
    <row r="69543" spans="1:7" x14ac:dyDescent="0.3">
      <c r="A69543" s="13" t="s">
        <v>362</v>
      </c>
      <c r="B69543" s="14" t="s">
        <v>1</v>
      </c>
      <c r="C69543" s="14" t="s">
        <v>63</v>
      </c>
      <c r="D69543" s="14" t="s">
        <v>14</v>
      </c>
      <c r="E69543" s="15">
        <v>45569</v>
      </c>
      <c r="F69543" s="14" t="s">
        <v>15</v>
      </c>
      <c r="G69543" s="16">
        <v>2.2731271559620656</v>
      </c>
    </row>
    <row r="69544" spans="1:7" x14ac:dyDescent="0.3">
      <c r="A69544" s="13" t="s">
        <v>362</v>
      </c>
      <c r="B69544" s="14" t="s">
        <v>1</v>
      </c>
      <c r="C69544" s="14" t="s">
        <v>63</v>
      </c>
      <c r="D69544" s="14" t="s">
        <v>14</v>
      </c>
      <c r="E69544" s="15">
        <v>45570</v>
      </c>
      <c r="F69544" s="14" t="s">
        <v>15</v>
      </c>
      <c r="G69544" s="16">
        <v>2.2731271559620656</v>
      </c>
    </row>
    <row r="69545" spans="1:7" x14ac:dyDescent="0.3">
      <c r="A69545" s="13" t="s">
        <v>362</v>
      </c>
      <c r="B69545" s="14" t="s">
        <v>1</v>
      </c>
      <c r="C69545" s="14" t="s">
        <v>63</v>
      </c>
      <c r="D69545" s="14" t="s">
        <v>14</v>
      </c>
      <c r="E69545" s="15">
        <v>45571</v>
      </c>
      <c r="F69545" s="14" t="s">
        <v>15</v>
      </c>
      <c r="G69545" s="16">
        <v>2.2731271559620656</v>
      </c>
    </row>
    <row r="69546" spans="1:7" x14ac:dyDescent="0.3">
      <c r="A69546" s="13" t="s">
        <v>362</v>
      </c>
      <c r="B69546" s="14" t="s">
        <v>1</v>
      </c>
      <c r="C69546" s="14" t="s">
        <v>63</v>
      </c>
      <c r="D69546" s="14" t="s">
        <v>14</v>
      </c>
      <c r="E69546" s="15">
        <v>45572</v>
      </c>
      <c r="F69546" s="14" t="s">
        <v>15</v>
      </c>
      <c r="G69546" s="16">
        <v>2.2875236298892982</v>
      </c>
    </row>
    <row r="69547" spans="1:7" x14ac:dyDescent="0.3">
      <c r="A69547" s="13" t="s">
        <v>362</v>
      </c>
      <c r="B69547" s="14" t="s">
        <v>1</v>
      </c>
      <c r="C69547" s="14" t="s">
        <v>63</v>
      </c>
      <c r="D69547" s="14" t="s">
        <v>14</v>
      </c>
      <c r="E69547" s="15">
        <v>45573</v>
      </c>
      <c r="F69547" s="14" t="s">
        <v>15</v>
      </c>
      <c r="G69547" s="16">
        <v>2.3233582354664524</v>
      </c>
    </row>
    <row r="69548" spans="1:7" x14ac:dyDescent="0.3">
      <c r="A69548" s="13" t="s">
        <v>362</v>
      </c>
      <c r="B69548" s="14" t="s">
        <v>1</v>
      </c>
      <c r="C69548" s="14" t="s">
        <v>63</v>
      </c>
      <c r="D69548" s="14" t="s">
        <v>14</v>
      </c>
      <c r="E69548" s="15">
        <v>45574</v>
      </c>
      <c r="F69548" s="14" t="s">
        <v>15</v>
      </c>
      <c r="G69548" s="16">
        <v>2.3436494961516359</v>
      </c>
    </row>
    <row r="69549" spans="1:7" x14ac:dyDescent="0.3">
      <c r="A69549" s="13" t="s">
        <v>362</v>
      </c>
      <c r="B69549" s="14" t="s">
        <v>1</v>
      </c>
      <c r="C69549" s="14" t="s">
        <v>63</v>
      </c>
      <c r="D69549" s="14" t="s">
        <v>14</v>
      </c>
      <c r="E69549" s="15">
        <v>45575</v>
      </c>
      <c r="F69549" s="14" t="s">
        <v>15</v>
      </c>
      <c r="G69549" s="16">
        <v>2.3561058231428076</v>
      </c>
    </row>
    <row r="69550" spans="1:7" x14ac:dyDescent="0.3">
      <c r="A69550" s="13" t="s">
        <v>362</v>
      </c>
      <c r="B69550" s="14" t="s">
        <v>1</v>
      </c>
      <c r="C69550" s="14" t="s">
        <v>63</v>
      </c>
      <c r="D69550" s="14" t="s">
        <v>14</v>
      </c>
      <c r="E69550" s="15">
        <v>45576</v>
      </c>
      <c r="F69550" s="14" t="s">
        <v>15</v>
      </c>
      <c r="G69550" s="16">
        <v>2.3561058231428076</v>
      </c>
    </row>
    <row r="69551" spans="1:7" x14ac:dyDescent="0.3">
      <c r="A69551" s="13" t="s">
        <v>362</v>
      </c>
      <c r="B69551" s="14" t="s">
        <v>1</v>
      </c>
      <c r="C69551" s="14" t="s">
        <v>63</v>
      </c>
      <c r="D69551" s="14" t="s">
        <v>14</v>
      </c>
      <c r="E69551" s="15">
        <v>45577</v>
      </c>
      <c r="F69551" s="14" t="s">
        <v>15</v>
      </c>
      <c r="G69551" s="16">
        <v>2.3561058231428076</v>
      </c>
    </row>
    <row r="69552" spans="1:7" x14ac:dyDescent="0.3">
      <c r="A69552" s="13" t="s">
        <v>362</v>
      </c>
      <c r="B69552" s="14" t="s">
        <v>1</v>
      </c>
      <c r="C69552" s="14" t="s">
        <v>63</v>
      </c>
      <c r="D69552" s="14" t="s">
        <v>14</v>
      </c>
      <c r="E69552" s="15">
        <v>45578</v>
      </c>
      <c r="F69552" s="14" t="s">
        <v>15</v>
      </c>
      <c r="G69552" s="16">
        <v>2.3561058231428076</v>
      </c>
    </row>
    <row r="69553" spans="1:7" x14ac:dyDescent="0.3">
      <c r="A69553" s="13" t="s">
        <v>362</v>
      </c>
      <c r="B69553" s="14" t="s">
        <v>1</v>
      </c>
      <c r="C69553" s="14" t="s">
        <v>63</v>
      </c>
      <c r="D69553" s="14" t="s">
        <v>14</v>
      </c>
      <c r="E69553" s="15">
        <v>45579</v>
      </c>
      <c r="F69553" s="14" t="s">
        <v>15</v>
      </c>
      <c r="G69553" s="16">
        <v>2.3699147246517187</v>
      </c>
    </row>
    <row r="69554" spans="1:7" x14ac:dyDescent="0.3">
      <c r="A69554" s="13" t="s">
        <v>362</v>
      </c>
      <c r="B69554" s="14" t="s">
        <v>1</v>
      </c>
      <c r="C69554" s="14" t="s">
        <v>63</v>
      </c>
      <c r="D69554" s="14" t="s">
        <v>14</v>
      </c>
      <c r="E69554" s="15">
        <v>45580</v>
      </c>
      <c r="F69554" s="14" t="s">
        <v>15</v>
      </c>
      <c r="G69554" s="16">
        <v>2.4172198301132459</v>
      </c>
    </row>
    <row r="69555" spans="1:7" x14ac:dyDescent="0.3">
      <c r="A69555" s="13" t="s">
        <v>362</v>
      </c>
      <c r="B69555" s="14" t="s">
        <v>1</v>
      </c>
      <c r="C69555" s="14" t="s">
        <v>63</v>
      </c>
      <c r="D69555" s="14" t="s">
        <v>14</v>
      </c>
      <c r="E69555" s="15">
        <v>45581</v>
      </c>
      <c r="F69555" s="14" t="s">
        <v>15</v>
      </c>
      <c r="G69555" s="16">
        <v>2.4290528963440265</v>
      </c>
    </row>
    <row r="69556" spans="1:7" x14ac:dyDescent="0.3">
      <c r="A69556" s="13" t="s">
        <v>362</v>
      </c>
      <c r="B69556" s="14" t="s">
        <v>1</v>
      </c>
      <c r="C69556" s="14" t="s">
        <v>63</v>
      </c>
      <c r="D69556" s="14" t="s">
        <v>14</v>
      </c>
      <c r="E69556" s="15">
        <v>45582</v>
      </c>
      <c r="F69556" s="14" t="s">
        <v>15</v>
      </c>
      <c r="G69556" s="16">
        <v>2.4424675406670349</v>
      </c>
    </row>
    <row r="69557" spans="1:7" x14ac:dyDescent="0.3">
      <c r="A69557" s="13" t="s">
        <v>362</v>
      </c>
      <c r="B69557" s="14" t="s">
        <v>1</v>
      </c>
      <c r="C69557" s="14" t="s">
        <v>63</v>
      </c>
      <c r="D69557" s="14" t="s">
        <v>14</v>
      </c>
      <c r="E69557" s="15">
        <v>45583</v>
      </c>
      <c r="F69557" s="14" t="s">
        <v>15</v>
      </c>
      <c r="G69557" s="16">
        <v>2.4543652430976324</v>
      </c>
    </row>
    <row r="69558" spans="1:7" x14ac:dyDescent="0.3">
      <c r="A69558" s="13" t="s">
        <v>362</v>
      </c>
      <c r="B69558" s="14" t="s">
        <v>1</v>
      </c>
      <c r="C69558" s="14" t="s">
        <v>63</v>
      </c>
      <c r="D69558" s="14" t="s">
        <v>14</v>
      </c>
      <c r="E69558" s="15">
        <v>45584</v>
      </c>
      <c r="F69558" s="14" t="s">
        <v>15</v>
      </c>
      <c r="G69558" s="16">
        <v>2.4543652430976324</v>
      </c>
    </row>
    <row r="69559" spans="1:7" x14ac:dyDescent="0.3">
      <c r="A69559" s="13" t="s">
        <v>362</v>
      </c>
      <c r="B69559" s="14" t="s">
        <v>1</v>
      </c>
      <c r="C69559" s="14" t="s">
        <v>63</v>
      </c>
      <c r="D69559" s="14" t="s">
        <v>14</v>
      </c>
      <c r="E69559" s="15">
        <v>45585</v>
      </c>
      <c r="F69559" s="14" t="s">
        <v>15</v>
      </c>
      <c r="G69559" s="16">
        <v>2.4543652430976324</v>
      </c>
    </row>
    <row r="69560" spans="1:7" x14ac:dyDescent="0.3">
      <c r="A69560" s="13" t="s">
        <v>362</v>
      </c>
      <c r="B69560" s="14" t="s">
        <v>1</v>
      </c>
      <c r="C69560" s="14" t="s">
        <v>63</v>
      </c>
      <c r="D69560" s="14" t="s">
        <v>14</v>
      </c>
      <c r="E69560" s="15">
        <v>45586</v>
      </c>
      <c r="F69560" s="14" t="s">
        <v>15</v>
      </c>
      <c r="G69560" s="16">
        <v>2.4723022944396358</v>
      </c>
    </row>
    <row r="69561" spans="1:7" x14ac:dyDescent="0.3">
      <c r="A69561" s="13" t="s">
        <v>362</v>
      </c>
      <c r="B69561" s="14" t="s">
        <v>1</v>
      </c>
      <c r="C69561" s="14" t="s">
        <v>63</v>
      </c>
      <c r="D69561" s="14" t="s">
        <v>14</v>
      </c>
      <c r="E69561" s="15">
        <v>45587</v>
      </c>
      <c r="F69561" s="14" t="s">
        <v>15</v>
      </c>
      <c r="G69561" s="16">
        <v>2.5082791673526414</v>
      </c>
    </row>
    <row r="69562" spans="1:7" x14ac:dyDescent="0.3">
      <c r="A69562" s="13" t="s">
        <v>362</v>
      </c>
      <c r="B69562" s="14" t="s">
        <v>1</v>
      </c>
      <c r="C69562" s="14" t="s">
        <v>63</v>
      </c>
      <c r="D69562" s="14" t="s">
        <v>14</v>
      </c>
      <c r="E69562" s="15">
        <v>45588</v>
      </c>
      <c r="F69562" s="14" t="s">
        <v>15</v>
      </c>
      <c r="G69562" s="16">
        <v>2.5202484186296541</v>
      </c>
    </row>
    <row r="69563" spans="1:7" x14ac:dyDescent="0.3">
      <c r="A69563" s="13" t="s">
        <v>362</v>
      </c>
      <c r="B69563" s="14" t="s">
        <v>1</v>
      </c>
      <c r="C69563" s="14" t="s">
        <v>63</v>
      </c>
      <c r="D69563" s="14" t="s">
        <v>14</v>
      </c>
      <c r="E69563" s="15">
        <v>45589</v>
      </c>
      <c r="F69563" s="14" t="s">
        <v>15</v>
      </c>
      <c r="G69563" s="16">
        <v>2.5324275898499473</v>
      </c>
    </row>
    <row r="69564" spans="1:7" x14ac:dyDescent="0.3">
      <c r="A69564" s="13" t="s">
        <v>362</v>
      </c>
      <c r="B69564" s="14" t="s">
        <v>1</v>
      </c>
      <c r="C69564" s="14" t="s">
        <v>63</v>
      </c>
      <c r="D69564" s="14" t="s">
        <v>14</v>
      </c>
      <c r="E69564" s="15">
        <v>45590</v>
      </c>
      <c r="F69564" s="14" t="s">
        <v>15</v>
      </c>
      <c r="G69564" s="16">
        <v>2.545779429529075</v>
      </c>
    </row>
    <row r="69565" spans="1:7" x14ac:dyDescent="0.3">
      <c r="A69565" s="13" t="s">
        <v>362</v>
      </c>
      <c r="B69565" s="14" t="s">
        <v>1</v>
      </c>
      <c r="C69565" s="14" t="s">
        <v>63</v>
      </c>
      <c r="D69565" s="14" t="s">
        <v>14</v>
      </c>
      <c r="E69565" s="15">
        <v>45591</v>
      </c>
      <c r="F69565" s="14" t="s">
        <v>15</v>
      </c>
      <c r="G69565" s="16">
        <v>2.545779429529075</v>
      </c>
    </row>
    <row r="69566" spans="1:7" x14ac:dyDescent="0.3">
      <c r="A69566" s="13" t="s">
        <v>362</v>
      </c>
      <c r="B69566" s="14" t="s">
        <v>1</v>
      </c>
      <c r="C69566" s="14" t="s">
        <v>63</v>
      </c>
      <c r="D69566" s="14" t="s">
        <v>14</v>
      </c>
      <c r="E69566" s="15">
        <v>45592</v>
      </c>
      <c r="F69566" s="14" t="s">
        <v>15</v>
      </c>
      <c r="G69566" s="16">
        <v>2.545779429529075</v>
      </c>
    </row>
    <row r="69567" spans="1:7" x14ac:dyDescent="0.3">
      <c r="A69567" s="13" t="s">
        <v>362</v>
      </c>
      <c r="B69567" s="14" t="s">
        <v>1</v>
      </c>
      <c r="C69567" s="14" t="s">
        <v>63</v>
      </c>
      <c r="D69567" s="14" t="s">
        <v>14</v>
      </c>
      <c r="E69567" s="15">
        <v>45593</v>
      </c>
      <c r="F69567" s="14" t="s">
        <v>15</v>
      </c>
      <c r="G69567" s="16">
        <v>2.545779429529075</v>
      </c>
    </row>
    <row r="69568" spans="1:7" x14ac:dyDescent="0.3">
      <c r="A69568" s="13" t="s">
        <v>362</v>
      </c>
      <c r="B69568" s="14" t="s">
        <v>1</v>
      </c>
      <c r="C69568" s="14" t="s">
        <v>63</v>
      </c>
      <c r="D69568" s="14" t="s">
        <v>14</v>
      </c>
      <c r="E69568" s="15">
        <v>45594</v>
      </c>
      <c r="F69568" s="14" t="s">
        <v>15</v>
      </c>
      <c r="G69568" s="16">
        <v>2.5603495493180963</v>
      </c>
    </row>
    <row r="69569" spans="1:7" x14ac:dyDescent="0.3">
      <c r="A69569" s="13" t="s">
        <v>362</v>
      </c>
      <c r="B69569" s="14" t="s">
        <v>1</v>
      </c>
      <c r="C69569" s="14" t="s">
        <v>63</v>
      </c>
      <c r="D69569" s="14" t="s">
        <v>14</v>
      </c>
      <c r="E69569" s="15">
        <v>45595</v>
      </c>
      <c r="F69569" s="14" t="s">
        <v>15</v>
      </c>
      <c r="G69569" s="16">
        <v>2.614288432216036</v>
      </c>
    </row>
    <row r="69570" spans="1:7" x14ac:dyDescent="0.3">
      <c r="A69570" s="13" t="s">
        <v>362</v>
      </c>
      <c r="B69570" s="14" t="s">
        <v>1</v>
      </c>
      <c r="C69570" s="14" t="s">
        <v>63</v>
      </c>
      <c r="D69570" s="14" t="s">
        <v>14</v>
      </c>
      <c r="E69570" s="15">
        <v>45596</v>
      </c>
      <c r="F69570" s="14" t="s">
        <v>15</v>
      </c>
      <c r="G69570" s="16">
        <v>2.614288432216036</v>
      </c>
    </row>
    <row r="69571" spans="1:7" x14ac:dyDescent="0.3">
      <c r="A69571" s="13" t="s">
        <v>362</v>
      </c>
      <c r="B69571" s="14" t="s">
        <v>1</v>
      </c>
      <c r="C69571" s="14" t="s">
        <v>63</v>
      </c>
      <c r="D69571" s="14" t="s">
        <v>14</v>
      </c>
      <c r="E69571" s="15">
        <v>45597</v>
      </c>
      <c r="F69571" s="14" t="s">
        <v>15</v>
      </c>
      <c r="G69571" s="16">
        <v>2.6262850977496437</v>
      </c>
    </row>
    <row r="69572" spans="1:7" x14ac:dyDescent="0.3">
      <c r="A69572" s="13" t="s">
        <v>362</v>
      </c>
      <c r="B69572" s="14" t="s">
        <v>1</v>
      </c>
      <c r="C69572" s="14" t="s">
        <v>63</v>
      </c>
      <c r="D69572" s="14" t="s">
        <v>14</v>
      </c>
      <c r="E69572" s="15">
        <v>45598</v>
      </c>
      <c r="F69572" s="14" t="s">
        <v>15</v>
      </c>
      <c r="G69572" s="16">
        <v>2.6262850977496437</v>
      </c>
    </row>
    <row r="69573" spans="1:7" x14ac:dyDescent="0.3">
      <c r="A69573" s="13" t="s">
        <v>362</v>
      </c>
      <c r="B69573" s="14" t="s">
        <v>1</v>
      </c>
      <c r="C69573" s="14" t="s">
        <v>63</v>
      </c>
      <c r="D69573" s="14" t="s">
        <v>14</v>
      </c>
      <c r="E69573" s="15">
        <v>45599</v>
      </c>
      <c r="F69573" s="14" t="s">
        <v>15</v>
      </c>
      <c r="G69573" s="16">
        <v>2.6262850977496437</v>
      </c>
    </row>
    <row r="69574" spans="1:7" x14ac:dyDescent="0.3">
      <c r="A69574" s="13" t="s">
        <v>362</v>
      </c>
      <c r="B69574" s="14" t="s">
        <v>1</v>
      </c>
      <c r="C69574" s="14" t="s">
        <v>63</v>
      </c>
      <c r="D69574" s="14" t="s">
        <v>14</v>
      </c>
      <c r="E69574" s="15">
        <v>45600</v>
      </c>
      <c r="F69574" s="14" t="s">
        <v>15</v>
      </c>
      <c r="G69574" s="16">
        <v>2.6378497524120808</v>
      </c>
    </row>
    <row r="69575" spans="1:7" x14ac:dyDescent="0.3">
      <c r="A69575" s="13" t="s">
        <v>362</v>
      </c>
      <c r="B69575" s="14" t="s">
        <v>1</v>
      </c>
      <c r="C69575" s="14" t="s">
        <v>63</v>
      </c>
      <c r="D69575" s="14" t="s">
        <v>14</v>
      </c>
      <c r="E69575" s="15">
        <v>45601</v>
      </c>
      <c r="F69575" s="14" t="s">
        <v>15</v>
      </c>
      <c r="G69575" s="16">
        <v>2.6734188382582347</v>
      </c>
    </row>
    <row r="69576" spans="1:7" x14ac:dyDescent="0.3">
      <c r="A69576" s="13" t="s">
        <v>362</v>
      </c>
      <c r="B69576" s="14" t="s">
        <v>1</v>
      </c>
      <c r="C69576" s="14" t="s">
        <v>63</v>
      </c>
      <c r="D69576" s="14" t="s">
        <v>14</v>
      </c>
      <c r="E69576" s="15">
        <v>45602</v>
      </c>
      <c r="F69576" s="14" t="s">
        <v>15</v>
      </c>
      <c r="G69576" s="16">
        <v>2.6854260795503135</v>
      </c>
    </row>
    <row r="69577" spans="1:7" x14ac:dyDescent="0.3">
      <c r="A69577" s="13" t="s">
        <v>362</v>
      </c>
      <c r="B69577" s="14" t="s">
        <v>1</v>
      </c>
      <c r="C69577" s="14" t="s">
        <v>63</v>
      </c>
      <c r="D69577" s="14" t="s">
        <v>14</v>
      </c>
      <c r="E69577" s="15">
        <v>45603</v>
      </c>
      <c r="F69577" s="14" t="s">
        <v>15</v>
      </c>
      <c r="G69577" s="16">
        <v>2.6974329072652452</v>
      </c>
    </row>
    <row r="69578" spans="1:7" x14ac:dyDescent="0.3">
      <c r="A69578" s="13" t="s">
        <v>362</v>
      </c>
      <c r="B69578" s="14" t="s">
        <v>1</v>
      </c>
      <c r="C69578" s="14" t="s">
        <v>63</v>
      </c>
      <c r="D69578" s="14" t="s">
        <v>14</v>
      </c>
      <c r="E69578" s="15">
        <v>45604</v>
      </c>
      <c r="F69578" s="14" t="s">
        <v>15</v>
      </c>
      <c r="G69578" s="16">
        <v>2.7120748122304796</v>
      </c>
    </row>
    <row r="69579" spans="1:7" x14ac:dyDescent="0.3">
      <c r="A69579" s="13" t="s">
        <v>362</v>
      </c>
      <c r="B69579" s="14" t="s">
        <v>1</v>
      </c>
      <c r="C69579" s="14" t="s">
        <v>63</v>
      </c>
      <c r="D69579" s="14" t="s">
        <v>14</v>
      </c>
      <c r="E69579" s="15">
        <v>45605</v>
      </c>
      <c r="F69579" s="14" t="s">
        <v>15</v>
      </c>
      <c r="G69579" s="16">
        <v>2.7120748122304796</v>
      </c>
    </row>
    <row r="69580" spans="1:7" x14ac:dyDescent="0.3">
      <c r="A69580" s="13" t="s">
        <v>362</v>
      </c>
      <c r="B69580" s="14" t="s">
        <v>1</v>
      </c>
      <c r="C69580" s="14" t="s">
        <v>63</v>
      </c>
      <c r="D69580" s="14" t="s">
        <v>14</v>
      </c>
      <c r="E69580" s="15">
        <v>45606</v>
      </c>
      <c r="F69580" s="14" t="s">
        <v>15</v>
      </c>
      <c r="G69580" s="16">
        <v>2.7120748122304796</v>
      </c>
    </row>
    <row r="69581" spans="1:7" x14ac:dyDescent="0.3">
      <c r="A69581" s="13" t="s">
        <v>362</v>
      </c>
      <c r="B69581" s="14" t="s">
        <v>1</v>
      </c>
      <c r="C69581" s="14" t="s">
        <v>63</v>
      </c>
      <c r="D69581" s="14" t="s">
        <v>14</v>
      </c>
      <c r="E69581" s="15">
        <v>45607</v>
      </c>
      <c r="F69581" s="14" t="s">
        <v>15</v>
      </c>
      <c r="G69581" s="16">
        <v>2.7249177156891116</v>
      </c>
    </row>
    <row r="69582" spans="1:7" x14ac:dyDescent="0.3">
      <c r="A69582" s="13" t="s">
        <v>362</v>
      </c>
      <c r="B69582" s="14" t="s">
        <v>1</v>
      </c>
      <c r="C69582" s="14" t="s">
        <v>63</v>
      </c>
      <c r="D69582" s="14" t="s">
        <v>14</v>
      </c>
      <c r="E69582" s="15">
        <v>45608</v>
      </c>
      <c r="F69582" s="14" t="s">
        <v>15</v>
      </c>
      <c r="G69582" s="16">
        <v>2.7608402327485235</v>
      </c>
    </row>
    <row r="69583" spans="1:7" x14ac:dyDescent="0.3">
      <c r="A69583" s="13" t="s">
        <v>362</v>
      </c>
      <c r="B69583" s="14" t="s">
        <v>1</v>
      </c>
      <c r="C69583" s="14" t="s">
        <v>63</v>
      </c>
      <c r="D69583" s="14" t="s">
        <v>14</v>
      </c>
      <c r="E69583" s="15">
        <v>45609</v>
      </c>
      <c r="F69583" s="14" t="s">
        <v>15</v>
      </c>
      <c r="G69583" s="16">
        <v>2.7816343931862697</v>
      </c>
    </row>
    <row r="69584" spans="1:7" x14ac:dyDescent="0.3">
      <c r="A69584" s="13" t="s">
        <v>362</v>
      </c>
      <c r="B69584" s="14" t="s">
        <v>1</v>
      </c>
      <c r="C69584" s="14" t="s">
        <v>63</v>
      </c>
      <c r="D69584" s="14" t="s">
        <v>14</v>
      </c>
      <c r="E69584" s="15">
        <v>45610</v>
      </c>
      <c r="F69584" s="14" t="s">
        <v>15</v>
      </c>
      <c r="G69584" s="16">
        <v>2.7934962916524348</v>
      </c>
    </row>
    <row r="69585" spans="1:7" x14ac:dyDescent="0.3">
      <c r="A69585" s="13" t="s">
        <v>362</v>
      </c>
      <c r="B69585" s="14" t="s">
        <v>1</v>
      </c>
      <c r="C69585" s="14" t="s">
        <v>63</v>
      </c>
      <c r="D69585" s="14" t="s">
        <v>14</v>
      </c>
      <c r="E69585" s="15">
        <v>45611</v>
      </c>
      <c r="F69585" s="14" t="s">
        <v>15</v>
      </c>
      <c r="G69585" s="16">
        <v>2.8053653390949966</v>
      </c>
    </row>
    <row r="69586" spans="1:7" x14ac:dyDescent="0.3">
      <c r="A69586" s="13" t="s">
        <v>362</v>
      </c>
      <c r="B69586" s="14" t="s">
        <v>1</v>
      </c>
      <c r="C69586" s="14" t="s">
        <v>63</v>
      </c>
      <c r="D69586" s="14" t="s">
        <v>14</v>
      </c>
      <c r="E69586" s="15">
        <v>45612</v>
      </c>
      <c r="F69586" s="14" t="s">
        <v>15</v>
      </c>
      <c r="G69586" s="16">
        <v>2.8053653390949966</v>
      </c>
    </row>
    <row r="69587" spans="1:7" x14ac:dyDescent="0.3">
      <c r="A69587" s="13" t="s">
        <v>362</v>
      </c>
      <c r="B69587" s="14" t="s">
        <v>1</v>
      </c>
      <c r="C69587" s="14" t="s">
        <v>63</v>
      </c>
      <c r="D69587" s="14" t="s">
        <v>14</v>
      </c>
      <c r="E69587" s="15">
        <v>45613</v>
      </c>
      <c r="F69587" s="14" t="s">
        <v>15</v>
      </c>
      <c r="G69587" s="16">
        <v>2.8053653390949966</v>
      </c>
    </row>
    <row r="69588" spans="1:7" x14ac:dyDescent="0.3">
      <c r="A69588" s="13" t="s">
        <v>362</v>
      </c>
      <c r="B69588" s="14" t="s">
        <v>1</v>
      </c>
      <c r="C69588" s="14" t="s">
        <v>63</v>
      </c>
      <c r="D69588" s="14" t="s">
        <v>14</v>
      </c>
      <c r="E69588" s="15">
        <v>45614</v>
      </c>
      <c r="F69588" s="14" t="s">
        <v>15</v>
      </c>
      <c r="G69588" s="16">
        <v>2.8175120740504824</v>
      </c>
    </row>
    <row r="69589" spans="1:7" x14ac:dyDescent="0.3">
      <c r="A69589" s="13" t="s">
        <v>362</v>
      </c>
      <c r="B69589" s="14" t="s">
        <v>1</v>
      </c>
      <c r="C69589" s="14" t="s">
        <v>63</v>
      </c>
      <c r="D69589" s="14" t="s">
        <v>14</v>
      </c>
      <c r="E69589" s="15">
        <v>45615</v>
      </c>
      <c r="F69589" s="14" t="s">
        <v>15</v>
      </c>
      <c r="G69589" s="16">
        <v>2.8607632372355627</v>
      </c>
    </row>
    <row r="69590" spans="1:7" x14ac:dyDescent="0.3">
      <c r="A69590" s="13" t="s">
        <v>362</v>
      </c>
      <c r="B69590" s="14" t="s">
        <v>1</v>
      </c>
      <c r="C69590" s="14" t="s">
        <v>63</v>
      </c>
      <c r="D69590" s="14" t="s">
        <v>14</v>
      </c>
      <c r="E69590" s="15">
        <v>45616</v>
      </c>
      <c r="F69590" s="14" t="s">
        <v>15</v>
      </c>
      <c r="G69590" s="16">
        <v>2.8718903863590199</v>
      </c>
    </row>
    <row r="69591" spans="1:7" x14ac:dyDescent="0.3">
      <c r="A69591" s="13" t="s">
        <v>362</v>
      </c>
      <c r="B69591" s="14" t="s">
        <v>1</v>
      </c>
      <c r="C69591" s="14" t="s">
        <v>63</v>
      </c>
      <c r="D69591" s="14" t="s">
        <v>14</v>
      </c>
      <c r="E69591" s="15">
        <v>45617</v>
      </c>
      <c r="F69591" s="14" t="s">
        <v>15</v>
      </c>
      <c r="G69591" s="16">
        <v>2.8839291776791627</v>
      </c>
    </row>
    <row r="69592" spans="1:7" x14ac:dyDescent="0.3">
      <c r="A69592" s="13" t="s">
        <v>362</v>
      </c>
      <c r="B69592" s="14" t="s">
        <v>1</v>
      </c>
      <c r="C69592" s="14" t="s">
        <v>63</v>
      </c>
      <c r="D69592" s="14" t="s">
        <v>14</v>
      </c>
      <c r="E69592" s="15">
        <v>45618</v>
      </c>
      <c r="F69592" s="14" t="s">
        <v>15</v>
      </c>
      <c r="G69592" s="16">
        <v>2.8965667696255792</v>
      </c>
    </row>
    <row r="69593" spans="1:7" x14ac:dyDescent="0.3">
      <c r="A69593" s="13" t="s">
        <v>362</v>
      </c>
      <c r="B69593" s="14" t="s">
        <v>1</v>
      </c>
      <c r="C69593" s="14" t="s">
        <v>63</v>
      </c>
      <c r="D69593" s="14" t="s">
        <v>14</v>
      </c>
      <c r="E69593" s="15">
        <v>45619</v>
      </c>
      <c r="F69593" s="14" t="s">
        <v>15</v>
      </c>
      <c r="G69593" s="16">
        <v>2.8965667696255792</v>
      </c>
    </row>
    <row r="69594" spans="1:7" x14ac:dyDescent="0.3">
      <c r="A69594" s="13" t="s">
        <v>362</v>
      </c>
      <c r="B69594" s="14" t="s">
        <v>1</v>
      </c>
      <c r="C69594" s="14" t="s">
        <v>63</v>
      </c>
      <c r="D69594" s="14" t="s">
        <v>14</v>
      </c>
      <c r="E69594" s="15">
        <v>45620</v>
      </c>
      <c r="F69594" s="14" t="s">
        <v>15</v>
      </c>
      <c r="G69594" s="16">
        <v>2.8965667696255792</v>
      </c>
    </row>
    <row r="69595" spans="1:7" x14ac:dyDescent="0.3">
      <c r="A69595" s="13" t="s">
        <v>362</v>
      </c>
      <c r="B69595" s="14" t="s">
        <v>1</v>
      </c>
      <c r="C69595" s="14" t="s">
        <v>63</v>
      </c>
      <c r="D69595" s="14" t="s">
        <v>14</v>
      </c>
      <c r="E69595" s="15">
        <v>45621</v>
      </c>
      <c r="F69595" s="14" t="s">
        <v>15</v>
      </c>
      <c r="G69595" s="16">
        <v>2.9086199179809649</v>
      </c>
    </row>
    <row r="69596" spans="1:7" x14ac:dyDescent="0.3">
      <c r="A69596" s="13" t="s">
        <v>362</v>
      </c>
      <c r="B69596" s="14" t="s">
        <v>1</v>
      </c>
      <c r="C69596" s="14" t="s">
        <v>63</v>
      </c>
      <c r="D69596" s="14" t="s">
        <v>14</v>
      </c>
      <c r="E69596" s="15">
        <v>45622</v>
      </c>
      <c r="F69596" s="14" t="s">
        <v>15</v>
      </c>
      <c r="G69596" s="16">
        <v>2.9457751903504121</v>
      </c>
    </row>
    <row r="69597" spans="1:7" x14ac:dyDescent="0.3">
      <c r="A69597" s="13" t="s">
        <v>362</v>
      </c>
      <c r="B69597" s="14" t="s">
        <v>1</v>
      </c>
      <c r="C69597" s="14" t="s">
        <v>63</v>
      </c>
      <c r="D69597" s="14" t="s">
        <v>14</v>
      </c>
      <c r="E69597" s="15">
        <v>45623</v>
      </c>
      <c r="F69597" s="14" t="s">
        <v>15</v>
      </c>
      <c r="G69597" s="16">
        <v>2.9538239666045301</v>
      </c>
    </row>
    <row r="69598" spans="1:7" x14ac:dyDescent="0.3">
      <c r="A69598" s="13" t="s">
        <v>362</v>
      </c>
      <c r="B69598" s="14" t="s">
        <v>1</v>
      </c>
      <c r="C69598" s="14" t="s">
        <v>63</v>
      </c>
      <c r="D69598" s="14" t="s">
        <v>14</v>
      </c>
      <c r="E69598" s="15">
        <v>45624</v>
      </c>
      <c r="F69598" s="14" t="s">
        <v>15</v>
      </c>
      <c r="G69598" s="16">
        <v>2.9692607668461228</v>
      </c>
    </row>
    <row r="69599" spans="1:7" x14ac:dyDescent="0.3">
      <c r="A69599" s="13" t="s">
        <v>362</v>
      </c>
      <c r="B69599" s="14" t="s">
        <v>1</v>
      </c>
      <c r="C69599" s="14" t="s">
        <v>63</v>
      </c>
      <c r="D69599" s="14" t="s">
        <v>14</v>
      </c>
      <c r="E69599" s="15">
        <v>45625</v>
      </c>
      <c r="F69599" s="14" t="s">
        <v>15</v>
      </c>
      <c r="G69599" s="16">
        <v>2.9813033394430373</v>
      </c>
    </row>
    <row r="69600" spans="1:7" x14ac:dyDescent="0.3">
      <c r="A69600" s="13" t="s">
        <v>362</v>
      </c>
      <c r="B69600" s="14" t="s">
        <v>1</v>
      </c>
      <c r="C69600" s="14" t="s">
        <v>63</v>
      </c>
      <c r="D69600" s="14" t="s">
        <v>14</v>
      </c>
      <c r="E69600" s="15">
        <v>45626</v>
      </c>
      <c r="F69600" s="14" t="s">
        <v>15</v>
      </c>
      <c r="G69600" s="16">
        <v>2.9813033394430373</v>
      </c>
    </row>
    <row r="69601" spans="1:7" x14ac:dyDescent="0.3">
      <c r="A69601" s="13" t="s">
        <v>362</v>
      </c>
      <c r="B69601" s="14" t="s">
        <v>1</v>
      </c>
      <c r="C69601" s="14" t="s">
        <v>63</v>
      </c>
      <c r="D69601" s="14" t="s">
        <v>14</v>
      </c>
      <c r="E69601" s="15">
        <v>45627</v>
      </c>
      <c r="F69601" s="14" t="s">
        <v>15</v>
      </c>
      <c r="G69601" s="16">
        <v>2.9813033394430373</v>
      </c>
    </row>
    <row r="69602" spans="1:7" x14ac:dyDescent="0.3">
      <c r="A69602" s="13" t="s">
        <v>362</v>
      </c>
      <c r="B69602" s="14" t="s">
        <v>1</v>
      </c>
      <c r="C69602" s="14" t="s">
        <v>63</v>
      </c>
      <c r="D69602" s="14" t="s">
        <v>14</v>
      </c>
      <c r="E69602" s="15">
        <v>45628</v>
      </c>
      <c r="F69602" s="14" t="s">
        <v>15</v>
      </c>
      <c r="G69602" s="16">
        <v>2.9966269967937258</v>
      </c>
    </row>
    <row r="69603" spans="1:7" x14ac:dyDescent="0.3">
      <c r="A69603" s="13" t="s">
        <v>362</v>
      </c>
      <c r="B69603" s="14" t="s">
        <v>1</v>
      </c>
      <c r="C69603" s="14" t="s">
        <v>63</v>
      </c>
      <c r="D69603" s="14" t="s">
        <v>14</v>
      </c>
      <c r="E69603" s="15">
        <v>45629</v>
      </c>
      <c r="F69603" s="14" t="s">
        <v>15</v>
      </c>
      <c r="G69603" s="16">
        <v>3.0325082152208962</v>
      </c>
    </row>
    <row r="69604" spans="1:7" x14ac:dyDescent="0.3">
      <c r="A69604" s="13" t="s">
        <v>362</v>
      </c>
      <c r="B69604" s="14" t="s">
        <v>1</v>
      </c>
      <c r="C69604" s="14" t="s">
        <v>63</v>
      </c>
      <c r="D69604" s="14" t="s">
        <v>14</v>
      </c>
      <c r="E69604" s="15">
        <v>45630</v>
      </c>
      <c r="F69604" s="14" t="s">
        <v>15</v>
      </c>
      <c r="G69604" s="16">
        <v>3.0451794841635613</v>
      </c>
    </row>
    <row r="69605" spans="1:7" x14ac:dyDescent="0.3">
      <c r="A69605" s="13" t="s">
        <v>362</v>
      </c>
      <c r="B69605" s="14" t="s">
        <v>1</v>
      </c>
      <c r="C69605" s="14" t="s">
        <v>63</v>
      </c>
      <c r="D69605" s="14" t="s">
        <v>14</v>
      </c>
      <c r="E69605" s="15">
        <v>45631</v>
      </c>
      <c r="F69605" s="14" t="s">
        <v>15</v>
      </c>
      <c r="G69605" s="16">
        <v>3.0568230729786086</v>
      </c>
    </row>
    <row r="69606" spans="1:7" x14ac:dyDescent="0.3">
      <c r="A69606" s="13" t="s">
        <v>362</v>
      </c>
      <c r="B69606" s="14" t="s">
        <v>1</v>
      </c>
      <c r="C69606" s="14" t="s">
        <v>63</v>
      </c>
      <c r="D69606" s="14" t="s">
        <v>14</v>
      </c>
      <c r="E69606" s="15">
        <v>45632</v>
      </c>
      <c r="F69606" s="14" t="s">
        <v>15</v>
      </c>
      <c r="G69606" s="16">
        <v>3.0690278859820102</v>
      </c>
    </row>
    <row r="69607" spans="1:7" x14ac:dyDescent="0.3">
      <c r="A69607" s="13" t="s">
        <v>362</v>
      </c>
      <c r="B69607" s="14" t="s">
        <v>1</v>
      </c>
      <c r="C69607" s="14" t="s">
        <v>63</v>
      </c>
      <c r="D69607" s="14" t="s">
        <v>14</v>
      </c>
      <c r="E69607" s="15">
        <v>45633</v>
      </c>
      <c r="F69607" s="14" t="s">
        <v>15</v>
      </c>
      <c r="G69607" s="16">
        <v>3.0690278859820102</v>
      </c>
    </row>
    <row r="69608" spans="1:7" x14ac:dyDescent="0.3">
      <c r="A69608" s="13" t="s">
        <v>362</v>
      </c>
      <c r="B69608" s="14" t="s">
        <v>1</v>
      </c>
      <c r="C69608" s="14" t="s">
        <v>63</v>
      </c>
      <c r="D69608" s="14" t="s">
        <v>14</v>
      </c>
      <c r="E69608" s="15">
        <v>45634</v>
      </c>
      <c r="F69608" s="14" t="s">
        <v>15</v>
      </c>
      <c r="G69608" s="16">
        <v>3.0690278859820102</v>
      </c>
    </row>
    <row r="69609" spans="1:7" x14ac:dyDescent="0.3">
      <c r="A69609" s="13" t="s">
        <v>362</v>
      </c>
      <c r="B69609" s="14" t="s">
        <v>1</v>
      </c>
      <c r="C69609" s="14" t="s">
        <v>63</v>
      </c>
      <c r="D69609" s="14" t="s">
        <v>14</v>
      </c>
      <c r="E69609" s="15">
        <v>45635</v>
      </c>
      <c r="F69609" s="14" t="s">
        <v>15</v>
      </c>
      <c r="G69609" s="16">
        <v>3.0868724732904544</v>
      </c>
    </row>
    <row r="69610" spans="1:7" x14ac:dyDescent="0.3">
      <c r="A69610" s="13" t="s">
        <v>362</v>
      </c>
      <c r="B69610" s="14" t="s">
        <v>1</v>
      </c>
      <c r="C69610" s="14" t="s">
        <v>63</v>
      </c>
      <c r="D69610" s="14" t="s">
        <v>14</v>
      </c>
      <c r="E69610" s="15">
        <v>45636</v>
      </c>
      <c r="F69610" s="14" t="s">
        <v>15</v>
      </c>
      <c r="G69610" s="16">
        <v>3.1227156426201095</v>
      </c>
    </row>
    <row r="69611" spans="1:7" x14ac:dyDescent="0.3">
      <c r="A69611" s="13" t="s">
        <v>362</v>
      </c>
      <c r="B69611" s="14" t="s">
        <v>1</v>
      </c>
      <c r="C69611" s="14" t="s">
        <v>63</v>
      </c>
      <c r="D69611" s="14" t="s">
        <v>14</v>
      </c>
      <c r="E69611" s="15">
        <v>45637</v>
      </c>
      <c r="F69611" s="14" t="s">
        <v>15</v>
      </c>
      <c r="G69611" s="16">
        <v>3.1345748232935948</v>
      </c>
    </row>
    <row r="69612" spans="1:7" x14ac:dyDescent="0.3">
      <c r="A69612" s="13" t="s">
        <v>362</v>
      </c>
      <c r="B69612" s="14" t="s">
        <v>1</v>
      </c>
      <c r="C69612" s="14" t="s">
        <v>63</v>
      </c>
      <c r="D69612" s="14" t="s">
        <v>14</v>
      </c>
      <c r="E69612" s="15">
        <v>45638</v>
      </c>
      <c r="F69612" s="14" t="s">
        <v>15</v>
      </c>
      <c r="G69612" s="16">
        <v>3.1465572499568588</v>
      </c>
    </row>
    <row r="69613" spans="1:7" x14ac:dyDescent="0.3">
      <c r="A69613" s="13" t="s">
        <v>362</v>
      </c>
      <c r="B69613" s="14" t="s">
        <v>1</v>
      </c>
      <c r="C69613" s="14" t="s">
        <v>63</v>
      </c>
      <c r="D69613" s="14" t="s">
        <v>14</v>
      </c>
      <c r="E69613" s="15">
        <v>45639</v>
      </c>
      <c r="F69613" s="14" t="s">
        <v>15</v>
      </c>
      <c r="G69613" s="16">
        <v>3.1587643671757935</v>
      </c>
    </row>
    <row r="69614" spans="1:7" x14ac:dyDescent="0.3">
      <c r="A69614" s="13" t="s">
        <v>362</v>
      </c>
      <c r="B69614" s="14" t="s">
        <v>1</v>
      </c>
      <c r="C69614" s="14" t="s">
        <v>63</v>
      </c>
      <c r="D69614" s="14" t="s">
        <v>14</v>
      </c>
      <c r="E69614" s="15">
        <v>45640</v>
      </c>
      <c r="F69614" s="14" t="s">
        <v>15</v>
      </c>
      <c r="G69614" s="16">
        <v>3.1587643671757935</v>
      </c>
    </row>
    <row r="69615" spans="1:7" x14ac:dyDescent="0.3">
      <c r="A69615" s="13" t="s">
        <v>362</v>
      </c>
      <c r="B69615" s="14" t="s">
        <v>1</v>
      </c>
      <c r="C69615" s="14" t="s">
        <v>63</v>
      </c>
      <c r="D69615" s="14" t="s">
        <v>14</v>
      </c>
      <c r="E69615" s="15">
        <v>45641</v>
      </c>
      <c r="F69615" s="14" t="s">
        <v>15</v>
      </c>
      <c r="G69615" s="16">
        <v>3.1587643671757935</v>
      </c>
    </row>
    <row r="69616" spans="1:7" x14ac:dyDescent="0.3">
      <c r="A69616" s="13" t="s">
        <v>362</v>
      </c>
      <c r="B69616" s="14" t="s">
        <v>1</v>
      </c>
      <c r="C69616" s="14" t="s">
        <v>63</v>
      </c>
      <c r="D69616" s="14" t="s">
        <v>14</v>
      </c>
      <c r="E69616" s="15">
        <v>45642</v>
      </c>
      <c r="F69616" s="14" t="s">
        <v>15</v>
      </c>
      <c r="G69616" s="16">
        <v>3.1703233499230725</v>
      </c>
    </row>
    <row r="69617" spans="1:7" x14ac:dyDescent="0.3">
      <c r="A69617" s="13" t="s">
        <v>362</v>
      </c>
      <c r="B69617" s="14" t="s">
        <v>1</v>
      </c>
      <c r="C69617" s="14" t="s">
        <v>63</v>
      </c>
      <c r="D69617" s="14" t="s">
        <v>14</v>
      </c>
      <c r="E69617" s="15">
        <v>45643</v>
      </c>
      <c r="F69617" s="14" t="s">
        <v>15</v>
      </c>
      <c r="G69617" s="16">
        <v>3.2051001401206491</v>
      </c>
    </row>
    <row r="69618" spans="1:7" x14ac:dyDescent="0.3">
      <c r="A69618" s="13" t="s">
        <v>362</v>
      </c>
      <c r="B69618" s="14" t="s">
        <v>1</v>
      </c>
      <c r="C69618" s="14" t="s">
        <v>63</v>
      </c>
      <c r="D69618" s="14" t="s">
        <v>14</v>
      </c>
      <c r="E69618" s="15">
        <v>45644</v>
      </c>
      <c r="F69618" s="14" t="s">
        <v>15</v>
      </c>
      <c r="G69618" s="16">
        <v>3.2166962266462509</v>
      </c>
    </row>
    <row r="69619" spans="1:7" x14ac:dyDescent="0.3">
      <c r="A69619" s="13" t="s">
        <v>362</v>
      </c>
      <c r="B69619" s="14" t="s">
        <v>1</v>
      </c>
      <c r="C69619" s="14" t="s">
        <v>63</v>
      </c>
      <c r="D69619" s="14" t="s">
        <v>14</v>
      </c>
      <c r="E69619" s="15">
        <v>45645</v>
      </c>
      <c r="F69619" s="14" t="s">
        <v>15</v>
      </c>
      <c r="G69619" s="16">
        <v>3.2283711882420127</v>
      </c>
    </row>
    <row r="69620" spans="1:7" x14ac:dyDescent="0.3">
      <c r="A69620" s="13" t="s">
        <v>362</v>
      </c>
      <c r="B69620" s="14" t="s">
        <v>1</v>
      </c>
      <c r="C69620" s="14" t="s">
        <v>63</v>
      </c>
      <c r="D69620" s="14" t="s">
        <v>14</v>
      </c>
      <c r="E69620" s="15">
        <v>45646</v>
      </c>
      <c r="F69620" s="14" t="s">
        <v>15</v>
      </c>
      <c r="G69620" s="16">
        <v>3.2414135108048665</v>
      </c>
    </row>
    <row r="69621" spans="1:7" x14ac:dyDescent="0.3">
      <c r="A69621" s="13" t="s">
        <v>362</v>
      </c>
      <c r="B69621" s="14" t="s">
        <v>1</v>
      </c>
      <c r="C69621" s="14" t="s">
        <v>63</v>
      </c>
      <c r="D69621" s="14" t="s">
        <v>14</v>
      </c>
      <c r="E69621" s="15">
        <v>45647</v>
      </c>
      <c r="F69621" s="14" t="s">
        <v>15</v>
      </c>
      <c r="G69621" s="16">
        <v>3.2414135108048665</v>
      </c>
    </row>
    <row r="69622" spans="1:7" x14ac:dyDescent="0.3">
      <c r="A69622" s="13" t="s">
        <v>362</v>
      </c>
      <c r="B69622" s="14" t="s">
        <v>1</v>
      </c>
      <c r="C69622" s="14" t="s">
        <v>63</v>
      </c>
      <c r="D69622" s="14" t="s">
        <v>14</v>
      </c>
      <c r="E69622" s="15">
        <v>45648</v>
      </c>
      <c r="F69622" s="14" t="s">
        <v>15</v>
      </c>
      <c r="G69622" s="16">
        <v>3.2414135108048665</v>
      </c>
    </row>
    <row r="69623" spans="1:7" x14ac:dyDescent="0.3">
      <c r="A69623" s="13" t="s">
        <v>362</v>
      </c>
      <c r="B69623" s="14" t="s">
        <v>1</v>
      </c>
      <c r="C69623" s="14" t="s">
        <v>63</v>
      </c>
      <c r="D69623" s="14" t="s">
        <v>14</v>
      </c>
      <c r="E69623" s="15">
        <v>45649</v>
      </c>
      <c r="F69623" s="14" t="s">
        <v>15</v>
      </c>
      <c r="G69623" s="16">
        <v>3.2529350324517168</v>
      </c>
    </row>
    <row r="69624" spans="1:7" x14ac:dyDescent="0.3">
      <c r="A69624" s="13" t="s">
        <v>362</v>
      </c>
      <c r="B69624" s="14" t="s">
        <v>1</v>
      </c>
      <c r="C69624" s="14" t="s">
        <v>63</v>
      </c>
      <c r="D69624" s="14" t="s">
        <v>14</v>
      </c>
      <c r="E69624" s="15">
        <v>45650</v>
      </c>
      <c r="F69624" s="14" t="s">
        <v>15</v>
      </c>
      <c r="G69624" s="16">
        <v>3.2872562370203835</v>
      </c>
    </row>
    <row r="69625" spans="1:7" x14ac:dyDescent="0.3">
      <c r="A69625" s="13" t="s">
        <v>362</v>
      </c>
      <c r="B69625" s="14" t="s">
        <v>1</v>
      </c>
      <c r="C69625" s="14" t="s">
        <v>63</v>
      </c>
      <c r="D69625" s="14" t="s">
        <v>14</v>
      </c>
      <c r="E69625" s="15">
        <v>45651</v>
      </c>
      <c r="F69625" s="14" t="s">
        <v>15</v>
      </c>
      <c r="G69625" s="16">
        <v>3.2872562370203835</v>
      </c>
    </row>
    <row r="69626" spans="1:7" x14ac:dyDescent="0.3">
      <c r="A69626" s="13" t="s">
        <v>362</v>
      </c>
      <c r="B69626" s="14" t="s">
        <v>1</v>
      </c>
      <c r="C69626" s="14" t="s">
        <v>63</v>
      </c>
      <c r="D69626" s="14" t="s">
        <v>14</v>
      </c>
      <c r="E69626" s="15">
        <v>45652</v>
      </c>
      <c r="F69626" s="14" t="s">
        <v>15</v>
      </c>
      <c r="G69626" s="16">
        <v>3.2872562370203835</v>
      </c>
    </row>
    <row r="69627" spans="1:7" x14ac:dyDescent="0.3">
      <c r="A69627" s="13" t="s">
        <v>362</v>
      </c>
      <c r="B69627" s="14" t="s">
        <v>1</v>
      </c>
      <c r="C69627" s="14" t="s">
        <v>63</v>
      </c>
      <c r="D69627" s="14" t="s">
        <v>14</v>
      </c>
      <c r="E69627" s="15">
        <v>45653</v>
      </c>
      <c r="F69627" s="14" t="s">
        <v>15</v>
      </c>
      <c r="G69627" s="16">
        <v>3.2872562370203835</v>
      </c>
    </row>
    <row r="69628" spans="1:7" x14ac:dyDescent="0.3">
      <c r="A69628" s="13" t="s">
        <v>362</v>
      </c>
      <c r="B69628" s="14" t="s">
        <v>1</v>
      </c>
      <c r="C69628" s="14" t="s">
        <v>63</v>
      </c>
      <c r="D69628" s="14" t="s">
        <v>14</v>
      </c>
      <c r="E69628" s="15">
        <v>45654</v>
      </c>
      <c r="F69628" s="14" t="s">
        <v>15</v>
      </c>
      <c r="G69628" s="16">
        <v>3.2872562370203835</v>
      </c>
    </row>
    <row r="69629" spans="1:7" x14ac:dyDescent="0.3">
      <c r="A69629" s="13" t="s">
        <v>362</v>
      </c>
      <c r="B69629" s="14" t="s">
        <v>1</v>
      </c>
      <c r="C69629" s="14" t="s">
        <v>63</v>
      </c>
      <c r="D69629" s="14" t="s">
        <v>14</v>
      </c>
      <c r="E69629" s="15">
        <v>45655</v>
      </c>
      <c r="F69629" s="14" t="s">
        <v>15</v>
      </c>
      <c r="G69629" s="16">
        <v>3.2872562370203835</v>
      </c>
    </row>
    <row r="69630" spans="1:7" x14ac:dyDescent="0.3">
      <c r="A69630" s="13" t="s">
        <v>362</v>
      </c>
      <c r="B69630" s="14" t="s">
        <v>1</v>
      </c>
      <c r="C69630" s="14" t="s">
        <v>63</v>
      </c>
      <c r="D69630" s="14" t="s">
        <v>14</v>
      </c>
      <c r="E69630" s="15">
        <v>45656</v>
      </c>
      <c r="F69630" s="14" t="s">
        <v>15</v>
      </c>
      <c r="G69630" s="16">
        <v>3.2983926261109371</v>
      </c>
    </row>
    <row r="69631" spans="1:7" x14ac:dyDescent="0.3">
      <c r="A69631" s="13" t="s">
        <v>362</v>
      </c>
      <c r="B69631" s="14" t="s">
        <v>1</v>
      </c>
      <c r="C69631" s="14" t="s">
        <v>63</v>
      </c>
      <c r="D69631" s="14" t="s">
        <v>14</v>
      </c>
      <c r="E69631" s="15">
        <v>45657</v>
      </c>
      <c r="F69631" s="14" t="s">
        <v>15</v>
      </c>
      <c r="G69631" s="16">
        <v>3.3658480898029413</v>
      </c>
    </row>
    <row r="69632" spans="1:7" x14ac:dyDescent="0.3">
      <c r="A69632" s="13" t="s">
        <v>362</v>
      </c>
      <c r="B69632" s="14" t="s">
        <v>1</v>
      </c>
      <c r="C69632" s="14" t="s">
        <v>63</v>
      </c>
      <c r="D69632" s="14" t="s">
        <v>14</v>
      </c>
      <c r="E69632" s="15">
        <v>45658</v>
      </c>
      <c r="F69632" s="14" t="s">
        <v>15</v>
      </c>
      <c r="G69632" s="16">
        <v>3.3658480898029413</v>
      </c>
    </row>
    <row r="69633" spans="1:7" x14ac:dyDescent="0.3">
      <c r="A69633" s="13" t="s">
        <v>362</v>
      </c>
      <c r="B69633" s="14" t="s">
        <v>1</v>
      </c>
      <c r="C69633" s="14" t="s">
        <v>63</v>
      </c>
      <c r="D69633" s="14" t="s">
        <v>14</v>
      </c>
      <c r="E69633" s="15">
        <v>45659</v>
      </c>
      <c r="F69633" s="14" t="s">
        <v>15</v>
      </c>
      <c r="G69633" s="16">
        <v>3.3763038764449469</v>
      </c>
    </row>
    <row r="69634" spans="1:7" x14ac:dyDescent="0.3">
      <c r="A69634" s="13" t="s">
        <v>362</v>
      </c>
      <c r="B69634" s="14" t="s">
        <v>1</v>
      </c>
      <c r="C69634" s="14" t="s">
        <v>63</v>
      </c>
      <c r="D69634" s="14" t="s">
        <v>14</v>
      </c>
      <c r="E69634" s="15">
        <v>45660</v>
      </c>
      <c r="F69634" s="14" t="s">
        <v>15</v>
      </c>
      <c r="G69634" s="16">
        <v>3.387361172144232</v>
      </c>
    </row>
    <row r="69635" spans="1:7" x14ac:dyDescent="0.3">
      <c r="A69635" s="13" t="s">
        <v>362</v>
      </c>
      <c r="B69635" s="14" t="s">
        <v>1</v>
      </c>
      <c r="C69635" s="14" t="s">
        <v>63</v>
      </c>
      <c r="D69635" s="14" t="s">
        <v>14</v>
      </c>
      <c r="E69635" s="15">
        <v>45661</v>
      </c>
      <c r="F69635" s="14" t="s">
        <v>15</v>
      </c>
      <c r="G69635" s="16">
        <v>3.387361172144232</v>
      </c>
    </row>
    <row r="69636" spans="1:7" x14ac:dyDescent="0.3">
      <c r="A69636" s="13" t="s">
        <v>362</v>
      </c>
      <c r="B69636" s="14" t="s">
        <v>1</v>
      </c>
      <c r="C69636" s="14" t="s">
        <v>63</v>
      </c>
      <c r="D69636" s="14" t="s">
        <v>14</v>
      </c>
      <c r="E69636" s="15">
        <v>45662</v>
      </c>
      <c r="F69636" s="14" t="s">
        <v>15</v>
      </c>
      <c r="G69636" s="16">
        <v>3.387361172144232</v>
      </c>
    </row>
    <row r="69637" spans="1:7" x14ac:dyDescent="0.3">
      <c r="A69637" s="13" t="s">
        <v>362</v>
      </c>
      <c r="B69637" s="14" t="s">
        <v>1</v>
      </c>
      <c r="C69637" s="14" t="s">
        <v>63</v>
      </c>
      <c r="D69637" s="14" t="s">
        <v>14</v>
      </c>
      <c r="E69637" s="15">
        <v>45663</v>
      </c>
      <c r="F69637" s="14" t="s">
        <v>15</v>
      </c>
      <c r="G69637" s="16">
        <v>3.3985602135350708</v>
      </c>
    </row>
    <row r="69638" spans="1:7" x14ac:dyDescent="0.3">
      <c r="A69638" s="13" t="s">
        <v>362</v>
      </c>
      <c r="B69638" s="14" t="s">
        <v>1</v>
      </c>
      <c r="C69638" s="14" t="s">
        <v>63</v>
      </c>
      <c r="D69638" s="14" t="s">
        <v>14</v>
      </c>
      <c r="E69638" s="15">
        <v>45664</v>
      </c>
      <c r="F69638" s="14" t="s">
        <v>15</v>
      </c>
      <c r="G69638" s="16">
        <v>3.4324399160926395</v>
      </c>
    </row>
    <row r="69639" spans="1:7" x14ac:dyDescent="0.3">
      <c r="A69639" s="13" t="s">
        <v>362</v>
      </c>
      <c r="B69639" s="14" t="s">
        <v>1</v>
      </c>
      <c r="C69639" s="14" t="s">
        <v>63</v>
      </c>
      <c r="D69639" s="14" t="s">
        <v>14</v>
      </c>
      <c r="E69639" s="15">
        <v>45665</v>
      </c>
      <c r="F69639" s="14" t="s">
        <v>15</v>
      </c>
      <c r="G69639" s="16">
        <v>3.4433731402731791</v>
      </c>
    </row>
    <row r="69640" spans="1:7" x14ac:dyDescent="0.3">
      <c r="A69640" s="13" t="s">
        <v>362</v>
      </c>
      <c r="B69640" s="14" t="s">
        <v>1</v>
      </c>
      <c r="C69640" s="14" t="s">
        <v>63</v>
      </c>
      <c r="D69640" s="14" t="s">
        <v>14</v>
      </c>
      <c r="E69640" s="15">
        <v>45666</v>
      </c>
      <c r="F69640" s="14" t="s">
        <v>15</v>
      </c>
      <c r="G69640" s="16">
        <v>3.4548556730471245</v>
      </c>
    </row>
    <row r="69641" spans="1:7" x14ac:dyDescent="0.3">
      <c r="A69641" s="13" t="s">
        <v>362</v>
      </c>
      <c r="B69641" s="14" t="s">
        <v>1</v>
      </c>
      <c r="C69641" s="14" t="s">
        <v>63</v>
      </c>
      <c r="D69641" s="14" t="s">
        <v>14</v>
      </c>
      <c r="E69641" s="15">
        <v>45667</v>
      </c>
      <c r="F69641" s="14" t="s">
        <v>15</v>
      </c>
      <c r="G69641" s="16">
        <v>3.4745215827037219</v>
      </c>
    </row>
    <row r="69642" spans="1:7" x14ac:dyDescent="0.3">
      <c r="A69642" s="13" t="s">
        <v>362</v>
      </c>
      <c r="B69642" s="14" t="s">
        <v>1</v>
      </c>
      <c r="C69642" s="14" t="s">
        <v>63</v>
      </c>
      <c r="D69642" s="14" t="s">
        <v>14</v>
      </c>
      <c r="E69642" s="15">
        <v>45668</v>
      </c>
      <c r="F69642" s="14" t="s">
        <v>15</v>
      </c>
      <c r="G69642" s="16">
        <v>3.4745215827037219</v>
      </c>
    </row>
    <row r="69643" spans="1:7" x14ac:dyDescent="0.3">
      <c r="A69643" s="13" t="s">
        <v>362</v>
      </c>
      <c r="B69643" s="14" t="s">
        <v>1</v>
      </c>
      <c r="C69643" s="14" t="s">
        <v>63</v>
      </c>
      <c r="D69643" s="14" t="s">
        <v>14</v>
      </c>
      <c r="E69643" s="15">
        <v>45669</v>
      </c>
      <c r="F69643" s="14" t="s">
        <v>15</v>
      </c>
      <c r="G69643" s="16">
        <v>3.4745215827037219</v>
      </c>
    </row>
    <row r="69644" spans="1:7" x14ac:dyDescent="0.3">
      <c r="A69644" s="13" t="s">
        <v>362</v>
      </c>
      <c r="B69644" s="14" t="s">
        <v>1</v>
      </c>
      <c r="C69644" s="14" t="s">
        <v>63</v>
      </c>
      <c r="D69644" s="14" t="s">
        <v>14</v>
      </c>
      <c r="E69644" s="15">
        <v>45670</v>
      </c>
      <c r="F69644" s="14" t="s">
        <v>15</v>
      </c>
      <c r="G69644" s="16">
        <v>3.4878783998498228</v>
      </c>
    </row>
    <row r="69645" spans="1:7" x14ac:dyDescent="0.3">
      <c r="A69645" s="13" t="s">
        <v>362</v>
      </c>
      <c r="B69645" s="14" t="s">
        <v>1</v>
      </c>
      <c r="C69645" s="14" t="s">
        <v>63</v>
      </c>
      <c r="D69645" s="14" t="s">
        <v>14</v>
      </c>
      <c r="E69645" s="15">
        <v>45671</v>
      </c>
      <c r="F69645" s="14" t="s">
        <v>15</v>
      </c>
      <c r="G69645" s="16">
        <v>3.5218409537623137</v>
      </c>
    </row>
    <row r="69646" spans="1:7" x14ac:dyDescent="0.3">
      <c r="A69646" s="13" t="s">
        <v>362</v>
      </c>
      <c r="B69646" s="14" t="s">
        <v>1</v>
      </c>
      <c r="C69646" s="14" t="s">
        <v>63</v>
      </c>
      <c r="D69646" s="14" t="s">
        <v>14</v>
      </c>
      <c r="E69646" s="15">
        <v>45672</v>
      </c>
      <c r="F69646" s="14" t="s">
        <v>15</v>
      </c>
      <c r="G69646" s="16">
        <v>3.5333859626819981</v>
      </c>
    </row>
    <row r="69647" spans="1:7" x14ac:dyDescent="0.3">
      <c r="A69647" s="13" t="s">
        <v>362</v>
      </c>
      <c r="B69647" s="14" t="s">
        <v>1</v>
      </c>
      <c r="C69647" s="14" t="s">
        <v>63</v>
      </c>
      <c r="D69647" s="14" t="s">
        <v>14</v>
      </c>
      <c r="E69647" s="15">
        <v>45673</v>
      </c>
      <c r="F69647" s="14" t="s">
        <v>15</v>
      </c>
      <c r="G69647" s="16">
        <v>3.5449593912018109</v>
      </c>
    </row>
    <row r="69648" spans="1:7" x14ac:dyDescent="0.3">
      <c r="A69648" s="13" t="s">
        <v>362</v>
      </c>
      <c r="B69648" s="14" t="s">
        <v>1</v>
      </c>
      <c r="C69648" s="14" t="s">
        <v>63</v>
      </c>
      <c r="D69648" s="14" t="s">
        <v>14</v>
      </c>
      <c r="E69648" s="15">
        <v>45674</v>
      </c>
      <c r="F69648" s="14" t="s">
        <v>15</v>
      </c>
      <c r="G69648" s="16">
        <v>3.5591648622335881</v>
      </c>
    </row>
    <row r="69649" spans="1:7" x14ac:dyDescent="0.3">
      <c r="A69649" s="13" t="s">
        <v>362</v>
      </c>
      <c r="B69649" s="14" t="s">
        <v>1</v>
      </c>
      <c r="C69649" s="14" t="s">
        <v>63</v>
      </c>
      <c r="D69649" s="14" t="s">
        <v>14</v>
      </c>
      <c r="E69649" s="15">
        <v>45675</v>
      </c>
      <c r="F69649" s="14" t="s">
        <v>15</v>
      </c>
      <c r="G69649" s="16">
        <v>3.5591648622335881</v>
      </c>
    </row>
    <row r="69650" spans="1:7" x14ac:dyDescent="0.3">
      <c r="A69650" s="13" t="s">
        <v>362</v>
      </c>
      <c r="B69650" s="14" t="s">
        <v>1</v>
      </c>
      <c r="C69650" s="14" t="s">
        <v>63</v>
      </c>
      <c r="D69650" s="14" t="s">
        <v>14</v>
      </c>
      <c r="E69650" s="15">
        <v>45676</v>
      </c>
      <c r="F69650" s="14" t="s">
        <v>15</v>
      </c>
      <c r="G69650" s="16">
        <v>3.5591648622335881</v>
      </c>
    </row>
    <row r="69651" spans="1:7" x14ac:dyDescent="0.3">
      <c r="A69651" s="13" t="s">
        <v>362</v>
      </c>
      <c r="B69651" s="14" t="s">
        <v>1</v>
      </c>
      <c r="C69651" s="14" t="s">
        <v>63</v>
      </c>
      <c r="D69651" s="14" t="s">
        <v>14</v>
      </c>
      <c r="E69651" s="15">
        <v>45677</v>
      </c>
      <c r="F69651" s="14" t="s">
        <v>15</v>
      </c>
      <c r="G69651" s="16">
        <v>3.5744881512977185</v>
      </c>
    </row>
    <row r="69652" spans="1:7" x14ac:dyDescent="0.3">
      <c r="A69652" s="13" t="s">
        <v>362</v>
      </c>
      <c r="B69652" s="14" t="s">
        <v>1</v>
      </c>
      <c r="C69652" s="14" t="s">
        <v>63</v>
      </c>
      <c r="D69652" s="14" t="s">
        <v>14</v>
      </c>
      <c r="E69652" s="15">
        <v>45678</v>
      </c>
      <c r="F69652" s="14" t="s">
        <v>15</v>
      </c>
      <c r="G69652" s="16">
        <v>3.6088008417299826</v>
      </c>
    </row>
    <row r="69653" spans="1:7" x14ac:dyDescent="0.3">
      <c r="A69653" s="13" t="s">
        <v>362</v>
      </c>
      <c r="B69653" s="14" t="s">
        <v>1</v>
      </c>
      <c r="C69653" s="14" t="s">
        <v>63</v>
      </c>
      <c r="D69653" s="14" t="s">
        <v>14</v>
      </c>
      <c r="E69653" s="15">
        <v>45679</v>
      </c>
      <c r="F69653" s="14" t="s">
        <v>15</v>
      </c>
      <c r="G69653" s="16">
        <v>3.6203762079498043</v>
      </c>
    </row>
    <row r="69654" spans="1:7" x14ac:dyDescent="0.3">
      <c r="A69654" s="13" t="s">
        <v>362</v>
      </c>
      <c r="B69654" s="14" t="s">
        <v>1</v>
      </c>
      <c r="C69654" s="14" t="s">
        <v>63</v>
      </c>
      <c r="D69654" s="14" t="s">
        <v>14</v>
      </c>
      <c r="E69654" s="15">
        <v>45680</v>
      </c>
      <c r="F69654" s="14" t="s">
        <v>15</v>
      </c>
      <c r="G69654" s="16">
        <v>3.6320647241065043</v>
      </c>
    </row>
    <row r="69655" spans="1:7" x14ac:dyDescent="0.3">
      <c r="A69655" s="13" t="s">
        <v>362</v>
      </c>
      <c r="B69655" s="14" t="s">
        <v>1</v>
      </c>
      <c r="C69655" s="14" t="s">
        <v>63</v>
      </c>
      <c r="D69655" s="14" t="s">
        <v>14</v>
      </c>
      <c r="E69655" s="15">
        <v>45681</v>
      </c>
      <c r="F69655" s="14" t="s">
        <v>15</v>
      </c>
      <c r="G69655" s="16">
        <v>3.6437553541177587</v>
      </c>
    </row>
    <row r="69656" spans="1:7" x14ac:dyDescent="0.3">
      <c r="A69656" s="13" t="s">
        <v>362</v>
      </c>
      <c r="B69656" s="14" t="s">
        <v>1</v>
      </c>
      <c r="C69656" s="14" t="s">
        <v>63</v>
      </c>
      <c r="D69656" s="14" t="s">
        <v>14</v>
      </c>
      <c r="E69656" s="15">
        <v>45682</v>
      </c>
      <c r="F69656" s="14" t="s">
        <v>15</v>
      </c>
      <c r="G69656" s="16">
        <v>3.6437553541177587</v>
      </c>
    </row>
    <row r="69657" spans="1:7" x14ac:dyDescent="0.3">
      <c r="A69657" s="13" t="s">
        <v>362</v>
      </c>
      <c r="B69657" s="14" t="s">
        <v>1</v>
      </c>
      <c r="C69657" s="14" t="s">
        <v>63</v>
      </c>
      <c r="D69657" s="14" t="s">
        <v>14</v>
      </c>
      <c r="E69657" s="15">
        <v>45683</v>
      </c>
      <c r="F69657" s="14" t="s">
        <v>15</v>
      </c>
      <c r="G69657" s="16">
        <v>3.6437553541177587</v>
      </c>
    </row>
    <row r="69658" spans="1:7" x14ac:dyDescent="0.3">
      <c r="A69658" s="13" t="s">
        <v>362</v>
      </c>
      <c r="B69658" s="14" t="s">
        <v>1</v>
      </c>
      <c r="C69658" s="14" t="s">
        <v>63</v>
      </c>
      <c r="D69658" s="14" t="s">
        <v>14</v>
      </c>
      <c r="E69658" s="15">
        <v>45684</v>
      </c>
      <c r="F69658" s="14" t="s">
        <v>15</v>
      </c>
      <c r="G69658" s="16">
        <v>3.6574531477472285</v>
      </c>
    </row>
    <row r="69659" spans="1:7" x14ac:dyDescent="0.3">
      <c r="A69659" s="13" t="s">
        <v>362</v>
      </c>
      <c r="B69659" s="14" t="s">
        <v>1</v>
      </c>
      <c r="C69659" s="14" t="s">
        <v>63</v>
      </c>
      <c r="D69659" s="14" t="s">
        <v>14</v>
      </c>
      <c r="E69659" s="15">
        <v>45685</v>
      </c>
      <c r="F69659" s="14" t="s">
        <v>15</v>
      </c>
      <c r="G69659" s="16">
        <v>3.6922388320908315</v>
      </c>
    </row>
    <row r="69660" spans="1:7" x14ac:dyDescent="0.3">
      <c r="A69660" s="13" t="s">
        <v>362</v>
      </c>
      <c r="B69660" s="14" t="s">
        <v>1</v>
      </c>
      <c r="C69660" s="14" t="s">
        <v>63</v>
      </c>
      <c r="D69660" s="14" t="s">
        <v>14</v>
      </c>
      <c r="E69660" s="15">
        <v>45686</v>
      </c>
      <c r="F69660" s="14" t="s">
        <v>15</v>
      </c>
      <c r="G69660" s="16">
        <v>3.6922388320908315</v>
      </c>
    </row>
    <row r="69661" spans="1:7" x14ac:dyDescent="0.3">
      <c r="A69661" s="13" t="s">
        <v>362</v>
      </c>
      <c r="B69661" s="14" t="s">
        <v>1</v>
      </c>
      <c r="C69661" s="14" t="s">
        <v>63</v>
      </c>
      <c r="D69661" s="14" t="s">
        <v>14</v>
      </c>
      <c r="E69661" s="15">
        <v>45687</v>
      </c>
      <c r="F69661" s="14" t="s">
        <v>15</v>
      </c>
      <c r="G69661" s="16">
        <v>3.6922388320908315</v>
      </c>
    </row>
    <row r="69662" spans="1:7" x14ac:dyDescent="0.3">
      <c r="A69662" s="13" t="s">
        <v>362</v>
      </c>
      <c r="B69662" s="14" t="s">
        <v>1</v>
      </c>
      <c r="C69662" s="14" t="s">
        <v>63</v>
      </c>
      <c r="D69662" s="14" t="s">
        <v>14</v>
      </c>
      <c r="E69662" s="15">
        <v>45688</v>
      </c>
      <c r="F69662" s="14" t="s">
        <v>15</v>
      </c>
      <c r="G69662" s="16">
        <v>3.6922388320908315</v>
      </c>
    </row>
    <row r="69663" spans="1:7" x14ac:dyDescent="0.3">
      <c r="A69663" s="13" t="s">
        <v>362</v>
      </c>
      <c r="B69663" s="14" t="s">
        <v>1</v>
      </c>
      <c r="C69663" s="14" t="s">
        <v>63</v>
      </c>
      <c r="D69663" s="14" t="s">
        <v>14</v>
      </c>
      <c r="E69663" s="15">
        <v>45689</v>
      </c>
      <c r="F69663" s="14" t="s">
        <v>15</v>
      </c>
      <c r="G69663" s="16">
        <v>3.6922388320908315</v>
      </c>
    </row>
    <row r="69664" spans="1:7" x14ac:dyDescent="0.3">
      <c r="A69664" s="13" t="s">
        <v>362</v>
      </c>
      <c r="B69664" s="14" t="s">
        <v>1</v>
      </c>
      <c r="C69664" s="14" t="s">
        <v>63</v>
      </c>
      <c r="D69664" s="14" t="s">
        <v>14</v>
      </c>
      <c r="E69664" s="15">
        <v>45690</v>
      </c>
      <c r="F69664" s="14" t="s">
        <v>15</v>
      </c>
      <c r="G69664" s="16">
        <v>3.6922388320908315</v>
      </c>
    </row>
    <row r="69665" spans="1:7" x14ac:dyDescent="0.3">
      <c r="A69665" s="13" t="s">
        <v>362</v>
      </c>
      <c r="B69665" s="14" t="s">
        <v>1</v>
      </c>
      <c r="C69665" s="14" t="s">
        <v>63</v>
      </c>
      <c r="D69665" s="14" t="s">
        <v>14</v>
      </c>
      <c r="E69665" s="15">
        <v>45691</v>
      </c>
      <c r="F69665" s="14" t="s">
        <v>15</v>
      </c>
      <c r="G69665" s="16">
        <v>3.6922388320908315</v>
      </c>
    </row>
    <row r="69666" spans="1:7" x14ac:dyDescent="0.3">
      <c r="A69666" s="13" t="s">
        <v>362</v>
      </c>
      <c r="B69666" s="14" t="s">
        <v>1</v>
      </c>
      <c r="C69666" s="14" t="s">
        <v>63</v>
      </c>
      <c r="D69666" s="14" t="s">
        <v>14</v>
      </c>
      <c r="E69666" s="15">
        <v>45692</v>
      </c>
      <c r="F69666" s="14" t="s">
        <v>15</v>
      </c>
      <c r="G69666" s="16">
        <v>3.7063255708651757</v>
      </c>
    </row>
    <row r="69667" spans="1:7" x14ac:dyDescent="0.3">
      <c r="A69667" s="13" t="s">
        <v>362</v>
      </c>
      <c r="B69667" s="14" t="s">
        <v>1</v>
      </c>
      <c r="C69667" s="14" t="s">
        <v>63</v>
      </c>
      <c r="D69667" s="14" t="s">
        <v>14</v>
      </c>
      <c r="E69667" s="15">
        <v>45693</v>
      </c>
      <c r="F69667" s="14" t="s">
        <v>15</v>
      </c>
      <c r="G69667" s="16">
        <v>3.7749743271376968</v>
      </c>
    </row>
    <row r="69668" spans="1:7" x14ac:dyDescent="0.3">
      <c r="A69668" s="13" t="s">
        <v>362</v>
      </c>
      <c r="B69668" s="14" t="s">
        <v>1</v>
      </c>
      <c r="C69668" s="14" t="s">
        <v>63</v>
      </c>
      <c r="D69668" s="14" t="s">
        <v>14</v>
      </c>
      <c r="E69668" s="15">
        <v>45694</v>
      </c>
      <c r="F69668" s="14" t="s">
        <v>15</v>
      </c>
      <c r="G69668" s="16">
        <v>3.7887296071646368</v>
      </c>
    </row>
    <row r="69669" spans="1:7" x14ac:dyDescent="0.3">
      <c r="A69669" s="13" t="s">
        <v>362</v>
      </c>
      <c r="B69669" s="14" t="s">
        <v>1</v>
      </c>
      <c r="C69669" s="14" t="s">
        <v>63</v>
      </c>
      <c r="D69669" s="14" t="s">
        <v>14</v>
      </c>
      <c r="E69669" s="15">
        <v>45695</v>
      </c>
      <c r="F69669" s="14" t="s">
        <v>15</v>
      </c>
      <c r="G69669" s="16">
        <v>3.8011785327736178</v>
      </c>
    </row>
    <row r="69670" spans="1:7" x14ac:dyDescent="0.3">
      <c r="A69670" s="13" t="s">
        <v>362</v>
      </c>
      <c r="B69670" s="14" t="s">
        <v>1</v>
      </c>
      <c r="C69670" s="14" t="s">
        <v>63</v>
      </c>
      <c r="D69670" s="14" t="s">
        <v>14</v>
      </c>
      <c r="E69670" s="15">
        <v>45696</v>
      </c>
      <c r="F69670" s="14" t="s">
        <v>15</v>
      </c>
      <c r="G69670" s="16">
        <v>3.8011785327736178</v>
      </c>
    </row>
    <row r="69671" spans="1:7" x14ac:dyDescent="0.3">
      <c r="A69671" s="13" t="s">
        <v>362</v>
      </c>
      <c r="B69671" s="14" t="s">
        <v>1</v>
      </c>
      <c r="C69671" s="14" t="s">
        <v>63</v>
      </c>
      <c r="D69671" s="14" t="s">
        <v>14</v>
      </c>
      <c r="E69671" s="15">
        <v>45697</v>
      </c>
      <c r="F69671" s="14" t="s">
        <v>15</v>
      </c>
      <c r="G69671" s="16">
        <v>3.8011785327736178</v>
      </c>
    </row>
    <row r="69672" spans="1:7" x14ac:dyDescent="0.3">
      <c r="A69672" s="13" t="s">
        <v>362</v>
      </c>
      <c r="B69672" s="14" t="s">
        <v>1</v>
      </c>
      <c r="C69672" s="14" t="s">
        <v>63</v>
      </c>
      <c r="D69672" s="14" t="s">
        <v>14</v>
      </c>
      <c r="E69672" s="15">
        <v>45698</v>
      </c>
      <c r="F69672" s="14" t="s">
        <v>15</v>
      </c>
      <c r="G69672" s="16">
        <v>3.8290684415861254</v>
      </c>
    </row>
    <row r="69673" spans="1:7" x14ac:dyDescent="0.3">
      <c r="A69673" s="13" t="s">
        <v>362</v>
      </c>
      <c r="B69673" s="14" t="s">
        <v>1</v>
      </c>
      <c r="C69673" s="14" t="s">
        <v>63</v>
      </c>
      <c r="D69673" s="14" t="s">
        <v>14</v>
      </c>
      <c r="E69673" s="15">
        <v>45699</v>
      </c>
      <c r="F69673" s="14" t="s">
        <v>15</v>
      </c>
      <c r="G69673" s="16">
        <v>3.8650073526494197</v>
      </c>
    </row>
    <row r="69674" spans="1:7" x14ac:dyDescent="0.3">
      <c r="A69674" s="13" t="s">
        <v>362</v>
      </c>
      <c r="B69674" s="14" t="s">
        <v>1</v>
      </c>
      <c r="C69674" s="14" t="s">
        <v>63</v>
      </c>
      <c r="D69674" s="14" t="s">
        <v>14</v>
      </c>
      <c r="E69674" s="15">
        <v>45700</v>
      </c>
      <c r="F69674" s="14" t="s">
        <v>15</v>
      </c>
      <c r="G69674" s="16">
        <v>3.8769899006556701</v>
      </c>
    </row>
    <row r="69675" spans="1:7" x14ac:dyDescent="0.3">
      <c r="A69675" s="13" t="s">
        <v>362</v>
      </c>
      <c r="B69675" s="14" t="s">
        <v>1</v>
      </c>
      <c r="C69675" s="14" t="s">
        <v>63</v>
      </c>
      <c r="D69675" s="14" t="s">
        <v>14</v>
      </c>
      <c r="E69675" s="15">
        <v>45701</v>
      </c>
      <c r="F69675" s="14" t="s">
        <v>15</v>
      </c>
      <c r="G69675" s="16">
        <v>3.8889565520530023</v>
      </c>
    </row>
    <row r="69676" spans="1:7" x14ac:dyDescent="0.3">
      <c r="A69676" s="13" t="s">
        <v>362</v>
      </c>
      <c r="B69676" s="14" t="s">
        <v>1</v>
      </c>
      <c r="C69676" s="14" t="s">
        <v>63</v>
      </c>
      <c r="D69676" s="14" t="s">
        <v>14</v>
      </c>
      <c r="E69676" s="15">
        <v>45702</v>
      </c>
      <c r="F69676" s="14" t="s">
        <v>15</v>
      </c>
      <c r="G69676" s="16">
        <v>3.9046994284473531</v>
      </c>
    </row>
    <row r="69677" spans="1:7" x14ac:dyDescent="0.3">
      <c r="A69677" s="13" t="s">
        <v>362</v>
      </c>
      <c r="B69677" s="14" t="s">
        <v>1</v>
      </c>
      <c r="C69677" s="14" t="s">
        <v>63</v>
      </c>
      <c r="D69677" s="14" t="s">
        <v>14</v>
      </c>
      <c r="E69677" s="15">
        <v>45703</v>
      </c>
      <c r="F69677" s="14" t="s">
        <v>15</v>
      </c>
      <c r="G69677" s="16">
        <v>3.9046994284473531</v>
      </c>
    </row>
    <row r="69678" spans="1:7" x14ac:dyDescent="0.3">
      <c r="A69678" s="13" t="s">
        <v>362</v>
      </c>
      <c r="B69678" s="14" t="s">
        <v>1</v>
      </c>
      <c r="C69678" s="14" t="s">
        <v>63</v>
      </c>
      <c r="D69678" s="14" t="s">
        <v>14</v>
      </c>
      <c r="E69678" s="15">
        <v>45704</v>
      </c>
      <c r="F69678" s="14" t="s">
        <v>15</v>
      </c>
      <c r="G69678" s="16">
        <v>3.9046994284473531</v>
      </c>
    </row>
    <row r="69679" spans="1:7" x14ac:dyDescent="0.3">
      <c r="A69679" s="13" t="s">
        <v>362</v>
      </c>
      <c r="B69679" s="14" t="s">
        <v>1</v>
      </c>
      <c r="C69679" s="14" t="s">
        <v>63</v>
      </c>
      <c r="D69679" s="14" t="s">
        <v>14</v>
      </c>
      <c r="E69679" s="15">
        <v>45705</v>
      </c>
      <c r="F69679" s="14" t="s">
        <v>15</v>
      </c>
      <c r="G69679" s="16">
        <v>3.9155619880980139</v>
      </c>
    </row>
    <row r="69680" spans="1:7" x14ac:dyDescent="0.3">
      <c r="A69680" s="13" t="s">
        <v>362</v>
      </c>
      <c r="B69680" s="14" t="s">
        <v>1</v>
      </c>
      <c r="C69680" s="14" t="s">
        <v>63</v>
      </c>
      <c r="D69680" s="14" t="s">
        <v>14</v>
      </c>
      <c r="E69680" s="15">
        <v>45706</v>
      </c>
      <c r="F69680" s="14" t="s">
        <v>15</v>
      </c>
      <c r="G69680" s="16">
        <v>3.9520762407924401</v>
      </c>
    </row>
    <row r="69681" spans="1:7" x14ac:dyDescent="0.3">
      <c r="A69681" s="13" t="s">
        <v>362</v>
      </c>
      <c r="B69681" s="14" t="s">
        <v>1</v>
      </c>
      <c r="C69681" s="14" t="s">
        <v>63</v>
      </c>
      <c r="D69681" s="14" t="s">
        <v>14</v>
      </c>
      <c r="E69681" s="15">
        <v>45707</v>
      </c>
      <c r="F69681" s="14" t="s">
        <v>15</v>
      </c>
      <c r="G69681" s="16">
        <v>3.9645089807632496</v>
      </c>
    </row>
    <row r="69682" spans="1:7" x14ac:dyDescent="0.3">
      <c r="A69682" s="13" t="s">
        <v>362</v>
      </c>
      <c r="B69682" s="14" t="s">
        <v>1</v>
      </c>
      <c r="C69682" s="14" t="s">
        <v>63</v>
      </c>
      <c r="D69682" s="14" t="s">
        <v>14</v>
      </c>
      <c r="E69682" s="15">
        <v>45708</v>
      </c>
      <c r="F69682" s="14" t="s">
        <v>15</v>
      </c>
      <c r="G69682" s="16">
        <v>3.9777577081212847</v>
      </c>
    </row>
    <row r="69683" spans="1:7" x14ac:dyDescent="0.3">
      <c r="A69683" s="13" t="s">
        <v>362</v>
      </c>
      <c r="B69683" s="14" t="s">
        <v>1</v>
      </c>
      <c r="C69683" s="14" t="s">
        <v>63</v>
      </c>
      <c r="D69683" s="14" t="s">
        <v>14</v>
      </c>
      <c r="E69683" s="15">
        <v>45709</v>
      </c>
      <c r="F69683" s="14" t="s">
        <v>15</v>
      </c>
      <c r="G69683" s="16">
        <v>3.9896757447982529</v>
      </c>
    </row>
    <row r="69684" spans="1:7" x14ac:dyDescent="0.3">
      <c r="A69684" s="13" t="s">
        <v>362</v>
      </c>
      <c r="B69684" s="14" t="s">
        <v>1</v>
      </c>
      <c r="C69684" s="14" t="s">
        <v>63</v>
      </c>
      <c r="D69684" s="14" t="s">
        <v>14</v>
      </c>
      <c r="E69684" s="15">
        <v>45710</v>
      </c>
      <c r="F69684" s="14" t="s">
        <v>15</v>
      </c>
      <c r="G69684" s="16">
        <v>3.9896757447982529</v>
      </c>
    </row>
    <row r="69685" spans="1:7" x14ac:dyDescent="0.3">
      <c r="A69685" s="13" t="s">
        <v>362</v>
      </c>
      <c r="B69685" s="14" t="s">
        <v>1</v>
      </c>
      <c r="C69685" s="14" t="s">
        <v>63</v>
      </c>
      <c r="D69685" s="14" t="s">
        <v>14</v>
      </c>
      <c r="E69685" s="15">
        <v>45711</v>
      </c>
      <c r="F69685" s="14" t="s">
        <v>15</v>
      </c>
      <c r="G69685" s="16">
        <v>3.9896757447982529</v>
      </c>
    </row>
    <row r="69686" spans="1:7" x14ac:dyDescent="0.3">
      <c r="A69686" s="13" t="s">
        <v>362</v>
      </c>
      <c r="B69686" s="14" t="s">
        <v>1</v>
      </c>
      <c r="C69686" s="14" t="s">
        <v>63</v>
      </c>
      <c r="D69686" s="14" t="s">
        <v>14</v>
      </c>
      <c r="E69686" s="15">
        <v>45712</v>
      </c>
      <c r="F69686" s="14" t="s">
        <v>15</v>
      </c>
      <c r="G69686" s="16">
        <v>4.0018395719520194</v>
      </c>
    </row>
    <row r="69687" spans="1:7" x14ac:dyDescent="0.3">
      <c r="A69687" s="13" t="s">
        <v>362</v>
      </c>
      <c r="B69687" s="14" t="s">
        <v>1</v>
      </c>
      <c r="C69687" s="14" t="s">
        <v>63</v>
      </c>
      <c r="D69687" s="14" t="s">
        <v>14</v>
      </c>
      <c r="E69687" s="15">
        <v>45713</v>
      </c>
      <c r="F69687" s="14" t="s">
        <v>15</v>
      </c>
      <c r="G69687" s="16">
        <v>4.03513126408658</v>
      </c>
    </row>
    <row r="69688" spans="1:7" x14ac:dyDescent="0.3">
      <c r="A69688" s="13" t="s">
        <v>362</v>
      </c>
      <c r="B69688" s="14" t="s">
        <v>1</v>
      </c>
      <c r="C69688" s="14" t="s">
        <v>63</v>
      </c>
      <c r="D69688" s="14" t="s">
        <v>14</v>
      </c>
      <c r="E69688" s="15">
        <v>45714</v>
      </c>
      <c r="F69688" s="14" t="s">
        <v>15</v>
      </c>
      <c r="G69688" s="16">
        <v>4.0470366412822649</v>
      </c>
    </row>
    <row r="69689" spans="1:7" x14ac:dyDescent="0.3">
      <c r="A69689" s="13" t="s">
        <v>362</v>
      </c>
      <c r="B69689" s="14" t="s">
        <v>1</v>
      </c>
      <c r="C69689" s="14" t="s">
        <v>63</v>
      </c>
      <c r="D69689" s="14" t="s">
        <v>14</v>
      </c>
      <c r="E69689" s="15">
        <v>45715</v>
      </c>
      <c r="F69689" s="14" t="s">
        <v>15</v>
      </c>
      <c r="G69689" s="16">
        <v>4.0616829406905239</v>
      </c>
    </row>
    <row r="69690" spans="1:7" x14ac:dyDescent="0.3">
      <c r="A69690" s="13" t="s">
        <v>362</v>
      </c>
      <c r="B69690" s="14" t="s">
        <v>1</v>
      </c>
      <c r="C69690" s="14" t="s">
        <v>63</v>
      </c>
      <c r="D69690" s="14" t="s">
        <v>14</v>
      </c>
      <c r="E69690" s="15">
        <v>45716</v>
      </c>
      <c r="F69690" s="14" t="s">
        <v>15</v>
      </c>
      <c r="G69690" s="16">
        <v>4.0743610086913273</v>
      </c>
    </row>
    <row r="69691" spans="1:7" x14ac:dyDescent="0.3">
      <c r="A69691" s="13" t="s">
        <v>362</v>
      </c>
      <c r="B69691" s="14" t="s">
        <v>1</v>
      </c>
      <c r="C69691" s="14" t="s">
        <v>63</v>
      </c>
      <c r="D69691" s="14" t="s">
        <v>14</v>
      </c>
      <c r="E69691" s="15">
        <v>45717</v>
      </c>
      <c r="F69691" s="14" t="s">
        <v>15</v>
      </c>
      <c r="G69691" s="16">
        <v>4.0743610086913273</v>
      </c>
    </row>
    <row r="69692" spans="1:7" x14ac:dyDescent="0.3">
      <c r="A69692" s="13" t="s">
        <v>362</v>
      </c>
      <c r="B69692" s="14" t="s">
        <v>1</v>
      </c>
      <c r="C69692" s="14" t="s">
        <v>63</v>
      </c>
      <c r="D69692" s="14" t="s">
        <v>14</v>
      </c>
      <c r="E69692" s="15">
        <v>45718</v>
      </c>
      <c r="F69692" s="14" t="s">
        <v>15</v>
      </c>
      <c r="G69692" s="16">
        <v>4.0743610086913273</v>
      </c>
    </row>
    <row r="69693" spans="1:7" x14ac:dyDescent="0.3">
      <c r="A69693" s="13" t="s">
        <v>362</v>
      </c>
      <c r="B69693" s="14" t="s">
        <v>1</v>
      </c>
      <c r="C69693" s="14" t="s">
        <v>63</v>
      </c>
      <c r="D69693" s="14" t="s">
        <v>14</v>
      </c>
      <c r="E69693" s="15">
        <v>45719</v>
      </c>
      <c r="F69693" s="14" t="s">
        <v>15</v>
      </c>
      <c r="G69693" s="16">
        <v>4.1134563504213881</v>
      </c>
    </row>
    <row r="69694" spans="1:7" x14ac:dyDescent="0.3">
      <c r="A69694" s="13" t="s">
        <v>362</v>
      </c>
      <c r="B69694" s="14" t="s">
        <v>1</v>
      </c>
      <c r="C69694" s="14" t="s">
        <v>63</v>
      </c>
      <c r="D69694" s="14" t="s">
        <v>14</v>
      </c>
      <c r="E69694" s="15">
        <v>45720</v>
      </c>
      <c r="F69694" s="14" t="s">
        <v>15</v>
      </c>
      <c r="G69694" s="16">
        <v>4.1496671224001069</v>
      </c>
    </row>
    <row r="69695" spans="1:7" x14ac:dyDescent="0.3">
      <c r="A69695" s="13" t="s">
        <v>362</v>
      </c>
      <c r="B69695" s="14" t="s">
        <v>1</v>
      </c>
      <c r="C69695" s="14" t="s">
        <v>63</v>
      </c>
      <c r="D69695" s="14" t="s">
        <v>14</v>
      </c>
      <c r="E69695" s="15">
        <v>45721</v>
      </c>
      <c r="F69695" s="14" t="s">
        <v>15</v>
      </c>
      <c r="G69695" s="16">
        <v>4.1639558926223366</v>
      </c>
    </row>
    <row r="69696" spans="1:7" x14ac:dyDescent="0.3">
      <c r="A69696" s="13" t="s">
        <v>362</v>
      </c>
      <c r="B69696" s="14" t="s">
        <v>1</v>
      </c>
      <c r="C69696" s="14" t="s">
        <v>63</v>
      </c>
      <c r="D69696" s="14" t="s">
        <v>14</v>
      </c>
      <c r="E69696" s="15">
        <v>45722</v>
      </c>
      <c r="F69696" s="14" t="s">
        <v>15</v>
      </c>
      <c r="G69696" s="16">
        <v>4.174456876677425</v>
      </c>
    </row>
    <row r="69697" spans="1:7" x14ac:dyDescent="0.3">
      <c r="A69697" s="13" t="s">
        <v>362</v>
      </c>
      <c r="B69697" s="14" t="s">
        <v>1</v>
      </c>
      <c r="C69697" s="14" t="s">
        <v>63</v>
      </c>
      <c r="D69697" s="14" t="s">
        <v>14</v>
      </c>
      <c r="E69697" s="15">
        <v>45723</v>
      </c>
      <c r="F69697" s="14" t="s">
        <v>15</v>
      </c>
      <c r="G69697" s="16">
        <v>4.1865590827944414</v>
      </c>
    </row>
    <row r="69698" spans="1:7" x14ac:dyDescent="0.3">
      <c r="A69698" s="13" t="s">
        <v>362</v>
      </c>
      <c r="B69698" s="14" t="s">
        <v>1</v>
      </c>
      <c r="C69698" s="14" t="s">
        <v>63</v>
      </c>
      <c r="D69698" s="14" t="s">
        <v>14</v>
      </c>
      <c r="E69698" s="15">
        <v>45724</v>
      </c>
      <c r="F69698" s="14" t="s">
        <v>15</v>
      </c>
      <c r="G69698" s="16">
        <v>4.1865590827944414</v>
      </c>
    </row>
    <row r="69699" spans="1:7" x14ac:dyDescent="0.3">
      <c r="A69699" s="13" t="s">
        <v>362</v>
      </c>
      <c r="B69699" s="14" t="s">
        <v>1</v>
      </c>
      <c r="C69699" s="14" t="s">
        <v>63</v>
      </c>
      <c r="D69699" s="14" t="s">
        <v>14</v>
      </c>
      <c r="E69699" s="15">
        <v>45725</v>
      </c>
      <c r="F69699" s="14" t="s">
        <v>15</v>
      </c>
      <c r="G69699" s="16">
        <v>4.1865590827944414</v>
      </c>
    </row>
    <row r="69700" spans="1:7" x14ac:dyDescent="0.3">
      <c r="A69700" s="13" t="s">
        <v>362</v>
      </c>
      <c r="B69700" s="14" t="s">
        <v>1</v>
      </c>
      <c r="C69700" s="14" t="s">
        <v>63</v>
      </c>
      <c r="D69700" s="14" t="s">
        <v>14</v>
      </c>
      <c r="E69700" s="15">
        <v>45726</v>
      </c>
      <c r="F69700" s="14" t="s">
        <v>15</v>
      </c>
      <c r="G69700" s="16">
        <v>4.2043162040533346</v>
      </c>
    </row>
    <row r="69701" spans="1:7" x14ac:dyDescent="0.3">
      <c r="A69701" s="13" t="s">
        <v>362</v>
      </c>
      <c r="B69701" s="14" t="s">
        <v>1</v>
      </c>
      <c r="C69701" s="14" t="s">
        <v>63</v>
      </c>
      <c r="D69701" s="14" t="s">
        <v>14</v>
      </c>
      <c r="E69701" s="15">
        <v>45727</v>
      </c>
      <c r="F69701" s="14" t="s">
        <v>15</v>
      </c>
      <c r="G69701" s="16">
        <v>4.2410103485548634</v>
      </c>
    </row>
    <row r="69702" spans="1:7" x14ac:dyDescent="0.3">
      <c r="A69702" s="13" t="s">
        <v>362</v>
      </c>
      <c r="B69702" s="14" t="s">
        <v>1</v>
      </c>
      <c r="C69702" s="14" t="s">
        <v>63</v>
      </c>
      <c r="D69702" s="14" t="s">
        <v>14</v>
      </c>
      <c r="E69702" s="15">
        <v>45728</v>
      </c>
      <c r="F69702" s="14" t="s">
        <v>15</v>
      </c>
      <c r="G69702" s="16">
        <v>4.2531903035409506</v>
      </c>
    </row>
    <row r="69703" spans="1:7" x14ac:dyDescent="0.3">
      <c r="A69703" s="13" t="s">
        <v>362</v>
      </c>
      <c r="B69703" s="14" t="s">
        <v>1</v>
      </c>
      <c r="C69703" s="14" t="s">
        <v>63</v>
      </c>
      <c r="D69703" s="14" t="s">
        <v>14</v>
      </c>
      <c r="E69703" s="15">
        <v>45729</v>
      </c>
      <c r="F69703" s="14" t="s">
        <v>15</v>
      </c>
      <c r="G69703" s="16">
        <v>4.2652655721315806</v>
      </c>
    </row>
    <row r="69704" spans="1:7" x14ac:dyDescent="0.3">
      <c r="A69704" s="13" t="s">
        <v>362</v>
      </c>
      <c r="B69704" s="14" t="s">
        <v>1</v>
      </c>
      <c r="C69704" s="14" t="s">
        <v>63</v>
      </c>
      <c r="D69704" s="14" t="s">
        <v>14</v>
      </c>
      <c r="E69704" s="15">
        <v>45730</v>
      </c>
      <c r="F69704" s="14" t="s">
        <v>15</v>
      </c>
      <c r="G69704" s="16">
        <v>4.2804011980652632</v>
      </c>
    </row>
    <row r="69705" spans="1:7" x14ac:dyDescent="0.3">
      <c r="A69705" s="13" t="s">
        <v>362</v>
      </c>
      <c r="B69705" s="14" t="s">
        <v>1</v>
      </c>
      <c r="C69705" s="14" t="s">
        <v>63</v>
      </c>
      <c r="D69705" s="14" t="s">
        <v>14</v>
      </c>
      <c r="E69705" s="15">
        <v>45731</v>
      </c>
      <c r="F69705" s="14" t="s">
        <v>15</v>
      </c>
      <c r="G69705" s="16">
        <v>4.2804011980652632</v>
      </c>
    </row>
    <row r="69706" spans="1:7" x14ac:dyDescent="0.3">
      <c r="A69706" s="13" t="s">
        <v>362</v>
      </c>
      <c r="B69706" s="14" t="s">
        <v>1</v>
      </c>
      <c r="C69706" s="14" t="s">
        <v>63</v>
      </c>
      <c r="D69706" s="14" t="s">
        <v>14</v>
      </c>
      <c r="E69706" s="15">
        <v>45732</v>
      </c>
      <c r="F69706" s="14" t="s">
        <v>15</v>
      </c>
      <c r="G69706" s="16">
        <v>4.2804011980652632</v>
      </c>
    </row>
    <row r="69707" spans="1:7" x14ac:dyDescent="0.3">
      <c r="A69707" s="13" t="s">
        <v>362</v>
      </c>
      <c r="B69707" s="14" t="s">
        <v>1</v>
      </c>
      <c r="C69707" s="14" t="s">
        <v>63</v>
      </c>
      <c r="D69707" s="14" t="s">
        <v>14</v>
      </c>
      <c r="E69707" s="15">
        <v>45733</v>
      </c>
      <c r="F69707" s="14" t="s">
        <v>15</v>
      </c>
      <c r="G69707" s="16">
        <v>4.2804011980652632</v>
      </c>
    </row>
    <row r="69708" spans="1:7" x14ac:dyDescent="0.3">
      <c r="A69708" s="13" t="s">
        <v>362</v>
      </c>
      <c r="B69708" s="14" t="s">
        <v>1</v>
      </c>
      <c r="C69708" s="14" t="s">
        <v>63</v>
      </c>
      <c r="D69708" s="14" t="s">
        <v>14</v>
      </c>
      <c r="E69708" s="15">
        <v>45734</v>
      </c>
      <c r="F69708" s="14" t="s">
        <v>15</v>
      </c>
      <c r="G69708" s="16">
        <v>4.2933818218881639</v>
      </c>
    </row>
    <row r="69709" spans="1:7" x14ac:dyDescent="0.3">
      <c r="A69709" s="13" t="s">
        <v>362</v>
      </c>
      <c r="B69709" s="14" t="s">
        <v>1</v>
      </c>
      <c r="C69709" s="14" t="s">
        <v>63</v>
      </c>
      <c r="D69709" s="14" t="s">
        <v>14</v>
      </c>
      <c r="E69709" s="15">
        <v>45735</v>
      </c>
      <c r="F69709" s="14" t="s">
        <v>15</v>
      </c>
      <c r="G69709" s="16">
        <v>4.3439838808465243</v>
      </c>
    </row>
    <row r="69710" spans="1:7" x14ac:dyDescent="0.3">
      <c r="A69710" s="13" t="s">
        <v>362</v>
      </c>
      <c r="B69710" s="14" t="s">
        <v>1</v>
      </c>
      <c r="C69710" s="14" t="s">
        <v>63</v>
      </c>
      <c r="D69710" s="14" t="s">
        <v>14</v>
      </c>
      <c r="E69710" s="15">
        <v>45736</v>
      </c>
      <c r="F69710" s="14" t="s">
        <v>15</v>
      </c>
      <c r="G69710" s="16">
        <v>4.3559049186259466</v>
      </c>
    </row>
    <row r="69711" spans="1:7" x14ac:dyDescent="0.3">
      <c r="A69711" s="13" t="s">
        <v>362</v>
      </c>
      <c r="B69711" s="14" t="s">
        <v>1</v>
      </c>
      <c r="C69711" s="14" t="s">
        <v>63</v>
      </c>
      <c r="D69711" s="14" t="s">
        <v>14</v>
      </c>
      <c r="E69711" s="15">
        <v>45737</v>
      </c>
      <c r="F69711" s="14" t="s">
        <v>15</v>
      </c>
      <c r="G69711" s="16">
        <v>4.3554232716850461</v>
      </c>
    </row>
    <row r="69712" spans="1:7" x14ac:dyDescent="0.3">
      <c r="A69712" s="13" t="s">
        <v>362</v>
      </c>
      <c r="B69712" s="14" t="s">
        <v>1</v>
      </c>
      <c r="C69712" s="14" t="s">
        <v>63</v>
      </c>
      <c r="D69712" s="14" t="s">
        <v>14</v>
      </c>
      <c r="E69712" s="15">
        <v>45738</v>
      </c>
      <c r="F69712" s="14" t="s">
        <v>15</v>
      </c>
      <c r="G69712" s="16">
        <v>4.3554232716850461</v>
      </c>
    </row>
    <row r="69713" spans="1:7" x14ac:dyDescent="0.3">
      <c r="A69713" s="13" t="s">
        <v>362</v>
      </c>
      <c r="B69713" s="14" t="s">
        <v>1</v>
      </c>
      <c r="C69713" s="14" t="s">
        <v>63</v>
      </c>
      <c r="D69713" s="14" t="s">
        <v>14</v>
      </c>
      <c r="E69713" s="15">
        <v>45739</v>
      </c>
      <c r="F69713" s="14" t="s">
        <v>15</v>
      </c>
      <c r="G69713" s="16">
        <v>4.3554232716850461</v>
      </c>
    </row>
    <row r="69714" spans="1:7" x14ac:dyDescent="0.3">
      <c r="A69714" s="13" t="s">
        <v>362</v>
      </c>
      <c r="B69714" s="14" t="s">
        <v>1</v>
      </c>
      <c r="C69714" s="14" t="s">
        <v>63</v>
      </c>
      <c r="D69714" s="14" t="s">
        <v>14</v>
      </c>
      <c r="E69714" s="15">
        <v>45740</v>
      </c>
      <c r="F69714" s="14" t="s">
        <v>15</v>
      </c>
      <c r="G69714" s="16">
        <v>4.3672860575023718</v>
      </c>
    </row>
    <row r="69715" spans="1:7" x14ac:dyDescent="0.3">
      <c r="A69715" s="13" t="s">
        <v>362</v>
      </c>
      <c r="B69715" s="14" t="s">
        <v>1</v>
      </c>
      <c r="C69715" s="14" t="s">
        <v>63</v>
      </c>
      <c r="D69715" s="14" t="s">
        <v>14</v>
      </c>
      <c r="E69715" s="15">
        <v>45741</v>
      </c>
      <c r="F69715" s="14" t="s">
        <v>15</v>
      </c>
      <c r="G69715" s="16">
        <v>4.4026939876111015</v>
      </c>
    </row>
    <row r="69716" spans="1:7" x14ac:dyDescent="0.3">
      <c r="A69716" s="13" t="s">
        <v>362</v>
      </c>
      <c r="B69716" s="14" t="s">
        <v>1</v>
      </c>
      <c r="C69716" s="14" t="s">
        <v>63</v>
      </c>
      <c r="D69716" s="14" t="s">
        <v>14</v>
      </c>
      <c r="E69716" s="15">
        <v>45742</v>
      </c>
      <c r="F69716" s="14" t="s">
        <v>15</v>
      </c>
      <c r="G69716" s="16">
        <v>4.4151512048748147</v>
      </c>
    </row>
    <row r="69717" spans="1:7" x14ac:dyDescent="0.3">
      <c r="A69717" s="13" t="s">
        <v>362</v>
      </c>
      <c r="B69717" s="14" t="s">
        <v>1</v>
      </c>
      <c r="C69717" s="14" t="s">
        <v>63</v>
      </c>
      <c r="D69717" s="14" t="s">
        <v>14</v>
      </c>
      <c r="E69717" s="15">
        <v>45743</v>
      </c>
      <c r="F69717" s="14" t="s">
        <v>15</v>
      </c>
      <c r="G69717" s="16">
        <v>4.4337437225533849</v>
      </c>
    </row>
    <row r="69718" spans="1:7" x14ac:dyDescent="0.3">
      <c r="A69718" s="13" t="s">
        <v>362</v>
      </c>
      <c r="B69718" s="14" t="s">
        <v>1</v>
      </c>
      <c r="C69718" s="14" t="s">
        <v>63</v>
      </c>
      <c r="D69718" s="14" t="s">
        <v>14</v>
      </c>
      <c r="E69718" s="15">
        <v>45744</v>
      </c>
      <c r="F69718" s="14" t="s">
        <v>15</v>
      </c>
      <c r="G69718" s="16">
        <v>4.4454502906698474</v>
      </c>
    </row>
    <row r="69719" spans="1:7" x14ac:dyDescent="0.3">
      <c r="A69719" s="13" t="s">
        <v>362</v>
      </c>
      <c r="B69719" s="14" t="s">
        <v>1</v>
      </c>
      <c r="C69719" s="14" t="s">
        <v>63</v>
      </c>
      <c r="D69719" s="14" t="s">
        <v>14</v>
      </c>
      <c r="E69719" s="15">
        <v>45745</v>
      </c>
      <c r="F69719" s="14" t="s">
        <v>15</v>
      </c>
      <c r="G69719" s="16">
        <v>4.4454502906698474</v>
      </c>
    </row>
    <row r="69720" spans="1:7" x14ac:dyDescent="0.3">
      <c r="A69720" s="13" t="s">
        <v>362</v>
      </c>
      <c r="B69720" s="14" t="s">
        <v>1</v>
      </c>
      <c r="C69720" s="14" t="s">
        <v>63</v>
      </c>
      <c r="D69720" s="14" t="s">
        <v>14</v>
      </c>
      <c r="E69720" s="15">
        <v>45746</v>
      </c>
      <c r="F69720" s="14" t="s">
        <v>15</v>
      </c>
      <c r="G69720" s="16">
        <v>4.4454502906698474</v>
      </c>
    </row>
    <row r="69721" spans="1:7" x14ac:dyDescent="0.3">
      <c r="A69721" s="13" t="s">
        <v>362</v>
      </c>
      <c r="B69721" s="14" t="s">
        <v>1</v>
      </c>
      <c r="C69721" s="14" t="s">
        <v>63</v>
      </c>
      <c r="D69721" s="14" t="s">
        <v>14</v>
      </c>
      <c r="E69721" s="15">
        <v>45747</v>
      </c>
      <c r="F69721" s="14" t="s">
        <v>15</v>
      </c>
      <c r="G69721" s="16">
        <v>4.4454502906698474</v>
      </c>
    </row>
    <row r="69722" spans="1:7" x14ac:dyDescent="0.3">
      <c r="A69722" s="13" t="s">
        <v>363</v>
      </c>
      <c r="B69722" s="14" t="s">
        <v>1</v>
      </c>
      <c r="C69722" s="14" t="s">
        <v>150</v>
      </c>
      <c r="D69722" s="14" t="s">
        <v>356</v>
      </c>
      <c r="E69722" s="15">
        <v>45383</v>
      </c>
      <c r="F69722" s="14" t="s">
        <v>61</v>
      </c>
      <c r="G69722" s="16">
        <v>0</v>
      </c>
    </row>
    <row r="69723" spans="1:7" x14ac:dyDescent="0.3">
      <c r="A69723" s="13" t="s">
        <v>363</v>
      </c>
      <c r="B69723" s="14" t="s">
        <v>1</v>
      </c>
      <c r="C69723" s="14" t="s">
        <v>150</v>
      </c>
      <c r="D69723" s="14" t="s">
        <v>356</v>
      </c>
      <c r="E69723" s="15">
        <v>45384</v>
      </c>
      <c r="F69723" s="14" t="s">
        <v>61</v>
      </c>
      <c r="G69723" s="16">
        <v>0</v>
      </c>
    </row>
    <row r="69724" spans="1:7" x14ac:dyDescent="0.3">
      <c r="A69724" s="13" t="s">
        <v>363</v>
      </c>
      <c r="B69724" s="14" t="s">
        <v>1</v>
      </c>
      <c r="C69724" s="14" t="s">
        <v>150</v>
      </c>
      <c r="D69724" s="14" t="s">
        <v>356</v>
      </c>
      <c r="E69724" s="15">
        <v>45385</v>
      </c>
      <c r="F69724" s="14" t="s">
        <v>61</v>
      </c>
      <c r="G69724" s="16">
        <v>1.3199445234203544E-2</v>
      </c>
    </row>
    <row r="69725" spans="1:7" x14ac:dyDescent="0.3">
      <c r="A69725" s="13" t="s">
        <v>363</v>
      </c>
      <c r="B69725" s="14" t="s">
        <v>1</v>
      </c>
      <c r="C69725" s="14" t="s">
        <v>150</v>
      </c>
      <c r="D69725" s="14" t="s">
        <v>356</v>
      </c>
      <c r="E69725" s="15">
        <v>45386</v>
      </c>
      <c r="F69725" s="14" t="s">
        <v>61</v>
      </c>
      <c r="G69725" s="16">
        <v>2.9704431725002669E-2</v>
      </c>
    </row>
    <row r="69726" spans="1:7" x14ac:dyDescent="0.3">
      <c r="A69726" s="13" t="s">
        <v>363</v>
      </c>
      <c r="B69726" s="14" t="s">
        <v>1</v>
      </c>
      <c r="C69726" s="14" t="s">
        <v>150</v>
      </c>
      <c r="D69726" s="14" t="s">
        <v>356</v>
      </c>
      <c r="E69726" s="15">
        <v>45387</v>
      </c>
      <c r="F69726" s="14" t="s">
        <v>61</v>
      </c>
      <c r="G69726" s="16">
        <v>3.2863262615703062E-2</v>
      </c>
    </row>
    <row r="69727" spans="1:7" x14ac:dyDescent="0.3">
      <c r="A69727" s="13" t="s">
        <v>363</v>
      </c>
      <c r="B69727" s="14" t="s">
        <v>1</v>
      </c>
      <c r="C69727" s="14" t="s">
        <v>150</v>
      </c>
      <c r="D69727" s="14" t="s">
        <v>356</v>
      </c>
      <c r="E69727" s="15">
        <v>45388</v>
      </c>
      <c r="F69727" s="14" t="s">
        <v>61</v>
      </c>
      <c r="G69727" s="16">
        <v>3.2863262615703062E-2</v>
      </c>
    </row>
    <row r="69728" spans="1:7" x14ac:dyDescent="0.3">
      <c r="A69728" s="13" t="s">
        <v>363</v>
      </c>
      <c r="B69728" s="14" t="s">
        <v>1</v>
      </c>
      <c r="C69728" s="14" t="s">
        <v>150</v>
      </c>
      <c r="D69728" s="14" t="s">
        <v>356</v>
      </c>
      <c r="E69728" s="15">
        <v>45389</v>
      </c>
      <c r="F69728" s="14" t="s">
        <v>61</v>
      </c>
      <c r="G69728" s="16">
        <v>3.2863262615703062E-2</v>
      </c>
    </row>
    <row r="69729" spans="1:7" x14ac:dyDescent="0.3">
      <c r="A69729" s="13" t="s">
        <v>363</v>
      </c>
      <c r="B69729" s="14" t="s">
        <v>1</v>
      </c>
      <c r="C69729" s="14" t="s">
        <v>150</v>
      </c>
      <c r="D69729" s="14" t="s">
        <v>356</v>
      </c>
      <c r="E69729" s="15">
        <v>45390</v>
      </c>
      <c r="F69729" s="14" t="s">
        <v>61</v>
      </c>
      <c r="G69729" s="16">
        <v>4.9659444138078268E-2</v>
      </c>
    </row>
    <row r="69730" spans="1:7" x14ac:dyDescent="0.3">
      <c r="A69730" s="13" t="s">
        <v>363</v>
      </c>
      <c r="B69730" s="14" t="s">
        <v>1</v>
      </c>
      <c r="C69730" s="14" t="s">
        <v>150</v>
      </c>
      <c r="D69730" s="14" t="s">
        <v>356</v>
      </c>
      <c r="E69730" s="15">
        <v>45391</v>
      </c>
      <c r="F69730" s="14" t="s">
        <v>61</v>
      </c>
      <c r="G69730" s="16">
        <v>6.6413846156990641E-2</v>
      </c>
    </row>
    <row r="69731" spans="1:7" x14ac:dyDescent="0.3">
      <c r="A69731" s="13" t="s">
        <v>363</v>
      </c>
      <c r="B69731" s="14" t="s">
        <v>1</v>
      </c>
      <c r="C69731" s="14" t="s">
        <v>150</v>
      </c>
      <c r="D69731" s="14" t="s">
        <v>356</v>
      </c>
      <c r="E69731" s="15">
        <v>45392</v>
      </c>
      <c r="F69731" s="14" t="s">
        <v>61</v>
      </c>
      <c r="G69731" s="16">
        <v>7.0753261476679083E-2</v>
      </c>
    </row>
    <row r="69732" spans="1:7" x14ac:dyDescent="0.3">
      <c r="A69732" s="13" t="s">
        <v>363</v>
      </c>
      <c r="B69732" s="14" t="s">
        <v>1</v>
      </c>
      <c r="C69732" s="14" t="s">
        <v>150</v>
      </c>
      <c r="D69732" s="14" t="s">
        <v>356</v>
      </c>
      <c r="E69732" s="15">
        <v>45393</v>
      </c>
      <c r="F69732" s="14" t="s">
        <v>61</v>
      </c>
      <c r="G69732" s="16">
        <v>7.4504125196832582E-2</v>
      </c>
    </row>
    <row r="69733" spans="1:7" x14ac:dyDescent="0.3">
      <c r="A69733" s="13" t="s">
        <v>363</v>
      </c>
      <c r="B69733" s="14" t="s">
        <v>1</v>
      </c>
      <c r="C69733" s="14" t="s">
        <v>150</v>
      </c>
      <c r="D69733" s="14" t="s">
        <v>356</v>
      </c>
      <c r="E69733" s="15">
        <v>45394</v>
      </c>
      <c r="F69733" s="14" t="s">
        <v>61</v>
      </c>
      <c r="G69733" s="16">
        <v>7.8333155050053407E-2</v>
      </c>
    </row>
    <row r="69734" spans="1:7" x14ac:dyDescent="0.3">
      <c r="A69734" s="13" t="s">
        <v>363</v>
      </c>
      <c r="B69734" s="14" t="s">
        <v>1</v>
      </c>
      <c r="C69734" s="14" t="s">
        <v>150</v>
      </c>
      <c r="D69734" s="14" t="s">
        <v>356</v>
      </c>
      <c r="E69734" s="15">
        <v>45395</v>
      </c>
      <c r="F69734" s="14" t="s">
        <v>61</v>
      </c>
      <c r="G69734" s="16">
        <v>7.8333155050053407E-2</v>
      </c>
    </row>
    <row r="69735" spans="1:7" x14ac:dyDescent="0.3">
      <c r="A69735" s="13" t="s">
        <v>363</v>
      </c>
      <c r="B69735" s="14" t="s">
        <v>1</v>
      </c>
      <c r="C69735" s="14" t="s">
        <v>150</v>
      </c>
      <c r="D69735" s="14" t="s">
        <v>356</v>
      </c>
      <c r="E69735" s="15">
        <v>45396</v>
      </c>
      <c r="F69735" s="14" t="s">
        <v>61</v>
      </c>
      <c r="G69735" s="16">
        <v>7.8333155050053407E-2</v>
      </c>
    </row>
    <row r="69736" spans="1:7" x14ac:dyDescent="0.3">
      <c r="A69736" s="13" t="s">
        <v>363</v>
      </c>
      <c r="B69736" s="14" t="s">
        <v>1</v>
      </c>
      <c r="C69736" s="14" t="s">
        <v>150</v>
      </c>
      <c r="D69736" s="14" t="s">
        <v>356</v>
      </c>
      <c r="E69736" s="15">
        <v>45397</v>
      </c>
      <c r="F69736" s="14" t="s">
        <v>61</v>
      </c>
      <c r="G69736" s="16">
        <v>8.4140316026443063E-2</v>
      </c>
    </row>
    <row r="69737" spans="1:7" x14ac:dyDescent="0.3">
      <c r="A69737" s="13" t="s">
        <v>363</v>
      </c>
      <c r="B69737" s="14" t="s">
        <v>1</v>
      </c>
      <c r="C69737" s="14" t="s">
        <v>150</v>
      </c>
      <c r="D69737" s="14" t="s">
        <v>356</v>
      </c>
      <c r="E69737" s="15">
        <v>45398</v>
      </c>
      <c r="F69737" s="14" t="s">
        <v>61</v>
      </c>
      <c r="G69737" s="16">
        <v>9.6000383776593035E-2</v>
      </c>
    </row>
    <row r="69738" spans="1:7" x14ac:dyDescent="0.3">
      <c r="A69738" s="13" t="s">
        <v>363</v>
      </c>
      <c r="B69738" s="14" t="s">
        <v>1</v>
      </c>
      <c r="C69738" s="14" t="s">
        <v>150</v>
      </c>
      <c r="D69738" s="14" t="s">
        <v>356</v>
      </c>
      <c r="E69738" s="15">
        <v>45399</v>
      </c>
      <c r="F69738" s="14" t="s">
        <v>61</v>
      </c>
      <c r="G69738" s="16">
        <v>9.9589897997647864E-2</v>
      </c>
    </row>
    <row r="69739" spans="1:7" x14ac:dyDescent="0.3">
      <c r="A69739" s="13" t="s">
        <v>363</v>
      </c>
      <c r="B69739" s="14" t="s">
        <v>1</v>
      </c>
      <c r="C69739" s="14" t="s">
        <v>150</v>
      </c>
      <c r="D69739" s="14" t="s">
        <v>356</v>
      </c>
      <c r="E69739" s="15">
        <v>45400</v>
      </c>
      <c r="F69739" s="14" t="s">
        <v>61</v>
      </c>
      <c r="G69739" s="16">
        <v>0.10165983398255875</v>
      </c>
    </row>
    <row r="69740" spans="1:7" x14ac:dyDescent="0.3">
      <c r="A69740" s="13" t="s">
        <v>363</v>
      </c>
      <c r="B69740" s="14" t="s">
        <v>1</v>
      </c>
      <c r="C69740" s="14" t="s">
        <v>150</v>
      </c>
      <c r="D69740" s="14" t="s">
        <v>356</v>
      </c>
      <c r="E69740" s="15">
        <v>45401</v>
      </c>
      <c r="F69740" s="14" t="s">
        <v>61</v>
      </c>
      <c r="G69740" s="16">
        <v>0.10799160918942999</v>
      </c>
    </row>
    <row r="69741" spans="1:7" x14ac:dyDescent="0.3">
      <c r="A69741" s="13" t="s">
        <v>363</v>
      </c>
      <c r="B69741" s="14" t="s">
        <v>1</v>
      </c>
      <c r="C69741" s="14" t="s">
        <v>150</v>
      </c>
      <c r="D69741" s="14" t="s">
        <v>356</v>
      </c>
      <c r="E69741" s="15">
        <v>45402</v>
      </c>
      <c r="F69741" s="14" t="s">
        <v>61</v>
      </c>
      <c r="G69741" s="16">
        <v>0.10799160918942999</v>
      </c>
    </row>
    <row r="69742" spans="1:7" x14ac:dyDescent="0.3">
      <c r="A69742" s="13" t="s">
        <v>363</v>
      </c>
      <c r="B69742" s="14" t="s">
        <v>1</v>
      </c>
      <c r="C69742" s="14" t="s">
        <v>150</v>
      </c>
      <c r="D69742" s="14" t="s">
        <v>356</v>
      </c>
      <c r="E69742" s="15">
        <v>45403</v>
      </c>
      <c r="F69742" s="14" t="s">
        <v>61</v>
      </c>
      <c r="G69742" s="16">
        <v>0.10799160918942999</v>
      </c>
    </row>
    <row r="69743" spans="1:7" x14ac:dyDescent="0.3">
      <c r="A69743" s="13" t="s">
        <v>363</v>
      </c>
      <c r="B69743" s="14" t="s">
        <v>1</v>
      </c>
      <c r="C69743" s="14" t="s">
        <v>150</v>
      </c>
      <c r="D69743" s="14" t="s">
        <v>356</v>
      </c>
      <c r="E69743" s="15">
        <v>45404</v>
      </c>
      <c r="F69743" s="14" t="s">
        <v>61</v>
      </c>
      <c r="G69743" s="16">
        <v>0.11156858986532514</v>
      </c>
    </row>
    <row r="69744" spans="1:7" x14ac:dyDescent="0.3">
      <c r="A69744" s="13" t="s">
        <v>363</v>
      </c>
      <c r="B69744" s="14" t="s">
        <v>1</v>
      </c>
      <c r="C69744" s="14" t="s">
        <v>150</v>
      </c>
      <c r="D69744" s="14" t="s">
        <v>356</v>
      </c>
      <c r="E69744" s="15">
        <v>45405</v>
      </c>
      <c r="F69744" s="14" t="s">
        <v>61</v>
      </c>
      <c r="G69744" s="16">
        <v>0.13921923948185522</v>
      </c>
    </row>
    <row r="69745" spans="1:7" x14ac:dyDescent="0.3">
      <c r="A69745" s="13" t="s">
        <v>363</v>
      </c>
      <c r="B69745" s="14" t="s">
        <v>1</v>
      </c>
      <c r="C69745" s="14" t="s">
        <v>150</v>
      </c>
      <c r="D69745" s="14" t="s">
        <v>356</v>
      </c>
      <c r="E69745" s="15">
        <v>45406</v>
      </c>
      <c r="F69745" s="14" t="s">
        <v>61</v>
      </c>
      <c r="G69745" s="16">
        <v>0.145712056082349</v>
      </c>
    </row>
    <row r="69746" spans="1:7" x14ac:dyDescent="0.3">
      <c r="A69746" s="13" t="s">
        <v>363</v>
      </c>
      <c r="B69746" s="14" t="s">
        <v>1</v>
      </c>
      <c r="C69746" s="14" t="s">
        <v>150</v>
      </c>
      <c r="D69746" s="14" t="s">
        <v>356</v>
      </c>
      <c r="E69746" s="15">
        <v>45407</v>
      </c>
      <c r="F69746" s="14" t="s">
        <v>61</v>
      </c>
      <c r="G69746" s="16">
        <v>0.1494846992481649</v>
      </c>
    </row>
    <row r="69747" spans="1:7" x14ac:dyDescent="0.3">
      <c r="A69747" s="13" t="s">
        <v>363</v>
      </c>
      <c r="B69747" s="14" t="s">
        <v>1</v>
      </c>
      <c r="C69747" s="14" t="s">
        <v>150</v>
      </c>
      <c r="D69747" s="14" t="s">
        <v>356</v>
      </c>
      <c r="E69747" s="15">
        <v>45408</v>
      </c>
      <c r="F69747" s="14" t="s">
        <v>61</v>
      </c>
      <c r="G69747" s="16">
        <v>0.15383167627314434</v>
      </c>
    </row>
    <row r="69748" spans="1:7" x14ac:dyDescent="0.3">
      <c r="A69748" s="13" t="s">
        <v>363</v>
      </c>
      <c r="B69748" s="14" t="s">
        <v>1</v>
      </c>
      <c r="C69748" s="14" t="s">
        <v>150</v>
      </c>
      <c r="D69748" s="14" t="s">
        <v>356</v>
      </c>
      <c r="E69748" s="15">
        <v>45409</v>
      </c>
      <c r="F69748" s="14" t="s">
        <v>61</v>
      </c>
      <c r="G69748" s="16">
        <v>0.15383167627314434</v>
      </c>
    </row>
    <row r="69749" spans="1:7" x14ac:dyDescent="0.3">
      <c r="A69749" s="13" t="s">
        <v>363</v>
      </c>
      <c r="B69749" s="14" t="s">
        <v>1</v>
      </c>
      <c r="C69749" s="14" t="s">
        <v>150</v>
      </c>
      <c r="D69749" s="14" t="s">
        <v>356</v>
      </c>
      <c r="E69749" s="15">
        <v>45410</v>
      </c>
      <c r="F69749" s="14" t="s">
        <v>61</v>
      </c>
      <c r="G69749" s="16">
        <v>0.15383167627314434</v>
      </c>
    </row>
    <row r="69750" spans="1:7" x14ac:dyDescent="0.3">
      <c r="A69750" s="13" t="s">
        <v>363</v>
      </c>
      <c r="B69750" s="14" t="s">
        <v>1</v>
      </c>
      <c r="C69750" s="14" t="s">
        <v>150</v>
      </c>
      <c r="D69750" s="14" t="s">
        <v>356</v>
      </c>
      <c r="E69750" s="15">
        <v>45411</v>
      </c>
      <c r="F69750" s="14" t="s">
        <v>61</v>
      </c>
      <c r="G69750" s="16">
        <v>0.15765768174302514</v>
      </c>
    </row>
    <row r="69751" spans="1:7" x14ac:dyDescent="0.3">
      <c r="A69751" s="13" t="s">
        <v>363</v>
      </c>
      <c r="B69751" s="14" t="s">
        <v>1</v>
      </c>
      <c r="C69751" s="14" t="s">
        <v>150</v>
      </c>
      <c r="D69751" s="14" t="s">
        <v>356</v>
      </c>
      <c r="E69751" s="15">
        <v>45412</v>
      </c>
      <c r="F69751" s="14" t="s">
        <v>61</v>
      </c>
      <c r="G69751" s="16">
        <v>0.17149723130087111</v>
      </c>
    </row>
    <row r="69752" spans="1:7" x14ac:dyDescent="0.3">
      <c r="A69752" s="13" t="s">
        <v>363</v>
      </c>
      <c r="B69752" s="14" t="s">
        <v>1</v>
      </c>
      <c r="C69752" s="14" t="s">
        <v>150</v>
      </c>
      <c r="D69752" s="14" t="s">
        <v>356</v>
      </c>
      <c r="E69752" s="15">
        <v>45413</v>
      </c>
      <c r="F69752" s="14" t="s">
        <v>61</v>
      </c>
      <c r="G69752" s="16">
        <v>0.17149723130087111</v>
      </c>
    </row>
    <row r="69753" spans="1:7" x14ac:dyDescent="0.3">
      <c r="A69753" s="13" t="s">
        <v>363</v>
      </c>
      <c r="B69753" s="14" t="s">
        <v>1</v>
      </c>
      <c r="C69753" s="14" t="s">
        <v>150</v>
      </c>
      <c r="D69753" s="14" t="s">
        <v>356</v>
      </c>
      <c r="E69753" s="15">
        <v>45414</v>
      </c>
      <c r="F69753" s="14" t="s">
        <v>61</v>
      </c>
      <c r="G69753" s="16">
        <v>0.17616529653259744</v>
      </c>
    </row>
    <row r="69754" spans="1:7" x14ac:dyDescent="0.3">
      <c r="A69754" s="13" t="s">
        <v>363</v>
      </c>
      <c r="B69754" s="14" t="s">
        <v>1</v>
      </c>
      <c r="C69754" s="14" t="s">
        <v>150</v>
      </c>
      <c r="D69754" s="14" t="s">
        <v>356</v>
      </c>
      <c r="E69754" s="15">
        <v>45415</v>
      </c>
      <c r="F69754" s="14" t="s">
        <v>61</v>
      </c>
      <c r="G69754" s="16">
        <v>0.19976673402830952</v>
      </c>
    </row>
    <row r="69755" spans="1:7" x14ac:dyDescent="0.3">
      <c r="A69755" s="13" t="s">
        <v>363</v>
      </c>
      <c r="B69755" s="14" t="s">
        <v>1</v>
      </c>
      <c r="C69755" s="14" t="s">
        <v>150</v>
      </c>
      <c r="D69755" s="14" t="s">
        <v>356</v>
      </c>
      <c r="E69755" s="15">
        <v>45416</v>
      </c>
      <c r="F69755" s="14" t="s">
        <v>61</v>
      </c>
      <c r="G69755" s="16">
        <v>0.19976673402830952</v>
      </c>
    </row>
    <row r="69756" spans="1:7" x14ac:dyDescent="0.3">
      <c r="A69756" s="13" t="s">
        <v>363</v>
      </c>
      <c r="B69756" s="14" t="s">
        <v>1</v>
      </c>
      <c r="C69756" s="14" t="s">
        <v>150</v>
      </c>
      <c r="D69756" s="14" t="s">
        <v>356</v>
      </c>
      <c r="E69756" s="15">
        <v>45417</v>
      </c>
      <c r="F69756" s="14" t="s">
        <v>61</v>
      </c>
      <c r="G69756" s="16">
        <v>0.19976673402830952</v>
      </c>
    </row>
    <row r="69757" spans="1:7" x14ac:dyDescent="0.3">
      <c r="A69757" s="13" t="s">
        <v>363</v>
      </c>
      <c r="B69757" s="14" t="s">
        <v>1</v>
      </c>
      <c r="C69757" s="14" t="s">
        <v>150</v>
      </c>
      <c r="D69757" s="14" t="s">
        <v>356</v>
      </c>
      <c r="E69757" s="15">
        <v>45418</v>
      </c>
      <c r="F69757" s="14" t="s">
        <v>61</v>
      </c>
      <c r="G69757" s="16">
        <v>0.19976673402830952</v>
      </c>
    </row>
    <row r="69758" spans="1:7" x14ac:dyDescent="0.3">
      <c r="A69758" s="13" t="s">
        <v>363</v>
      </c>
      <c r="B69758" s="14" t="s">
        <v>1</v>
      </c>
      <c r="C69758" s="14" t="s">
        <v>150</v>
      </c>
      <c r="D69758" s="14" t="s">
        <v>356</v>
      </c>
      <c r="E69758" s="15">
        <v>45419</v>
      </c>
      <c r="F69758" s="14" t="s">
        <v>61</v>
      </c>
      <c r="G69758" s="16">
        <v>0.20387459610817724</v>
      </c>
    </row>
    <row r="69759" spans="1:7" x14ac:dyDescent="0.3">
      <c r="A69759" s="13" t="s">
        <v>363</v>
      </c>
      <c r="B69759" s="14" t="s">
        <v>1</v>
      </c>
      <c r="C69759" s="14" t="s">
        <v>150</v>
      </c>
      <c r="D69759" s="14" t="s">
        <v>356</v>
      </c>
      <c r="E69759" s="15">
        <v>45420</v>
      </c>
      <c r="F69759" s="14" t="s">
        <v>61</v>
      </c>
      <c r="G69759" s="16">
        <v>0.2199856661943505</v>
      </c>
    </row>
    <row r="69760" spans="1:7" x14ac:dyDescent="0.3">
      <c r="A69760" s="13" t="s">
        <v>363</v>
      </c>
      <c r="B69760" s="14" t="s">
        <v>1</v>
      </c>
      <c r="C69760" s="14" t="s">
        <v>150</v>
      </c>
      <c r="D69760" s="14" t="s">
        <v>356</v>
      </c>
      <c r="E69760" s="15">
        <v>45421</v>
      </c>
      <c r="F69760" s="14" t="s">
        <v>61</v>
      </c>
      <c r="G69760" s="16">
        <v>0.2199856661943505</v>
      </c>
    </row>
    <row r="69761" spans="1:7" x14ac:dyDescent="0.3">
      <c r="A69761" s="13" t="s">
        <v>363</v>
      </c>
      <c r="B69761" s="14" t="s">
        <v>1</v>
      </c>
      <c r="C69761" s="14" t="s">
        <v>150</v>
      </c>
      <c r="D69761" s="14" t="s">
        <v>356</v>
      </c>
      <c r="E69761" s="15">
        <v>45422</v>
      </c>
      <c r="F69761" s="14" t="s">
        <v>61</v>
      </c>
      <c r="G69761" s="16">
        <v>0.22393207843650981</v>
      </c>
    </row>
    <row r="69762" spans="1:7" x14ac:dyDescent="0.3">
      <c r="A69762" s="13" t="s">
        <v>363</v>
      </c>
      <c r="B69762" s="14" t="s">
        <v>1</v>
      </c>
      <c r="C69762" s="14" t="s">
        <v>150</v>
      </c>
      <c r="D69762" s="14" t="s">
        <v>356</v>
      </c>
      <c r="E69762" s="15">
        <v>45423</v>
      </c>
      <c r="F69762" s="14" t="s">
        <v>61</v>
      </c>
      <c r="G69762" s="16">
        <v>0.22393207843650981</v>
      </c>
    </row>
    <row r="69763" spans="1:7" x14ac:dyDescent="0.3">
      <c r="A69763" s="13" t="s">
        <v>363</v>
      </c>
      <c r="B69763" s="14" t="s">
        <v>1</v>
      </c>
      <c r="C69763" s="14" t="s">
        <v>150</v>
      </c>
      <c r="D69763" s="14" t="s">
        <v>356</v>
      </c>
      <c r="E69763" s="15">
        <v>45424</v>
      </c>
      <c r="F69763" s="14" t="s">
        <v>61</v>
      </c>
      <c r="G69763" s="16">
        <v>0.22393207843650981</v>
      </c>
    </row>
    <row r="69764" spans="1:7" x14ac:dyDescent="0.3">
      <c r="A69764" s="13" t="s">
        <v>363</v>
      </c>
      <c r="B69764" s="14" t="s">
        <v>1</v>
      </c>
      <c r="C69764" s="14" t="s">
        <v>150</v>
      </c>
      <c r="D69764" s="14" t="s">
        <v>356</v>
      </c>
      <c r="E69764" s="15">
        <v>45425</v>
      </c>
      <c r="F69764" s="14" t="s">
        <v>61</v>
      </c>
      <c r="G69764" s="16">
        <v>0.23529200793340285</v>
      </c>
    </row>
    <row r="69765" spans="1:7" x14ac:dyDescent="0.3">
      <c r="A69765" s="13" t="s">
        <v>363</v>
      </c>
      <c r="B69765" s="14" t="s">
        <v>1</v>
      </c>
      <c r="C69765" s="14" t="s">
        <v>150</v>
      </c>
      <c r="D69765" s="14" t="s">
        <v>356</v>
      </c>
      <c r="E69765" s="15">
        <v>45426</v>
      </c>
      <c r="F69765" s="14" t="s">
        <v>61</v>
      </c>
      <c r="G69765" s="16">
        <v>0.25694862047513273</v>
      </c>
    </row>
    <row r="69766" spans="1:7" x14ac:dyDescent="0.3">
      <c r="A69766" s="13" t="s">
        <v>363</v>
      </c>
      <c r="B69766" s="14" t="s">
        <v>1</v>
      </c>
      <c r="C69766" s="14" t="s">
        <v>150</v>
      </c>
      <c r="D69766" s="14" t="s">
        <v>356</v>
      </c>
      <c r="E69766" s="15">
        <v>45427</v>
      </c>
      <c r="F69766" s="14" t="s">
        <v>61</v>
      </c>
      <c r="G69766" s="16">
        <v>0.26075406585018845</v>
      </c>
    </row>
    <row r="69767" spans="1:7" x14ac:dyDescent="0.3">
      <c r="A69767" s="13" t="s">
        <v>363</v>
      </c>
      <c r="B69767" s="14" t="s">
        <v>1</v>
      </c>
      <c r="C69767" s="14" t="s">
        <v>150</v>
      </c>
      <c r="D69767" s="14" t="s">
        <v>356</v>
      </c>
      <c r="E69767" s="15">
        <v>45428</v>
      </c>
      <c r="F69767" s="14" t="s">
        <v>61</v>
      </c>
      <c r="G69767" s="16">
        <v>0.26482979318243771</v>
      </c>
    </row>
    <row r="69768" spans="1:7" x14ac:dyDescent="0.3">
      <c r="A69768" s="13" t="s">
        <v>363</v>
      </c>
      <c r="B69768" s="14" t="s">
        <v>1</v>
      </c>
      <c r="C69768" s="14" t="s">
        <v>150</v>
      </c>
      <c r="D69768" s="14" t="s">
        <v>356</v>
      </c>
      <c r="E69768" s="15">
        <v>45429</v>
      </c>
      <c r="F69768" s="14" t="s">
        <v>61</v>
      </c>
      <c r="G69768" s="16">
        <v>0.34088647910801823</v>
      </c>
    </row>
    <row r="69769" spans="1:7" x14ac:dyDescent="0.3">
      <c r="A69769" s="13" t="s">
        <v>363</v>
      </c>
      <c r="B69769" s="14" t="s">
        <v>1</v>
      </c>
      <c r="C69769" s="14" t="s">
        <v>150</v>
      </c>
      <c r="D69769" s="14" t="s">
        <v>356</v>
      </c>
      <c r="E69769" s="15">
        <v>45430</v>
      </c>
      <c r="F69769" s="14" t="s">
        <v>61</v>
      </c>
      <c r="G69769" s="16">
        <v>0.34088647910801823</v>
      </c>
    </row>
    <row r="69770" spans="1:7" x14ac:dyDescent="0.3">
      <c r="A69770" s="13" t="s">
        <v>363</v>
      </c>
      <c r="B69770" s="14" t="s">
        <v>1</v>
      </c>
      <c r="C69770" s="14" t="s">
        <v>150</v>
      </c>
      <c r="D69770" s="14" t="s">
        <v>356</v>
      </c>
      <c r="E69770" s="15">
        <v>45431</v>
      </c>
      <c r="F69770" s="14" t="s">
        <v>61</v>
      </c>
      <c r="G69770" s="16">
        <v>0.34088647910801823</v>
      </c>
    </row>
    <row r="69771" spans="1:7" x14ac:dyDescent="0.3">
      <c r="A69771" s="13" t="s">
        <v>363</v>
      </c>
      <c r="B69771" s="14" t="s">
        <v>1</v>
      </c>
      <c r="C69771" s="14" t="s">
        <v>150</v>
      </c>
      <c r="D69771" s="14" t="s">
        <v>356</v>
      </c>
      <c r="E69771" s="15">
        <v>45432</v>
      </c>
      <c r="F69771" s="14" t="s">
        <v>61</v>
      </c>
      <c r="G69771" s="16">
        <v>0.34088647910801823</v>
      </c>
    </row>
    <row r="69772" spans="1:7" x14ac:dyDescent="0.3">
      <c r="A69772" s="13" t="s">
        <v>363</v>
      </c>
      <c r="B69772" s="14" t="s">
        <v>1</v>
      </c>
      <c r="C69772" s="14" t="s">
        <v>150</v>
      </c>
      <c r="D69772" s="14" t="s">
        <v>356</v>
      </c>
      <c r="E69772" s="15">
        <v>45433</v>
      </c>
      <c r="F69772" s="14" t="s">
        <v>61</v>
      </c>
      <c r="G69772" s="16">
        <v>0.34496348635897817</v>
      </c>
    </row>
    <row r="69773" spans="1:7" x14ac:dyDescent="0.3">
      <c r="A69773" s="13" t="s">
        <v>363</v>
      </c>
      <c r="B69773" s="14" t="s">
        <v>1</v>
      </c>
      <c r="C69773" s="14" t="s">
        <v>150</v>
      </c>
      <c r="D69773" s="14" t="s">
        <v>356</v>
      </c>
      <c r="E69773" s="15">
        <v>45434</v>
      </c>
      <c r="F69773" s="14" t="s">
        <v>61</v>
      </c>
      <c r="G69773" s="16">
        <v>0.36180841400787656</v>
      </c>
    </row>
    <row r="69774" spans="1:7" x14ac:dyDescent="0.3">
      <c r="A69774" s="13" t="s">
        <v>363</v>
      </c>
      <c r="B69774" s="14" t="s">
        <v>1</v>
      </c>
      <c r="C69774" s="14" t="s">
        <v>150</v>
      </c>
      <c r="D69774" s="14" t="s">
        <v>356</v>
      </c>
      <c r="E69774" s="15">
        <v>45435</v>
      </c>
      <c r="F69774" s="14" t="s">
        <v>61</v>
      </c>
      <c r="G69774" s="16">
        <v>0.37265147001559762</v>
      </c>
    </row>
    <row r="69775" spans="1:7" x14ac:dyDescent="0.3">
      <c r="A69775" s="13" t="s">
        <v>363</v>
      </c>
      <c r="B69775" s="14" t="s">
        <v>1</v>
      </c>
      <c r="C69775" s="14" t="s">
        <v>150</v>
      </c>
      <c r="D69775" s="14" t="s">
        <v>356</v>
      </c>
      <c r="E69775" s="15">
        <v>45436</v>
      </c>
      <c r="F69775" s="14" t="s">
        <v>61</v>
      </c>
      <c r="G69775" s="16">
        <v>0.37677501932594942</v>
      </c>
    </row>
    <row r="69776" spans="1:7" x14ac:dyDescent="0.3">
      <c r="A69776" s="13" t="s">
        <v>363</v>
      </c>
      <c r="B69776" s="14" t="s">
        <v>1</v>
      </c>
      <c r="C69776" s="14" t="s">
        <v>150</v>
      </c>
      <c r="D69776" s="14" t="s">
        <v>356</v>
      </c>
      <c r="E69776" s="15">
        <v>45437</v>
      </c>
      <c r="F69776" s="14" t="s">
        <v>61</v>
      </c>
      <c r="G69776" s="16">
        <v>0.37677501932594942</v>
      </c>
    </row>
    <row r="69777" spans="1:7" x14ac:dyDescent="0.3">
      <c r="A69777" s="13" t="s">
        <v>363</v>
      </c>
      <c r="B69777" s="14" t="s">
        <v>1</v>
      </c>
      <c r="C69777" s="14" t="s">
        <v>150</v>
      </c>
      <c r="D69777" s="14" t="s">
        <v>356</v>
      </c>
      <c r="E69777" s="15">
        <v>45438</v>
      </c>
      <c r="F69777" s="14" t="s">
        <v>61</v>
      </c>
      <c r="G69777" s="16">
        <v>0.37677501932594942</v>
      </c>
    </row>
    <row r="69778" spans="1:7" x14ac:dyDescent="0.3">
      <c r="A69778" s="13" t="s">
        <v>363</v>
      </c>
      <c r="B69778" s="14" t="s">
        <v>1</v>
      </c>
      <c r="C69778" s="14" t="s">
        <v>150</v>
      </c>
      <c r="D69778" s="14" t="s">
        <v>356</v>
      </c>
      <c r="E69778" s="15">
        <v>45439</v>
      </c>
      <c r="F69778" s="14" t="s">
        <v>61</v>
      </c>
      <c r="G69778" s="16">
        <v>0.38089786151029931</v>
      </c>
    </row>
    <row r="69779" spans="1:7" x14ac:dyDescent="0.3">
      <c r="A69779" s="13" t="s">
        <v>363</v>
      </c>
      <c r="B69779" s="14" t="s">
        <v>1</v>
      </c>
      <c r="C69779" s="14" t="s">
        <v>150</v>
      </c>
      <c r="D69779" s="14" t="s">
        <v>356</v>
      </c>
      <c r="E69779" s="15">
        <v>45440</v>
      </c>
      <c r="F69779" s="14" t="s">
        <v>61</v>
      </c>
      <c r="G69779" s="16">
        <v>0.39305997656800246</v>
      </c>
    </row>
    <row r="69780" spans="1:7" x14ac:dyDescent="0.3">
      <c r="A69780" s="13" t="s">
        <v>363</v>
      </c>
      <c r="B69780" s="14" t="s">
        <v>1</v>
      </c>
      <c r="C69780" s="14" t="s">
        <v>150</v>
      </c>
      <c r="D69780" s="14" t="s">
        <v>356</v>
      </c>
      <c r="E69780" s="15">
        <v>45441</v>
      </c>
      <c r="F69780" s="14" t="s">
        <v>61</v>
      </c>
      <c r="G69780" s="16">
        <v>0.39876379618317898</v>
      </c>
    </row>
    <row r="69781" spans="1:7" x14ac:dyDescent="0.3">
      <c r="A69781" s="13" t="s">
        <v>363</v>
      </c>
      <c r="B69781" s="14" t="s">
        <v>1</v>
      </c>
      <c r="C69781" s="14" t="s">
        <v>150</v>
      </c>
      <c r="D69781" s="14" t="s">
        <v>356</v>
      </c>
      <c r="E69781" s="15">
        <v>45442</v>
      </c>
      <c r="F69781" s="14" t="s">
        <v>61</v>
      </c>
      <c r="G69781" s="16">
        <v>0.40285953549285075</v>
      </c>
    </row>
    <row r="69782" spans="1:7" x14ac:dyDescent="0.3">
      <c r="A69782" s="13" t="s">
        <v>363</v>
      </c>
      <c r="B69782" s="14" t="s">
        <v>1</v>
      </c>
      <c r="C69782" s="14" t="s">
        <v>150</v>
      </c>
      <c r="D69782" s="14" t="s">
        <v>356</v>
      </c>
      <c r="E69782" s="15">
        <v>45443</v>
      </c>
      <c r="F69782" s="14" t="s">
        <v>61</v>
      </c>
      <c r="G69782" s="16">
        <v>0.40700283845354635</v>
      </c>
    </row>
    <row r="69783" spans="1:7" x14ac:dyDescent="0.3">
      <c r="A69783" s="13" t="s">
        <v>363</v>
      </c>
      <c r="B69783" s="14" t="s">
        <v>1</v>
      </c>
      <c r="C69783" s="14" t="s">
        <v>150</v>
      </c>
      <c r="D69783" s="14" t="s">
        <v>356</v>
      </c>
      <c r="E69783" s="15">
        <v>45444</v>
      </c>
      <c r="F69783" s="14" t="s">
        <v>61</v>
      </c>
      <c r="G69783" s="16">
        <v>0.40700283845354635</v>
      </c>
    </row>
    <row r="69784" spans="1:7" x14ac:dyDescent="0.3">
      <c r="A69784" s="13" t="s">
        <v>363</v>
      </c>
      <c r="B69784" s="14" t="s">
        <v>1</v>
      </c>
      <c r="C69784" s="14" t="s">
        <v>150</v>
      </c>
      <c r="D69784" s="14" t="s">
        <v>356</v>
      </c>
      <c r="E69784" s="15">
        <v>45445</v>
      </c>
      <c r="F69784" s="14" t="s">
        <v>61</v>
      </c>
      <c r="G69784" s="16">
        <v>0.40700283845354635</v>
      </c>
    </row>
    <row r="69785" spans="1:7" x14ac:dyDescent="0.3">
      <c r="A69785" s="13" t="s">
        <v>363</v>
      </c>
      <c r="B69785" s="14" t="s">
        <v>1</v>
      </c>
      <c r="C69785" s="14" t="s">
        <v>150</v>
      </c>
      <c r="D69785" s="14" t="s">
        <v>356</v>
      </c>
      <c r="E69785" s="15">
        <v>45446</v>
      </c>
      <c r="F69785" s="14" t="s">
        <v>61</v>
      </c>
      <c r="G69785" s="16">
        <v>0.40700283845354635</v>
      </c>
    </row>
    <row r="69786" spans="1:7" x14ac:dyDescent="0.3">
      <c r="A69786" s="13" t="s">
        <v>363</v>
      </c>
      <c r="B69786" s="14" t="s">
        <v>1</v>
      </c>
      <c r="C69786" s="14" t="s">
        <v>150</v>
      </c>
      <c r="D69786" s="14" t="s">
        <v>356</v>
      </c>
      <c r="E69786" s="15">
        <v>45447</v>
      </c>
      <c r="F69786" s="14" t="s">
        <v>61</v>
      </c>
      <c r="G69786" s="16">
        <v>0.41114306609578638</v>
      </c>
    </row>
    <row r="69787" spans="1:7" x14ac:dyDescent="0.3">
      <c r="A69787" s="13" t="s">
        <v>363</v>
      </c>
      <c r="B69787" s="14" t="s">
        <v>1</v>
      </c>
      <c r="C69787" s="14" t="s">
        <v>150</v>
      </c>
      <c r="D69787" s="14" t="s">
        <v>356</v>
      </c>
      <c r="E69787" s="15">
        <v>45448</v>
      </c>
      <c r="F69787" s="14" t="s">
        <v>61</v>
      </c>
      <c r="G69787" s="16">
        <v>0.45761102502958506</v>
      </c>
    </row>
    <row r="69788" spans="1:7" x14ac:dyDescent="0.3">
      <c r="A69788" s="13" t="s">
        <v>363</v>
      </c>
      <c r="B69788" s="14" t="s">
        <v>1</v>
      </c>
      <c r="C69788" s="14" t="s">
        <v>150</v>
      </c>
      <c r="D69788" s="14" t="s">
        <v>356</v>
      </c>
      <c r="E69788" s="15">
        <v>45449</v>
      </c>
      <c r="F69788" s="14" t="s">
        <v>61</v>
      </c>
      <c r="G69788" s="16">
        <v>0.46166208805874043</v>
      </c>
    </row>
    <row r="69789" spans="1:7" x14ac:dyDescent="0.3">
      <c r="A69789" s="13" t="s">
        <v>363</v>
      </c>
      <c r="B69789" s="14" t="s">
        <v>1</v>
      </c>
      <c r="C69789" s="14" t="s">
        <v>150</v>
      </c>
      <c r="D69789" s="14" t="s">
        <v>356</v>
      </c>
      <c r="E69789" s="15">
        <v>45450</v>
      </c>
      <c r="F69789" s="14" t="s">
        <v>61</v>
      </c>
      <c r="G69789" s="16">
        <v>0.46579306918933799</v>
      </c>
    </row>
    <row r="69790" spans="1:7" x14ac:dyDescent="0.3">
      <c r="A69790" s="13" t="s">
        <v>363</v>
      </c>
      <c r="B69790" s="14" t="s">
        <v>1</v>
      </c>
      <c r="C69790" s="14" t="s">
        <v>150</v>
      </c>
      <c r="D69790" s="14" t="s">
        <v>356</v>
      </c>
      <c r="E69790" s="15">
        <v>45451</v>
      </c>
      <c r="F69790" s="14" t="s">
        <v>61</v>
      </c>
      <c r="G69790" s="16">
        <v>0.46579306918933799</v>
      </c>
    </row>
    <row r="69791" spans="1:7" x14ac:dyDescent="0.3">
      <c r="A69791" s="13" t="s">
        <v>363</v>
      </c>
      <c r="B69791" s="14" t="s">
        <v>1</v>
      </c>
      <c r="C69791" s="14" t="s">
        <v>150</v>
      </c>
      <c r="D69791" s="14" t="s">
        <v>356</v>
      </c>
      <c r="E69791" s="15">
        <v>45452</v>
      </c>
      <c r="F69791" s="14" t="s">
        <v>61</v>
      </c>
      <c r="G69791" s="16">
        <v>0.46579306918933799</v>
      </c>
    </row>
    <row r="69792" spans="1:7" x14ac:dyDescent="0.3">
      <c r="A69792" s="13" t="s">
        <v>363</v>
      </c>
      <c r="B69792" s="14" t="s">
        <v>1</v>
      </c>
      <c r="C69792" s="14" t="s">
        <v>150</v>
      </c>
      <c r="D69792" s="14" t="s">
        <v>356</v>
      </c>
      <c r="E69792" s="15">
        <v>45453</v>
      </c>
      <c r="F69792" s="14" t="s">
        <v>61</v>
      </c>
      <c r="G69792" s="16">
        <v>0.47405526070840592</v>
      </c>
    </row>
    <row r="69793" spans="1:7" x14ac:dyDescent="0.3">
      <c r="A69793" s="13" t="s">
        <v>363</v>
      </c>
      <c r="B69793" s="14" t="s">
        <v>1</v>
      </c>
      <c r="C69793" s="14" t="s">
        <v>150</v>
      </c>
      <c r="D69793" s="14" t="s">
        <v>356</v>
      </c>
      <c r="E69793" s="15">
        <v>45454</v>
      </c>
      <c r="F69793" s="14" t="s">
        <v>61</v>
      </c>
      <c r="G69793" s="16">
        <v>0.49028236130234909</v>
      </c>
    </row>
    <row r="69794" spans="1:7" x14ac:dyDescent="0.3">
      <c r="A69794" s="13" t="s">
        <v>363</v>
      </c>
      <c r="B69794" s="14" t="s">
        <v>1</v>
      </c>
      <c r="C69794" s="14" t="s">
        <v>150</v>
      </c>
      <c r="D69794" s="14" t="s">
        <v>356</v>
      </c>
      <c r="E69794" s="15">
        <v>45455</v>
      </c>
      <c r="F69794" s="14" t="s">
        <v>61</v>
      </c>
      <c r="G69794" s="16">
        <v>0.49438910564831773</v>
      </c>
    </row>
    <row r="69795" spans="1:7" x14ac:dyDescent="0.3">
      <c r="A69795" s="13" t="s">
        <v>363</v>
      </c>
      <c r="B69795" s="14" t="s">
        <v>1</v>
      </c>
      <c r="C69795" s="14" t="s">
        <v>150</v>
      </c>
      <c r="D69795" s="14" t="s">
        <v>356</v>
      </c>
      <c r="E69795" s="15">
        <v>45456</v>
      </c>
      <c r="F69795" s="14" t="s">
        <v>61</v>
      </c>
      <c r="G69795" s="16">
        <v>0.49840866292007369</v>
      </c>
    </row>
    <row r="69796" spans="1:7" x14ac:dyDescent="0.3">
      <c r="A69796" s="13" t="s">
        <v>363</v>
      </c>
      <c r="B69796" s="14" t="s">
        <v>1</v>
      </c>
      <c r="C69796" s="14" t="s">
        <v>150</v>
      </c>
      <c r="D69796" s="14" t="s">
        <v>356</v>
      </c>
      <c r="E69796" s="15">
        <v>45457</v>
      </c>
      <c r="F69796" s="14" t="s">
        <v>61</v>
      </c>
      <c r="G69796" s="16">
        <v>0.51168357938240894</v>
      </c>
    </row>
    <row r="69797" spans="1:7" x14ac:dyDescent="0.3">
      <c r="A69797" s="13" t="s">
        <v>363</v>
      </c>
      <c r="B69797" s="14" t="s">
        <v>1</v>
      </c>
      <c r="C69797" s="14" t="s">
        <v>150</v>
      </c>
      <c r="D69797" s="14" t="s">
        <v>356</v>
      </c>
      <c r="E69797" s="15">
        <v>45458</v>
      </c>
      <c r="F69797" s="14" t="s">
        <v>61</v>
      </c>
      <c r="G69797" s="16">
        <v>0.51168357938240894</v>
      </c>
    </row>
    <row r="69798" spans="1:7" x14ac:dyDescent="0.3">
      <c r="A69798" s="13" t="s">
        <v>363</v>
      </c>
      <c r="B69798" s="14" t="s">
        <v>1</v>
      </c>
      <c r="C69798" s="14" t="s">
        <v>150</v>
      </c>
      <c r="D69798" s="14" t="s">
        <v>356</v>
      </c>
      <c r="E69798" s="15">
        <v>45459</v>
      </c>
      <c r="F69798" s="14" t="s">
        <v>61</v>
      </c>
      <c r="G69798" s="16">
        <v>0.51168357938240894</v>
      </c>
    </row>
    <row r="69799" spans="1:7" x14ac:dyDescent="0.3">
      <c r="A69799" s="13" t="s">
        <v>363</v>
      </c>
      <c r="B69799" s="14" t="s">
        <v>1</v>
      </c>
      <c r="C69799" s="14" t="s">
        <v>150</v>
      </c>
      <c r="D69799" s="14" t="s">
        <v>356</v>
      </c>
      <c r="E69799" s="15">
        <v>45460</v>
      </c>
      <c r="F69799" s="14" t="s">
        <v>61</v>
      </c>
      <c r="G69799" s="16">
        <v>0.51760762823574458</v>
      </c>
    </row>
    <row r="69800" spans="1:7" x14ac:dyDescent="0.3">
      <c r="A69800" s="13" t="s">
        <v>363</v>
      </c>
      <c r="B69800" s="14" t="s">
        <v>1</v>
      </c>
      <c r="C69800" s="14" t="s">
        <v>150</v>
      </c>
      <c r="D69800" s="14" t="s">
        <v>356</v>
      </c>
      <c r="E69800" s="15">
        <v>45461</v>
      </c>
      <c r="F69800" s="14" t="s">
        <v>61</v>
      </c>
      <c r="G69800" s="16">
        <v>0.53052363164902205</v>
      </c>
    </row>
    <row r="69801" spans="1:7" x14ac:dyDescent="0.3">
      <c r="A69801" s="13" t="s">
        <v>363</v>
      </c>
      <c r="B69801" s="14" t="s">
        <v>1</v>
      </c>
      <c r="C69801" s="14" t="s">
        <v>150</v>
      </c>
      <c r="D69801" s="14" t="s">
        <v>356</v>
      </c>
      <c r="E69801" s="15">
        <v>45462</v>
      </c>
      <c r="F69801" s="14" t="s">
        <v>61</v>
      </c>
      <c r="G69801" s="16">
        <v>0.53590430796253641</v>
      </c>
    </row>
    <row r="69802" spans="1:7" x14ac:dyDescent="0.3">
      <c r="A69802" s="13" t="s">
        <v>363</v>
      </c>
      <c r="B69802" s="14" t="s">
        <v>1</v>
      </c>
      <c r="C69802" s="14" t="s">
        <v>150</v>
      </c>
      <c r="D69802" s="14" t="s">
        <v>356</v>
      </c>
      <c r="E69802" s="15">
        <v>45463</v>
      </c>
      <c r="F69802" s="14" t="s">
        <v>61</v>
      </c>
      <c r="G69802" s="16">
        <v>0.54007794464612269</v>
      </c>
    </row>
    <row r="69803" spans="1:7" x14ac:dyDescent="0.3">
      <c r="A69803" s="13" t="s">
        <v>363</v>
      </c>
      <c r="B69803" s="14" t="s">
        <v>1</v>
      </c>
      <c r="C69803" s="14" t="s">
        <v>150</v>
      </c>
      <c r="D69803" s="14" t="s">
        <v>356</v>
      </c>
      <c r="E69803" s="15">
        <v>45464</v>
      </c>
      <c r="F69803" s="14" t="s">
        <v>61</v>
      </c>
      <c r="G69803" s="16">
        <v>0.54672958371536606</v>
      </c>
    </row>
    <row r="69804" spans="1:7" x14ac:dyDescent="0.3">
      <c r="A69804" s="13" t="s">
        <v>363</v>
      </c>
      <c r="B69804" s="14" t="s">
        <v>1</v>
      </c>
      <c r="C69804" s="14" t="s">
        <v>150</v>
      </c>
      <c r="D69804" s="14" t="s">
        <v>356</v>
      </c>
      <c r="E69804" s="15">
        <v>45465</v>
      </c>
      <c r="F69804" s="14" t="s">
        <v>61</v>
      </c>
      <c r="G69804" s="16">
        <v>0.54672958371536606</v>
      </c>
    </row>
    <row r="69805" spans="1:7" x14ac:dyDescent="0.3">
      <c r="A69805" s="13" t="s">
        <v>363</v>
      </c>
      <c r="B69805" s="14" t="s">
        <v>1</v>
      </c>
      <c r="C69805" s="14" t="s">
        <v>150</v>
      </c>
      <c r="D69805" s="14" t="s">
        <v>356</v>
      </c>
      <c r="E69805" s="15">
        <v>45466</v>
      </c>
      <c r="F69805" s="14" t="s">
        <v>61</v>
      </c>
      <c r="G69805" s="16">
        <v>0.54672958371536606</v>
      </c>
    </row>
    <row r="69806" spans="1:7" x14ac:dyDescent="0.3">
      <c r="A69806" s="13" t="s">
        <v>363</v>
      </c>
      <c r="B69806" s="14" t="s">
        <v>1</v>
      </c>
      <c r="C69806" s="14" t="s">
        <v>150</v>
      </c>
      <c r="D69806" s="14" t="s">
        <v>356</v>
      </c>
      <c r="E69806" s="15">
        <v>45467</v>
      </c>
      <c r="F69806" s="14" t="s">
        <v>61</v>
      </c>
      <c r="G69806" s="16">
        <v>0.55191991559788822</v>
      </c>
    </row>
    <row r="69807" spans="1:7" x14ac:dyDescent="0.3">
      <c r="A69807" s="13" t="s">
        <v>363</v>
      </c>
      <c r="B69807" s="14" t="s">
        <v>1</v>
      </c>
      <c r="C69807" s="14" t="s">
        <v>150</v>
      </c>
      <c r="D69807" s="14" t="s">
        <v>356</v>
      </c>
      <c r="E69807" s="15">
        <v>45468</v>
      </c>
      <c r="F69807" s="14" t="s">
        <v>61</v>
      </c>
      <c r="G69807" s="16">
        <v>0.56383291102776034</v>
      </c>
    </row>
    <row r="69808" spans="1:7" x14ac:dyDescent="0.3">
      <c r="A69808" s="13" t="s">
        <v>363</v>
      </c>
      <c r="B69808" s="14" t="s">
        <v>1</v>
      </c>
      <c r="C69808" s="14" t="s">
        <v>150</v>
      </c>
      <c r="D69808" s="14" t="s">
        <v>356</v>
      </c>
      <c r="E69808" s="15">
        <v>45469</v>
      </c>
      <c r="F69808" s="14" t="s">
        <v>61</v>
      </c>
      <c r="G69808" s="16">
        <v>0.56782706307826736</v>
      </c>
    </row>
    <row r="69809" spans="1:7" x14ac:dyDescent="0.3">
      <c r="A69809" s="13" t="s">
        <v>363</v>
      </c>
      <c r="B69809" s="14" t="s">
        <v>1</v>
      </c>
      <c r="C69809" s="14" t="s">
        <v>150</v>
      </c>
      <c r="D69809" s="14" t="s">
        <v>356</v>
      </c>
      <c r="E69809" s="15">
        <v>45470</v>
      </c>
      <c r="F69809" s="14" t="s">
        <v>61</v>
      </c>
      <c r="G69809" s="16">
        <v>0.57183320850745079</v>
      </c>
    </row>
    <row r="69810" spans="1:7" x14ac:dyDescent="0.3">
      <c r="A69810" s="13" t="s">
        <v>363</v>
      </c>
      <c r="B69810" s="14" t="s">
        <v>1</v>
      </c>
      <c r="C69810" s="14" t="s">
        <v>150</v>
      </c>
      <c r="D69810" s="14" t="s">
        <v>356</v>
      </c>
      <c r="E69810" s="15">
        <v>45471</v>
      </c>
      <c r="F69810" s="14" t="s">
        <v>61</v>
      </c>
      <c r="G69810" s="16">
        <v>0.57188871012777054</v>
      </c>
    </row>
    <row r="69811" spans="1:7" x14ac:dyDescent="0.3">
      <c r="A69811" s="13" t="s">
        <v>363</v>
      </c>
      <c r="B69811" s="14" t="s">
        <v>1</v>
      </c>
      <c r="C69811" s="14" t="s">
        <v>150</v>
      </c>
      <c r="D69811" s="14" t="s">
        <v>356</v>
      </c>
      <c r="E69811" s="15">
        <v>45472</v>
      </c>
      <c r="F69811" s="14" t="s">
        <v>61</v>
      </c>
      <c r="G69811" s="16">
        <v>0.57188871012777054</v>
      </c>
    </row>
    <row r="69812" spans="1:7" x14ac:dyDescent="0.3">
      <c r="A69812" s="13" t="s">
        <v>363</v>
      </c>
      <c r="B69812" s="14" t="s">
        <v>1</v>
      </c>
      <c r="C69812" s="14" t="s">
        <v>150</v>
      </c>
      <c r="D69812" s="14" t="s">
        <v>356</v>
      </c>
      <c r="E69812" s="15">
        <v>45473</v>
      </c>
      <c r="F69812" s="14" t="s">
        <v>61</v>
      </c>
      <c r="G69812" s="16">
        <v>0.57188871012777054</v>
      </c>
    </row>
    <row r="69813" spans="1:7" x14ac:dyDescent="0.3">
      <c r="A69813" s="13" t="s">
        <v>363</v>
      </c>
      <c r="B69813" s="14" t="s">
        <v>1</v>
      </c>
      <c r="C69813" s="14" t="s">
        <v>150</v>
      </c>
      <c r="D69813" s="14" t="s">
        <v>356</v>
      </c>
      <c r="E69813" s="15">
        <v>45474</v>
      </c>
      <c r="F69813" s="14" t="s">
        <v>61</v>
      </c>
      <c r="G69813" s="16">
        <v>0.57619055670285091</v>
      </c>
    </row>
    <row r="69814" spans="1:7" x14ac:dyDescent="0.3">
      <c r="A69814" s="13" t="s">
        <v>363</v>
      </c>
      <c r="B69814" s="14" t="s">
        <v>1</v>
      </c>
      <c r="C69814" s="14" t="s">
        <v>150</v>
      </c>
      <c r="D69814" s="14" t="s">
        <v>356</v>
      </c>
      <c r="E69814" s="15">
        <v>45475</v>
      </c>
      <c r="F69814" s="14" t="s">
        <v>61</v>
      </c>
      <c r="G69814" s="16">
        <v>0.58689488344572183</v>
      </c>
    </row>
    <row r="69815" spans="1:7" x14ac:dyDescent="0.3">
      <c r="A69815" s="13" t="s">
        <v>363</v>
      </c>
      <c r="B69815" s="14" t="s">
        <v>1</v>
      </c>
      <c r="C69815" s="14" t="s">
        <v>150</v>
      </c>
      <c r="D69815" s="14" t="s">
        <v>356</v>
      </c>
      <c r="E69815" s="15">
        <v>45476</v>
      </c>
      <c r="F69815" s="14" t="s">
        <v>61</v>
      </c>
      <c r="G69815" s="16">
        <v>0.60015555725946024</v>
      </c>
    </row>
    <row r="69816" spans="1:7" x14ac:dyDescent="0.3">
      <c r="A69816" s="13" t="s">
        <v>363</v>
      </c>
      <c r="B69816" s="14" t="s">
        <v>1</v>
      </c>
      <c r="C69816" s="14" t="s">
        <v>150</v>
      </c>
      <c r="D69816" s="14" t="s">
        <v>356</v>
      </c>
      <c r="E69816" s="15">
        <v>45477</v>
      </c>
      <c r="F69816" s="14" t="s">
        <v>61</v>
      </c>
      <c r="G69816" s="16">
        <v>0.60345443549127853</v>
      </c>
    </row>
    <row r="69817" spans="1:7" x14ac:dyDescent="0.3">
      <c r="A69817" s="13" t="s">
        <v>363</v>
      </c>
      <c r="B69817" s="14" t="s">
        <v>1</v>
      </c>
      <c r="C69817" s="14" t="s">
        <v>150</v>
      </c>
      <c r="D69817" s="14" t="s">
        <v>356</v>
      </c>
      <c r="E69817" s="15">
        <v>45478</v>
      </c>
      <c r="F69817" s="14" t="s">
        <v>61</v>
      </c>
      <c r="G69817" s="16">
        <v>0.60689365681145901</v>
      </c>
    </row>
    <row r="69818" spans="1:7" x14ac:dyDescent="0.3">
      <c r="A69818" s="13" t="s">
        <v>363</v>
      </c>
      <c r="B69818" s="14" t="s">
        <v>1</v>
      </c>
      <c r="C69818" s="14" t="s">
        <v>150</v>
      </c>
      <c r="D69818" s="14" t="s">
        <v>356</v>
      </c>
      <c r="E69818" s="15">
        <v>45479</v>
      </c>
      <c r="F69818" s="14" t="s">
        <v>61</v>
      </c>
      <c r="G69818" s="16">
        <v>0.60689365681145901</v>
      </c>
    </row>
    <row r="69819" spans="1:7" x14ac:dyDescent="0.3">
      <c r="A69819" s="13" t="s">
        <v>363</v>
      </c>
      <c r="B69819" s="14" t="s">
        <v>1</v>
      </c>
      <c r="C69819" s="14" t="s">
        <v>150</v>
      </c>
      <c r="D69819" s="14" t="s">
        <v>356</v>
      </c>
      <c r="E69819" s="15">
        <v>45480</v>
      </c>
      <c r="F69819" s="14" t="s">
        <v>61</v>
      </c>
      <c r="G69819" s="16">
        <v>0.60689365681145901</v>
      </c>
    </row>
    <row r="69820" spans="1:7" x14ac:dyDescent="0.3">
      <c r="A69820" s="13" t="s">
        <v>363</v>
      </c>
      <c r="B69820" s="14" t="s">
        <v>1</v>
      </c>
      <c r="C69820" s="14" t="s">
        <v>150</v>
      </c>
      <c r="D69820" s="14" t="s">
        <v>356</v>
      </c>
      <c r="E69820" s="15">
        <v>45481</v>
      </c>
      <c r="F69820" s="14" t="s">
        <v>61</v>
      </c>
      <c r="G69820" s="16">
        <v>0.61030830135430258</v>
      </c>
    </row>
    <row r="69821" spans="1:7" x14ac:dyDescent="0.3">
      <c r="A69821" s="13" t="s">
        <v>363</v>
      </c>
      <c r="B69821" s="14" t="s">
        <v>1</v>
      </c>
      <c r="C69821" s="14" t="s">
        <v>150</v>
      </c>
      <c r="D69821" s="14" t="s">
        <v>356</v>
      </c>
      <c r="E69821" s="15">
        <v>45482</v>
      </c>
      <c r="F69821" s="14" t="s">
        <v>61</v>
      </c>
      <c r="G69821" s="16">
        <v>0.6204752551886864</v>
      </c>
    </row>
    <row r="69822" spans="1:7" x14ac:dyDescent="0.3">
      <c r="A69822" s="13" t="s">
        <v>363</v>
      </c>
      <c r="B69822" s="14" t="s">
        <v>1</v>
      </c>
      <c r="C69822" s="14" t="s">
        <v>150</v>
      </c>
      <c r="D69822" s="14" t="s">
        <v>356</v>
      </c>
      <c r="E69822" s="15">
        <v>45483</v>
      </c>
      <c r="F69822" s="14" t="s">
        <v>61</v>
      </c>
      <c r="G69822" s="16">
        <v>0.63588572893939632</v>
      </c>
    </row>
    <row r="69823" spans="1:7" x14ac:dyDescent="0.3">
      <c r="A69823" s="13" t="s">
        <v>363</v>
      </c>
      <c r="B69823" s="14" t="s">
        <v>1</v>
      </c>
      <c r="C69823" s="14" t="s">
        <v>150</v>
      </c>
      <c r="D69823" s="14" t="s">
        <v>356</v>
      </c>
      <c r="E69823" s="15">
        <v>45484</v>
      </c>
      <c r="F69823" s="14" t="s">
        <v>61</v>
      </c>
      <c r="G69823" s="16">
        <v>0.64007387174214359</v>
      </c>
    </row>
    <row r="69824" spans="1:7" x14ac:dyDescent="0.3">
      <c r="A69824" s="13" t="s">
        <v>363</v>
      </c>
      <c r="B69824" s="14" t="s">
        <v>1</v>
      </c>
      <c r="C69824" s="14" t="s">
        <v>150</v>
      </c>
      <c r="D69824" s="14" t="s">
        <v>356</v>
      </c>
      <c r="E69824" s="15">
        <v>45485</v>
      </c>
      <c r="F69824" s="14" t="s">
        <v>61</v>
      </c>
      <c r="G69824" s="16">
        <v>0.64333686813108193</v>
      </c>
    </row>
    <row r="69825" spans="1:7" x14ac:dyDescent="0.3">
      <c r="A69825" s="13" t="s">
        <v>363</v>
      </c>
      <c r="B69825" s="14" t="s">
        <v>1</v>
      </c>
      <c r="C69825" s="14" t="s">
        <v>150</v>
      </c>
      <c r="D69825" s="14" t="s">
        <v>356</v>
      </c>
      <c r="E69825" s="15">
        <v>45486</v>
      </c>
      <c r="F69825" s="14" t="s">
        <v>61</v>
      </c>
      <c r="G69825" s="16">
        <v>0.64333686813108193</v>
      </c>
    </row>
    <row r="69826" spans="1:7" x14ac:dyDescent="0.3">
      <c r="A69826" s="13" t="s">
        <v>363</v>
      </c>
      <c r="B69826" s="14" t="s">
        <v>1</v>
      </c>
      <c r="C69826" s="14" t="s">
        <v>150</v>
      </c>
      <c r="D69826" s="14" t="s">
        <v>356</v>
      </c>
      <c r="E69826" s="15">
        <v>45487</v>
      </c>
      <c r="F69826" s="14" t="s">
        <v>61</v>
      </c>
      <c r="G69826" s="16">
        <v>0.64333686813108193</v>
      </c>
    </row>
    <row r="69827" spans="1:7" x14ac:dyDescent="0.3">
      <c r="A69827" s="13" t="s">
        <v>363</v>
      </c>
      <c r="B69827" s="14" t="s">
        <v>1</v>
      </c>
      <c r="C69827" s="14" t="s">
        <v>150</v>
      </c>
      <c r="D69827" s="14" t="s">
        <v>356</v>
      </c>
      <c r="E69827" s="15">
        <v>45488</v>
      </c>
      <c r="F69827" s="14" t="s">
        <v>61</v>
      </c>
      <c r="G69827" s="16">
        <v>0.64652098211646325</v>
      </c>
    </row>
    <row r="69828" spans="1:7" x14ac:dyDescent="0.3">
      <c r="A69828" s="13" t="s">
        <v>363</v>
      </c>
      <c r="B69828" s="14" t="s">
        <v>1</v>
      </c>
      <c r="C69828" s="14" t="s">
        <v>150</v>
      </c>
      <c r="D69828" s="14" t="s">
        <v>356</v>
      </c>
      <c r="E69828" s="15">
        <v>45489</v>
      </c>
      <c r="F69828" s="14" t="s">
        <v>61</v>
      </c>
      <c r="G69828" s="16">
        <v>0.65597156464442041</v>
      </c>
    </row>
    <row r="69829" spans="1:7" x14ac:dyDescent="0.3">
      <c r="A69829" s="13" t="s">
        <v>363</v>
      </c>
      <c r="B69829" s="14" t="s">
        <v>1</v>
      </c>
      <c r="C69829" s="14" t="s">
        <v>150</v>
      </c>
      <c r="D69829" s="14" t="s">
        <v>356</v>
      </c>
      <c r="E69829" s="15">
        <v>45490</v>
      </c>
      <c r="F69829" s="14" t="s">
        <v>61</v>
      </c>
      <c r="G69829" s="16">
        <v>0.65918505341247047</v>
      </c>
    </row>
    <row r="69830" spans="1:7" x14ac:dyDescent="0.3">
      <c r="A69830" s="13" t="s">
        <v>363</v>
      </c>
      <c r="B69830" s="14" t="s">
        <v>1</v>
      </c>
      <c r="C69830" s="14" t="s">
        <v>150</v>
      </c>
      <c r="D69830" s="14" t="s">
        <v>356</v>
      </c>
      <c r="E69830" s="15">
        <v>45491</v>
      </c>
      <c r="F69830" s="14" t="s">
        <v>61</v>
      </c>
      <c r="G69830" s="16">
        <v>0.66226846726124355</v>
      </c>
    </row>
    <row r="69831" spans="1:7" x14ac:dyDescent="0.3">
      <c r="A69831" s="13" t="s">
        <v>363</v>
      </c>
      <c r="B69831" s="14" t="s">
        <v>1</v>
      </c>
      <c r="C69831" s="14" t="s">
        <v>150</v>
      </c>
      <c r="D69831" s="14" t="s">
        <v>356</v>
      </c>
      <c r="E69831" s="15">
        <v>45492</v>
      </c>
      <c r="F69831" s="14" t="s">
        <v>61</v>
      </c>
      <c r="G69831" s="16">
        <v>0.78789202159899252</v>
      </c>
    </row>
    <row r="69832" spans="1:7" x14ac:dyDescent="0.3">
      <c r="A69832" s="13" t="s">
        <v>363</v>
      </c>
      <c r="B69832" s="14" t="s">
        <v>1</v>
      </c>
      <c r="C69832" s="14" t="s">
        <v>150</v>
      </c>
      <c r="D69832" s="14" t="s">
        <v>356</v>
      </c>
      <c r="E69832" s="15">
        <v>45493</v>
      </c>
      <c r="F69832" s="14" t="s">
        <v>61</v>
      </c>
      <c r="G69832" s="16">
        <v>0.78789202159899252</v>
      </c>
    </row>
    <row r="69833" spans="1:7" x14ac:dyDescent="0.3">
      <c r="A69833" s="13" t="s">
        <v>363</v>
      </c>
      <c r="B69833" s="14" t="s">
        <v>1</v>
      </c>
      <c r="C69833" s="14" t="s">
        <v>150</v>
      </c>
      <c r="D69833" s="14" t="s">
        <v>356</v>
      </c>
      <c r="E69833" s="15">
        <v>45494</v>
      </c>
      <c r="F69833" s="14" t="s">
        <v>61</v>
      </c>
      <c r="G69833" s="16">
        <v>0.78789202159899252</v>
      </c>
    </row>
    <row r="69834" spans="1:7" x14ac:dyDescent="0.3">
      <c r="A69834" s="13" t="s">
        <v>363</v>
      </c>
      <c r="B69834" s="14" t="s">
        <v>1</v>
      </c>
      <c r="C69834" s="14" t="s">
        <v>150</v>
      </c>
      <c r="D69834" s="14" t="s">
        <v>356</v>
      </c>
      <c r="E69834" s="15">
        <v>45495</v>
      </c>
      <c r="F69834" s="14" t="s">
        <v>61</v>
      </c>
      <c r="G69834" s="16">
        <v>0.78960799627888401</v>
      </c>
    </row>
    <row r="69835" spans="1:7" x14ac:dyDescent="0.3">
      <c r="A69835" s="13" t="s">
        <v>363</v>
      </c>
      <c r="B69835" s="14" t="s">
        <v>1</v>
      </c>
      <c r="C69835" s="14" t="s">
        <v>150</v>
      </c>
      <c r="D69835" s="14" t="s">
        <v>356</v>
      </c>
      <c r="E69835" s="15">
        <v>45496</v>
      </c>
      <c r="F69835" s="14" t="s">
        <v>61</v>
      </c>
      <c r="G69835" s="16">
        <v>0.79940799657095107</v>
      </c>
    </row>
    <row r="69836" spans="1:7" x14ac:dyDescent="0.3">
      <c r="A69836" s="13" t="s">
        <v>363</v>
      </c>
      <c r="B69836" s="14" t="s">
        <v>1</v>
      </c>
      <c r="C69836" s="14" t="s">
        <v>150</v>
      </c>
      <c r="D69836" s="14" t="s">
        <v>356</v>
      </c>
      <c r="E69836" s="15">
        <v>45497</v>
      </c>
      <c r="F69836" s="14" t="s">
        <v>61</v>
      </c>
      <c r="G69836" s="16">
        <v>0.8026641481709581</v>
      </c>
    </row>
    <row r="69837" spans="1:7" x14ac:dyDescent="0.3">
      <c r="A69837" s="13" t="s">
        <v>363</v>
      </c>
      <c r="B69837" s="14" t="s">
        <v>1</v>
      </c>
      <c r="C69837" s="14" t="s">
        <v>150</v>
      </c>
      <c r="D69837" s="14" t="s">
        <v>356</v>
      </c>
      <c r="E69837" s="15">
        <v>45498</v>
      </c>
      <c r="F69837" s="14" t="s">
        <v>61</v>
      </c>
      <c r="G69837" s="16">
        <v>0.80589308366056511</v>
      </c>
    </row>
    <row r="69838" spans="1:7" x14ac:dyDescent="0.3">
      <c r="A69838" s="13" t="s">
        <v>363</v>
      </c>
      <c r="B69838" s="14" t="s">
        <v>1</v>
      </c>
      <c r="C69838" s="14" t="s">
        <v>150</v>
      </c>
      <c r="D69838" s="14" t="s">
        <v>356</v>
      </c>
      <c r="E69838" s="15">
        <v>45499</v>
      </c>
      <c r="F69838" s="14" t="s">
        <v>61</v>
      </c>
      <c r="G69838" s="16">
        <v>0.80909787499135799</v>
      </c>
    </row>
    <row r="69839" spans="1:7" x14ac:dyDescent="0.3">
      <c r="A69839" s="13" t="s">
        <v>363</v>
      </c>
      <c r="B69839" s="14" t="s">
        <v>1</v>
      </c>
      <c r="C69839" s="14" t="s">
        <v>150</v>
      </c>
      <c r="D69839" s="14" t="s">
        <v>356</v>
      </c>
      <c r="E69839" s="15">
        <v>45500</v>
      </c>
      <c r="F69839" s="14" t="s">
        <v>61</v>
      </c>
      <c r="G69839" s="16">
        <v>0.80909787499135799</v>
      </c>
    </row>
    <row r="69840" spans="1:7" x14ac:dyDescent="0.3">
      <c r="A69840" s="13" t="s">
        <v>363</v>
      </c>
      <c r="B69840" s="14" t="s">
        <v>1</v>
      </c>
      <c r="C69840" s="14" t="s">
        <v>150</v>
      </c>
      <c r="D69840" s="14" t="s">
        <v>356</v>
      </c>
      <c r="E69840" s="15">
        <v>45501</v>
      </c>
      <c r="F69840" s="14" t="s">
        <v>61</v>
      </c>
      <c r="G69840" s="16">
        <v>0.80909787499135799</v>
      </c>
    </row>
    <row r="69841" spans="1:7" x14ac:dyDescent="0.3">
      <c r="A69841" s="13" t="s">
        <v>363</v>
      </c>
      <c r="B69841" s="14" t="s">
        <v>1</v>
      </c>
      <c r="C69841" s="14" t="s">
        <v>150</v>
      </c>
      <c r="D69841" s="14" t="s">
        <v>356</v>
      </c>
      <c r="E69841" s="15">
        <v>45502</v>
      </c>
      <c r="F69841" s="14" t="s">
        <v>61</v>
      </c>
      <c r="G69841" s="16">
        <v>0.81236980606544906</v>
      </c>
    </row>
    <row r="69842" spans="1:7" x14ac:dyDescent="0.3">
      <c r="A69842" s="13" t="s">
        <v>363</v>
      </c>
      <c r="B69842" s="14" t="s">
        <v>1</v>
      </c>
      <c r="C69842" s="14" t="s">
        <v>150</v>
      </c>
      <c r="D69842" s="14" t="s">
        <v>356</v>
      </c>
      <c r="E69842" s="15">
        <v>45503</v>
      </c>
      <c r="F69842" s="14" t="s">
        <v>61</v>
      </c>
      <c r="G69842" s="16">
        <v>0.82220135987580634</v>
      </c>
    </row>
    <row r="69843" spans="1:7" x14ac:dyDescent="0.3">
      <c r="A69843" s="13" t="s">
        <v>363</v>
      </c>
      <c r="B69843" s="14" t="s">
        <v>1</v>
      </c>
      <c r="C69843" s="14" t="s">
        <v>150</v>
      </c>
      <c r="D69843" s="14" t="s">
        <v>356</v>
      </c>
      <c r="E69843" s="15">
        <v>45504</v>
      </c>
      <c r="F69843" s="14" t="s">
        <v>61</v>
      </c>
      <c r="G69843" s="16">
        <v>0.83311732830702478</v>
      </c>
    </row>
    <row r="69844" spans="1:7" x14ac:dyDescent="0.3">
      <c r="A69844" s="13" t="s">
        <v>363</v>
      </c>
      <c r="B69844" s="14" t="s">
        <v>1</v>
      </c>
      <c r="C69844" s="14" t="s">
        <v>150</v>
      </c>
      <c r="D69844" s="14" t="s">
        <v>356</v>
      </c>
      <c r="E69844" s="15">
        <v>45505</v>
      </c>
      <c r="F69844" s="14" t="s">
        <v>61</v>
      </c>
      <c r="G69844" s="16">
        <v>0.83311732830702478</v>
      </c>
    </row>
    <row r="69845" spans="1:7" x14ac:dyDescent="0.3">
      <c r="A69845" s="13" t="s">
        <v>363</v>
      </c>
      <c r="B69845" s="14" t="s">
        <v>1</v>
      </c>
      <c r="C69845" s="14" t="s">
        <v>150</v>
      </c>
      <c r="D69845" s="14" t="s">
        <v>356</v>
      </c>
      <c r="E69845" s="15">
        <v>45506</v>
      </c>
      <c r="F69845" s="14" t="s">
        <v>61</v>
      </c>
      <c r="G69845" s="16">
        <v>0.83635280217861407</v>
      </c>
    </row>
    <row r="69846" spans="1:7" x14ac:dyDescent="0.3">
      <c r="A69846" s="13" t="s">
        <v>363</v>
      </c>
      <c r="B69846" s="14" t="s">
        <v>1</v>
      </c>
      <c r="C69846" s="14" t="s">
        <v>150</v>
      </c>
      <c r="D69846" s="14" t="s">
        <v>356</v>
      </c>
      <c r="E69846" s="15">
        <v>45507</v>
      </c>
      <c r="F69846" s="14" t="s">
        <v>61</v>
      </c>
      <c r="G69846" s="16">
        <v>0.83635280217861407</v>
      </c>
    </row>
    <row r="69847" spans="1:7" x14ac:dyDescent="0.3">
      <c r="A69847" s="13" t="s">
        <v>363</v>
      </c>
      <c r="B69847" s="14" t="s">
        <v>1</v>
      </c>
      <c r="C69847" s="14" t="s">
        <v>150</v>
      </c>
      <c r="D69847" s="14" t="s">
        <v>356</v>
      </c>
      <c r="E69847" s="15">
        <v>45508</v>
      </c>
      <c r="F69847" s="14" t="s">
        <v>61</v>
      </c>
      <c r="G69847" s="16">
        <v>0.83635280217861407</v>
      </c>
    </row>
    <row r="69848" spans="1:7" x14ac:dyDescent="0.3">
      <c r="A69848" s="13" t="s">
        <v>363</v>
      </c>
      <c r="B69848" s="14" t="s">
        <v>1</v>
      </c>
      <c r="C69848" s="14" t="s">
        <v>150</v>
      </c>
      <c r="D69848" s="14" t="s">
        <v>356</v>
      </c>
      <c r="E69848" s="15">
        <v>45509</v>
      </c>
      <c r="F69848" s="14" t="s">
        <v>61</v>
      </c>
      <c r="G69848" s="16">
        <v>0.83635280217861407</v>
      </c>
    </row>
    <row r="69849" spans="1:7" x14ac:dyDescent="0.3">
      <c r="A69849" s="13" t="s">
        <v>363</v>
      </c>
      <c r="B69849" s="14" t="s">
        <v>1</v>
      </c>
      <c r="C69849" s="14" t="s">
        <v>150</v>
      </c>
      <c r="D69849" s="14" t="s">
        <v>356</v>
      </c>
      <c r="E69849" s="15">
        <v>45510</v>
      </c>
      <c r="F69849" s="14" t="s">
        <v>61</v>
      </c>
      <c r="G69849" s="16">
        <v>0.85343767637769408</v>
      </c>
    </row>
    <row r="69850" spans="1:7" x14ac:dyDescent="0.3">
      <c r="A69850" s="13" t="s">
        <v>363</v>
      </c>
      <c r="B69850" s="14" t="s">
        <v>1</v>
      </c>
      <c r="C69850" s="14" t="s">
        <v>150</v>
      </c>
      <c r="D69850" s="14" t="s">
        <v>356</v>
      </c>
      <c r="E69850" s="15">
        <v>45511</v>
      </c>
      <c r="F69850" s="14" t="s">
        <v>61</v>
      </c>
      <c r="G69850" s="16">
        <v>0.91874201063350402</v>
      </c>
    </row>
    <row r="69851" spans="1:7" x14ac:dyDescent="0.3">
      <c r="A69851" s="13" t="s">
        <v>363</v>
      </c>
      <c r="B69851" s="14" t="s">
        <v>1</v>
      </c>
      <c r="C69851" s="14" t="s">
        <v>150</v>
      </c>
      <c r="D69851" s="14" t="s">
        <v>356</v>
      </c>
      <c r="E69851" s="15">
        <v>45512</v>
      </c>
      <c r="F69851" s="14" t="s">
        <v>61</v>
      </c>
      <c r="G69851" s="16">
        <v>0.92199163774420645</v>
      </c>
    </row>
    <row r="69852" spans="1:7" x14ac:dyDescent="0.3">
      <c r="A69852" s="13" t="s">
        <v>363</v>
      </c>
      <c r="B69852" s="14" t="s">
        <v>1</v>
      </c>
      <c r="C69852" s="14" t="s">
        <v>150</v>
      </c>
      <c r="D69852" s="14" t="s">
        <v>356</v>
      </c>
      <c r="E69852" s="15">
        <v>45513</v>
      </c>
      <c r="F69852" s="14" t="s">
        <v>61</v>
      </c>
      <c r="G69852" s="16">
        <v>0.92522808974021498</v>
      </c>
    </row>
    <row r="69853" spans="1:7" x14ac:dyDescent="0.3">
      <c r="A69853" s="13" t="s">
        <v>363</v>
      </c>
      <c r="B69853" s="14" t="s">
        <v>1</v>
      </c>
      <c r="C69853" s="14" t="s">
        <v>150</v>
      </c>
      <c r="D69853" s="14" t="s">
        <v>356</v>
      </c>
      <c r="E69853" s="15">
        <v>45514</v>
      </c>
      <c r="F69853" s="14" t="s">
        <v>61</v>
      </c>
      <c r="G69853" s="16">
        <v>0.92522808974021498</v>
      </c>
    </row>
    <row r="69854" spans="1:7" x14ac:dyDescent="0.3">
      <c r="A69854" s="13" t="s">
        <v>363</v>
      </c>
      <c r="B69854" s="14" t="s">
        <v>1</v>
      </c>
      <c r="C69854" s="14" t="s">
        <v>150</v>
      </c>
      <c r="D69854" s="14" t="s">
        <v>356</v>
      </c>
      <c r="E69854" s="15">
        <v>45515</v>
      </c>
      <c r="F69854" s="14" t="s">
        <v>61</v>
      </c>
      <c r="G69854" s="16">
        <v>0.92522808974021498</v>
      </c>
    </row>
    <row r="69855" spans="1:7" x14ac:dyDescent="0.3">
      <c r="A69855" s="13" t="s">
        <v>363</v>
      </c>
      <c r="B69855" s="14" t="s">
        <v>1</v>
      </c>
      <c r="C69855" s="14" t="s">
        <v>150</v>
      </c>
      <c r="D69855" s="14" t="s">
        <v>356</v>
      </c>
      <c r="E69855" s="15">
        <v>45516</v>
      </c>
      <c r="F69855" s="14" t="s">
        <v>61</v>
      </c>
      <c r="G69855" s="16">
        <v>0.92987275410852632</v>
      </c>
    </row>
    <row r="69856" spans="1:7" x14ac:dyDescent="0.3">
      <c r="A69856" s="13" t="s">
        <v>363</v>
      </c>
      <c r="B69856" s="14" t="s">
        <v>1</v>
      </c>
      <c r="C69856" s="14" t="s">
        <v>150</v>
      </c>
      <c r="D69856" s="14" t="s">
        <v>356</v>
      </c>
      <c r="E69856" s="15">
        <v>45517</v>
      </c>
      <c r="F69856" s="14" t="s">
        <v>61</v>
      </c>
      <c r="G69856" s="16">
        <v>0.93968589578767225</v>
      </c>
    </row>
    <row r="69857" spans="1:7" x14ac:dyDescent="0.3">
      <c r="A69857" s="13" t="s">
        <v>363</v>
      </c>
      <c r="B69857" s="14" t="s">
        <v>1</v>
      </c>
      <c r="C69857" s="14" t="s">
        <v>150</v>
      </c>
      <c r="D69857" s="14" t="s">
        <v>356</v>
      </c>
      <c r="E69857" s="15">
        <v>45518</v>
      </c>
      <c r="F69857" s="14" t="s">
        <v>61</v>
      </c>
      <c r="G69857" s="16">
        <v>0.94270022165167988</v>
      </c>
    </row>
    <row r="69858" spans="1:7" x14ac:dyDescent="0.3">
      <c r="A69858" s="13" t="s">
        <v>363</v>
      </c>
      <c r="B69858" s="14" t="s">
        <v>1</v>
      </c>
      <c r="C69858" s="14" t="s">
        <v>150</v>
      </c>
      <c r="D69858" s="14" t="s">
        <v>356</v>
      </c>
      <c r="E69858" s="15">
        <v>45519</v>
      </c>
      <c r="F69858" s="14" t="s">
        <v>61</v>
      </c>
      <c r="G69858" s="16">
        <v>0.94650939151475888</v>
      </c>
    </row>
    <row r="69859" spans="1:7" x14ac:dyDescent="0.3">
      <c r="A69859" s="13" t="s">
        <v>363</v>
      </c>
      <c r="B69859" s="14" t="s">
        <v>1</v>
      </c>
      <c r="C69859" s="14" t="s">
        <v>150</v>
      </c>
      <c r="D69859" s="14" t="s">
        <v>356</v>
      </c>
      <c r="E69859" s="15">
        <v>45520</v>
      </c>
      <c r="F69859" s="14" t="s">
        <v>61</v>
      </c>
      <c r="G69859" s="16">
        <v>0.95026289936303532</v>
      </c>
    </row>
    <row r="69860" spans="1:7" x14ac:dyDescent="0.3">
      <c r="A69860" s="13" t="s">
        <v>363</v>
      </c>
      <c r="B69860" s="14" t="s">
        <v>1</v>
      </c>
      <c r="C69860" s="14" t="s">
        <v>150</v>
      </c>
      <c r="D69860" s="14" t="s">
        <v>356</v>
      </c>
      <c r="E69860" s="15">
        <v>45521</v>
      </c>
      <c r="F69860" s="14" t="s">
        <v>61</v>
      </c>
      <c r="G69860" s="16">
        <v>0.95026289936303532</v>
      </c>
    </row>
    <row r="69861" spans="1:7" x14ac:dyDescent="0.3">
      <c r="A69861" s="13" t="s">
        <v>363</v>
      </c>
      <c r="B69861" s="14" t="s">
        <v>1</v>
      </c>
      <c r="C69861" s="14" t="s">
        <v>150</v>
      </c>
      <c r="D69861" s="14" t="s">
        <v>356</v>
      </c>
      <c r="E69861" s="15">
        <v>45522</v>
      </c>
      <c r="F69861" s="14" t="s">
        <v>61</v>
      </c>
      <c r="G69861" s="16">
        <v>0.95026289936303532</v>
      </c>
    </row>
    <row r="69862" spans="1:7" x14ac:dyDescent="0.3">
      <c r="A69862" s="13" t="s">
        <v>363</v>
      </c>
      <c r="B69862" s="14" t="s">
        <v>1</v>
      </c>
      <c r="C69862" s="14" t="s">
        <v>150</v>
      </c>
      <c r="D69862" s="14" t="s">
        <v>356</v>
      </c>
      <c r="E69862" s="15">
        <v>45523</v>
      </c>
      <c r="F69862" s="14" t="s">
        <v>61</v>
      </c>
      <c r="G69862" s="16">
        <v>0.95312368790759239</v>
      </c>
    </row>
    <row r="69863" spans="1:7" x14ac:dyDescent="0.3">
      <c r="A69863" s="13" t="s">
        <v>363</v>
      </c>
      <c r="B69863" s="14" t="s">
        <v>1</v>
      </c>
      <c r="C69863" s="14" t="s">
        <v>150</v>
      </c>
      <c r="D69863" s="14" t="s">
        <v>356</v>
      </c>
      <c r="E69863" s="15">
        <v>45524</v>
      </c>
      <c r="F69863" s="14" t="s">
        <v>61</v>
      </c>
      <c r="G69863" s="16">
        <v>0.96143775056164615</v>
      </c>
    </row>
    <row r="69864" spans="1:7" x14ac:dyDescent="0.3">
      <c r="A69864" s="13" t="s">
        <v>363</v>
      </c>
      <c r="B69864" s="14" t="s">
        <v>1</v>
      </c>
      <c r="C69864" s="14" t="s">
        <v>150</v>
      </c>
      <c r="D69864" s="14" t="s">
        <v>356</v>
      </c>
      <c r="E69864" s="15">
        <v>45525</v>
      </c>
      <c r="F69864" s="14" t="s">
        <v>61</v>
      </c>
      <c r="G69864" s="16">
        <v>0.9623958446862394</v>
      </c>
    </row>
    <row r="69865" spans="1:7" x14ac:dyDescent="0.3">
      <c r="A69865" s="13" t="s">
        <v>363</v>
      </c>
      <c r="B69865" s="14" t="s">
        <v>1</v>
      </c>
      <c r="C69865" s="14" t="s">
        <v>150</v>
      </c>
      <c r="D69865" s="14" t="s">
        <v>356</v>
      </c>
      <c r="E69865" s="15">
        <v>45526</v>
      </c>
      <c r="F69865" s="14" t="s">
        <v>61</v>
      </c>
      <c r="G69865" s="16">
        <v>0.97241096297321883</v>
      </c>
    </row>
    <row r="69866" spans="1:7" x14ac:dyDescent="0.3">
      <c r="A69866" s="13" t="s">
        <v>363</v>
      </c>
      <c r="B69866" s="14" t="s">
        <v>1</v>
      </c>
      <c r="C69866" s="14" t="s">
        <v>150</v>
      </c>
      <c r="D69866" s="14" t="s">
        <v>356</v>
      </c>
      <c r="E69866" s="15">
        <v>45527</v>
      </c>
      <c r="F69866" s="14" t="s">
        <v>61</v>
      </c>
      <c r="G69866" s="16">
        <v>0.97499865582184364</v>
      </c>
    </row>
    <row r="69867" spans="1:7" x14ac:dyDescent="0.3">
      <c r="A69867" s="13" t="s">
        <v>363</v>
      </c>
      <c r="B69867" s="14" t="s">
        <v>1</v>
      </c>
      <c r="C69867" s="14" t="s">
        <v>150</v>
      </c>
      <c r="D69867" s="14" t="s">
        <v>356</v>
      </c>
      <c r="E69867" s="15">
        <v>45528</v>
      </c>
      <c r="F69867" s="14" t="s">
        <v>61</v>
      </c>
      <c r="G69867" s="16">
        <v>0.97499865582184364</v>
      </c>
    </row>
    <row r="69868" spans="1:7" x14ac:dyDescent="0.3">
      <c r="A69868" s="13" t="s">
        <v>363</v>
      </c>
      <c r="B69868" s="14" t="s">
        <v>1</v>
      </c>
      <c r="C69868" s="14" t="s">
        <v>150</v>
      </c>
      <c r="D69868" s="14" t="s">
        <v>356</v>
      </c>
      <c r="E69868" s="15">
        <v>45529</v>
      </c>
      <c r="F69868" s="14" t="s">
        <v>61</v>
      </c>
      <c r="G69868" s="16">
        <v>0.97499865582184364</v>
      </c>
    </row>
    <row r="69869" spans="1:7" x14ac:dyDescent="0.3">
      <c r="A69869" s="13" t="s">
        <v>363</v>
      </c>
      <c r="B69869" s="14" t="s">
        <v>1</v>
      </c>
      <c r="C69869" s="14" t="s">
        <v>150</v>
      </c>
      <c r="D69869" s="14" t="s">
        <v>356</v>
      </c>
      <c r="E69869" s="15">
        <v>45530</v>
      </c>
      <c r="F69869" s="14" t="s">
        <v>61</v>
      </c>
      <c r="G69869" s="16">
        <v>0.97762756599163236</v>
      </c>
    </row>
    <row r="69870" spans="1:7" x14ac:dyDescent="0.3">
      <c r="A69870" s="13" t="s">
        <v>363</v>
      </c>
      <c r="B69870" s="14" t="s">
        <v>1</v>
      </c>
      <c r="C69870" s="14" t="s">
        <v>150</v>
      </c>
      <c r="D69870" s="14" t="s">
        <v>356</v>
      </c>
      <c r="E69870" s="15">
        <v>45531</v>
      </c>
      <c r="F69870" s="14" t="s">
        <v>61</v>
      </c>
      <c r="G69870" s="16">
        <v>0.98547260329485653</v>
      </c>
    </row>
    <row r="69871" spans="1:7" x14ac:dyDescent="0.3">
      <c r="A69871" s="13" t="s">
        <v>363</v>
      </c>
      <c r="B69871" s="14" t="s">
        <v>1</v>
      </c>
      <c r="C69871" s="14" t="s">
        <v>150</v>
      </c>
      <c r="D69871" s="14" t="s">
        <v>356</v>
      </c>
      <c r="E69871" s="15">
        <v>45532</v>
      </c>
      <c r="F69871" s="14" t="s">
        <v>61</v>
      </c>
      <c r="G69871" s="16">
        <v>0.99668017025885269</v>
      </c>
    </row>
    <row r="69872" spans="1:7" x14ac:dyDescent="0.3">
      <c r="A69872" s="13" t="s">
        <v>363</v>
      </c>
      <c r="B69872" s="14" t="s">
        <v>1</v>
      </c>
      <c r="C69872" s="14" t="s">
        <v>150</v>
      </c>
      <c r="D69872" s="14" t="s">
        <v>356</v>
      </c>
      <c r="E69872" s="15">
        <v>45533</v>
      </c>
      <c r="F69872" s="14" t="s">
        <v>61</v>
      </c>
      <c r="G69872" s="16">
        <v>0.99933312694934873</v>
      </c>
    </row>
    <row r="69873" spans="1:7" x14ac:dyDescent="0.3">
      <c r="A69873" s="13" t="s">
        <v>363</v>
      </c>
      <c r="B69873" s="14" t="s">
        <v>1</v>
      </c>
      <c r="C69873" s="14" t="s">
        <v>150</v>
      </c>
      <c r="D69873" s="14" t="s">
        <v>356</v>
      </c>
      <c r="E69873" s="15">
        <v>45534</v>
      </c>
      <c r="F69873" s="14" t="s">
        <v>61</v>
      </c>
      <c r="G69873" s="16">
        <v>1.0020936634622193</v>
      </c>
    </row>
    <row r="69874" spans="1:7" x14ac:dyDescent="0.3">
      <c r="A69874" s="13" t="s">
        <v>363</v>
      </c>
      <c r="B69874" s="14" t="s">
        <v>1</v>
      </c>
      <c r="C69874" s="14" t="s">
        <v>150</v>
      </c>
      <c r="D69874" s="14" t="s">
        <v>356</v>
      </c>
      <c r="E69874" s="15">
        <v>45535</v>
      </c>
      <c r="F69874" s="14" t="s">
        <v>61</v>
      </c>
      <c r="G69874" s="16">
        <v>1.0020936634622193</v>
      </c>
    </row>
    <row r="69875" spans="1:7" x14ac:dyDescent="0.3">
      <c r="A69875" s="13" t="s">
        <v>363</v>
      </c>
      <c r="B69875" s="14" t="s">
        <v>1</v>
      </c>
      <c r="C69875" s="14" t="s">
        <v>150</v>
      </c>
      <c r="D69875" s="14" t="s">
        <v>356</v>
      </c>
      <c r="E69875" s="15">
        <v>45536</v>
      </c>
      <c r="F69875" s="14" t="s">
        <v>61</v>
      </c>
      <c r="G69875" s="16">
        <v>1.0020936634622193</v>
      </c>
    </row>
    <row r="69876" spans="1:7" x14ac:dyDescent="0.3">
      <c r="A69876" s="13" t="s">
        <v>363</v>
      </c>
      <c r="B69876" s="14" t="s">
        <v>1</v>
      </c>
      <c r="C69876" s="14" t="s">
        <v>150</v>
      </c>
      <c r="D69876" s="14" t="s">
        <v>356</v>
      </c>
      <c r="E69876" s="15">
        <v>45537</v>
      </c>
      <c r="F69876" s="14" t="s">
        <v>61</v>
      </c>
      <c r="G69876" s="16">
        <v>1.0048202896790994</v>
      </c>
    </row>
    <row r="69877" spans="1:7" x14ac:dyDescent="0.3">
      <c r="A69877" s="13" t="s">
        <v>363</v>
      </c>
      <c r="B69877" s="14" t="s">
        <v>1</v>
      </c>
      <c r="C69877" s="14" t="s">
        <v>150</v>
      </c>
      <c r="D69877" s="14" t="s">
        <v>356</v>
      </c>
      <c r="E69877" s="15">
        <v>45538</v>
      </c>
      <c r="F69877" s="14" t="s">
        <v>61</v>
      </c>
      <c r="G69877" s="16">
        <v>1.0244162062674305</v>
      </c>
    </row>
    <row r="69878" spans="1:7" x14ac:dyDescent="0.3">
      <c r="A69878" s="13" t="s">
        <v>363</v>
      </c>
      <c r="B69878" s="14" t="s">
        <v>1</v>
      </c>
      <c r="C69878" s="14" t="s">
        <v>150</v>
      </c>
      <c r="D69878" s="14" t="s">
        <v>356</v>
      </c>
      <c r="E69878" s="15">
        <v>45539</v>
      </c>
      <c r="F69878" s="14" t="s">
        <v>61</v>
      </c>
      <c r="G69878" s="16">
        <v>1.0266455569598023</v>
      </c>
    </row>
    <row r="69879" spans="1:7" x14ac:dyDescent="0.3">
      <c r="A69879" s="13" t="s">
        <v>363</v>
      </c>
      <c r="B69879" s="14" t="s">
        <v>1</v>
      </c>
      <c r="C69879" s="14" t="s">
        <v>150</v>
      </c>
      <c r="D69879" s="14" t="s">
        <v>356</v>
      </c>
      <c r="E69879" s="15">
        <v>45540</v>
      </c>
      <c r="F69879" s="14" t="s">
        <v>61</v>
      </c>
      <c r="G69879" s="16">
        <v>1.0423295898406075</v>
      </c>
    </row>
    <row r="69880" spans="1:7" x14ac:dyDescent="0.3">
      <c r="A69880" s="13" t="s">
        <v>363</v>
      </c>
      <c r="B69880" s="14" t="s">
        <v>1</v>
      </c>
      <c r="C69880" s="14" t="s">
        <v>150</v>
      </c>
      <c r="D69880" s="14" t="s">
        <v>356</v>
      </c>
      <c r="E69880" s="15">
        <v>45541</v>
      </c>
      <c r="F69880" s="14" t="s">
        <v>61</v>
      </c>
      <c r="G69880" s="16">
        <v>1.0450606171154131</v>
      </c>
    </row>
    <row r="69881" spans="1:7" x14ac:dyDescent="0.3">
      <c r="A69881" s="13" t="s">
        <v>363</v>
      </c>
      <c r="B69881" s="14" t="s">
        <v>1</v>
      </c>
      <c r="C69881" s="14" t="s">
        <v>150</v>
      </c>
      <c r="D69881" s="14" t="s">
        <v>356</v>
      </c>
      <c r="E69881" s="15">
        <v>45542</v>
      </c>
      <c r="F69881" s="14" t="s">
        <v>61</v>
      </c>
      <c r="G69881" s="16">
        <v>1.0450606171154131</v>
      </c>
    </row>
    <row r="69882" spans="1:7" x14ac:dyDescent="0.3">
      <c r="A69882" s="13" t="s">
        <v>363</v>
      </c>
      <c r="B69882" s="14" t="s">
        <v>1</v>
      </c>
      <c r="C69882" s="14" t="s">
        <v>150</v>
      </c>
      <c r="D69882" s="14" t="s">
        <v>356</v>
      </c>
      <c r="E69882" s="15">
        <v>45543</v>
      </c>
      <c r="F69882" s="14" t="s">
        <v>61</v>
      </c>
      <c r="G69882" s="16">
        <v>1.0450606171154131</v>
      </c>
    </row>
    <row r="69883" spans="1:7" x14ac:dyDescent="0.3">
      <c r="A69883" s="13" t="s">
        <v>363</v>
      </c>
      <c r="B69883" s="14" t="s">
        <v>1</v>
      </c>
      <c r="C69883" s="14" t="s">
        <v>150</v>
      </c>
      <c r="D69883" s="14" t="s">
        <v>356</v>
      </c>
      <c r="E69883" s="15">
        <v>45544</v>
      </c>
      <c r="F69883" s="14" t="s">
        <v>61</v>
      </c>
      <c r="G69883" s="16">
        <v>1.0479129777395424</v>
      </c>
    </row>
    <row r="69884" spans="1:7" x14ac:dyDescent="0.3">
      <c r="A69884" s="13" t="s">
        <v>363</v>
      </c>
      <c r="B69884" s="14" t="s">
        <v>1</v>
      </c>
      <c r="C69884" s="14" t="s">
        <v>150</v>
      </c>
      <c r="D69884" s="14" t="s">
        <v>356</v>
      </c>
      <c r="E69884" s="15">
        <v>45545</v>
      </c>
      <c r="F69884" s="14" t="s">
        <v>61</v>
      </c>
      <c r="G69884" s="16">
        <v>1.0565339916217629</v>
      </c>
    </row>
    <row r="69885" spans="1:7" x14ac:dyDescent="0.3">
      <c r="A69885" s="13" t="s">
        <v>363</v>
      </c>
      <c r="B69885" s="14" t="s">
        <v>1</v>
      </c>
      <c r="C69885" s="14" t="s">
        <v>150</v>
      </c>
      <c r="D69885" s="14" t="s">
        <v>356</v>
      </c>
      <c r="E69885" s="15">
        <v>45546</v>
      </c>
      <c r="F69885" s="14" t="s">
        <v>61</v>
      </c>
      <c r="G69885" s="16">
        <v>1.0606322452261669</v>
      </c>
    </row>
    <row r="69886" spans="1:7" x14ac:dyDescent="0.3">
      <c r="A69886" s="13" t="s">
        <v>363</v>
      </c>
      <c r="B69886" s="14" t="s">
        <v>1</v>
      </c>
      <c r="C69886" s="14" t="s">
        <v>150</v>
      </c>
      <c r="D69886" s="14" t="s">
        <v>356</v>
      </c>
      <c r="E69886" s="15">
        <v>45547</v>
      </c>
      <c r="F69886" s="14" t="s">
        <v>61</v>
      </c>
      <c r="G69886" s="16">
        <v>1.0634622154505924</v>
      </c>
    </row>
    <row r="69887" spans="1:7" x14ac:dyDescent="0.3">
      <c r="A69887" s="13" t="s">
        <v>363</v>
      </c>
      <c r="B69887" s="14" t="s">
        <v>1</v>
      </c>
      <c r="C69887" s="14" t="s">
        <v>150</v>
      </c>
      <c r="D69887" s="14" t="s">
        <v>356</v>
      </c>
      <c r="E69887" s="15">
        <v>45548</v>
      </c>
      <c r="F69887" s="14" t="s">
        <v>61</v>
      </c>
      <c r="G69887" s="16">
        <v>1.0686863747735273</v>
      </c>
    </row>
    <row r="69888" spans="1:7" x14ac:dyDescent="0.3">
      <c r="A69888" s="13" t="s">
        <v>363</v>
      </c>
      <c r="B69888" s="14" t="s">
        <v>1</v>
      </c>
      <c r="C69888" s="14" t="s">
        <v>150</v>
      </c>
      <c r="D69888" s="14" t="s">
        <v>356</v>
      </c>
      <c r="E69888" s="15">
        <v>45549</v>
      </c>
      <c r="F69888" s="14" t="s">
        <v>61</v>
      </c>
      <c r="G69888" s="16">
        <v>1.0686863747735273</v>
      </c>
    </row>
    <row r="69889" spans="1:7" x14ac:dyDescent="0.3">
      <c r="A69889" s="13" t="s">
        <v>363</v>
      </c>
      <c r="B69889" s="14" t="s">
        <v>1</v>
      </c>
      <c r="C69889" s="14" t="s">
        <v>150</v>
      </c>
      <c r="D69889" s="14" t="s">
        <v>356</v>
      </c>
      <c r="E69889" s="15">
        <v>45550</v>
      </c>
      <c r="F69889" s="14" t="s">
        <v>61</v>
      </c>
      <c r="G69889" s="16">
        <v>1.0686863747735273</v>
      </c>
    </row>
    <row r="69890" spans="1:7" x14ac:dyDescent="0.3">
      <c r="A69890" s="13" t="s">
        <v>363</v>
      </c>
      <c r="B69890" s="14" t="s">
        <v>1</v>
      </c>
      <c r="C69890" s="14" t="s">
        <v>150</v>
      </c>
      <c r="D69890" s="14" t="s">
        <v>356</v>
      </c>
      <c r="E69890" s="15">
        <v>45551</v>
      </c>
      <c r="F69890" s="14" t="s">
        <v>61</v>
      </c>
      <c r="G69890" s="16">
        <v>1.0713731964057922</v>
      </c>
    </row>
    <row r="69891" spans="1:7" x14ac:dyDescent="0.3">
      <c r="A69891" s="13" t="s">
        <v>363</v>
      </c>
      <c r="B69891" s="14" t="s">
        <v>1</v>
      </c>
      <c r="C69891" s="14" t="s">
        <v>150</v>
      </c>
      <c r="D69891" s="14" t="s">
        <v>356</v>
      </c>
      <c r="E69891" s="15">
        <v>45552</v>
      </c>
      <c r="F69891" s="14" t="s">
        <v>61</v>
      </c>
      <c r="G69891" s="16">
        <v>1.0813472611823802</v>
      </c>
    </row>
    <row r="69892" spans="1:7" x14ac:dyDescent="0.3">
      <c r="A69892" s="13" t="s">
        <v>363</v>
      </c>
      <c r="B69892" s="14" t="s">
        <v>1</v>
      </c>
      <c r="C69892" s="14" t="s">
        <v>150</v>
      </c>
      <c r="D69892" s="14" t="s">
        <v>356</v>
      </c>
      <c r="E69892" s="15">
        <v>45553</v>
      </c>
      <c r="F69892" s="14" t="s">
        <v>61</v>
      </c>
      <c r="G69892" s="16">
        <v>1.083967095280004</v>
      </c>
    </row>
    <row r="69893" spans="1:7" x14ac:dyDescent="0.3">
      <c r="A69893" s="13" t="s">
        <v>363</v>
      </c>
      <c r="B69893" s="14" t="s">
        <v>1</v>
      </c>
      <c r="C69893" s="14" t="s">
        <v>150</v>
      </c>
      <c r="D69893" s="14" t="s">
        <v>356</v>
      </c>
      <c r="E69893" s="15">
        <v>45554</v>
      </c>
      <c r="F69893" s="14" t="s">
        <v>61</v>
      </c>
      <c r="G69893" s="16">
        <v>1.0819357763394029</v>
      </c>
    </row>
    <row r="69894" spans="1:7" x14ac:dyDescent="0.3">
      <c r="A69894" s="13" t="s">
        <v>363</v>
      </c>
      <c r="B69894" s="14" t="s">
        <v>1</v>
      </c>
      <c r="C69894" s="14" t="s">
        <v>150</v>
      </c>
      <c r="D69894" s="14" t="s">
        <v>356</v>
      </c>
      <c r="E69894" s="15">
        <v>45555</v>
      </c>
      <c r="F69894" s="14" t="s">
        <v>61</v>
      </c>
      <c r="G69894" s="16">
        <v>1.0879214312096015</v>
      </c>
    </row>
    <row r="69895" spans="1:7" x14ac:dyDescent="0.3">
      <c r="A69895" s="13" t="s">
        <v>363</v>
      </c>
      <c r="B69895" s="14" t="s">
        <v>1</v>
      </c>
      <c r="C69895" s="14" t="s">
        <v>150</v>
      </c>
      <c r="D69895" s="14" t="s">
        <v>356</v>
      </c>
      <c r="E69895" s="15">
        <v>45556</v>
      </c>
      <c r="F69895" s="14" t="s">
        <v>61</v>
      </c>
      <c r="G69895" s="16">
        <v>1.0879214312096015</v>
      </c>
    </row>
    <row r="69896" spans="1:7" x14ac:dyDescent="0.3">
      <c r="A69896" s="13" t="s">
        <v>363</v>
      </c>
      <c r="B69896" s="14" t="s">
        <v>1</v>
      </c>
      <c r="C69896" s="14" t="s">
        <v>150</v>
      </c>
      <c r="D69896" s="14" t="s">
        <v>356</v>
      </c>
      <c r="E69896" s="15">
        <v>45557</v>
      </c>
      <c r="F69896" s="14" t="s">
        <v>61</v>
      </c>
      <c r="G69896" s="16">
        <v>1.0879214312096015</v>
      </c>
    </row>
    <row r="69897" spans="1:7" x14ac:dyDescent="0.3">
      <c r="A69897" s="13" t="s">
        <v>363</v>
      </c>
      <c r="B69897" s="14" t="s">
        <v>1</v>
      </c>
      <c r="C69897" s="14" t="s">
        <v>150</v>
      </c>
      <c r="D69897" s="14" t="s">
        <v>356</v>
      </c>
      <c r="E69897" s="15">
        <v>45558</v>
      </c>
      <c r="F69897" s="14" t="s">
        <v>61</v>
      </c>
      <c r="G69897" s="16">
        <v>1.0860123752888933</v>
      </c>
    </row>
    <row r="69898" spans="1:7" x14ac:dyDescent="0.3">
      <c r="A69898" s="13" t="s">
        <v>363</v>
      </c>
      <c r="B69898" s="14" t="s">
        <v>1</v>
      </c>
      <c r="C69898" s="14" t="s">
        <v>150</v>
      </c>
      <c r="D69898" s="14" t="s">
        <v>356</v>
      </c>
      <c r="E69898" s="15">
        <v>45559</v>
      </c>
      <c r="F69898" s="14" t="s">
        <v>61</v>
      </c>
      <c r="G69898" s="16">
        <v>1.0930892807850805</v>
      </c>
    </row>
    <row r="69899" spans="1:7" x14ac:dyDescent="0.3">
      <c r="A69899" s="13" t="s">
        <v>363</v>
      </c>
      <c r="B69899" s="14" t="s">
        <v>1</v>
      </c>
      <c r="C69899" s="14" t="s">
        <v>150</v>
      </c>
      <c r="D69899" s="14" t="s">
        <v>356</v>
      </c>
      <c r="E69899" s="15">
        <v>45560</v>
      </c>
      <c r="F69899" s="14" t="s">
        <v>61</v>
      </c>
      <c r="G69899" s="16">
        <v>1.0954053354086464</v>
      </c>
    </row>
    <row r="69900" spans="1:7" x14ac:dyDescent="0.3">
      <c r="A69900" s="13" t="s">
        <v>363</v>
      </c>
      <c r="B69900" s="14" t="s">
        <v>1</v>
      </c>
      <c r="C69900" s="14" t="s">
        <v>150</v>
      </c>
      <c r="D69900" s="14" t="s">
        <v>356</v>
      </c>
      <c r="E69900" s="15">
        <v>45561</v>
      </c>
      <c r="F69900" s="14" t="s">
        <v>61</v>
      </c>
      <c r="G69900" s="16">
        <v>1.0976730039181324</v>
      </c>
    </row>
    <row r="69901" spans="1:7" x14ac:dyDescent="0.3">
      <c r="A69901" s="13" t="s">
        <v>363</v>
      </c>
      <c r="B69901" s="14" t="s">
        <v>1</v>
      </c>
      <c r="C69901" s="14" t="s">
        <v>150</v>
      </c>
      <c r="D69901" s="14" t="s">
        <v>356</v>
      </c>
      <c r="E69901" s="15">
        <v>45562</v>
      </c>
      <c r="F69901" s="14" t="s">
        <v>61</v>
      </c>
      <c r="G69901" s="16">
        <v>1.1177267199243026</v>
      </c>
    </row>
    <row r="69902" spans="1:7" x14ac:dyDescent="0.3">
      <c r="A69902" s="13" t="s">
        <v>363</v>
      </c>
      <c r="B69902" s="14" t="s">
        <v>1</v>
      </c>
      <c r="C69902" s="14" t="s">
        <v>150</v>
      </c>
      <c r="D69902" s="14" t="s">
        <v>356</v>
      </c>
      <c r="E69902" s="15">
        <v>45563</v>
      </c>
      <c r="F69902" s="14" t="s">
        <v>61</v>
      </c>
      <c r="G69902" s="16">
        <v>1.1177267199243026</v>
      </c>
    </row>
    <row r="69903" spans="1:7" x14ac:dyDescent="0.3">
      <c r="A69903" s="13" t="s">
        <v>363</v>
      </c>
      <c r="B69903" s="14" t="s">
        <v>1</v>
      </c>
      <c r="C69903" s="14" t="s">
        <v>150</v>
      </c>
      <c r="D69903" s="14" t="s">
        <v>356</v>
      </c>
      <c r="E69903" s="15">
        <v>45564</v>
      </c>
      <c r="F69903" s="14" t="s">
        <v>61</v>
      </c>
      <c r="G69903" s="16">
        <v>1.1177267199243026</v>
      </c>
    </row>
    <row r="69904" spans="1:7" x14ac:dyDescent="0.3">
      <c r="A69904" s="13" t="s">
        <v>363</v>
      </c>
      <c r="B69904" s="14" t="s">
        <v>1</v>
      </c>
      <c r="C69904" s="14" t="s">
        <v>150</v>
      </c>
      <c r="D69904" s="14" t="s">
        <v>356</v>
      </c>
      <c r="E69904" s="15">
        <v>45565</v>
      </c>
      <c r="F69904" s="14" t="s">
        <v>61</v>
      </c>
      <c r="G69904" s="16">
        <v>1.1218520427613961</v>
      </c>
    </row>
    <row r="69905" spans="1:7" x14ac:dyDescent="0.3">
      <c r="A69905" s="13" t="s">
        <v>363</v>
      </c>
      <c r="B69905" s="14" t="s">
        <v>1</v>
      </c>
      <c r="C69905" s="14" t="s">
        <v>150</v>
      </c>
      <c r="D69905" s="14" t="s">
        <v>356</v>
      </c>
      <c r="E69905" s="15">
        <v>45566</v>
      </c>
      <c r="F69905" s="14" t="s">
        <v>61</v>
      </c>
      <c r="G69905" s="16">
        <v>1.1284083990215072</v>
      </c>
    </row>
    <row r="69906" spans="1:7" x14ac:dyDescent="0.3">
      <c r="A69906" s="13" t="s">
        <v>363</v>
      </c>
      <c r="B69906" s="14" t="s">
        <v>1</v>
      </c>
      <c r="C69906" s="14" t="s">
        <v>150</v>
      </c>
      <c r="D69906" s="14" t="s">
        <v>356</v>
      </c>
      <c r="E69906" s="15">
        <v>45567</v>
      </c>
      <c r="F69906" s="14" t="s">
        <v>61</v>
      </c>
      <c r="G69906" s="16">
        <v>1.1418799749697006</v>
      </c>
    </row>
    <row r="69907" spans="1:7" x14ac:dyDescent="0.3">
      <c r="A69907" s="13" t="s">
        <v>363</v>
      </c>
      <c r="B69907" s="14" t="s">
        <v>1</v>
      </c>
      <c r="C69907" s="14" t="s">
        <v>150</v>
      </c>
      <c r="D69907" s="14" t="s">
        <v>356</v>
      </c>
      <c r="E69907" s="15">
        <v>45568</v>
      </c>
      <c r="F69907" s="14" t="s">
        <v>61</v>
      </c>
      <c r="G69907" s="16">
        <v>1.1441154252914885</v>
      </c>
    </row>
    <row r="69908" spans="1:7" x14ac:dyDescent="0.3">
      <c r="A69908" s="13" t="s">
        <v>363</v>
      </c>
      <c r="B69908" s="14" t="s">
        <v>1</v>
      </c>
      <c r="C69908" s="14" t="s">
        <v>150</v>
      </c>
      <c r="D69908" s="14" t="s">
        <v>356</v>
      </c>
      <c r="E69908" s="15">
        <v>45569</v>
      </c>
      <c r="F69908" s="14" t="s">
        <v>61</v>
      </c>
      <c r="G69908" s="16">
        <v>1.1586992705292669</v>
      </c>
    </row>
    <row r="69909" spans="1:7" x14ac:dyDescent="0.3">
      <c r="A69909" s="13" t="s">
        <v>363</v>
      </c>
      <c r="B69909" s="14" t="s">
        <v>1</v>
      </c>
      <c r="C69909" s="14" t="s">
        <v>150</v>
      </c>
      <c r="D69909" s="14" t="s">
        <v>356</v>
      </c>
      <c r="E69909" s="15">
        <v>45570</v>
      </c>
      <c r="F69909" s="14" t="s">
        <v>61</v>
      </c>
      <c r="G69909" s="16">
        <v>1.1586992705292669</v>
      </c>
    </row>
    <row r="69910" spans="1:7" x14ac:dyDescent="0.3">
      <c r="A69910" s="13" t="s">
        <v>363</v>
      </c>
      <c r="B69910" s="14" t="s">
        <v>1</v>
      </c>
      <c r="C69910" s="14" t="s">
        <v>150</v>
      </c>
      <c r="D69910" s="14" t="s">
        <v>356</v>
      </c>
      <c r="E69910" s="15">
        <v>45571</v>
      </c>
      <c r="F69910" s="14" t="s">
        <v>61</v>
      </c>
      <c r="G69910" s="16">
        <v>1.1586992705292669</v>
      </c>
    </row>
    <row r="69911" spans="1:7" x14ac:dyDescent="0.3">
      <c r="A69911" s="13" t="s">
        <v>363</v>
      </c>
      <c r="B69911" s="14" t="s">
        <v>1</v>
      </c>
      <c r="C69911" s="14" t="s">
        <v>150</v>
      </c>
      <c r="D69911" s="14" t="s">
        <v>356</v>
      </c>
      <c r="E69911" s="15">
        <v>45572</v>
      </c>
      <c r="F69911" s="14" t="s">
        <v>61</v>
      </c>
      <c r="G69911" s="16">
        <v>1.1610168980750171</v>
      </c>
    </row>
    <row r="69912" spans="1:7" x14ac:dyDescent="0.3">
      <c r="A69912" s="13" t="s">
        <v>363</v>
      </c>
      <c r="B69912" s="14" t="s">
        <v>1</v>
      </c>
      <c r="C69912" s="14" t="s">
        <v>150</v>
      </c>
      <c r="D69912" s="14" t="s">
        <v>356</v>
      </c>
      <c r="E69912" s="15">
        <v>45573</v>
      </c>
      <c r="F69912" s="14" t="s">
        <v>61</v>
      </c>
      <c r="G69912" s="16">
        <v>1.1678549857784359</v>
      </c>
    </row>
    <row r="69913" spans="1:7" x14ac:dyDescent="0.3">
      <c r="A69913" s="13" t="s">
        <v>363</v>
      </c>
      <c r="B69913" s="14" t="s">
        <v>1</v>
      </c>
      <c r="C69913" s="14" t="s">
        <v>150</v>
      </c>
      <c r="D69913" s="14" t="s">
        <v>356</v>
      </c>
      <c r="E69913" s="15">
        <v>45574</v>
      </c>
      <c r="F69913" s="14" t="s">
        <v>61</v>
      </c>
      <c r="G69913" s="16">
        <v>1.1742603046781261</v>
      </c>
    </row>
    <row r="69914" spans="1:7" x14ac:dyDescent="0.3">
      <c r="A69914" s="13" t="s">
        <v>363</v>
      </c>
      <c r="B69914" s="14" t="s">
        <v>1</v>
      </c>
      <c r="C69914" s="14" t="s">
        <v>150</v>
      </c>
      <c r="D69914" s="14" t="s">
        <v>356</v>
      </c>
      <c r="E69914" s="15">
        <v>45575</v>
      </c>
      <c r="F69914" s="14" t="s">
        <v>61</v>
      </c>
      <c r="G69914" s="16">
        <v>1.1764799997232536</v>
      </c>
    </row>
    <row r="69915" spans="1:7" x14ac:dyDescent="0.3">
      <c r="A69915" s="13" t="s">
        <v>363</v>
      </c>
      <c r="B69915" s="14" t="s">
        <v>1</v>
      </c>
      <c r="C69915" s="14" t="s">
        <v>150</v>
      </c>
      <c r="D69915" s="14" t="s">
        <v>356</v>
      </c>
      <c r="E69915" s="15">
        <v>45576</v>
      </c>
      <c r="F69915" s="14" t="s">
        <v>61</v>
      </c>
      <c r="G69915" s="16">
        <v>1.1798478844063887</v>
      </c>
    </row>
    <row r="69916" spans="1:7" x14ac:dyDescent="0.3">
      <c r="A69916" s="13" t="s">
        <v>363</v>
      </c>
      <c r="B69916" s="14" t="s">
        <v>1</v>
      </c>
      <c r="C69916" s="14" t="s">
        <v>150</v>
      </c>
      <c r="D69916" s="14" t="s">
        <v>356</v>
      </c>
      <c r="E69916" s="15">
        <v>45577</v>
      </c>
      <c r="F69916" s="14" t="s">
        <v>61</v>
      </c>
      <c r="G69916" s="16">
        <v>1.1798478844063887</v>
      </c>
    </row>
    <row r="69917" spans="1:7" x14ac:dyDescent="0.3">
      <c r="A69917" s="13" t="s">
        <v>363</v>
      </c>
      <c r="B69917" s="14" t="s">
        <v>1</v>
      </c>
      <c r="C69917" s="14" t="s">
        <v>150</v>
      </c>
      <c r="D69917" s="14" t="s">
        <v>356</v>
      </c>
      <c r="E69917" s="15">
        <v>45578</v>
      </c>
      <c r="F69917" s="14" t="s">
        <v>61</v>
      </c>
      <c r="G69917" s="16">
        <v>1.1798478844063887</v>
      </c>
    </row>
    <row r="69918" spans="1:7" x14ac:dyDescent="0.3">
      <c r="A69918" s="13" t="s">
        <v>363</v>
      </c>
      <c r="B69918" s="14" t="s">
        <v>1</v>
      </c>
      <c r="C69918" s="14" t="s">
        <v>150</v>
      </c>
      <c r="D69918" s="14" t="s">
        <v>356</v>
      </c>
      <c r="E69918" s="15">
        <v>45579</v>
      </c>
      <c r="F69918" s="14" t="s">
        <v>61</v>
      </c>
      <c r="G69918" s="16">
        <v>1.1819694128971707</v>
      </c>
    </row>
    <row r="69919" spans="1:7" x14ac:dyDescent="0.3">
      <c r="A69919" s="13" t="s">
        <v>363</v>
      </c>
      <c r="B69919" s="14" t="s">
        <v>1</v>
      </c>
      <c r="C69919" s="14" t="s">
        <v>150</v>
      </c>
      <c r="D69919" s="14" t="s">
        <v>356</v>
      </c>
      <c r="E69919" s="15">
        <v>45580</v>
      </c>
      <c r="F69919" s="14" t="s">
        <v>61</v>
      </c>
      <c r="G69919" s="16">
        <v>1.1882323587167227</v>
      </c>
    </row>
    <row r="69920" spans="1:7" x14ac:dyDescent="0.3">
      <c r="A69920" s="13" t="s">
        <v>363</v>
      </c>
      <c r="B69920" s="14" t="s">
        <v>1</v>
      </c>
      <c r="C69920" s="14" t="s">
        <v>150</v>
      </c>
      <c r="D69920" s="14" t="s">
        <v>356</v>
      </c>
      <c r="E69920" s="15">
        <v>45581</v>
      </c>
      <c r="F69920" s="14" t="s">
        <v>61</v>
      </c>
      <c r="G69920" s="16">
        <v>1.1911394437109089</v>
      </c>
    </row>
    <row r="69921" spans="1:7" x14ac:dyDescent="0.3">
      <c r="A69921" s="13" t="s">
        <v>363</v>
      </c>
      <c r="B69921" s="14" t="s">
        <v>1</v>
      </c>
      <c r="C69921" s="14" t="s">
        <v>150</v>
      </c>
      <c r="D69921" s="14" t="s">
        <v>356</v>
      </c>
      <c r="E69921" s="15">
        <v>45582</v>
      </c>
      <c r="F69921" s="14" t="s">
        <v>61</v>
      </c>
      <c r="G69921" s="16">
        <v>1.1933072529685693</v>
      </c>
    </row>
    <row r="69922" spans="1:7" x14ac:dyDescent="0.3">
      <c r="A69922" s="13" t="s">
        <v>363</v>
      </c>
      <c r="B69922" s="14" t="s">
        <v>1</v>
      </c>
      <c r="C69922" s="14" t="s">
        <v>150</v>
      </c>
      <c r="D69922" s="14" t="s">
        <v>356</v>
      </c>
      <c r="E69922" s="15">
        <v>45583</v>
      </c>
      <c r="F69922" s="14" t="s">
        <v>61</v>
      </c>
      <c r="G69922" s="16">
        <v>1.1955157717802676</v>
      </c>
    </row>
    <row r="69923" spans="1:7" x14ac:dyDescent="0.3">
      <c r="A69923" s="13" t="s">
        <v>363</v>
      </c>
      <c r="B69923" s="14" t="s">
        <v>1</v>
      </c>
      <c r="C69923" s="14" t="s">
        <v>150</v>
      </c>
      <c r="D69923" s="14" t="s">
        <v>356</v>
      </c>
      <c r="E69923" s="15">
        <v>45584</v>
      </c>
      <c r="F69923" s="14" t="s">
        <v>61</v>
      </c>
      <c r="G69923" s="16">
        <v>1.1955157717802676</v>
      </c>
    </row>
    <row r="69924" spans="1:7" x14ac:dyDescent="0.3">
      <c r="A69924" s="13" t="s">
        <v>363</v>
      </c>
      <c r="B69924" s="14" t="s">
        <v>1</v>
      </c>
      <c r="C69924" s="14" t="s">
        <v>150</v>
      </c>
      <c r="D69924" s="14" t="s">
        <v>356</v>
      </c>
      <c r="E69924" s="15">
        <v>45585</v>
      </c>
      <c r="F69924" s="14" t="s">
        <v>61</v>
      </c>
      <c r="G69924" s="16">
        <v>1.1955157717802676</v>
      </c>
    </row>
    <row r="69925" spans="1:7" x14ac:dyDescent="0.3">
      <c r="A69925" s="13" t="s">
        <v>363</v>
      </c>
      <c r="B69925" s="14" t="s">
        <v>1</v>
      </c>
      <c r="C69925" s="14" t="s">
        <v>150</v>
      </c>
      <c r="D69925" s="14" t="s">
        <v>356</v>
      </c>
      <c r="E69925" s="15">
        <v>45586</v>
      </c>
      <c r="F69925" s="14" t="s">
        <v>61</v>
      </c>
      <c r="G69925" s="16">
        <v>1.1946342527044174</v>
      </c>
    </row>
    <row r="69926" spans="1:7" x14ac:dyDescent="0.3">
      <c r="A69926" s="13" t="s">
        <v>363</v>
      </c>
      <c r="B69926" s="14" t="s">
        <v>1</v>
      </c>
      <c r="C69926" s="14" t="s">
        <v>150</v>
      </c>
      <c r="D69926" s="14" t="s">
        <v>356</v>
      </c>
      <c r="E69926" s="15">
        <v>45587</v>
      </c>
      <c r="F69926" s="14" t="s">
        <v>61</v>
      </c>
      <c r="G69926" s="16">
        <v>1.2007803363551297</v>
      </c>
    </row>
    <row r="69927" spans="1:7" x14ac:dyDescent="0.3">
      <c r="A69927" s="13" t="s">
        <v>363</v>
      </c>
      <c r="B69927" s="14" t="s">
        <v>1</v>
      </c>
      <c r="C69927" s="14" t="s">
        <v>150</v>
      </c>
      <c r="D69927" s="14" t="s">
        <v>356</v>
      </c>
      <c r="E69927" s="15">
        <v>45588</v>
      </c>
      <c r="F69927" s="14" t="s">
        <v>61</v>
      </c>
      <c r="G69927" s="16">
        <v>1.2031689476319567</v>
      </c>
    </row>
    <row r="69928" spans="1:7" x14ac:dyDescent="0.3">
      <c r="A69928" s="13" t="s">
        <v>363</v>
      </c>
      <c r="B69928" s="14" t="s">
        <v>1</v>
      </c>
      <c r="C69928" s="14" t="s">
        <v>150</v>
      </c>
      <c r="D69928" s="14" t="s">
        <v>356</v>
      </c>
      <c r="E69928" s="15">
        <v>45589</v>
      </c>
      <c r="F69928" s="14" t="s">
        <v>61</v>
      </c>
      <c r="G69928" s="16">
        <v>1.2052923520884746</v>
      </c>
    </row>
    <row r="69929" spans="1:7" x14ac:dyDescent="0.3">
      <c r="A69929" s="13" t="s">
        <v>363</v>
      </c>
      <c r="B69929" s="14" t="s">
        <v>1</v>
      </c>
      <c r="C69929" s="14" t="s">
        <v>150</v>
      </c>
      <c r="D69929" s="14" t="s">
        <v>356</v>
      </c>
      <c r="E69929" s="15">
        <v>45590</v>
      </c>
      <c r="F69929" s="14" t="s">
        <v>61</v>
      </c>
      <c r="G69929" s="16">
        <v>1.2074286588507883</v>
      </c>
    </row>
    <row r="69930" spans="1:7" x14ac:dyDescent="0.3">
      <c r="A69930" s="13" t="s">
        <v>363</v>
      </c>
      <c r="B69930" s="14" t="s">
        <v>1</v>
      </c>
      <c r="C69930" s="14" t="s">
        <v>150</v>
      </c>
      <c r="D69930" s="14" t="s">
        <v>356</v>
      </c>
      <c r="E69930" s="15">
        <v>45591</v>
      </c>
      <c r="F69930" s="14" t="s">
        <v>61</v>
      </c>
      <c r="G69930" s="16">
        <v>1.2074286588507883</v>
      </c>
    </row>
    <row r="69931" spans="1:7" x14ac:dyDescent="0.3">
      <c r="A69931" s="13" t="s">
        <v>363</v>
      </c>
      <c r="B69931" s="14" t="s">
        <v>1</v>
      </c>
      <c r="C69931" s="14" t="s">
        <v>150</v>
      </c>
      <c r="D69931" s="14" t="s">
        <v>356</v>
      </c>
      <c r="E69931" s="15">
        <v>45592</v>
      </c>
      <c r="F69931" s="14" t="s">
        <v>61</v>
      </c>
      <c r="G69931" s="16">
        <v>1.2074286588507883</v>
      </c>
    </row>
    <row r="69932" spans="1:7" x14ac:dyDescent="0.3">
      <c r="A69932" s="13" t="s">
        <v>363</v>
      </c>
      <c r="B69932" s="14" t="s">
        <v>1</v>
      </c>
      <c r="C69932" s="14" t="s">
        <v>150</v>
      </c>
      <c r="D69932" s="14" t="s">
        <v>356</v>
      </c>
      <c r="E69932" s="15">
        <v>45593</v>
      </c>
      <c r="F69932" s="14" t="s">
        <v>61</v>
      </c>
      <c r="G69932" s="16">
        <v>1.2074286588507883</v>
      </c>
    </row>
    <row r="69933" spans="1:7" x14ac:dyDescent="0.3">
      <c r="A69933" s="13" t="s">
        <v>363</v>
      </c>
      <c r="B69933" s="14" t="s">
        <v>1</v>
      </c>
      <c r="C69933" s="14" t="s">
        <v>150</v>
      </c>
      <c r="D69933" s="14" t="s">
        <v>356</v>
      </c>
      <c r="E69933" s="15">
        <v>45594</v>
      </c>
      <c r="F69933" s="14" t="s">
        <v>61</v>
      </c>
      <c r="G69933" s="16">
        <v>1.219260753947357</v>
      </c>
    </row>
    <row r="69934" spans="1:7" x14ac:dyDescent="0.3">
      <c r="A69934" s="13" t="s">
        <v>363</v>
      </c>
      <c r="B69934" s="14" t="s">
        <v>1</v>
      </c>
      <c r="C69934" s="14" t="s">
        <v>150</v>
      </c>
      <c r="D69934" s="14" t="s">
        <v>356</v>
      </c>
      <c r="E69934" s="15">
        <v>45595</v>
      </c>
      <c r="F69934" s="14" t="s">
        <v>61</v>
      </c>
      <c r="G69934" s="16">
        <v>1.2272411414373603</v>
      </c>
    </row>
    <row r="69935" spans="1:7" x14ac:dyDescent="0.3">
      <c r="A69935" s="13" t="s">
        <v>363</v>
      </c>
      <c r="B69935" s="14" t="s">
        <v>1</v>
      </c>
      <c r="C69935" s="14" t="s">
        <v>150</v>
      </c>
      <c r="D69935" s="14" t="s">
        <v>356</v>
      </c>
      <c r="E69935" s="15">
        <v>45596</v>
      </c>
      <c r="F69935" s="14" t="s">
        <v>61</v>
      </c>
      <c r="G69935" s="16">
        <v>1.229267538933513</v>
      </c>
    </row>
    <row r="69936" spans="1:7" x14ac:dyDescent="0.3">
      <c r="A69936" s="13" t="s">
        <v>363</v>
      </c>
      <c r="B69936" s="14" t="s">
        <v>1</v>
      </c>
      <c r="C69936" s="14" t="s">
        <v>150</v>
      </c>
      <c r="D69936" s="14" t="s">
        <v>356</v>
      </c>
      <c r="E69936" s="15">
        <v>45597</v>
      </c>
      <c r="F69936" s="14" t="s">
        <v>61</v>
      </c>
      <c r="G69936" s="16">
        <v>1.2313363707723599</v>
      </c>
    </row>
    <row r="69937" spans="1:7" x14ac:dyDescent="0.3">
      <c r="A69937" s="13" t="s">
        <v>363</v>
      </c>
      <c r="B69937" s="14" t="s">
        <v>1</v>
      </c>
      <c r="C69937" s="14" t="s">
        <v>150</v>
      </c>
      <c r="D69937" s="14" t="s">
        <v>356</v>
      </c>
      <c r="E69937" s="15">
        <v>45598</v>
      </c>
      <c r="F69937" s="14" t="s">
        <v>61</v>
      </c>
      <c r="G69937" s="16">
        <v>1.2313363707723599</v>
      </c>
    </row>
    <row r="69938" spans="1:7" x14ac:dyDescent="0.3">
      <c r="A69938" s="13" t="s">
        <v>363</v>
      </c>
      <c r="B69938" s="14" t="s">
        <v>1</v>
      </c>
      <c r="C69938" s="14" t="s">
        <v>150</v>
      </c>
      <c r="D69938" s="14" t="s">
        <v>356</v>
      </c>
      <c r="E69938" s="15">
        <v>45599</v>
      </c>
      <c r="F69938" s="14" t="s">
        <v>61</v>
      </c>
      <c r="G69938" s="16">
        <v>1.2313363707723599</v>
      </c>
    </row>
    <row r="69939" spans="1:7" x14ac:dyDescent="0.3">
      <c r="A69939" s="13" t="s">
        <v>363</v>
      </c>
      <c r="B69939" s="14" t="s">
        <v>1</v>
      </c>
      <c r="C69939" s="14" t="s">
        <v>150</v>
      </c>
      <c r="D69939" s="14" t="s">
        <v>356</v>
      </c>
      <c r="E69939" s="15">
        <v>45600</v>
      </c>
      <c r="F69939" s="14" t="s">
        <v>61</v>
      </c>
      <c r="G69939" s="16">
        <v>1.2414309330360376</v>
      </c>
    </row>
    <row r="69940" spans="1:7" x14ac:dyDescent="0.3">
      <c r="A69940" s="13" t="s">
        <v>363</v>
      </c>
      <c r="B69940" s="14" t="s">
        <v>1</v>
      </c>
      <c r="C69940" s="14" t="s">
        <v>150</v>
      </c>
      <c r="D69940" s="14" t="s">
        <v>356</v>
      </c>
      <c r="E69940" s="15">
        <v>45601</v>
      </c>
      <c r="F69940" s="14" t="s">
        <v>61</v>
      </c>
      <c r="G69940" s="16">
        <v>1.2474756947057006</v>
      </c>
    </row>
    <row r="69941" spans="1:7" x14ac:dyDescent="0.3">
      <c r="A69941" s="13" t="s">
        <v>363</v>
      </c>
      <c r="B69941" s="14" t="s">
        <v>1</v>
      </c>
      <c r="C69941" s="14" t="s">
        <v>150</v>
      </c>
      <c r="D69941" s="14" t="s">
        <v>356</v>
      </c>
      <c r="E69941" s="15">
        <v>45602</v>
      </c>
      <c r="F69941" s="14" t="s">
        <v>61</v>
      </c>
      <c r="G69941" s="16">
        <v>1.2495051347192054</v>
      </c>
    </row>
    <row r="69942" spans="1:7" x14ac:dyDescent="0.3">
      <c r="A69942" s="13" t="s">
        <v>363</v>
      </c>
      <c r="B69942" s="14" t="s">
        <v>1</v>
      </c>
      <c r="C69942" s="14" t="s">
        <v>150</v>
      </c>
      <c r="D69942" s="14" t="s">
        <v>356</v>
      </c>
      <c r="E69942" s="15">
        <v>45603</v>
      </c>
      <c r="F69942" s="14" t="s">
        <v>61</v>
      </c>
      <c r="G69942" s="16">
        <v>1.2516658838953409</v>
      </c>
    </row>
    <row r="69943" spans="1:7" x14ac:dyDescent="0.3">
      <c r="A69943" s="13" t="s">
        <v>363</v>
      </c>
      <c r="B69943" s="14" t="s">
        <v>1</v>
      </c>
      <c r="C69943" s="14" t="s">
        <v>150</v>
      </c>
      <c r="D69943" s="14" t="s">
        <v>356</v>
      </c>
      <c r="E69943" s="15">
        <v>45604</v>
      </c>
      <c r="F69943" s="14" t="s">
        <v>61</v>
      </c>
      <c r="G69943" s="16">
        <v>1.2662106976253702</v>
      </c>
    </row>
    <row r="69944" spans="1:7" x14ac:dyDescent="0.3">
      <c r="A69944" s="13" t="s">
        <v>363</v>
      </c>
      <c r="B69944" s="14" t="s">
        <v>1</v>
      </c>
      <c r="C69944" s="14" t="s">
        <v>150</v>
      </c>
      <c r="D69944" s="14" t="s">
        <v>356</v>
      </c>
      <c r="E69944" s="15">
        <v>45605</v>
      </c>
      <c r="F69944" s="14" t="s">
        <v>61</v>
      </c>
      <c r="G69944" s="16">
        <v>1.2662106976253702</v>
      </c>
    </row>
    <row r="69945" spans="1:7" x14ac:dyDescent="0.3">
      <c r="A69945" s="13" t="s">
        <v>363</v>
      </c>
      <c r="B69945" s="14" t="s">
        <v>1</v>
      </c>
      <c r="C69945" s="14" t="s">
        <v>150</v>
      </c>
      <c r="D69945" s="14" t="s">
        <v>356</v>
      </c>
      <c r="E69945" s="15">
        <v>45606</v>
      </c>
      <c r="F69945" s="14" t="s">
        <v>61</v>
      </c>
      <c r="G69945" s="16">
        <v>1.2662106976253702</v>
      </c>
    </row>
    <row r="69946" spans="1:7" x14ac:dyDescent="0.3">
      <c r="A69946" s="13" t="s">
        <v>363</v>
      </c>
      <c r="B69946" s="14" t="s">
        <v>1</v>
      </c>
      <c r="C69946" s="14" t="s">
        <v>150</v>
      </c>
      <c r="D69946" s="14" t="s">
        <v>356</v>
      </c>
      <c r="E69946" s="15">
        <v>45607</v>
      </c>
      <c r="F69946" s="14" t="s">
        <v>61</v>
      </c>
      <c r="G69946" s="16">
        <v>1.2682685920186081</v>
      </c>
    </row>
    <row r="69947" spans="1:7" x14ac:dyDescent="0.3">
      <c r="A69947" s="13" t="s">
        <v>363</v>
      </c>
      <c r="B69947" s="14" t="s">
        <v>1</v>
      </c>
      <c r="C69947" s="14" t="s">
        <v>150</v>
      </c>
      <c r="D69947" s="14" t="s">
        <v>356</v>
      </c>
      <c r="E69947" s="15">
        <v>45608</v>
      </c>
      <c r="F69947" s="14" t="s">
        <v>61</v>
      </c>
      <c r="G69947" s="16">
        <v>1.2748572053585701</v>
      </c>
    </row>
    <row r="69948" spans="1:7" x14ac:dyDescent="0.3">
      <c r="A69948" s="13" t="s">
        <v>363</v>
      </c>
      <c r="B69948" s="14" t="s">
        <v>1</v>
      </c>
      <c r="C69948" s="14" t="s">
        <v>150</v>
      </c>
      <c r="D69948" s="14" t="s">
        <v>356</v>
      </c>
      <c r="E69948" s="15">
        <v>45609</v>
      </c>
      <c r="F69948" s="14" t="s">
        <v>61</v>
      </c>
      <c r="G69948" s="16">
        <v>1.2770248239140867</v>
      </c>
    </row>
    <row r="69949" spans="1:7" x14ac:dyDescent="0.3">
      <c r="A69949" s="13" t="s">
        <v>363</v>
      </c>
      <c r="B69949" s="14" t="s">
        <v>1</v>
      </c>
      <c r="C69949" s="14" t="s">
        <v>150</v>
      </c>
      <c r="D69949" s="14" t="s">
        <v>356</v>
      </c>
      <c r="E69949" s="15">
        <v>45610</v>
      </c>
      <c r="F69949" s="14" t="s">
        <v>61</v>
      </c>
      <c r="G69949" s="16">
        <v>1.2866557522089332</v>
      </c>
    </row>
    <row r="69950" spans="1:7" x14ac:dyDescent="0.3">
      <c r="A69950" s="13" t="s">
        <v>363</v>
      </c>
      <c r="B69950" s="14" t="s">
        <v>1</v>
      </c>
      <c r="C69950" s="14" t="s">
        <v>150</v>
      </c>
      <c r="D69950" s="14" t="s">
        <v>356</v>
      </c>
      <c r="E69950" s="15">
        <v>45611</v>
      </c>
      <c r="F69950" s="14" t="s">
        <v>61</v>
      </c>
      <c r="G69950" s="16">
        <v>1.3618019584021503</v>
      </c>
    </row>
    <row r="69951" spans="1:7" x14ac:dyDescent="0.3">
      <c r="A69951" s="13" t="s">
        <v>363</v>
      </c>
      <c r="B69951" s="14" t="s">
        <v>1</v>
      </c>
      <c r="C69951" s="14" t="s">
        <v>150</v>
      </c>
      <c r="D69951" s="14" t="s">
        <v>356</v>
      </c>
      <c r="E69951" s="15">
        <v>45612</v>
      </c>
      <c r="F69951" s="14" t="s">
        <v>61</v>
      </c>
      <c r="G69951" s="16">
        <v>1.3618019584021503</v>
      </c>
    </row>
    <row r="69952" spans="1:7" x14ac:dyDescent="0.3">
      <c r="A69952" s="13" t="s">
        <v>363</v>
      </c>
      <c r="B69952" s="14" t="s">
        <v>1</v>
      </c>
      <c r="C69952" s="14" t="s">
        <v>150</v>
      </c>
      <c r="D69952" s="14" t="s">
        <v>356</v>
      </c>
      <c r="E69952" s="15">
        <v>45613</v>
      </c>
      <c r="F69952" s="14" t="s">
        <v>61</v>
      </c>
      <c r="G69952" s="16">
        <v>1.3618019584021503</v>
      </c>
    </row>
    <row r="69953" spans="1:7" x14ac:dyDescent="0.3">
      <c r="A69953" s="13" t="s">
        <v>363</v>
      </c>
      <c r="B69953" s="14" t="s">
        <v>1</v>
      </c>
      <c r="C69953" s="14" t="s">
        <v>150</v>
      </c>
      <c r="D69953" s="14" t="s">
        <v>356</v>
      </c>
      <c r="E69953" s="15">
        <v>45614</v>
      </c>
      <c r="F69953" s="14" t="s">
        <v>61</v>
      </c>
      <c r="G69953" s="16">
        <v>1.3638871467493328</v>
      </c>
    </row>
    <row r="69954" spans="1:7" x14ac:dyDescent="0.3">
      <c r="A69954" s="13" t="s">
        <v>363</v>
      </c>
      <c r="B69954" s="14" t="s">
        <v>1</v>
      </c>
      <c r="C69954" s="14" t="s">
        <v>150</v>
      </c>
      <c r="D69954" s="14" t="s">
        <v>356</v>
      </c>
      <c r="E69954" s="15">
        <v>45615</v>
      </c>
      <c r="F69954" s="14" t="s">
        <v>61</v>
      </c>
      <c r="G69954" s="16">
        <v>1.3866250880306421</v>
      </c>
    </row>
    <row r="69955" spans="1:7" x14ac:dyDescent="0.3">
      <c r="A69955" s="13" t="s">
        <v>363</v>
      </c>
      <c r="B69955" s="14" t="s">
        <v>1</v>
      </c>
      <c r="C69955" s="14" t="s">
        <v>150</v>
      </c>
      <c r="D69955" s="14" t="s">
        <v>356</v>
      </c>
      <c r="E69955" s="15">
        <v>45616</v>
      </c>
      <c r="F69955" s="14" t="s">
        <v>61</v>
      </c>
      <c r="G69955" s="16">
        <v>1.3886650999050212</v>
      </c>
    </row>
    <row r="69956" spans="1:7" x14ac:dyDescent="0.3">
      <c r="A69956" s="13" t="s">
        <v>363</v>
      </c>
      <c r="B69956" s="14" t="s">
        <v>1</v>
      </c>
      <c r="C69956" s="14" t="s">
        <v>150</v>
      </c>
      <c r="D69956" s="14" t="s">
        <v>356</v>
      </c>
      <c r="E69956" s="15">
        <v>45617</v>
      </c>
      <c r="F69956" s="14" t="s">
        <v>61</v>
      </c>
      <c r="G69956" s="16">
        <v>1.3908142096601179</v>
      </c>
    </row>
    <row r="69957" spans="1:7" x14ac:dyDescent="0.3">
      <c r="A69957" s="13" t="s">
        <v>363</v>
      </c>
      <c r="B69957" s="14" t="s">
        <v>1</v>
      </c>
      <c r="C69957" s="14" t="s">
        <v>150</v>
      </c>
      <c r="D69957" s="14" t="s">
        <v>356</v>
      </c>
      <c r="E69957" s="15">
        <v>45618</v>
      </c>
      <c r="F69957" s="14" t="s">
        <v>61</v>
      </c>
      <c r="G69957" s="16">
        <v>1.393152727338657</v>
      </c>
    </row>
    <row r="69958" spans="1:7" x14ac:dyDescent="0.3">
      <c r="A69958" s="13" t="s">
        <v>363</v>
      </c>
      <c r="B69958" s="14" t="s">
        <v>1</v>
      </c>
      <c r="C69958" s="14" t="s">
        <v>150</v>
      </c>
      <c r="D69958" s="14" t="s">
        <v>356</v>
      </c>
      <c r="E69958" s="15">
        <v>45619</v>
      </c>
      <c r="F69958" s="14" t="s">
        <v>61</v>
      </c>
      <c r="G69958" s="16">
        <v>1.393152727338657</v>
      </c>
    </row>
    <row r="69959" spans="1:7" x14ac:dyDescent="0.3">
      <c r="A69959" s="13" t="s">
        <v>363</v>
      </c>
      <c r="B69959" s="14" t="s">
        <v>1</v>
      </c>
      <c r="C69959" s="14" t="s">
        <v>150</v>
      </c>
      <c r="D69959" s="14" t="s">
        <v>356</v>
      </c>
      <c r="E69959" s="15">
        <v>45620</v>
      </c>
      <c r="F69959" s="14" t="s">
        <v>61</v>
      </c>
      <c r="G69959" s="16">
        <v>1.393152727338657</v>
      </c>
    </row>
    <row r="69960" spans="1:7" x14ac:dyDescent="0.3">
      <c r="A69960" s="13" t="s">
        <v>363</v>
      </c>
      <c r="B69960" s="14" t="s">
        <v>1</v>
      </c>
      <c r="C69960" s="14" t="s">
        <v>150</v>
      </c>
      <c r="D69960" s="14" t="s">
        <v>356</v>
      </c>
      <c r="E69960" s="15">
        <v>45621</v>
      </c>
      <c r="F69960" s="14" t="s">
        <v>61</v>
      </c>
      <c r="G69960" s="16">
        <v>1.395334144461801</v>
      </c>
    </row>
    <row r="69961" spans="1:7" x14ac:dyDescent="0.3">
      <c r="A69961" s="13" t="s">
        <v>363</v>
      </c>
      <c r="B69961" s="14" t="s">
        <v>1</v>
      </c>
      <c r="C69961" s="14" t="s">
        <v>150</v>
      </c>
      <c r="D69961" s="14" t="s">
        <v>356</v>
      </c>
      <c r="E69961" s="15">
        <v>45622</v>
      </c>
      <c r="F69961" s="14" t="s">
        <v>61</v>
      </c>
      <c r="G69961" s="16">
        <v>1.4014571475459583</v>
      </c>
    </row>
    <row r="69962" spans="1:7" x14ac:dyDescent="0.3">
      <c r="A69962" s="13" t="s">
        <v>363</v>
      </c>
      <c r="B69962" s="14" t="s">
        <v>1</v>
      </c>
      <c r="C69962" s="14" t="s">
        <v>150</v>
      </c>
      <c r="D69962" s="14" t="s">
        <v>356</v>
      </c>
      <c r="E69962" s="15">
        <v>45623</v>
      </c>
      <c r="F69962" s="14" t="s">
        <v>61</v>
      </c>
      <c r="G69962" s="16">
        <v>1.4041076444776941</v>
      </c>
    </row>
    <row r="69963" spans="1:7" x14ac:dyDescent="0.3">
      <c r="A69963" s="13" t="s">
        <v>363</v>
      </c>
      <c r="B69963" s="14" t="s">
        <v>1</v>
      </c>
      <c r="C69963" s="14" t="s">
        <v>150</v>
      </c>
      <c r="D69963" s="14" t="s">
        <v>356</v>
      </c>
      <c r="E69963" s="15">
        <v>45624</v>
      </c>
      <c r="F69963" s="14" t="s">
        <v>61</v>
      </c>
      <c r="G69963" s="16">
        <v>1.4098877023135932</v>
      </c>
    </row>
    <row r="69964" spans="1:7" x14ac:dyDescent="0.3">
      <c r="A69964" s="13" t="s">
        <v>363</v>
      </c>
      <c r="B69964" s="14" t="s">
        <v>1</v>
      </c>
      <c r="C69964" s="14" t="s">
        <v>150</v>
      </c>
      <c r="D69964" s="14" t="s">
        <v>356</v>
      </c>
      <c r="E69964" s="15">
        <v>45625</v>
      </c>
      <c r="F69964" s="14" t="s">
        <v>61</v>
      </c>
      <c r="G69964" s="16">
        <v>1.4139643722976298</v>
      </c>
    </row>
    <row r="69965" spans="1:7" x14ac:dyDescent="0.3">
      <c r="A69965" s="13" t="s">
        <v>363</v>
      </c>
      <c r="B69965" s="14" t="s">
        <v>1</v>
      </c>
      <c r="C69965" s="14" t="s">
        <v>150</v>
      </c>
      <c r="D69965" s="14" t="s">
        <v>356</v>
      </c>
      <c r="E69965" s="15">
        <v>45626</v>
      </c>
      <c r="F69965" s="14" t="s">
        <v>61</v>
      </c>
      <c r="G69965" s="16">
        <v>1.4139643722976298</v>
      </c>
    </row>
    <row r="69966" spans="1:7" x14ac:dyDescent="0.3">
      <c r="A69966" s="13" t="s">
        <v>363</v>
      </c>
      <c r="B69966" s="14" t="s">
        <v>1</v>
      </c>
      <c r="C69966" s="14" t="s">
        <v>150</v>
      </c>
      <c r="D69966" s="14" t="s">
        <v>356</v>
      </c>
      <c r="E69966" s="15">
        <v>45627</v>
      </c>
      <c r="F69966" s="14" t="s">
        <v>61</v>
      </c>
      <c r="G69966" s="16">
        <v>1.4139643722976298</v>
      </c>
    </row>
    <row r="69967" spans="1:7" x14ac:dyDescent="0.3">
      <c r="A69967" s="13" t="s">
        <v>363</v>
      </c>
      <c r="B69967" s="14" t="s">
        <v>1</v>
      </c>
      <c r="C69967" s="14" t="s">
        <v>150</v>
      </c>
      <c r="D69967" s="14" t="s">
        <v>356</v>
      </c>
      <c r="E69967" s="15">
        <v>45628</v>
      </c>
      <c r="F69967" s="14" t="s">
        <v>61</v>
      </c>
      <c r="G69967" s="16">
        <v>1.4400688155255597</v>
      </c>
    </row>
    <row r="69968" spans="1:7" x14ac:dyDescent="0.3">
      <c r="A69968" s="13" t="s">
        <v>363</v>
      </c>
      <c r="B69968" s="14" t="s">
        <v>1</v>
      </c>
      <c r="C69968" s="14" t="s">
        <v>150</v>
      </c>
      <c r="D69968" s="14" t="s">
        <v>356</v>
      </c>
      <c r="E69968" s="15">
        <v>45629</v>
      </c>
      <c r="F69968" s="14" t="s">
        <v>61</v>
      </c>
      <c r="G69968" s="16">
        <v>1.4423638793836244</v>
      </c>
    </row>
    <row r="69969" spans="1:7" x14ac:dyDescent="0.3">
      <c r="A69969" s="13" t="s">
        <v>363</v>
      </c>
      <c r="B69969" s="14" t="s">
        <v>1</v>
      </c>
      <c r="C69969" s="14" t="s">
        <v>150</v>
      </c>
      <c r="D69969" s="14" t="s">
        <v>356</v>
      </c>
      <c r="E69969" s="15">
        <v>45630</v>
      </c>
      <c r="F69969" s="14" t="s">
        <v>61</v>
      </c>
      <c r="G69969" s="16">
        <v>1.4478983417154525</v>
      </c>
    </row>
    <row r="69970" spans="1:7" x14ac:dyDescent="0.3">
      <c r="A69970" s="13" t="s">
        <v>363</v>
      </c>
      <c r="B69970" s="14" t="s">
        <v>1</v>
      </c>
      <c r="C69970" s="14" t="s">
        <v>150</v>
      </c>
      <c r="D69970" s="14" t="s">
        <v>356</v>
      </c>
      <c r="E69970" s="15">
        <v>45631</v>
      </c>
      <c r="F69970" s="14" t="s">
        <v>61</v>
      </c>
      <c r="G69970" s="16">
        <v>1.4624852201215444</v>
      </c>
    </row>
    <row r="69971" spans="1:7" x14ac:dyDescent="0.3">
      <c r="A69971" s="13" t="s">
        <v>363</v>
      </c>
      <c r="B69971" s="14" t="s">
        <v>1</v>
      </c>
      <c r="C69971" s="14" t="s">
        <v>150</v>
      </c>
      <c r="D69971" s="14" t="s">
        <v>356</v>
      </c>
      <c r="E69971" s="15">
        <v>45632</v>
      </c>
      <c r="F69971" s="14" t="s">
        <v>61</v>
      </c>
      <c r="G69971" s="16">
        <v>1.4640251712537931</v>
      </c>
    </row>
    <row r="69972" spans="1:7" x14ac:dyDescent="0.3">
      <c r="A69972" s="13" t="s">
        <v>363</v>
      </c>
      <c r="B69972" s="14" t="s">
        <v>1</v>
      </c>
      <c r="C69972" s="14" t="s">
        <v>150</v>
      </c>
      <c r="D69972" s="14" t="s">
        <v>356</v>
      </c>
      <c r="E69972" s="15">
        <v>45633</v>
      </c>
      <c r="F69972" s="14" t="s">
        <v>61</v>
      </c>
      <c r="G69972" s="16">
        <v>1.4640251712537931</v>
      </c>
    </row>
    <row r="69973" spans="1:7" x14ac:dyDescent="0.3">
      <c r="A69973" s="13" t="s">
        <v>363</v>
      </c>
      <c r="B69973" s="14" t="s">
        <v>1</v>
      </c>
      <c r="C69973" s="14" t="s">
        <v>150</v>
      </c>
      <c r="D69973" s="14" t="s">
        <v>356</v>
      </c>
      <c r="E69973" s="15">
        <v>45634</v>
      </c>
      <c r="F69973" s="14" t="s">
        <v>61</v>
      </c>
      <c r="G69973" s="16">
        <v>1.4640251712537931</v>
      </c>
    </row>
    <row r="69974" spans="1:7" x14ac:dyDescent="0.3">
      <c r="A69974" s="13" t="s">
        <v>363</v>
      </c>
      <c r="B69974" s="14" t="s">
        <v>1</v>
      </c>
      <c r="C69974" s="14" t="s">
        <v>150</v>
      </c>
      <c r="D69974" s="14" t="s">
        <v>356</v>
      </c>
      <c r="E69974" s="15">
        <v>45635</v>
      </c>
      <c r="F69974" s="14" t="s">
        <v>61</v>
      </c>
      <c r="G69974" s="16">
        <v>1.4658356782023161</v>
      </c>
    </row>
    <row r="69975" spans="1:7" x14ac:dyDescent="0.3">
      <c r="A69975" s="13" t="s">
        <v>363</v>
      </c>
      <c r="B69975" s="14" t="s">
        <v>1</v>
      </c>
      <c r="C69975" s="14" t="s">
        <v>150</v>
      </c>
      <c r="D69975" s="14" t="s">
        <v>356</v>
      </c>
      <c r="E69975" s="15">
        <v>45636</v>
      </c>
      <c r="F69975" s="14" t="s">
        <v>61</v>
      </c>
      <c r="G69975" s="16">
        <v>1.470909654444077</v>
      </c>
    </row>
    <row r="69976" spans="1:7" x14ac:dyDescent="0.3">
      <c r="A69976" s="13" t="s">
        <v>363</v>
      </c>
      <c r="B69976" s="14" t="s">
        <v>1</v>
      </c>
      <c r="C69976" s="14" t="s">
        <v>150</v>
      </c>
      <c r="D69976" s="14" t="s">
        <v>356</v>
      </c>
      <c r="E69976" s="15">
        <v>45637</v>
      </c>
      <c r="F69976" s="14" t="s">
        <v>61</v>
      </c>
      <c r="G69976" s="16">
        <v>1.472500149210288</v>
      </c>
    </row>
    <row r="69977" spans="1:7" x14ac:dyDescent="0.3">
      <c r="A69977" s="13" t="s">
        <v>363</v>
      </c>
      <c r="B69977" s="14" t="s">
        <v>1</v>
      </c>
      <c r="C69977" s="14" t="s">
        <v>150</v>
      </c>
      <c r="D69977" s="14" t="s">
        <v>356</v>
      </c>
      <c r="E69977" s="15">
        <v>45638</v>
      </c>
      <c r="F69977" s="14" t="s">
        <v>61</v>
      </c>
      <c r="G69977" s="16">
        <v>1.4740950073474177</v>
      </c>
    </row>
    <row r="69978" spans="1:7" x14ac:dyDescent="0.3">
      <c r="A69978" s="13" t="s">
        <v>363</v>
      </c>
      <c r="B69978" s="14" t="s">
        <v>1</v>
      </c>
      <c r="C69978" s="14" t="s">
        <v>150</v>
      </c>
      <c r="D69978" s="14" t="s">
        <v>356</v>
      </c>
      <c r="E69978" s="15">
        <v>45639</v>
      </c>
      <c r="F69978" s="14" t="s">
        <v>61</v>
      </c>
      <c r="G69978" s="16">
        <v>1.4756691947197844</v>
      </c>
    </row>
    <row r="69979" spans="1:7" x14ac:dyDescent="0.3">
      <c r="A69979" s="13" t="s">
        <v>363</v>
      </c>
      <c r="B69979" s="14" t="s">
        <v>1</v>
      </c>
      <c r="C69979" s="14" t="s">
        <v>150</v>
      </c>
      <c r="D69979" s="14" t="s">
        <v>356</v>
      </c>
      <c r="E69979" s="15">
        <v>45640</v>
      </c>
      <c r="F69979" s="14" t="s">
        <v>61</v>
      </c>
      <c r="G69979" s="16">
        <v>1.4756691947197844</v>
      </c>
    </row>
    <row r="69980" spans="1:7" x14ac:dyDescent="0.3">
      <c r="A69980" s="13" t="s">
        <v>363</v>
      </c>
      <c r="B69980" s="14" t="s">
        <v>1</v>
      </c>
      <c r="C69980" s="14" t="s">
        <v>150</v>
      </c>
      <c r="D69980" s="14" t="s">
        <v>356</v>
      </c>
      <c r="E69980" s="15">
        <v>45641</v>
      </c>
      <c r="F69980" s="14" t="s">
        <v>61</v>
      </c>
      <c r="G69980" s="16">
        <v>1.4756691947197844</v>
      </c>
    </row>
    <row r="69981" spans="1:7" x14ac:dyDescent="0.3">
      <c r="A69981" s="13" t="s">
        <v>363</v>
      </c>
      <c r="B69981" s="14" t="s">
        <v>1</v>
      </c>
      <c r="C69981" s="14" t="s">
        <v>150</v>
      </c>
      <c r="D69981" s="14" t="s">
        <v>356</v>
      </c>
      <c r="E69981" s="15">
        <v>45642</v>
      </c>
      <c r="F69981" s="14" t="s">
        <v>61</v>
      </c>
      <c r="G69981" s="16">
        <v>1.47715454329544</v>
      </c>
    </row>
    <row r="69982" spans="1:7" x14ac:dyDescent="0.3">
      <c r="A69982" s="13" t="s">
        <v>363</v>
      </c>
      <c r="B69982" s="14" t="s">
        <v>1</v>
      </c>
      <c r="C69982" s="14" t="s">
        <v>150</v>
      </c>
      <c r="D69982" s="14" t="s">
        <v>356</v>
      </c>
      <c r="E69982" s="15">
        <v>45643</v>
      </c>
      <c r="F69982" s="14" t="s">
        <v>61</v>
      </c>
      <c r="G69982" s="16">
        <v>1.4816612217139555</v>
      </c>
    </row>
    <row r="69983" spans="1:7" x14ac:dyDescent="0.3">
      <c r="A69983" s="13" t="s">
        <v>363</v>
      </c>
      <c r="B69983" s="14" t="s">
        <v>1</v>
      </c>
      <c r="C69983" s="14" t="s">
        <v>150</v>
      </c>
      <c r="D69983" s="14" t="s">
        <v>356</v>
      </c>
      <c r="E69983" s="15">
        <v>45644</v>
      </c>
      <c r="F69983" s="14" t="s">
        <v>61</v>
      </c>
      <c r="G69983" s="16">
        <v>1.4822048943704436</v>
      </c>
    </row>
    <row r="69984" spans="1:7" x14ac:dyDescent="0.3">
      <c r="A69984" s="13" t="s">
        <v>363</v>
      </c>
      <c r="B69984" s="14" t="s">
        <v>1</v>
      </c>
      <c r="C69984" s="14" t="s">
        <v>150</v>
      </c>
      <c r="D69984" s="14" t="s">
        <v>356</v>
      </c>
      <c r="E69984" s="15">
        <v>45645</v>
      </c>
      <c r="F69984" s="14" t="s">
        <v>61</v>
      </c>
      <c r="G69984" s="16">
        <v>1.4837430227395791</v>
      </c>
    </row>
    <row r="69985" spans="1:7" x14ac:dyDescent="0.3">
      <c r="A69985" s="13" t="s">
        <v>363</v>
      </c>
      <c r="B69985" s="14" t="s">
        <v>1</v>
      </c>
      <c r="C69985" s="14" t="s">
        <v>150</v>
      </c>
      <c r="D69985" s="14" t="s">
        <v>356</v>
      </c>
      <c r="E69985" s="15">
        <v>45646</v>
      </c>
      <c r="F69985" s="14" t="s">
        <v>61</v>
      </c>
      <c r="G69985" s="16">
        <v>1.4853987970324423</v>
      </c>
    </row>
    <row r="69986" spans="1:7" x14ac:dyDescent="0.3">
      <c r="A69986" s="13" t="s">
        <v>363</v>
      </c>
      <c r="B69986" s="14" t="s">
        <v>1</v>
      </c>
      <c r="C69986" s="14" t="s">
        <v>150</v>
      </c>
      <c r="D69986" s="14" t="s">
        <v>356</v>
      </c>
      <c r="E69986" s="15">
        <v>45647</v>
      </c>
      <c r="F69986" s="14" t="s">
        <v>61</v>
      </c>
      <c r="G69986" s="16">
        <v>1.4853987970324423</v>
      </c>
    </row>
    <row r="69987" spans="1:7" x14ac:dyDescent="0.3">
      <c r="A69987" s="13" t="s">
        <v>363</v>
      </c>
      <c r="B69987" s="14" t="s">
        <v>1</v>
      </c>
      <c r="C69987" s="14" t="s">
        <v>150</v>
      </c>
      <c r="D69987" s="14" t="s">
        <v>356</v>
      </c>
      <c r="E69987" s="15">
        <v>45648</v>
      </c>
      <c r="F69987" s="14" t="s">
        <v>61</v>
      </c>
      <c r="G69987" s="16">
        <v>1.4853987970324423</v>
      </c>
    </row>
    <row r="69988" spans="1:7" x14ac:dyDescent="0.3">
      <c r="A69988" s="13" t="s">
        <v>363</v>
      </c>
      <c r="B69988" s="14" t="s">
        <v>1</v>
      </c>
      <c r="C69988" s="14" t="s">
        <v>150</v>
      </c>
      <c r="D69988" s="14" t="s">
        <v>356</v>
      </c>
      <c r="E69988" s="15">
        <v>45649</v>
      </c>
      <c r="F69988" s="14" t="s">
        <v>61</v>
      </c>
      <c r="G69988" s="16">
        <v>1.4870775037868484</v>
      </c>
    </row>
    <row r="69989" spans="1:7" x14ac:dyDescent="0.3">
      <c r="A69989" s="13" t="s">
        <v>363</v>
      </c>
      <c r="B69989" s="14" t="s">
        <v>1</v>
      </c>
      <c r="C69989" s="14" t="s">
        <v>150</v>
      </c>
      <c r="D69989" s="14" t="s">
        <v>356</v>
      </c>
      <c r="E69989" s="15">
        <v>45650</v>
      </c>
      <c r="F69989" s="14" t="s">
        <v>61</v>
      </c>
      <c r="G69989" s="16">
        <v>1.4920799743224415</v>
      </c>
    </row>
    <row r="69990" spans="1:7" x14ac:dyDescent="0.3">
      <c r="A69990" s="13" t="s">
        <v>363</v>
      </c>
      <c r="B69990" s="14" t="s">
        <v>1</v>
      </c>
      <c r="C69990" s="14" t="s">
        <v>150</v>
      </c>
      <c r="D69990" s="14" t="s">
        <v>356</v>
      </c>
      <c r="E69990" s="15">
        <v>45651</v>
      </c>
      <c r="F69990" s="14" t="s">
        <v>61</v>
      </c>
      <c r="G69990" s="16">
        <v>1.4920799743224415</v>
      </c>
    </row>
    <row r="69991" spans="1:7" x14ac:dyDescent="0.3">
      <c r="A69991" s="13" t="s">
        <v>363</v>
      </c>
      <c r="B69991" s="14" t="s">
        <v>1</v>
      </c>
      <c r="C69991" s="14" t="s">
        <v>150</v>
      </c>
      <c r="D69991" s="14" t="s">
        <v>356</v>
      </c>
      <c r="E69991" s="15">
        <v>45652</v>
      </c>
      <c r="F69991" s="14" t="s">
        <v>61</v>
      </c>
      <c r="G69991" s="16">
        <v>1.4920799743224415</v>
      </c>
    </row>
    <row r="69992" spans="1:7" x14ac:dyDescent="0.3">
      <c r="A69992" s="13" t="s">
        <v>363</v>
      </c>
      <c r="B69992" s="14" t="s">
        <v>1</v>
      </c>
      <c r="C69992" s="14" t="s">
        <v>150</v>
      </c>
      <c r="D69992" s="14" t="s">
        <v>356</v>
      </c>
      <c r="E69992" s="15">
        <v>45653</v>
      </c>
      <c r="F69992" s="14" t="s">
        <v>61</v>
      </c>
      <c r="G69992" s="16">
        <v>1.4920799743224415</v>
      </c>
    </row>
    <row r="69993" spans="1:7" x14ac:dyDescent="0.3">
      <c r="A69993" s="13" t="s">
        <v>363</v>
      </c>
      <c r="B69993" s="14" t="s">
        <v>1</v>
      </c>
      <c r="C69993" s="14" t="s">
        <v>150</v>
      </c>
      <c r="D69993" s="14" t="s">
        <v>356</v>
      </c>
      <c r="E69993" s="15">
        <v>45654</v>
      </c>
      <c r="F69993" s="14" t="s">
        <v>61</v>
      </c>
      <c r="G69993" s="16">
        <v>1.4920799743224415</v>
      </c>
    </row>
    <row r="69994" spans="1:7" x14ac:dyDescent="0.3">
      <c r="A69994" s="13" t="s">
        <v>363</v>
      </c>
      <c r="B69994" s="14" t="s">
        <v>1</v>
      </c>
      <c r="C69994" s="14" t="s">
        <v>150</v>
      </c>
      <c r="D69994" s="14" t="s">
        <v>356</v>
      </c>
      <c r="E69994" s="15">
        <v>45655</v>
      </c>
      <c r="F69994" s="14" t="s">
        <v>61</v>
      </c>
      <c r="G69994" s="16">
        <v>1.4920799743224415</v>
      </c>
    </row>
    <row r="69995" spans="1:7" x14ac:dyDescent="0.3">
      <c r="A69995" s="13" t="s">
        <v>363</v>
      </c>
      <c r="B69995" s="14" t="s">
        <v>1</v>
      </c>
      <c r="C69995" s="14" t="s">
        <v>150</v>
      </c>
      <c r="D69995" s="14" t="s">
        <v>356</v>
      </c>
      <c r="E69995" s="15">
        <v>45656</v>
      </c>
      <c r="F69995" s="14" t="s">
        <v>61</v>
      </c>
      <c r="G69995" s="16">
        <v>1.4937337968533586</v>
      </c>
    </row>
    <row r="69996" spans="1:7" x14ac:dyDescent="0.3">
      <c r="A69996" s="13" t="s">
        <v>363</v>
      </c>
      <c r="B69996" s="14" t="s">
        <v>1</v>
      </c>
      <c r="C69996" s="14" t="s">
        <v>150</v>
      </c>
      <c r="D69996" s="14" t="s">
        <v>356</v>
      </c>
      <c r="E69996" s="15">
        <v>45657</v>
      </c>
      <c r="F69996" s="14" t="s">
        <v>61</v>
      </c>
      <c r="G69996" s="16">
        <v>1.5062762728810819</v>
      </c>
    </row>
    <row r="69997" spans="1:7" x14ac:dyDescent="0.3">
      <c r="A69997" s="13" t="s">
        <v>363</v>
      </c>
      <c r="B69997" s="14" t="s">
        <v>1</v>
      </c>
      <c r="C69997" s="14" t="s">
        <v>150</v>
      </c>
      <c r="D69997" s="14" t="s">
        <v>356</v>
      </c>
      <c r="E69997" s="15">
        <v>45658</v>
      </c>
      <c r="F69997" s="14" t="s">
        <v>61</v>
      </c>
      <c r="G69997" s="16">
        <v>1.5062762728810819</v>
      </c>
    </row>
    <row r="69998" spans="1:7" x14ac:dyDescent="0.3">
      <c r="A69998" s="13" t="s">
        <v>363</v>
      </c>
      <c r="B69998" s="14" t="s">
        <v>1</v>
      </c>
      <c r="C69998" s="14" t="s">
        <v>150</v>
      </c>
      <c r="D69998" s="14" t="s">
        <v>356</v>
      </c>
      <c r="E69998" s="15">
        <v>45659</v>
      </c>
      <c r="F69998" s="14" t="s">
        <v>61</v>
      </c>
      <c r="G69998" s="16">
        <v>1.5062762728810819</v>
      </c>
    </row>
    <row r="69999" spans="1:7" x14ac:dyDescent="0.3">
      <c r="A69999" s="13" t="s">
        <v>363</v>
      </c>
      <c r="B69999" s="14" t="s">
        <v>1</v>
      </c>
      <c r="C69999" s="14" t="s">
        <v>150</v>
      </c>
      <c r="D69999" s="14" t="s">
        <v>356</v>
      </c>
      <c r="E69999" s="15">
        <v>45660</v>
      </c>
      <c r="F69999" s="14" t="s">
        <v>61</v>
      </c>
      <c r="G69999" s="16">
        <v>1.5079969739350754</v>
      </c>
    </row>
    <row r="70000" spans="1:7" x14ac:dyDescent="0.3">
      <c r="A70000" s="13" t="s">
        <v>363</v>
      </c>
      <c r="B70000" s="14" t="s">
        <v>1</v>
      </c>
      <c r="C70000" s="14" t="s">
        <v>150</v>
      </c>
      <c r="D70000" s="14" t="s">
        <v>356</v>
      </c>
      <c r="E70000" s="15">
        <v>45661</v>
      </c>
      <c r="F70000" s="14" t="s">
        <v>61</v>
      </c>
      <c r="G70000" s="16">
        <v>1.5079969739350754</v>
      </c>
    </row>
    <row r="70001" spans="1:7" x14ac:dyDescent="0.3">
      <c r="A70001" s="13" t="s">
        <v>363</v>
      </c>
      <c r="B70001" s="14" t="s">
        <v>1</v>
      </c>
      <c r="C70001" s="14" t="s">
        <v>150</v>
      </c>
      <c r="D70001" s="14" t="s">
        <v>356</v>
      </c>
      <c r="E70001" s="15">
        <v>45662</v>
      </c>
      <c r="F70001" s="14" t="s">
        <v>61</v>
      </c>
      <c r="G70001" s="16">
        <v>1.5079969739350754</v>
      </c>
    </row>
    <row r="70002" spans="1:7" x14ac:dyDescent="0.3">
      <c r="A70002" s="13" t="s">
        <v>363</v>
      </c>
      <c r="B70002" s="14" t="s">
        <v>1</v>
      </c>
      <c r="C70002" s="14" t="s">
        <v>150</v>
      </c>
      <c r="D70002" s="14" t="s">
        <v>356</v>
      </c>
      <c r="E70002" s="15">
        <v>45663</v>
      </c>
      <c r="F70002" s="14" t="s">
        <v>61</v>
      </c>
      <c r="G70002" s="16">
        <v>1.5122822678027767</v>
      </c>
    </row>
    <row r="70003" spans="1:7" x14ac:dyDescent="0.3">
      <c r="A70003" s="13" t="s">
        <v>363</v>
      </c>
      <c r="B70003" s="14" t="s">
        <v>1</v>
      </c>
      <c r="C70003" s="14" t="s">
        <v>150</v>
      </c>
      <c r="D70003" s="14" t="s">
        <v>356</v>
      </c>
      <c r="E70003" s="15">
        <v>45664</v>
      </c>
      <c r="F70003" s="14" t="s">
        <v>61</v>
      </c>
      <c r="G70003" s="16">
        <v>1.5313578247139152</v>
      </c>
    </row>
    <row r="70004" spans="1:7" x14ac:dyDescent="0.3">
      <c r="A70004" s="13" t="s">
        <v>363</v>
      </c>
      <c r="B70004" s="14" t="s">
        <v>1</v>
      </c>
      <c r="C70004" s="14" t="s">
        <v>150</v>
      </c>
      <c r="D70004" s="14" t="s">
        <v>356</v>
      </c>
      <c r="E70004" s="15">
        <v>45665</v>
      </c>
      <c r="F70004" s="14" t="s">
        <v>61</v>
      </c>
      <c r="G70004" s="16">
        <v>1.5352267129609574</v>
      </c>
    </row>
    <row r="70005" spans="1:7" x14ac:dyDescent="0.3">
      <c r="A70005" s="13" t="s">
        <v>363</v>
      </c>
      <c r="B70005" s="14" t="s">
        <v>1</v>
      </c>
      <c r="C70005" s="14" t="s">
        <v>150</v>
      </c>
      <c r="D70005" s="14" t="s">
        <v>356</v>
      </c>
      <c r="E70005" s="15">
        <v>45666</v>
      </c>
      <c r="F70005" s="14" t="s">
        <v>61</v>
      </c>
      <c r="G70005" s="16">
        <v>1.536573808612453</v>
      </c>
    </row>
    <row r="70006" spans="1:7" x14ac:dyDescent="0.3">
      <c r="A70006" s="13" t="s">
        <v>363</v>
      </c>
      <c r="B70006" s="14" t="s">
        <v>1</v>
      </c>
      <c r="C70006" s="14" t="s">
        <v>150</v>
      </c>
      <c r="D70006" s="14" t="s">
        <v>356</v>
      </c>
      <c r="E70006" s="15">
        <v>45667</v>
      </c>
      <c r="F70006" s="14" t="s">
        <v>61</v>
      </c>
      <c r="G70006" s="16">
        <v>1.5379119083127755</v>
      </c>
    </row>
    <row r="70007" spans="1:7" x14ac:dyDescent="0.3">
      <c r="A70007" s="13" t="s">
        <v>363</v>
      </c>
      <c r="B70007" s="14" t="s">
        <v>1</v>
      </c>
      <c r="C70007" s="14" t="s">
        <v>150</v>
      </c>
      <c r="D70007" s="14" t="s">
        <v>356</v>
      </c>
      <c r="E70007" s="15">
        <v>45668</v>
      </c>
      <c r="F70007" s="14" t="s">
        <v>61</v>
      </c>
      <c r="G70007" s="16">
        <v>1.5379119083127755</v>
      </c>
    </row>
    <row r="70008" spans="1:7" x14ac:dyDescent="0.3">
      <c r="A70008" s="13" t="s">
        <v>363</v>
      </c>
      <c r="B70008" s="14" t="s">
        <v>1</v>
      </c>
      <c r="C70008" s="14" t="s">
        <v>150</v>
      </c>
      <c r="D70008" s="14" t="s">
        <v>356</v>
      </c>
      <c r="E70008" s="15">
        <v>45669</v>
      </c>
      <c r="F70008" s="14" t="s">
        <v>61</v>
      </c>
      <c r="G70008" s="16">
        <v>1.5379119083127755</v>
      </c>
    </row>
    <row r="70009" spans="1:7" x14ac:dyDescent="0.3">
      <c r="A70009" s="13" t="s">
        <v>363</v>
      </c>
      <c r="B70009" s="14" t="s">
        <v>1</v>
      </c>
      <c r="C70009" s="14" t="s">
        <v>150</v>
      </c>
      <c r="D70009" s="14" t="s">
        <v>356</v>
      </c>
      <c r="E70009" s="15">
        <v>45670</v>
      </c>
      <c r="F70009" s="14" t="s">
        <v>61</v>
      </c>
      <c r="G70009" s="16">
        <v>1.5400964096189187</v>
      </c>
    </row>
    <row r="70010" spans="1:7" x14ac:dyDescent="0.3">
      <c r="A70010" s="13" t="s">
        <v>363</v>
      </c>
      <c r="B70010" s="14" t="s">
        <v>1</v>
      </c>
      <c r="C70010" s="14" t="s">
        <v>150</v>
      </c>
      <c r="D70010" s="14" t="s">
        <v>356</v>
      </c>
      <c r="E70010" s="15">
        <v>45671</v>
      </c>
      <c r="F70010" s="14" t="s">
        <v>61</v>
      </c>
      <c r="G70010" s="16">
        <v>1.5446719036275309</v>
      </c>
    </row>
    <row r="70011" spans="1:7" x14ac:dyDescent="0.3">
      <c r="A70011" s="13" t="s">
        <v>363</v>
      </c>
      <c r="B70011" s="14" t="s">
        <v>1</v>
      </c>
      <c r="C70011" s="14" t="s">
        <v>150</v>
      </c>
      <c r="D70011" s="14" t="s">
        <v>356</v>
      </c>
      <c r="E70011" s="15">
        <v>45672</v>
      </c>
      <c r="F70011" s="14" t="s">
        <v>61</v>
      </c>
      <c r="G70011" s="16">
        <v>1.5460637041629886</v>
      </c>
    </row>
    <row r="70012" spans="1:7" x14ac:dyDescent="0.3">
      <c r="A70012" s="13" t="s">
        <v>363</v>
      </c>
      <c r="B70012" s="14" t="s">
        <v>1</v>
      </c>
      <c r="C70012" s="14" t="s">
        <v>150</v>
      </c>
      <c r="D70012" s="14" t="s">
        <v>356</v>
      </c>
      <c r="E70012" s="15">
        <v>45673</v>
      </c>
      <c r="F70012" s="14" t="s">
        <v>61</v>
      </c>
      <c r="G70012" s="16">
        <v>1.5474659383983864</v>
      </c>
    </row>
    <row r="70013" spans="1:7" x14ac:dyDescent="0.3">
      <c r="A70013" s="13" t="s">
        <v>363</v>
      </c>
      <c r="B70013" s="14" t="s">
        <v>1</v>
      </c>
      <c r="C70013" s="14" t="s">
        <v>150</v>
      </c>
      <c r="D70013" s="14" t="s">
        <v>356</v>
      </c>
      <c r="E70013" s="15">
        <v>45674</v>
      </c>
      <c r="F70013" s="14" t="s">
        <v>61</v>
      </c>
      <c r="G70013" s="16">
        <v>1.6565995110332774</v>
      </c>
    </row>
    <row r="70014" spans="1:7" x14ac:dyDescent="0.3">
      <c r="A70014" s="13" t="s">
        <v>363</v>
      </c>
      <c r="B70014" s="14" t="s">
        <v>1</v>
      </c>
      <c r="C70014" s="14" t="s">
        <v>150</v>
      </c>
      <c r="D70014" s="14" t="s">
        <v>356</v>
      </c>
      <c r="E70014" s="15">
        <v>45675</v>
      </c>
      <c r="F70014" s="14" t="s">
        <v>61</v>
      </c>
      <c r="G70014" s="16">
        <v>1.6565995110332774</v>
      </c>
    </row>
    <row r="70015" spans="1:7" x14ac:dyDescent="0.3">
      <c r="A70015" s="13" t="s">
        <v>363</v>
      </c>
      <c r="B70015" s="14" t="s">
        <v>1</v>
      </c>
      <c r="C70015" s="14" t="s">
        <v>150</v>
      </c>
      <c r="D70015" s="14" t="s">
        <v>356</v>
      </c>
      <c r="E70015" s="15">
        <v>45676</v>
      </c>
      <c r="F70015" s="14" t="s">
        <v>61</v>
      </c>
      <c r="G70015" s="16">
        <v>1.6565995110332774</v>
      </c>
    </row>
    <row r="70016" spans="1:7" x14ac:dyDescent="0.3">
      <c r="A70016" s="13" t="s">
        <v>363</v>
      </c>
      <c r="B70016" s="14" t="s">
        <v>1</v>
      </c>
      <c r="C70016" s="14" t="s">
        <v>150</v>
      </c>
      <c r="D70016" s="14" t="s">
        <v>356</v>
      </c>
      <c r="E70016" s="15">
        <v>45677</v>
      </c>
      <c r="F70016" s="14" t="s">
        <v>61</v>
      </c>
      <c r="G70016" s="16">
        <v>1.6577079898302836</v>
      </c>
    </row>
    <row r="70017" spans="1:7" x14ac:dyDescent="0.3">
      <c r="A70017" s="13" t="s">
        <v>363</v>
      </c>
      <c r="B70017" s="14" t="s">
        <v>1</v>
      </c>
      <c r="C70017" s="14" t="s">
        <v>150</v>
      </c>
      <c r="D70017" s="14" t="s">
        <v>356</v>
      </c>
      <c r="E70017" s="15">
        <v>45678</v>
      </c>
      <c r="F70017" s="14" t="s">
        <v>61</v>
      </c>
      <c r="G70017" s="16">
        <v>1.6599757661187597</v>
      </c>
    </row>
    <row r="70018" spans="1:7" x14ac:dyDescent="0.3">
      <c r="A70018" s="13" t="s">
        <v>363</v>
      </c>
      <c r="B70018" s="14" t="s">
        <v>1</v>
      </c>
      <c r="C70018" s="14" t="s">
        <v>150</v>
      </c>
      <c r="D70018" s="14" t="s">
        <v>356</v>
      </c>
      <c r="E70018" s="15">
        <v>45679</v>
      </c>
      <c r="F70018" s="14" t="s">
        <v>61</v>
      </c>
      <c r="G70018" s="16">
        <v>1.6608536161433269</v>
      </c>
    </row>
    <row r="70019" spans="1:7" x14ac:dyDescent="0.3">
      <c r="A70019" s="13" t="s">
        <v>363</v>
      </c>
      <c r="B70019" s="14" t="s">
        <v>1</v>
      </c>
      <c r="C70019" s="14" t="s">
        <v>150</v>
      </c>
      <c r="D70019" s="14" t="s">
        <v>356</v>
      </c>
      <c r="E70019" s="15">
        <v>45680</v>
      </c>
      <c r="F70019" s="14" t="s">
        <v>61</v>
      </c>
      <c r="G70019" s="16">
        <v>1.6616759842464737</v>
      </c>
    </row>
    <row r="70020" spans="1:7" x14ac:dyDescent="0.3">
      <c r="A70020" s="13" t="s">
        <v>363</v>
      </c>
      <c r="B70020" s="14" t="s">
        <v>1</v>
      </c>
      <c r="C70020" s="14" t="s">
        <v>150</v>
      </c>
      <c r="D70020" s="14" t="s">
        <v>356</v>
      </c>
      <c r="E70020" s="15">
        <v>45681</v>
      </c>
      <c r="F70020" s="14" t="s">
        <v>61</v>
      </c>
      <c r="G70020" s="16">
        <v>1.6625060021246589</v>
      </c>
    </row>
    <row r="70021" spans="1:7" x14ac:dyDescent="0.3">
      <c r="A70021" s="13" t="s">
        <v>363</v>
      </c>
      <c r="B70021" s="14" t="s">
        <v>1</v>
      </c>
      <c r="C70021" s="14" t="s">
        <v>150</v>
      </c>
      <c r="D70021" s="14" t="s">
        <v>356</v>
      </c>
      <c r="E70021" s="15">
        <v>45682</v>
      </c>
      <c r="F70021" s="14" t="s">
        <v>61</v>
      </c>
      <c r="G70021" s="16">
        <v>1.6625060021246589</v>
      </c>
    </row>
    <row r="70022" spans="1:7" x14ac:dyDescent="0.3">
      <c r="A70022" s="13" t="s">
        <v>363</v>
      </c>
      <c r="B70022" s="14" t="s">
        <v>1</v>
      </c>
      <c r="C70022" s="14" t="s">
        <v>150</v>
      </c>
      <c r="D70022" s="14" t="s">
        <v>356</v>
      </c>
      <c r="E70022" s="15">
        <v>45683</v>
      </c>
      <c r="F70022" s="14" t="s">
        <v>61</v>
      </c>
      <c r="G70022" s="16">
        <v>1.6625060021246589</v>
      </c>
    </row>
    <row r="70023" spans="1:7" x14ac:dyDescent="0.3">
      <c r="A70023" s="13" t="s">
        <v>363</v>
      </c>
      <c r="B70023" s="14" t="s">
        <v>1</v>
      </c>
      <c r="C70023" s="14" t="s">
        <v>150</v>
      </c>
      <c r="D70023" s="14" t="s">
        <v>356</v>
      </c>
      <c r="E70023" s="15">
        <v>45684</v>
      </c>
      <c r="F70023" s="14" t="s">
        <v>61</v>
      </c>
      <c r="G70023" s="16">
        <v>1.6688385208673513</v>
      </c>
    </row>
    <row r="70024" spans="1:7" x14ac:dyDescent="0.3">
      <c r="A70024" s="13" t="s">
        <v>363</v>
      </c>
      <c r="B70024" s="14" t="s">
        <v>1</v>
      </c>
      <c r="C70024" s="14" t="s">
        <v>150</v>
      </c>
      <c r="D70024" s="14" t="s">
        <v>356</v>
      </c>
      <c r="E70024" s="15">
        <v>45685</v>
      </c>
      <c r="F70024" s="14" t="s">
        <v>61</v>
      </c>
      <c r="G70024" s="16">
        <v>1.6710928809758003</v>
      </c>
    </row>
    <row r="70025" spans="1:7" x14ac:dyDescent="0.3">
      <c r="A70025" s="13" t="s">
        <v>363</v>
      </c>
      <c r="B70025" s="14" t="s">
        <v>1</v>
      </c>
      <c r="C70025" s="14" t="s">
        <v>150</v>
      </c>
      <c r="D70025" s="14" t="s">
        <v>356</v>
      </c>
      <c r="E70025" s="15">
        <v>45686</v>
      </c>
      <c r="F70025" s="14" t="s">
        <v>61</v>
      </c>
      <c r="G70025" s="16">
        <v>1.6719424716670594</v>
      </c>
    </row>
    <row r="70026" spans="1:7" x14ac:dyDescent="0.3">
      <c r="A70026" s="13" t="s">
        <v>363</v>
      </c>
      <c r="B70026" s="14" t="s">
        <v>1</v>
      </c>
      <c r="C70026" s="14" t="s">
        <v>150</v>
      </c>
      <c r="D70026" s="14" t="s">
        <v>356</v>
      </c>
      <c r="E70026" s="15">
        <v>45687</v>
      </c>
      <c r="F70026" s="14" t="s">
        <v>61</v>
      </c>
      <c r="G70026" s="16">
        <v>1.672756842101002</v>
      </c>
    </row>
    <row r="70027" spans="1:7" x14ac:dyDescent="0.3">
      <c r="A70027" s="13" t="s">
        <v>363</v>
      </c>
      <c r="B70027" s="14" t="s">
        <v>1</v>
      </c>
      <c r="C70027" s="14" t="s">
        <v>150</v>
      </c>
      <c r="D70027" s="14" t="s">
        <v>356</v>
      </c>
      <c r="E70027" s="15">
        <v>45688</v>
      </c>
      <c r="F70027" s="14" t="s">
        <v>61</v>
      </c>
      <c r="G70027" s="16">
        <v>1.6735536806282956</v>
      </c>
    </row>
    <row r="70028" spans="1:7" x14ac:dyDescent="0.3">
      <c r="A70028" s="13" t="s">
        <v>363</v>
      </c>
      <c r="B70028" s="14" t="s">
        <v>1</v>
      </c>
      <c r="C70028" s="14" t="s">
        <v>150</v>
      </c>
      <c r="D70028" s="14" t="s">
        <v>356</v>
      </c>
      <c r="E70028" s="15">
        <v>45689</v>
      </c>
      <c r="F70028" s="14" t="s">
        <v>61</v>
      </c>
      <c r="G70028" s="16">
        <v>1.6735536806282956</v>
      </c>
    </row>
    <row r="70029" spans="1:7" x14ac:dyDescent="0.3">
      <c r="A70029" s="13" t="s">
        <v>363</v>
      </c>
      <c r="B70029" s="14" t="s">
        <v>1</v>
      </c>
      <c r="C70029" s="14" t="s">
        <v>150</v>
      </c>
      <c r="D70029" s="14" t="s">
        <v>356</v>
      </c>
      <c r="E70029" s="15">
        <v>45690</v>
      </c>
      <c r="F70029" s="14" t="s">
        <v>61</v>
      </c>
      <c r="G70029" s="16">
        <v>1.6735536806282956</v>
      </c>
    </row>
    <row r="70030" spans="1:7" x14ac:dyDescent="0.3">
      <c r="A70030" s="13" t="s">
        <v>363</v>
      </c>
      <c r="B70030" s="14" t="s">
        <v>1</v>
      </c>
      <c r="C70030" s="14" t="s">
        <v>150</v>
      </c>
      <c r="D70030" s="14" t="s">
        <v>356</v>
      </c>
      <c r="E70030" s="15">
        <v>45691</v>
      </c>
      <c r="F70030" s="14" t="s">
        <v>61</v>
      </c>
      <c r="G70030" s="16">
        <v>1.6735536806282956</v>
      </c>
    </row>
    <row r="70031" spans="1:7" x14ac:dyDescent="0.3">
      <c r="A70031" s="13" t="s">
        <v>363</v>
      </c>
      <c r="B70031" s="14" t="s">
        <v>1</v>
      </c>
      <c r="C70031" s="14" t="s">
        <v>150</v>
      </c>
      <c r="D70031" s="14" t="s">
        <v>356</v>
      </c>
      <c r="E70031" s="15">
        <v>45692</v>
      </c>
      <c r="F70031" s="14" t="s">
        <v>61</v>
      </c>
      <c r="G70031" s="16">
        <v>1.710632633013814</v>
      </c>
    </row>
    <row r="70032" spans="1:7" x14ac:dyDescent="0.3">
      <c r="A70032" s="13" t="s">
        <v>363</v>
      </c>
      <c r="B70032" s="14" t="s">
        <v>1</v>
      </c>
      <c r="C70032" s="14" t="s">
        <v>150</v>
      </c>
      <c r="D70032" s="14" t="s">
        <v>356</v>
      </c>
      <c r="E70032" s="15">
        <v>45693</v>
      </c>
      <c r="F70032" s="14" t="s">
        <v>61</v>
      </c>
      <c r="G70032" s="16">
        <v>1.7178009159954166</v>
      </c>
    </row>
    <row r="70033" spans="1:7" x14ac:dyDescent="0.3">
      <c r="A70033" s="13" t="s">
        <v>363</v>
      </c>
      <c r="B70033" s="14" t="s">
        <v>1</v>
      </c>
      <c r="C70033" s="14" t="s">
        <v>150</v>
      </c>
      <c r="D70033" s="14" t="s">
        <v>356</v>
      </c>
      <c r="E70033" s="15">
        <v>45694</v>
      </c>
      <c r="F70033" s="14" t="s">
        <v>61</v>
      </c>
      <c r="G70033" s="16">
        <v>1.7190056419058486</v>
      </c>
    </row>
    <row r="70034" spans="1:7" x14ac:dyDescent="0.3">
      <c r="A70034" s="13" t="s">
        <v>363</v>
      </c>
      <c r="B70034" s="14" t="s">
        <v>1</v>
      </c>
      <c r="C70034" s="14" t="s">
        <v>150</v>
      </c>
      <c r="D70034" s="14" t="s">
        <v>356</v>
      </c>
      <c r="E70034" s="15">
        <v>45695</v>
      </c>
      <c r="F70034" s="14" t="s">
        <v>61</v>
      </c>
      <c r="G70034" s="16">
        <v>1.7319923277725766</v>
      </c>
    </row>
    <row r="70035" spans="1:7" x14ac:dyDescent="0.3">
      <c r="A70035" s="13" t="s">
        <v>363</v>
      </c>
      <c r="B70035" s="14" t="s">
        <v>1</v>
      </c>
      <c r="C70035" s="14" t="s">
        <v>150</v>
      </c>
      <c r="D70035" s="14" t="s">
        <v>356</v>
      </c>
      <c r="E70035" s="15">
        <v>45696</v>
      </c>
      <c r="F70035" s="14" t="s">
        <v>61</v>
      </c>
      <c r="G70035" s="16">
        <v>1.7319923277725766</v>
      </c>
    </row>
    <row r="70036" spans="1:7" x14ac:dyDescent="0.3">
      <c r="A70036" s="13" t="s">
        <v>363</v>
      </c>
      <c r="B70036" s="14" t="s">
        <v>1</v>
      </c>
      <c r="C70036" s="14" t="s">
        <v>150</v>
      </c>
      <c r="D70036" s="14" t="s">
        <v>356</v>
      </c>
      <c r="E70036" s="15">
        <v>45697</v>
      </c>
      <c r="F70036" s="14" t="s">
        <v>61</v>
      </c>
      <c r="G70036" s="16">
        <v>1.7319923277725766</v>
      </c>
    </row>
    <row r="70037" spans="1:7" x14ac:dyDescent="0.3">
      <c r="A70037" s="13" t="s">
        <v>363</v>
      </c>
      <c r="B70037" s="14" t="s">
        <v>1</v>
      </c>
      <c r="C70037" s="14" t="s">
        <v>150</v>
      </c>
      <c r="D70037" s="14" t="s">
        <v>356</v>
      </c>
      <c r="E70037" s="15">
        <v>45698</v>
      </c>
      <c r="F70037" s="14" t="s">
        <v>61</v>
      </c>
      <c r="G70037" s="16">
        <v>1.7332249573622249</v>
      </c>
    </row>
    <row r="70038" spans="1:7" x14ac:dyDescent="0.3">
      <c r="A70038" s="13" t="s">
        <v>363</v>
      </c>
      <c r="B70038" s="14" t="s">
        <v>1</v>
      </c>
      <c r="C70038" s="14" t="s">
        <v>150</v>
      </c>
      <c r="D70038" s="14" t="s">
        <v>356</v>
      </c>
      <c r="E70038" s="15">
        <v>45699</v>
      </c>
      <c r="F70038" s="14" t="s">
        <v>61</v>
      </c>
      <c r="G70038" s="16">
        <v>1.7371193069558932</v>
      </c>
    </row>
    <row r="70039" spans="1:7" x14ac:dyDescent="0.3">
      <c r="A70039" s="13" t="s">
        <v>363</v>
      </c>
      <c r="B70039" s="14" t="s">
        <v>1</v>
      </c>
      <c r="C70039" s="14" t="s">
        <v>150</v>
      </c>
      <c r="D70039" s="14" t="s">
        <v>356</v>
      </c>
      <c r="E70039" s="15">
        <v>45700</v>
      </c>
      <c r="F70039" s="14" t="s">
        <v>61</v>
      </c>
      <c r="G70039" s="16">
        <v>1.7383192653445798</v>
      </c>
    </row>
    <row r="70040" spans="1:7" x14ac:dyDescent="0.3">
      <c r="A70040" s="13" t="s">
        <v>363</v>
      </c>
      <c r="B70040" s="14" t="s">
        <v>1</v>
      </c>
      <c r="C70040" s="14" t="s">
        <v>150</v>
      </c>
      <c r="D70040" s="14" t="s">
        <v>356</v>
      </c>
      <c r="E70040" s="15">
        <v>45701</v>
      </c>
      <c r="F70040" s="14" t="s">
        <v>61</v>
      </c>
      <c r="G70040" s="16">
        <v>1.7394463318190716</v>
      </c>
    </row>
    <row r="70041" spans="1:7" x14ac:dyDescent="0.3">
      <c r="A70041" s="13" t="s">
        <v>363</v>
      </c>
      <c r="B70041" s="14" t="s">
        <v>1</v>
      </c>
      <c r="C70041" s="14" t="s">
        <v>150</v>
      </c>
      <c r="D70041" s="14" t="s">
        <v>356</v>
      </c>
      <c r="E70041" s="15">
        <v>45702</v>
      </c>
      <c r="F70041" s="14" t="s">
        <v>61</v>
      </c>
      <c r="G70041" s="16">
        <v>1.7405352400491811</v>
      </c>
    </row>
    <row r="70042" spans="1:7" x14ac:dyDescent="0.3">
      <c r="A70042" s="13" t="s">
        <v>363</v>
      </c>
      <c r="B70042" s="14" t="s">
        <v>1</v>
      </c>
      <c r="C70042" s="14" t="s">
        <v>150</v>
      </c>
      <c r="D70042" s="14" t="s">
        <v>356</v>
      </c>
      <c r="E70042" s="15">
        <v>45703</v>
      </c>
      <c r="F70042" s="14" t="s">
        <v>61</v>
      </c>
      <c r="G70042" s="16">
        <v>1.7405352400491811</v>
      </c>
    </row>
    <row r="70043" spans="1:7" x14ac:dyDescent="0.3">
      <c r="A70043" s="13" t="s">
        <v>363</v>
      </c>
      <c r="B70043" s="14" t="s">
        <v>1</v>
      </c>
      <c r="C70043" s="14" t="s">
        <v>150</v>
      </c>
      <c r="D70043" s="14" t="s">
        <v>356</v>
      </c>
      <c r="E70043" s="15">
        <v>45704</v>
      </c>
      <c r="F70043" s="14" t="s">
        <v>61</v>
      </c>
      <c r="G70043" s="16">
        <v>1.7405352400491811</v>
      </c>
    </row>
    <row r="70044" spans="1:7" x14ac:dyDescent="0.3">
      <c r="A70044" s="13" t="s">
        <v>363</v>
      </c>
      <c r="B70044" s="14" t="s">
        <v>1</v>
      </c>
      <c r="C70044" s="14" t="s">
        <v>150</v>
      </c>
      <c r="D70044" s="14" t="s">
        <v>356</v>
      </c>
      <c r="E70044" s="15">
        <v>45705</v>
      </c>
      <c r="F70044" s="14" t="s">
        <v>61</v>
      </c>
      <c r="G70044" s="16">
        <v>1.7415015770991218</v>
      </c>
    </row>
    <row r="70045" spans="1:7" x14ac:dyDescent="0.3">
      <c r="A70045" s="13" t="s">
        <v>363</v>
      </c>
      <c r="B70045" s="14" t="s">
        <v>1</v>
      </c>
      <c r="C70045" s="14" t="s">
        <v>150</v>
      </c>
      <c r="D70045" s="14" t="s">
        <v>356</v>
      </c>
      <c r="E70045" s="15">
        <v>45706</v>
      </c>
      <c r="F70045" s="14" t="s">
        <v>61</v>
      </c>
      <c r="G70045" s="16">
        <v>1.7446059678600179</v>
      </c>
    </row>
    <row r="70046" spans="1:7" x14ac:dyDescent="0.3">
      <c r="A70046" s="13" t="s">
        <v>363</v>
      </c>
      <c r="B70046" s="14" t="s">
        <v>1</v>
      </c>
      <c r="C70046" s="14" t="s">
        <v>150</v>
      </c>
      <c r="D70046" s="14" t="s">
        <v>356</v>
      </c>
      <c r="E70046" s="15">
        <v>45707</v>
      </c>
      <c r="F70046" s="14" t="s">
        <v>61</v>
      </c>
      <c r="G70046" s="16">
        <v>1.7431477632119239</v>
      </c>
    </row>
    <row r="70047" spans="1:7" x14ac:dyDescent="0.3">
      <c r="A70047" s="13" t="s">
        <v>363</v>
      </c>
      <c r="B70047" s="14" t="s">
        <v>1</v>
      </c>
      <c r="C70047" s="14" t="s">
        <v>150</v>
      </c>
      <c r="D70047" s="14" t="s">
        <v>356</v>
      </c>
      <c r="E70047" s="15">
        <v>45708</v>
      </c>
      <c r="F70047" s="14" t="s">
        <v>61</v>
      </c>
      <c r="G70047" s="16">
        <v>1.7509221964702344</v>
      </c>
    </row>
    <row r="70048" spans="1:7" x14ac:dyDescent="0.3">
      <c r="A70048" s="13" t="s">
        <v>363</v>
      </c>
      <c r="B70048" s="14" t="s">
        <v>1</v>
      </c>
      <c r="C70048" s="14" t="s">
        <v>150</v>
      </c>
      <c r="D70048" s="14" t="s">
        <v>356</v>
      </c>
      <c r="E70048" s="15">
        <v>45709</v>
      </c>
      <c r="F70048" s="14" t="s">
        <v>61</v>
      </c>
      <c r="G70048" s="16">
        <v>1.7519843806528448</v>
      </c>
    </row>
    <row r="70049" spans="1:7" x14ac:dyDescent="0.3">
      <c r="A70049" s="13" t="s">
        <v>363</v>
      </c>
      <c r="B70049" s="14" t="s">
        <v>1</v>
      </c>
      <c r="C70049" s="14" t="s">
        <v>150</v>
      </c>
      <c r="D70049" s="14" t="s">
        <v>356</v>
      </c>
      <c r="E70049" s="15">
        <v>45710</v>
      </c>
      <c r="F70049" s="14" t="s">
        <v>61</v>
      </c>
      <c r="G70049" s="16">
        <v>1.7519843806528448</v>
      </c>
    </row>
    <row r="70050" spans="1:7" x14ac:dyDescent="0.3">
      <c r="A70050" s="13" t="s">
        <v>363</v>
      </c>
      <c r="B70050" s="14" t="s">
        <v>1</v>
      </c>
      <c r="C70050" s="14" t="s">
        <v>150</v>
      </c>
      <c r="D70050" s="14" t="s">
        <v>356</v>
      </c>
      <c r="E70050" s="15">
        <v>45711</v>
      </c>
      <c r="F70050" s="14" t="s">
        <v>61</v>
      </c>
      <c r="G70050" s="16">
        <v>1.7519843806528448</v>
      </c>
    </row>
    <row r="70051" spans="1:7" x14ac:dyDescent="0.3">
      <c r="A70051" s="13" t="s">
        <v>363</v>
      </c>
      <c r="B70051" s="14" t="s">
        <v>1</v>
      </c>
      <c r="C70051" s="14" t="s">
        <v>150</v>
      </c>
      <c r="D70051" s="14" t="s">
        <v>356</v>
      </c>
      <c r="E70051" s="15">
        <v>45712</v>
      </c>
      <c r="F70051" s="14" t="s">
        <v>61</v>
      </c>
      <c r="G70051" s="16">
        <v>1.7527747603795054</v>
      </c>
    </row>
    <row r="70052" spans="1:7" x14ac:dyDescent="0.3">
      <c r="A70052" s="13" t="s">
        <v>363</v>
      </c>
      <c r="B70052" s="14" t="s">
        <v>1</v>
      </c>
      <c r="C70052" s="14" t="s">
        <v>150</v>
      </c>
      <c r="D70052" s="14" t="s">
        <v>356</v>
      </c>
      <c r="E70052" s="15">
        <v>45713</v>
      </c>
      <c r="F70052" s="14" t="s">
        <v>61</v>
      </c>
      <c r="G70052" s="16">
        <v>1.7552510958904022</v>
      </c>
    </row>
    <row r="70053" spans="1:7" x14ac:dyDescent="0.3">
      <c r="A70053" s="13" t="s">
        <v>363</v>
      </c>
      <c r="B70053" s="14" t="s">
        <v>1</v>
      </c>
      <c r="C70053" s="14" t="s">
        <v>150</v>
      </c>
      <c r="D70053" s="14" t="s">
        <v>356</v>
      </c>
      <c r="E70053" s="15">
        <v>45714</v>
      </c>
      <c r="F70053" s="14" t="s">
        <v>61</v>
      </c>
      <c r="G70053" s="16">
        <v>1.7560318633973864</v>
      </c>
    </row>
    <row r="70054" spans="1:7" x14ac:dyDescent="0.3">
      <c r="A70054" s="13" t="s">
        <v>363</v>
      </c>
      <c r="B70054" s="14" t="s">
        <v>1</v>
      </c>
      <c r="C70054" s="14" t="s">
        <v>150</v>
      </c>
      <c r="D70054" s="14" t="s">
        <v>356</v>
      </c>
      <c r="E70054" s="15">
        <v>45715</v>
      </c>
      <c r="F70054" s="14" t="s">
        <v>61</v>
      </c>
      <c r="G70054" s="16">
        <v>1.7697744941401916</v>
      </c>
    </row>
    <row r="70055" spans="1:7" x14ac:dyDescent="0.3">
      <c r="A70055" s="13" t="s">
        <v>363</v>
      </c>
      <c r="B70055" s="14" t="s">
        <v>1</v>
      </c>
      <c r="C70055" s="14" t="s">
        <v>150</v>
      </c>
      <c r="D70055" s="14" t="s">
        <v>356</v>
      </c>
      <c r="E70055" s="15">
        <v>45716</v>
      </c>
      <c r="F70055" s="14" t="s">
        <v>61</v>
      </c>
      <c r="G70055" s="16">
        <v>1.7706777273711083</v>
      </c>
    </row>
    <row r="70056" spans="1:7" x14ac:dyDescent="0.3">
      <c r="A70056" s="13" t="s">
        <v>363</v>
      </c>
      <c r="B70056" s="14" t="s">
        <v>1</v>
      </c>
      <c r="C70056" s="14" t="s">
        <v>150</v>
      </c>
      <c r="D70056" s="14" t="s">
        <v>356</v>
      </c>
      <c r="E70056" s="15">
        <v>45717</v>
      </c>
      <c r="F70056" s="14" t="s">
        <v>61</v>
      </c>
      <c r="G70056" s="16">
        <v>1.7706777273711083</v>
      </c>
    </row>
    <row r="70057" spans="1:7" x14ac:dyDescent="0.3">
      <c r="A70057" s="13" t="s">
        <v>363</v>
      </c>
      <c r="B70057" s="14" t="s">
        <v>1</v>
      </c>
      <c r="C70057" s="14" t="s">
        <v>150</v>
      </c>
      <c r="D70057" s="14" t="s">
        <v>356</v>
      </c>
      <c r="E70057" s="15">
        <v>45718</v>
      </c>
      <c r="F70057" s="14" t="s">
        <v>61</v>
      </c>
      <c r="G70057" s="16">
        <v>1.7706777273711083</v>
      </c>
    </row>
    <row r="70058" spans="1:7" x14ac:dyDescent="0.3">
      <c r="A70058" s="13" t="s">
        <v>363</v>
      </c>
      <c r="B70058" s="14" t="s">
        <v>1</v>
      </c>
      <c r="C70058" s="14" t="s">
        <v>150</v>
      </c>
      <c r="D70058" s="14" t="s">
        <v>356</v>
      </c>
      <c r="E70058" s="15">
        <v>45719</v>
      </c>
      <c r="F70058" s="14" t="s">
        <v>61</v>
      </c>
      <c r="G70058" s="16">
        <v>1.7715803228480793</v>
      </c>
    </row>
    <row r="70059" spans="1:7" x14ac:dyDescent="0.3">
      <c r="A70059" s="13" t="s">
        <v>363</v>
      </c>
      <c r="B70059" s="14" t="s">
        <v>1</v>
      </c>
      <c r="C70059" s="14" t="s">
        <v>150</v>
      </c>
      <c r="D70059" s="14" t="s">
        <v>356</v>
      </c>
      <c r="E70059" s="15">
        <v>45720</v>
      </c>
      <c r="F70059" s="14" t="s">
        <v>61</v>
      </c>
      <c r="G70059" s="16">
        <v>1.7798297564569736</v>
      </c>
    </row>
    <row r="70060" spans="1:7" x14ac:dyDescent="0.3">
      <c r="A70060" s="13" t="s">
        <v>363</v>
      </c>
      <c r="B70060" s="14" t="s">
        <v>1</v>
      </c>
      <c r="C70060" s="14" t="s">
        <v>150</v>
      </c>
      <c r="D70060" s="14" t="s">
        <v>356</v>
      </c>
      <c r="E70060" s="15">
        <v>45721</v>
      </c>
      <c r="F70060" s="14" t="s">
        <v>61</v>
      </c>
      <c r="G70060" s="16">
        <v>1.7806965021097243</v>
      </c>
    </row>
    <row r="70061" spans="1:7" x14ac:dyDescent="0.3">
      <c r="A70061" s="13" t="s">
        <v>363</v>
      </c>
      <c r="B70061" s="14" t="s">
        <v>1</v>
      </c>
      <c r="C70061" s="14" t="s">
        <v>150</v>
      </c>
      <c r="D70061" s="14" t="s">
        <v>356</v>
      </c>
      <c r="E70061" s="15">
        <v>45722</v>
      </c>
      <c r="F70061" s="14" t="s">
        <v>61</v>
      </c>
      <c r="G70061" s="16">
        <v>1.7913956755575851</v>
      </c>
    </row>
    <row r="70062" spans="1:7" x14ac:dyDescent="0.3">
      <c r="A70062" s="13" t="s">
        <v>363</v>
      </c>
      <c r="B70062" s="14" t="s">
        <v>1</v>
      </c>
      <c r="C70062" s="14" t="s">
        <v>150</v>
      </c>
      <c r="D70062" s="14" t="s">
        <v>356</v>
      </c>
      <c r="E70062" s="15">
        <v>45723</v>
      </c>
      <c r="F70062" s="14" t="s">
        <v>61</v>
      </c>
      <c r="G70062" s="16">
        <v>1.7936048285781805</v>
      </c>
    </row>
    <row r="70063" spans="1:7" x14ac:dyDescent="0.3">
      <c r="A70063" s="13" t="s">
        <v>363</v>
      </c>
      <c r="B70063" s="14" t="s">
        <v>1</v>
      </c>
      <c r="C70063" s="14" t="s">
        <v>150</v>
      </c>
      <c r="D70063" s="14" t="s">
        <v>356</v>
      </c>
      <c r="E70063" s="15">
        <v>45724</v>
      </c>
      <c r="F70063" s="14" t="s">
        <v>61</v>
      </c>
      <c r="G70063" s="16">
        <v>1.7936048285781805</v>
      </c>
    </row>
    <row r="70064" spans="1:7" x14ac:dyDescent="0.3">
      <c r="A70064" s="13" t="s">
        <v>363</v>
      </c>
      <c r="B70064" s="14" t="s">
        <v>1</v>
      </c>
      <c r="C70064" s="14" t="s">
        <v>150</v>
      </c>
      <c r="D70064" s="14" t="s">
        <v>356</v>
      </c>
      <c r="E70064" s="15">
        <v>45725</v>
      </c>
      <c r="F70064" s="14" t="s">
        <v>61</v>
      </c>
      <c r="G70064" s="16">
        <v>1.7936048285781805</v>
      </c>
    </row>
    <row r="70065" spans="1:7" x14ac:dyDescent="0.3">
      <c r="A70065" s="13" t="s">
        <v>363</v>
      </c>
      <c r="B70065" s="14" t="s">
        <v>1</v>
      </c>
      <c r="C70065" s="14" t="s">
        <v>150</v>
      </c>
      <c r="D70065" s="14" t="s">
        <v>356</v>
      </c>
      <c r="E70065" s="15">
        <v>45726</v>
      </c>
      <c r="F70065" s="14" t="s">
        <v>61</v>
      </c>
      <c r="G70065" s="16">
        <v>1.7945194808386522</v>
      </c>
    </row>
    <row r="70066" spans="1:7" x14ac:dyDescent="0.3">
      <c r="A70066" s="13" t="s">
        <v>363</v>
      </c>
      <c r="B70066" s="14" t="s">
        <v>1</v>
      </c>
      <c r="C70066" s="14" t="s">
        <v>150</v>
      </c>
      <c r="D70066" s="14" t="s">
        <v>356</v>
      </c>
      <c r="E70066" s="15">
        <v>45727</v>
      </c>
      <c r="F70066" s="14" t="s">
        <v>61</v>
      </c>
      <c r="G70066" s="16">
        <v>1.7971901781735797</v>
      </c>
    </row>
    <row r="70067" spans="1:7" x14ac:dyDescent="0.3">
      <c r="A70067" s="13" t="s">
        <v>363</v>
      </c>
      <c r="B70067" s="14" t="s">
        <v>1</v>
      </c>
      <c r="C70067" s="14" t="s">
        <v>150</v>
      </c>
      <c r="D70067" s="14" t="s">
        <v>356</v>
      </c>
      <c r="E70067" s="15">
        <v>45728</v>
      </c>
      <c r="F70067" s="14" t="s">
        <v>61</v>
      </c>
      <c r="G70067" s="16">
        <v>1.7979054027776376</v>
      </c>
    </row>
    <row r="70068" spans="1:7" x14ac:dyDescent="0.3">
      <c r="A70068" s="13" t="s">
        <v>363</v>
      </c>
      <c r="B70068" s="14" t="s">
        <v>1</v>
      </c>
      <c r="C70068" s="14" t="s">
        <v>150</v>
      </c>
      <c r="D70068" s="14" t="s">
        <v>356</v>
      </c>
      <c r="E70068" s="15">
        <v>45729</v>
      </c>
      <c r="F70068" s="14" t="s">
        <v>61</v>
      </c>
      <c r="G70068" s="16">
        <v>1.7987340224060322</v>
      </c>
    </row>
    <row r="70069" spans="1:7" x14ac:dyDescent="0.3">
      <c r="A70069" s="13" t="s">
        <v>363</v>
      </c>
      <c r="B70069" s="14" t="s">
        <v>1</v>
      </c>
      <c r="C70069" s="14" t="s">
        <v>150</v>
      </c>
      <c r="D70069" s="14" t="s">
        <v>356</v>
      </c>
      <c r="E70069" s="15">
        <v>45730</v>
      </c>
      <c r="F70069" s="14" t="s">
        <v>61</v>
      </c>
      <c r="G70069" s="16">
        <v>1.8008224838561984</v>
      </c>
    </row>
    <row r="70070" spans="1:7" x14ac:dyDescent="0.3">
      <c r="A70070" s="13" t="s">
        <v>363</v>
      </c>
      <c r="B70070" s="14" t="s">
        <v>1</v>
      </c>
      <c r="C70070" s="14" t="s">
        <v>150</v>
      </c>
      <c r="D70070" s="14" t="s">
        <v>356</v>
      </c>
      <c r="E70070" s="15">
        <v>45731</v>
      </c>
      <c r="F70070" s="14" t="s">
        <v>61</v>
      </c>
      <c r="G70070" s="16">
        <v>1.8008224838561984</v>
      </c>
    </row>
    <row r="70071" spans="1:7" x14ac:dyDescent="0.3">
      <c r="A70071" s="13" t="s">
        <v>363</v>
      </c>
      <c r="B70071" s="14" t="s">
        <v>1</v>
      </c>
      <c r="C70071" s="14" t="s">
        <v>150</v>
      </c>
      <c r="D70071" s="14" t="s">
        <v>356</v>
      </c>
      <c r="E70071" s="15">
        <v>45732</v>
      </c>
      <c r="F70071" s="14" t="s">
        <v>61</v>
      </c>
      <c r="G70071" s="16">
        <v>1.8008224838561984</v>
      </c>
    </row>
    <row r="70072" spans="1:7" x14ac:dyDescent="0.3">
      <c r="A70072" s="13" t="s">
        <v>363</v>
      </c>
      <c r="B70072" s="14" t="s">
        <v>1</v>
      </c>
      <c r="C70072" s="14" t="s">
        <v>150</v>
      </c>
      <c r="D70072" s="14" t="s">
        <v>356</v>
      </c>
      <c r="E70072" s="15">
        <v>45733</v>
      </c>
      <c r="F70072" s="14" t="s">
        <v>61</v>
      </c>
      <c r="G70072" s="16">
        <v>1.8008224838561984</v>
      </c>
    </row>
    <row r="70073" spans="1:7" x14ac:dyDescent="0.3">
      <c r="A70073" s="13" t="s">
        <v>363</v>
      </c>
      <c r="B70073" s="14" t="s">
        <v>1</v>
      </c>
      <c r="C70073" s="14" t="s">
        <v>150</v>
      </c>
      <c r="D70073" s="14" t="s">
        <v>356</v>
      </c>
      <c r="E70073" s="15">
        <v>45734</v>
      </c>
      <c r="F70073" s="14" t="s">
        <v>61</v>
      </c>
      <c r="G70073" s="16">
        <v>1.8015579796168617</v>
      </c>
    </row>
    <row r="70074" spans="1:7" x14ac:dyDescent="0.3">
      <c r="A70074" s="13" t="s">
        <v>363</v>
      </c>
      <c r="B70074" s="14" t="s">
        <v>1</v>
      </c>
      <c r="C70074" s="14" t="s">
        <v>150</v>
      </c>
      <c r="D70074" s="14" t="s">
        <v>356</v>
      </c>
      <c r="E70074" s="15">
        <v>45735</v>
      </c>
      <c r="F70074" s="14" t="s">
        <v>61</v>
      </c>
      <c r="G70074" s="16">
        <v>1.8040025241968372</v>
      </c>
    </row>
    <row r="70075" spans="1:7" x14ac:dyDescent="0.3">
      <c r="A70075" s="13" t="s">
        <v>363</v>
      </c>
      <c r="B70075" s="14" t="s">
        <v>1</v>
      </c>
      <c r="C70075" s="14" t="s">
        <v>150</v>
      </c>
      <c r="D70075" s="14" t="s">
        <v>356</v>
      </c>
      <c r="E70075" s="15">
        <v>45736</v>
      </c>
      <c r="F70075" s="14" t="s">
        <v>61</v>
      </c>
      <c r="G70075" s="16">
        <v>1.804637313657071</v>
      </c>
    </row>
    <row r="70076" spans="1:7" x14ac:dyDescent="0.3">
      <c r="A70076" s="13" t="s">
        <v>363</v>
      </c>
      <c r="B70076" s="14" t="s">
        <v>1</v>
      </c>
      <c r="C70076" s="14" t="s">
        <v>150</v>
      </c>
      <c r="D70076" s="14" t="s">
        <v>356</v>
      </c>
      <c r="E70076" s="15">
        <v>45737</v>
      </c>
      <c r="F70076" s="14" t="s">
        <v>61</v>
      </c>
      <c r="G70076" s="16">
        <v>1.8052589146844369</v>
      </c>
    </row>
    <row r="70077" spans="1:7" x14ac:dyDescent="0.3">
      <c r="A70077" s="13" t="s">
        <v>363</v>
      </c>
      <c r="B70077" s="14" t="s">
        <v>1</v>
      </c>
      <c r="C70077" s="14" t="s">
        <v>150</v>
      </c>
      <c r="D70077" s="14" t="s">
        <v>356</v>
      </c>
      <c r="E70077" s="15">
        <v>45738</v>
      </c>
      <c r="F70077" s="14" t="s">
        <v>61</v>
      </c>
      <c r="G70077" s="16">
        <v>1.8052589146844369</v>
      </c>
    </row>
    <row r="70078" spans="1:7" x14ac:dyDescent="0.3">
      <c r="A70078" s="13" t="s">
        <v>363</v>
      </c>
      <c r="B70078" s="14" t="s">
        <v>1</v>
      </c>
      <c r="C70078" s="14" t="s">
        <v>150</v>
      </c>
      <c r="D70078" s="14" t="s">
        <v>356</v>
      </c>
      <c r="E70078" s="15">
        <v>45739</v>
      </c>
      <c r="F70078" s="14" t="s">
        <v>61</v>
      </c>
      <c r="G70078" s="16">
        <v>1.8052589146844369</v>
      </c>
    </row>
    <row r="70079" spans="1:7" x14ac:dyDescent="0.3">
      <c r="A70079" s="13" t="s">
        <v>363</v>
      </c>
      <c r="B70079" s="14" t="s">
        <v>1</v>
      </c>
      <c r="C70079" s="14" t="s">
        <v>150</v>
      </c>
      <c r="D70079" s="14" t="s">
        <v>356</v>
      </c>
      <c r="E70079" s="15">
        <v>45740</v>
      </c>
      <c r="F70079" s="14" t="s">
        <v>61</v>
      </c>
      <c r="G70079" s="16">
        <v>1.8042704444018327</v>
      </c>
    </row>
    <row r="70080" spans="1:7" x14ac:dyDescent="0.3">
      <c r="A70080" s="13" t="s">
        <v>363</v>
      </c>
      <c r="B70080" s="14" t="s">
        <v>1</v>
      </c>
      <c r="C70080" s="14" t="s">
        <v>150</v>
      </c>
      <c r="D70080" s="14" t="s">
        <v>356</v>
      </c>
      <c r="E70080" s="15">
        <v>45741</v>
      </c>
      <c r="F70080" s="14" t="s">
        <v>61</v>
      </c>
      <c r="G70080" s="16">
        <v>1.8052553478898292</v>
      </c>
    </row>
    <row r="70081" spans="1:7" x14ac:dyDescent="0.3">
      <c r="A70081" s="13" t="s">
        <v>363</v>
      </c>
      <c r="B70081" s="14" t="s">
        <v>1</v>
      </c>
      <c r="C70081" s="14" t="s">
        <v>150</v>
      </c>
      <c r="D70081" s="14" t="s">
        <v>356</v>
      </c>
      <c r="E70081" s="15">
        <v>45742</v>
      </c>
      <c r="F70081" s="14" t="s">
        <v>61</v>
      </c>
      <c r="G70081" s="16">
        <v>1.8070402556426397</v>
      </c>
    </row>
    <row r="70082" spans="1:7" x14ac:dyDescent="0.3">
      <c r="A70082" s="13" t="s">
        <v>363</v>
      </c>
      <c r="B70082" s="14" t="s">
        <v>1</v>
      </c>
      <c r="C70082" s="14" t="s">
        <v>150</v>
      </c>
      <c r="D70082" s="14" t="s">
        <v>356</v>
      </c>
      <c r="E70082" s="15">
        <v>45743</v>
      </c>
      <c r="F70082" s="14" t="s">
        <v>61</v>
      </c>
      <c r="G70082" s="16">
        <v>1.8137710397020765</v>
      </c>
    </row>
    <row r="70083" spans="1:7" x14ac:dyDescent="0.3">
      <c r="A70083" s="13" t="s">
        <v>363</v>
      </c>
      <c r="B70083" s="14" t="s">
        <v>1</v>
      </c>
      <c r="C70083" s="14" t="s">
        <v>150</v>
      </c>
      <c r="D70083" s="14" t="s">
        <v>356</v>
      </c>
      <c r="E70083" s="15">
        <v>45744</v>
      </c>
      <c r="F70083" s="14" t="s">
        <v>61</v>
      </c>
      <c r="G70083" s="16">
        <v>1.8144527922398008</v>
      </c>
    </row>
    <row r="70084" spans="1:7" x14ac:dyDescent="0.3">
      <c r="A70084" s="13" t="s">
        <v>363</v>
      </c>
      <c r="B70084" s="14" t="s">
        <v>1</v>
      </c>
      <c r="C70084" s="14" t="s">
        <v>150</v>
      </c>
      <c r="D70084" s="14" t="s">
        <v>356</v>
      </c>
      <c r="E70084" s="15">
        <v>45745</v>
      </c>
      <c r="F70084" s="14" t="s">
        <v>61</v>
      </c>
      <c r="G70084" s="16">
        <v>1.8144527922398008</v>
      </c>
    </row>
    <row r="70085" spans="1:7" x14ac:dyDescent="0.3">
      <c r="A70085" s="13" t="s">
        <v>363</v>
      </c>
      <c r="B70085" s="14" t="s">
        <v>1</v>
      </c>
      <c r="C70085" s="14" t="s">
        <v>150</v>
      </c>
      <c r="D70085" s="14" t="s">
        <v>356</v>
      </c>
      <c r="E70085" s="15">
        <v>45746</v>
      </c>
      <c r="F70085" s="14" t="s">
        <v>61</v>
      </c>
      <c r="G70085" s="16">
        <v>1.8144527922398008</v>
      </c>
    </row>
    <row r="70086" spans="1:7" x14ac:dyDescent="0.3">
      <c r="A70086" s="13" t="s">
        <v>363</v>
      </c>
      <c r="B70086" s="14" t="s">
        <v>1</v>
      </c>
      <c r="C70086" s="14" t="s">
        <v>150</v>
      </c>
      <c r="D70086" s="14" t="s">
        <v>356</v>
      </c>
      <c r="E70086" s="15">
        <v>45747</v>
      </c>
      <c r="F70086" s="14" t="s">
        <v>61</v>
      </c>
      <c r="G70086" s="16">
        <v>1.8183973564043276</v>
      </c>
    </row>
    <row r="70087" spans="1:7" x14ac:dyDescent="0.3">
      <c r="A70087" s="13" t="s">
        <v>364</v>
      </c>
      <c r="B70087" s="14" t="s">
        <v>1</v>
      </c>
      <c r="C70087" s="14" t="s">
        <v>238</v>
      </c>
      <c r="D70087" s="14" t="s">
        <v>155</v>
      </c>
      <c r="E70087" s="15">
        <v>45383</v>
      </c>
      <c r="F70087" s="14" t="s">
        <v>25</v>
      </c>
      <c r="G70087" s="16">
        <v>0</v>
      </c>
    </row>
    <row r="70088" spans="1:7" x14ac:dyDescent="0.3">
      <c r="A70088" s="13" t="s">
        <v>364</v>
      </c>
      <c r="B70088" s="14" t="s">
        <v>1</v>
      </c>
      <c r="C70088" s="14" t="s">
        <v>238</v>
      </c>
      <c r="D70088" s="14" t="s">
        <v>155</v>
      </c>
      <c r="E70088" s="15">
        <v>45384</v>
      </c>
      <c r="F70088" s="14" t="s">
        <v>25</v>
      </c>
      <c r="G70088" s="16">
        <v>0</v>
      </c>
    </row>
    <row r="70089" spans="1:7" x14ac:dyDescent="0.3">
      <c r="A70089" s="13" t="s">
        <v>364</v>
      </c>
      <c r="B70089" s="14" t="s">
        <v>1</v>
      </c>
      <c r="C70089" s="14" t="s">
        <v>238</v>
      </c>
      <c r="D70089" s="14" t="s">
        <v>155</v>
      </c>
      <c r="E70089" s="15">
        <v>45385</v>
      </c>
      <c r="F70089" s="14" t="s">
        <v>25</v>
      </c>
      <c r="G70089" s="16">
        <v>3.3360309062353703E-2</v>
      </c>
    </row>
    <row r="70090" spans="1:7" x14ac:dyDescent="0.3">
      <c r="A70090" s="13" t="s">
        <v>364</v>
      </c>
      <c r="B70090" s="14" t="s">
        <v>1</v>
      </c>
      <c r="C70090" s="14" t="s">
        <v>238</v>
      </c>
      <c r="D70090" s="14" t="s">
        <v>155</v>
      </c>
      <c r="E70090" s="15">
        <v>45386</v>
      </c>
      <c r="F70090" s="14" t="s">
        <v>25</v>
      </c>
      <c r="G70090" s="16">
        <v>4.1006392995287022E-2</v>
      </c>
    </row>
    <row r="70091" spans="1:7" x14ac:dyDescent="0.3">
      <c r="A70091" s="13" t="s">
        <v>364</v>
      </c>
      <c r="B70091" s="14" t="s">
        <v>1</v>
      </c>
      <c r="C70091" s="14" t="s">
        <v>238</v>
      </c>
      <c r="D70091" s="14" t="s">
        <v>155</v>
      </c>
      <c r="E70091" s="15">
        <v>45387</v>
      </c>
      <c r="F70091" s="14" t="s">
        <v>25</v>
      </c>
      <c r="G70091" s="16">
        <v>4.7713914207879543E-2</v>
      </c>
    </row>
    <row r="70092" spans="1:7" x14ac:dyDescent="0.3">
      <c r="A70092" s="13" t="s">
        <v>364</v>
      </c>
      <c r="B70092" s="14" t="s">
        <v>1</v>
      </c>
      <c r="C70092" s="14" t="s">
        <v>238</v>
      </c>
      <c r="D70092" s="14" t="s">
        <v>155</v>
      </c>
      <c r="E70092" s="15">
        <v>45388</v>
      </c>
      <c r="F70092" s="14" t="s">
        <v>25</v>
      </c>
      <c r="G70092" s="16">
        <v>4.7713914207879543E-2</v>
      </c>
    </row>
    <row r="70093" spans="1:7" x14ac:dyDescent="0.3">
      <c r="A70093" s="13" t="s">
        <v>364</v>
      </c>
      <c r="B70093" s="14" t="s">
        <v>1</v>
      </c>
      <c r="C70093" s="14" t="s">
        <v>238</v>
      </c>
      <c r="D70093" s="14" t="s">
        <v>155</v>
      </c>
      <c r="E70093" s="15">
        <v>45389</v>
      </c>
      <c r="F70093" s="14" t="s">
        <v>25</v>
      </c>
      <c r="G70093" s="16">
        <v>4.7713914207879543E-2</v>
      </c>
    </row>
    <row r="70094" spans="1:7" x14ac:dyDescent="0.3">
      <c r="A70094" s="13" t="s">
        <v>364</v>
      </c>
      <c r="B70094" s="14" t="s">
        <v>1</v>
      </c>
      <c r="C70094" s="14" t="s">
        <v>238</v>
      </c>
      <c r="D70094" s="14" t="s">
        <v>155</v>
      </c>
      <c r="E70094" s="15">
        <v>45390</v>
      </c>
      <c r="F70094" s="14" t="s">
        <v>25</v>
      </c>
      <c r="G70094" s="16">
        <v>5.5214843304783885E-2</v>
      </c>
    </row>
    <row r="70095" spans="1:7" x14ac:dyDescent="0.3">
      <c r="A70095" s="13" t="s">
        <v>364</v>
      </c>
      <c r="B70095" s="14" t="s">
        <v>1</v>
      </c>
      <c r="C70095" s="14" t="s">
        <v>238</v>
      </c>
      <c r="D70095" s="14" t="s">
        <v>155</v>
      </c>
      <c r="E70095" s="15">
        <v>45391</v>
      </c>
      <c r="F70095" s="14" t="s">
        <v>25</v>
      </c>
      <c r="G70095" s="16">
        <v>7.5412620920786155E-2</v>
      </c>
    </row>
    <row r="70096" spans="1:7" x14ac:dyDescent="0.3">
      <c r="A70096" s="13" t="s">
        <v>364</v>
      </c>
      <c r="B70096" s="14" t="s">
        <v>1</v>
      </c>
      <c r="C70096" s="14" t="s">
        <v>238</v>
      </c>
      <c r="D70096" s="14" t="s">
        <v>155</v>
      </c>
      <c r="E70096" s="15">
        <v>45392</v>
      </c>
      <c r="F70096" s="14" t="s">
        <v>25</v>
      </c>
      <c r="G70096" s="16">
        <v>8.2098930469228323E-2</v>
      </c>
    </row>
    <row r="70097" spans="1:7" x14ac:dyDescent="0.3">
      <c r="A70097" s="13" t="s">
        <v>364</v>
      </c>
      <c r="B70097" s="14" t="s">
        <v>1</v>
      </c>
      <c r="C70097" s="14" t="s">
        <v>238</v>
      </c>
      <c r="D70097" s="14" t="s">
        <v>155</v>
      </c>
      <c r="E70097" s="15">
        <v>45393</v>
      </c>
      <c r="F70097" s="14" t="s">
        <v>25</v>
      </c>
      <c r="G70097" s="16">
        <v>8.8360134800608531E-2</v>
      </c>
    </row>
    <row r="70098" spans="1:7" x14ac:dyDescent="0.3">
      <c r="A70098" s="13" t="s">
        <v>364</v>
      </c>
      <c r="B70098" s="14" t="s">
        <v>1</v>
      </c>
      <c r="C70098" s="14" t="s">
        <v>238</v>
      </c>
      <c r="D70098" s="14" t="s">
        <v>155</v>
      </c>
      <c r="E70098" s="15">
        <v>45394</v>
      </c>
      <c r="F70098" s="14" t="s">
        <v>25</v>
      </c>
      <c r="G70098" s="16">
        <v>9.4728439209824836E-2</v>
      </c>
    </row>
    <row r="70099" spans="1:7" x14ac:dyDescent="0.3">
      <c r="A70099" s="13" t="s">
        <v>364</v>
      </c>
      <c r="B70099" s="14" t="s">
        <v>1</v>
      </c>
      <c r="C70099" s="14" t="s">
        <v>238</v>
      </c>
      <c r="D70099" s="14" t="s">
        <v>155</v>
      </c>
      <c r="E70099" s="15">
        <v>45395</v>
      </c>
      <c r="F70099" s="14" t="s">
        <v>25</v>
      </c>
      <c r="G70099" s="16">
        <v>9.4728439209824836E-2</v>
      </c>
    </row>
    <row r="70100" spans="1:7" x14ac:dyDescent="0.3">
      <c r="A70100" s="13" t="s">
        <v>364</v>
      </c>
      <c r="B70100" s="14" t="s">
        <v>1</v>
      </c>
      <c r="C70100" s="14" t="s">
        <v>238</v>
      </c>
      <c r="D70100" s="14" t="s">
        <v>155</v>
      </c>
      <c r="E70100" s="15">
        <v>45396</v>
      </c>
      <c r="F70100" s="14" t="s">
        <v>25</v>
      </c>
      <c r="G70100" s="16">
        <v>9.4728439209824836E-2</v>
      </c>
    </row>
    <row r="70101" spans="1:7" x14ac:dyDescent="0.3">
      <c r="A70101" s="13" t="s">
        <v>364</v>
      </c>
      <c r="B70101" s="14" t="s">
        <v>1</v>
      </c>
      <c r="C70101" s="14" t="s">
        <v>238</v>
      </c>
      <c r="D70101" s="14" t="s">
        <v>155</v>
      </c>
      <c r="E70101" s="15">
        <v>45397</v>
      </c>
      <c r="F70101" s="14" t="s">
        <v>25</v>
      </c>
      <c r="G70101" s="16">
        <v>0.10092593634857516</v>
      </c>
    </row>
    <row r="70102" spans="1:7" x14ac:dyDescent="0.3">
      <c r="A70102" s="13" t="s">
        <v>364</v>
      </c>
      <c r="B70102" s="14" t="s">
        <v>1</v>
      </c>
      <c r="C70102" s="14" t="s">
        <v>238</v>
      </c>
      <c r="D70102" s="14" t="s">
        <v>155</v>
      </c>
      <c r="E70102" s="15">
        <v>45398</v>
      </c>
      <c r="F70102" s="14" t="s">
        <v>25</v>
      </c>
      <c r="G70102" s="16">
        <v>0.1210091845352101</v>
      </c>
    </row>
    <row r="70103" spans="1:7" x14ac:dyDescent="0.3">
      <c r="A70103" s="13" t="s">
        <v>364</v>
      </c>
      <c r="B70103" s="14" t="s">
        <v>1</v>
      </c>
      <c r="C70103" s="14" t="s">
        <v>238</v>
      </c>
      <c r="D70103" s="14" t="s">
        <v>155</v>
      </c>
      <c r="E70103" s="15">
        <v>45399</v>
      </c>
      <c r="F70103" s="14" t="s">
        <v>25</v>
      </c>
      <c r="G70103" s="16">
        <v>0.12804234011068535</v>
      </c>
    </row>
    <row r="70104" spans="1:7" x14ac:dyDescent="0.3">
      <c r="A70104" s="13" t="s">
        <v>364</v>
      </c>
      <c r="B70104" s="14" t="s">
        <v>1</v>
      </c>
      <c r="C70104" s="14" t="s">
        <v>238</v>
      </c>
      <c r="D70104" s="14" t="s">
        <v>155</v>
      </c>
      <c r="E70104" s="15">
        <v>45400</v>
      </c>
      <c r="F70104" s="14" t="s">
        <v>25</v>
      </c>
      <c r="G70104" s="16">
        <v>0.13464523462840833</v>
      </c>
    </row>
    <row r="70105" spans="1:7" x14ac:dyDescent="0.3">
      <c r="A70105" s="13" t="s">
        <v>364</v>
      </c>
      <c r="B70105" s="14" t="s">
        <v>1</v>
      </c>
      <c r="C70105" s="14" t="s">
        <v>238</v>
      </c>
      <c r="D70105" s="14" t="s">
        <v>155</v>
      </c>
      <c r="E70105" s="15">
        <v>45401</v>
      </c>
      <c r="F70105" s="14" t="s">
        <v>25</v>
      </c>
      <c r="G70105" s="16">
        <v>0.14126801940099215</v>
      </c>
    </row>
    <row r="70106" spans="1:7" x14ac:dyDescent="0.3">
      <c r="A70106" s="13" t="s">
        <v>364</v>
      </c>
      <c r="B70106" s="14" t="s">
        <v>1</v>
      </c>
      <c r="C70106" s="14" t="s">
        <v>238</v>
      </c>
      <c r="D70106" s="14" t="s">
        <v>155</v>
      </c>
      <c r="E70106" s="15">
        <v>45402</v>
      </c>
      <c r="F70106" s="14" t="s">
        <v>25</v>
      </c>
      <c r="G70106" s="16">
        <v>0.14126801940099215</v>
      </c>
    </row>
    <row r="70107" spans="1:7" x14ac:dyDescent="0.3">
      <c r="A70107" s="13" t="s">
        <v>364</v>
      </c>
      <c r="B70107" s="14" t="s">
        <v>1</v>
      </c>
      <c r="C70107" s="14" t="s">
        <v>238</v>
      </c>
      <c r="D70107" s="14" t="s">
        <v>155</v>
      </c>
      <c r="E70107" s="15">
        <v>45403</v>
      </c>
      <c r="F70107" s="14" t="s">
        <v>25</v>
      </c>
      <c r="G70107" s="16">
        <v>0.14126801940099215</v>
      </c>
    </row>
    <row r="70108" spans="1:7" x14ac:dyDescent="0.3">
      <c r="A70108" s="13" t="s">
        <v>364</v>
      </c>
      <c r="B70108" s="14" t="s">
        <v>1</v>
      </c>
      <c r="C70108" s="14" t="s">
        <v>238</v>
      </c>
      <c r="D70108" s="14" t="s">
        <v>155</v>
      </c>
      <c r="E70108" s="15">
        <v>45404</v>
      </c>
      <c r="F70108" s="14" t="s">
        <v>25</v>
      </c>
      <c r="G70108" s="16">
        <v>0.14827986062383361</v>
      </c>
    </row>
    <row r="70109" spans="1:7" x14ac:dyDescent="0.3">
      <c r="A70109" s="13" t="s">
        <v>364</v>
      </c>
      <c r="B70109" s="14" t="s">
        <v>1</v>
      </c>
      <c r="C70109" s="14" t="s">
        <v>238</v>
      </c>
      <c r="D70109" s="14" t="s">
        <v>155</v>
      </c>
      <c r="E70109" s="15">
        <v>45405</v>
      </c>
      <c r="F70109" s="14" t="s">
        <v>25</v>
      </c>
      <c r="G70109" s="16">
        <v>0.16936712897874523</v>
      </c>
    </row>
    <row r="70110" spans="1:7" x14ac:dyDescent="0.3">
      <c r="A70110" s="13" t="s">
        <v>364</v>
      </c>
      <c r="B70110" s="14" t="s">
        <v>1</v>
      </c>
      <c r="C70110" s="14" t="s">
        <v>238</v>
      </c>
      <c r="D70110" s="14" t="s">
        <v>155</v>
      </c>
      <c r="E70110" s="15">
        <v>45406</v>
      </c>
      <c r="F70110" s="14" t="s">
        <v>25</v>
      </c>
      <c r="G70110" s="16">
        <v>0.17712080693943</v>
      </c>
    </row>
    <row r="70111" spans="1:7" x14ac:dyDescent="0.3">
      <c r="A70111" s="13" t="s">
        <v>364</v>
      </c>
      <c r="B70111" s="14" t="s">
        <v>1</v>
      </c>
      <c r="C70111" s="14" t="s">
        <v>238</v>
      </c>
      <c r="D70111" s="14" t="s">
        <v>155</v>
      </c>
      <c r="E70111" s="15">
        <v>45407</v>
      </c>
      <c r="F70111" s="14" t="s">
        <v>25</v>
      </c>
      <c r="G70111" s="16">
        <v>0.18387680055581634</v>
      </c>
    </row>
    <row r="70112" spans="1:7" x14ac:dyDescent="0.3">
      <c r="A70112" s="13" t="s">
        <v>364</v>
      </c>
      <c r="B70112" s="14" t="s">
        <v>1</v>
      </c>
      <c r="C70112" s="14" t="s">
        <v>238</v>
      </c>
      <c r="D70112" s="14" t="s">
        <v>155</v>
      </c>
      <c r="E70112" s="15">
        <v>45408</v>
      </c>
      <c r="F70112" s="14" t="s">
        <v>25</v>
      </c>
      <c r="G70112" s="16">
        <v>0.19502948214419849</v>
      </c>
    </row>
    <row r="70113" spans="1:7" x14ac:dyDescent="0.3">
      <c r="A70113" s="13" t="s">
        <v>364</v>
      </c>
      <c r="B70113" s="14" t="s">
        <v>1</v>
      </c>
      <c r="C70113" s="14" t="s">
        <v>238</v>
      </c>
      <c r="D70113" s="14" t="s">
        <v>155</v>
      </c>
      <c r="E70113" s="15">
        <v>45409</v>
      </c>
      <c r="F70113" s="14" t="s">
        <v>25</v>
      </c>
      <c r="G70113" s="16">
        <v>0.19502948214419849</v>
      </c>
    </row>
    <row r="70114" spans="1:7" x14ac:dyDescent="0.3">
      <c r="A70114" s="13" t="s">
        <v>364</v>
      </c>
      <c r="B70114" s="14" t="s">
        <v>1</v>
      </c>
      <c r="C70114" s="14" t="s">
        <v>238</v>
      </c>
      <c r="D70114" s="14" t="s">
        <v>155</v>
      </c>
      <c r="E70114" s="15">
        <v>45410</v>
      </c>
      <c r="F70114" s="14" t="s">
        <v>25</v>
      </c>
      <c r="G70114" s="16">
        <v>0.19502948214419849</v>
      </c>
    </row>
    <row r="70115" spans="1:7" x14ac:dyDescent="0.3">
      <c r="A70115" s="13" t="s">
        <v>364</v>
      </c>
      <c r="B70115" s="14" t="s">
        <v>1</v>
      </c>
      <c r="C70115" s="14" t="s">
        <v>238</v>
      </c>
      <c r="D70115" s="14" t="s">
        <v>155</v>
      </c>
      <c r="E70115" s="15">
        <v>45411</v>
      </c>
      <c r="F70115" s="14" t="s">
        <v>25</v>
      </c>
      <c r="G70115" s="16">
        <v>0.20148866183205788</v>
      </c>
    </row>
    <row r="70116" spans="1:7" x14ac:dyDescent="0.3">
      <c r="A70116" s="13" t="s">
        <v>364</v>
      </c>
      <c r="B70116" s="14" t="s">
        <v>1</v>
      </c>
      <c r="C70116" s="14" t="s">
        <v>238</v>
      </c>
      <c r="D70116" s="14" t="s">
        <v>155</v>
      </c>
      <c r="E70116" s="15">
        <v>45412</v>
      </c>
      <c r="F70116" s="14" t="s">
        <v>25</v>
      </c>
      <c r="G70116" s="16">
        <v>0.22274785800489169</v>
      </c>
    </row>
    <row r="70117" spans="1:7" x14ac:dyDescent="0.3">
      <c r="A70117" s="13" t="s">
        <v>364</v>
      </c>
      <c r="B70117" s="14" t="s">
        <v>1</v>
      </c>
      <c r="C70117" s="14" t="s">
        <v>238</v>
      </c>
      <c r="D70117" s="14" t="s">
        <v>155</v>
      </c>
      <c r="E70117" s="15">
        <v>45413</v>
      </c>
      <c r="F70117" s="14" t="s">
        <v>25</v>
      </c>
      <c r="G70117" s="16">
        <v>0.22274785800489169</v>
      </c>
    </row>
    <row r="70118" spans="1:7" x14ac:dyDescent="0.3">
      <c r="A70118" s="13" t="s">
        <v>364</v>
      </c>
      <c r="B70118" s="14" t="s">
        <v>1</v>
      </c>
      <c r="C70118" s="14" t="s">
        <v>238</v>
      </c>
      <c r="D70118" s="14" t="s">
        <v>155</v>
      </c>
      <c r="E70118" s="15">
        <v>45414</v>
      </c>
      <c r="F70118" s="14" t="s">
        <v>25</v>
      </c>
      <c r="G70118" s="16">
        <v>0.22865024330485212</v>
      </c>
    </row>
    <row r="70119" spans="1:7" x14ac:dyDescent="0.3">
      <c r="A70119" s="13" t="s">
        <v>364</v>
      </c>
      <c r="B70119" s="14" t="s">
        <v>1</v>
      </c>
      <c r="C70119" s="14" t="s">
        <v>238</v>
      </c>
      <c r="D70119" s="14" t="s">
        <v>155</v>
      </c>
      <c r="E70119" s="15">
        <v>45415</v>
      </c>
      <c r="F70119" s="14" t="s">
        <v>25</v>
      </c>
      <c r="G70119" s="16">
        <v>0.24178760990795947</v>
      </c>
    </row>
    <row r="70120" spans="1:7" x14ac:dyDescent="0.3">
      <c r="A70120" s="13" t="s">
        <v>364</v>
      </c>
      <c r="B70120" s="14" t="s">
        <v>1</v>
      </c>
      <c r="C70120" s="14" t="s">
        <v>238</v>
      </c>
      <c r="D70120" s="14" t="s">
        <v>155</v>
      </c>
      <c r="E70120" s="15">
        <v>45416</v>
      </c>
      <c r="F70120" s="14" t="s">
        <v>25</v>
      </c>
      <c r="G70120" s="16">
        <v>0.24178760990795947</v>
      </c>
    </row>
    <row r="70121" spans="1:7" x14ac:dyDescent="0.3">
      <c r="A70121" s="13" t="s">
        <v>364</v>
      </c>
      <c r="B70121" s="14" t="s">
        <v>1</v>
      </c>
      <c r="C70121" s="14" t="s">
        <v>238</v>
      </c>
      <c r="D70121" s="14" t="s">
        <v>155</v>
      </c>
      <c r="E70121" s="15">
        <v>45417</v>
      </c>
      <c r="F70121" s="14" t="s">
        <v>25</v>
      </c>
      <c r="G70121" s="16">
        <v>0.24178760990795947</v>
      </c>
    </row>
    <row r="70122" spans="1:7" x14ac:dyDescent="0.3">
      <c r="A70122" s="13" t="s">
        <v>364</v>
      </c>
      <c r="B70122" s="14" t="s">
        <v>1</v>
      </c>
      <c r="C70122" s="14" t="s">
        <v>238</v>
      </c>
      <c r="D70122" s="14" t="s">
        <v>155</v>
      </c>
      <c r="E70122" s="15">
        <v>45418</v>
      </c>
      <c r="F70122" s="14" t="s">
        <v>25</v>
      </c>
      <c r="G70122" s="16">
        <v>0.24178760990795947</v>
      </c>
    </row>
    <row r="70123" spans="1:7" x14ac:dyDescent="0.3">
      <c r="A70123" s="13" t="s">
        <v>364</v>
      </c>
      <c r="B70123" s="14" t="s">
        <v>1</v>
      </c>
      <c r="C70123" s="14" t="s">
        <v>238</v>
      </c>
      <c r="D70123" s="14" t="s">
        <v>155</v>
      </c>
      <c r="E70123" s="15">
        <v>45419</v>
      </c>
      <c r="F70123" s="14" t="s">
        <v>25</v>
      </c>
      <c r="G70123" s="16">
        <v>0.24915937543289043</v>
      </c>
    </row>
    <row r="70124" spans="1:7" x14ac:dyDescent="0.3">
      <c r="A70124" s="13" t="s">
        <v>364</v>
      </c>
      <c r="B70124" s="14" t="s">
        <v>1</v>
      </c>
      <c r="C70124" s="14" t="s">
        <v>238</v>
      </c>
      <c r="D70124" s="14" t="s">
        <v>155</v>
      </c>
      <c r="E70124" s="15">
        <v>45420</v>
      </c>
      <c r="F70124" s="14" t="s">
        <v>25</v>
      </c>
      <c r="G70124" s="16">
        <v>0.27583580488291892</v>
      </c>
    </row>
    <row r="70125" spans="1:7" x14ac:dyDescent="0.3">
      <c r="A70125" s="13" t="s">
        <v>364</v>
      </c>
      <c r="B70125" s="14" t="s">
        <v>1</v>
      </c>
      <c r="C70125" s="14" t="s">
        <v>238</v>
      </c>
      <c r="D70125" s="14" t="s">
        <v>155</v>
      </c>
      <c r="E70125" s="15">
        <v>45421</v>
      </c>
      <c r="F70125" s="14" t="s">
        <v>25</v>
      </c>
      <c r="G70125" s="16">
        <v>0.27583580488291892</v>
      </c>
    </row>
    <row r="70126" spans="1:7" x14ac:dyDescent="0.3">
      <c r="A70126" s="13" t="s">
        <v>364</v>
      </c>
      <c r="B70126" s="14" t="s">
        <v>1</v>
      </c>
      <c r="C70126" s="14" t="s">
        <v>238</v>
      </c>
      <c r="D70126" s="14" t="s">
        <v>155</v>
      </c>
      <c r="E70126" s="15">
        <v>45422</v>
      </c>
      <c r="F70126" s="14" t="s">
        <v>25</v>
      </c>
      <c r="G70126" s="16">
        <v>0.28261852936633719</v>
      </c>
    </row>
    <row r="70127" spans="1:7" x14ac:dyDescent="0.3">
      <c r="A70127" s="13" t="s">
        <v>364</v>
      </c>
      <c r="B70127" s="14" t="s">
        <v>1</v>
      </c>
      <c r="C70127" s="14" t="s">
        <v>238</v>
      </c>
      <c r="D70127" s="14" t="s">
        <v>155</v>
      </c>
      <c r="E70127" s="15">
        <v>45423</v>
      </c>
      <c r="F70127" s="14" t="s">
        <v>25</v>
      </c>
      <c r="G70127" s="16">
        <v>0.28261852936633719</v>
      </c>
    </row>
    <row r="70128" spans="1:7" x14ac:dyDescent="0.3">
      <c r="A70128" s="13" t="s">
        <v>364</v>
      </c>
      <c r="B70128" s="14" t="s">
        <v>1</v>
      </c>
      <c r="C70128" s="14" t="s">
        <v>238</v>
      </c>
      <c r="D70128" s="14" t="s">
        <v>155</v>
      </c>
      <c r="E70128" s="15">
        <v>45424</v>
      </c>
      <c r="F70128" s="14" t="s">
        <v>25</v>
      </c>
      <c r="G70128" s="16">
        <v>0.28261852936633719</v>
      </c>
    </row>
    <row r="70129" spans="1:7" x14ac:dyDescent="0.3">
      <c r="A70129" s="13" t="s">
        <v>364</v>
      </c>
      <c r="B70129" s="14" t="s">
        <v>1</v>
      </c>
      <c r="C70129" s="14" t="s">
        <v>238</v>
      </c>
      <c r="D70129" s="14" t="s">
        <v>155</v>
      </c>
      <c r="E70129" s="15">
        <v>45425</v>
      </c>
      <c r="F70129" s="14" t="s">
        <v>25</v>
      </c>
      <c r="G70129" s="16">
        <v>0.2940723195111199</v>
      </c>
    </row>
    <row r="70130" spans="1:7" x14ac:dyDescent="0.3">
      <c r="A70130" s="13" t="s">
        <v>364</v>
      </c>
      <c r="B70130" s="14" t="s">
        <v>1</v>
      </c>
      <c r="C70130" s="14" t="s">
        <v>238</v>
      </c>
      <c r="D70130" s="14" t="s">
        <v>155</v>
      </c>
      <c r="E70130" s="15">
        <v>45426</v>
      </c>
      <c r="F70130" s="14" t="s">
        <v>25</v>
      </c>
      <c r="G70130" s="16">
        <v>0.31449851720158589</v>
      </c>
    </row>
    <row r="70131" spans="1:7" x14ac:dyDescent="0.3">
      <c r="A70131" s="13" t="s">
        <v>364</v>
      </c>
      <c r="B70131" s="14" t="s">
        <v>1</v>
      </c>
      <c r="C70131" s="14" t="s">
        <v>238</v>
      </c>
      <c r="D70131" s="14" t="s">
        <v>155</v>
      </c>
      <c r="E70131" s="15">
        <v>45427</v>
      </c>
      <c r="F70131" s="14" t="s">
        <v>25</v>
      </c>
      <c r="G70131" s="16">
        <v>0.32156132020923095</v>
      </c>
    </row>
    <row r="70132" spans="1:7" x14ac:dyDescent="0.3">
      <c r="A70132" s="13" t="s">
        <v>364</v>
      </c>
      <c r="B70132" s="14" t="s">
        <v>1</v>
      </c>
      <c r="C70132" s="14" t="s">
        <v>238</v>
      </c>
      <c r="D70132" s="14" t="s">
        <v>155</v>
      </c>
      <c r="E70132" s="15">
        <v>45428</v>
      </c>
      <c r="F70132" s="14" t="s">
        <v>25</v>
      </c>
      <c r="G70132" s="16">
        <v>0.32913075901130112</v>
      </c>
    </row>
    <row r="70133" spans="1:7" x14ac:dyDescent="0.3">
      <c r="A70133" s="13" t="s">
        <v>364</v>
      </c>
      <c r="B70133" s="14" t="s">
        <v>1</v>
      </c>
      <c r="C70133" s="14" t="s">
        <v>238</v>
      </c>
      <c r="D70133" s="14" t="s">
        <v>155</v>
      </c>
      <c r="E70133" s="15">
        <v>45429</v>
      </c>
      <c r="F70133" s="14" t="s">
        <v>25</v>
      </c>
      <c r="G70133" s="16">
        <v>0.33698661394048895</v>
      </c>
    </row>
    <row r="70134" spans="1:7" x14ac:dyDescent="0.3">
      <c r="A70134" s="13" t="s">
        <v>364</v>
      </c>
      <c r="B70134" s="14" t="s">
        <v>1</v>
      </c>
      <c r="C70134" s="14" t="s">
        <v>238</v>
      </c>
      <c r="D70134" s="14" t="s">
        <v>155</v>
      </c>
      <c r="E70134" s="15">
        <v>45430</v>
      </c>
      <c r="F70134" s="14" t="s">
        <v>25</v>
      </c>
      <c r="G70134" s="16">
        <v>0.33698661394048895</v>
      </c>
    </row>
    <row r="70135" spans="1:7" x14ac:dyDescent="0.3">
      <c r="A70135" s="13" t="s">
        <v>364</v>
      </c>
      <c r="B70135" s="14" t="s">
        <v>1</v>
      </c>
      <c r="C70135" s="14" t="s">
        <v>238</v>
      </c>
      <c r="D70135" s="14" t="s">
        <v>155</v>
      </c>
      <c r="E70135" s="15">
        <v>45431</v>
      </c>
      <c r="F70135" s="14" t="s">
        <v>25</v>
      </c>
      <c r="G70135" s="16">
        <v>0.33698661394048895</v>
      </c>
    </row>
    <row r="70136" spans="1:7" x14ac:dyDescent="0.3">
      <c r="A70136" s="13" t="s">
        <v>364</v>
      </c>
      <c r="B70136" s="14" t="s">
        <v>1</v>
      </c>
      <c r="C70136" s="14" t="s">
        <v>238</v>
      </c>
      <c r="D70136" s="14" t="s">
        <v>155</v>
      </c>
      <c r="E70136" s="15">
        <v>45432</v>
      </c>
      <c r="F70136" s="14" t="s">
        <v>25</v>
      </c>
      <c r="G70136" s="16">
        <v>0.33698661394048895</v>
      </c>
    </row>
    <row r="70137" spans="1:7" x14ac:dyDescent="0.3">
      <c r="A70137" s="13" t="s">
        <v>364</v>
      </c>
      <c r="B70137" s="14" t="s">
        <v>1</v>
      </c>
      <c r="C70137" s="14" t="s">
        <v>238</v>
      </c>
      <c r="D70137" s="14" t="s">
        <v>155</v>
      </c>
      <c r="E70137" s="15">
        <v>45433</v>
      </c>
      <c r="F70137" s="14" t="s">
        <v>25</v>
      </c>
      <c r="G70137" s="16">
        <v>0.3438846825533774</v>
      </c>
    </row>
    <row r="70138" spans="1:7" x14ac:dyDescent="0.3">
      <c r="A70138" s="13" t="s">
        <v>364</v>
      </c>
      <c r="B70138" s="14" t="s">
        <v>1</v>
      </c>
      <c r="C70138" s="14" t="s">
        <v>238</v>
      </c>
      <c r="D70138" s="14" t="s">
        <v>155</v>
      </c>
      <c r="E70138" s="15">
        <v>45434</v>
      </c>
      <c r="F70138" s="14" t="s">
        <v>25</v>
      </c>
      <c r="G70138" s="16">
        <v>0.37188331741945369</v>
      </c>
    </row>
    <row r="70139" spans="1:7" x14ac:dyDescent="0.3">
      <c r="A70139" s="13" t="s">
        <v>364</v>
      </c>
      <c r="B70139" s="14" t="s">
        <v>1</v>
      </c>
      <c r="C70139" s="14" t="s">
        <v>238</v>
      </c>
      <c r="D70139" s="14" t="s">
        <v>155</v>
      </c>
      <c r="E70139" s="15">
        <v>45435</v>
      </c>
      <c r="F70139" s="14" t="s">
        <v>25</v>
      </c>
      <c r="G70139" s="16">
        <v>0.37781517683329086</v>
      </c>
    </row>
    <row r="70140" spans="1:7" x14ac:dyDescent="0.3">
      <c r="A70140" s="13" t="s">
        <v>364</v>
      </c>
      <c r="B70140" s="14" t="s">
        <v>1</v>
      </c>
      <c r="C70140" s="14" t="s">
        <v>238</v>
      </c>
      <c r="D70140" s="14" t="s">
        <v>155</v>
      </c>
      <c r="E70140" s="15">
        <v>45436</v>
      </c>
      <c r="F70140" s="14" t="s">
        <v>25</v>
      </c>
      <c r="G70140" s="16">
        <v>0.38583522440228429</v>
      </c>
    </row>
    <row r="70141" spans="1:7" x14ac:dyDescent="0.3">
      <c r="A70141" s="13" t="s">
        <v>364</v>
      </c>
      <c r="B70141" s="14" t="s">
        <v>1</v>
      </c>
      <c r="C70141" s="14" t="s">
        <v>238</v>
      </c>
      <c r="D70141" s="14" t="s">
        <v>155</v>
      </c>
      <c r="E70141" s="15">
        <v>45437</v>
      </c>
      <c r="F70141" s="14" t="s">
        <v>25</v>
      </c>
      <c r="G70141" s="16">
        <v>0.38583522440228429</v>
      </c>
    </row>
    <row r="70142" spans="1:7" x14ac:dyDescent="0.3">
      <c r="A70142" s="13" t="s">
        <v>364</v>
      </c>
      <c r="B70142" s="14" t="s">
        <v>1</v>
      </c>
      <c r="C70142" s="14" t="s">
        <v>238</v>
      </c>
      <c r="D70142" s="14" t="s">
        <v>155</v>
      </c>
      <c r="E70142" s="15">
        <v>45438</v>
      </c>
      <c r="F70142" s="14" t="s">
        <v>25</v>
      </c>
      <c r="G70142" s="16">
        <v>0.38583522440228429</v>
      </c>
    </row>
    <row r="70143" spans="1:7" x14ac:dyDescent="0.3">
      <c r="A70143" s="13" t="s">
        <v>364</v>
      </c>
      <c r="B70143" s="14" t="s">
        <v>1</v>
      </c>
      <c r="C70143" s="14" t="s">
        <v>238</v>
      </c>
      <c r="D70143" s="14" t="s">
        <v>155</v>
      </c>
      <c r="E70143" s="15">
        <v>45439</v>
      </c>
      <c r="F70143" s="14" t="s">
        <v>25</v>
      </c>
      <c r="G70143" s="16">
        <v>0.39270384455507873</v>
      </c>
    </row>
    <row r="70144" spans="1:7" x14ac:dyDescent="0.3">
      <c r="A70144" s="13" t="s">
        <v>364</v>
      </c>
      <c r="B70144" s="14" t="s">
        <v>1</v>
      </c>
      <c r="C70144" s="14" t="s">
        <v>238</v>
      </c>
      <c r="D70144" s="14" t="s">
        <v>155</v>
      </c>
      <c r="E70144" s="15">
        <v>45440</v>
      </c>
      <c r="F70144" s="14" t="s">
        <v>25</v>
      </c>
      <c r="G70144" s="16">
        <v>0.41211549245063683</v>
      </c>
    </row>
    <row r="70145" spans="1:7" x14ac:dyDescent="0.3">
      <c r="A70145" s="13" t="s">
        <v>364</v>
      </c>
      <c r="B70145" s="14" t="s">
        <v>1</v>
      </c>
      <c r="C70145" s="14" t="s">
        <v>238</v>
      </c>
      <c r="D70145" s="14" t="s">
        <v>155</v>
      </c>
      <c r="E70145" s="15">
        <v>45441</v>
      </c>
      <c r="F70145" s="14" t="s">
        <v>25</v>
      </c>
      <c r="G70145" s="16">
        <v>0.41711067453151179</v>
      </c>
    </row>
    <row r="70146" spans="1:7" x14ac:dyDescent="0.3">
      <c r="A70146" s="13" t="s">
        <v>364</v>
      </c>
      <c r="B70146" s="14" t="s">
        <v>1</v>
      </c>
      <c r="C70146" s="14" t="s">
        <v>238</v>
      </c>
      <c r="D70146" s="14" t="s">
        <v>155</v>
      </c>
      <c r="E70146" s="15">
        <v>45442</v>
      </c>
      <c r="F70146" s="14" t="s">
        <v>25</v>
      </c>
      <c r="G70146" s="16">
        <v>0.41506897175136787</v>
      </c>
    </row>
    <row r="70147" spans="1:7" x14ac:dyDescent="0.3">
      <c r="A70147" s="13" t="s">
        <v>364</v>
      </c>
      <c r="B70147" s="14" t="s">
        <v>1</v>
      </c>
      <c r="C70147" s="14" t="s">
        <v>238</v>
      </c>
      <c r="D70147" s="14" t="s">
        <v>155</v>
      </c>
      <c r="E70147" s="15">
        <v>45443</v>
      </c>
      <c r="F70147" s="14" t="s">
        <v>25</v>
      </c>
      <c r="G70147" s="16">
        <v>0.4215904398233804</v>
      </c>
    </row>
    <row r="70148" spans="1:7" x14ac:dyDescent="0.3">
      <c r="A70148" s="13" t="s">
        <v>364</v>
      </c>
      <c r="B70148" s="14" t="s">
        <v>1</v>
      </c>
      <c r="C70148" s="14" t="s">
        <v>238</v>
      </c>
      <c r="D70148" s="14" t="s">
        <v>155</v>
      </c>
      <c r="E70148" s="15">
        <v>45444</v>
      </c>
      <c r="F70148" s="14" t="s">
        <v>25</v>
      </c>
      <c r="G70148" s="16">
        <v>0.4215904398233804</v>
      </c>
    </row>
    <row r="70149" spans="1:7" x14ac:dyDescent="0.3">
      <c r="A70149" s="13" t="s">
        <v>364</v>
      </c>
      <c r="B70149" s="14" t="s">
        <v>1</v>
      </c>
      <c r="C70149" s="14" t="s">
        <v>238</v>
      </c>
      <c r="D70149" s="14" t="s">
        <v>155</v>
      </c>
      <c r="E70149" s="15">
        <v>45445</v>
      </c>
      <c r="F70149" s="14" t="s">
        <v>25</v>
      </c>
      <c r="G70149" s="16">
        <v>0.4215904398233804</v>
      </c>
    </row>
    <row r="70150" spans="1:7" x14ac:dyDescent="0.3">
      <c r="A70150" s="13" t="s">
        <v>364</v>
      </c>
      <c r="B70150" s="14" t="s">
        <v>1</v>
      </c>
      <c r="C70150" s="14" t="s">
        <v>238</v>
      </c>
      <c r="D70150" s="14" t="s">
        <v>155</v>
      </c>
      <c r="E70150" s="15">
        <v>45446</v>
      </c>
      <c r="F70150" s="14" t="s">
        <v>25</v>
      </c>
      <c r="G70150" s="16">
        <v>0.4215904398233804</v>
      </c>
    </row>
    <row r="70151" spans="1:7" x14ac:dyDescent="0.3">
      <c r="A70151" s="13" t="s">
        <v>364</v>
      </c>
      <c r="B70151" s="14" t="s">
        <v>1</v>
      </c>
      <c r="C70151" s="14" t="s">
        <v>238</v>
      </c>
      <c r="D70151" s="14" t="s">
        <v>155</v>
      </c>
      <c r="E70151" s="15">
        <v>45447</v>
      </c>
      <c r="F70151" s="14" t="s">
        <v>25</v>
      </c>
      <c r="G70151" s="16">
        <v>0.42399807219301566</v>
      </c>
    </row>
    <row r="70152" spans="1:7" x14ac:dyDescent="0.3">
      <c r="A70152" s="13" t="s">
        <v>364</v>
      </c>
      <c r="B70152" s="14" t="s">
        <v>1</v>
      </c>
      <c r="C70152" s="14" t="s">
        <v>238</v>
      </c>
      <c r="D70152" s="14" t="s">
        <v>155</v>
      </c>
      <c r="E70152" s="15">
        <v>45448</v>
      </c>
      <c r="F70152" s="14" t="s">
        <v>25</v>
      </c>
      <c r="G70152" s="16">
        <v>0.45240459808112932</v>
      </c>
    </row>
    <row r="70153" spans="1:7" x14ac:dyDescent="0.3">
      <c r="A70153" s="13" t="s">
        <v>364</v>
      </c>
      <c r="B70153" s="14" t="s">
        <v>1</v>
      </c>
      <c r="C70153" s="14" t="s">
        <v>238</v>
      </c>
      <c r="D70153" s="14" t="s">
        <v>155</v>
      </c>
      <c r="E70153" s="15">
        <v>45449</v>
      </c>
      <c r="F70153" s="14" t="s">
        <v>25</v>
      </c>
      <c r="G70153" s="16">
        <v>0.45795958050110641</v>
      </c>
    </row>
    <row r="70154" spans="1:7" x14ac:dyDescent="0.3">
      <c r="A70154" s="13" t="s">
        <v>364</v>
      </c>
      <c r="B70154" s="14" t="s">
        <v>1</v>
      </c>
      <c r="C70154" s="14" t="s">
        <v>238</v>
      </c>
      <c r="D70154" s="14" t="s">
        <v>155</v>
      </c>
      <c r="E70154" s="15">
        <v>45450</v>
      </c>
      <c r="F70154" s="14" t="s">
        <v>25</v>
      </c>
      <c r="G70154" s="16">
        <v>0.46446537939000737</v>
      </c>
    </row>
    <row r="70155" spans="1:7" x14ac:dyDescent="0.3">
      <c r="A70155" s="13" t="s">
        <v>364</v>
      </c>
      <c r="B70155" s="14" t="s">
        <v>1</v>
      </c>
      <c r="C70155" s="14" t="s">
        <v>238</v>
      </c>
      <c r="D70155" s="14" t="s">
        <v>155</v>
      </c>
      <c r="E70155" s="15">
        <v>45451</v>
      </c>
      <c r="F70155" s="14" t="s">
        <v>25</v>
      </c>
      <c r="G70155" s="16">
        <v>0.46446537939000737</v>
      </c>
    </row>
    <row r="70156" spans="1:7" x14ac:dyDescent="0.3">
      <c r="A70156" s="13" t="s">
        <v>364</v>
      </c>
      <c r="B70156" s="14" t="s">
        <v>1</v>
      </c>
      <c r="C70156" s="14" t="s">
        <v>238</v>
      </c>
      <c r="D70156" s="14" t="s">
        <v>155</v>
      </c>
      <c r="E70156" s="15">
        <v>45452</v>
      </c>
      <c r="F70156" s="14" t="s">
        <v>25</v>
      </c>
      <c r="G70156" s="16">
        <v>0.46446537939000737</v>
      </c>
    </row>
    <row r="70157" spans="1:7" x14ac:dyDescent="0.3">
      <c r="A70157" s="13" t="s">
        <v>364</v>
      </c>
      <c r="B70157" s="14" t="s">
        <v>1</v>
      </c>
      <c r="C70157" s="14" t="s">
        <v>238</v>
      </c>
      <c r="D70157" s="14" t="s">
        <v>155</v>
      </c>
      <c r="E70157" s="15">
        <v>45453</v>
      </c>
      <c r="F70157" s="14" t="s">
        <v>25</v>
      </c>
      <c r="G70157" s="16">
        <v>0.47029418903993997</v>
      </c>
    </row>
    <row r="70158" spans="1:7" x14ac:dyDescent="0.3">
      <c r="A70158" s="13" t="s">
        <v>364</v>
      </c>
      <c r="B70158" s="14" t="s">
        <v>1</v>
      </c>
      <c r="C70158" s="14" t="s">
        <v>238</v>
      </c>
      <c r="D70158" s="14" t="s">
        <v>155</v>
      </c>
      <c r="E70158" s="15">
        <v>45454</v>
      </c>
      <c r="F70158" s="14" t="s">
        <v>25</v>
      </c>
      <c r="G70158" s="16">
        <v>0.49003169973513239</v>
      </c>
    </row>
    <row r="70159" spans="1:7" x14ac:dyDescent="0.3">
      <c r="A70159" s="13" t="s">
        <v>364</v>
      </c>
      <c r="B70159" s="14" t="s">
        <v>1</v>
      </c>
      <c r="C70159" s="14" t="s">
        <v>238</v>
      </c>
      <c r="D70159" s="14" t="s">
        <v>155</v>
      </c>
      <c r="E70159" s="15">
        <v>45455</v>
      </c>
      <c r="F70159" s="14" t="s">
        <v>25</v>
      </c>
      <c r="G70159" s="16">
        <v>0.49788454654804198</v>
      </c>
    </row>
    <row r="70160" spans="1:7" x14ac:dyDescent="0.3">
      <c r="A70160" s="13" t="s">
        <v>364</v>
      </c>
      <c r="B70160" s="14" t="s">
        <v>1</v>
      </c>
      <c r="C70160" s="14" t="s">
        <v>238</v>
      </c>
      <c r="D70160" s="14" t="s">
        <v>155</v>
      </c>
      <c r="E70160" s="15">
        <v>45456</v>
      </c>
      <c r="F70160" s="14" t="s">
        <v>25</v>
      </c>
      <c r="G70160" s="16">
        <v>0.5010614743332652</v>
      </c>
    </row>
    <row r="70161" spans="1:7" x14ac:dyDescent="0.3">
      <c r="A70161" s="13" t="s">
        <v>364</v>
      </c>
      <c r="B70161" s="14" t="s">
        <v>1</v>
      </c>
      <c r="C70161" s="14" t="s">
        <v>238</v>
      </c>
      <c r="D70161" s="14" t="s">
        <v>155</v>
      </c>
      <c r="E70161" s="15">
        <v>45457</v>
      </c>
      <c r="F70161" s="14" t="s">
        <v>25</v>
      </c>
      <c r="G70161" s="16">
        <v>0.5040746094187013</v>
      </c>
    </row>
    <row r="70162" spans="1:7" x14ac:dyDescent="0.3">
      <c r="A70162" s="13" t="s">
        <v>364</v>
      </c>
      <c r="B70162" s="14" t="s">
        <v>1</v>
      </c>
      <c r="C70162" s="14" t="s">
        <v>238</v>
      </c>
      <c r="D70162" s="14" t="s">
        <v>155</v>
      </c>
      <c r="E70162" s="15">
        <v>45458</v>
      </c>
      <c r="F70162" s="14" t="s">
        <v>25</v>
      </c>
      <c r="G70162" s="16">
        <v>0.5040746094187013</v>
      </c>
    </row>
    <row r="70163" spans="1:7" x14ac:dyDescent="0.3">
      <c r="A70163" s="13" t="s">
        <v>364</v>
      </c>
      <c r="B70163" s="14" t="s">
        <v>1</v>
      </c>
      <c r="C70163" s="14" t="s">
        <v>238</v>
      </c>
      <c r="D70163" s="14" t="s">
        <v>155</v>
      </c>
      <c r="E70163" s="15">
        <v>45459</v>
      </c>
      <c r="F70163" s="14" t="s">
        <v>25</v>
      </c>
      <c r="G70163" s="16">
        <v>0.5040746094187013</v>
      </c>
    </row>
    <row r="70164" spans="1:7" x14ac:dyDescent="0.3">
      <c r="A70164" s="13" t="s">
        <v>364</v>
      </c>
      <c r="B70164" s="14" t="s">
        <v>1</v>
      </c>
      <c r="C70164" s="14" t="s">
        <v>238</v>
      </c>
      <c r="D70164" s="14" t="s">
        <v>155</v>
      </c>
      <c r="E70164" s="15">
        <v>45460</v>
      </c>
      <c r="F70164" s="14" t="s">
        <v>25</v>
      </c>
      <c r="G70164" s="16">
        <v>0.51193428334478908</v>
      </c>
    </row>
    <row r="70165" spans="1:7" x14ac:dyDescent="0.3">
      <c r="A70165" s="13" t="s">
        <v>364</v>
      </c>
      <c r="B70165" s="14" t="s">
        <v>1</v>
      </c>
      <c r="C70165" s="14" t="s">
        <v>238</v>
      </c>
      <c r="D70165" s="14" t="s">
        <v>155</v>
      </c>
      <c r="E70165" s="15">
        <v>45461</v>
      </c>
      <c r="F70165" s="14" t="s">
        <v>25</v>
      </c>
      <c r="G70165" s="16">
        <v>0.52934905104423569</v>
      </c>
    </row>
    <row r="70166" spans="1:7" x14ac:dyDescent="0.3">
      <c r="A70166" s="13" t="s">
        <v>364</v>
      </c>
      <c r="B70166" s="14" t="s">
        <v>1</v>
      </c>
      <c r="C70166" s="14" t="s">
        <v>238</v>
      </c>
      <c r="D70166" s="14" t="s">
        <v>155</v>
      </c>
      <c r="E70166" s="15">
        <v>45462</v>
      </c>
      <c r="F70166" s="14" t="s">
        <v>25</v>
      </c>
      <c r="G70166" s="16">
        <v>0.53637596003569543</v>
      </c>
    </row>
    <row r="70167" spans="1:7" x14ac:dyDescent="0.3">
      <c r="A70167" s="13" t="s">
        <v>364</v>
      </c>
      <c r="B70167" s="14" t="s">
        <v>1</v>
      </c>
      <c r="C70167" s="14" t="s">
        <v>238</v>
      </c>
      <c r="D70167" s="14" t="s">
        <v>155</v>
      </c>
      <c r="E70167" s="15">
        <v>45463</v>
      </c>
      <c r="F70167" s="14" t="s">
        <v>25</v>
      </c>
      <c r="G70167" s="16">
        <v>0.54515953155904917</v>
      </c>
    </row>
    <row r="70168" spans="1:7" x14ac:dyDescent="0.3">
      <c r="A70168" s="13" t="s">
        <v>364</v>
      </c>
      <c r="B70168" s="14" t="s">
        <v>1</v>
      </c>
      <c r="C70168" s="14" t="s">
        <v>238</v>
      </c>
      <c r="D70168" s="14" t="s">
        <v>155</v>
      </c>
      <c r="E70168" s="15">
        <v>45464</v>
      </c>
      <c r="F70168" s="14" t="s">
        <v>25</v>
      </c>
      <c r="G70168" s="16">
        <v>0.55308771940952683</v>
      </c>
    </row>
    <row r="70169" spans="1:7" x14ac:dyDescent="0.3">
      <c r="A70169" s="13" t="s">
        <v>364</v>
      </c>
      <c r="B70169" s="14" t="s">
        <v>1</v>
      </c>
      <c r="C70169" s="14" t="s">
        <v>238</v>
      </c>
      <c r="D70169" s="14" t="s">
        <v>155</v>
      </c>
      <c r="E70169" s="15">
        <v>45465</v>
      </c>
      <c r="F70169" s="14" t="s">
        <v>25</v>
      </c>
      <c r="G70169" s="16">
        <v>0.55308771940952683</v>
      </c>
    </row>
    <row r="70170" spans="1:7" x14ac:dyDescent="0.3">
      <c r="A70170" s="13" t="s">
        <v>364</v>
      </c>
      <c r="B70170" s="14" t="s">
        <v>1</v>
      </c>
      <c r="C70170" s="14" t="s">
        <v>238</v>
      </c>
      <c r="D70170" s="14" t="s">
        <v>155</v>
      </c>
      <c r="E70170" s="15">
        <v>45466</v>
      </c>
      <c r="F70170" s="14" t="s">
        <v>25</v>
      </c>
      <c r="G70170" s="16">
        <v>0.55308771940952683</v>
      </c>
    </row>
    <row r="70171" spans="1:7" x14ac:dyDescent="0.3">
      <c r="A70171" s="13" t="s">
        <v>364</v>
      </c>
      <c r="B70171" s="14" t="s">
        <v>1</v>
      </c>
      <c r="C70171" s="14" t="s">
        <v>238</v>
      </c>
      <c r="D70171" s="14" t="s">
        <v>155</v>
      </c>
      <c r="E70171" s="15">
        <v>45467</v>
      </c>
      <c r="F70171" s="14" t="s">
        <v>25</v>
      </c>
      <c r="G70171" s="16">
        <v>0.56558407959582557</v>
      </c>
    </row>
    <row r="70172" spans="1:7" x14ac:dyDescent="0.3">
      <c r="A70172" s="13" t="s">
        <v>364</v>
      </c>
      <c r="B70172" s="14" t="s">
        <v>1</v>
      </c>
      <c r="C70172" s="14" t="s">
        <v>238</v>
      </c>
      <c r="D70172" s="14" t="s">
        <v>155</v>
      </c>
      <c r="E70172" s="15">
        <v>45468</v>
      </c>
      <c r="F70172" s="14" t="s">
        <v>25</v>
      </c>
      <c r="G70172" s="16">
        <v>0.58778031134691677</v>
      </c>
    </row>
    <row r="70173" spans="1:7" x14ac:dyDescent="0.3">
      <c r="A70173" s="13" t="s">
        <v>364</v>
      </c>
      <c r="B70173" s="14" t="s">
        <v>1</v>
      </c>
      <c r="C70173" s="14" t="s">
        <v>238</v>
      </c>
      <c r="D70173" s="14" t="s">
        <v>155</v>
      </c>
      <c r="E70173" s="15">
        <v>45469</v>
      </c>
      <c r="F70173" s="14" t="s">
        <v>25</v>
      </c>
      <c r="G70173" s="16">
        <v>0.59435756110709226</v>
      </c>
    </row>
    <row r="70174" spans="1:7" x14ac:dyDescent="0.3">
      <c r="A70174" s="13" t="s">
        <v>364</v>
      </c>
      <c r="B70174" s="14" t="s">
        <v>1</v>
      </c>
      <c r="C70174" s="14" t="s">
        <v>238</v>
      </c>
      <c r="D70174" s="14" t="s">
        <v>155</v>
      </c>
      <c r="E70174" s="15">
        <v>45470</v>
      </c>
      <c r="F70174" s="14" t="s">
        <v>25</v>
      </c>
      <c r="G70174" s="16">
        <v>0.60332173618032947</v>
      </c>
    </row>
    <row r="70175" spans="1:7" x14ac:dyDescent="0.3">
      <c r="A70175" s="13" t="s">
        <v>364</v>
      </c>
      <c r="B70175" s="14" t="s">
        <v>1</v>
      </c>
      <c r="C70175" s="14" t="s">
        <v>238</v>
      </c>
      <c r="D70175" s="14" t="s">
        <v>155</v>
      </c>
      <c r="E70175" s="15">
        <v>45471</v>
      </c>
      <c r="F70175" s="14" t="s">
        <v>25</v>
      </c>
      <c r="G70175" s="16">
        <v>0.61088822958463318</v>
      </c>
    </row>
    <row r="70176" spans="1:7" x14ac:dyDescent="0.3">
      <c r="A70176" s="13" t="s">
        <v>364</v>
      </c>
      <c r="B70176" s="14" t="s">
        <v>1</v>
      </c>
      <c r="C70176" s="14" t="s">
        <v>238</v>
      </c>
      <c r="D70176" s="14" t="s">
        <v>155</v>
      </c>
      <c r="E70176" s="15">
        <v>45472</v>
      </c>
      <c r="F70176" s="14" t="s">
        <v>25</v>
      </c>
      <c r="G70176" s="16">
        <v>0.61088822958463318</v>
      </c>
    </row>
    <row r="70177" spans="1:7" x14ac:dyDescent="0.3">
      <c r="A70177" s="13" t="s">
        <v>364</v>
      </c>
      <c r="B70177" s="14" t="s">
        <v>1</v>
      </c>
      <c r="C70177" s="14" t="s">
        <v>238</v>
      </c>
      <c r="D70177" s="14" t="s">
        <v>155</v>
      </c>
      <c r="E70177" s="15">
        <v>45473</v>
      </c>
      <c r="F70177" s="14" t="s">
        <v>25</v>
      </c>
      <c r="G70177" s="16">
        <v>0.61088822958463318</v>
      </c>
    </row>
    <row r="70178" spans="1:7" x14ac:dyDescent="0.3">
      <c r="A70178" s="13" t="s">
        <v>364</v>
      </c>
      <c r="B70178" s="14" t="s">
        <v>1</v>
      </c>
      <c r="C70178" s="14" t="s">
        <v>238</v>
      </c>
      <c r="D70178" s="14" t="s">
        <v>155</v>
      </c>
      <c r="E70178" s="15">
        <v>45474</v>
      </c>
      <c r="F70178" s="14" t="s">
        <v>25</v>
      </c>
      <c r="G70178" s="16">
        <v>0.62188339257673775</v>
      </c>
    </row>
    <row r="70179" spans="1:7" x14ac:dyDescent="0.3">
      <c r="A70179" s="13" t="s">
        <v>364</v>
      </c>
      <c r="B70179" s="14" t="s">
        <v>1</v>
      </c>
      <c r="C70179" s="14" t="s">
        <v>238</v>
      </c>
      <c r="D70179" s="14" t="s">
        <v>155</v>
      </c>
      <c r="E70179" s="15">
        <v>45475</v>
      </c>
      <c r="F70179" s="14" t="s">
        <v>25</v>
      </c>
      <c r="G70179" s="16">
        <v>0.64343589170634641</v>
      </c>
    </row>
    <row r="70180" spans="1:7" x14ac:dyDescent="0.3">
      <c r="A70180" s="13" t="s">
        <v>364</v>
      </c>
      <c r="B70180" s="14" t="s">
        <v>1</v>
      </c>
      <c r="C70180" s="14" t="s">
        <v>238</v>
      </c>
      <c r="D70180" s="14" t="s">
        <v>155</v>
      </c>
      <c r="E70180" s="15">
        <v>45476</v>
      </c>
      <c r="F70180" s="14" t="s">
        <v>25</v>
      </c>
      <c r="G70180" s="16">
        <v>0.65110972413282642</v>
      </c>
    </row>
    <row r="70181" spans="1:7" x14ac:dyDescent="0.3">
      <c r="A70181" s="13" t="s">
        <v>364</v>
      </c>
      <c r="B70181" s="14" t="s">
        <v>1</v>
      </c>
      <c r="C70181" s="14" t="s">
        <v>238</v>
      </c>
      <c r="D70181" s="14" t="s">
        <v>155</v>
      </c>
      <c r="E70181" s="15">
        <v>45477</v>
      </c>
      <c r="F70181" s="14" t="s">
        <v>25</v>
      </c>
      <c r="G70181" s="16">
        <v>0.6583396859812044</v>
      </c>
    </row>
    <row r="70182" spans="1:7" x14ac:dyDescent="0.3">
      <c r="A70182" s="13" t="s">
        <v>364</v>
      </c>
      <c r="B70182" s="14" t="s">
        <v>1</v>
      </c>
      <c r="C70182" s="14" t="s">
        <v>238</v>
      </c>
      <c r="D70182" s="14" t="s">
        <v>155</v>
      </c>
      <c r="E70182" s="15">
        <v>45478</v>
      </c>
      <c r="F70182" s="14" t="s">
        <v>25</v>
      </c>
      <c r="G70182" s="16">
        <v>0.66366325503589152</v>
      </c>
    </row>
    <row r="70183" spans="1:7" x14ac:dyDescent="0.3">
      <c r="A70183" s="13" t="s">
        <v>364</v>
      </c>
      <c r="B70183" s="14" t="s">
        <v>1</v>
      </c>
      <c r="C70183" s="14" t="s">
        <v>238</v>
      </c>
      <c r="D70183" s="14" t="s">
        <v>155</v>
      </c>
      <c r="E70183" s="15">
        <v>45479</v>
      </c>
      <c r="F70183" s="14" t="s">
        <v>25</v>
      </c>
      <c r="G70183" s="16">
        <v>0.66366325503589152</v>
      </c>
    </row>
    <row r="70184" spans="1:7" x14ac:dyDescent="0.3">
      <c r="A70184" s="13" t="s">
        <v>364</v>
      </c>
      <c r="B70184" s="14" t="s">
        <v>1</v>
      </c>
      <c r="C70184" s="14" t="s">
        <v>238</v>
      </c>
      <c r="D70184" s="14" t="s">
        <v>155</v>
      </c>
      <c r="E70184" s="15">
        <v>45480</v>
      </c>
      <c r="F70184" s="14" t="s">
        <v>25</v>
      </c>
      <c r="G70184" s="16">
        <v>0.66366325503589152</v>
      </c>
    </row>
    <row r="70185" spans="1:7" x14ac:dyDescent="0.3">
      <c r="A70185" s="13" t="s">
        <v>364</v>
      </c>
      <c r="B70185" s="14" t="s">
        <v>1</v>
      </c>
      <c r="C70185" s="14" t="s">
        <v>238</v>
      </c>
      <c r="D70185" s="14" t="s">
        <v>155</v>
      </c>
      <c r="E70185" s="15">
        <v>45481</v>
      </c>
      <c r="F70185" s="14" t="s">
        <v>25</v>
      </c>
      <c r="G70185" s="16">
        <v>0.67060856079015085</v>
      </c>
    </row>
    <row r="70186" spans="1:7" x14ac:dyDescent="0.3">
      <c r="A70186" s="13" t="s">
        <v>364</v>
      </c>
      <c r="B70186" s="14" t="s">
        <v>1</v>
      </c>
      <c r="C70186" s="14" t="s">
        <v>238</v>
      </c>
      <c r="D70186" s="14" t="s">
        <v>155</v>
      </c>
      <c r="E70186" s="15">
        <v>45482</v>
      </c>
      <c r="F70186" s="14" t="s">
        <v>25</v>
      </c>
      <c r="G70186" s="16">
        <v>0.69017427769317075</v>
      </c>
    </row>
    <row r="70187" spans="1:7" x14ac:dyDescent="0.3">
      <c r="A70187" s="13" t="s">
        <v>364</v>
      </c>
      <c r="B70187" s="14" t="s">
        <v>1</v>
      </c>
      <c r="C70187" s="14" t="s">
        <v>238</v>
      </c>
      <c r="D70187" s="14" t="s">
        <v>155</v>
      </c>
      <c r="E70187" s="15">
        <v>45483</v>
      </c>
      <c r="F70187" s="14" t="s">
        <v>25</v>
      </c>
      <c r="G70187" s="16">
        <v>0.69980500513447574</v>
      </c>
    </row>
    <row r="70188" spans="1:7" x14ac:dyDescent="0.3">
      <c r="A70188" s="13" t="s">
        <v>364</v>
      </c>
      <c r="B70188" s="14" t="s">
        <v>1</v>
      </c>
      <c r="C70188" s="14" t="s">
        <v>238</v>
      </c>
      <c r="D70188" s="14" t="s">
        <v>155</v>
      </c>
      <c r="E70188" s="15">
        <v>45484</v>
      </c>
      <c r="F70188" s="14" t="s">
        <v>25</v>
      </c>
      <c r="G70188" s="16">
        <v>0.70650156823265553</v>
      </c>
    </row>
    <row r="70189" spans="1:7" x14ac:dyDescent="0.3">
      <c r="A70189" s="13" t="s">
        <v>364</v>
      </c>
      <c r="B70189" s="14" t="s">
        <v>1</v>
      </c>
      <c r="C70189" s="14" t="s">
        <v>238</v>
      </c>
      <c r="D70189" s="14" t="s">
        <v>155</v>
      </c>
      <c r="E70189" s="15">
        <v>45485</v>
      </c>
      <c r="F70189" s="14" t="s">
        <v>25</v>
      </c>
      <c r="G70189" s="16">
        <v>0.71402887267529624</v>
      </c>
    </row>
    <row r="70190" spans="1:7" x14ac:dyDescent="0.3">
      <c r="A70190" s="13" t="s">
        <v>364</v>
      </c>
      <c r="B70190" s="14" t="s">
        <v>1</v>
      </c>
      <c r="C70190" s="14" t="s">
        <v>238</v>
      </c>
      <c r="D70190" s="14" t="s">
        <v>155</v>
      </c>
      <c r="E70190" s="15">
        <v>45486</v>
      </c>
      <c r="F70190" s="14" t="s">
        <v>25</v>
      </c>
      <c r="G70190" s="16">
        <v>0.71402887267529624</v>
      </c>
    </row>
    <row r="70191" spans="1:7" x14ac:dyDescent="0.3">
      <c r="A70191" s="13" t="s">
        <v>364</v>
      </c>
      <c r="B70191" s="14" t="s">
        <v>1</v>
      </c>
      <c r="C70191" s="14" t="s">
        <v>238</v>
      </c>
      <c r="D70191" s="14" t="s">
        <v>155</v>
      </c>
      <c r="E70191" s="15">
        <v>45487</v>
      </c>
      <c r="F70191" s="14" t="s">
        <v>25</v>
      </c>
      <c r="G70191" s="16">
        <v>0.71402887267529624</v>
      </c>
    </row>
    <row r="70192" spans="1:7" x14ac:dyDescent="0.3">
      <c r="A70192" s="13" t="s">
        <v>364</v>
      </c>
      <c r="B70192" s="14" t="s">
        <v>1</v>
      </c>
      <c r="C70192" s="14" t="s">
        <v>238</v>
      </c>
      <c r="D70192" s="14" t="s">
        <v>155</v>
      </c>
      <c r="E70192" s="15">
        <v>45488</v>
      </c>
      <c r="F70192" s="14" t="s">
        <v>25</v>
      </c>
      <c r="G70192" s="16">
        <v>0.72117249371265069</v>
      </c>
    </row>
    <row r="70193" spans="1:7" x14ac:dyDescent="0.3">
      <c r="A70193" s="13" t="s">
        <v>364</v>
      </c>
      <c r="B70193" s="14" t="s">
        <v>1</v>
      </c>
      <c r="C70193" s="14" t="s">
        <v>238</v>
      </c>
      <c r="D70193" s="14" t="s">
        <v>155</v>
      </c>
      <c r="E70193" s="15">
        <v>45489</v>
      </c>
      <c r="F70193" s="14" t="s">
        <v>25</v>
      </c>
      <c r="G70193" s="16">
        <v>0.73981433548614417</v>
      </c>
    </row>
    <row r="70194" spans="1:7" x14ac:dyDescent="0.3">
      <c r="A70194" s="13" t="s">
        <v>364</v>
      </c>
      <c r="B70194" s="14" t="s">
        <v>1</v>
      </c>
      <c r="C70194" s="14" t="s">
        <v>238</v>
      </c>
      <c r="D70194" s="14" t="s">
        <v>155</v>
      </c>
      <c r="E70194" s="15">
        <v>45490</v>
      </c>
      <c r="F70194" s="14" t="s">
        <v>25</v>
      </c>
      <c r="G70194" s="16">
        <v>0.74078186490846432</v>
      </c>
    </row>
    <row r="70195" spans="1:7" x14ac:dyDescent="0.3">
      <c r="A70195" s="13" t="s">
        <v>364</v>
      </c>
      <c r="B70195" s="14" t="s">
        <v>1</v>
      </c>
      <c r="C70195" s="14" t="s">
        <v>238</v>
      </c>
      <c r="D70195" s="14" t="s">
        <v>155</v>
      </c>
      <c r="E70195" s="15">
        <v>45491</v>
      </c>
      <c r="F70195" s="14" t="s">
        <v>25</v>
      </c>
      <c r="G70195" s="16">
        <v>0.74809084353446775</v>
      </c>
    </row>
    <row r="70196" spans="1:7" x14ac:dyDescent="0.3">
      <c r="A70196" s="13" t="s">
        <v>364</v>
      </c>
      <c r="B70196" s="14" t="s">
        <v>1</v>
      </c>
      <c r="C70196" s="14" t="s">
        <v>238</v>
      </c>
      <c r="D70196" s="14" t="s">
        <v>155</v>
      </c>
      <c r="E70196" s="15">
        <v>45492</v>
      </c>
      <c r="F70196" s="14" t="s">
        <v>25</v>
      </c>
      <c r="G70196" s="16">
        <v>0.75496810033282824</v>
      </c>
    </row>
    <row r="70197" spans="1:7" x14ac:dyDescent="0.3">
      <c r="A70197" s="13" t="s">
        <v>364</v>
      </c>
      <c r="B70197" s="14" t="s">
        <v>1</v>
      </c>
      <c r="C70197" s="14" t="s">
        <v>238</v>
      </c>
      <c r="D70197" s="14" t="s">
        <v>155</v>
      </c>
      <c r="E70197" s="15">
        <v>45493</v>
      </c>
      <c r="F70197" s="14" t="s">
        <v>25</v>
      </c>
      <c r="G70197" s="16">
        <v>0.75496810033282824</v>
      </c>
    </row>
    <row r="70198" spans="1:7" x14ac:dyDescent="0.3">
      <c r="A70198" s="13" t="s">
        <v>364</v>
      </c>
      <c r="B70198" s="14" t="s">
        <v>1</v>
      </c>
      <c r="C70198" s="14" t="s">
        <v>238</v>
      </c>
      <c r="D70198" s="14" t="s">
        <v>155</v>
      </c>
      <c r="E70198" s="15">
        <v>45494</v>
      </c>
      <c r="F70198" s="14" t="s">
        <v>25</v>
      </c>
      <c r="G70198" s="16">
        <v>0.75496810033282824</v>
      </c>
    </row>
    <row r="70199" spans="1:7" x14ac:dyDescent="0.3">
      <c r="A70199" s="13" t="s">
        <v>364</v>
      </c>
      <c r="B70199" s="14" t="s">
        <v>1</v>
      </c>
      <c r="C70199" s="14" t="s">
        <v>238</v>
      </c>
      <c r="D70199" s="14" t="s">
        <v>155</v>
      </c>
      <c r="E70199" s="15">
        <v>45495</v>
      </c>
      <c r="F70199" s="14" t="s">
        <v>25</v>
      </c>
      <c r="G70199" s="16">
        <v>0.76314328543718235</v>
      </c>
    </row>
    <row r="70200" spans="1:7" x14ac:dyDescent="0.3">
      <c r="A70200" s="13" t="s">
        <v>364</v>
      </c>
      <c r="B70200" s="14" t="s">
        <v>1</v>
      </c>
      <c r="C70200" s="14" t="s">
        <v>238</v>
      </c>
      <c r="D70200" s="14" t="s">
        <v>155</v>
      </c>
      <c r="E70200" s="15">
        <v>45496</v>
      </c>
      <c r="F70200" s="14" t="s">
        <v>25</v>
      </c>
      <c r="G70200" s="16">
        <v>0.77943600004814162</v>
      </c>
    </row>
    <row r="70201" spans="1:7" x14ac:dyDescent="0.3">
      <c r="A70201" s="13" t="s">
        <v>364</v>
      </c>
      <c r="B70201" s="14" t="s">
        <v>1</v>
      </c>
      <c r="C70201" s="14" t="s">
        <v>238</v>
      </c>
      <c r="D70201" s="14" t="s">
        <v>155</v>
      </c>
      <c r="E70201" s="15">
        <v>45497</v>
      </c>
      <c r="F70201" s="14" t="s">
        <v>25</v>
      </c>
      <c r="G70201" s="16">
        <v>0.7799226364597045</v>
      </c>
    </row>
    <row r="70202" spans="1:7" x14ac:dyDescent="0.3">
      <c r="A70202" s="13" t="s">
        <v>364</v>
      </c>
      <c r="B70202" s="14" t="s">
        <v>1</v>
      </c>
      <c r="C70202" s="14" t="s">
        <v>238</v>
      </c>
      <c r="D70202" s="14" t="s">
        <v>155</v>
      </c>
      <c r="E70202" s="15">
        <v>45498</v>
      </c>
      <c r="F70202" s="14" t="s">
        <v>25</v>
      </c>
      <c r="G70202" s="16">
        <v>0.78398600429877485</v>
      </c>
    </row>
    <row r="70203" spans="1:7" x14ac:dyDescent="0.3">
      <c r="A70203" s="13" t="s">
        <v>364</v>
      </c>
      <c r="B70203" s="14" t="s">
        <v>1</v>
      </c>
      <c r="C70203" s="14" t="s">
        <v>238</v>
      </c>
      <c r="D70203" s="14" t="s">
        <v>155</v>
      </c>
      <c r="E70203" s="15">
        <v>45499</v>
      </c>
      <c r="F70203" s="14" t="s">
        <v>25</v>
      </c>
      <c r="G70203" s="16">
        <v>0.79339413274327786</v>
      </c>
    </row>
    <row r="70204" spans="1:7" x14ac:dyDescent="0.3">
      <c r="A70204" s="13" t="s">
        <v>364</v>
      </c>
      <c r="B70204" s="14" t="s">
        <v>1</v>
      </c>
      <c r="C70204" s="14" t="s">
        <v>238</v>
      </c>
      <c r="D70204" s="14" t="s">
        <v>155</v>
      </c>
      <c r="E70204" s="15">
        <v>45500</v>
      </c>
      <c r="F70204" s="14" t="s">
        <v>25</v>
      </c>
      <c r="G70204" s="16">
        <v>0.79339413274327786</v>
      </c>
    </row>
    <row r="70205" spans="1:7" x14ac:dyDescent="0.3">
      <c r="A70205" s="13" t="s">
        <v>364</v>
      </c>
      <c r="B70205" s="14" t="s">
        <v>1</v>
      </c>
      <c r="C70205" s="14" t="s">
        <v>238</v>
      </c>
      <c r="D70205" s="14" t="s">
        <v>155</v>
      </c>
      <c r="E70205" s="15">
        <v>45501</v>
      </c>
      <c r="F70205" s="14" t="s">
        <v>25</v>
      </c>
      <c r="G70205" s="16">
        <v>0.79339413274327786</v>
      </c>
    </row>
    <row r="70206" spans="1:7" x14ac:dyDescent="0.3">
      <c r="A70206" s="13" t="s">
        <v>364</v>
      </c>
      <c r="B70206" s="14" t="s">
        <v>1</v>
      </c>
      <c r="C70206" s="14" t="s">
        <v>238</v>
      </c>
      <c r="D70206" s="14" t="s">
        <v>155</v>
      </c>
      <c r="E70206" s="15">
        <v>45502</v>
      </c>
      <c r="F70206" s="14" t="s">
        <v>25</v>
      </c>
      <c r="G70206" s="16">
        <v>0.79811532701337862</v>
      </c>
    </row>
    <row r="70207" spans="1:7" x14ac:dyDescent="0.3">
      <c r="A70207" s="13" t="s">
        <v>364</v>
      </c>
      <c r="B70207" s="14" t="s">
        <v>1</v>
      </c>
      <c r="C70207" s="14" t="s">
        <v>238</v>
      </c>
      <c r="D70207" s="14" t="s">
        <v>155</v>
      </c>
      <c r="E70207" s="15">
        <v>45503</v>
      </c>
      <c r="F70207" s="14" t="s">
        <v>25</v>
      </c>
      <c r="G70207" s="16">
        <v>0.81486257298778919</v>
      </c>
    </row>
    <row r="70208" spans="1:7" x14ac:dyDescent="0.3">
      <c r="A70208" s="13" t="s">
        <v>364</v>
      </c>
      <c r="B70208" s="14" t="s">
        <v>1</v>
      </c>
      <c r="C70208" s="14" t="s">
        <v>238</v>
      </c>
      <c r="D70208" s="14" t="s">
        <v>155</v>
      </c>
      <c r="E70208" s="15">
        <v>45504</v>
      </c>
      <c r="F70208" s="14" t="s">
        <v>25</v>
      </c>
      <c r="G70208" s="16">
        <v>0.81804071611274376</v>
      </c>
    </row>
    <row r="70209" spans="1:7" x14ac:dyDescent="0.3">
      <c r="A70209" s="13" t="s">
        <v>364</v>
      </c>
      <c r="B70209" s="14" t="s">
        <v>1</v>
      </c>
      <c r="C70209" s="14" t="s">
        <v>238</v>
      </c>
      <c r="D70209" s="14" t="s">
        <v>155</v>
      </c>
      <c r="E70209" s="15">
        <v>45505</v>
      </c>
      <c r="F70209" s="14" t="s">
        <v>25</v>
      </c>
      <c r="G70209" s="16">
        <v>0.81804071611274376</v>
      </c>
    </row>
    <row r="70210" spans="1:7" x14ac:dyDescent="0.3">
      <c r="A70210" s="13" t="s">
        <v>364</v>
      </c>
      <c r="B70210" s="14" t="s">
        <v>1</v>
      </c>
      <c r="C70210" s="14" t="s">
        <v>238</v>
      </c>
      <c r="D70210" s="14" t="s">
        <v>155</v>
      </c>
      <c r="E70210" s="15">
        <v>45506</v>
      </c>
      <c r="F70210" s="14" t="s">
        <v>25</v>
      </c>
      <c r="G70210" s="16">
        <v>0.81226997964037129</v>
      </c>
    </row>
    <row r="70211" spans="1:7" x14ac:dyDescent="0.3">
      <c r="A70211" s="13" t="s">
        <v>364</v>
      </c>
      <c r="B70211" s="14" t="s">
        <v>1</v>
      </c>
      <c r="C70211" s="14" t="s">
        <v>238</v>
      </c>
      <c r="D70211" s="14" t="s">
        <v>155</v>
      </c>
      <c r="E70211" s="15">
        <v>45507</v>
      </c>
      <c r="F70211" s="14" t="s">
        <v>25</v>
      </c>
      <c r="G70211" s="16">
        <v>0.81226997964037129</v>
      </c>
    </row>
    <row r="70212" spans="1:7" x14ac:dyDescent="0.3">
      <c r="A70212" s="13" t="s">
        <v>364</v>
      </c>
      <c r="B70212" s="14" t="s">
        <v>1</v>
      </c>
      <c r="C70212" s="14" t="s">
        <v>238</v>
      </c>
      <c r="D70212" s="14" t="s">
        <v>155</v>
      </c>
      <c r="E70212" s="15">
        <v>45508</v>
      </c>
      <c r="F70212" s="14" t="s">
        <v>25</v>
      </c>
      <c r="G70212" s="16">
        <v>0.81226997964037129</v>
      </c>
    </row>
    <row r="70213" spans="1:7" x14ac:dyDescent="0.3">
      <c r="A70213" s="13" t="s">
        <v>364</v>
      </c>
      <c r="B70213" s="14" t="s">
        <v>1</v>
      </c>
      <c r="C70213" s="14" t="s">
        <v>238</v>
      </c>
      <c r="D70213" s="14" t="s">
        <v>155</v>
      </c>
      <c r="E70213" s="15">
        <v>45509</v>
      </c>
      <c r="F70213" s="14" t="s">
        <v>25</v>
      </c>
      <c r="G70213" s="16">
        <v>0.81226997964037129</v>
      </c>
    </row>
    <row r="70214" spans="1:7" x14ac:dyDescent="0.3">
      <c r="A70214" s="13" t="s">
        <v>364</v>
      </c>
      <c r="B70214" s="14" t="s">
        <v>1</v>
      </c>
      <c r="C70214" s="14" t="s">
        <v>238</v>
      </c>
      <c r="D70214" s="14" t="s">
        <v>155</v>
      </c>
      <c r="E70214" s="15">
        <v>45510</v>
      </c>
      <c r="F70214" s="14" t="s">
        <v>25</v>
      </c>
      <c r="G70214" s="16">
        <v>0.82137175427905873</v>
      </c>
    </row>
    <row r="70215" spans="1:7" x14ac:dyDescent="0.3">
      <c r="A70215" s="13" t="s">
        <v>364</v>
      </c>
      <c r="B70215" s="14" t="s">
        <v>1</v>
      </c>
      <c r="C70215" s="14" t="s">
        <v>238</v>
      </c>
      <c r="D70215" s="14" t="s">
        <v>155</v>
      </c>
      <c r="E70215" s="15">
        <v>45511</v>
      </c>
      <c r="F70215" s="14" t="s">
        <v>25</v>
      </c>
      <c r="G70215" s="16">
        <v>0.85796234439366947</v>
      </c>
    </row>
    <row r="70216" spans="1:7" x14ac:dyDescent="0.3">
      <c r="A70216" s="13" t="s">
        <v>364</v>
      </c>
      <c r="B70216" s="14" t="s">
        <v>1</v>
      </c>
      <c r="C70216" s="14" t="s">
        <v>238</v>
      </c>
      <c r="D70216" s="14" t="s">
        <v>155</v>
      </c>
      <c r="E70216" s="15">
        <v>45512</v>
      </c>
      <c r="F70216" s="14" t="s">
        <v>25</v>
      </c>
      <c r="G70216" s="16">
        <v>0.86734509170783403</v>
      </c>
    </row>
    <row r="70217" spans="1:7" x14ac:dyDescent="0.3">
      <c r="A70217" s="13" t="s">
        <v>364</v>
      </c>
      <c r="B70217" s="14" t="s">
        <v>1</v>
      </c>
      <c r="C70217" s="14" t="s">
        <v>238</v>
      </c>
      <c r="D70217" s="14" t="s">
        <v>155</v>
      </c>
      <c r="E70217" s="15">
        <v>45513</v>
      </c>
      <c r="F70217" s="14" t="s">
        <v>25</v>
      </c>
      <c r="G70217" s="16">
        <v>0.87278679373774715</v>
      </c>
    </row>
    <row r="70218" spans="1:7" x14ac:dyDescent="0.3">
      <c r="A70218" s="13" t="s">
        <v>364</v>
      </c>
      <c r="B70218" s="14" t="s">
        <v>1</v>
      </c>
      <c r="C70218" s="14" t="s">
        <v>238</v>
      </c>
      <c r="D70218" s="14" t="s">
        <v>155</v>
      </c>
      <c r="E70218" s="15">
        <v>45514</v>
      </c>
      <c r="F70218" s="14" t="s">
        <v>25</v>
      </c>
      <c r="G70218" s="16">
        <v>0.87278679373774715</v>
      </c>
    </row>
    <row r="70219" spans="1:7" x14ac:dyDescent="0.3">
      <c r="A70219" s="13" t="s">
        <v>364</v>
      </c>
      <c r="B70219" s="14" t="s">
        <v>1</v>
      </c>
      <c r="C70219" s="14" t="s">
        <v>238</v>
      </c>
      <c r="D70219" s="14" t="s">
        <v>155</v>
      </c>
      <c r="E70219" s="15">
        <v>45515</v>
      </c>
      <c r="F70219" s="14" t="s">
        <v>25</v>
      </c>
      <c r="G70219" s="16">
        <v>0.87278679373774715</v>
      </c>
    </row>
    <row r="70220" spans="1:7" x14ac:dyDescent="0.3">
      <c r="A70220" s="13" t="s">
        <v>364</v>
      </c>
      <c r="B70220" s="14" t="s">
        <v>1</v>
      </c>
      <c r="C70220" s="14" t="s">
        <v>238</v>
      </c>
      <c r="D70220" s="14" t="s">
        <v>155</v>
      </c>
      <c r="E70220" s="15">
        <v>45516</v>
      </c>
      <c r="F70220" s="14" t="s">
        <v>25</v>
      </c>
      <c r="G70220" s="16">
        <v>0.88053422625544564</v>
      </c>
    </row>
    <row r="70221" spans="1:7" x14ac:dyDescent="0.3">
      <c r="A70221" s="13" t="s">
        <v>364</v>
      </c>
      <c r="B70221" s="14" t="s">
        <v>1</v>
      </c>
      <c r="C70221" s="14" t="s">
        <v>238</v>
      </c>
      <c r="D70221" s="14" t="s">
        <v>155</v>
      </c>
      <c r="E70221" s="15">
        <v>45517</v>
      </c>
      <c r="F70221" s="14" t="s">
        <v>25</v>
      </c>
      <c r="G70221" s="16">
        <v>0.90530084027321989</v>
      </c>
    </row>
    <row r="70222" spans="1:7" x14ac:dyDescent="0.3">
      <c r="A70222" s="13" t="s">
        <v>364</v>
      </c>
      <c r="B70222" s="14" t="s">
        <v>1</v>
      </c>
      <c r="C70222" s="14" t="s">
        <v>238</v>
      </c>
      <c r="D70222" s="14" t="s">
        <v>155</v>
      </c>
      <c r="E70222" s="15">
        <v>45518</v>
      </c>
      <c r="F70222" s="14" t="s">
        <v>25</v>
      </c>
      <c r="G70222" s="16">
        <v>0.91413823686377571</v>
      </c>
    </row>
    <row r="70223" spans="1:7" x14ac:dyDescent="0.3">
      <c r="A70223" s="13" t="s">
        <v>364</v>
      </c>
      <c r="B70223" s="14" t="s">
        <v>1</v>
      </c>
      <c r="C70223" s="14" t="s">
        <v>238</v>
      </c>
      <c r="D70223" s="14" t="s">
        <v>155</v>
      </c>
      <c r="E70223" s="15">
        <v>45519</v>
      </c>
      <c r="F70223" s="14" t="s">
        <v>25</v>
      </c>
      <c r="G70223" s="16">
        <v>0.92532285333145547</v>
      </c>
    </row>
    <row r="70224" spans="1:7" x14ac:dyDescent="0.3">
      <c r="A70224" s="13" t="s">
        <v>364</v>
      </c>
      <c r="B70224" s="14" t="s">
        <v>1</v>
      </c>
      <c r="C70224" s="14" t="s">
        <v>238</v>
      </c>
      <c r="D70224" s="14" t="s">
        <v>155</v>
      </c>
      <c r="E70224" s="15">
        <v>45520</v>
      </c>
      <c r="F70224" s="14" t="s">
        <v>25</v>
      </c>
      <c r="G70224" s="16">
        <v>0.92992223287286802</v>
      </c>
    </row>
    <row r="70225" spans="1:7" x14ac:dyDescent="0.3">
      <c r="A70225" s="13" t="s">
        <v>364</v>
      </c>
      <c r="B70225" s="14" t="s">
        <v>1</v>
      </c>
      <c r="C70225" s="14" t="s">
        <v>238</v>
      </c>
      <c r="D70225" s="14" t="s">
        <v>155</v>
      </c>
      <c r="E70225" s="15">
        <v>45521</v>
      </c>
      <c r="F70225" s="14" t="s">
        <v>25</v>
      </c>
      <c r="G70225" s="16">
        <v>0.92992223287286802</v>
      </c>
    </row>
    <row r="70226" spans="1:7" x14ac:dyDescent="0.3">
      <c r="A70226" s="13" t="s">
        <v>364</v>
      </c>
      <c r="B70226" s="14" t="s">
        <v>1</v>
      </c>
      <c r="C70226" s="14" t="s">
        <v>238</v>
      </c>
      <c r="D70226" s="14" t="s">
        <v>155</v>
      </c>
      <c r="E70226" s="15">
        <v>45522</v>
      </c>
      <c r="F70226" s="14" t="s">
        <v>25</v>
      </c>
      <c r="G70226" s="16">
        <v>0.92992223287286802</v>
      </c>
    </row>
    <row r="70227" spans="1:7" x14ac:dyDescent="0.3">
      <c r="A70227" s="13" t="s">
        <v>364</v>
      </c>
      <c r="B70227" s="14" t="s">
        <v>1</v>
      </c>
      <c r="C70227" s="14" t="s">
        <v>238</v>
      </c>
      <c r="D70227" s="14" t="s">
        <v>155</v>
      </c>
      <c r="E70227" s="15">
        <v>45523</v>
      </c>
      <c r="F70227" s="14" t="s">
        <v>25</v>
      </c>
      <c r="G70227" s="16">
        <v>0.93789912830333366</v>
      </c>
    </row>
    <row r="70228" spans="1:7" x14ac:dyDescent="0.3">
      <c r="A70228" s="13" t="s">
        <v>364</v>
      </c>
      <c r="B70228" s="14" t="s">
        <v>1</v>
      </c>
      <c r="C70228" s="14" t="s">
        <v>238</v>
      </c>
      <c r="D70228" s="14" t="s">
        <v>155</v>
      </c>
      <c r="E70228" s="15">
        <v>45524</v>
      </c>
      <c r="F70228" s="14" t="s">
        <v>25</v>
      </c>
      <c r="G70228" s="16">
        <v>0.95227808343222653</v>
      </c>
    </row>
    <row r="70229" spans="1:7" x14ac:dyDescent="0.3">
      <c r="A70229" s="13" t="s">
        <v>364</v>
      </c>
      <c r="B70229" s="14" t="s">
        <v>1</v>
      </c>
      <c r="C70229" s="14" t="s">
        <v>238</v>
      </c>
      <c r="D70229" s="14" t="s">
        <v>155</v>
      </c>
      <c r="E70229" s="15">
        <v>45525</v>
      </c>
      <c r="F70229" s="14" t="s">
        <v>25</v>
      </c>
      <c r="G70229" s="16">
        <v>0.95763779280121375</v>
      </c>
    </row>
    <row r="70230" spans="1:7" x14ac:dyDescent="0.3">
      <c r="A70230" s="13" t="s">
        <v>364</v>
      </c>
      <c r="B70230" s="14" t="s">
        <v>1</v>
      </c>
      <c r="C70230" s="14" t="s">
        <v>238</v>
      </c>
      <c r="D70230" s="14" t="s">
        <v>155</v>
      </c>
      <c r="E70230" s="15">
        <v>45526</v>
      </c>
      <c r="F70230" s="14" t="s">
        <v>25</v>
      </c>
      <c r="G70230" s="16">
        <v>0.96207682060935917</v>
      </c>
    </row>
    <row r="70231" spans="1:7" x14ac:dyDescent="0.3">
      <c r="A70231" s="13" t="s">
        <v>364</v>
      </c>
      <c r="B70231" s="14" t="s">
        <v>1</v>
      </c>
      <c r="C70231" s="14" t="s">
        <v>238</v>
      </c>
      <c r="D70231" s="14" t="s">
        <v>155</v>
      </c>
      <c r="E70231" s="15">
        <v>45527</v>
      </c>
      <c r="F70231" s="14" t="s">
        <v>25</v>
      </c>
      <c r="G70231" s="16">
        <v>0.97058652404086054</v>
      </c>
    </row>
    <row r="70232" spans="1:7" x14ac:dyDescent="0.3">
      <c r="A70232" s="13" t="s">
        <v>364</v>
      </c>
      <c r="B70232" s="14" t="s">
        <v>1</v>
      </c>
      <c r="C70232" s="14" t="s">
        <v>238</v>
      </c>
      <c r="D70232" s="14" t="s">
        <v>155</v>
      </c>
      <c r="E70232" s="15">
        <v>45528</v>
      </c>
      <c r="F70232" s="14" t="s">
        <v>25</v>
      </c>
      <c r="G70232" s="16">
        <v>0.97058652404086054</v>
      </c>
    </row>
    <row r="70233" spans="1:7" x14ac:dyDescent="0.3">
      <c r="A70233" s="13" t="s">
        <v>364</v>
      </c>
      <c r="B70233" s="14" t="s">
        <v>1</v>
      </c>
      <c r="C70233" s="14" t="s">
        <v>238</v>
      </c>
      <c r="D70233" s="14" t="s">
        <v>155</v>
      </c>
      <c r="E70233" s="15">
        <v>45529</v>
      </c>
      <c r="F70233" s="14" t="s">
        <v>25</v>
      </c>
      <c r="G70233" s="16">
        <v>0.97058652404086054</v>
      </c>
    </row>
    <row r="70234" spans="1:7" x14ac:dyDescent="0.3">
      <c r="A70234" s="13" t="s">
        <v>364</v>
      </c>
      <c r="B70234" s="14" t="s">
        <v>1</v>
      </c>
      <c r="C70234" s="14" t="s">
        <v>238</v>
      </c>
      <c r="D70234" s="14" t="s">
        <v>155</v>
      </c>
      <c r="E70234" s="15">
        <v>45530</v>
      </c>
      <c r="F70234" s="14" t="s">
        <v>25</v>
      </c>
      <c r="G70234" s="16">
        <v>0.97399249960337375</v>
      </c>
    </row>
    <row r="70235" spans="1:7" x14ac:dyDescent="0.3">
      <c r="A70235" s="13" t="s">
        <v>364</v>
      </c>
      <c r="B70235" s="14" t="s">
        <v>1</v>
      </c>
      <c r="C70235" s="14" t="s">
        <v>238</v>
      </c>
      <c r="D70235" s="14" t="s">
        <v>155</v>
      </c>
      <c r="E70235" s="15">
        <v>45531</v>
      </c>
      <c r="F70235" s="14" t="s">
        <v>25</v>
      </c>
      <c r="G70235" s="16">
        <v>0.98929528826561053</v>
      </c>
    </row>
    <row r="70236" spans="1:7" x14ac:dyDescent="0.3">
      <c r="A70236" s="13" t="s">
        <v>364</v>
      </c>
      <c r="B70236" s="14" t="s">
        <v>1</v>
      </c>
      <c r="C70236" s="14" t="s">
        <v>238</v>
      </c>
      <c r="D70236" s="14" t="s">
        <v>155</v>
      </c>
      <c r="E70236" s="15">
        <v>45532</v>
      </c>
      <c r="F70236" s="14" t="s">
        <v>25</v>
      </c>
      <c r="G70236" s="16">
        <v>0.99107857642344954</v>
      </c>
    </row>
    <row r="70237" spans="1:7" x14ac:dyDescent="0.3">
      <c r="A70237" s="13" t="s">
        <v>364</v>
      </c>
      <c r="B70237" s="14" t="s">
        <v>1</v>
      </c>
      <c r="C70237" s="14" t="s">
        <v>238</v>
      </c>
      <c r="D70237" s="14" t="s">
        <v>155</v>
      </c>
      <c r="E70237" s="15">
        <v>45533</v>
      </c>
      <c r="F70237" s="14" t="s">
        <v>25</v>
      </c>
      <c r="G70237" s="16">
        <v>0.99256179691638935</v>
      </c>
    </row>
    <row r="70238" spans="1:7" x14ac:dyDescent="0.3">
      <c r="A70238" s="13" t="s">
        <v>364</v>
      </c>
      <c r="B70238" s="14" t="s">
        <v>1</v>
      </c>
      <c r="C70238" s="14" t="s">
        <v>238</v>
      </c>
      <c r="D70238" s="14" t="s">
        <v>155</v>
      </c>
      <c r="E70238" s="15">
        <v>45534</v>
      </c>
      <c r="F70238" s="14" t="s">
        <v>25</v>
      </c>
      <c r="G70238" s="16">
        <v>0.99964245882483105</v>
      </c>
    </row>
    <row r="70239" spans="1:7" x14ac:dyDescent="0.3">
      <c r="A70239" s="13" t="s">
        <v>364</v>
      </c>
      <c r="B70239" s="14" t="s">
        <v>1</v>
      </c>
      <c r="C70239" s="14" t="s">
        <v>238</v>
      </c>
      <c r="D70239" s="14" t="s">
        <v>155</v>
      </c>
      <c r="E70239" s="15">
        <v>45535</v>
      </c>
      <c r="F70239" s="14" t="s">
        <v>25</v>
      </c>
      <c r="G70239" s="16">
        <v>0.99964245882483105</v>
      </c>
    </row>
    <row r="70240" spans="1:7" x14ac:dyDescent="0.3">
      <c r="A70240" s="13" t="s">
        <v>364</v>
      </c>
      <c r="B70240" s="14" t="s">
        <v>1</v>
      </c>
      <c r="C70240" s="14" t="s">
        <v>238</v>
      </c>
      <c r="D70240" s="14" t="s">
        <v>155</v>
      </c>
      <c r="E70240" s="15">
        <v>45536</v>
      </c>
      <c r="F70240" s="14" t="s">
        <v>25</v>
      </c>
      <c r="G70240" s="16">
        <v>0.99964245882483105</v>
      </c>
    </row>
    <row r="70241" spans="1:7" x14ac:dyDescent="0.3">
      <c r="A70241" s="13" t="s">
        <v>364</v>
      </c>
      <c r="B70241" s="14" t="s">
        <v>1</v>
      </c>
      <c r="C70241" s="14" t="s">
        <v>238</v>
      </c>
      <c r="D70241" s="14" t="s">
        <v>155</v>
      </c>
      <c r="E70241" s="15">
        <v>45537</v>
      </c>
      <c r="F70241" s="14" t="s">
        <v>25</v>
      </c>
      <c r="G70241" s="16">
        <v>1.010467592086687</v>
      </c>
    </row>
    <row r="70242" spans="1:7" x14ac:dyDescent="0.3">
      <c r="A70242" s="13" t="s">
        <v>364</v>
      </c>
      <c r="B70242" s="14" t="s">
        <v>1</v>
      </c>
      <c r="C70242" s="14" t="s">
        <v>238</v>
      </c>
      <c r="D70242" s="14" t="s">
        <v>155</v>
      </c>
      <c r="E70242" s="15">
        <v>45538</v>
      </c>
      <c r="F70242" s="14" t="s">
        <v>25</v>
      </c>
      <c r="G70242" s="16">
        <v>1.0263843283868537</v>
      </c>
    </row>
    <row r="70243" spans="1:7" x14ac:dyDescent="0.3">
      <c r="A70243" s="13" t="s">
        <v>364</v>
      </c>
      <c r="B70243" s="14" t="s">
        <v>1</v>
      </c>
      <c r="C70243" s="14" t="s">
        <v>238</v>
      </c>
      <c r="D70243" s="14" t="s">
        <v>155</v>
      </c>
      <c r="E70243" s="15">
        <v>45539</v>
      </c>
      <c r="F70243" s="14" t="s">
        <v>25</v>
      </c>
      <c r="G70243" s="16">
        <v>1.0318717832409641</v>
      </c>
    </row>
    <row r="70244" spans="1:7" x14ac:dyDescent="0.3">
      <c r="A70244" s="13" t="s">
        <v>364</v>
      </c>
      <c r="B70244" s="14" t="s">
        <v>1</v>
      </c>
      <c r="C70244" s="14" t="s">
        <v>238</v>
      </c>
      <c r="D70244" s="14" t="s">
        <v>155</v>
      </c>
      <c r="E70244" s="15">
        <v>45540</v>
      </c>
      <c r="F70244" s="14" t="s">
        <v>25</v>
      </c>
      <c r="G70244" s="16">
        <v>1.0386934003691906</v>
      </c>
    </row>
    <row r="70245" spans="1:7" x14ac:dyDescent="0.3">
      <c r="A70245" s="13" t="s">
        <v>364</v>
      </c>
      <c r="B70245" s="14" t="s">
        <v>1</v>
      </c>
      <c r="C70245" s="14" t="s">
        <v>238</v>
      </c>
      <c r="D70245" s="14" t="s">
        <v>155</v>
      </c>
      <c r="E70245" s="15">
        <v>45541</v>
      </c>
      <c r="F70245" s="14" t="s">
        <v>25</v>
      </c>
      <c r="G70245" s="16">
        <v>1.0413394070205786</v>
      </c>
    </row>
    <row r="70246" spans="1:7" x14ac:dyDescent="0.3">
      <c r="A70246" s="13" t="s">
        <v>364</v>
      </c>
      <c r="B70246" s="14" t="s">
        <v>1</v>
      </c>
      <c r="C70246" s="14" t="s">
        <v>238</v>
      </c>
      <c r="D70246" s="14" t="s">
        <v>155</v>
      </c>
      <c r="E70246" s="15">
        <v>45542</v>
      </c>
      <c r="F70246" s="14" t="s">
        <v>25</v>
      </c>
      <c r="G70246" s="16">
        <v>1.0413394070205786</v>
      </c>
    </row>
    <row r="70247" spans="1:7" x14ac:dyDescent="0.3">
      <c r="A70247" s="13" t="s">
        <v>364</v>
      </c>
      <c r="B70247" s="14" t="s">
        <v>1</v>
      </c>
      <c r="C70247" s="14" t="s">
        <v>238</v>
      </c>
      <c r="D70247" s="14" t="s">
        <v>155</v>
      </c>
      <c r="E70247" s="15">
        <v>45543</v>
      </c>
      <c r="F70247" s="14" t="s">
        <v>25</v>
      </c>
      <c r="G70247" s="16">
        <v>1.0413394070205786</v>
      </c>
    </row>
    <row r="70248" spans="1:7" x14ac:dyDescent="0.3">
      <c r="A70248" s="13" t="s">
        <v>364</v>
      </c>
      <c r="B70248" s="14" t="s">
        <v>1</v>
      </c>
      <c r="C70248" s="14" t="s">
        <v>238</v>
      </c>
      <c r="D70248" s="14" t="s">
        <v>155</v>
      </c>
      <c r="E70248" s="15">
        <v>45544</v>
      </c>
      <c r="F70248" s="14" t="s">
        <v>25</v>
      </c>
      <c r="G70248" s="16">
        <v>1.0513911344590159</v>
      </c>
    </row>
    <row r="70249" spans="1:7" x14ac:dyDescent="0.3">
      <c r="A70249" s="13" t="s">
        <v>364</v>
      </c>
      <c r="B70249" s="14" t="s">
        <v>1</v>
      </c>
      <c r="C70249" s="14" t="s">
        <v>238</v>
      </c>
      <c r="D70249" s="14" t="s">
        <v>155</v>
      </c>
      <c r="E70249" s="15">
        <v>45545</v>
      </c>
      <c r="F70249" s="14" t="s">
        <v>25</v>
      </c>
      <c r="G70249" s="16">
        <v>1.0671286383761418</v>
      </c>
    </row>
    <row r="70250" spans="1:7" x14ac:dyDescent="0.3">
      <c r="A70250" s="13" t="s">
        <v>364</v>
      </c>
      <c r="B70250" s="14" t="s">
        <v>1</v>
      </c>
      <c r="C70250" s="14" t="s">
        <v>238</v>
      </c>
      <c r="D70250" s="14" t="s">
        <v>155</v>
      </c>
      <c r="E70250" s="15">
        <v>45546</v>
      </c>
      <c r="F70250" s="14" t="s">
        <v>25</v>
      </c>
      <c r="G70250" s="16">
        <v>1.0794672546392594</v>
      </c>
    </row>
    <row r="70251" spans="1:7" x14ac:dyDescent="0.3">
      <c r="A70251" s="13" t="s">
        <v>364</v>
      </c>
      <c r="B70251" s="14" t="s">
        <v>1</v>
      </c>
      <c r="C70251" s="14" t="s">
        <v>238</v>
      </c>
      <c r="D70251" s="14" t="s">
        <v>155</v>
      </c>
      <c r="E70251" s="15">
        <v>45547</v>
      </c>
      <c r="F70251" s="14" t="s">
        <v>25</v>
      </c>
      <c r="G70251" s="16">
        <v>1.090839743047884</v>
      </c>
    </row>
    <row r="70252" spans="1:7" x14ac:dyDescent="0.3">
      <c r="A70252" s="13" t="s">
        <v>364</v>
      </c>
      <c r="B70252" s="14" t="s">
        <v>1</v>
      </c>
      <c r="C70252" s="14" t="s">
        <v>238</v>
      </c>
      <c r="D70252" s="14" t="s">
        <v>155</v>
      </c>
      <c r="E70252" s="15">
        <v>45548</v>
      </c>
      <c r="F70252" s="14" t="s">
        <v>25</v>
      </c>
      <c r="G70252" s="16">
        <v>1.0950656015679396</v>
      </c>
    </row>
    <row r="70253" spans="1:7" x14ac:dyDescent="0.3">
      <c r="A70253" s="13" t="s">
        <v>364</v>
      </c>
      <c r="B70253" s="14" t="s">
        <v>1</v>
      </c>
      <c r="C70253" s="14" t="s">
        <v>238</v>
      </c>
      <c r="D70253" s="14" t="s">
        <v>155</v>
      </c>
      <c r="E70253" s="15">
        <v>45549</v>
      </c>
      <c r="F70253" s="14" t="s">
        <v>25</v>
      </c>
      <c r="G70253" s="16">
        <v>1.0950656015679396</v>
      </c>
    </row>
    <row r="70254" spans="1:7" x14ac:dyDescent="0.3">
      <c r="A70254" s="13" t="s">
        <v>364</v>
      </c>
      <c r="B70254" s="14" t="s">
        <v>1</v>
      </c>
      <c r="C70254" s="14" t="s">
        <v>238</v>
      </c>
      <c r="D70254" s="14" t="s">
        <v>155</v>
      </c>
      <c r="E70254" s="15">
        <v>45550</v>
      </c>
      <c r="F70254" s="14" t="s">
        <v>25</v>
      </c>
      <c r="G70254" s="16">
        <v>1.0950656015679396</v>
      </c>
    </row>
    <row r="70255" spans="1:7" x14ac:dyDescent="0.3">
      <c r="A70255" s="13" t="s">
        <v>364</v>
      </c>
      <c r="B70255" s="14" t="s">
        <v>1</v>
      </c>
      <c r="C70255" s="14" t="s">
        <v>238</v>
      </c>
      <c r="D70255" s="14" t="s">
        <v>155</v>
      </c>
      <c r="E70255" s="15">
        <v>45551</v>
      </c>
      <c r="F70255" s="14" t="s">
        <v>25</v>
      </c>
      <c r="G70255" s="16">
        <v>1.1019055296239826</v>
      </c>
    </row>
    <row r="70256" spans="1:7" x14ac:dyDescent="0.3">
      <c r="A70256" s="13" t="s">
        <v>364</v>
      </c>
      <c r="B70256" s="14" t="s">
        <v>1</v>
      </c>
      <c r="C70256" s="14" t="s">
        <v>238</v>
      </c>
      <c r="D70256" s="14" t="s">
        <v>155</v>
      </c>
      <c r="E70256" s="15">
        <v>45552</v>
      </c>
      <c r="F70256" s="14" t="s">
        <v>25</v>
      </c>
      <c r="G70256" s="16">
        <v>1.1235495840909504</v>
      </c>
    </row>
    <row r="70257" spans="1:7" x14ac:dyDescent="0.3">
      <c r="A70257" s="13" t="s">
        <v>364</v>
      </c>
      <c r="B70257" s="14" t="s">
        <v>1</v>
      </c>
      <c r="C70257" s="14" t="s">
        <v>238</v>
      </c>
      <c r="D70257" s="14" t="s">
        <v>155</v>
      </c>
      <c r="E70257" s="15">
        <v>45553</v>
      </c>
      <c r="F70257" s="14" t="s">
        <v>25</v>
      </c>
      <c r="G70257" s="16">
        <v>1.1296055346895335</v>
      </c>
    </row>
    <row r="70258" spans="1:7" x14ac:dyDescent="0.3">
      <c r="A70258" s="13" t="s">
        <v>364</v>
      </c>
      <c r="B70258" s="14" t="s">
        <v>1</v>
      </c>
      <c r="C70258" s="14" t="s">
        <v>238</v>
      </c>
      <c r="D70258" s="14" t="s">
        <v>155</v>
      </c>
      <c r="E70258" s="15">
        <v>45554</v>
      </c>
      <c r="F70258" s="14" t="s">
        <v>25</v>
      </c>
      <c r="G70258" s="16">
        <v>1.1427739707171538</v>
      </c>
    </row>
    <row r="70259" spans="1:7" x14ac:dyDescent="0.3">
      <c r="A70259" s="13" t="s">
        <v>364</v>
      </c>
      <c r="B70259" s="14" t="s">
        <v>1</v>
      </c>
      <c r="C70259" s="14" t="s">
        <v>238</v>
      </c>
      <c r="D70259" s="14" t="s">
        <v>155</v>
      </c>
      <c r="E70259" s="15">
        <v>45555</v>
      </c>
      <c r="F70259" s="14" t="s">
        <v>25</v>
      </c>
      <c r="G70259" s="16">
        <v>1.152929218756751</v>
      </c>
    </row>
    <row r="70260" spans="1:7" x14ac:dyDescent="0.3">
      <c r="A70260" s="13" t="s">
        <v>364</v>
      </c>
      <c r="B70260" s="14" t="s">
        <v>1</v>
      </c>
      <c r="C70260" s="14" t="s">
        <v>238</v>
      </c>
      <c r="D70260" s="14" t="s">
        <v>155</v>
      </c>
      <c r="E70260" s="15">
        <v>45556</v>
      </c>
      <c r="F70260" s="14" t="s">
        <v>25</v>
      </c>
      <c r="G70260" s="16">
        <v>1.152929218756751</v>
      </c>
    </row>
    <row r="70261" spans="1:7" x14ac:dyDescent="0.3">
      <c r="A70261" s="13" t="s">
        <v>364</v>
      </c>
      <c r="B70261" s="14" t="s">
        <v>1</v>
      </c>
      <c r="C70261" s="14" t="s">
        <v>238</v>
      </c>
      <c r="D70261" s="14" t="s">
        <v>155</v>
      </c>
      <c r="E70261" s="15">
        <v>45557</v>
      </c>
      <c r="F70261" s="14" t="s">
        <v>25</v>
      </c>
      <c r="G70261" s="16">
        <v>1.152929218756751</v>
      </c>
    </row>
    <row r="70262" spans="1:7" x14ac:dyDescent="0.3">
      <c r="A70262" s="13" t="s">
        <v>364</v>
      </c>
      <c r="B70262" s="14" t="s">
        <v>1</v>
      </c>
      <c r="C70262" s="14" t="s">
        <v>238</v>
      </c>
      <c r="D70262" s="14" t="s">
        <v>155</v>
      </c>
      <c r="E70262" s="15">
        <v>45558</v>
      </c>
      <c r="F70262" s="14" t="s">
        <v>25</v>
      </c>
      <c r="G70262" s="16">
        <v>1.1506367675213014</v>
      </c>
    </row>
    <row r="70263" spans="1:7" x14ac:dyDescent="0.3">
      <c r="A70263" s="13" t="s">
        <v>364</v>
      </c>
      <c r="B70263" s="14" t="s">
        <v>1</v>
      </c>
      <c r="C70263" s="14" t="s">
        <v>238</v>
      </c>
      <c r="D70263" s="14" t="s">
        <v>155</v>
      </c>
      <c r="E70263" s="15">
        <v>45559</v>
      </c>
      <c r="F70263" s="14" t="s">
        <v>25</v>
      </c>
      <c r="G70263" s="16">
        <v>1.1722396584508019</v>
      </c>
    </row>
    <row r="70264" spans="1:7" x14ac:dyDescent="0.3">
      <c r="A70264" s="13" t="s">
        <v>364</v>
      </c>
      <c r="B70264" s="14" t="s">
        <v>1</v>
      </c>
      <c r="C70264" s="14" t="s">
        <v>238</v>
      </c>
      <c r="D70264" s="14" t="s">
        <v>155</v>
      </c>
      <c r="E70264" s="15">
        <v>45560</v>
      </c>
      <c r="F70264" s="14" t="s">
        <v>25</v>
      </c>
      <c r="G70264" s="16">
        <v>1.1838591538687604</v>
      </c>
    </row>
    <row r="70265" spans="1:7" x14ac:dyDescent="0.3">
      <c r="A70265" s="13" t="s">
        <v>364</v>
      </c>
      <c r="B70265" s="14" t="s">
        <v>1</v>
      </c>
      <c r="C70265" s="14" t="s">
        <v>238</v>
      </c>
      <c r="D70265" s="14" t="s">
        <v>155</v>
      </c>
      <c r="E70265" s="15">
        <v>45561</v>
      </c>
      <c r="F70265" s="14" t="s">
        <v>25</v>
      </c>
      <c r="G70265" s="16">
        <v>1.1892315831252054</v>
      </c>
    </row>
    <row r="70266" spans="1:7" x14ac:dyDescent="0.3">
      <c r="A70266" s="13" t="s">
        <v>364</v>
      </c>
      <c r="B70266" s="14" t="s">
        <v>1</v>
      </c>
      <c r="C70266" s="14" t="s">
        <v>238</v>
      </c>
      <c r="D70266" s="14" t="s">
        <v>155</v>
      </c>
      <c r="E70266" s="15">
        <v>45562</v>
      </c>
      <c r="F70266" s="14" t="s">
        <v>25</v>
      </c>
      <c r="G70266" s="16">
        <v>1.1867059478049617</v>
      </c>
    </row>
    <row r="70267" spans="1:7" x14ac:dyDescent="0.3">
      <c r="A70267" s="13" t="s">
        <v>364</v>
      </c>
      <c r="B70267" s="14" t="s">
        <v>1</v>
      </c>
      <c r="C70267" s="14" t="s">
        <v>238</v>
      </c>
      <c r="D70267" s="14" t="s">
        <v>155</v>
      </c>
      <c r="E70267" s="15">
        <v>45563</v>
      </c>
      <c r="F70267" s="14" t="s">
        <v>25</v>
      </c>
      <c r="G70267" s="16">
        <v>1.1867059478049617</v>
      </c>
    </row>
    <row r="70268" spans="1:7" x14ac:dyDescent="0.3">
      <c r="A70268" s="13" t="s">
        <v>364</v>
      </c>
      <c r="B70268" s="14" t="s">
        <v>1</v>
      </c>
      <c r="C70268" s="14" t="s">
        <v>238</v>
      </c>
      <c r="D70268" s="14" t="s">
        <v>155</v>
      </c>
      <c r="E70268" s="15">
        <v>45564</v>
      </c>
      <c r="F70268" s="14" t="s">
        <v>25</v>
      </c>
      <c r="G70268" s="16">
        <v>1.1867059478049617</v>
      </c>
    </row>
    <row r="70269" spans="1:7" x14ac:dyDescent="0.3">
      <c r="A70269" s="13" t="s">
        <v>364</v>
      </c>
      <c r="B70269" s="14" t="s">
        <v>1</v>
      </c>
      <c r="C70269" s="14" t="s">
        <v>238</v>
      </c>
      <c r="D70269" s="14" t="s">
        <v>155</v>
      </c>
      <c r="E70269" s="15">
        <v>45565</v>
      </c>
      <c r="F70269" s="14" t="s">
        <v>25</v>
      </c>
      <c r="G70269" s="16">
        <v>1.1972258775263309</v>
      </c>
    </row>
    <row r="70270" spans="1:7" x14ac:dyDescent="0.3">
      <c r="A70270" s="13" t="s">
        <v>364</v>
      </c>
      <c r="B70270" s="14" t="s">
        <v>1</v>
      </c>
      <c r="C70270" s="14" t="s">
        <v>238</v>
      </c>
      <c r="D70270" s="14" t="s">
        <v>155</v>
      </c>
      <c r="E70270" s="15">
        <v>45566</v>
      </c>
      <c r="F70270" s="14" t="s">
        <v>25</v>
      </c>
      <c r="G70270" s="16">
        <v>1.2104754063924534</v>
      </c>
    </row>
    <row r="70271" spans="1:7" x14ac:dyDescent="0.3">
      <c r="A70271" s="13" t="s">
        <v>364</v>
      </c>
      <c r="B70271" s="14" t="s">
        <v>1</v>
      </c>
      <c r="C70271" s="14" t="s">
        <v>238</v>
      </c>
      <c r="D70271" s="14" t="s">
        <v>155</v>
      </c>
      <c r="E70271" s="15">
        <v>45567</v>
      </c>
      <c r="F70271" s="14" t="s">
        <v>25</v>
      </c>
      <c r="G70271" s="16">
        <v>1.2194765384859181</v>
      </c>
    </row>
    <row r="70272" spans="1:7" x14ac:dyDescent="0.3">
      <c r="A70272" s="13" t="s">
        <v>364</v>
      </c>
      <c r="B70272" s="14" t="s">
        <v>1</v>
      </c>
      <c r="C70272" s="14" t="s">
        <v>238</v>
      </c>
      <c r="D70272" s="14" t="s">
        <v>155</v>
      </c>
      <c r="E70272" s="15">
        <v>45568</v>
      </c>
      <c r="F70272" s="14" t="s">
        <v>25</v>
      </c>
      <c r="G70272" s="16">
        <v>1.2290099743820171</v>
      </c>
    </row>
    <row r="70273" spans="1:7" x14ac:dyDescent="0.3">
      <c r="A70273" s="13" t="s">
        <v>364</v>
      </c>
      <c r="B70273" s="14" t="s">
        <v>1</v>
      </c>
      <c r="C70273" s="14" t="s">
        <v>238</v>
      </c>
      <c r="D70273" s="14" t="s">
        <v>155</v>
      </c>
      <c r="E70273" s="15">
        <v>45569</v>
      </c>
      <c r="F70273" s="14" t="s">
        <v>25</v>
      </c>
      <c r="G70273" s="16">
        <v>1.237498372685899</v>
      </c>
    </row>
    <row r="70274" spans="1:7" x14ac:dyDescent="0.3">
      <c r="A70274" s="13" t="s">
        <v>364</v>
      </c>
      <c r="B70274" s="14" t="s">
        <v>1</v>
      </c>
      <c r="C70274" s="14" t="s">
        <v>238</v>
      </c>
      <c r="D70274" s="14" t="s">
        <v>155</v>
      </c>
      <c r="E70274" s="15">
        <v>45570</v>
      </c>
      <c r="F70274" s="14" t="s">
        <v>25</v>
      </c>
      <c r="G70274" s="16">
        <v>1.237498372685899</v>
      </c>
    </row>
    <row r="70275" spans="1:7" x14ac:dyDescent="0.3">
      <c r="A70275" s="13" t="s">
        <v>364</v>
      </c>
      <c r="B70275" s="14" t="s">
        <v>1</v>
      </c>
      <c r="C70275" s="14" t="s">
        <v>238</v>
      </c>
      <c r="D70275" s="14" t="s">
        <v>155</v>
      </c>
      <c r="E70275" s="15">
        <v>45571</v>
      </c>
      <c r="F70275" s="14" t="s">
        <v>25</v>
      </c>
      <c r="G70275" s="16">
        <v>1.237498372685899</v>
      </c>
    </row>
    <row r="70276" spans="1:7" x14ac:dyDescent="0.3">
      <c r="A70276" s="13" t="s">
        <v>364</v>
      </c>
      <c r="B70276" s="14" t="s">
        <v>1</v>
      </c>
      <c r="C70276" s="14" t="s">
        <v>238</v>
      </c>
      <c r="D70276" s="14" t="s">
        <v>155</v>
      </c>
      <c r="E70276" s="15">
        <v>45572</v>
      </c>
      <c r="F70276" s="14" t="s">
        <v>25</v>
      </c>
      <c r="G70276" s="16">
        <v>1.2357229323315821</v>
      </c>
    </row>
    <row r="70277" spans="1:7" x14ac:dyDescent="0.3">
      <c r="A70277" s="13" t="s">
        <v>364</v>
      </c>
      <c r="B70277" s="14" t="s">
        <v>1</v>
      </c>
      <c r="C70277" s="14" t="s">
        <v>238</v>
      </c>
      <c r="D70277" s="14" t="s">
        <v>155</v>
      </c>
      <c r="E70277" s="15">
        <v>45573</v>
      </c>
      <c r="F70277" s="14" t="s">
        <v>25</v>
      </c>
      <c r="G70277" s="16">
        <v>1.2631743536012758</v>
      </c>
    </row>
    <row r="70278" spans="1:7" x14ac:dyDescent="0.3">
      <c r="A70278" s="13" t="s">
        <v>364</v>
      </c>
      <c r="B70278" s="14" t="s">
        <v>1</v>
      </c>
      <c r="C70278" s="14" t="s">
        <v>238</v>
      </c>
      <c r="D70278" s="14" t="s">
        <v>155</v>
      </c>
      <c r="E70278" s="15">
        <v>45574</v>
      </c>
      <c r="F70278" s="14" t="s">
        <v>25</v>
      </c>
      <c r="G70278" s="16">
        <v>1.2706484954245965</v>
      </c>
    </row>
    <row r="70279" spans="1:7" x14ac:dyDescent="0.3">
      <c r="A70279" s="13" t="s">
        <v>364</v>
      </c>
      <c r="B70279" s="14" t="s">
        <v>1</v>
      </c>
      <c r="C70279" s="14" t="s">
        <v>238</v>
      </c>
      <c r="D70279" s="14" t="s">
        <v>155</v>
      </c>
      <c r="E70279" s="15">
        <v>45575</v>
      </c>
      <c r="F70279" s="14" t="s">
        <v>25</v>
      </c>
      <c r="G70279" s="16">
        <v>1.2703835254976816</v>
      </c>
    </row>
    <row r="70280" spans="1:7" x14ac:dyDescent="0.3">
      <c r="A70280" s="13" t="s">
        <v>364</v>
      </c>
      <c r="B70280" s="14" t="s">
        <v>1</v>
      </c>
      <c r="C70280" s="14" t="s">
        <v>238</v>
      </c>
      <c r="D70280" s="14" t="s">
        <v>155</v>
      </c>
      <c r="E70280" s="15">
        <v>45576</v>
      </c>
      <c r="F70280" s="14" t="s">
        <v>25</v>
      </c>
      <c r="G70280" s="16">
        <v>1.2788383252540825</v>
      </c>
    </row>
    <row r="70281" spans="1:7" x14ac:dyDescent="0.3">
      <c r="A70281" s="13" t="s">
        <v>364</v>
      </c>
      <c r="B70281" s="14" t="s">
        <v>1</v>
      </c>
      <c r="C70281" s="14" t="s">
        <v>238</v>
      </c>
      <c r="D70281" s="14" t="s">
        <v>155</v>
      </c>
      <c r="E70281" s="15">
        <v>45577</v>
      </c>
      <c r="F70281" s="14" t="s">
        <v>25</v>
      </c>
      <c r="G70281" s="16">
        <v>1.2788383252540825</v>
      </c>
    </row>
    <row r="70282" spans="1:7" x14ac:dyDescent="0.3">
      <c r="A70282" s="13" t="s">
        <v>364</v>
      </c>
      <c r="B70282" s="14" t="s">
        <v>1</v>
      </c>
      <c r="C70282" s="14" t="s">
        <v>238</v>
      </c>
      <c r="D70282" s="14" t="s">
        <v>155</v>
      </c>
      <c r="E70282" s="15">
        <v>45578</v>
      </c>
      <c r="F70282" s="14" t="s">
        <v>25</v>
      </c>
      <c r="G70282" s="16">
        <v>1.2788383252540825</v>
      </c>
    </row>
    <row r="70283" spans="1:7" x14ac:dyDescent="0.3">
      <c r="A70283" s="13" t="s">
        <v>364</v>
      </c>
      <c r="B70283" s="14" t="s">
        <v>1</v>
      </c>
      <c r="C70283" s="14" t="s">
        <v>238</v>
      </c>
      <c r="D70283" s="14" t="s">
        <v>155</v>
      </c>
      <c r="E70283" s="15">
        <v>45579</v>
      </c>
      <c r="F70283" s="14" t="s">
        <v>25</v>
      </c>
      <c r="G70283" s="16">
        <v>1.2905759668887422</v>
      </c>
    </row>
    <row r="70284" spans="1:7" x14ac:dyDescent="0.3">
      <c r="A70284" s="13" t="s">
        <v>364</v>
      </c>
      <c r="B70284" s="14" t="s">
        <v>1</v>
      </c>
      <c r="C70284" s="14" t="s">
        <v>238</v>
      </c>
      <c r="D70284" s="14" t="s">
        <v>155</v>
      </c>
      <c r="E70284" s="15">
        <v>45580</v>
      </c>
      <c r="F70284" s="14" t="s">
        <v>25</v>
      </c>
      <c r="G70284" s="16">
        <v>1.3074331976263134</v>
      </c>
    </row>
    <row r="70285" spans="1:7" x14ac:dyDescent="0.3">
      <c r="A70285" s="13" t="s">
        <v>364</v>
      </c>
      <c r="B70285" s="14" t="s">
        <v>1</v>
      </c>
      <c r="C70285" s="14" t="s">
        <v>238</v>
      </c>
      <c r="D70285" s="14" t="s">
        <v>155</v>
      </c>
      <c r="E70285" s="15">
        <v>45581</v>
      </c>
      <c r="F70285" s="14" t="s">
        <v>25</v>
      </c>
      <c r="G70285" s="16">
        <v>1.3164492186549619</v>
      </c>
    </row>
    <row r="70286" spans="1:7" x14ac:dyDescent="0.3">
      <c r="A70286" s="13" t="s">
        <v>364</v>
      </c>
      <c r="B70286" s="14" t="s">
        <v>1</v>
      </c>
      <c r="C70286" s="14" t="s">
        <v>238</v>
      </c>
      <c r="D70286" s="14" t="s">
        <v>155</v>
      </c>
      <c r="E70286" s="15">
        <v>45582</v>
      </c>
      <c r="F70286" s="14" t="s">
        <v>25</v>
      </c>
      <c r="G70286" s="16">
        <v>1.3201434592739005</v>
      </c>
    </row>
    <row r="70287" spans="1:7" x14ac:dyDescent="0.3">
      <c r="A70287" s="13" t="s">
        <v>364</v>
      </c>
      <c r="B70287" s="14" t="s">
        <v>1</v>
      </c>
      <c r="C70287" s="14" t="s">
        <v>238</v>
      </c>
      <c r="D70287" s="14" t="s">
        <v>155</v>
      </c>
      <c r="E70287" s="15">
        <v>45583</v>
      </c>
      <c r="F70287" s="14" t="s">
        <v>25</v>
      </c>
      <c r="G70287" s="16">
        <v>1.3295971336423671</v>
      </c>
    </row>
    <row r="70288" spans="1:7" x14ac:dyDescent="0.3">
      <c r="A70288" s="13" t="s">
        <v>364</v>
      </c>
      <c r="B70288" s="14" t="s">
        <v>1</v>
      </c>
      <c r="C70288" s="14" t="s">
        <v>238</v>
      </c>
      <c r="D70288" s="14" t="s">
        <v>155</v>
      </c>
      <c r="E70288" s="15">
        <v>45584</v>
      </c>
      <c r="F70288" s="14" t="s">
        <v>25</v>
      </c>
      <c r="G70288" s="16">
        <v>1.3295971336423671</v>
      </c>
    </row>
    <row r="70289" spans="1:7" x14ac:dyDescent="0.3">
      <c r="A70289" s="13" t="s">
        <v>364</v>
      </c>
      <c r="B70289" s="14" t="s">
        <v>1</v>
      </c>
      <c r="C70289" s="14" t="s">
        <v>238</v>
      </c>
      <c r="D70289" s="14" t="s">
        <v>155</v>
      </c>
      <c r="E70289" s="15">
        <v>45585</v>
      </c>
      <c r="F70289" s="14" t="s">
        <v>25</v>
      </c>
      <c r="G70289" s="16">
        <v>1.3295971336423671</v>
      </c>
    </row>
    <row r="70290" spans="1:7" x14ac:dyDescent="0.3">
      <c r="A70290" s="13" t="s">
        <v>364</v>
      </c>
      <c r="B70290" s="14" t="s">
        <v>1</v>
      </c>
      <c r="C70290" s="14" t="s">
        <v>238</v>
      </c>
      <c r="D70290" s="14" t="s">
        <v>155</v>
      </c>
      <c r="E70290" s="15">
        <v>45586</v>
      </c>
      <c r="F70290" s="14" t="s">
        <v>25</v>
      </c>
      <c r="G70290" s="16">
        <v>1.3322716904755263</v>
      </c>
    </row>
    <row r="70291" spans="1:7" x14ac:dyDescent="0.3">
      <c r="A70291" s="13" t="s">
        <v>364</v>
      </c>
      <c r="B70291" s="14" t="s">
        <v>1</v>
      </c>
      <c r="C70291" s="14" t="s">
        <v>238</v>
      </c>
      <c r="D70291" s="14" t="s">
        <v>155</v>
      </c>
      <c r="E70291" s="15">
        <v>45587</v>
      </c>
      <c r="F70291" s="14" t="s">
        <v>25</v>
      </c>
      <c r="G70291" s="16">
        <v>1.3490709828547987</v>
      </c>
    </row>
    <row r="70292" spans="1:7" x14ac:dyDescent="0.3">
      <c r="A70292" s="13" t="s">
        <v>364</v>
      </c>
      <c r="B70292" s="14" t="s">
        <v>1</v>
      </c>
      <c r="C70292" s="14" t="s">
        <v>238</v>
      </c>
      <c r="D70292" s="14" t="s">
        <v>155</v>
      </c>
      <c r="E70292" s="15">
        <v>45588</v>
      </c>
      <c r="F70292" s="14" t="s">
        <v>25</v>
      </c>
      <c r="G70292" s="16">
        <v>1.3553548578018471</v>
      </c>
    </row>
    <row r="70293" spans="1:7" x14ac:dyDescent="0.3">
      <c r="A70293" s="13" t="s">
        <v>364</v>
      </c>
      <c r="B70293" s="14" t="s">
        <v>1</v>
      </c>
      <c r="C70293" s="14" t="s">
        <v>238</v>
      </c>
      <c r="D70293" s="14" t="s">
        <v>155</v>
      </c>
      <c r="E70293" s="15">
        <v>45589</v>
      </c>
      <c r="F70293" s="14" t="s">
        <v>25</v>
      </c>
      <c r="G70293" s="16">
        <v>1.3667509877022723</v>
      </c>
    </row>
    <row r="70294" spans="1:7" x14ac:dyDescent="0.3">
      <c r="A70294" s="13" t="s">
        <v>364</v>
      </c>
      <c r="B70294" s="14" t="s">
        <v>1</v>
      </c>
      <c r="C70294" s="14" t="s">
        <v>238</v>
      </c>
      <c r="D70294" s="14" t="s">
        <v>155</v>
      </c>
      <c r="E70294" s="15">
        <v>45590</v>
      </c>
      <c r="F70294" s="14" t="s">
        <v>25</v>
      </c>
      <c r="G70294" s="16">
        <v>1.3705815636856293</v>
      </c>
    </row>
    <row r="70295" spans="1:7" x14ac:dyDescent="0.3">
      <c r="A70295" s="13" t="s">
        <v>364</v>
      </c>
      <c r="B70295" s="14" t="s">
        <v>1</v>
      </c>
      <c r="C70295" s="14" t="s">
        <v>238</v>
      </c>
      <c r="D70295" s="14" t="s">
        <v>155</v>
      </c>
      <c r="E70295" s="15">
        <v>45591</v>
      </c>
      <c r="F70295" s="14" t="s">
        <v>25</v>
      </c>
      <c r="G70295" s="16">
        <v>1.3705815636856293</v>
      </c>
    </row>
    <row r="70296" spans="1:7" x14ac:dyDescent="0.3">
      <c r="A70296" s="13" t="s">
        <v>364</v>
      </c>
      <c r="B70296" s="14" t="s">
        <v>1</v>
      </c>
      <c r="C70296" s="14" t="s">
        <v>238</v>
      </c>
      <c r="D70296" s="14" t="s">
        <v>155</v>
      </c>
      <c r="E70296" s="15">
        <v>45592</v>
      </c>
      <c r="F70296" s="14" t="s">
        <v>25</v>
      </c>
      <c r="G70296" s="16">
        <v>1.3705815636856293</v>
      </c>
    </row>
    <row r="70297" spans="1:7" x14ac:dyDescent="0.3">
      <c r="A70297" s="13" t="s">
        <v>364</v>
      </c>
      <c r="B70297" s="14" t="s">
        <v>1</v>
      </c>
      <c r="C70297" s="14" t="s">
        <v>238</v>
      </c>
      <c r="D70297" s="14" t="s">
        <v>155</v>
      </c>
      <c r="E70297" s="15">
        <v>45593</v>
      </c>
      <c r="F70297" s="14" t="s">
        <v>25</v>
      </c>
      <c r="G70297" s="16">
        <v>1.3705815636856293</v>
      </c>
    </row>
    <row r="70298" spans="1:7" x14ac:dyDescent="0.3">
      <c r="A70298" s="13" t="s">
        <v>364</v>
      </c>
      <c r="B70298" s="14" t="s">
        <v>1</v>
      </c>
      <c r="C70298" s="14" t="s">
        <v>238</v>
      </c>
      <c r="D70298" s="14" t="s">
        <v>155</v>
      </c>
      <c r="E70298" s="15">
        <v>45594</v>
      </c>
      <c r="F70298" s="14" t="s">
        <v>25</v>
      </c>
      <c r="G70298" s="16">
        <v>1.3813005708489632</v>
      </c>
    </row>
    <row r="70299" spans="1:7" x14ac:dyDescent="0.3">
      <c r="A70299" s="13" t="s">
        <v>364</v>
      </c>
      <c r="B70299" s="14" t="s">
        <v>1</v>
      </c>
      <c r="C70299" s="14" t="s">
        <v>238</v>
      </c>
      <c r="D70299" s="14" t="s">
        <v>155</v>
      </c>
      <c r="E70299" s="15">
        <v>45595</v>
      </c>
      <c r="F70299" s="14" t="s">
        <v>25</v>
      </c>
      <c r="G70299" s="16">
        <v>1.4126816280800596</v>
      </c>
    </row>
    <row r="70300" spans="1:7" x14ac:dyDescent="0.3">
      <c r="A70300" s="13" t="s">
        <v>364</v>
      </c>
      <c r="B70300" s="14" t="s">
        <v>1</v>
      </c>
      <c r="C70300" s="14" t="s">
        <v>238</v>
      </c>
      <c r="D70300" s="14" t="s">
        <v>155</v>
      </c>
      <c r="E70300" s="15">
        <v>45596</v>
      </c>
      <c r="F70300" s="14" t="s">
        <v>25</v>
      </c>
      <c r="G70300" s="16">
        <v>1.4180944082170457</v>
      </c>
    </row>
    <row r="70301" spans="1:7" x14ac:dyDescent="0.3">
      <c r="A70301" s="13" t="s">
        <v>364</v>
      </c>
      <c r="B70301" s="14" t="s">
        <v>1</v>
      </c>
      <c r="C70301" s="14" t="s">
        <v>238</v>
      </c>
      <c r="D70301" s="14" t="s">
        <v>155</v>
      </c>
      <c r="E70301" s="15">
        <v>45597</v>
      </c>
      <c r="F70301" s="14" t="s">
        <v>25</v>
      </c>
      <c r="G70301" s="16">
        <v>1.4286327054275481</v>
      </c>
    </row>
    <row r="70302" spans="1:7" x14ac:dyDescent="0.3">
      <c r="A70302" s="13" t="s">
        <v>364</v>
      </c>
      <c r="B70302" s="14" t="s">
        <v>1</v>
      </c>
      <c r="C70302" s="14" t="s">
        <v>238</v>
      </c>
      <c r="D70302" s="14" t="s">
        <v>155</v>
      </c>
      <c r="E70302" s="15">
        <v>45598</v>
      </c>
      <c r="F70302" s="14" t="s">
        <v>25</v>
      </c>
      <c r="G70302" s="16">
        <v>1.4286327054275481</v>
      </c>
    </row>
    <row r="70303" spans="1:7" x14ac:dyDescent="0.3">
      <c r="A70303" s="13" t="s">
        <v>364</v>
      </c>
      <c r="B70303" s="14" t="s">
        <v>1</v>
      </c>
      <c r="C70303" s="14" t="s">
        <v>238</v>
      </c>
      <c r="D70303" s="14" t="s">
        <v>155</v>
      </c>
      <c r="E70303" s="15">
        <v>45599</v>
      </c>
      <c r="F70303" s="14" t="s">
        <v>25</v>
      </c>
      <c r="G70303" s="16">
        <v>1.4286327054275481</v>
      </c>
    </row>
    <row r="70304" spans="1:7" x14ac:dyDescent="0.3">
      <c r="A70304" s="13" t="s">
        <v>364</v>
      </c>
      <c r="B70304" s="14" t="s">
        <v>1</v>
      </c>
      <c r="C70304" s="14" t="s">
        <v>238</v>
      </c>
      <c r="D70304" s="14" t="s">
        <v>155</v>
      </c>
      <c r="E70304" s="15">
        <v>45600</v>
      </c>
      <c r="F70304" s="14" t="s">
        <v>25</v>
      </c>
      <c r="G70304" s="16">
        <v>1.4311728354348585</v>
      </c>
    </row>
    <row r="70305" spans="1:7" x14ac:dyDescent="0.3">
      <c r="A70305" s="13" t="s">
        <v>364</v>
      </c>
      <c r="B70305" s="14" t="s">
        <v>1</v>
      </c>
      <c r="C70305" s="14" t="s">
        <v>238</v>
      </c>
      <c r="D70305" s="14" t="s">
        <v>155</v>
      </c>
      <c r="E70305" s="15">
        <v>45601</v>
      </c>
      <c r="F70305" s="14" t="s">
        <v>25</v>
      </c>
      <c r="G70305" s="16">
        <v>1.4567985343930954</v>
      </c>
    </row>
    <row r="70306" spans="1:7" x14ac:dyDescent="0.3">
      <c r="A70306" s="13" t="s">
        <v>364</v>
      </c>
      <c r="B70306" s="14" t="s">
        <v>1</v>
      </c>
      <c r="C70306" s="14" t="s">
        <v>238</v>
      </c>
      <c r="D70306" s="14" t="s">
        <v>155</v>
      </c>
      <c r="E70306" s="15">
        <v>45602</v>
      </c>
      <c r="F70306" s="14" t="s">
        <v>25</v>
      </c>
      <c r="G70306" s="16">
        <v>1.4589519888520066</v>
      </c>
    </row>
    <row r="70307" spans="1:7" x14ac:dyDescent="0.3">
      <c r="A70307" s="13" t="s">
        <v>364</v>
      </c>
      <c r="B70307" s="14" t="s">
        <v>1</v>
      </c>
      <c r="C70307" s="14" t="s">
        <v>238</v>
      </c>
      <c r="D70307" s="14" t="s">
        <v>155</v>
      </c>
      <c r="E70307" s="15">
        <v>45603</v>
      </c>
      <c r="F70307" s="14" t="s">
        <v>25</v>
      </c>
      <c r="G70307" s="16">
        <v>1.4696061850018203</v>
      </c>
    </row>
    <row r="70308" spans="1:7" x14ac:dyDescent="0.3">
      <c r="A70308" s="13" t="s">
        <v>364</v>
      </c>
      <c r="B70308" s="14" t="s">
        <v>1</v>
      </c>
      <c r="C70308" s="14" t="s">
        <v>238</v>
      </c>
      <c r="D70308" s="14" t="s">
        <v>155</v>
      </c>
      <c r="E70308" s="15">
        <v>45604</v>
      </c>
      <c r="F70308" s="14" t="s">
        <v>25</v>
      </c>
      <c r="G70308" s="16">
        <v>1.4755933140262421</v>
      </c>
    </row>
    <row r="70309" spans="1:7" x14ac:dyDescent="0.3">
      <c r="A70309" s="13" t="s">
        <v>364</v>
      </c>
      <c r="B70309" s="14" t="s">
        <v>1</v>
      </c>
      <c r="C70309" s="14" t="s">
        <v>238</v>
      </c>
      <c r="D70309" s="14" t="s">
        <v>155</v>
      </c>
      <c r="E70309" s="15">
        <v>45605</v>
      </c>
      <c r="F70309" s="14" t="s">
        <v>25</v>
      </c>
      <c r="G70309" s="16">
        <v>1.4755933140262421</v>
      </c>
    </row>
    <row r="70310" spans="1:7" x14ac:dyDescent="0.3">
      <c r="A70310" s="13" t="s">
        <v>364</v>
      </c>
      <c r="B70310" s="14" t="s">
        <v>1</v>
      </c>
      <c r="C70310" s="14" t="s">
        <v>238</v>
      </c>
      <c r="D70310" s="14" t="s">
        <v>155</v>
      </c>
      <c r="E70310" s="15">
        <v>45606</v>
      </c>
      <c r="F70310" s="14" t="s">
        <v>25</v>
      </c>
      <c r="G70310" s="16">
        <v>1.4755933140262421</v>
      </c>
    </row>
    <row r="70311" spans="1:7" x14ac:dyDescent="0.3">
      <c r="A70311" s="13" t="s">
        <v>364</v>
      </c>
      <c r="B70311" s="14" t="s">
        <v>1</v>
      </c>
      <c r="C70311" s="14" t="s">
        <v>238</v>
      </c>
      <c r="D70311" s="14" t="s">
        <v>155</v>
      </c>
      <c r="E70311" s="15">
        <v>45607</v>
      </c>
      <c r="F70311" s="14" t="s">
        <v>25</v>
      </c>
      <c r="G70311" s="16">
        <v>1.4823013068309554</v>
      </c>
    </row>
    <row r="70312" spans="1:7" x14ac:dyDescent="0.3">
      <c r="A70312" s="13" t="s">
        <v>364</v>
      </c>
      <c r="B70312" s="14" t="s">
        <v>1</v>
      </c>
      <c r="C70312" s="14" t="s">
        <v>238</v>
      </c>
      <c r="D70312" s="14" t="s">
        <v>155</v>
      </c>
      <c r="E70312" s="15">
        <v>45608</v>
      </c>
      <c r="F70312" s="14" t="s">
        <v>25</v>
      </c>
      <c r="G70312" s="16">
        <v>1.4997863238393758</v>
      </c>
    </row>
    <row r="70313" spans="1:7" x14ac:dyDescent="0.3">
      <c r="A70313" s="13" t="s">
        <v>364</v>
      </c>
      <c r="B70313" s="14" t="s">
        <v>1</v>
      </c>
      <c r="C70313" s="14" t="s">
        <v>238</v>
      </c>
      <c r="D70313" s="14" t="s">
        <v>155</v>
      </c>
      <c r="E70313" s="15">
        <v>45609</v>
      </c>
      <c r="F70313" s="14" t="s">
        <v>25</v>
      </c>
      <c r="G70313" s="16">
        <v>1.5055389206648706</v>
      </c>
    </row>
    <row r="70314" spans="1:7" x14ac:dyDescent="0.3">
      <c r="A70314" s="13" t="s">
        <v>364</v>
      </c>
      <c r="B70314" s="14" t="s">
        <v>1</v>
      </c>
      <c r="C70314" s="14" t="s">
        <v>238</v>
      </c>
      <c r="D70314" s="14" t="s">
        <v>155</v>
      </c>
      <c r="E70314" s="15">
        <v>45610</v>
      </c>
      <c r="F70314" s="14" t="s">
        <v>25</v>
      </c>
      <c r="G70314" s="16">
        <v>1.5146833186915563</v>
      </c>
    </row>
    <row r="70315" spans="1:7" x14ac:dyDescent="0.3">
      <c r="A70315" s="13" t="s">
        <v>364</v>
      </c>
      <c r="B70315" s="14" t="s">
        <v>1</v>
      </c>
      <c r="C70315" s="14" t="s">
        <v>238</v>
      </c>
      <c r="D70315" s="14" t="s">
        <v>155</v>
      </c>
      <c r="E70315" s="15">
        <v>45611</v>
      </c>
      <c r="F70315" s="14" t="s">
        <v>25</v>
      </c>
      <c r="G70315" s="16">
        <v>1.5193092586928916</v>
      </c>
    </row>
    <row r="70316" spans="1:7" x14ac:dyDescent="0.3">
      <c r="A70316" s="13" t="s">
        <v>364</v>
      </c>
      <c r="B70316" s="14" t="s">
        <v>1</v>
      </c>
      <c r="C70316" s="14" t="s">
        <v>238</v>
      </c>
      <c r="D70316" s="14" t="s">
        <v>155</v>
      </c>
      <c r="E70316" s="15">
        <v>45612</v>
      </c>
      <c r="F70316" s="14" t="s">
        <v>25</v>
      </c>
      <c r="G70316" s="16">
        <v>1.5193092586928916</v>
      </c>
    </row>
    <row r="70317" spans="1:7" x14ac:dyDescent="0.3">
      <c r="A70317" s="13" t="s">
        <v>364</v>
      </c>
      <c r="B70317" s="14" t="s">
        <v>1</v>
      </c>
      <c r="C70317" s="14" t="s">
        <v>238</v>
      </c>
      <c r="D70317" s="14" t="s">
        <v>155</v>
      </c>
      <c r="E70317" s="15">
        <v>45613</v>
      </c>
      <c r="F70317" s="14" t="s">
        <v>25</v>
      </c>
      <c r="G70317" s="16">
        <v>1.5193092586928916</v>
      </c>
    </row>
    <row r="70318" spans="1:7" x14ac:dyDescent="0.3">
      <c r="A70318" s="13" t="s">
        <v>364</v>
      </c>
      <c r="B70318" s="14" t="s">
        <v>1</v>
      </c>
      <c r="C70318" s="14" t="s">
        <v>238</v>
      </c>
      <c r="D70318" s="14" t="s">
        <v>155</v>
      </c>
      <c r="E70318" s="15">
        <v>45614</v>
      </c>
      <c r="F70318" s="14" t="s">
        <v>25</v>
      </c>
      <c r="G70318" s="16">
        <v>1.5255173521369769</v>
      </c>
    </row>
    <row r="70319" spans="1:7" x14ac:dyDescent="0.3">
      <c r="A70319" s="13" t="s">
        <v>364</v>
      </c>
      <c r="B70319" s="14" t="s">
        <v>1</v>
      </c>
      <c r="C70319" s="14" t="s">
        <v>238</v>
      </c>
      <c r="D70319" s="14" t="s">
        <v>155</v>
      </c>
      <c r="E70319" s="15">
        <v>45615</v>
      </c>
      <c r="F70319" s="14" t="s">
        <v>25</v>
      </c>
      <c r="G70319" s="16">
        <v>1.5438610821051162</v>
      </c>
    </row>
    <row r="70320" spans="1:7" x14ac:dyDescent="0.3">
      <c r="A70320" s="13" t="s">
        <v>364</v>
      </c>
      <c r="B70320" s="14" t="s">
        <v>1</v>
      </c>
      <c r="C70320" s="14" t="s">
        <v>238</v>
      </c>
      <c r="D70320" s="14" t="s">
        <v>155</v>
      </c>
      <c r="E70320" s="15">
        <v>45616</v>
      </c>
      <c r="F70320" s="14" t="s">
        <v>25</v>
      </c>
      <c r="G70320" s="16">
        <v>1.5460823708619893</v>
      </c>
    </row>
    <row r="70321" spans="1:7" x14ac:dyDescent="0.3">
      <c r="A70321" s="13" t="s">
        <v>364</v>
      </c>
      <c r="B70321" s="14" t="s">
        <v>1</v>
      </c>
      <c r="C70321" s="14" t="s">
        <v>238</v>
      </c>
      <c r="D70321" s="14" t="s">
        <v>155</v>
      </c>
      <c r="E70321" s="15">
        <v>45617</v>
      </c>
      <c r="F70321" s="14" t="s">
        <v>25</v>
      </c>
      <c r="G70321" s="16">
        <v>1.5469638259121317</v>
      </c>
    </row>
    <row r="70322" spans="1:7" x14ac:dyDescent="0.3">
      <c r="A70322" s="13" t="s">
        <v>364</v>
      </c>
      <c r="B70322" s="14" t="s">
        <v>1</v>
      </c>
      <c r="C70322" s="14" t="s">
        <v>238</v>
      </c>
      <c r="D70322" s="14" t="s">
        <v>155</v>
      </c>
      <c r="E70322" s="15">
        <v>45618</v>
      </c>
      <c r="F70322" s="14" t="s">
        <v>25</v>
      </c>
      <c r="G70322" s="16">
        <v>1.5583535970972464</v>
      </c>
    </row>
    <row r="70323" spans="1:7" x14ac:dyDescent="0.3">
      <c r="A70323" s="13" t="s">
        <v>364</v>
      </c>
      <c r="B70323" s="14" t="s">
        <v>1</v>
      </c>
      <c r="C70323" s="14" t="s">
        <v>238</v>
      </c>
      <c r="D70323" s="14" t="s">
        <v>155</v>
      </c>
      <c r="E70323" s="15">
        <v>45619</v>
      </c>
      <c r="F70323" s="14" t="s">
        <v>25</v>
      </c>
      <c r="G70323" s="16">
        <v>1.5583535970972464</v>
      </c>
    </row>
    <row r="70324" spans="1:7" x14ac:dyDescent="0.3">
      <c r="A70324" s="13" t="s">
        <v>364</v>
      </c>
      <c r="B70324" s="14" t="s">
        <v>1</v>
      </c>
      <c r="C70324" s="14" t="s">
        <v>238</v>
      </c>
      <c r="D70324" s="14" t="s">
        <v>155</v>
      </c>
      <c r="E70324" s="15">
        <v>45620</v>
      </c>
      <c r="F70324" s="14" t="s">
        <v>25</v>
      </c>
      <c r="G70324" s="16">
        <v>1.5583535970972464</v>
      </c>
    </row>
    <row r="70325" spans="1:7" x14ac:dyDescent="0.3">
      <c r="A70325" s="13" t="s">
        <v>364</v>
      </c>
      <c r="B70325" s="14" t="s">
        <v>1</v>
      </c>
      <c r="C70325" s="14" t="s">
        <v>238</v>
      </c>
      <c r="D70325" s="14" t="s">
        <v>155</v>
      </c>
      <c r="E70325" s="15">
        <v>45621</v>
      </c>
      <c r="F70325" s="14" t="s">
        <v>25</v>
      </c>
      <c r="G70325" s="16">
        <v>1.5625902951749351</v>
      </c>
    </row>
    <row r="70326" spans="1:7" x14ac:dyDescent="0.3">
      <c r="A70326" s="13" t="s">
        <v>364</v>
      </c>
      <c r="B70326" s="14" t="s">
        <v>1</v>
      </c>
      <c r="C70326" s="14" t="s">
        <v>238</v>
      </c>
      <c r="D70326" s="14" t="s">
        <v>155</v>
      </c>
      <c r="E70326" s="15">
        <v>45622</v>
      </c>
      <c r="F70326" s="14" t="s">
        <v>25</v>
      </c>
      <c r="G70326" s="16">
        <v>1.5824919177387993</v>
      </c>
    </row>
    <row r="70327" spans="1:7" x14ac:dyDescent="0.3">
      <c r="A70327" s="13" t="s">
        <v>364</v>
      </c>
      <c r="B70327" s="14" t="s">
        <v>1</v>
      </c>
      <c r="C70327" s="14" t="s">
        <v>238</v>
      </c>
      <c r="D70327" s="14" t="s">
        <v>155</v>
      </c>
      <c r="E70327" s="15">
        <v>45623</v>
      </c>
      <c r="F70327" s="14" t="s">
        <v>25</v>
      </c>
      <c r="G70327" s="16">
        <v>1.5924752391397321</v>
      </c>
    </row>
    <row r="70328" spans="1:7" x14ac:dyDescent="0.3">
      <c r="A70328" s="13" t="s">
        <v>364</v>
      </c>
      <c r="B70328" s="14" t="s">
        <v>1</v>
      </c>
      <c r="C70328" s="14" t="s">
        <v>238</v>
      </c>
      <c r="D70328" s="14" t="s">
        <v>155</v>
      </c>
      <c r="E70328" s="15">
        <v>45624</v>
      </c>
      <c r="F70328" s="14" t="s">
        <v>25</v>
      </c>
      <c r="G70328" s="16">
        <v>1.5994734313811971</v>
      </c>
    </row>
    <row r="70329" spans="1:7" x14ac:dyDescent="0.3">
      <c r="A70329" s="13" t="s">
        <v>364</v>
      </c>
      <c r="B70329" s="14" t="s">
        <v>1</v>
      </c>
      <c r="C70329" s="14" t="s">
        <v>238</v>
      </c>
      <c r="D70329" s="14" t="s">
        <v>155</v>
      </c>
      <c r="E70329" s="15">
        <v>45625</v>
      </c>
      <c r="F70329" s="14" t="s">
        <v>25</v>
      </c>
      <c r="G70329" s="16">
        <v>1.6064674871815683</v>
      </c>
    </row>
    <row r="70330" spans="1:7" x14ac:dyDescent="0.3">
      <c r="A70330" s="13" t="s">
        <v>364</v>
      </c>
      <c r="B70330" s="14" t="s">
        <v>1</v>
      </c>
      <c r="C70330" s="14" t="s">
        <v>238</v>
      </c>
      <c r="D70330" s="14" t="s">
        <v>155</v>
      </c>
      <c r="E70330" s="15">
        <v>45626</v>
      </c>
      <c r="F70330" s="14" t="s">
        <v>25</v>
      </c>
      <c r="G70330" s="16">
        <v>1.6064674871815683</v>
      </c>
    </row>
    <row r="70331" spans="1:7" x14ac:dyDescent="0.3">
      <c r="A70331" s="13" t="s">
        <v>364</v>
      </c>
      <c r="B70331" s="14" t="s">
        <v>1</v>
      </c>
      <c r="C70331" s="14" t="s">
        <v>238</v>
      </c>
      <c r="D70331" s="14" t="s">
        <v>155</v>
      </c>
      <c r="E70331" s="15">
        <v>45627</v>
      </c>
      <c r="F70331" s="14" t="s">
        <v>25</v>
      </c>
      <c r="G70331" s="16">
        <v>1.6064674871815683</v>
      </c>
    </row>
    <row r="70332" spans="1:7" x14ac:dyDescent="0.3">
      <c r="A70332" s="13" t="s">
        <v>364</v>
      </c>
      <c r="B70332" s="14" t="s">
        <v>1</v>
      </c>
      <c r="C70332" s="14" t="s">
        <v>238</v>
      </c>
      <c r="D70332" s="14" t="s">
        <v>155</v>
      </c>
      <c r="E70332" s="15">
        <v>45628</v>
      </c>
      <c r="F70332" s="14" t="s">
        <v>25</v>
      </c>
      <c r="G70332" s="16">
        <v>1.6118930229691535</v>
      </c>
    </row>
    <row r="70333" spans="1:7" x14ac:dyDescent="0.3">
      <c r="A70333" s="13" t="s">
        <v>364</v>
      </c>
      <c r="B70333" s="14" t="s">
        <v>1</v>
      </c>
      <c r="C70333" s="14" t="s">
        <v>238</v>
      </c>
      <c r="D70333" s="14" t="s">
        <v>155</v>
      </c>
      <c r="E70333" s="15">
        <v>45629</v>
      </c>
      <c r="F70333" s="14" t="s">
        <v>25</v>
      </c>
      <c r="G70333" s="16">
        <v>1.6333576835291916</v>
      </c>
    </row>
    <row r="70334" spans="1:7" x14ac:dyDescent="0.3">
      <c r="A70334" s="13" t="s">
        <v>364</v>
      </c>
      <c r="B70334" s="14" t="s">
        <v>1</v>
      </c>
      <c r="C70334" s="14" t="s">
        <v>238</v>
      </c>
      <c r="D70334" s="14" t="s">
        <v>155</v>
      </c>
      <c r="E70334" s="15">
        <v>45630</v>
      </c>
      <c r="F70334" s="14" t="s">
        <v>25</v>
      </c>
      <c r="G70334" s="16">
        <v>1.6363445513946571</v>
      </c>
    </row>
    <row r="70335" spans="1:7" x14ac:dyDescent="0.3">
      <c r="A70335" s="13" t="s">
        <v>364</v>
      </c>
      <c r="B70335" s="14" t="s">
        <v>1</v>
      </c>
      <c r="C70335" s="14" t="s">
        <v>238</v>
      </c>
      <c r="D70335" s="14" t="s">
        <v>155</v>
      </c>
      <c r="E70335" s="15">
        <v>45631</v>
      </c>
      <c r="F70335" s="14" t="s">
        <v>25</v>
      </c>
      <c r="G70335" s="16">
        <v>1.6448032349994979</v>
      </c>
    </row>
    <row r="70336" spans="1:7" x14ac:dyDescent="0.3">
      <c r="A70336" s="13" t="s">
        <v>364</v>
      </c>
      <c r="B70336" s="14" t="s">
        <v>1</v>
      </c>
      <c r="C70336" s="14" t="s">
        <v>238</v>
      </c>
      <c r="D70336" s="14" t="s">
        <v>155</v>
      </c>
      <c r="E70336" s="15">
        <v>45632</v>
      </c>
      <c r="F70336" s="14" t="s">
        <v>25</v>
      </c>
      <c r="G70336" s="16">
        <v>1.6490995203823875</v>
      </c>
    </row>
    <row r="70337" spans="1:7" x14ac:dyDescent="0.3">
      <c r="A70337" s="13" t="s">
        <v>364</v>
      </c>
      <c r="B70337" s="14" t="s">
        <v>1</v>
      </c>
      <c r="C70337" s="14" t="s">
        <v>238</v>
      </c>
      <c r="D70337" s="14" t="s">
        <v>155</v>
      </c>
      <c r="E70337" s="15">
        <v>45633</v>
      </c>
      <c r="F70337" s="14" t="s">
        <v>25</v>
      </c>
      <c r="G70337" s="16">
        <v>1.6490995203823875</v>
      </c>
    </row>
    <row r="70338" spans="1:7" x14ac:dyDescent="0.3">
      <c r="A70338" s="13" t="s">
        <v>364</v>
      </c>
      <c r="B70338" s="14" t="s">
        <v>1</v>
      </c>
      <c r="C70338" s="14" t="s">
        <v>238</v>
      </c>
      <c r="D70338" s="14" t="s">
        <v>155</v>
      </c>
      <c r="E70338" s="15">
        <v>45634</v>
      </c>
      <c r="F70338" s="14" t="s">
        <v>25</v>
      </c>
      <c r="G70338" s="16">
        <v>1.6490995203823875</v>
      </c>
    </row>
    <row r="70339" spans="1:7" x14ac:dyDescent="0.3">
      <c r="A70339" s="13" t="s">
        <v>364</v>
      </c>
      <c r="B70339" s="14" t="s">
        <v>1</v>
      </c>
      <c r="C70339" s="14" t="s">
        <v>238</v>
      </c>
      <c r="D70339" s="14" t="s">
        <v>155</v>
      </c>
      <c r="E70339" s="15">
        <v>45635</v>
      </c>
      <c r="F70339" s="14" t="s">
        <v>25</v>
      </c>
      <c r="G70339" s="16">
        <v>1.6537377882276705</v>
      </c>
    </row>
    <row r="70340" spans="1:7" x14ac:dyDescent="0.3">
      <c r="A70340" s="13" t="s">
        <v>364</v>
      </c>
      <c r="B70340" s="14" t="s">
        <v>1</v>
      </c>
      <c r="C70340" s="14" t="s">
        <v>238</v>
      </c>
      <c r="D70340" s="14" t="s">
        <v>155</v>
      </c>
      <c r="E70340" s="15">
        <v>45636</v>
      </c>
      <c r="F70340" s="14" t="s">
        <v>25</v>
      </c>
      <c r="G70340" s="16">
        <v>1.6773386750922377</v>
      </c>
    </row>
    <row r="70341" spans="1:7" x14ac:dyDescent="0.3">
      <c r="A70341" s="13" t="s">
        <v>364</v>
      </c>
      <c r="B70341" s="14" t="s">
        <v>1</v>
      </c>
      <c r="C70341" s="14" t="s">
        <v>238</v>
      </c>
      <c r="D70341" s="14" t="s">
        <v>155</v>
      </c>
      <c r="E70341" s="15">
        <v>45637</v>
      </c>
      <c r="F70341" s="14" t="s">
        <v>25</v>
      </c>
      <c r="G70341" s="16">
        <v>1.6821352786676995</v>
      </c>
    </row>
    <row r="70342" spans="1:7" x14ac:dyDescent="0.3">
      <c r="A70342" s="13" t="s">
        <v>364</v>
      </c>
      <c r="B70342" s="14" t="s">
        <v>1</v>
      </c>
      <c r="C70342" s="14" t="s">
        <v>238</v>
      </c>
      <c r="D70342" s="14" t="s">
        <v>155</v>
      </c>
      <c r="E70342" s="15">
        <v>45638</v>
      </c>
      <c r="F70342" s="14" t="s">
        <v>25</v>
      </c>
      <c r="G70342" s="16">
        <v>1.6996485327496758</v>
      </c>
    </row>
    <row r="70343" spans="1:7" x14ac:dyDescent="0.3">
      <c r="A70343" s="13" t="s">
        <v>364</v>
      </c>
      <c r="B70343" s="14" t="s">
        <v>1</v>
      </c>
      <c r="C70343" s="14" t="s">
        <v>238</v>
      </c>
      <c r="D70343" s="14" t="s">
        <v>155</v>
      </c>
      <c r="E70343" s="15">
        <v>45639</v>
      </c>
      <c r="F70343" s="14" t="s">
        <v>25</v>
      </c>
      <c r="G70343" s="16">
        <v>1.7128709682854832</v>
      </c>
    </row>
    <row r="70344" spans="1:7" x14ac:dyDescent="0.3">
      <c r="A70344" s="13" t="s">
        <v>364</v>
      </c>
      <c r="B70344" s="14" t="s">
        <v>1</v>
      </c>
      <c r="C70344" s="14" t="s">
        <v>238</v>
      </c>
      <c r="D70344" s="14" t="s">
        <v>155</v>
      </c>
      <c r="E70344" s="15">
        <v>45640</v>
      </c>
      <c r="F70344" s="14" t="s">
        <v>25</v>
      </c>
      <c r="G70344" s="16">
        <v>1.7128709682854832</v>
      </c>
    </row>
    <row r="70345" spans="1:7" x14ac:dyDescent="0.3">
      <c r="A70345" s="13" t="s">
        <v>364</v>
      </c>
      <c r="B70345" s="14" t="s">
        <v>1</v>
      </c>
      <c r="C70345" s="14" t="s">
        <v>238</v>
      </c>
      <c r="D70345" s="14" t="s">
        <v>155</v>
      </c>
      <c r="E70345" s="15">
        <v>45641</v>
      </c>
      <c r="F70345" s="14" t="s">
        <v>25</v>
      </c>
      <c r="G70345" s="16">
        <v>1.7128709682854832</v>
      </c>
    </row>
    <row r="70346" spans="1:7" x14ac:dyDescent="0.3">
      <c r="A70346" s="13" t="s">
        <v>364</v>
      </c>
      <c r="B70346" s="14" t="s">
        <v>1</v>
      </c>
      <c r="C70346" s="14" t="s">
        <v>238</v>
      </c>
      <c r="D70346" s="14" t="s">
        <v>155</v>
      </c>
      <c r="E70346" s="15">
        <v>45642</v>
      </c>
      <c r="F70346" s="14" t="s">
        <v>25</v>
      </c>
      <c r="G70346" s="16">
        <v>1.7237098853815405</v>
      </c>
    </row>
    <row r="70347" spans="1:7" x14ac:dyDescent="0.3">
      <c r="A70347" s="13" t="s">
        <v>364</v>
      </c>
      <c r="B70347" s="14" t="s">
        <v>1</v>
      </c>
      <c r="C70347" s="14" t="s">
        <v>238</v>
      </c>
      <c r="D70347" s="14" t="s">
        <v>155</v>
      </c>
      <c r="E70347" s="15">
        <v>45643</v>
      </c>
      <c r="F70347" s="14" t="s">
        <v>25</v>
      </c>
      <c r="G70347" s="16">
        <v>1.7381918408924562</v>
      </c>
    </row>
    <row r="70348" spans="1:7" x14ac:dyDescent="0.3">
      <c r="A70348" s="13" t="s">
        <v>364</v>
      </c>
      <c r="B70348" s="14" t="s">
        <v>1</v>
      </c>
      <c r="C70348" s="14" t="s">
        <v>238</v>
      </c>
      <c r="D70348" s="14" t="s">
        <v>155</v>
      </c>
      <c r="E70348" s="15">
        <v>45644</v>
      </c>
      <c r="F70348" s="14" t="s">
        <v>25</v>
      </c>
      <c r="G70348" s="16">
        <v>1.7375177186412021</v>
      </c>
    </row>
    <row r="70349" spans="1:7" x14ac:dyDescent="0.3">
      <c r="A70349" s="13" t="s">
        <v>364</v>
      </c>
      <c r="B70349" s="14" t="s">
        <v>1</v>
      </c>
      <c r="C70349" s="14" t="s">
        <v>238</v>
      </c>
      <c r="D70349" s="14" t="s">
        <v>155</v>
      </c>
      <c r="E70349" s="15">
        <v>45645</v>
      </c>
      <c r="F70349" s="14" t="s">
        <v>25</v>
      </c>
      <c r="G70349" s="16">
        <v>1.7418276825544834</v>
      </c>
    </row>
    <row r="70350" spans="1:7" x14ac:dyDescent="0.3">
      <c r="A70350" s="13" t="s">
        <v>364</v>
      </c>
      <c r="B70350" s="14" t="s">
        <v>1</v>
      </c>
      <c r="C70350" s="14" t="s">
        <v>238</v>
      </c>
      <c r="D70350" s="14" t="s">
        <v>155</v>
      </c>
      <c r="E70350" s="15">
        <v>45646</v>
      </c>
      <c r="F70350" s="14" t="s">
        <v>25</v>
      </c>
      <c r="G70350" s="16">
        <v>1.7489629011458836</v>
      </c>
    </row>
    <row r="70351" spans="1:7" x14ac:dyDescent="0.3">
      <c r="A70351" s="13" t="s">
        <v>364</v>
      </c>
      <c r="B70351" s="14" t="s">
        <v>1</v>
      </c>
      <c r="C70351" s="14" t="s">
        <v>238</v>
      </c>
      <c r="D70351" s="14" t="s">
        <v>155</v>
      </c>
      <c r="E70351" s="15">
        <v>45647</v>
      </c>
      <c r="F70351" s="14" t="s">
        <v>25</v>
      </c>
      <c r="G70351" s="16">
        <v>1.7489629011458836</v>
      </c>
    </row>
    <row r="70352" spans="1:7" x14ac:dyDescent="0.3">
      <c r="A70352" s="13" t="s">
        <v>364</v>
      </c>
      <c r="B70352" s="14" t="s">
        <v>1</v>
      </c>
      <c r="C70352" s="14" t="s">
        <v>238</v>
      </c>
      <c r="D70352" s="14" t="s">
        <v>155</v>
      </c>
      <c r="E70352" s="15">
        <v>45648</v>
      </c>
      <c r="F70352" s="14" t="s">
        <v>25</v>
      </c>
      <c r="G70352" s="16">
        <v>1.7489629011458836</v>
      </c>
    </row>
    <row r="70353" spans="1:7" x14ac:dyDescent="0.3">
      <c r="A70353" s="13" t="s">
        <v>364</v>
      </c>
      <c r="B70353" s="14" t="s">
        <v>1</v>
      </c>
      <c r="C70353" s="14" t="s">
        <v>238</v>
      </c>
      <c r="D70353" s="14" t="s">
        <v>155</v>
      </c>
      <c r="E70353" s="15">
        <v>45649</v>
      </c>
      <c r="F70353" s="14" t="s">
        <v>25</v>
      </c>
      <c r="G70353" s="16">
        <v>1.7625371251450661</v>
      </c>
    </row>
    <row r="70354" spans="1:7" x14ac:dyDescent="0.3">
      <c r="A70354" s="13" t="s">
        <v>364</v>
      </c>
      <c r="B70354" s="14" t="s">
        <v>1</v>
      </c>
      <c r="C70354" s="14" t="s">
        <v>238</v>
      </c>
      <c r="D70354" s="14" t="s">
        <v>155</v>
      </c>
      <c r="E70354" s="15">
        <v>45650</v>
      </c>
      <c r="F70354" s="14" t="s">
        <v>25</v>
      </c>
      <c r="G70354" s="16">
        <v>1.7851350506488859</v>
      </c>
    </row>
    <row r="70355" spans="1:7" x14ac:dyDescent="0.3">
      <c r="A70355" s="13" t="s">
        <v>364</v>
      </c>
      <c r="B70355" s="14" t="s">
        <v>1</v>
      </c>
      <c r="C70355" s="14" t="s">
        <v>238</v>
      </c>
      <c r="D70355" s="14" t="s">
        <v>155</v>
      </c>
      <c r="E70355" s="15">
        <v>45651</v>
      </c>
      <c r="F70355" s="14" t="s">
        <v>25</v>
      </c>
      <c r="G70355" s="16">
        <v>1.7851350506488859</v>
      </c>
    </row>
    <row r="70356" spans="1:7" x14ac:dyDescent="0.3">
      <c r="A70356" s="13" t="s">
        <v>364</v>
      </c>
      <c r="B70356" s="14" t="s">
        <v>1</v>
      </c>
      <c r="C70356" s="14" t="s">
        <v>238</v>
      </c>
      <c r="D70356" s="14" t="s">
        <v>155</v>
      </c>
      <c r="E70356" s="15">
        <v>45652</v>
      </c>
      <c r="F70356" s="14" t="s">
        <v>25</v>
      </c>
      <c r="G70356" s="16">
        <v>1.7851350506488859</v>
      </c>
    </row>
    <row r="70357" spans="1:7" x14ac:dyDescent="0.3">
      <c r="A70357" s="13" t="s">
        <v>364</v>
      </c>
      <c r="B70357" s="14" t="s">
        <v>1</v>
      </c>
      <c r="C70357" s="14" t="s">
        <v>238</v>
      </c>
      <c r="D70357" s="14" t="s">
        <v>155</v>
      </c>
      <c r="E70357" s="15">
        <v>45653</v>
      </c>
      <c r="F70357" s="14" t="s">
        <v>25</v>
      </c>
      <c r="G70357" s="16">
        <v>1.7851350506488859</v>
      </c>
    </row>
    <row r="70358" spans="1:7" x14ac:dyDescent="0.3">
      <c r="A70358" s="13" t="s">
        <v>364</v>
      </c>
      <c r="B70358" s="14" t="s">
        <v>1</v>
      </c>
      <c r="C70358" s="14" t="s">
        <v>238</v>
      </c>
      <c r="D70358" s="14" t="s">
        <v>155</v>
      </c>
      <c r="E70358" s="15">
        <v>45654</v>
      </c>
      <c r="F70358" s="14" t="s">
        <v>25</v>
      </c>
      <c r="G70358" s="16">
        <v>1.7851350506488859</v>
      </c>
    </row>
    <row r="70359" spans="1:7" x14ac:dyDescent="0.3">
      <c r="A70359" s="13" t="s">
        <v>364</v>
      </c>
      <c r="B70359" s="14" t="s">
        <v>1</v>
      </c>
      <c r="C70359" s="14" t="s">
        <v>238</v>
      </c>
      <c r="D70359" s="14" t="s">
        <v>155</v>
      </c>
      <c r="E70359" s="15">
        <v>45655</v>
      </c>
      <c r="F70359" s="14" t="s">
        <v>25</v>
      </c>
      <c r="G70359" s="16">
        <v>1.7851350506488859</v>
      </c>
    </row>
    <row r="70360" spans="1:7" x14ac:dyDescent="0.3">
      <c r="A70360" s="13" t="s">
        <v>364</v>
      </c>
      <c r="B70360" s="14" t="s">
        <v>1</v>
      </c>
      <c r="C70360" s="14" t="s">
        <v>238</v>
      </c>
      <c r="D70360" s="14" t="s">
        <v>155</v>
      </c>
      <c r="E70360" s="15">
        <v>45656</v>
      </c>
      <c r="F70360" s="14" t="s">
        <v>25</v>
      </c>
      <c r="G70360" s="16">
        <v>1.8005784089956181</v>
      </c>
    </row>
    <row r="70361" spans="1:7" x14ac:dyDescent="0.3">
      <c r="A70361" s="13" t="s">
        <v>364</v>
      </c>
      <c r="B70361" s="14" t="s">
        <v>1</v>
      </c>
      <c r="C70361" s="14" t="s">
        <v>238</v>
      </c>
      <c r="D70361" s="14" t="s">
        <v>155</v>
      </c>
      <c r="E70361" s="15">
        <v>45657</v>
      </c>
      <c r="F70361" s="14" t="s">
        <v>25</v>
      </c>
      <c r="G70361" s="16">
        <v>1.8392262308174885</v>
      </c>
    </row>
    <row r="70362" spans="1:7" x14ac:dyDescent="0.3">
      <c r="A70362" s="13" t="s">
        <v>364</v>
      </c>
      <c r="B70362" s="14" t="s">
        <v>1</v>
      </c>
      <c r="C70362" s="14" t="s">
        <v>238</v>
      </c>
      <c r="D70362" s="14" t="s">
        <v>155</v>
      </c>
      <c r="E70362" s="15">
        <v>45658</v>
      </c>
      <c r="F70362" s="14" t="s">
        <v>25</v>
      </c>
      <c r="G70362" s="16">
        <v>1.8392262308174885</v>
      </c>
    </row>
    <row r="70363" spans="1:7" x14ac:dyDescent="0.3">
      <c r="A70363" s="13" t="s">
        <v>364</v>
      </c>
      <c r="B70363" s="14" t="s">
        <v>1</v>
      </c>
      <c r="C70363" s="14" t="s">
        <v>238</v>
      </c>
      <c r="D70363" s="14" t="s">
        <v>155</v>
      </c>
      <c r="E70363" s="15">
        <v>45659</v>
      </c>
      <c r="F70363" s="14" t="s">
        <v>25</v>
      </c>
      <c r="G70363" s="16">
        <v>1.8392262308174885</v>
      </c>
    </row>
    <row r="70364" spans="1:7" x14ac:dyDescent="0.3">
      <c r="A70364" s="13" t="s">
        <v>364</v>
      </c>
      <c r="B70364" s="14" t="s">
        <v>1</v>
      </c>
      <c r="C70364" s="14" t="s">
        <v>238</v>
      </c>
      <c r="D70364" s="14" t="s">
        <v>155</v>
      </c>
      <c r="E70364" s="15">
        <v>45660</v>
      </c>
      <c r="F70364" s="14" t="s">
        <v>25</v>
      </c>
      <c r="G70364" s="16">
        <v>1.8404996098993129</v>
      </c>
    </row>
    <row r="70365" spans="1:7" x14ac:dyDescent="0.3">
      <c r="A70365" s="13" t="s">
        <v>364</v>
      </c>
      <c r="B70365" s="14" t="s">
        <v>1</v>
      </c>
      <c r="C70365" s="14" t="s">
        <v>238</v>
      </c>
      <c r="D70365" s="14" t="s">
        <v>155</v>
      </c>
      <c r="E70365" s="15">
        <v>45661</v>
      </c>
      <c r="F70365" s="14" t="s">
        <v>25</v>
      </c>
      <c r="G70365" s="16">
        <v>1.8404996098993129</v>
      </c>
    </row>
    <row r="70366" spans="1:7" x14ac:dyDescent="0.3">
      <c r="A70366" s="13" t="s">
        <v>364</v>
      </c>
      <c r="B70366" s="14" t="s">
        <v>1</v>
      </c>
      <c r="C70366" s="14" t="s">
        <v>238</v>
      </c>
      <c r="D70366" s="14" t="s">
        <v>155</v>
      </c>
      <c r="E70366" s="15">
        <v>45662</v>
      </c>
      <c r="F70366" s="14" t="s">
        <v>25</v>
      </c>
      <c r="G70366" s="16">
        <v>1.8404996098993129</v>
      </c>
    </row>
    <row r="70367" spans="1:7" x14ac:dyDescent="0.3">
      <c r="A70367" s="13" t="s">
        <v>364</v>
      </c>
      <c r="B70367" s="14" t="s">
        <v>1</v>
      </c>
      <c r="C70367" s="14" t="s">
        <v>238</v>
      </c>
      <c r="D70367" s="14" t="s">
        <v>155</v>
      </c>
      <c r="E70367" s="15">
        <v>45663</v>
      </c>
      <c r="F70367" s="14" t="s">
        <v>25</v>
      </c>
      <c r="G70367" s="16">
        <v>1.8675176179984754</v>
      </c>
    </row>
    <row r="70368" spans="1:7" x14ac:dyDescent="0.3">
      <c r="A70368" s="13" t="s">
        <v>364</v>
      </c>
      <c r="B70368" s="14" t="s">
        <v>1</v>
      </c>
      <c r="C70368" s="14" t="s">
        <v>238</v>
      </c>
      <c r="D70368" s="14" t="s">
        <v>155</v>
      </c>
      <c r="E70368" s="15">
        <v>45664</v>
      </c>
      <c r="F70368" s="14" t="s">
        <v>25</v>
      </c>
      <c r="G70368" s="16">
        <v>1.8890944360209267</v>
      </c>
    </row>
    <row r="70369" spans="1:7" x14ac:dyDescent="0.3">
      <c r="A70369" s="13" t="s">
        <v>364</v>
      </c>
      <c r="B70369" s="14" t="s">
        <v>1</v>
      </c>
      <c r="C70369" s="14" t="s">
        <v>238</v>
      </c>
      <c r="D70369" s="14" t="s">
        <v>155</v>
      </c>
      <c r="E70369" s="15">
        <v>45665</v>
      </c>
      <c r="F70369" s="14" t="s">
        <v>25</v>
      </c>
      <c r="G70369" s="16">
        <v>1.8948796134468051</v>
      </c>
    </row>
    <row r="70370" spans="1:7" x14ac:dyDescent="0.3">
      <c r="A70370" s="13" t="s">
        <v>364</v>
      </c>
      <c r="B70370" s="14" t="s">
        <v>1</v>
      </c>
      <c r="C70370" s="14" t="s">
        <v>238</v>
      </c>
      <c r="D70370" s="14" t="s">
        <v>155</v>
      </c>
      <c r="E70370" s="15">
        <v>45666</v>
      </c>
      <c r="F70370" s="14" t="s">
        <v>25</v>
      </c>
      <c r="G70370" s="16">
        <v>1.9002424033292222</v>
      </c>
    </row>
    <row r="70371" spans="1:7" x14ac:dyDescent="0.3">
      <c r="A70371" s="13" t="s">
        <v>364</v>
      </c>
      <c r="B70371" s="14" t="s">
        <v>1</v>
      </c>
      <c r="C70371" s="14" t="s">
        <v>238</v>
      </c>
      <c r="D70371" s="14" t="s">
        <v>155</v>
      </c>
      <c r="E70371" s="15">
        <v>45667</v>
      </c>
      <c r="F70371" s="14" t="s">
        <v>25</v>
      </c>
      <c r="G70371" s="16">
        <v>1.9064194655155771</v>
      </c>
    </row>
    <row r="70372" spans="1:7" x14ac:dyDescent="0.3">
      <c r="A70372" s="13" t="s">
        <v>364</v>
      </c>
      <c r="B70372" s="14" t="s">
        <v>1</v>
      </c>
      <c r="C70372" s="14" t="s">
        <v>238</v>
      </c>
      <c r="D70372" s="14" t="s">
        <v>155</v>
      </c>
      <c r="E70372" s="15">
        <v>45668</v>
      </c>
      <c r="F70372" s="14" t="s">
        <v>25</v>
      </c>
      <c r="G70372" s="16">
        <v>1.9064194655155771</v>
      </c>
    </row>
    <row r="70373" spans="1:7" x14ac:dyDescent="0.3">
      <c r="A70373" s="13" t="s">
        <v>364</v>
      </c>
      <c r="B70373" s="14" t="s">
        <v>1</v>
      </c>
      <c r="C70373" s="14" t="s">
        <v>238</v>
      </c>
      <c r="D70373" s="14" t="s">
        <v>155</v>
      </c>
      <c r="E70373" s="15">
        <v>45669</v>
      </c>
      <c r="F70373" s="14" t="s">
        <v>25</v>
      </c>
      <c r="G70373" s="16">
        <v>1.9064194655155771</v>
      </c>
    </row>
    <row r="70374" spans="1:7" x14ac:dyDescent="0.3">
      <c r="A70374" s="13" t="s">
        <v>364</v>
      </c>
      <c r="B70374" s="14" t="s">
        <v>1</v>
      </c>
      <c r="C70374" s="14" t="s">
        <v>238</v>
      </c>
      <c r="D70374" s="14" t="s">
        <v>155</v>
      </c>
      <c r="E70374" s="15">
        <v>45670</v>
      </c>
      <c r="F70374" s="14" t="s">
        <v>25</v>
      </c>
      <c r="G70374" s="16">
        <v>1.9134054514026801</v>
      </c>
    </row>
    <row r="70375" spans="1:7" x14ac:dyDescent="0.3">
      <c r="A70375" s="13" t="s">
        <v>364</v>
      </c>
      <c r="B70375" s="14" t="s">
        <v>1</v>
      </c>
      <c r="C70375" s="14" t="s">
        <v>238</v>
      </c>
      <c r="D70375" s="14" t="s">
        <v>155</v>
      </c>
      <c r="E70375" s="15">
        <v>45671</v>
      </c>
      <c r="F70375" s="14" t="s">
        <v>25</v>
      </c>
      <c r="G70375" s="16">
        <v>1.9360794881539585</v>
      </c>
    </row>
    <row r="70376" spans="1:7" x14ac:dyDescent="0.3">
      <c r="A70376" s="13" t="s">
        <v>364</v>
      </c>
      <c r="B70376" s="14" t="s">
        <v>1</v>
      </c>
      <c r="C70376" s="14" t="s">
        <v>238</v>
      </c>
      <c r="D70376" s="14" t="s">
        <v>155</v>
      </c>
      <c r="E70376" s="15">
        <v>45672</v>
      </c>
      <c r="F70376" s="14" t="s">
        <v>25</v>
      </c>
      <c r="G70376" s="16">
        <v>1.9408060945742189</v>
      </c>
    </row>
    <row r="70377" spans="1:7" x14ac:dyDescent="0.3">
      <c r="A70377" s="13" t="s">
        <v>364</v>
      </c>
      <c r="B70377" s="14" t="s">
        <v>1</v>
      </c>
      <c r="C70377" s="14" t="s">
        <v>238</v>
      </c>
      <c r="D70377" s="14" t="s">
        <v>155</v>
      </c>
      <c r="E70377" s="15">
        <v>45673</v>
      </c>
      <c r="F70377" s="14" t="s">
        <v>25</v>
      </c>
      <c r="G70377" s="16">
        <v>1.9446645172281865</v>
      </c>
    </row>
    <row r="70378" spans="1:7" x14ac:dyDescent="0.3">
      <c r="A70378" s="13" t="s">
        <v>364</v>
      </c>
      <c r="B70378" s="14" t="s">
        <v>1</v>
      </c>
      <c r="C70378" s="14" t="s">
        <v>238</v>
      </c>
      <c r="D70378" s="14" t="s">
        <v>155</v>
      </c>
      <c r="E70378" s="15">
        <v>45674</v>
      </c>
      <c r="F70378" s="14" t="s">
        <v>25</v>
      </c>
      <c r="G70378" s="16">
        <v>1.9557918282656415</v>
      </c>
    </row>
    <row r="70379" spans="1:7" x14ac:dyDescent="0.3">
      <c r="A70379" s="13" t="s">
        <v>364</v>
      </c>
      <c r="B70379" s="14" t="s">
        <v>1</v>
      </c>
      <c r="C70379" s="14" t="s">
        <v>238</v>
      </c>
      <c r="D70379" s="14" t="s">
        <v>155</v>
      </c>
      <c r="E70379" s="15">
        <v>45675</v>
      </c>
      <c r="F70379" s="14" t="s">
        <v>25</v>
      </c>
      <c r="G70379" s="16">
        <v>1.9557918282656415</v>
      </c>
    </row>
    <row r="70380" spans="1:7" x14ac:dyDescent="0.3">
      <c r="A70380" s="13" t="s">
        <v>364</v>
      </c>
      <c r="B70380" s="14" t="s">
        <v>1</v>
      </c>
      <c r="C70380" s="14" t="s">
        <v>238</v>
      </c>
      <c r="D70380" s="14" t="s">
        <v>155</v>
      </c>
      <c r="E70380" s="15">
        <v>45676</v>
      </c>
      <c r="F70380" s="14" t="s">
        <v>25</v>
      </c>
      <c r="G70380" s="16">
        <v>1.9557918282656415</v>
      </c>
    </row>
    <row r="70381" spans="1:7" x14ac:dyDescent="0.3">
      <c r="A70381" s="13" t="s">
        <v>364</v>
      </c>
      <c r="B70381" s="14" t="s">
        <v>1</v>
      </c>
      <c r="C70381" s="14" t="s">
        <v>238</v>
      </c>
      <c r="D70381" s="14" t="s">
        <v>155</v>
      </c>
      <c r="E70381" s="15">
        <v>45677</v>
      </c>
      <c r="F70381" s="14" t="s">
        <v>25</v>
      </c>
      <c r="G70381" s="16">
        <v>1.9712821295187695</v>
      </c>
    </row>
    <row r="70382" spans="1:7" x14ac:dyDescent="0.3">
      <c r="A70382" s="13" t="s">
        <v>364</v>
      </c>
      <c r="B70382" s="14" t="s">
        <v>1</v>
      </c>
      <c r="C70382" s="14" t="s">
        <v>238</v>
      </c>
      <c r="D70382" s="14" t="s">
        <v>155</v>
      </c>
      <c r="E70382" s="15">
        <v>45678</v>
      </c>
      <c r="F70382" s="14" t="s">
        <v>25</v>
      </c>
      <c r="G70382" s="16">
        <v>1.9937394775788022</v>
      </c>
    </row>
    <row r="70383" spans="1:7" x14ac:dyDescent="0.3">
      <c r="A70383" s="13" t="s">
        <v>364</v>
      </c>
      <c r="B70383" s="14" t="s">
        <v>1</v>
      </c>
      <c r="C70383" s="14" t="s">
        <v>238</v>
      </c>
      <c r="D70383" s="14" t="s">
        <v>155</v>
      </c>
      <c r="E70383" s="15">
        <v>45679</v>
      </c>
      <c r="F70383" s="14" t="s">
        <v>25</v>
      </c>
      <c r="G70383" s="16">
        <v>1.9977379023148671</v>
      </c>
    </row>
    <row r="70384" spans="1:7" x14ac:dyDescent="0.3">
      <c r="A70384" s="13" t="s">
        <v>364</v>
      </c>
      <c r="B70384" s="14" t="s">
        <v>1</v>
      </c>
      <c r="C70384" s="14" t="s">
        <v>238</v>
      </c>
      <c r="D70384" s="14" t="s">
        <v>155</v>
      </c>
      <c r="E70384" s="15">
        <v>45680</v>
      </c>
      <c r="F70384" s="14" t="s">
        <v>25</v>
      </c>
      <c r="G70384" s="16">
        <v>2.0070358428519341</v>
      </c>
    </row>
    <row r="70385" spans="1:7" x14ac:dyDescent="0.3">
      <c r="A70385" s="13" t="s">
        <v>364</v>
      </c>
      <c r="B70385" s="14" t="s">
        <v>1</v>
      </c>
      <c r="C70385" s="14" t="s">
        <v>238</v>
      </c>
      <c r="D70385" s="14" t="s">
        <v>155</v>
      </c>
      <c r="E70385" s="15">
        <v>45681</v>
      </c>
      <c r="F70385" s="14" t="s">
        <v>25</v>
      </c>
      <c r="G70385" s="16">
        <v>2.0261564819526372</v>
      </c>
    </row>
    <row r="70386" spans="1:7" x14ac:dyDescent="0.3">
      <c r="A70386" s="13" t="s">
        <v>364</v>
      </c>
      <c r="B70386" s="14" t="s">
        <v>1</v>
      </c>
      <c r="C70386" s="14" t="s">
        <v>238</v>
      </c>
      <c r="D70386" s="14" t="s">
        <v>155</v>
      </c>
      <c r="E70386" s="15">
        <v>45682</v>
      </c>
      <c r="F70386" s="14" t="s">
        <v>25</v>
      </c>
      <c r="G70386" s="16">
        <v>2.0261564819526372</v>
      </c>
    </row>
    <row r="70387" spans="1:7" x14ac:dyDescent="0.3">
      <c r="A70387" s="13" t="s">
        <v>364</v>
      </c>
      <c r="B70387" s="14" t="s">
        <v>1</v>
      </c>
      <c r="C70387" s="14" t="s">
        <v>238</v>
      </c>
      <c r="D70387" s="14" t="s">
        <v>155</v>
      </c>
      <c r="E70387" s="15">
        <v>45683</v>
      </c>
      <c r="F70387" s="14" t="s">
        <v>25</v>
      </c>
      <c r="G70387" s="16">
        <v>2.0261564819526372</v>
      </c>
    </row>
    <row r="70388" spans="1:7" x14ac:dyDescent="0.3">
      <c r="A70388" s="13" t="s">
        <v>364</v>
      </c>
      <c r="B70388" s="14" t="s">
        <v>1</v>
      </c>
      <c r="C70388" s="14" t="s">
        <v>238</v>
      </c>
      <c r="D70388" s="14" t="s">
        <v>155</v>
      </c>
      <c r="E70388" s="15">
        <v>45684</v>
      </c>
      <c r="F70388" s="14" t="s">
        <v>25</v>
      </c>
      <c r="G70388" s="16">
        <v>2.0239633206772134</v>
      </c>
    </row>
    <row r="70389" spans="1:7" x14ac:dyDescent="0.3">
      <c r="A70389" s="13" t="s">
        <v>364</v>
      </c>
      <c r="B70389" s="14" t="s">
        <v>1</v>
      </c>
      <c r="C70389" s="14" t="s">
        <v>238</v>
      </c>
      <c r="D70389" s="14" t="s">
        <v>155</v>
      </c>
      <c r="E70389" s="15">
        <v>45685</v>
      </c>
      <c r="F70389" s="14" t="s">
        <v>25</v>
      </c>
      <c r="G70389" s="16">
        <v>2.0362780796778779</v>
      </c>
    </row>
    <row r="70390" spans="1:7" x14ac:dyDescent="0.3">
      <c r="A70390" s="13" t="s">
        <v>364</v>
      </c>
      <c r="B70390" s="14" t="s">
        <v>1</v>
      </c>
      <c r="C70390" s="14" t="s">
        <v>238</v>
      </c>
      <c r="D70390" s="14" t="s">
        <v>155</v>
      </c>
      <c r="E70390" s="15">
        <v>45686</v>
      </c>
      <c r="F70390" s="14" t="s">
        <v>25</v>
      </c>
      <c r="G70390" s="16">
        <v>2.0475921529691958</v>
      </c>
    </row>
    <row r="70391" spans="1:7" x14ac:dyDescent="0.3">
      <c r="A70391" s="13" t="s">
        <v>364</v>
      </c>
      <c r="B70391" s="14" t="s">
        <v>1</v>
      </c>
      <c r="C70391" s="14" t="s">
        <v>238</v>
      </c>
      <c r="D70391" s="14" t="s">
        <v>155</v>
      </c>
      <c r="E70391" s="15">
        <v>45687</v>
      </c>
      <c r="F70391" s="14" t="s">
        <v>25</v>
      </c>
      <c r="G70391" s="16">
        <v>2.0479345165511886</v>
      </c>
    </row>
    <row r="70392" spans="1:7" x14ac:dyDescent="0.3">
      <c r="A70392" s="13" t="s">
        <v>364</v>
      </c>
      <c r="B70392" s="14" t="s">
        <v>1</v>
      </c>
      <c r="C70392" s="14" t="s">
        <v>238</v>
      </c>
      <c r="D70392" s="14" t="s">
        <v>155</v>
      </c>
      <c r="E70392" s="15">
        <v>45688</v>
      </c>
      <c r="F70392" s="14" t="s">
        <v>25</v>
      </c>
      <c r="G70392" s="16">
        <v>2.0522940828554468</v>
      </c>
    </row>
    <row r="70393" spans="1:7" x14ac:dyDescent="0.3">
      <c r="A70393" s="13" t="s">
        <v>364</v>
      </c>
      <c r="B70393" s="14" t="s">
        <v>1</v>
      </c>
      <c r="C70393" s="14" t="s">
        <v>238</v>
      </c>
      <c r="D70393" s="14" t="s">
        <v>155</v>
      </c>
      <c r="E70393" s="15">
        <v>45689</v>
      </c>
      <c r="F70393" s="14" t="s">
        <v>25</v>
      </c>
      <c r="G70393" s="16">
        <v>2.0522940828554468</v>
      </c>
    </row>
    <row r="70394" spans="1:7" x14ac:dyDescent="0.3">
      <c r="A70394" s="13" t="s">
        <v>364</v>
      </c>
      <c r="B70394" s="14" t="s">
        <v>1</v>
      </c>
      <c r="C70394" s="14" t="s">
        <v>238</v>
      </c>
      <c r="D70394" s="14" t="s">
        <v>155</v>
      </c>
      <c r="E70394" s="15">
        <v>45690</v>
      </c>
      <c r="F70394" s="14" t="s">
        <v>25</v>
      </c>
      <c r="G70394" s="16">
        <v>2.0522940828554468</v>
      </c>
    </row>
    <row r="70395" spans="1:7" x14ac:dyDescent="0.3">
      <c r="A70395" s="13" t="s">
        <v>364</v>
      </c>
      <c r="B70395" s="14" t="s">
        <v>1</v>
      </c>
      <c r="C70395" s="14" t="s">
        <v>238</v>
      </c>
      <c r="D70395" s="14" t="s">
        <v>155</v>
      </c>
      <c r="E70395" s="15">
        <v>45691</v>
      </c>
      <c r="F70395" s="14" t="s">
        <v>25</v>
      </c>
      <c r="G70395" s="16">
        <v>2.0522940828554468</v>
      </c>
    </row>
    <row r="70396" spans="1:7" x14ac:dyDescent="0.3">
      <c r="A70396" s="13" t="s">
        <v>364</v>
      </c>
      <c r="B70396" s="14" t="s">
        <v>1</v>
      </c>
      <c r="C70396" s="14" t="s">
        <v>238</v>
      </c>
      <c r="D70396" s="14" t="s">
        <v>155</v>
      </c>
      <c r="E70396" s="15">
        <v>45692</v>
      </c>
      <c r="F70396" s="14" t="s">
        <v>25</v>
      </c>
      <c r="G70396" s="16">
        <v>2.0487793466568358</v>
      </c>
    </row>
    <row r="70397" spans="1:7" x14ac:dyDescent="0.3">
      <c r="A70397" s="13" t="s">
        <v>364</v>
      </c>
      <c r="B70397" s="14" t="s">
        <v>1</v>
      </c>
      <c r="C70397" s="14" t="s">
        <v>238</v>
      </c>
      <c r="D70397" s="14" t="s">
        <v>155</v>
      </c>
      <c r="E70397" s="15">
        <v>45693</v>
      </c>
      <c r="F70397" s="14" t="s">
        <v>25</v>
      </c>
      <c r="G70397" s="16">
        <v>2.0725000776736775</v>
      </c>
    </row>
    <row r="70398" spans="1:7" x14ac:dyDescent="0.3">
      <c r="A70398" s="13" t="s">
        <v>364</v>
      </c>
      <c r="B70398" s="14" t="s">
        <v>1</v>
      </c>
      <c r="C70398" s="14" t="s">
        <v>238</v>
      </c>
      <c r="D70398" s="14" t="s">
        <v>155</v>
      </c>
      <c r="E70398" s="15">
        <v>45694</v>
      </c>
      <c r="F70398" s="14" t="s">
        <v>25</v>
      </c>
      <c r="G70398" s="16">
        <v>2.0823606246700015</v>
      </c>
    </row>
    <row r="70399" spans="1:7" x14ac:dyDescent="0.3">
      <c r="A70399" s="13" t="s">
        <v>364</v>
      </c>
      <c r="B70399" s="14" t="s">
        <v>1</v>
      </c>
      <c r="C70399" s="14" t="s">
        <v>238</v>
      </c>
      <c r="D70399" s="14" t="s">
        <v>155</v>
      </c>
      <c r="E70399" s="15">
        <v>45695</v>
      </c>
      <c r="F70399" s="14" t="s">
        <v>25</v>
      </c>
      <c r="G70399" s="16">
        <v>2.0889394837180832</v>
      </c>
    </row>
    <row r="70400" spans="1:7" x14ac:dyDescent="0.3">
      <c r="A70400" s="13" t="s">
        <v>364</v>
      </c>
      <c r="B70400" s="14" t="s">
        <v>1</v>
      </c>
      <c r="C70400" s="14" t="s">
        <v>238</v>
      </c>
      <c r="D70400" s="14" t="s">
        <v>155</v>
      </c>
      <c r="E70400" s="15">
        <v>45696</v>
      </c>
      <c r="F70400" s="14" t="s">
        <v>25</v>
      </c>
      <c r="G70400" s="16">
        <v>2.0889394837180832</v>
      </c>
    </row>
    <row r="70401" spans="1:7" x14ac:dyDescent="0.3">
      <c r="A70401" s="13" t="s">
        <v>364</v>
      </c>
      <c r="B70401" s="14" t="s">
        <v>1</v>
      </c>
      <c r="C70401" s="14" t="s">
        <v>238</v>
      </c>
      <c r="D70401" s="14" t="s">
        <v>155</v>
      </c>
      <c r="E70401" s="15">
        <v>45697</v>
      </c>
      <c r="F70401" s="14" t="s">
        <v>25</v>
      </c>
      <c r="G70401" s="16">
        <v>2.0889394837180832</v>
      </c>
    </row>
    <row r="70402" spans="1:7" x14ac:dyDescent="0.3">
      <c r="A70402" s="13" t="s">
        <v>364</v>
      </c>
      <c r="B70402" s="14" t="s">
        <v>1</v>
      </c>
      <c r="C70402" s="14" t="s">
        <v>238</v>
      </c>
      <c r="D70402" s="14" t="s">
        <v>155</v>
      </c>
      <c r="E70402" s="15">
        <v>45698</v>
      </c>
      <c r="F70402" s="14" t="s">
        <v>25</v>
      </c>
      <c r="G70402" s="16">
        <v>2.0952374022020481</v>
      </c>
    </row>
    <row r="70403" spans="1:7" x14ac:dyDescent="0.3">
      <c r="A70403" s="13" t="s">
        <v>364</v>
      </c>
      <c r="B70403" s="14" t="s">
        <v>1</v>
      </c>
      <c r="C70403" s="14" t="s">
        <v>238</v>
      </c>
      <c r="D70403" s="14" t="s">
        <v>155</v>
      </c>
      <c r="E70403" s="15">
        <v>45699</v>
      </c>
      <c r="F70403" s="14" t="s">
        <v>25</v>
      </c>
      <c r="G70403" s="16">
        <v>2.1310126200072728</v>
      </c>
    </row>
    <row r="70404" spans="1:7" x14ac:dyDescent="0.3">
      <c r="A70404" s="13" t="s">
        <v>364</v>
      </c>
      <c r="B70404" s="14" t="s">
        <v>1</v>
      </c>
      <c r="C70404" s="14" t="s">
        <v>238</v>
      </c>
      <c r="D70404" s="14" t="s">
        <v>155</v>
      </c>
      <c r="E70404" s="15">
        <v>45700</v>
      </c>
      <c r="F70404" s="14" t="s">
        <v>25</v>
      </c>
      <c r="G70404" s="16">
        <v>2.1438569209477123</v>
      </c>
    </row>
    <row r="70405" spans="1:7" x14ac:dyDescent="0.3">
      <c r="A70405" s="13" t="s">
        <v>364</v>
      </c>
      <c r="B70405" s="14" t="s">
        <v>1</v>
      </c>
      <c r="C70405" s="14" t="s">
        <v>238</v>
      </c>
      <c r="D70405" s="14" t="s">
        <v>155</v>
      </c>
      <c r="E70405" s="15">
        <v>45701</v>
      </c>
      <c r="F70405" s="14" t="s">
        <v>25</v>
      </c>
      <c r="G70405" s="16">
        <v>2.1417924875733498</v>
      </c>
    </row>
    <row r="70406" spans="1:7" x14ac:dyDescent="0.3">
      <c r="A70406" s="13" t="s">
        <v>364</v>
      </c>
      <c r="B70406" s="14" t="s">
        <v>1</v>
      </c>
      <c r="C70406" s="14" t="s">
        <v>238</v>
      </c>
      <c r="D70406" s="14" t="s">
        <v>155</v>
      </c>
      <c r="E70406" s="15">
        <v>45702</v>
      </c>
      <c r="F70406" s="14" t="s">
        <v>25</v>
      </c>
      <c r="G70406" s="16">
        <v>2.1453450215591037</v>
      </c>
    </row>
    <row r="70407" spans="1:7" x14ac:dyDescent="0.3">
      <c r="A70407" s="13" t="s">
        <v>364</v>
      </c>
      <c r="B70407" s="14" t="s">
        <v>1</v>
      </c>
      <c r="C70407" s="14" t="s">
        <v>238</v>
      </c>
      <c r="D70407" s="14" t="s">
        <v>155</v>
      </c>
      <c r="E70407" s="15">
        <v>45703</v>
      </c>
      <c r="F70407" s="14" t="s">
        <v>25</v>
      </c>
      <c r="G70407" s="16">
        <v>2.1453450215591037</v>
      </c>
    </row>
    <row r="70408" spans="1:7" x14ac:dyDescent="0.3">
      <c r="A70408" s="13" t="s">
        <v>364</v>
      </c>
      <c r="B70408" s="14" t="s">
        <v>1</v>
      </c>
      <c r="C70408" s="14" t="s">
        <v>238</v>
      </c>
      <c r="D70408" s="14" t="s">
        <v>155</v>
      </c>
      <c r="E70408" s="15">
        <v>45704</v>
      </c>
      <c r="F70408" s="14" t="s">
        <v>25</v>
      </c>
      <c r="G70408" s="16">
        <v>2.1453450215591037</v>
      </c>
    </row>
    <row r="70409" spans="1:7" x14ac:dyDescent="0.3">
      <c r="A70409" s="13" t="s">
        <v>364</v>
      </c>
      <c r="B70409" s="14" t="s">
        <v>1</v>
      </c>
      <c r="C70409" s="14" t="s">
        <v>238</v>
      </c>
      <c r="D70409" s="14" t="s">
        <v>155</v>
      </c>
      <c r="E70409" s="15">
        <v>45705</v>
      </c>
      <c r="F70409" s="14" t="s">
        <v>25</v>
      </c>
      <c r="G70409" s="16">
        <v>2.1541350332759328</v>
      </c>
    </row>
    <row r="70410" spans="1:7" x14ac:dyDescent="0.3">
      <c r="A70410" s="13" t="s">
        <v>364</v>
      </c>
      <c r="B70410" s="14" t="s">
        <v>1</v>
      </c>
      <c r="C70410" s="14" t="s">
        <v>238</v>
      </c>
      <c r="D70410" s="14" t="s">
        <v>155</v>
      </c>
      <c r="E70410" s="15">
        <v>45706</v>
      </c>
      <c r="F70410" s="14" t="s">
        <v>25</v>
      </c>
      <c r="G70410" s="16">
        <v>2.1723286446746073</v>
      </c>
    </row>
    <row r="70411" spans="1:7" x14ac:dyDescent="0.3">
      <c r="A70411" s="13" t="s">
        <v>364</v>
      </c>
      <c r="B70411" s="14" t="s">
        <v>1</v>
      </c>
      <c r="C70411" s="14" t="s">
        <v>238</v>
      </c>
      <c r="D70411" s="14" t="s">
        <v>155</v>
      </c>
      <c r="E70411" s="15">
        <v>45707</v>
      </c>
      <c r="F70411" s="14" t="s">
        <v>25</v>
      </c>
      <c r="G70411" s="16">
        <v>2.1772317640575842</v>
      </c>
    </row>
    <row r="70412" spans="1:7" x14ac:dyDescent="0.3">
      <c r="A70412" s="13" t="s">
        <v>364</v>
      </c>
      <c r="B70412" s="14" t="s">
        <v>1</v>
      </c>
      <c r="C70412" s="14" t="s">
        <v>238</v>
      </c>
      <c r="D70412" s="14" t="s">
        <v>155</v>
      </c>
      <c r="E70412" s="15">
        <v>45708</v>
      </c>
      <c r="F70412" s="14" t="s">
        <v>25</v>
      </c>
      <c r="G70412" s="16">
        <v>2.1842021588864933</v>
      </c>
    </row>
    <row r="70413" spans="1:7" x14ac:dyDescent="0.3">
      <c r="A70413" s="13" t="s">
        <v>364</v>
      </c>
      <c r="B70413" s="14" t="s">
        <v>1</v>
      </c>
      <c r="C70413" s="14" t="s">
        <v>238</v>
      </c>
      <c r="D70413" s="14" t="s">
        <v>155</v>
      </c>
      <c r="E70413" s="15">
        <v>45709</v>
      </c>
      <c r="F70413" s="14" t="s">
        <v>25</v>
      </c>
      <c r="G70413" s="16">
        <v>2.1823395193443154</v>
      </c>
    </row>
    <row r="70414" spans="1:7" x14ac:dyDescent="0.3">
      <c r="A70414" s="13" t="s">
        <v>364</v>
      </c>
      <c r="B70414" s="14" t="s">
        <v>1</v>
      </c>
      <c r="C70414" s="14" t="s">
        <v>238</v>
      </c>
      <c r="D70414" s="14" t="s">
        <v>155</v>
      </c>
      <c r="E70414" s="15">
        <v>45710</v>
      </c>
      <c r="F70414" s="14" t="s">
        <v>25</v>
      </c>
      <c r="G70414" s="16">
        <v>2.1823395193443154</v>
      </c>
    </row>
    <row r="70415" spans="1:7" x14ac:dyDescent="0.3">
      <c r="A70415" s="13" t="s">
        <v>364</v>
      </c>
      <c r="B70415" s="14" t="s">
        <v>1</v>
      </c>
      <c r="C70415" s="14" t="s">
        <v>238</v>
      </c>
      <c r="D70415" s="14" t="s">
        <v>155</v>
      </c>
      <c r="E70415" s="15">
        <v>45711</v>
      </c>
      <c r="F70415" s="14" t="s">
        <v>25</v>
      </c>
      <c r="G70415" s="16">
        <v>2.1823395193443154</v>
      </c>
    </row>
    <row r="70416" spans="1:7" x14ac:dyDescent="0.3">
      <c r="A70416" s="13" t="s">
        <v>364</v>
      </c>
      <c r="B70416" s="14" t="s">
        <v>1</v>
      </c>
      <c r="C70416" s="14" t="s">
        <v>238</v>
      </c>
      <c r="D70416" s="14" t="s">
        <v>155</v>
      </c>
      <c r="E70416" s="15">
        <v>45712</v>
      </c>
      <c r="F70416" s="14" t="s">
        <v>25</v>
      </c>
      <c r="G70416" s="16">
        <v>2.1886191950539353</v>
      </c>
    </row>
    <row r="70417" spans="1:7" x14ac:dyDescent="0.3">
      <c r="A70417" s="13" t="s">
        <v>364</v>
      </c>
      <c r="B70417" s="14" t="s">
        <v>1</v>
      </c>
      <c r="C70417" s="14" t="s">
        <v>238</v>
      </c>
      <c r="D70417" s="14" t="s">
        <v>155</v>
      </c>
      <c r="E70417" s="15">
        <v>45713</v>
      </c>
      <c r="F70417" s="14" t="s">
        <v>25</v>
      </c>
      <c r="G70417" s="16">
        <v>2.2091013300227877</v>
      </c>
    </row>
    <row r="70418" spans="1:7" x14ac:dyDescent="0.3">
      <c r="A70418" s="13" t="s">
        <v>364</v>
      </c>
      <c r="B70418" s="14" t="s">
        <v>1</v>
      </c>
      <c r="C70418" s="14" t="s">
        <v>238</v>
      </c>
      <c r="D70418" s="14" t="s">
        <v>155</v>
      </c>
      <c r="E70418" s="15">
        <v>45714</v>
      </c>
      <c r="F70418" s="14" t="s">
        <v>25</v>
      </c>
      <c r="G70418" s="16">
        <v>2.2139428584643479</v>
      </c>
    </row>
    <row r="70419" spans="1:7" x14ac:dyDescent="0.3">
      <c r="A70419" s="13" t="s">
        <v>364</v>
      </c>
      <c r="B70419" s="14" t="s">
        <v>1</v>
      </c>
      <c r="C70419" s="14" t="s">
        <v>238</v>
      </c>
      <c r="D70419" s="14" t="s">
        <v>155</v>
      </c>
      <c r="E70419" s="15">
        <v>45715</v>
      </c>
      <c r="F70419" s="14" t="s">
        <v>25</v>
      </c>
      <c r="G70419" s="16">
        <v>2.2144950301781896</v>
      </c>
    </row>
    <row r="70420" spans="1:7" x14ac:dyDescent="0.3">
      <c r="A70420" s="13" t="s">
        <v>364</v>
      </c>
      <c r="B70420" s="14" t="s">
        <v>1</v>
      </c>
      <c r="C70420" s="14" t="s">
        <v>238</v>
      </c>
      <c r="D70420" s="14" t="s">
        <v>155</v>
      </c>
      <c r="E70420" s="15">
        <v>45716</v>
      </c>
      <c r="F70420" s="14" t="s">
        <v>25</v>
      </c>
      <c r="G70420" s="16">
        <v>2.2254664789030798</v>
      </c>
    </row>
    <row r="70421" spans="1:7" x14ac:dyDescent="0.3">
      <c r="A70421" s="13" t="s">
        <v>364</v>
      </c>
      <c r="B70421" s="14" t="s">
        <v>1</v>
      </c>
      <c r="C70421" s="14" t="s">
        <v>238</v>
      </c>
      <c r="D70421" s="14" t="s">
        <v>155</v>
      </c>
      <c r="E70421" s="15">
        <v>45717</v>
      </c>
      <c r="F70421" s="14" t="s">
        <v>25</v>
      </c>
      <c r="G70421" s="16">
        <v>2.2254664789030798</v>
      </c>
    </row>
    <row r="70422" spans="1:7" x14ac:dyDescent="0.3">
      <c r="A70422" s="13" t="s">
        <v>364</v>
      </c>
      <c r="B70422" s="14" t="s">
        <v>1</v>
      </c>
      <c r="C70422" s="14" t="s">
        <v>238</v>
      </c>
      <c r="D70422" s="14" t="s">
        <v>155</v>
      </c>
      <c r="E70422" s="15">
        <v>45718</v>
      </c>
      <c r="F70422" s="14" t="s">
        <v>25</v>
      </c>
      <c r="G70422" s="16">
        <v>2.2254664789030798</v>
      </c>
    </row>
    <row r="70423" spans="1:7" x14ac:dyDescent="0.3">
      <c r="A70423" s="13" t="s">
        <v>364</v>
      </c>
      <c r="B70423" s="14" t="s">
        <v>1</v>
      </c>
      <c r="C70423" s="14" t="s">
        <v>238</v>
      </c>
      <c r="D70423" s="14" t="s">
        <v>155</v>
      </c>
      <c r="E70423" s="15">
        <v>45719</v>
      </c>
      <c r="F70423" s="14" t="s">
        <v>25</v>
      </c>
      <c r="G70423" s="16">
        <v>2.239215944667905</v>
      </c>
    </row>
    <row r="70424" spans="1:7" x14ac:dyDescent="0.3">
      <c r="A70424" s="13" t="s">
        <v>364</v>
      </c>
      <c r="B70424" s="14" t="s">
        <v>1</v>
      </c>
      <c r="C70424" s="14" t="s">
        <v>238</v>
      </c>
      <c r="D70424" s="14" t="s">
        <v>155</v>
      </c>
      <c r="E70424" s="15">
        <v>45720</v>
      </c>
      <c r="F70424" s="14" t="s">
        <v>25</v>
      </c>
      <c r="G70424" s="16">
        <v>2.2710790345854552</v>
      </c>
    </row>
    <row r="70425" spans="1:7" x14ac:dyDescent="0.3">
      <c r="A70425" s="13" t="s">
        <v>364</v>
      </c>
      <c r="B70425" s="14" t="s">
        <v>1</v>
      </c>
      <c r="C70425" s="14" t="s">
        <v>238</v>
      </c>
      <c r="D70425" s="14" t="s">
        <v>155</v>
      </c>
      <c r="E70425" s="15">
        <v>45721</v>
      </c>
      <c r="F70425" s="14" t="s">
        <v>25</v>
      </c>
      <c r="G70425" s="16">
        <v>2.3164949976406044</v>
      </c>
    </row>
    <row r="70426" spans="1:7" x14ac:dyDescent="0.3">
      <c r="A70426" s="13" t="s">
        <v>364</v>
      </c>
      <c r="B70426" s="14" t="s">
        <v>1</v>
      </c>
      <c r="C70426" s="14" t="s">
        <v>238</v>
      </c>
      <c r="D70426" s="14" t="s">
        <v>155</v>
      </c>
      <c r="E70426" s="15">
        <v>45722</v>
      </c>
      <c r="F70426" s="14" t="s">
        <v>25</v>
      </c>
      <c r="G70426" s="16">
        <v>2.3008342010706095</v>
      </c>
    </row>
    <row r="70427" spans="1:7" x14ac:dyDescent="0.3">
      <c r="A70427" s="13" t="s">
        <v>364</v>
      </c>
      <c r="B70427" s="14" t="s">
        <v>1</v>
      </c>
      <c r="C70427" s="14" t="s">
        <v>238</v>
      </c>
      <c r="D70427" s="14" t="s">
        <v>155</v>
      </c>
      <c r="E70427" s="15">
        <v>45723</v>
      </c>
      <c r="F70427" s="14" t="s">
        <v>25</v>
      </c>
      <c r="G70427" s="16">
        <v>2.3143969865461327</v>
      </c>
    </row>
    <row r="70428" spans="1:7" x14ac:dyDescent="0.3">
      <c r="A70428" s="13" t="s">
        <v>364</v>
      </c>
      <c r="B70428" s="14" t="s">
        <v>1</v>
      </c>
      <c r="C70428" s="14" t="s">
        <v>238</v>
      </c>
      <c r="D70428" s="14" t="s">
        <v>155</v>
      </c>
      <c r="E70428" s="15">
        <v>45724</v>
      </c>
      <c r="F70428" s="14" t="s">
        <v>25</v>
      </c>
      <c r="G70428" s="16">
        <v>2.3143969865461327</v>
      </c>
    </row>
    <row r="70429" spans="1:7" x14ac:dyDescent="0.3">
      <c r="A70429" s="13" t="s">
        <v>364</v>
      </c>
      <c r="B70429" s="14" t="s">
        <v>1</v>
      </c>
      <c r="C70429" s="14" t="s">
        <v>238</v>
      </c>
      <c r="D70429" s="14" t="s">
        <v>155</v>
      </c>
      <c r="E70429" s="15">
        <v>45725</v>
      </c>
      <c r="F70429" s="14" t="s">
        <v>25</v>
      </c>
      <c r="G70429" s="16">
        <v>2.3143969865461327</v>
      </c>
    </row>
    <row r="70430" spans="1:7" x14ac:dyDescent="0.3">
      <c r="A70430" s="13" t="s">
        <v>364</v>
      </c>
      <c r="B70430" s="14" t="s">
        <v>1</v>
      </c>
      <c r="C70430" s="14" t="s">
        <v>238</v>
      </c>
      <c r="D70430" s="14" t="s">
        <v>155</v>
      </c>
      <c r="E70430" s="15">
        <v>45726</v>
      </c>
      <c r="F70430" s="14" t="s">
        <v>25</v>
      </c>
      <c r="G70430" s="16">
        <v>2.3245936587907714</v>
      </c>
    </row>
    <row r="70431" spans="1:7" x14ac:dyDescent="0.3">
      <c r="A70431" s="13" t="s">
        <v>364</v>
      </c>
      <c r="B70431" s="14" t="s">
        <v>1</v>
      </c>
      <c r="C70431" s="14" t="s">
        <v>238</v>
      </c>
      <c r="D70431" s="14" t="s">
        <v>155</v>
      </c>
      <c r="E70431" s="15">
        <v>45727</v>
      </c>
      <c r="F70431" s="14" t="s">
        <v>25</v>
      </c>
      <c r="G70431" s="16">
        <v>2.3680952679902636</v>
      </c>
    </row>
    <row r="70432" spans="1:7" x14ac:dyDescent="0.3">
      <c r="A70432" s="13" t="s">
        <v>364</v>
      </c>
      <c r="B70432" s="14" t="s">
        <v>1</v>
      </c>
      <c r="C70432" s="14" t="s">
        <v>238</v>
      </c>
      <c r="D70432" s="14" t="s">
        <v>155</v>
      </c>
      <c r="E70432" s="15">
        <v>45728</v>
      </c>
      <c r="F70432" s="14" t="s">
        <v>25</v>
      </c>
      <c r="G70432" s="16">
        <v>2.366075569409654</v>
      </c>
    </row>
    <row r="70433" spans="1:7" x14ac:dyDescent="0.3">
      <c r="A70433" s="13" t="s">
        <v>364</v>
      </c>
      <c r="B70433" s="14" t="s">
        <v>1</v>
      </c>
      <c r="C70433" s="14" t="s">
        <v>238</v>
      </c>
      <c r="D70433" s="14" t="s">
        <v>155</v>
      </c>
      <c r="E70433" s="15">
        <v>45729</v>
      </c>
      <c r="F70433" s="14" t="s">
        <v>25</v>
      </c>
      <c r="G70433" s="16">
        <v>2.3654153346422238</v>
      </c>
    </row>
    <row r="70434" spans="1:7" x14ac:dyDescent="0.3">
      <c r="A70434" s="13" t="s">
        <v>364</v>
      </c>
      <c r="B70434" s="14" t="s">
        <v>1</v>
      </c>
      <c r="C70434" s="14" t="s">
        <v>238</v>
      </c>
      <c r="D70434" s="14" t="s">
        <v>155</v>
      </c>
      <c r="E70434" s="15">
        <v>45730</v>
      </c>
      <c r="F70434" s="14" t="s">
        <v>25</v>
      </c>
      <c r="G70434" s="16">
        <v>2.3868059249313882</v>
      </c>
    </row>
    <row r="70435" spans="1:7" x14ac:dyDescent="0.3">
      <c r="A70435" s="13" t="s">
        <v>364</v>
      </c>
      <c r="B70435" s="14" t="s">
        <v>1</v>
      </c>
      <c r="C70435" s="14" t="s">
        <v>238</v>
      </c>
      <c r="D70435" s="14" t="s">
        <v>155</v>
      </c>
      <c r="E70435" s="15">
        <v>45731</v>
      </c>
      <c r="F70435" s="14" t="s">
        <v>25</v>
      </c>
      <c r="G70435" s="16">
        <v>2.3868059249313882</v>
      </c>
    </row>
    <row r="70436" spans="1:7" x14ac:dyDescent="0.3">
      <c r="A70436" s="13" t="s">
        <v>364</v>
      </c>
      <c r="B70436" s="14" t="s">
        <v>1</v>
      </c>
      <c r="C70436" s="14" t="s">
        <v>238</v>
      </c>
      <c r="D70436" s="14" t="s">
        <v>155</v>
      </c>
      <c r="E70436" s="15">
        <v>45732</v>
      </c>
      <c r="F70436" s="14" t="s">
        <v>25</v>
      </c>
      <c r="G70436" s="16">
        <v>2.3868059249313882</v>
      </c>
    </row>
    <row r="70437" spans="1:7" x14ac:dyDescent="0.3">
      <c r="A70437" s="13" t="s">
        <v>364</v>
      </c>
      <c r="B70437" s="14" t="s">
        <v>1</v>
      </c>
      <c r="C70437" s="14" t="s">
        <v>238</v>
      </c>
      <c r="D70437" s="14" t="s">
        <v>155</v>
      </c>
      <c r="E70437" s="15">
        <v>45733</v>
      </c>
      <c r="F70437" s="14" t="s">
        <v>25</v>
      </c>
      <c r="G70437" s="16">
        <v>2.3868059249313882</v>
      </c>
    </row>
    <row r="70438" spans="1:7" x14ac:dyDescent="0.3">
      <c r="A70438" s="13" t="s">
        <v>364</v>
      </c>
      <c r="B70438" s="14" t="s">
        <v>1</v>
      </c>
      <c r="C70438" s="14" t="s">
        <v>238</v>
      </c>
      <c r="D70438" s="14" t="s">
        <v>155</v>
      </c>
      <c r="E70438" s="15">
        <v>45734</v>
      </c>
      <c r="F70438" s="14" t="s">
        <v>25</v>
      </c>
      <c r="G70438" s="16">
        <v>2.3839436246569399</v>
      </c>
    </row>
    <row r="70439" spans="1:7" x14ac:dyDescent="0.3">
      <c r="A70439" s="13" t="s">
        <v>364</v>
      </c>
      <c r="B70439" s="14" t="s">
        <v>1</v>
      </c>
      <c r="C70439" s="14" t="s">
        <v>238</v>
      </c>
      <c r="D70439" s="14" t="s">
        <v>155</v>
      </c>
      <c r="E70439" s="15">
        <v>45735</v>
      </c>
      <c r="F70439" s="14" t="s">
        <v>25</v>
      </c>
      <c r="G70439" s="16">
        <v>2.4014598815628623</v>
      </c>
    </row>
    <row r="70440" spans="1:7" x14ac:dyDescent="0.3">
      <c r="A70440" s="13" t="s">
        <v>364</v>
      </c>
      <c r="B70440" s="14" t="s">
        <v>1</v>
      </c>
      <c r="C70440" s="14" t="s">
        <v>238</v>
      </c>
      <c r="D70440" s="14" t="s">
        <v>155</v>
      </c>
      <c r="E70440" s="15">
        <v>45736</v>
      </c>
      <c r="F70440" s="14" t="s">
        <v>25</v>
      </c>
      <c r="G70440" s="16">
        <v>2.4087360797880186</v>
      </c>
    </row>
    <row r="70441" spans="1:7" x14ac:dyDescent="0.3">
      <c r="A70441" s="13" t="s">
        <v>364</v>
      </c>
      <c r="B70441" s="14" t="s">
        <v>1</v>
      </c>
      <c r="C70441" s="14" t="s">
        <v>238</v>
      </c>
      <c r="D70441" s="14" t="s">
        <v>155</v>
      </c>
      <c r="E70441" s="15">
        <v>45737</v>
      </c>
      <c r="F70441" s="14" t="s">
        <v>25</v>
      </c>
      <c r="G70441" s="16">
        <v>2.4123044499423738</v>
      </c>
    </row>
    <row r="70442" spans="1:7" x14ac:dyDescent="0.3">
      <c r="A70442" s="13" t="s">
        <v>364</v>
      </c>
      <c r="B70442" s="14" t="s">
        <v>1</v>
      </c>
      <c r="C70442" s="14" t="s">
        <v>238</v>
      </c>
      <c r="D70442" s="14" t="s">
        <v>155</v>
      </c>
      <c r="E70442" s="15">
        <v>45738</v>
      </c>
      <c r="F70442" s="14" t="s">
        <v>25</v>
      </c>
      <c r="G70442" s="16">
        <v>2.4123044499423738</v>
      </c>
    </row>
    <row r="70443" spans="1:7" x14ac:dyDescent="0.3">
      <c r="A70443" s="13" t="s">
        <v>364</v>
      </c>
      <c r="B70443" s="14" t="s">
        <v>1</v>
      </c>
      <c r="C70443" s="14" t="s">
        <v>238</v>
      </c>
      <c r="D70443" s="14" t="s">
        <v>155</v>
      </c>
      <c r="E70443" s="15">
        <v>45739</v>
      </c>
      <c r="F70443" s="14" t="s">
        <v>25</v>
      </c>
      <c r="G70443" s="16">
        <v>2.4123044499423738</v>
      </c>
    </row>
    <row r="70444" spans="1:7" x14ac:dyDescent="0.3">
      <c r="A70444" s="13" t="s">
        <v>364</v>
      </c>
      <c r="B70444" s="14" t="s">
        <v>1</v>
      </c>
      <c r="C70444" s="14" t="s">
        <v>238</v>
      </c>
      <c r="D70444" s="14" t="s">
        <v>155</v>
      </c>
      <c r="E70444" s="15">
        <v>45740</v>
      </c>
      <c r="F70444" s="14" t="s">
        <v>25</v>
      </c>
      <c r="G70444" s="16">
        <v>2.4152866100191197</v>
      </c>
    </row>
    <row r="70445" spans="1:7" x14ac:dyDescent="0.3">
      <c r="A70445" s="13" t="s">
        <v>364</v>
      </c>
      <c r="B70445" s="14" t="s">
        <v>1</v>
      </c>
      <c r="C70445" s="14" t="s">
        <v>238</v>
      </c>
      <c r="D70445" s="14" t="s">
        <v>155</v>
      </c>
      <c r="E70445" s="15">
        <v>45741</v>
      </c>
      <c r="F70445" s="14" t="s">
        <v>25</v>
      </c>
      <c r="G70445" s="16">
        <v>2.4326129215739489</v>
      </c>
    </row>
    <row r="70446" spans="1:7" x14ac:dyDescent="0.3">
      <c r="A70446" s="13" t="s">
        <v>364</v>
      </c>
      <c r="B70446" s="14" t="s">
        <v>1</v>
      </c>
      <c r="C70446" s="14" t="s">
        <v>238</v>
      </c>
      <c r="D70446" s="14" t="s">
        <v>155</v>
      </c>
      <c r="E70446" s="15">
        <v>45742</v>
      </c>
      <c r="F70446" s="14" t="s">
        <v>25</v>
      </c>
      <c r="G70446" s="16">
        <v>2.435694974222689</v>
      </c>
    </row>
    <row r="70447" spans="1:7" x14ac:dyDescent="0.3">
      <c r="A70447" s="13" t="s">
        <v>364</v>
      </c>
      <c r="B70447" s="14" t="s">
        <v>1</v>
      </c>
      <c r="C70447" s="14" t="s">
        <v>238</v>
      </c>
      <c r="D70447" s="14" t="s">
        <v>155</v>
      </c>
      <c r="E70447" s="15">
        <v>45743</v>
      </c>
      <c r="F70447" s="14" t="s">
        <v>25</v>
      </c>
      <c r="G70447" s="16">
        <v>2.4476107603819042</v>
      </c>
    </row>
    <row r="70448" spans="1:7" x14ac:dyDescent="0.3">
      <c r="A70448" s="13" t="s">
        <v>364</v>
      </c>
      <c r="B70448" s="14" t="s">
        <v>1</v>
      </c>
      <c r="C70448" s="14" t="s">
        <v>238</v>
      </c>
      <c r="D70448" s="14" t="s">
        <v>155</v>
      </c>
      <c r="E70448" s="15">
        <v>45744</v>
      </c>
      <c r="F70448" s="14" t="s">
        <v>25</v>
      </c>
      <c r="G70448" s="16">
        <v>2.4574918322127384</v>
      </c>
    </row>
    <row r="70449" spans="1:7" x14ac:dyDescent="0.3">
      <c r="A70449" s="13" t="s">
        <v>364</v>
      </c>
      <c r="B70449" s="14" t="s">
        <v>1</v>
      </c>
      <c r="C70449" s="14" t="s">
        <v>238</v>
      </c>
      <c r="D70449" s="14" t="s">
        <v>155</v>
      </c>
      <c r="E70449" s="15">
        <v>45745</v>
      </c>
      <c r="F70449" s="14" t="s">
        <v>25</v>
      </c>
      <c r="G70449" s="16">
        <v>2.4574918322127384</v>
      </c>
    </row>
    <row r="70450" spans="1:7" x14ac:dyDescent="0.3">
      <c r="A70450" s="13" t="s">
        <v>364</v>
      </c>
      <c r="B70450" s="14" t="s">
        <v>1</v>
      </c>
      <c r="C70450" s="14" t="s">
        <v>238</v>
      </c>
      <c r="D70450" s="14" t="s">
        <v>155</v>
      </c>
      <c r="E70450" s="15">
        <v>45746</v>
      </c>
      <c r="F70450" s="14" t="s">
        <v>25</v>
      </c>
      <c r="G70450" s="16">
        <v>2.4574918322127384</v>
      </c>
    </row>
    <row r="70451" spans="1:7" x14ac:dyDescent="0.3">
      <c r="A70451" s="13" t="s">
        <v>364</v>
      </c>
      <c r="B70451" s="14" t="s">
        <v>1</v>
      </c>
      <c r="C70451" s="14" t="s">
        <v>238</v>
      </c>
      <c r="D70451" s="14" t="s">
        <v>155</v>
      </c>
      <c r="E70451" s="15">
        <v>45747</v>
      </c>
      <c r="F70451" s="14" t="s">
        <v>25</v>
      </c>
      <c r="G70451" s="16">
        <v>2.4725626198542323</v>
      </c>
    </row>
    <row r="70452" spans="1:7" x14ac:dyDescent="0.3">
      <c r="A70452" s="13" t="s">
        <v>365</v>
      </c>
      <c r="B70452" s="14" t="s">
        <v>1</v>
      </c>
      <c r="C70452" s="14" t="s">
        <v>17</v>
      </c>
      <c r="D70452" s="14" t="s">
        <v>366</v>
      </c>
      <c r="E70452" s="15">
        <v>45383</v>
      </c>
      <c r="F70452" s="14" t="s">
        <v>15</v>
      </c>
      <c r="G70452" s="16">
        <v>0</v>
      </c>
    </row>
    <row r="70453" spans="1:7" x14ac:dyDescent="0.3">
      <c r="A70453" s="13" t="s">
        <v>365</v>
      </c>
      <c r="B70453" s="14" t="s">
        <v>1</v>
      </c>
      <c r="C70453" s="14" t="s">
        <v>17</v>
      </c>
      <c r="D70453" s="14" t="s">
        <v>366</v>
      </c>
      <c r="E70453" s="15">
        <v>45384</v>
      </c>
      <c r="F70453" s="14" t="s">
        <v>15</v>
      </c>
      <c r="G70453" s="16">
        <v>0</v>
      </c>
    </row>
    <row r="70454" spans="1:7" x14ac:dyDescent="0.3">
      <c r="A70454" s="13" t="s">
        <v>365</v>
      </c>
      <c r="B70454" s="14" t="s">
        <v>1</v>
      </c>
      <c r="C70454" s="14" t="s">
        <v>17</v>
      </c>
      <c r="D70454" s="14" t="s">
        <v>366</v>
      </c>
      <c r="E70454" s="15">
        <v>45385</v>
      </c>
      <c r="F70454" s="14" t="s">
        <v>15</v>
      </c>
      <c r="G70454" s="16">
        <v>0</v>
      </c>
    </row>
    <row r="70455" spans="1:7" x14ac:dyDescent="0.3">
      <c r="A70455" s="13" t="s">
        <v>365</v>
      </c>
      <c r="B70455" s="14" t="s">
        <v>1</v>
      </c>
      <c r="C70455" s="14" t="s">
        <v>17</v>
      </c>
      <c r="D70455" s="14" t="s">
        <v>366</v>
      </c>
      <c r="E70455" s="15">
        <v>45386</v>
      </c>
      <c r="F70455" s="14" t="s">
        <v>15</v>
      </c>
      <c r="G70455" s="16">
        <v>0</v>
      </c>
    </row>
    <row r="70456" spans="1:7" x14ac:dyDescent="0.3">
      <c r="A70456" s="13" t="s">
        <v>365</v>
      </c>
      <c r="B70456" s="14" t="s">
        <v>1</v>
      </c>
      <c r="C70456" s="14" t="s">
        <v>17</v>
      </c>
      <c r="D70456" s="14" t="s">
        <v>366</v>
      </c>
      <c r="E70456" s="15">
        <v>45387</v>
      </c>
      <c r="F70456" s="14" t="s">
        <v>15</v>
      </c>
      <c r="G70456" s="16">
        <v>0</v>
      </c>
    </row>
    <row r="70457" spans="1:7" x14ac:dyDescent="0.3">
      <c r="A70457" s="13" t="s">
        <v>365</v>
      </c>
      <c r="B70457" s="14" t="s">
        <v>1</v>
      </c>
      <c r="C70457" s="14" t="s">
        <v>17</v>
      </c>
      <c r="D70457" s="14" t="s">
        <v>366</v>
      </c>
      <c r="E70457" s="15">
        <v>45388</v>
      </c>
      <c r="F70457" s="14" t="s">
        <v>15</v>
      </c>
      <c r="G70457" s="16">
        <v>0</v>
      </c>
    </row>
    <row r="70458" spans="1:7" x14ac:dyDescent="0.3">
      <c r="A70458" s="13" t="s">
        <v>365</v>
      </c>
      <c r="B70458" s="14" t="s">
        <v>1</v>
      </c>
      <c r="C70458" s="14" t="s">
        <v>17</v>
      </c>
      <c r="D70458" s="14" t="s">
        <v>366</v>
      </c>
      <c r="E70458" s="15">
        <v>45389</v>
      </c>
      <c r="F70458" s="14" t="s">
        <v>15</v>
      </c>
      <c r="G70458" s="16">
        <v>0</v>
      </c>
    </row>
    <row r="70459" spans="1:7" x14ac:dyDescent="0.3">
      <c r="A70459" s="13" t="s">
        <v>365</v>
      </c>
      <c r="B70459" s="14" t="s">
        <v>1</v>
      </c>
      <c r="C70459" s="14" t="s">
        <v>17</v>
      </c>
      <c r="D70459" s="14" t="s">
        <v>366</v>
      </c>
      <c r="E70459" s="15">
        <v>45390</v>
      </c>
      <c r="F70459" s="14" t="s">
        <v>15</v>
      </c>
      <c r="G70459" s="16">
        <v>0</v>
      </c>
    </row>
    <row r="70460" spans="1:7" x14ac:dyDescent="0.3">
      <c r="A70460" s="13" t="s">
        <v>365</v>
      </c>
      <c r="B70460" s="14" t="s">
        <v>1</v>
      </c>
      <c r="C70460" s="14" t="s">
        <v>17</v>
      </c>
      <c r="D70460" s="14" t="s">
        <v>366</v>
      </c>
      <c r="E70460" s="15">
        <v>45391</v>
      </c>
      <c r="F70460" s="14" t="s">
        <v>15</v>
      </c>
      <c r="G70460" s="16">
        <v>0</v>
      </c>
    </row>
    <row r="70461" spans="1:7" x14ac:dyDescent="0.3">
      <c r="A70461" s="13" t="s">
        <v>365</v>
      </c>
      <c r="B70461" s="14" t="s">
        <v>1</v>
      </c>
      <c r="C70461" s="14" t="s">
        <v>17</v>
      </c>
      <c r="D70461" s="14" t="s">
        <v>366</v>
      </c>
      <c r="E70461" s="15">
        <v>45392</v>
      </c>
      <c r="F70461" s="14" t="s">
        <v>15</v>
      </c>
      <c r="G70461" s="16">
        <v>0</v>
      </c>
    </row>
    <row r="70462" spans="1:7" x14ac:dyDescent="0.3">
      <c r="A70462" s="13" t="s">
        <v>365</v>
      </c>
      <c r="B70462" s="14" t="s">
        <v>1</v>
      </c>
      <c r="C70462" s="14" t="s">
        <v>17</v>
      </c>
      <c r="D70462" s="14" t="s">
        <v>366</v>
      </c>
      <c r="E70462" s="15">
        <v>45393</v>
      </c>
      <c r="F70462" s="14" t="s">
        <v>15</v>
      </c>
      <c r="G70462" s="16">
        <v>0</v>
      </c>
    </row>
    <row r="70463" spans="1:7" x14ac:dyDescent="0.3">
      <c r="A70463" s="13" t="s">
        <v>365</v>
      </c>
      <c r="B70463" s="14" t="s">
        <v>1</v>
      </c>
      <c r="C70463" s="14" t="s">
        <v>17</v>
      </c>
      <c r="D70463" s="14" t="s">
        <v>366</v>
      </c>
      <c r="E70463" s="15">
        <v>45394</v>
      </c>
      <c r="F70463" s="14" t="s">
        <v>15</v>
      </c>
      <c r="G70463" s="16">
        <v>0</v>
      </c>
    </row>
    <row r="70464" spans="1:7" x14ac:dyDescent="0.3">
      <c r="A70464" s="13" t="s">
        <v>365</v>
      </c>
      <c r="B70464" s="14" t="s">
        <v>1</v>
      </c>
      <c r="C70464" s="14" t="s">
        <v>17</v>
      </c>
      <c r="D70464" s="14" t="s">
        <v>366</v>
      </c>
      <c r="E70464" s="15">
        <v>45395</v>
      </c>
      <c r="F70464" s="14" t="s">
        <v>15</v>
      </c>
      <c r="G70464" s="16">
        <v>0</v>
      </c>
    </row>
    <row r="70465" spans="1:7" x14ac:dyDescent="0.3">
      <c r="A70465" s="13" t="s">
        <v>365</v>
      </c>
      <c r="B70465" s="14" t="s">
        <v>1</v>
      </c>
      <c r="C70465" s="14" t="s">
        <v>17</v>
      </c>
      <c r="D70465" s="14" t="s">
        <v>366</v>
      </c>
      <c r="E70465" s="15">
        <v>45396</v>
      </c>
      <c r="F70465" s="14" t="s">
        <v>15</v>
      </c>
      <c r="G70465" s="16">
        <v>0</v>
      </c>
    </row>
    <row r="70466" spans="1:7" x14ac:dyDescent="0.3">
      <c r="A70466" s="13" t="s">
        <v>365</v>
      </c>
      <c r="B70466" s="14" t="s">
        <v>1</v>
      </c>
      <c r="C70466" s="14" t="s">
        <v>17</v>
      </c>
      <c r="D70466" s="14" t="s">
        <v>366</v>
      </c>
      <c r="E70466" s="15">
        <v>45397</v>
      </c>
      <c r="F70466" s="14" t="s">
        <v>15</v>
      </c>
      <c r="G70466" s="16">
        <v>0</v>
      </c>
    </row>
    <row r="70467" spans="1:7" x14ac:dyDescent="0.3">
      <c r="A70467" s="13" t="s">
        <v>365</v>
      </c>
      <c r="B70467" s="14" t="s">
        <v>1</v>
      </c>
      <c r="C70467" s="14" t="s">
        <v>17</v>
      </c>
      <c r="D70467" s="14" t="s">
        <v>366</v>
      </c>
      <c r="E70467" s="15">
        <v>45398</v>
      </c>
      <c r="F70467" s="14" t="s">
        <v>15</v>
      </c>
      <c r="G70467" s="16">
        <v>0</v>
      </c>
    </row>
    <row r="70468" spans="1:7" x14ac:dyDescent="0.3">
      <c r="A70468" s="13" t="s">
        <v>365</v>
      </c>
      <c r="B70468" s="14" t="s">
        <v>1</v>
      </c>
      <c r="C70468" s="14" t="s">
        <v>17</v>
      </c>
      <c r="D70468" s="14" t="s">
        <v>366</v>
      </c>
      <c r="E70468" s="15">
        <v>45399</v>
      </c>
      <c r="F70468" s="14" t="s">
        <v>15</v>
      </c>
      <c r="G70468" s="16">
        <v>0</v>
      </c>
    </row>
    <row r="70469" spans="1:7" x14ac:dyDescent="0.3">
      <c r="A70469" s="13" t="s">
        <v>365</v>
      </c>
      <c r="B70469" s="14" t="s">
        <v>1</v>
      </c>
      <c r="C70469" s="14" t="s">
        <v>17</v>
      </c>
      <c r="D70469" s="14" t="s">
        <v>366</v>
      </c>
      <c r="E70469" s="15">
        <v>45400</v>
      </c>
      <c r="F70469" s="14" t="s">
        <v>15</v>
      </c>
      <c r="G70469" s="16">
        <v>0</v>
      </c>
    </row>
    <row r="70470" spans="1:7" x14ac:dyDescent="0.3">
      <c r="A70470" s="13" t="s">
        <v>365</v>
      </c>
      <c r="B70470" s="14" t="s">
        <v>1</v>
      </c>
      <c r="C70470" s="14" t="s">
        <v>17</v>
      </c>
      <c r="D70470" s="14" t="s">
        <v>366</v>
      </c>
      <c r="E70470" s="15">
        <v>45401</v>
      </c>
      <c r="F70470" s="14" t="s">
        <v>15</v>
      </c>
      <c r="G70470" s="16">
        <v>0</v>
      </c>
    </row>
    <row r="70471" spans="1:7" x14ac:dyDescent="0.3">
      <c r="A70471" s="13" t="s">
        <v>365</v>
      </c>
      <c r="B70471" s="14" t="s">
        <v>1</v>
      </c>
      <c r="C70471" s="14" t="s">
        <v>17</v>
      </c>
      <c r="D70471" s="14" t="s">
        <v>366</v>
      </c>
      <c r="E70471" s="15">
        <v>45402</v>
      </c>
      <c r="F70471" s="14" t="s">
        <v>15</v>
      </c>
      <c r="G70471" s="16">
        <v>0</v>
      </c>
    </row>
    <row r="70472" spans="1:7" x14ac:dyDescent="0.3">
      <c r="A70472" s="13" t="s">
        <v>365</v>
      </c>
      <c r="B70472" s="14" t="s">
        <v>1</v>
      </c>
      <c r="C70472" s="14" t="s">
        <v>17</v>
      </c>
      <c r="D70472" s="14" t="s">
        <v>366</v>
      </c>
      <c r="E70472" s="15">
        <v>45403</v>
      </c>
      <c r="F70472" s="14" t="s">
        <v>15</v>
      </c>
      <c r="G70472" s="16">
        <v>0</v>
      </c>
    </row>
    <row r="70473" spans="1:7" x14ac:dyDescent="0.3">
      <c r="A70473" s="13" t="s">
        <v>365</v>
      </c>
      <c r="B70473" s="14" t="s">
        <v>1</v>
      </c>
      <c r="C70473" s="14" t="s">
        <v>17</v>
      </c>
      <c r="D70473" s="14" t="s">
        <v>366</v>
      </c>
      <c r="E70473" s="15">
        <v>45404</v>
      </c>
      <c r="F70473" s="14" t="s">
        <v>15</v>
      </c>
      <c r="G70473" s="16">
        <v>0</v>
      </c>
    </row>
    <row r="70474" spans="1:7" x14ac:dyDescent="0.3">
      <c r="A70474" s="13" t="s">
        <v>365</v>
      </c>
      <c r="B70474" s="14" t="s">
        <v>1</v>
      </c>
      <c r="C70474" s="14" t="s">
        <v>17</v>
      </c>
      <c r="D70474" s="14" t="s">
        <v>366</v>
      </c>
      <c r="E70474" s="15">
        <v>45405</v>
      </c>
      <c r="F70474" s="14" t="s">
        <v>15</v>
      </c>
      <c r="G70474" s="16">
        <v>0</v>
      </c>
    </row>
    <row r="70475" spans="1:7" x14ac:dyDescent="0.3">
      <c r="A70475" s="13" t="s">
        <v>365</v>
      </c>
      <c r="B70475" s="14" t="s">
        <v>1</v>
      </c>
      <c r="C70475" s="14" t="s">
        <v>17</v>
      </c>
      <c r="D70475" s="14" t="s">
        <v>366</v>
      </c>
      <c r="E70475" s="15">
        <v>45406</v>
      </c>
      <c r="F70475" s="14" t="s">
        <v>15</v>
      </c>
      <c r="G70475" s="16">
        <v>0</v>
      </c>
    </row>
    <row r="70476" spans="1:7" x14ac:dyDescent="0.3">
      <c r="A70476" s="13" t="s">
        <v>365</v>
      </c>
      <c r="B70476" s="14" t="s">
        <v>1</v>
      </c>
      <c r="C70476" s="14" t="s">
        <v>17</v>
      </c>
      <c r="D70476" s="14" t="s">
        <v>366</v>
      </c>
      <c r="E70476" s="15">
        <v>45407</v>
      </c>
      <c r="F70476" s="14" t="s">
        <v>15</v>
      </c>
      <c r="G70476" s="16">
        <v>0</v>
      </c>
    </row>
    <row r="70477" spans="1:7" x14ac:dyDescent="0.3">
      <c r="A70477" s="13" t="s">
        <v>365</v>
      </c>
      <c r="B70477" s="14" t="s">
        <v>1</v>
      </c>
      <c r="C70477" s="14" t="s">
        <v>17</v>
      </c>
      <c r="D70477" s="14" t="s">
        <v>366</v>
      </c>
      <c r="E70477" s="15">
        <v>45408</v>
      </c>
      <c r="F70477" s="14" t="s">
        <v>15</v>
      </c>
      <c r="G70477" s="16">
        <v>0</v>
      </c>
    </row>
    <row r="70478" spans="1:7" x14ac:dyDescent="0.3">
      <c r="A70478" s="13" t="s">
        <v>365</v>
      </c>
      <c r="B70478" s="14" t="s">
        <v>1</v>
      </c>
      <c r="C70478" s="14" t="s">
        <v>17</v>
      </c>
      <c r="D70478" s="14" t="s">
        <v>366</v>
      </c>
      <c r="E70478" s="15">
        <v>45409</v>
      </c>
      <c r="F70478" s="14" t="s">
        <v>15</v>
      </c>
      <c r="G70478" s="16">
        <v>0</v>
      </c>
    </row>
    <row r="70479" spans="1:7" x14ac:dyDescent="0.3">
      <c r="A70479" s="13" t="s">
        <v>365</v>
      </c>
      <c r="B70479" s="14" t="s">
        <v>1</v>
      </c>
      <c r="C70479" s="14" t="s">
        <v>17</v>
      </c>
      <c r="D70479" s="14" t="s">
        <v>366</v>
      </c>
      <c r="E70479" s="15">
        <v>45410</v>
      </c>
      <c r="F70479" s="14" t="s">
        <v>15</v>
      </c>
      <c r="G70479" s="16">
        <v>0</v>
      </c>
    </row>
    <row r="70480" spans="1:7" x14ac:dyDescent="0.3">
      <c r="A70480" s="13" t="s">
        <v>365</v>
      </c>
      <c r="B70480" s="14" t="s">
        <v>1</v>
      </c>
      <c r="C70480" s="14" t="s">
        <v>17</v>
      </c>
      <c r="D70480" s="14" t="s">
        <v>366</v>
      </c>
      <c r="E70480" s="15">
        <v>45411</v>
      </c>
      <c r="F70480" s="14" t="s">
        <v>15</v>
      </c>
      <c r="G70480" s="16">
        <v>0</v>
      </c>
    </row>
    <row r="70481" spans="1:7" x14ac:dyDescent="0.3">
      <c r="A70481" s="13" t="s">
        <v>365</v>
      </c>
      <c r="B70481" s="14" t="s">
        <v>1</v>
      </c>
      <c r="C70481" s="14" t="s">
        <v>17</v>
      </c>
      <c r="D70481" s="14" t="s">
        <v>366</v>
      </c>
      <c r="E70481" s="15">
        <v>45412</v>
      </c>
      <c r="F70481" s="14" t="s">
        <v>15</v>
      </c>
      <c r="G70481" s="16">
        <v>0</v>
      </c>
    </row>
    <row r="70482" spans="1:7" x14ac:dyDescent="0.3">
      <c r="A70482" s="13" t="s">
        <v>365</v>
      </c>
      <c r="B70482" s="14" t="s">
        <v>1</v>
      </c>
      <c r="C70482" s="14" t="s">
        <v>17</v>
      </c>
      <c r="D70482" s="14" t="s">
        <v>366</v>
      </c>
      <c r="E70482" s="15">
        <v>45413</v>
      </c>
      <c r="F70482" s="14" t="s">
        <v>15</v>
      </c>
      <c r="G70482" s="16">
        <v>0</v>
      </c>
    </row>
    <row r="70483" spans="1:7" x14ac:dyDescent="0.3">
      <c r="A70483" s="13" t="s">
        <v>365</v>
      </c>
      <c r="B70483" s="14" t="s">
        <v>1</v>
      </c>
      <c r="C70483" s="14" t="s">
        <v>17</v>
      </c>
      <c r="D70483" s="14" t="s">
        <v>366</v>
      </c>
      <c r="E70483" s="15">
        <v>45414</v>
      </c>
      <c r="F70483" s="14" t="s">
        <v>15</v>
      </c>
      <c r="G70483" s="16">
        <v>0</v>
      </c>
    </row>
    <row r="70484" spans="1:7" x14ac:dyDescent="0.3">
      <c r="A70484" s="13" t="s">
        <v>365</v>
      </c>
      <c r="B70484" s="14" t="s">
        <v>1</v>
      </c>
      <c r="C70484" s="14" t="s">
        <v>17</v>
      </c>
      <c r="D70484" s="14" t="s">
        <v>366</v>
      </c>
      <c r="E70484" s="15">
        <v>45415</v>
      </c>
      <c r="F70484" s="14" t="s">
        <v>15</v>
      </c>
      <c r="G70484" s="16">
        <v>0</v>
      </c>
    </row>
    <row r="70485" spans="1:7" x14ac:dyDescent="0.3">
      <c r="A70485" s="13" t="s">
        <v>365</v>
      </c>
      <c r="B70485" s="14" t="s">
        <v>1</v>
      </c>
      <c r="C70485" s="14" t="s">
        <v>17</v>
      </c>
      <c r="D70485" s="14" t="s">
        <v>366</v>
      </c>
      <c r="E70485" s="15">
        <v>45416</v>
      </c>
      <c r="F70485" s="14" t="s">
        <v>15</v>
      </c>
      <c r="G70485" s="16">
        <v>0</v>
      </c>
    </row>
    <row r="70486" spans="1:7" x14ac:dyDescent="0.3">
      <c r="A70486" s="13" t="s">
        <v>365</v>
      </c>
      <c r="B70486" s="14" t="s">
        <v>1</v>
      </c>
      <c r="C70486" s="14" t="s">
        <v>17</v>
      </c>
      <c r="D70486" s="14" t="s">
        <v>366</v>
      </c>
      <c r="E70486" s="15">
        <v>45417</v>
      </c>
      <c r="F70486" s="14" t="s">
        <v>15</v>
      </c>
      <c r="G70486" s="16">
        <v>0</v>
      </c>
    </row>
    <row r="70487" spans="1:7" x14ac:dyDescent="0.3">
      <c r="A70487" s="13" t="s">
        <v>365</v>
      </c>
      <c r="B70487" s="14" t="s">
        <v>1</v>
      </c>
      <c r="C70487" s="14" t="s">
        <v>17</v>
      </c>
      <c r="D70487" s="14" t="s">
        <v>366</v>
      </c>
      <c r="E70487" s="15">
        <v>45418</v>
      </c>
      <c r="F70487" s="14" t="s">
        <v>15</v>
      </c>
      <c r="G70487" s="16">
        <v>0</v>
      </c>
    </row>
    <row r="70488" spans="1:7" x14ac:dyDescent="0.3">
      <c r="A70488" s="13" t="s">
        <v>365</v>
      </c>
      <c r="B70488" s="14" t="s">
        <v>1</v>
      </c>
      <c r="C70488" s="14" t="s">
        <v>17</v>
      </c>
      <c r="D70488" s="14" t="s">
        <v>366</v>
      </c>
      <c r="E70488" s="15">
        <v>45419</v>
      </c>
      <c r="F70488" s="14" t="s">
        <v>15</v>
      </c>
      <c r="G70488" s="16">
        <v>0</v>
      </c>
    </row>
    <row r="70489" spans="1:7" x14ac:dyDescent="0.3">
      <c r="A70489" s="13" t="s">
        <v>365</v>
      </c>
      <c r="B70489" s="14" t="s">
        <v>1</v>
      </c>
      <c r="C70489" s="14" t="s">
        <v>17</v>
      </c>
      <c r="D70489" s="14" t="s">
        <v>366</v>
      </c>
      <c r="E70489" s="15">
        <v>45420</v>
      </c>
      <c r="F70489" s="14" t="s">
        <v>15</v>
      </c>
      <c r="G70489" s="16">
        <v>0</v>
      </c>
    </row>
    <row r="70490" spans="1:7" x14ac:dyDescent="0.3">
      <c r="A70490" s="13" t="s">
        <v>365</v>
      </c>
      <c r="B70490" s="14" t="s">
        <v>1</v>
      </c>
      <c r="C70490" s="14" t="s">
        <v>17</v>
      </c>
      <c r="D70490" s="14" t="s">
        <v>366</v>
      </c>
      <c r="E70490" s="15">
        <v>45421</v>
      </c>
      <c r="F70490" s="14" t="s">
        <v>15</v>
      </c>
      <c r="G70490" s="16">
        <v>0</v>
      </c>
    </row>
    <row r="70491" spans="1:7" x14ac:dyDescent="0.3">
      <c r="A70491" s="13" t="s">
        <v>365</v>
      </c>
      <c r="B70491" s="14" t="s">
        <v>1</v>
      </c>
      <c r="C70491" s="14" t="s">
        <v>17</v>
      </c>
      <c r="D70491" s="14" t="s">
        <v>366</v>
      </c>
      <c r="E70491" s="15">
        <v>45422</v>
      </c>
      <c r="F70491" s="14" t="s">
        <v>15</v>
      </c>
      <c r="G70491" s="16">
        <v>0</v>
      </c>
    </row>
    <row r="70492" spans="1:7" x14ac:dyDescent="0.3">
      <c r="A70492" s="13" t="s">
        <v>365</v>
      </c>
      <c r="B70492" s="14" t="s">
        <v>1</v>
      </c>
      <c r="C70492" s="14" t="s">
        <v>17</v>
      </c>
      <c r="D70492" s="14" t="s">
        <v>366</v>
      </c>
      <c r="E70492" s="15">
        <v>45423</v>
      </c>
      <c r="F70492" s="14" t="s">
        <v>15</v>
      </c>
      <c r="G70492" s="16">
        <v>0</v>
      </c>
    </row>
    <row r="70493" spans="1:7" x14ac:dyDescent="0.3">
      <c r="A70493" s="13" t="s">
        <v>365</v>
      </c>
      <c r="B70493" s="14" t="s">
        <v>1</v>
      </c>
      <c r="C70493" s="14" t="s">
        <v>17</v>
      </c>
      <c r="D70493" s="14" t="s">
        <v>366</v>
      </c>
      <c r="E70493" s="15">
        <v>45424</v>
      </c>
      <c r="F70493" s="14" t="s">
        <v>15</v>
      </c>
      <c r="G70493" s="16">
        <v>0</v>
      </c>
    </row>
    <row r="70494" spans="1:7" x14ac:dyDescent="0.3">
      <c r="A70494" s="13" t="s">
        <v>365</v>
      </c>
      <c r="B70494" s="14" t="s">
        <v>1</v>
      </c>
      <c r="C70494" s="14" t="s">
        <v>17</v>
      </c>
      <c r="D70494" s="14" t="s">
        <v>366</v>
      </c>
      <c r="E70494" s="15">
        <v>45425</v>
      </c>
      <c r="F70494" s="14" t="s">
        <v>15</v>
      </c>
      <c r="G70494" s="16">
        <v>0</v>
      </c>
    </row>
    <row r="70495" spans="1:7" x14ac:dyDescent="0.3">
      <c r="A70495" s="13" t="s">
        <v>365</v>
      </c>
      <c r="B70495" s="14" t="s">
        <v>1</v>
      </c>
      <c r="C70495" s="14" t="s">
        <v>17</v>
      </c>
      <c r="D70495" s="14" t="s">
        <v>366</v>
      </c>
      <c r="E70495" s="15">
        <v>45426</v>
      </c>
      <c r="F70495" s="14" t="s">
        <v>15</v>
      </c>
      <c r="G70495" s="16">
        <v>0</v>
      </c>
    </row>
    <row r="70496" spans="1:7" x14ac:dyDescent="0.3">
      <c r="A70496" s="13" t="s">
        <v>365</v>
      </c>
      <c r="B70496" s="14" t="s">
        <v>1</v>
      </c>
      <c r="C70496" s="14" t="s">
        <v>17</v>
      </c>
      <c r="D70496" s="14" t="s">
        <v>366</v>
      </c>
      <c r="E70496" s="15">
        <v>45427</v>
      </c>
      <c r="F70496" s="14" t="s">
        <v>15</v>
      </c>
      <c r="G70496" s="16">
        <v>0</v>
      </c>
    </row>
    <row r="70497" spans="1:7" x14ac:dyDescent="0.3">
      <c r="A70497" s="13" t="s">
        <v>365</v>
      </c>
      <c r="B70497" s="14" t="s">
        <v>1</v>
      </c>
      <c r="C70497" s="14" t="s">
        <v>17</v>
      </c>
      <c r="D70497" s="14" t="s">
        <v>366</v>
      </c>
      <c r="E70497" s="15">
        <v>45428</v>
      </c>
      <c r="F70497" s="14" t="s">
        <v>15</v>
      </c>
      <c r="G70497" s="16">
        <v>0</v>
      </c>
    </row>
    <row r="70498" spans="1:7" x14ac:dyDescent="0.3">
      <c r="A70498" s="13" t="s">
        <v>365</v>
      </c>
      <c r="B70498" s="14" t="s">
        <v>1</v>
      </c>
      <c r="C70498" s="14" t="s">
        <v>17</v>
      </c>
      <c r="D70498" s="14" t="s">
        <v>366</v>
      </c>
      <c r="E70498" s="15">
        <v>45429</v>
      </c>
      <c r="F70498" s="14" t="s">
        <v>15</v>
      </c>
      <c r="G70498" s="16">
        <v>0</v>
      </c>
    </row>
    <row r="70499" spans="1:7" x14ac:dyDescent="0.3">
      <c r="A70499" s="13" t="s">
        <v>365</v>
      </c>
      <c r="B70499" s="14" t="s">
        <v>1</v>
      </c>
      <c r="C70499" s="14" t="s">
        <v>17</v>
      </c>
      <c r="D70499" s="14" t="s">
        <v>366</v>
      </c>
      <c r="E70499" s="15">
        <v>45430</v>
      </c>
      <c r="F70499" s="14" t="s">
        <v>15</v>
      </c>
      <c r="G70499" s="16">
        <v>0</v>
      </c>
    </row>
    <row r="70500" spans="1:7" x14ac:dyDescent="0.3">
      <c r="A70500" s="13" t="s">
        <v>365</v>
      </c>
      <c r="B70500" s="14" t="s">
        <v>1</v>
      </c>
      <c r="C70500" s="14" t="s">
        <v>17</v>
      </c>
      <c r="D70500" s="14" t="s">
        <v>366</v>
      </c>
      <c r="E70500" s="15">
        <v>45431</v>
      </c>
      <c r="F70500" s="14" t="s">
        <v>15</v>
      </c>
      <c r="G70500" s="16">
        <v>0</v>
      </c>
    </row>
    <row r="70501" spans="1:7" x14ac:dyDescent="0.3">
      <c r="A70501" s="13" t="s">
        <v>365</v>
      </c>
      <c r="B70501" s="14" t="s">
        <v>1</v>
      </c>
      <c r="C70501" s="14" t="s">
        <v>17</v>
      </c>
      <c r="D70501" s="14" t="s">
        <v>366</v>
      </c>
      <c r="E70501" s="15">
        <v>45432</v>
      </c>
      <c r="F70501" s="14" t="s">
        <v>15</v>
      </c>
      <c r="G70501" s="16">
        <v>0</v>
      </c>
    </row>
    <row r="70502" spans="1:7" x14ac:dyDescent="0.3">
      <c r="A70502" s="13" t="s">
        <v>365</v>
      </c>
      <c r="B70502" s="14" t="s">
        <v>1</v>
      </c>
      <c r="C70502" s="14" t="s">
        <v>17</v>
      </c>
      <c r="D70502" s="14" t="s">
        <v>366</v>
      </c>
      <c r="E70502" s="15">
        <v>45433</v>
      </c>
      <c r="F70502" s="14" t="s">
        <v>15</v>
      </c>
      <c r="G70502" s="16">
        <v>0</v>
      </c>
    </row>
    <row r="70503" spans="1:7" x14ac:dyDescent="0.3">
      <c r="A70503" s="13" t="s">
        <v>365</v>
      </c>
      <c r="B70503" s="14" t="s">
        <v>1</v>
      </c>
      <c r="C70503" s="14" t="s">
        <v>17</v>
      </c>
      <c r="D70503" s="14" t="s">
        <v>366</v>
      </c>
      <c r="E70503" s="15">
        <v>45434</v>
      </c>
      <c r="F70503" s="14" t="s">
        <v>15</v>
      </c>
      <c r="G70503" s="16">
        <v>0</v>
      </c>
    </row>
    <row r="70504" spans="1:7" x14ac:dyDescent="0.3">
      <c r="A70504" s="13" t="s">
        <v>365</v>
      </c>
      <c r="B70504" s="14" t="s">
        <v>1</v>
      </c>
      <c r="C70504" s="14" t="s">
        <v>17</v>
      </c>
      <c r="D70504" s="14" t="s">
        <v>366</v>
      </c>
      <c r="E70504" s="15">
        <v>45435</v>
      </c>
      <c r="F70504" s="14" t="s">
        <v>15</v>
      </c>
      <c r="G70504" s="16">
        <v>0</v>
      </c>
    </row>
    <row r="70505" spans="1:7" x14ac:dyDescent="0.3">
      <c r="A70505" s="13" t="s">
        <v>365</v>
      </c>
      <c r="B70505" s="14" t="s">
        <v>1</v>
      </c>
      <c r="C70505" s="14" t="s">
        <v>17</v>
      </c>
      <c r="D70505" s="14" t="s">
        <v>366</v>
      </c>
      <c r="E70505" s="15">
        <v>45436</v>
      </c>
      <c r="F70505" s="14" t="s">
        <v>15</v>
      </c>
      <c r="G70505" s="16">
        <v>0</v>
      </c>
    </row>
    <row r="70506" spans="1:7" x14ac:dyDescent="0.3">
      <c r="A70506" s="13" t="s">
        <v>365</v>
      </c>
      <c r="B70506" s="14" t="s">
        <v>1</v>
      </c>
      <c r="C70506" s="14" t="s">
        <v>17</v>
      </c>
      <c r="D70506" s="14" t="s">
        <v>366</v>
      </c>
      <c r="E70506" s="15">
        <v>45437</v>
      </c>
      <c r="F70506" s="14" t="s">
        <v>15</v>
      </c>
      <c r="G70506" s="16">
        <v>0</v>
      </c>
    </row>
    <row r="70507" spans="1:7" x14ac:dyDescent="0.3">
      <c r="A70507" s="13" t="s">
        <v>365</v>
      </c>
      <c r="B70507" s="14" t="s">
        <v>1</v>
      </c>
      <c r="C70507" s="14" t="s">
        <v>17</v>
      </c>
      <c r="D70507" s="14" t="s">
        <v>366</v>
      </c>
      <c r="E70507" s="15">
        <v>45438</v>
      </c>
      <c r="F70507" s="14" t="s">
        <v>15</v>
      </c>
      <c r="G70507" s="16">
        <v>0</v>
      </c>
    </row>
    <row r="70508" spans="1:7" x14ac:dyDescent="0.3">
      <c r="A70508" s="13" t="s">
        <v>365</v>
      </c>
      <c r="B70508" s="14" t="s">
        <v>1</v>
      </c>
      <c r="C70508" s="14" t="s">
        <v>17</v>
      </c>
      <c r="D70508" s="14" t="s">
        <v>366</v>
      </c>
      <c r="E70508" s="15">
        <v>45439</v>
      </c>
      <c r="F70508" s="14" t="s">
        <v>15</v>
      </c>
      <c r="G70508" s="16">
        <v>0</v>
      </c>
    </row>
    <row r="70509" spans="1:7" x14ac:dyDescent="0.3">
      <c r="A70509" s="13" t="s">
        <v>365</v>
      </c>
      <c r="B70509" s="14" t="s">
        <v>1</v>
      </c>
      <c r="C70509" s="14" t="s">
        <v>17</v>
      </c>
      <c r="D70509" s="14" t="s">
        <v>366</v>
      </c>
      <c r="E70509" s="15">
        <v>45440</v>
      </c>
      <c r="F70509" s="14" t="s">
        <v>15</v>
      </c>
      <c r="G70509" s="16">
        <v>0</v>
      </c>
    </row>
    <row r="70510" spans="1:7" x14ac:dyDescent="0.3">
      <c r="A70510" s="13" t="s">
        <v>365</v>
      </c>
      <c r="B70510" s="14" t="s">
        <v>1</v>
      </c>
      <c r="C70510" s="14" t="s">
        <v>17</v>
      </c>
      <c r="D70510" s="14" t="s">
        <v>366</v>
      </c>
      <c r="E70510" s="15">
        <v>45441</v>
      </c>
      <c r="F70510" s="14" t="s">
        <v>15</v>
      </c>
      <c r="G70510" s="16">
        <v>0</v>
      </c>
    </row>
    <row r="70511" spans="1:7" x14ac:dyDescent="0.3">
      <c r="A70511" s="13" t="s">
        <v>365</v>
      </c>
      <c r="B70511" s="14" t="s">
        <v>1</v>
      </c>
      <c r="C70511" s="14" t="s">
        <v>17</v>
      </c>
      <c r="D70511" s="14" t="s">
        <v>366</v>
      </c>
      <c r="E70511" s="15">
        <v>45442</v>
      </c>
      <c r="F70511" s="14" t="s">
        <v>15</v>
      </c>
      <c r="G70511" s="16">
        <v>0</v>
      </c>
    </row>
    <row r="70512" spans="1:7" x14ac:dyDescent="0.3">
      <c r="A70512" s="13" t="s">
        <v>365</v>
      </c>
      <c r="B70512" s="14" t="s">
        <v>1</v>
      </c>
      <c r="C70512" s="14" t="s">
        <v>17</v>
      </c>
      <c r="D70512" s="14" t="s">
        <v>366</v>
      </c>
      <c r="E70512" s="15">
        <v>45443</v>
      </c>
      <c r="F70512" s="14" t="s">
        <v>15</v>
      </c>
      <c r="G70512" s="16">
        <v>0</v>
      </c>
    </row>
    <row r="70513" spans="1:7" x14ac:dyDescent="0.3">
      <c r="A70513" s="13" t="s">
        <v>365</v>
      </c>
      <c r="B70513" s="14" t="s">
        <v>1</v>
      </c>
      <c r="C70513" s="14" t="s">
        <v>17</v>
      </c>
      <c r="D70513" s="14" t="s">
        <v>366</v>
      </c>
      <c r="E70513" s="15">
        <v>45444</v>
      </c>
      <c r="F70513" s="14" t="s">
        <v>15</v>
      </c>
      <c r="G70513" s="16">
        <v>0</v>
      </c>
    </row>
    <row r="70514" spans="1:7" x14ac:dyDescent="0.3">
      <c r="A70514" s="13" t="s">
        <v>365</v>
      </c>
      <c r="B70514" s="14" t="s">
        <v>1</v>
      </c>
      <c r="C70514" s="14" t="s">
        <v>17</v>
      </c>
      <c r="D70514" s="14" t="s">
        <v>366</v>
      </c>
      <c r="E70514" s="15">
        <v>45445</v>
      </c>
      <c r="F70514" s="14" t="s">
        <v>15</v>
      </c>
      <c r="G70514" s="16">
        <v>0</v>
      </c>
    </row>
    <row r="70515" spans="1:7" x14ac:dyDescent="0.3">
      <c r="A70515" s="13" t="s">
        <v>365</v>
      </c>
      <c r="B70515" s="14" t="s">
        <v>1</v>
      </c>
      <c r="C70515" s="14" t="s">
        <v>17</v>
      </c>
      <c r="D70515" s="14" t="s">
        <v>366</v>
      </c>
      <c r="E70515" s="15">
        <v>45446</v>
      </c>
      <c r="F70515" s="14" t="s">
        <v>15</v>
      </c>
      <c r="G70515" s="16">
        <v>0</v>
      </c>
    </row>
    <row r="70516" spans="1:7" x14ac:dyDescent="0.3">
      <c r="A70516" s="13" t="s">
        <v>365</v>
      </c>
      <c r="B70516" s="14" t="s">
        <v>1</v>
      </c>
      <c r="C70516" s="14" t="s">
        <v>17</v>
      </c>
      <c r="D70516" s="14" t="s">
        <v>366</v>
      </c>
      <c r="E70516" s="15">
        <v>45447</v>
      </c>
      <c r="F70516" s="14" t="s">
        <v>15</v>
      </c>
      <c r="G70516" s="16">
        <v>0</v>
      </c>
    </row>
    <row r="70517" spans="1:7" x14ac:dyDescent="0.3">
      <c r="A70517" s="13" t="s">
        <v>365</v>
      </c>
      <c r="B70517" s="14" t="s">
        <v>1</v>
      </c>
      <c r="C70517" s="14" t="s">
        <v>17</v>
      </c>
      <c r="D70517" s="14" t="s">
        <v>366</v>
      </c>
      <c r="E70517" s="15">
        <v>45448</v>
      </c>
      <c r="F70517" s="14" t="s">
        <v>15</v>
      </c>
      <c r="G70517" s="16">
        <v>0</v>
      </c>
    </row>
    <row r="70518" spans="1:7" x14ac:dyDescent="0.3">
      <c r="A70518" s="13" t="s">
        <v>365</v>
      </c>
      <c r="B70518" s="14" t="s">
        <v>1</v>
      </c>
      <c r="C70518" s="14" t="s">
        <v>17</v>
      </c>
      <c r="D70518" s="14" t="s">
        <v>366</v>
      </c>
      <c r="E70518" s="15">
        <v>45449</v>
      </c>
      <c r="F70518" s="14" t="s">
        <v>15</v>
      </c>
      <c r="G70518" s="16">
        <v>0</v>
      </c>
    </row>
    <row r="70519" spans="1:7" x14ac:dyDescent="0.3">
      <c r="A70519" s="13" t="s">
        <v>365</v>
      </c>
      <c r="B70519" s="14" t="s">
        <v>1</v>
      </c>
      <c r="C70519" s="14" t="s">
        <v>17</v>
      </c>
      <c r="D70519" s="14" t="s">
        <v>366</v>
      </c>
      <c r="E70519" s="15">
        <v>45450</v>
      </c>
      <c r="F70519" s="14" t="s">
        <v>15</v>
      </c>
      <c r="G70519" s="16">
        <v>0</v>
      </c>
    </row>
    <row r="70520" spans="1:7" x14ac:dyDescent="0.3">
      <c r="A70520" s="13" t="s">
        <v>365</v>
      </c>
      <c r="B70520" s="14" t="s">
        <v>1</v>
      </c>
      <c r="C70520" s="14" t="s">
        <v>17</v>
      </c>
      <c r="D70520" s="14" t="s">
        <v>366</v>
      </c>
      <c r="E70520" s="15">
        <v>45451</v>
      </c>
      <c r="F70520" s="14" t="s">
        <v>15</v>
      </c>
      <c r="G70520" s="16">
        <v>0</v>
      </c>
    </row>
    <row r="70521" spans="1:7" x14ac:dyDescent="0.3">
      <c r="A70521" s="13" t="s">
        <v>365</v>
      </c>
      <c r="B70521" s="14" t="s">
        <v>1</v>
      </c>
      <c r="C70521" s="14" t="s">
        <v>17</v>
      </c>
      <c r="D70521" s="14" t="s">
        <v>366</v>
      </c>
      <c r="E70521" s="15">
        <v>45452</v>
      </c>
      <c r="F70521" s="14" t="s">
        <v>15</v>
      </c>
      <c r="G70521" s="16">
        <v>0</v>
      </c>
    </row>
    <row r="70522" spans="1:7" x14ac:dyDescent="0.3">
      <c r="A70522" s="13" t="s">
        <v>365</v>
      </c>
      <c r="B70522" s="14" t="s">
        <v>1</v>
      </c>
      <c r="C70522" s="14" t="s">
        <v>17</v>
      </c>
      <c r="D70522" s="14" t="s">
        <v>366</v>
      </c>
      <c r="E70522" s="15">
        <v>45453</v>
      </c>
      <c r="F70522" s="14" t="s">
        <v>15</v>
      </c>
      <c r="G70522" s="16">
        <v>0</v>
      </c>
    </row>
    <row r="70523" spans="1:7" x14ac:dyDescent="0.3">
      <c r="A70523" s="13" t="s">
        <v>365</v>
      </c>
      <c r="B70523" s="14" t="s">
        <v>1</v>
      </c>
      <c r="C70523" s="14" t="s">
        <v>17</v>
      </c>
      <c r="D70523" s="14" t="s">
        <v>366</v>
      </c>
      <c r="E70523" s="15">
        <v>45454</v>
      </c>
      <c r="F70523" s="14" t="s">
        <v>15</v>
      </c>
      <c r="G70523" s="16">
        <v>0</v>
      </c>
    </row>
    <row r="70524" spans="1:7" x14ac:dyDescent="0.3">
      <c r="A70524" s="13" t="s">
        <v>365</v>
      </c>
      <c r="B70524" s="14" t="s">
        <v>1</v>
      </c>
      <c r="C70524" s="14" t="s">
        <v>17</v>
      </c>
      <c r="D70524" s="14" t="s">
        <v>366</v>
      </c>
      <c r="E70524" s="15">
        <v>45455</v>
      </c>
      <c r="F70524" s="14" t="s">
        <v>15</v>
      </c>
      <c r="G70524" s="16">
        <v>0</v>
      </c>
    </row>
    <row r="70525" spans="1:7" x14ac:dyDescent="0.3">
      <c r="A70525" s="13" t="s">
        <v>365</v>
      </c>
      <c r="B70525" s="14" t="s">
        <v>1</v>
      </c>
      <c r="C70525" s="14" t="s">
        <v>17</v>
      </c>
      <c r="D70525" s="14" t="s">
        <v>366</v>
      </c>
      <c r="E70525" s="15">
        <v>45456</v>
      </c>
      <c r="F70525" s="14" t="s">
        <v>15</v>
      </c>
      <c r="G70525" s="16">
        <v>0</v>
      </c>
    </row>
    <row r="70526" spans="1:7" x14ac:dyDescent="0.3">
      <c r="A70526" s="13" t="s">
        <v>365</v>
      </c>
      <c r="B70526" s="14" t="s">
        <v>1</v>
      </c>
      <c r="C70526" s="14" t="s">
        <v>17</v>
      </c>
      <c r="D70526" s="14" t="s">
        <v>366</v>
      </c>
      <c r="E70526" s="15">
        <v>45457</v>
      </c>
      <c r="F70526" s="14" t="s">
        <v>15</v>
      </c>
      <c r="G70526" s="16">
        <v>0</v>
      </c>
    </row>
    <row r="70527" spans="1:7" x14ac:dyDescent="0.3">
      <c r="A70527" s="13" t="s">
        <v>365</v>
      </c>
      <c r="B70527" s="14" t="s">
        <v>1</v>
      </c>
      <c r="C70527" s="14" t="s">
        <v>17</v>
      </c>
      <c r="D70527" s="14" t="s">
        <v>366</v>
      </c>
      <c r="E70527" s="15">
        <v>45458</v>
      </c>
      <c r="F70527" s="14" t="s">
        <v>15</v>
      </c>
      <c r="G70527" s="16">
        <v>0</v>
      </c>
    </row>
    <row r="70528" spans="1:7" x14ac:dyDescent="0.3">
      <c r="A70528" s="13" t="s">
        <v>365</v>
      </c>
      <c r="B70528" s="14" t="s">
        <v>1</v>
      </c>
      <c r="C70528" s="14" t="s">
        <v>17</v>
      </c>
      <c r="D70528" s="14" t="s">
        <v>366</v>
      </c>
      <c r="E70528" s="15">
        <v>45459</v>
      </c>
      <c r="F70528" s="14" t="s">
        <v>15</v>
      </c>
      <c r="G70528" s="16">
        <v>0</v>
      </c>
    </row>
    <row r="70529" spans="1:7" x14ac:dyDescent="0.3">
      <c r="A70529" s="13" t="s">
        <v>365</v>
      </c>
      <c r="B70529" s="14" t="s">
        <v>1</v>
      </c>
      <c r="C70529" s="14" t="s">
        <v>17</v>
      </c>
      <c r="D70529" s="14" t="s">
        <v>366</v>
      </c>
      <c r="E70529" s="15">
        <v>45460</v>
      </c>
      <c r="F70529" s="14" t="s">
        <v>15</v>
      </c>
      <c r="G70529" s="16">
        <v>0</v>
      </c>
    </row>
    <row r="70530" spans="1:7" x14ac:dyDescent="0.3">
      <c r="A70530" s="13" t="s">
        <v>365</v>
      </c>
      <c r="B70530" s="14" t="s">
        <v>1</v>
      </c>
      <c r="C70530" s="14" t="s">
        <v>17</v>
      </c>
      <c r="D70530" s="14" t="s">
        <v>366</v>
      </c>
      <c r="E70530" s="15">
        <v>45461</v>
      </c>
      <c r="F70530" s="14" t="s">
        <v>15</v>
      </c>
      <c r="G70530" s="16">
        <v>0</v>
      </c>
    </row>
    <row r="70531" spans="1:7" x14ac:dyDescent="0.3">
      <c r="A70531" s="13" t="s">
        <v>365</v>
      </c>
      <c r="B70531" s="14" t="s">
        <v>1</v>
      </c>
      <c r="C70531" s="14" t="s">
        <v>17</v>
      </c>
      <c r="D70531" s="14" t="s">
        <v>366</v>
      </c>
      <c r="E70531" s="15">
        <v>45462</v>
      </c>
      <c r="F70531" s="14" t="s">
        <v>15</v>
      </c>
      <c r="G70531" s="16">
        <v>0</v>
      </c>
    </row>
    <row r="70532" spans="1:7" x14ac:dyDescent="0.3">
      <c r="A70532" s="13" t="s">
        <v>365</v>
      </c>
      <c r="B70532" s="14" t="s">
        <v>1</v>
      </c>
      <c r="C70532" s="14" t="s">
        <v>17</v>
      </c>
      <c r="D70532" s="14" t="s">
        <v>366</v>
      </c>
      <c r="E70532" s="15">
        <v>45463</v>
      </c>
      <c r="F70532" s="14" t="s">
        <v>15</v>
      </c>
      <c r="G70532" s="16">
        <v>0</v>
      </c>
    </row>
    <row r="70533" spans="1:7" x14ac:dyDescent="0.3">
      <c r="A70533" s="13" t="s">
        <v>365</v>
      </c>
      <c r="B70533" s="14" t="s">
        <v>1</v>
      </c>
      <c r="C70533" s="14" t="s">
        <v>17</v>
      </c>
      <c r="D70533" s="14" t="s">
        <v>366</v>
      </c>
      <c r="E70533" s="15">
        <v>45464</v>
      </c>
      <c r="F70533" s="14" t="s">
        <v>15</v>
      </c>
      <c r="G70533" s="16">
        <v>0</v>
      </c>
    </row>
    <row r="70534" spans="1:7" x14ac:dyDescent="0.3">
      <c r="A70534" s="13" t="s">
        <v>365</v>
      </c>
      <c r="B70534" s="14" t="s">
        <v>1</v>
      </c>
      <c r="C70534" s="14" t="s">
        <v>17</v>
      </c>
      <c r="D70534" s="14" t="s">
        <v>366</v>
      </c>
      <c r="E70534" s="15">
        <v>45465</v>
      </c>
      <c r="F70534" s="14" t="s">
        <v>15</v>
      </c>
      <c r="G70534" s="16">
        <v>0</v>
      </c>
    </row>
    <row r="70535" spans="1:7" x14ac:dyDescent="0.3">
      <c r="A70535" s="13" t="s">
        <v>365</v>
      </c>
      <c r="B70535" s="14" t="s">
        <v>1</v>
      </c>
      <c r="C70535" s="14" t="s">
        <v>17</v>
      </c>
      <c r="D70535" s="14" t="s">
        <v>366</v>
      </c>
      <c r="E70535" s="15">
        <v>45466</v>
      </c>
      <c r="F70535" s="14" t="s">
        <v>15</v>
      </c>
      <c r="G70535" s="16">
        <v>0</v>
      </c>
    </row>
    <row r="70536" spans="1:7" x14ac:dyDescent="0.3">
      <c r="A70536" s="13" t="s">
        <v>365</v>
      </c>
      <c r="B70536" s="14" t="s">
        <v>1</v>
      </c>
      <c r="C70536" s="14" t="s">
        <v>17</v>
      </c>
      <c r="D70536" s="14" t="s">
        <v>366</v>
      </c>
      <c r="E70536" s="15">
        <v>45467</v>
      </c>
      <c r="F70536" s="14" t="s">
        <v>15</v>
      </c>
      <c r="G70536" s="16">
        <v>0</v>
      </c>
    </row>
    <row r="70537" spans="1:7" x14ac:dyDescent="0.3">
      <c r="A70537" s="13" t="s">
        <v>365</v>
      </c>
      <c r="B70537" s="14" t="s">
        <v>1</v>
      </c>
      <c r="C70537" s="14" t="s">
        <v>17</v>
      </c>
      <c r="D70537" s="14" t="s">
        <v>366</v>
      </c>
      <c r="E70537" s="15">
        <v>45468</v>
      </c>
      <c r="F70537" s="14" t="s">
        <v>15</v>
      </c>
      <c r="G70537" s="16">
        <v>0</v>
      </c>
    </row>
    <row r="70538" spans="1:7" x14ac:dyDescent="0.3">
      <c r="A70538" s="13" t="s">
        <v>365</v>
      </c>
      <c r="B70538" s="14" t="s">
        <v>1</v>
      </c>
      <c r="C70538" s="14" t="s">
        <v>17</v>
      </c>
      <c r="D70538" s="14" t="s">
        <v>366</v>
      </c>
      <c r="E70538" s="15">
        <v>45469</v>
      </c>
      <c r="F70538" s="14" t="s">
        <v>15</v>
      </c>
      <c r="G70538" s="16">
        <v>0</v>
      </c>
    </row>
    <row r="70539" spans="1:7" x14ac:dyDescent="0.3">
      <c r="A70539" s="13" t="s">
        <v>365</v>
      </c>
      <c r="B70539" s="14" t="s">
        <v>1</v>
      </c>
      <c r="C70539" s="14" t="s">
        <v>17</v>
      </c>
      <c r="D70539" s="14" t="s">
        <v>366</v>
      </c>
      <c r="E70539" s="15">
        <v>45470</v>
      </c>
      <c r="F70539" s="14" t="s">
        <v>15</v>
      </c>
      <c r="G70539" s="16">
        <v>0</v>
      </c>
    </row>
    <row r="70540" spans="1:7" x14ac:dyDescent="0.3">
      <c r="A70540" s="13" t="s">
        <v>365</v>
      </c>
      <c r="B70540" s="14" t="s">
        <v>1</v>
      </c>
      <c r="C70540" s="14" t="s">
        <v>17</v>
      </c>
      <c r="D70540" s="14" t="s">
        <v>366</v>
      </c>
      <c r="E70540" s="15">
        <v>45471</v>
      </c>
      <c r="F70540" s="14" t="s">
        <v>15</v>
      </c>
      <c r="G70540" s="16">
        <v>0</v>
      </c>
    </row>
    <row r="70541" spans="1:7" x14ac:dyDescent="0.3">
      <c r="A70541" s="13" t="s">
        <v>365</v>
      </c>
      <c r="B70541" s="14" t="s">
        <v>1</v>
      </c>
      <c r="C70541" s="14" t="s">
        <v>17</v>
      </c>
      <c r="D70541" s="14" t="s">
        <v>366</v>
      </c>
      <c r="E70541" s="15">
        <v>45472</v>
      </c>
      <c r="F70541" s="14" t="s">
        <v>15</v>
      </c>
      <c r="G70541" s="16">
        <v>0</v>
      </c>
    </row>
    <row r="70542" spans="1:7" x14ac:dyDescent="0.3">
      <c r="A70542" s="13" t="s">
        <v>365</v>
      </c>
      <c r="B70542" s="14" t="s">
        <v>1</v>
      </c>
      <c r="C70542" s="14" t="s">
        <v>17</v>
      </c>
      <c r="D70542" s="14" t="s">
        <v>366</v>
      </c>
      <c r="E70542" s="15">
        <v>45473</v>
      </c>
      <c r="F70542" s="14" t="s">
        <v>15</v>
      </c>
      <c r="G70542" s="16">
        <v>0</v>
      </c>
    </row>
    <row r="70543" spans="1:7" x14ac:dyDescent="0.3">
      <c r="A70543" s="13" t="s">
        <v>365</v>
      </c>
      <c r="B70543" s="14" t="s">
        <v>1</v>
      </c>
      <c r="C70543" s="14" t="s">
        <v>17</v>
      </c>
      <c r="D70543" s="14" t="s">
        <v>366</v>
      </c>
      <c r="E70543" s="15">
        <v>45474</v>
      </c>
      <c r="F70543" s="14" t="s">
        <v>15</v>
      </c>
      <c r="G70543" s="16">
        <v>0</v>
      </c>
    </row>
    <row r="70544" spans="1:7" x14ac:dyDescent="0.3">
      <c r="A70544" s="13" t="s">
        <v>365</v>
      </c>
      <c r="B70544" s="14" t="s">
        <v>1</v>
      </c>
      <c r="C70544" s="14" t="s">
        <v>17</v>
      </c>
      <c r="D70544" s="14" t="s">
        <v>366</v>
      </c>
      <c r="E70544" s="15">
        <v>45475</v>
      </c>
      <c r="F70544" s="14" t="s">
        <v>15</v>
      </c>
      <c r="G70544" s="16">
        <v>0</v>
      </c>
    </row>
    <row r="70545" spans="1:7" x14ac:dyDescent="0.3">
      <c r="A70545" s="13" t="s">
        <v>365</v>
      </c>
      <c r="B70545" s="14" t="s">
        <v>1</v>
      </c>
      <c r="C70545" s="14" t="s">
        <v>17</v>
      </c>
      <c r="D70545" s="14" t="s">
        <v>366</v>
      </c>
      <c r="E70545" s="15">
        <v>45476</v>
      </c>
      <c r="F70545" s="14" t="s">
        <v>15</v>
      </c>
      <c r="G70545" s="16">
        <v>0</v>
      </c>
    </row>
    <row r="70546" spans="1:7" x14ac:dyDescent="0.3">
      <c r="A70546" s="13" t="s">
        <v>365</v>
      </c>
      <c r="B70546" s="14" t="s">
        <v>1</v>
      </c>
      <c r="C70546" s="14" t="s">
        <v>17</v>
      </c>
      <c r="D70546" s="14" t="s">
        <v>366</v>
      </c>
      <c r="E70546" s="15">
        <v>45477</v>
      </c>
      <c r="F70546" s="14" t="s">
        <v>15</v>
      </c>
      <c r="G70546" s="16">
        <v>0</v>
      </c>
    </row>
    <row r="70547" spans="1:7" x14ac:dyDescent="0.3">
      <c r="A70547" s="13" t="s">
        <v>365</v>
      </c>
      <c r="B70547" s="14" t="s">
        <v>1</v>
      </c>
      <c r="C70547" s="14" t="s">
        <v>17</v>
      </c>
      <c r="D70547" s="14" t="s">
        <v>366</v>
      </c>
      <c r="E70547" s="15">
        <v>45478</v>
      </c>
      <c r="F70547" s="14" t="s">
        <v>15</v>
      </c>
      <c r="G70547" s="16">
        <v>0</v>
      </c>
    </row>
    <row r="70548" spans="1:7" x14ac:dyDescent="0.3">
      <c r="A70548" s="13" t="s">
        <v>365</v>
      </c>
      <c r="B70548" s="14" t="s">
        <v>1</v>
      </c>
      <c r="C70548" s="14" t="s">
        <v>17</v>
      </c>
      <c r="D70548" s="14" t="s">
        <v>366</v>
      </c>
      <c r="E70548" s="15">
        <v>45479</v>
      </c>
      <c r="F70548" s="14" t="s">
        <v>15</v>
      </c>
      <c r="G70548" s="16">
        <v>0</v>
      </c>
    </row>
    <row r="70549" spans="1:7" x14ac:dyDescent="0.3">
      <c r="A70549" s="13" t="s">
        <v>365</v>
      </c>
      <c r="B70549" s="14" t="s">
        <v>1</v>
      </c>
      <c r="C70549" s="14" t="s">
        <v>17</v>
      </c>
      <c r="D70549" s="14" t="s">
        <v>366</v>
      </c>
      <c r="E70549" s="15">
        <v>45480</v>
      </c>
      <c r="F70549" s="14" t="s">
        <v>15</v>
      </c>
      <c r="G70549" s="16">
        <v>0</v>
      </c>
    </row>
    <row r="70550" spans="1:7" x14ac:dyDescent="0.3">
      <c r="A70550" s="13" t="s">
        <v>365</v>
      </c>
      <c r="B70550" s="14" t="s">
        <v>1</v>
      </c>
      <c r="C70550" s="14" t="s">
        <v>17</v>
      </c>
      <c r="D70550" s="14" t="s">
        <v>366</v>
      </c>
      <c r="E70550" s="15">
        <v>45481</v>
      </c>
      <c r="F70550" s="14" t="s">
        <v>15</v>
      </c>
      <c r="G70550" s="16">
        <v>0</v>
      </c>
    </row>
    <row r="70551" spans="1:7" x14ac:dyDescent="0.3">
      <c r="A70551" s="13" t="s">
        <v>365</v>
      </c>
      <c r="B70551" s="14" t="s">
        <v>1</v>
      </c>
      <c r="C70551" s="14" t="s">
        <v>17</v>
      </c>
      <c r="D70551" s="14" t="s">
        <v>366</v>
      </c>
      <c r="E70551" s="15">
        <v>45482</v>
      </c>
      <c r="F70551" s="14" t="s">
        <v>15</v>
      </c>
      <c r="G70551" s="16">
        <v>0</v>
      </c>
    </row>
    <row r="70552" spans="1:7" x14ac:dyDescent="0.3">
      <c r="A70552" s="13" t="s">
        <v>365</v>
      </c>
      <c r="B70552" s="14" t="s">
        <v>1</v>
      </c>
      <c r="C70552" s="14" t="s">
        <v>17</v>
      </c>
      <c r="D70552" s="14" t="s">
        <v>366</v>
      </c>
      <c r="E70552" s="15">
        <v>45483</v>
      </c>
      <c r="F70552" s="14" t="s">
        <v>15</v>
      </c>
      <c r="G70552" s="16">
        <v>0</v>
      </c>
    </row>
    <row r="70553" spans="1:7" x14ac:dyDescent="0.3">
      <c r="A70553" s="13" t="s">
        <v>365</v>
      </c>
      <c r="B70553" s="14" t="s">
        <v>1</v>
      </c>
      <c r="C70553" s="14" t="s">
        <v>17</v>
      </c>
      <c r="D70553" s="14" t="s">
        <v>366</v>
      </c>
      <c r="E70553" s="15">
        <v>45484</v>
      </c>
      <c r="F70553" s="14" t="s">
        <v>15</v>
      </c>
      <c r="G70553" s="16">
        <v>0</v>
      </c>
    </row>
    <row r="70554" spans="1:7" x14ac:dyDescent="0.3">
      <c r="A70554" s="13" t="s">
        <v>365</v>
      </c>
      <c r="B70554" s="14" t="s">
        <v>1</v>
      </c>
      <c r="C70554" s="14" t="s">
        <v>17</v>
      </c>
      <c r="D70554" s="14" t="s">
        <v>366</v>
      </c>
      <c r="E70554" s="15">
        <v>45485</v>
      </c>
      <c r="F70554" s="14" t="s">
        <v>15</v>
      </c>
      <c r="G70554" s="16">
        <v>0</v>
      </c>
    </row>
    <row r="70555" spans="1:7" x14ac:dyDescent="0.3">
      <c r="A70555" s="13" t="s">
        <v>365</v>
      </c>
      <c r="B70555" s="14" t="s">
        <v>1</v>
      </c>
      <c r="C70555" s="14" t="s">
        <v>17</v>
      </c>
      <c r="D70555" s="14" t="s">
        <v>366</v>
      </c>
      <c r="E70555" s="15">
        <v>45486</v>
      </c>
      <c r="F70555" s="14" t="s">
        <v>15</v>
      </c>
      <c r="G70555" s="16">
        <v>0</v>
      </c>
    </row>
    <row r="70556" spans="1:7" x14ac:dyDescent="0.3">
      <c r="A70556" s="13" t="s">
        <v>365</v>
      </c>
      <c r="B70556" s="14" t="s">
        <v>1</v>
      </c>
      <c r="C70556" s="14" t="s">
        <v>17</v>
      </c>
      <c r="D70556" s="14" t="s">
        <v>366</v>
      </c>
      <c r="E70556" s="15">
        <v>45487</v>
      </c>
      <c r="F70556" s="14" t="s">
        <v>15</v>
      </c>
      <c r="G70556" s="16">
        <v>0</v>
      </c>
    </row>
    <row r="70557" spans="1:7" x14ac:dyDescent="0.3">
      <c r="A70557" s="13" t="s">
        <v>365</v>
      </c>
      <c r="B70557" s="14" t="s">
        <v>1</v>
      </c>
      <c r="C70557" s="14" t="s">
        <v>17</v>
      </c>
      <c r="D70557" s="14" t="s">
        <v>366</v>
      </c>
      <c r="E70557" s="15">
        <v>45488</v>
      </c>
      <c r="F70557" s="14" t="s">
        <v>15</v>
      </c>
      <c r="G70557" s="16">
        <v>0</v>
      </c>
    </row>
    <row r="70558" spans="1:7" x14ac:dyDescent="0.3">
      <c r="A70558" s="13" t="s">
        <v>365</v>
      </c>
      <c r="B70558" s="14" t="s">
        <v>1</v>
      </c>
      <c r="C70558" s="14" t="s">
        <v>17</v>
      </c>
      <c r="D70558" s="14" t="s">
        <v>366</v>
      </c>
      <c r="E70558" s="15">
        <v>45489</v>
      </c>
      <c r="F70558" s="14" t="s">
        <v>15</v>
      </c>
      <c r="G70558" s="16">
        <v>0</v>
      </c>
    </row>
    <row r="70559" spans="1:7" x14ac:dyDescent="0.3">
      <c r="A70559" s="13" t="s">
        <v>365</v>
      </c>
      <c r="B70559" s="14" t="s">
        <v>1</v>
      </c>
      <c r="C70559" s="14" t="s">
        <v>17</v>
      </c>
      <c r="D70559" s="14" t="s">
        <v>366</v>
      </c>
      <c r="E70559" s="15">
        <v>45490</v>
      </c>
      <c r="F70559" s="14" t="s">
        <v>15</v>
      </c>
      <c r="G70559" s="16">
        <v>0</v>
      </c>
    </row>
    <row r="70560" spans="1:7" x14ac:dyDescent="0.3">
      <c r="A70560" s="13" t="s">
        <v>365</v>
      </c>
      <c r="B70560" s="14" t="s">
        <v>1</v>
      </c>
      <c r="C70560" s="14" t="s">
        <v>17</v>
      </c>
      <c r="D70560" s="14" t="s">
        <v>366</v>
      </c>
      <c r="E70560" s="15">
        <v>45491</v>
      </c>
      <c r="F70560" s="14" t="s">
        <v>15</v>
      </c>
      <c r="G70560" s="16">
        <v>0</v>
      </c>
    </row>
    <row r="70561" spans="1:7" x14ac:dyDescent="0.3">
      <c r="A70561" s="13" t="s">
        <v>365</v>
      </c>
      <c r="B70561" s="14" t="s">
        <v>1</v>
      </c>
      <c r="C70561" s="14" t="s">
        <v>17</v>
      </c>
      <c r="D70561" s="14" t="s">
        <v>366</v>
      </c>
      <c r="E70561" s="15">
        <v>45492</v>
      </c>
      <c r="F70561" s="14" t="s">
        <v>15</v>
      </c>
      <c r="G70561" s="16">
        <v>0</v>
      </c>
    </row>
    <row r="70562" spans="1:7" x14ac:dyDescent="0.3">
      <c r="A70562" s="13" t="s">
        <v>365</v>
      </c>
      <c r="B70562" s="14" t="s">
        <v>1</v>
      </c>
      <c r="C70562" s="14" t="s">
        <v>17</v>
      </c>
      <c r="D70562" s="14" t="s">
        <v>366</v>
      </c>
      <c r="E70562" s="15">
        <v>45493</v>
      </c>
      <c r="F70562" s="14" t="s">
        <v>15</v>
      </c>
      <c r="G70562" s="16">
        <v>0</v>
      </c>
    </row>
    <row r="70563" spans="1:7" x14ac:dyDescent="0.3">
      <c r="A70563" s="13" t="s">
        <v>365</v>
      </c>
      <c r="B70563" s="14" t="s">
        <v>1</v>
      </c>
      <c r="C70563" s="14" t="s">
        <v>17</v>
      </c>
      <c r="D70563" s="14" t="s">
        <v>366</v>
      </c>
      <c r="E70563" s="15">
        <v>45494</v>
      </c>
      <c r="F70563" s="14" t="s">
        <v>15</v>
      </c>
      <c r="G70563" s="16">
        <v>0</v>
      </c>
    </row>
    <row r="70564" spans="1:7" x14ac:dyDescent="0.3">
      <c r="A70564" s="13" t="s">
        <v>365</v>
      </c>
      <c r="B70564" s="14" t="s">
        <v>1</v>
      </c>
      <c r="C70564" s="14" t="s">
        <v>17</v>
      </c>
      <c r="D70564" s="14" t="s">
        <v>366</v>
      </c>
      <c r="E70564" s="15">
        <v>45495</v>
      </c>
      <c r="F70564" s="14" t="s">
        <v>15</v>
      </c>
      <c r="G70564" s="16">
        <v>0</v>
      </c>
    </row>
    <row r="70565" spans="1:7" x14ac:dyDescent="0.3">
      <c r="A70565" s="13" t="s">
        <v>365</v>
      </c>
      <c r="B70565" s="14" t="s">
        <v>1</v>
      </c>
      <c r="C70565" s="14" t="s">
        <v>17</v>
      </c>
      <c r="D70565" s="14" t="s">
        <v>366</v>
      </c>
      <c r="E70565" s="15">
        <v>45496</v>
      </c>
      <c r="F70565" s="14" t="s">
        <v>15</v>
      </c>
      <c r="G70565" s="16">
        <v>0</v>
      </c>
    </row>
    <row r="70566" spans="1:7" x14ac:dyDescent="0.3">
      <c r="A70566" s="13" t="s">
        <v>365</v>
      </c>
      <c r="B70566" s="14" t="s">
        <v>1</v>
      </c>
      <c r="C70566" s="14" t="s">
        <v>17</v>
      </c>
      <c r="D70566" s="14" t="s">
        <v>366</v>
      </c>
      <c r="E70566" s="15">
        <v>45497</v>
      </c>
      <c r="F70566" s="14" t="s">
        <v>15</v>
      </c>
      <c r="G70566" s="16">
        <v>0</v>
      </c>
    </row>
    <row r="70567" spans="1:7" x14ac:dyDescent="0.3">
      <c r="A70567" s="13" t="s">
        <v>365</v>
      </c>
      <c r="B70567" s="14" t="s">
        <v>1</v>
      </c>
      <c r="C70567" s="14" t="s">
        <v>17</v>
      </c>
      <c r="D70567" s="14" t="s">
        <v>366</v>
      </c>
      <c r="E70567" s="15">
        <v>45498</v>
      </c>
      <c r="F70567" s="14" t="s">
        <v>15</v>
      </c>
      <c r="G70567" s="16">
        <v>0</v>
      </c>
    </row>
    <row r="70568" spans="1:7" x14ac:dyDescent="0.3">
      <c r="A70568" s="13" t="s">
        <v>365</v>
      </c>
      <c r="B70568" s="14" t="s">
        <v>1</v>
      </c>
      <c r="C70568" s="14" t="s">
        <v>17</v>
      </c>
      <c r="D70568" s="14" t="s">
        <v>366</v>
      </c>
      <c r="E70568" s="15">
        <v>45499</v>
      </c>
      <c r="F70568" s="14" t="s">
        <v>15</v>
      </c>
      <c r="G70568" s="16">
        <v>0</v>
      </c>
    </row>
    <row r="70569" spans="1:7" x14ac:dyDescent="0.3">
      <c r="A70569" s="13" t="s">
        <v>365</v>
      </c>
      <c r="B70569" s="14" t="s">
        <v>1</v>
      </c>
      <c r="C70569" s="14" t="s">
        <v>17</v>
      </c>
      <c r="D70569" s="14" t="s">
        <v>366</v>
      </c>
      <c r="E70569" s="15">
        <v>45500</v>
      </c>
      <c r="F70569" s="14" t="s">
        <v>15</v>
      </c>
      <c r="G70569" s="16">
        <v>0</v>
      </c>
    </row>
    <row r="70570" spans="1:7" x14ac:dyDescent="0.3">
      <c r="A70570" s="13" t="s">
        <v>365</v>
      </c>
      <c r="B70570" s="14" t="s">
        <v>1</v>
      </c>
      <c r="C70570" s="14" t="s">
        <v>17</v>
      </c>
      <c r="D70570" s="14" t="s">
        <v>366</v>
      </c>
      <c r="E70570" s="15">
        <v>45501</v>
      </c>
      <c r="F70570" s="14" t="s">
        <v>15</v>
      </c>
      <c r="G70570" s="16">
        <v>0</v>
      </c>
    </row>
    <row r="70571" spans="1:7" x14ac:dyDescent="0.3">
      <c r="A70571" s="13" t="s">
        <v>365</v>
      </c>
      <c r="B70571" s="14" t="s">
        <v>1</v>
      </c>
      <c r="C70571" s="14" t="s">
        <v>17</v>
      </c>
      <c r="D70571" s="14" t="s">
        <v>366</v>
      </c>
      <c r="E70571" s="15">
        <v>45502</v>
      </c>
      <c r="F70571" s="14" t="s">
        <v>15</v>
      </c>
      <c r="G70571" s="16">
        <v>0</v>
      </c>
    </row>
    <row r="70572" spans="1:7" x14ac:dyDescent="0.3">
      <c r="A70572" s="13" t="s">
        <v>365</v>
      </c>
      <c r="B70572" s="14" t="s">
        <v>1</v>
      </c>
      <c r="C70572" s="14" t="s">
        <v>17</v>
      </c>
      <c r="D70572" s="14" t="s">
        <v>366</v>
      </c>
      <c r="E70572" s="15">
        <v>45503</v>
      </c>
      <c r="F70572" s="14" t="s">
        <v>15</v>
      </c>
      <c r="G70572" s="16">
        <v>0</v>
      </c>
    </row>
    <row r="70573" spans="1:7" x14ac:dyDescent="0.3">
      <c r="A70573" s="13" t="s">
        <v>365</v>
      </c>
      <c r="B70573" s="14" t="s">
        <v>1</v>
      </c>
      <c r="C70573" s="14" t="s">
        <v>17</v>
      </c>
      <c r="D70573" s="14" t="s">
        <v>366</v>
      </c>
      <c r="E70573" s="15">
        <v>45504</v>
      </c>
      <c r="F70573" s="14" t="s">
        <v>15</v>
      </c>
      <c r="G70573" s="16">
        <v>0</v>
      </c>
    </row>
    <row r="70574" spans="1:7" x14ac:dyDescent="0.3">
      <c r="A70574" s="13" t="s">
        <v>365</v>
      </c>
      <c r="B70574" s="14" t="s">
        <v>1</v>
      </c>
      <c r="C70574" s="14" t="s">
        <v>17</v>
      </c>
      <c r="D70574" s="14" t="s">
        <v>366</v>
      </c>
      <c r="E70574" s="15">
        <v>45505</v>
      </c>
      <c r="F70574" s="14" t="s">
        <v>15</v>
      </c>
      <c r="G70574" s="16">
        <v>0</v>
      </c>
    </row>
    <row r="70575" spans="1:7" x14ac:dyDescent="0.3">
      <c r="A70575" s="13" t="s">
        <v>365</v>
      </c>
      <c r="B70575" s="14" t="s">
        <v>1</v>
      </c>
      <c r="C70575" s="14" t="s">
        <v>17</v>
      </c>
      <c r="D70575" s="14" t="s">
        <v>366</v>
      </c>
      <c r="E70575" s="15">
        <v>45506</v>
      </c>
      <c r="F70575" s="14" t="s">
        <v>15</v>
      </c>
      <c r="G70575" s="16">
        <v>0</v>
      </c>
    </row>
    <row r="70576" spans="1:7" x14ac:dyDescent="0.3">
      <c r="A70576" s="13" t="s">
        <v>365</v>
      </c>
      <c r="B70576" s="14" t="s">
        <v>1</v>
      </c>
      <c r="C70576" s="14" t="s">
        <v>17</v>
      </c>
      <c r="D70576" s="14" t="s">
        <v>366</v>
      </c>
      <c r="E70576" s="15">
        <v>45507</v>
      </c>
      <c r="F70576" s="14" t="s">
        <v>15</v>
      </c>
      <c r="G70576" s="16">
        <v>0</v>
      </c>
    </row>
    <row r="70577" spans="1:7" x14ac:dyDescent="0.3">
      <c r="A70577" s="13" t="s">
        <v>365</v>
      </c>
      <c r="B70577" s="14" t="s">
        <v>1</v>
      </c>
      <c r="C70577" s="14" t="s">
        <v>17</v>
      </c>
      <c r="D70577" s="14" t="s">
        <v>366</v>
      </c>
      <c r="E70577" s="15">
        <v>45508</v>
      </c>
      <c r="F70577" s="14" t="s">
        <v>15</v>
      </c>
      <c r="G70577" s="16">
        <v>0</v>
      </c>
    </row>
    <row r="70578" spans="1:7" x14ac:dyDescent="0.3">
      <c r="A70578" s="13" t="s">
        <v>365</v>
      </c>
      <c r="B70578" s="14" t="s">
        <v>1</v>
      </c>
      <c r="C70578" s="14" t="s">
        <v>17</v>
      </c>
      <c r="D70578" s="14" t="s">
        <v>366</v>
      </c>
      <c r="E70578" s="15">
        <v>45509</v>
      </c>
      <c r="F70578" s="14" t="s">
        <v>15</v>
      </c>
      <c r="G70578" s="16">
        <v>0</v>
      </c>
    </row>
    <row r="70579" spans="1:7" x14ac:dyDescent="0.3">
      <c r="A70579" s="13" t="s">
        <v>365</v>
      </c>
      <c r="B70579" s="14" t="s">
        <v>1</v>
      </c>
      <c r="C70579" s="14" t="s">
        <v>17</v>
      </c>
      <c r="D70579" s="14" t="s">
        <v>366</v>
      </c>
      <c r="E70579" s="15">
        <v>45510</v>
      </c>
      <c r="F70579" s="14" t="s">
        <v>15</v>
      </c>
      <c r="G70579" s="16">
        <v>0</v>
      </c>
    </row>
    <row r="70580" spans="1:7" x14ac:dyDescent="0.3">
      <c r="A70580" s="13" t="s">
        <v>365</v>
      </c>
      <c r="B70580" s="14" t="s">
        <v>1</v>
      </c>
      <c r="C70580" s="14" t="s">
        <v>17</v>
      </c>
      <c r="D70580" s="14" t="s">
        <v>366</v>
      </c>
      <c r="E70580" s="15">
        <v>45511</v>
      </c>
      <c r="F70580" s="14" t="s">
        <v>15</v>
      </c>
      <c r="G70580" s="16">
        <v>0</v>
      </c>
    </row>
    <row r="70581" spans="1:7" x14ac:dyDescent="0.3">
      <c r="A70581" s="13" t="s">
        <v>365</v>
      </c>
      <c r="B70581" s="14" t="s">
        <v>1</v>
      </c>
      <c r="C70581" s="14" t="s">
        <v>17</v>
      </c>
      <c r="D70581" s="14" t="s">
        <v>366</v>
      </c>
      <c r="E70581" s="15">
        <v>45512</v>
      </c>
      <c r="F70581" s="14" t="s">
        <v>15</v>
      </c>
      <c r="G70581" s="16">
        <v>0</v>
      </c>
    </row>
    <row r="70582" spans="1:7" x14ac:dyDescent="0.3">
      <c r="A70582" s="13" t="s">
        <v>365</v>
      </c>
      <c r="B70582" s="14" t="s">
        <v>1</v>
      </c>
      <c r="C70582" s="14" t="s">
        <v>17</v>
      </c>
      <c r="D70582" s="14" t="s">
        <v>366</v>
      </c>
      <c r="E70582" s="15">
        <v>45513</v>
      </c>
      <c r="F70582" s="14" t="s">
        <v>15</v>
      </c>
      <c r="G70582" s="16">
        <v>0</v>
      </c>
    </row>
    <row r="70583" spans="1:7" x14ac:dyDescent="0.3">
      <c r="A70583" s="13" t="s">
        <v>365</v>
      </c>
      <c r="B70583" s="14" t="s">
        <v>1</v>
      </c>
      <c r="C70583" s="14" t="s">
        <v>17</v>
      </c>
      <c r="D70583" s="14" t="s">
        <v>366</v>
      </c>
      <c r="E70583" s="15">
        <v>45514</v>
      </c>
      <c r="F70583" s="14" t="s">
        <v>15</v>
      </c>
      <c r="G70583" s="16">
        <v>0</v>
      </c>
    </row>
    <row r="70584" spans="1:7" x14ac:dyDescent="0.3">
      <c r="A70584" s="13" t="s">
        <v>365</v>
      </c>
      <c r="B70584" s="14" t="s">
        <v>1</v>
      </c>
      <c r="C70584" s="14" t="s">
        <v>17</v>
      </c>
      <c r="D70584" s="14" t="s">
        <v>366</v>
      </c>
      <c r="E70584" s="15">
        <v>45515</v>
      </c>
      <c r="F70584" s="14" t="s">
        <v>15</v>
      </c>
      <c r="G70584" s="16">
        <v>0</v>
      </c>
    </row>
    <row r="70585" spans="1:7" x14ac:dyDescent="0.3">
      <c r="A70585" s="13" t="s">
        <v>365</v>
      </c>
      <c r="B70585" s="14" t="s">
        <v>1</v>
      </c>
      <c r="C70585" s="14" t="s">
        <v>17</v>
      </c>
      <c r="D70585" s="14" t="s">
        <v>366</v>
      </c>
      <c r="E70585" s="15">
        <v>45516</v>
      </c>
      <c r="F70585" s="14" t="s">
        <v>15</v>
      </c>
      <c r="G70585" s="16">
        <v>0</v>
      </c>
    </row>
    <row r="70586" spans="1:7" x14ac:dyDescent="0.3">
      <c r="A70586" s="13" t="s">
        <v>365</v>
      </c>
      <c r="B70586" s="14" t="s">
        <v>1</v>
      </c>
      <c r="C70586" s="14" t="s">
        <v>17</v>
      </c>
      <c r="D70586" s="14" t="s">
        <v>366</v>
      </c>
      <c r="E70586" s="15">
        <v>45517</v>
      </c>
      <c r="F70586" s="14" t="s">
        <v>15</v>
      </c>
      <c r="G70586" s="16">
        <v>0</v>
      </c>
    </row>
    <row r="70587" spans="1:7" x14ac:dyDescent="0.3">
      <c r="A70587" s="13" t="s">
        <v>365</v>
      </c>
      <c r="B70587" s="14" t="s">
        <v>1</v>
      </c>
      <c r="C70587" s="14" t="s">
        <v>17</v>
      </c>
      <c r="D70587" s="14" t="s">
        <v>366</v>
      </c>
      <c r="E70587" s="15">
        <v>45518</v>
      </c>
      <c r="F70587" s="14" t="s">
        <v>15</v>
      </c>
      <c r="G70587" s="16">
        <v>0</v>
      </c>
    </row>
    <row r="70588" spans="1:7" x14ac:dyDescent="0.3">
      <c r="A70588" s="13" t="s">
        <v>365</v>
      </c>
      <c r="B70588" s="14" t="s">
        <v>1</v>
      </c>
      <c r="C70588" s="14" t="s">
        <v>17</v>
      </c>
      <c r="D70588" s="14" t="s">
        <v>366</v>
      </c>
      <c r="E70588" s="15">
        <v>45519</v>
      </c>
      <c r="F70588" s="14" t="s">
        <v>15</v>
      </c>
      <c r="G70588" s="16">
        <v>0</v>
      </c>
    </row>
    <row r="70589" spans="1:7" x14ac:dyDescent="0.3">
      <c r="A70589" s="13" t="s">
        <v>365</v>
      </c>
      <c r="B70589" s="14" t="s">
        <v>1</v>
      </c>
      <c r="C70589" s="14" t="s">
        <v>17</v>
      </c>
      <c r="D70589" s="14" t="s">
        <v>366</v>
      </c>
      <c r="E70589" s="15">
        <v>45520</v>
      </c>
      <c r="F70589" s="14" t="s">
        <v>15</v>
      </c>
      <c r="G70589" s="16">
        <v>0</v>
      </c>
    </row>
    <row r="70590" spans="1:7" x14ac:dyDescent="0.3">
      <c r="A70590" s="13" t="s">
        <v>365</v>
      </c>
      <c r="B70590" s="14" t="s">
        <v>1</v>
      </c>
      <c r="C70590" s="14" t="s">
        <v>17</v>
      </c>
      <c r="D70590" s="14" t="s">
        <v>366</v>
      </c>
      <c r="E70590" s="15">
        <v>45521</v>
      </c>
      <c r="F70590" s="14" t="s">
        <v>15</v>
      </c>
      <c r="G70590" s="16">
        <v>0</v>
      </c>
    </row>
    <row r="70591" spans="1:7" x14ac:dyDescent="0.3">
      <c r="A70591" s="13" t="s">
        <v>365</v>
      </c>
      <c r="B70591" s="14" t="s">
        <v>1</v>
      </c>
      <c r="C70591" s="14" t="s">
        <v>17</v>
      </c>
      <c r="D70591" s="14" t="s">
        <v>366</v>
      </c>
      <c r="E70591" s="15">
        <v>45522</v>
      </c>
      <c r="F70591" s="14" t="s">
        <v>15</v>
      </c>
      <c r="G70591" s="16">
        <v>0</v>
      </c>
    </row>
    <row r="70592" spans="1:7" x14ac:dyDescent="0.3">
      <c r="A70592" s="13" t="s">
        <v>365</v>
      </c>
      <c r="B70592" s="14" t="s">
        <v>1</v>
      </c>
      <c r="C70592" s="14" t="s">
        <v>17</v>
      </c>
      <c r="D70592" s="14" t="s">
        <v>366</v>
      </c>
      <c r="E70592" s="15">
        <v>45523</v>
      </c>
      <c r="F70592" s="14" t="s">
        <v>15</v>
      </c>
      <c r="G70592" s="16">
        <v>0</v>
      </c>
    </row>
    <row r="70593" spans="1:7" x14ac:dyDescent="0.3">
      <c r="A70593" s="13" t="s">
        <v>365</v>
      </c>
      <c r="B70593" s="14" t="s">
        <v>1</v>
      </c>
      <c r="C70593" s="14" t="s">
        <v>17</v>
      </c>
      <c r="D70593" s="14" t="s">
        <v>366</v>
      </c>
      <c r="E70593" s="15">
        <v>45524</v>
      </c>
      <c r="F70593" s="14" t="s">
        <v>15</v>
      </c>
      <c r="G70593" s="16">
        <v>0</v>
      </c>
    </row>
    <row r="70594" spans="1:7" x14ac:dyDescent="0.3">
      <c r="A70594" s="13" t="s">
        <v>365</v>
      </c>
      <c r="B70594" s="14" t="s">
        <v>1</v>
      </c>
      <c r="C70594" s="14" t="s">
        <v>17</v>
      </c>
      <c r="D70594" s="14" t="s">
        <v>366</v>
      </c>
      <c r="E70594" s="15">
        <v>45525</v>
      </c>
      <c r="F70594" s="14" t="s">
        <v>15</v>
      </c>
      <c r="G70594" s="16">
        <v>0</v>
      </c>
    </row>
    <row r="70595" spans="1:7" x14ac:dyDescent="0.3">
      <c r="A70595" s="13" t="s">
        <v>365</v>
      </c>
      <c r="B70595" s="14" t="s">
        <v>1</v>
      </c>
      <c r="C70595" s="14" t="s">
        <v>17</v>
      </c>
      <c r="D70595" s="14" t="s">
        <v>366</v>
      </c>
      <c r="E70595" s="15">
        <v>45526</v>
      </c>
      <c r="F70595" s="14" t="s">
        <v>15</v>
      </c>
      <c r="G70595" s="16">
        <v>0</v>
      </c>
    </row>
    <row r="70596" spans="1:7" x14ac:dyDescent="0.3">
      <c r="A70596" s="13" t="s">
        <v>365</v>
      </c>
      <c r="B70596" s="14" t="s">
        <v>1</v>
      </c>
      <c r="C70596" s="14" t="s">
        <v>17</v>
      </c>
      <c r="D70596" s="14" t="s">
        <v>366</v>
      </c>
      <c r="E70596" s="15">
        <v>45527</v>
      </c>
      <c r="F70596" s="14" t="s">
        <v>15</v>
      </c>
      <c r="G70596" s="16">
        <v>0</v>
      </c>
    </row>
    <row r="70597" spans="1:7" x14ac:dyDescent="0.3">
      <c r="A70597" s="13" t="s">
        <v>365</v>
      </c>
      <c r="B70597" s="14" t="s">
        <v>1</v>
      </c>
      <c r="C70597" s="14" t="s">
        <v>17</v>
      </c>
      <c r="D70597" s="14" t="s">
        <v>366</v>
      </c>
      <c r="E70597" s="15">
        <v>45528</v>
      </c>
      <c r="F70597" s="14" t="s">
        <v>15</v>
      </c>
      <c r="G70597" s="16">
        <v>0</v>
      </c>
    </row>
    <row r="70598" spans="1:7" x14ac:dyDescent="0.3">
      <c r="A70598" s="13" t="s">
        <v>365</v>
      </c>
      <c r="B70598" s="14" t="s">
        <v>1</v>
      </c>
      <c r="C70598" s="14" t="s">
        <v>17</v>
      </c>
      <c r="D70598" s="14" t="s">
        <v>366</v>
      </c>
      <c r="E70598" s="15">
        <v>45529</v>
      </c>
      <c r="F70598" s="14" t="s">
        <v>15</v>
      </c>
      <c r="G70598" s="16">
        <v>0</v>
      </c>
    </row>
    <row r="70599" spans="1:7" x14ac:dyDescent="0.3">
      <c r="A70599" s="13" t="s">
        <v>365</v>
      </c>
      <c r="B70599" s="14" t="s">
        <v>1</v>
      </c>
      <c r="C70599" s="14" t="s">
        <v>17</v>
      </c>
      <c r="D70599" s="14" t="s">
        <v>366</v>
      </c>
      <c r="E70599" s="15">
        <v>45530</v>
      </c>
      <c r="F70599" s="14" t="s">
        <v>15</v>
      </c>
      <c r="G70599" s="16">
        <v>0</v>
      </c>
    </row>
    <row r="70600" spans="1:7" x14ac:dyDescent="0.3">
      <c r="A70600" s="13" t="s">
        <v>365</v>
      </c>
      <c r="B70600" s="14" t="s">
        <v>1</v>
      </c>
      <c r="C70600" s="14" t="s">
        <v>17</v>
      </c>
      <c r="D70600" s="14" t="s">
        <v>366</v>
      </c>
      <c r="E70600" s="15">
        <v>45531</v>
      </c>
      <c r="F70600" s="14" t="s">
        <v>15</v>
      </c>
      <c r="G70600" s="16">
        <v>0</v>
      </c>
    </row>
    <row r="70601" spans="1:7" x14ac:dyDescent="0.3">
      <c r="A70601" s="13" t="s">
        <v>365</v>
      </c>
      <c r="B70601" s="14" t="s">
        <v>1</v>
      </c>
      <c r="C70601" s="14" t="s">
        <v>17</v>
      </c>
      <c r="D70601" s="14" t="s">
        <v>366</v>
      </c>
      <c r="E70601" s="15">
        <v>45532</v>
      </c>
      <c r="F70601" s="14" t="s">
        <v>15</v>
      </c>
      <c r="G70601" s="16">
        <v>0</v>
      </c>
    </row>
    <row r="70602" spans="1:7" x14ac:dyDescent="0.3">
      <c r="A70602" s="13" t="s">
        <v>365</v>
      </c>
      <c r="B70602" s="14" t="s">
        <v>1</v>
      </c>
      <c r="C70602" s="14" t="s">
        <v>17</v>
      </c>
      <c r="D70602" s="14" t="s">
        <v>366</v>
      </c>
      <c r="E70602" s="15">
        <v>45533</v>
      </c>
      <c r="F70602" s="14" t="s">
        <v>15</v>
      </c>
      <c r="G70602" s="16">
        <v>0</v>
      </c>
    </row>
    <row r="70603" spans="1:7" x14ac:dyDescent="0.3">
      <c r="A70603" s="13" t="s">
        <v>365</v>
      </c>
      <c r="B70603" s="14" t="s">
        <v>1</v>
      </c>
      <c r="C70603" s="14" t="s">
        <v>17</v>
      </c>
      <c r="D70603" s="14" t="s">
        <v>366</v>
      </c>
      <c r="E70603" s="15">
        <v>45534</v>
      </c>
      <c r="F70603" s="14" t="s">
        <v>15</v>
      </c>
      <c r="G70603" s="16">
        <v>0</v>
      </c>
    </row>
    <row r="70604" spans="1:7" x14ac:dyDescent="0.3">
      <c r="A70604" s="13" t="s">
        <v>365</v>
      </c>
      <c r="B70604" s="14" t="s">
        <v>1</v>
      </c>
      <c r="C70604" s="14" t="s">
        <v>17</v>
      </c>
      <c r="D70604" s="14" t="s">
        <v>366</v>
      </c>
      <c r="E70604" s="15">
        <v>45535</v>
      </c>
      <c r="F70604" s="14" t="s">
        <v>15</v>
      </c>
      <c r="G70604" s="16">
        <v>0</v>
      </c>
    </row>
    <row r="70605" spans="1:7" x14ac:dyDescent="0.3">
      <c r="A70605" s="13" t="s">
        <v>365</v>
      </c>
      <c r="B70605" s="14" t="s">
        <v>1</v>
      </c>
      <c r="C70605" s="14" t="s">
        <v>17</v>
      </c>
      <c r="D70605" s="14" t="s">
        <v>366</v>
      </c>
      <c r="E70605" s="15">
        <v>45536</v>
      </c>
      <c r="F70605" s="14" t="s">
        <v>15</v>
      </c>
      <c r="G70605" s="16">
        <v>0</v>
      </c>
    </row>
    <row r="70606" spans="1:7" x14ac:dyDescent="0.3">
      <c r="A70606" s="13" t="s">
        <v>365</v>
      </c>
      <c r="B70606" s="14" t="s">
        <v>1</v>
      </c>
      <c r="C70606" s="14" t="s">
        <v>17</v>
      </c>
      <c r="D70606" s="14" t="s">
        <v>366</v>
      </c>
      <c r="E70606" s="15">
        <v>45537</v>
      </c>
      <c r="F70606" s="14" t="s">
        <v>15</v>
      </c>
      <c r="G70606" s="16">
        <v>0</v>
      </c>
    </row>
    <row r="70607" spans="1:7" x14ac:dyDescent="0.3">
      <c r="A70607" s="13" t="s">
        <v>365</v>
      </c>
      <c r="B70607" s="14" t="s">
        <v>1</v>
      </c>
      <c r="C70607" s="14" t="s">
        <v>17</v>
      </c>
      <c r="D70607" s="14" t="s">
        <v>366</v>
      </c>
      <c r="E70607" s="15">
        <v>45538</v>
      </c>
      <c r="F70607" s="14" t="s">
        <v>15</v>
      </c>
      <c r="G70607" s="16">
        <v>0</v>
      </c>
    </row>
    <row r="70608" spans="1:7" x14ac:dyDescent="0.3">
      <c r="A70608" s="13" t="s">
        <v>365</v>
      </c>
      <c r="B70608" s="14" t="s">
        <v>1</v>
      </c>
      <c r="C70608" s="14" t="s">
        <v>17</v>
      </c>
      <c r="D70608" s="14" t="s">
        <v>366</v>
      </c>
      <c r="E70608" s="15">
        <v>45539</v>
      </c>
      <c r="F70608" s="14" t="s">
        <v>15</v>
      </c>
      <c r="G70608" s="16">
        <v>0</v>
      </c>
    </row>
    <row r="70609" spans="1:7" x14ac:dyDescent="0.3">
      <c r="A70609" s="13" t="s">
        <v>365</v>
      </c>
      <c r="B70609" s="14" t="s">
        <v>1</v>
      </c>
      <c r="C70609" s="14" t="s">
        <v>17</v>
      </c>
      <c r="D70609" s="14" t="s">
        <v>366</v>
      </c>
      <c r="E70609" s="15">
        <v>45540</v>
      </c>
      <c r="F70609" s="14" t="s">
        <v>15</v>
      </c>
      <c r="G70609" s="16">
        <v>0</v>
      </c>
    </row>
    <row r="70610" spans="1:7" x14ac:dyDescent="0.3">
      <c r="A70610" s="13" t="s">
        <v>365</v>
      </c>
      <c r="B70610" s="14" t="s">
        <v>1</v>
      </c>
      <c r="C70610" s="14" t="s">
        <v>17</v>
      </c>
      <c r="D70610" s="14" t="s">
        <v>366</v>
      </c>
      <c r="E70610" s="15">
        <v>45541</v>
      </c>
      <c r="F70610" s="14" t="s">
        <v>15</v>
      </c>
      <c r="G70610" s="16">
        <v>0</v>
      </c>
    </row>
    <row r="70611" spans="1:7" x14ac:dyDescent="0.3">
      <c r="A70611" s="13" t="s">
        <v>365</v>
      </c>
      <c r="B70611" s="14" t="s">
        <v>1</v>
      </c>
      <c r="C70611" s="14" t="s">
        <v>17</v>
      </c>
      <c r="D70611" s="14" t="s">
        <v>366</v>
      </c>
      <c r="E70611" s="15">
        <v>45542</v>
      </c>
      <c r="F70611" s="14" t="s">
        <v>15</v>
      </c>
      <c r="G70611" s="16">
        <v>0</v>
      </c>
    </row>
    <row r="70612" spans="1:7" x14ac:dyDescent="0.3">
      <c r="A70612" s="13" t="s">
        <v>365</v>
      </c>
      <c r="B70612" s="14" t="s">
        <v>1</v>
      </c>
      <c r="C70612" s="14" t="s">
        <v>17</v>
      </c>
      <c r="D70612" s="14" t="s">
        <v>366</v>
      </c>
      <c r="E70612" s="15">
        <v>45543</v>
      </c>
      <c r="F70612" s="14" t="s">
        <v>15</v>
      </c>
      <c r="G70612" s="16">
        <v>0</v>
      </c>
    </row>
    <row r="70613" spans="1:7" x14ac:dyDescent="0.3">
      <c r="A70613" s="13" t="s">
        <v>365</v>
      </c>
      <c r="B70613" s="14" t="s">
        <v>1</v>
      </c>
      <c r="C70613" s="14" t="s">
        <v>17</v>
      </c>
      <c r="D70613" s="14" t="s">
        <v>366</v>
      </c>
      <c r="E70613" s="15">
        <v>45544</v>
      </c>
      <c r="F70613" s="14" t="s">
        <v>15</v>
      </c>
      <c r="G70613" s="16">
        <v>0</v>
      </c>
    </row>
    <row r="70614" spans="1:7" x14ac:dyDescent="0.3">
      <c r="A70614" s="13" t="s">
        <v>365</v>
      </c>
      <c r="B70614" s="14" t="s">
        <v>1</v>
      </c>
      <c r="C70614" s="14" t="s">
        <v>17</v>
      </c>
      <c r="D70614" s="14" t="s">
        <v>366</v>
      </c>
      <c r="E70614" s="15">
        <v>45545</v>
      </c>
      <c r="F70614" s="14" t="s">
        <v>15</v>
      </c>
      <c r="G70614" s="16">
        <v>0</v>
      </c>
    </row>
    <row r="70615" spans="1:7" x14ac:dyDescent="0.3">
      <c r="A70615" s="13" t="s">
        <v>365</v>
      </c>
      <c r="B70615" s="14" t="s">
        <v>1</v>
      </c>
      <c r="C70615" s="14" t="s">
        <v>17</v>
      </c>
      <c r="D70615" s="14" t="s">
        <v>366</v>
      </c>
      <c r="E70615" s="15">
        <v>45546</v>
      </c>
      <c r="F70615" s="14" t="s">
        <v>15</v>
      </c>
      <c r="G70615" s="16">
        <v>0</v>
      </c>
    </row>
    <row r="70616" spans="1:7" x14ac:dyDescent="0.3">
      <c r="A70616" s="13" t="s">
        <v>365</v>
      </c>
      <c r="B70616" s="14" t="s">
        <v>1</v>
      </c>
      <c r="C70616" s="14" t="s">
        <v>17</v>
      </c>
      <c r="D70616" s="14" t="s">
        <v>366</v>
      </c>
      <c r="E70616" s="15">
        <v>45547</v>
      </c>
      <c r="F70616" s="14" t="s">
        <v>15</v>
      </c>
      <c r="G70616" s="16">
        <v>0</v>
      </c>
    </row>
    <row r="70617" spans="1:7" x14ac:dyDescent="0.3">
      <c r="A70617" s="13" t="s">
        <v>365</v>
      </c>
      <c r="B70617" s="14" t="s">
        <v>1</v>
      </c>
      <c r="C70617" s="14" t="s">
        <v>17</v>
      </c>
      <c r="D70617" s="14" t="s">
        <v>366</v>
      </c>
      <c r="E70617" s="15">
        <v>45548</v>
      </c>
      <c r="F70617" s="14" t="s">
        <v>15</v>
      </c>
      <c r="G70617" s="16">
        <v>0</v>
      </c>
    </row>
    <row r="70618" spans="1:7" x14ac:dyDescent="0.3">
      <c r="A70618" s="13" t="s">
        <v>365</v>
      </c>
      <c r="B70618" s="14" t="s">
        <v>1</v>
      </c>
      <c r="C70618" s="14" t="s">
        <v>17</v>
      </c>
      <c r="D70618" s="14" t="s">
        <v>366</v>
      </c>
      <c r="E70618" s="15">
        <v>45549</v>
      </c>
      <c r="F70618" s="14" t="s">
        <v>15</v>
      </c>
      <c r="G70618" s="16">
        <v>0</v>
      </c>
    </row>
    <row r="70619" spans="1:7" x14ac:dyDescent="0.3">
      <c r="A70619" s="13" t="s">
        <v>365</v>
      </c>
      <c r="B70619" s="14" t="s">
        <v>1</v>
      </c>
      <c r="C70619" s="14" t="s">
        <v>17</v>
      </c>
      <c r="D70619" s="14" t="s">
        <v>366</v>
      </c>
      <c r="E70619" s="15">
        <v>45550</v>
      </c>
      <c r="F70619" s="14" t="s">
        <v>15</v>
      </c>
      <c r="G70619" s="16">
        <v>0</v>
      </c>
    </row>
    <row r="70620" spans="1:7" x14ac:dyDescent="0.3">
      <c r="A70620" s="13" t="s">
        <v>365</v>
      </c>
      <c r="B70620" s="14" t="s">
        <v>1</v>
      </c>
      <c r="C70620" s="14" t="s">
        <v>17</v>
      </c>
      <c r="D70620" s="14" t="s">
        <v>366</v>
      </c>
      <c r="E70620" s="15">
        <v>45551</v>
      </c>
      <c r="F70620" s="14" t="s">
        <v>15</v>
      </c>
      <c r="G70620" s="16">
        <v>0</v>
      </c>
    </row>
    <row r="70621" spans="1:7" x14ac:dyDescent="0.3">
      <c r="A70621" s="13" t="s">
        <v>365</v>
      </c>
      <c r="B70621" s="14" t="s">
        <v>1</v>
      </c>
      <c r="C70621" s="14" t="s">
        <v>17</v>
      </c>
      <c r="D70621" s="14" t="s">
        <v>366</v>
      </c>
      <c r="E70621" s="15">
        <v>45552</v>
      </c>
      <c r="F70621" s="14" t="s">
        <v>15</v>
      </c>
      <c r="G70621" s="16">
        <v>0</v>
      </c>
    </row>
    <row r="70622" spans="1:7" x14ac:dyDescent="0.3">
      <c r="A70622" s="13" t="s">
        <v>365</v>
      </c>
      <c r="B70622" s="14" t="s">
        <v>1</v>
      </c>
      <c r="C70622" s="14" t="s">
        <v>17</v>
      </c>
      <c r="D70622" s="14" t="s">
        <v>366</v>
      </c>
      <c r="E70622" s="15">
        <v>45553</v>
      </c>
      <c r="F70622" s="14" t="s">
        <v>15</v>
      </c>
      <c r="G70622" s="16">
        <v>0</v>
      </c>
    </row>
    <row r="70623" spans="1:7" x14ac:dyDescent="0.3">
      <c r="A70623" s="13" t="s">
        <v>365</v>
      </c>
      <c r="B70623" s="14" t="s">
        <v>1</v>
      </c>
      <c r="C70623" s="14" t="s">
        <v>17</v>
      </c>
      <c r="D70623" s="14" t="s">
        <v>366</v>
      </c>
      <c r="E70623" s="15">
        <v>45554</v>
      </c>
      <c r="F70623" s="14" t="s">
        <v>15</v>
      </c>
      <c r="G70623" s="16">
        <v>0</v>
      </c>
    </row>
    <row r="70624" spans="1:7" x14ac:dyDescent="0.3">
      <c r="A70624" s="13" t="s">
        <v>365</v>
      </c>
      <c r="B70624" s="14" t="s">
        <v>1</v>
      </c>
      <c r="C70624" s="14" t="s">
        <v>17</v>
      </c>
      <c r="D70624" s="14" t="s">
        <v>366</v>
      </c>
      <c r="E70624" s="15">
        <v>45555</v>
      </c>
      <c r="F70624" s="14" t="s">
        <v>15</v>
      </c>
      <c r="G70624" s="16">
        <v>0</v>
      </c>
    </row>
    <row r="70625" spans="1:7" x14ac:dyDescent="0.3">
      <c r="A70625" s="13" t="s">
        <v>365</v>
      </c>
      <c r="B70625" s="14" t="s">
        <v>1</v>
      </c>
      <c r="C70625" s="14" t="s">
        <v>17</v>
      </c>
      <c r="D70625" s="14" t="s">
        <v>366</v>
      </c>
      <c r="E70625" s="15">
        <v>45556</v>
      </c>
      <c r="F70625" s="14" t="s">
        <v>15</v>
      </c>
      <c r="G70625" s="16">
        <v>0</v>
      </c>
    </row>
    <row r="70626" spans="1:7" x14ac:dyDescent="0.3">
      <c r="A70626" s="13" t="s">
        <v>365</v>
      </c>
      <c r="B70626" s="14" t="s">
        <v>1</v>
      </c>
      <c r="C70626" s="14" t="s">
        <v>17</v>
      </c>
      <c r="D70626" s="14" t="s">
        <v>366</v>
      </c>
      <c r="E70626" s="15">
        <v>45557</v>
      </c>
      <c r="F70626" s="14" t="s">
        <v>15</v>
      </c>
      <c r="G70626" s="16">
        <v>0</v>
      </c>
    </row>
    <row r="70627" spans="1:7" x14ac:dyDescent="0.3">
      <c r="A70627" s="13" t="s">
        <v>365</v>
      </c>
      <c r="B70627" s="14" t="s">
        <v>1</v>
      </c>
      <c r="C70627" s="14" t="s">
        <v>17</v>
      </c>
      <c r="D70627" s="14" t="s">
        <v>366</v>
      </c>
      <c r="E70627" s="15">
        <v>45558</v>
      </c>
      <c r="F70627" s="14" t="s">
        <v>15</v>
      </c>
      <c r="G70627" s="16">
        <v>0</v>
      </c>
    </row>
    <row r="70628" spans="1:7" x14ac:dyDescent="0.3">
      <c r="A70628" s="13" t="s">
        <v>365</v>
      </c>
      <c r="B70628" s="14" t="s">
        <v>1</v>
      </c>
      <c r="C70628" s="14" t="s">
        <v>17</v>
      </c>
      <c r="D70628" s="14" t="s">
        <v>366</v>
      </c>
      <c r="E70628" s="15">
        <v>45559</v>
      </c>
      <c r="F70628" s="14" t="s">
        <v>15</v>
      </c>
      <c r="G70628" s="16">
        <v>0</v>
      </c>
    </row>
    <row r="70629" spans="1:7" x14ac:dyDescent="0.3">
      <c r="A70629" s="13" t="s">
        <v>365</v>
      </c>
      <c r="B70629" s="14" t="s">
        <v>1</v>
      </c>
      <c r="C70629" s="14" t="s">
        <v>17</v>
      </c>
      <c r="D70629" s="14" t="s">
        <v>366</v>
      </c>
      <c r="E70629" s="15">
        <v>45560</v>
      </c>
      <c r="F70629" s="14" t="s">
        <v>15</v>
      </c>
      <c r="G70629" s="16">
        <v>0</v>
      </c>
    </row>
    <row r="70630" spans="1:7" x14ac:dyDescent="0.3">
      <c r="A70630" s="13" t="s">
        <v>365</v>
      </c>
      <c r="B70630" s="14" t="s">
        <v>1</v>
      </c>
      <c r="C70630" s="14" t="s">
        <v>17</v>
      </c>
      <c r="D70630" s="14" t="s">
        <v>366</v>
      </c>
      <c r="E70630" s="15">
        <v>45561</v>
      </c>
      <c r="F70630" s="14" t="s">
        <v>15</v>
      </c>
      <c r="G70630" s="16">
        <v>0</v>
      </c>
    </row>
    <row r="70631" spans="1:7" x14ac:dyDescent="0.3">
      <c r="A70631" s="13" t="s">
        <v>365</v>
      </c>
      <c r="B70631" s="14" t="s">
        <v>1</v>
      </c>
      <c r="C70631" s="14" t="s">
        <v>17</v>
      </c>
      <c r="D70631" s="14" t="s">
        <v>366</v>
      </c>
      <c r="E70631" s="15">
        <v>45562</v>
      </c>
      <c r="F70631" s="14" t="s">
        <v>15</v>
      </c>
      <c r="G70631" s="16">
        <v>0</v>
      </c>
    </row>
    <row r="70632" spans="1:7" x14ac:dyDescent="0.3">
      <c r="A70632" s="13" t="s">
        <v>365</v>
      </c>
      <c r="B70632" s="14" t="s">
        <v>1</v>
      </c>
      <c r="C70632" s="14" t="s">
        <v>17</v>
      </c>
      <c r="D70632" s="14" t="s">
        <v>366</v>
      </c>
      <c r="E70632" s="15">
        <v>45563</v>
      </c>
      <c r="F70632" s="14" t="s">
        <v>15</v>
      </c>
      <c r="G70632" s="16">
        <v>0</v>
      </c>
    </row>
    <row r="70633" spans="1:7" x14ac:dyDescent="0.3">
      <c r="A70633" s="13" t="s">
        <v>365</v>
      </c>
      <c r="B70633" s="14" t="s">
        <v>1</v>
      </c>
      <c r="C70633" s="14" t="s">
        <v>17</v>
      </c>
      <c r="D70633" s="14" t="s">
        <v>366</v>
      </c>
      <c r="E70633" s="15">
        <v>45564</v>
      </c>
      <c r="F70633" s="14" t="s">
        <v>15</v>
      </c>
      <c r="G70633" s="16">
        <v>0</v>
      </c>
    </row>
    <row r="70634" spans="1:7" x14ac:dyDescent="0.3">
      <c r="A70634" s="13" t="s">
        <v>365</v>
      </c>
      <c r="B70634" s="14" t="s">
        <v>1</v>
      </c>
      <c r="C70634" s="14" t="s">
        <v>17</v>
      </c>
      <c r="D70634" s="14" t="s">
        <v>366</v>
      </c>
      <c r="E70634" s="15">
        <v>45565</v>
      </c>
      <c r="F70634" s="14" t="s">
        <v>15</v>
      </c>
      <c r="G70634" s="16">
        <v>0</v>
      </c>
    </row>
    <row r="70635" spans="1:7" x14ac:dyDescent="0.3">
      <c r="A70635" s="13" t="s">
        <v>365</v>
      </c>
      <c r="B70635" s="14" t="s">
        <v>1</v>
      </c>
      <c r="C70635" s="14" t="s">
        <v>17</v>
      </c>
      <c r="D70635" s="14" t="s">
        <v>366</v>
      </c>
      <c r="E70635" s="15">
        <v>45566</v>
      </c>
      <c r="F70635" s="14" t="s">
        <v>15</v>
      </c>
      <c r="G70635" s="16">
        <v>0</v>
      </c>
    </row>
    <row r="70636" spans="1:7" x14ac:dyDescent="0.3">
      <c r="A70636" s="13" t="s">
        <v>365</v>
      </c>
      <c r="B70636" s="14" t="s">
        <v>1</v>
      </c>
      <c r="C70636" s="14" t="s">
        <v>17</v>
      </c>
      <c r="D70636" s="14" t="s">
        <v>366</v>
      </c>
      <c r="E70636" s="15">
        <v>45567</v>
      </c>
      <c r="F70636" s="14" t="s">
        <v>15</v>
      </c>
      <c r="G70636" s="16">
        <v>0</v>
      </c>
    </row>
    <row r="70637" spans="1:7" x14ac:dyDescent="0.3">
      <c r="A70637" s="13" t="s">
        <v>365</v>
      </c>
      <c r="B70637" s="14" t="s">
        <v>1</v>
      </c>
      <c r="C70637" s="14" t="s">
        <v>17</v>
      </c>
      <c r="D70637" s="14" t="s">
        <v>366</v>
      </c>
      <c r="E70637" s="15">
        <v>45568</v>
      </c>
      <c r="F70637" s="14" t="s">
        <v>15</v>
      </c>
      <c r="G70637" s="16">
        <v>0</v>
      </c>
    </row>
    <row r="70638" spans="1:7" x14ac:dyDescent="0.3">
      <c r="A70638" s="13" t="s">
        <v>365</v>
      </c>
      <c r="B70638" s="14" t="s">
        <v>1</v>
      </c>
      <c r="C70638" s="14" t="s">
        <v>17</v>
      </c>
      <c r="D70638" s="14" t="s">
        <v>366</v>
      </c>
      <c r="E70638" s="15">
        <v>45569</v>
      </c>
      <c r="F70638" s="14" t="s">
        <v>15</v>
      </c>
      <c r="G70638" s="16">
        <v>0</v>
      </c>
    </row>
    <row r="70639" spans="1:7" x14ac:dyDescent="0.3">
      <c r="A70639" s="13" t="s">
        <v>365</v>
      </c>
      <c r="B70639" s="14" t="s">
        <v>1</v>
      </c>
      <c r="C70639" s="14" t="s">
        <v>17</v>
      </c>
      <c r="D70639" s="14" t="s">
        <v>366</v>
      </c>
      <c r="E70639" s="15">
        <v>45570</v>
      </c>
      <c r="F70639" s="14" t="s">
        <v>15</v>
      </c>
      <c r="G70639" s="16">
        <v>0</v>
      </c>
    </row>
    <row r="70640" spans="1:7" x14ac:dyDescent="0.3">
      <c r="A70640" s="13" t="s">
        <v>365</v>
      </c>
      <c r="B70640" s="14" t="s">
        <v>1</v>
      </c>
      <c r="C70640" s="14" t="s">
        <v>17</v>
      </c>
      <c r="D70640" s="14" t="s">
        <v>366</v>
      </c>
      <c r="E70640" s="15">
        <v>45571</v>
      </c>
      <c r="F70640" s="14" t="s">
        <v>15</v>
      </c>
      <c r="G70640" s="16">
        <v>0</v>
      </c>
    </row>
    <row r="70641" spans="1:7" x14ac:dyDescent="0.3">
      <c r="A70641" s="13" t="s">
        <v>365</v>
      </c>
      <c r="B70641" s="14" t="s">
        <v>1</v>
      </c>
      <c r="C70641" s="14" t="s">
        <v>17</v>
      </c>
      <c r="D70641" s="14" t="s">
        <v>366</v>
      </c>
      <c r="E70641" s="15">
        <v>45572</v>
      </c>
      <c r="F70641" s="14" t="s">
        <v>15</v>
      </c>
      <c r="G70641" s="16">
        <v>0</v>
      </c>
    </row>
    <row r="70642" spans="1:7" x14ac:dyDescent="0.3">
      <c r="A70642" s="13" t="s">
        <v>365</v>
      </c>
      <c r="B70642" s="14" t="s">
        <v>1</v>
      </c>
      <c r="C70642" s="14" t="s">
        <v>17</v>
      </c>
      <c r="D70642" s="14" t="s">
        <v>366</v>
      </c>
      <c r="E70642" s="15">
        <v>45573</v>
      </c>
      <c r="F70642" s="14" t="s">
        <v>15</v>
      </c>
      <c r="G70642" s="16">
        <v>0</v>
      </c>
    </row>
    <row r="70643" spans="1:7" x14ac:dyDescent="0.3">
      <c r="A70643" s="13" t="s">
        <v>365</v>
      </c>
      <c r="B70643" s="14" t="s">
        <v>1</v>
      </c>
      <c r="C70643" s="14" t="s">
        <v>17</v>
      </c>
      <c r="D70643" s="14" t="s">
        <v>366</v>
      </c>
      <c r="E70643" s="15">
        <v>45574</v>
      </c>
      <c r="F70643" s="14" t="s">
        <v>15</v>
      </c>
      <c r="G70643" s="16">
        <v>0</v>
      </c>
    </row>
    <row r="70644" spans="1:7" x14ac:dyDescent="0.3">
      <c r="A70644" s="13" t="s">
        <v>365</v>
      </c>
      <c r="B70644" s="14" t="s">
        <v>1</v>
      </c>
      <c r="C70644" s="14" t="s">
        <v>17</v>
      </c>
      <c r="D70644" s="14" t="s">
        <v>366</v>
      </c>
      <c r="E70644" s="15">
        <v>45575</v>
      </c>
      <c r="F70644" s="14" t="s">
        <v>15</v>
      </c>
      <c r="G70644" s="16">
        <v>0</v>
      </c>
    </row>
    <row r="70645" spans="1:7" x14ac:dyDescent="0.3">
      <c r="A70645" s="13" t="s">
        <v>365</v>
      </c>
      <c r="B70645" s="14" t="s">
        <v>1</v>
      </c>
      <c r="C70645" s="14" t="s">
        <v>17</v>
      </c>
      <c r="D70645" s="14" t="s">
        <v>366</v>
      </c>
      <c r="E70645" s="15">
        <v>45576</v>
      </c>
      <c r="F70645" s="14" t="s">
        <v>15</v>
      </c>
      <c r="G70645" s="16">
        <v>0</v>
      </c>
    </row>
    <row r="70646" spans="1:7" x14ac:dyDescent="0.3">
      <c r="A70646" s="13" t="s">
        <v>365</v>
      </c>
      <c r="B70646" s="14" t="s">
        <v>1</v>
      </c>
      <c r="C70646" s="14" t="s">
        <v>17</v>
      </c>
      <c r="D70646" s="14" t="s">
        <v>366</v>
      </c>
      <c r="E70646" s="15">
        <v>45577</v>
      </c>
      <c r="F70646" s="14" t="s">
        <v>15</v>
      </c>
      <c r="G70646" s="16">
        <v>0</v>
      </c>
    </row>
    <row r="70647" spans="1:7" x14ac:dyDescent="0.3">
      <c r="A70647" s="13" t="s">
        <v>365</v>
      </c>
      <c r="B70647" s="14" t="s">
        <v>1</v>
      </c>
      <c r="C70647" s="14" t="s">
        <v>17</v>
      </c>
      <c r="D70647" s="14" t="s">
        <v>366</v>
      </c>
      <c r="E70647" s="15">
        <v>45578</v>
      </c>
      <c r="F70647" s="14" t="s">
        <v>15</v>
      </c>
      <c r="G70647" s="16">
        <v>0</v>
      </c>
    </row>
    <row r="70648" spans="1:7" x14ac:dyDescent="0.3">
      <c r="A70648" s="13" t="s">
        <v>365</v>
      </c>
      <c r="B70648" s="14" t="s">
        <v>1</v>
      </c>
      <c r="C70648" s="14" t="s">
        <v>17</v>
      </c>
      <c r="D70648" s="14" t="s">
        <v>366</v>
      </c>
      <c r="E70648" s="15">
        <v>45579</v>
      </c>
      <c r="F70648" s="14" t="s">
        <v>15</v>
      </c>
      <c r="G70648" s="16">
        <v>0</v>
      </c>
    </row>
    <row r="70649" spans="1:7" x14ac:dyDescent="0.3">
      <c r="A70649" s="13" t="s">
        <v>365</v>
      </c>
      <c r="B70649" s="14" t="s">
        <v>1</v>
      </c>
      <c r="C70649" s="14" t="s">
        <v>17</v>
      </c>
      <c r="D70649" s="14" t="s">
        <v>366</v>
      </c>
      <c r="E70649" s="15">
        <v>45580</v>
      </c>
      <c r="F70649" s="14" t="s">
        <v>15</v>
      </c>
      <c r="G70649" s="16">
        <v>0</v>
      </c>
    </row>
    <row r="70650" spans="1:7" x14ac:dyDescent="0.3">
      <c r="A70650" s="13" t="s">
        <v>365</v>
      </c>
      <c r="B70650" s="14" t="s">
        <v>1</v>
      </c>
      <c r="C70650" s="14" t="s">
        <v>17</v>
      </c>
      <c r="D70650" s="14" t="s">
        <v>366</v>
      </c>
      <c r="E70650" s="15">
        <v>45581</v>
      </c>
      <c r="F70650" s="14" t="s">
        <v>15</v>
      </c>
      <c r="G70650" s="16">
        <v>0</v>
      </c>
    </row>
    <row r="70651" spans="1:7" x14ac:dyDescent="0.3">
      <c r="A70651" s="13" t="s">
        <v>365</v>
      </c>
      <c r="B70651" s="14" t="s">
        <v>1</v>
      </c>
      <c r="C70651" s="14" t="s">
        <v>17</v>
      </c>
      <c r="D70651" s="14" t="s">
        <v>366</v>
      </c>
      <c r="E70651" s="15">
        <v>45582</v>
      </c>
      <c r="F70651" s="14" t="s">
        <v>15</v>
      </c>
      <c r="G70651" s="16">
        <v>0</v>
      </c>
    </row>
    <row r="70652" spans="1:7" x14ac:dyDescent="0.3">
      <c r="A70652" s="13" t="s">
        <v>365</v>
      </c>
      <c r="B70652" s="14" t="s">
        <v>1</v>
      </c>
      <c r="C70652" s="14" t="s">
        <v>17</v>
      </c>
      <c r="D70652" s="14" t="s">
        <v>366</v>
      </c>
      <c r="E70652" s="15">
        <v>45583</v>
      </c>
      <c r="F70652" s="14" t="s">
        <v>15</v>
      </c>
      <c r="G70652" s="16">
        <v>0</v>
      </c>
    </row>
    <row r="70653" spans="1:7" x14ac:dyDescent="0.3">
      <c r="A70653" s="13" t="s">
        <v>365</v>
      </c>
      <c r="B70653" s="14" t="s">
        <v>1</v>
      </c>
      <c r="C70653" s="14" t="s">
        <v>17</v>
      </c>
      <c r="D70653" s="14" t="s">
        <v>366</v>
      </c>
      <c r="E70653" s="15">
        <v>45584</v>
      </c>
      <c r="F70653" s="14" t="s">
        <v>15</v>
      </c>
      <c r="G70653" s="16">
        <v>0</v>
      </c>
    </row>
    <row r="70654" spans="1:7" x14ac:dyDescent="0.3">
      <c r="A70654" s="13" t="s">
        <v>365</v>
      </c>
      <c r="B70654" s="14" t="s">
        <v>1</v>
      </c>
      <c r="C70654" s="14" t="s">
        <v>17</v>
      </c>
      <c r="D70654" s="14" t="s">
        <v>366</v>
      </c>
      <c r="E70654" s="15">
        <v>45585</v>
      </c>
      <c r="F70654" s="14" t="s">
        <v>15</v>
      </c>
      <c r="G70654" s="16">
        <v>0</v>
      </c>
    </row>
    <row r="70655" spans="1:7" x14ac:dyDescent="0.3">
      <c r="A70655" s="13" t="s">
        <v>365</v>
      </c>
      <c r="B70655" s="14" t="s">
        <v>1</v>
      </c>
      <c r="C70655" s="14" t="s">
        <v>17</v>
      </c>
      <c r="D70655" s="14" t="s">
        <v>366</v>
      </c>
      <c r="E70655" s="15">
        <v>45586</v>
      </c>
      <c r="F70655" s="14" t="s">
        <v>15</v>
      </c>
      <c r="G70655" s="16">
        <v>0</v>
      </c>
    </row>
    <row r="70656" spans="1:7" x14ac:dyDescent="0.3">
      <c r="A70656" s="13" t="s">
        <v>365</v>
      </c>
      <c r="B70656" s="14" t="s">
        <v>1</v>
      </c>
      <c r="C70656" s="14" t="s">
        <v>17</v>
      </c>
      <c r="D70656" s="14" t="s">
        <v>366</v>
      </c>
      <c r="E70656" s="15">
        <v>45587</v>
      </c>
      <c r="F70656" s="14" t="s">
        <v>15</v>
      </c>
      <c r="G70656" s="16">
        <v>0</v>
      </c>
    </row>
    <row r="70657" spans="1:7" x14ac:dyDescent="0.3">
      <c r="A70657" s="13" t="s">
        <v>365</v>
      </c>
      <c r="B70657" s="14" t="s">
        <v>1</v>
      </c>
      <c r="C70657" s="14" t="s">
        <v>17</v>
      </c>
      <c r="D70657" s="14" t="s">
        <v>366</v>
      </c>
      <c r="E70657" s="15">
        <v>45588</v>
      </c>
      <c r="F70657" s="14" t="s">
        <v>15</v>
      </c>
      <c r="G70657" s="16">
        <v>0</v>
      </c>
    </row>
    <row r="70658" spans="1:7" x14ac:dyDescent="0.3">
      <c r="A70658" s="13" t="s">
        <v>365</v>
      </c>
      <c r="B70658" s="14" t="s">
        <v>1</v>
      </c>
      <c r="C70658" s="14" t="s">
        <v>17</v>
      </c>
      <c r="D70658" s="14" t="s">
        <v>366</v>
      </c>
      <c r="E70658" s="15">
        <v>45589</v>
      </c>
      <c r="F70658" s="14" t="s">
        <v>15</v>
      </c>
      <c r="G70658" s="16">
        <v>0</v>
      </c>
    </row>
    <row r="70659" spans="1:7" x14ac:dyDescent="0.3">
      <c r="A70659" s="13" t="s">
        <v>365</v>
      </c>
      <c r="B70659" s="14" t="s">
        <v>1</v>
      </c>
      <c r="C70659" s="14" t="s">
        <v>17</v>
      </c>
      <c r="D70659" s="14" t="s">
        <v>366</v>
      </c>
      <c r="E70659" s="15">
        <v>45590</v>
      </c>
      <c r="F70659" s="14" t="s">
        <v>15</v>
      </c>
      <c r="G70659" s="16">
        <v>0</v>
      </c>
    </row>
    <row r="70660" spans="1:7" x14ac:dyDescent="0.3">
      <c r="A70660" s="13" t="s">
        <v>365</v>
      </c>
      <c r="B70660" s="14" t="s">
        <v>1</v>
      </c>
      <c r="C70660" s="14" t="s">
        <v>17</v>
      </c>
      <c r="D70660" s="14" t="s">
        <v>366</v>
      </c>
      <c r="E70660" s="15">
        <v>45591</v>
      </c>
      <c r="F70660" s="14" t="s">
        <v>15</v>
      </c>
      <c r="G70660" s="16">
        <v>0</v>
      </c>
    </row>
    <row r="70661" spans="1:7" x14ac:dyDescent="0.3">
      <c r="A70661" s="13" t="s">
        <v>365</v>
      </c>
      <c r="B70661" s="14" t="s">
        <v>1</v>
      </c>
      <c r="C70661" s="14" t="s">
        <v>17</v>
      </c>
      <c r="D70661" s="14" t="s">
        <v>366</v>
      </c>
      <c r="E70661" s="15">
        <v>45592</v>
      </c>
      <c r="F70661" s="14" t="s">
        <v>15</v>
      </c>
      <c r="G70661" s="16">
        <v>0</v>
      </c>
    </row>
    <row r="70662" spans="1:7" x14ac:dyDescent="0.3">
      <c r="A70662" s="13" t="s">
        <v>365</v>
      </c>
      <c r="B70662" s="14" t="s">
        <v>1</v>
      </c>
      <c r="C70662" s="14" t="s">
        <v>17</v>
      </c>
      <c r="D70662" s="14" t="s">
        <v>366</v>
      </c>
      <c r="E70662" s="15">
        <v>45593</v>
      </c>
      <c r="F70662" s="14" t="s">
        <v>15</v>
      </c>
      <c r="G70662" s="16">
        <v>0</v>
      </c>
    </row>
    <row r="70663" spans="1:7" x14ac:dyDescent="0.3">
      <c r="A70663" s="13" t="s">
        <v>365</v>
      </c>
      <c r="B70663" s="14" t="s">
        <v>1</v>
      </c>
      <c r="C70663" s="14" t="s">
        <v>17</v>
      </c>
      <c r="D70663" s="14" t="s">
        <v>366</v>
      </c>
      <c r="E70663" s="15">
        <v>45594</v>
      </c>
      <c r="F70663" s="14" t="s">
        <v>15</v>
      </c>
      <c r="G70663" s="16">
        <v>0</v>
      </c>
    </row>
    <row r="70664" spans="1:7" x14ac:dyDescent="0.3">
      <c r="A70664" s="13" t="s">
        <v>365</v>
      </c>
      <c r="B70664" s="14" t="s">
        <v>1</v>
      </c>
      <c r="C70664" s="14" t="s">
        <v>17</v>
      </c>
      <c r="D70664" s="14" t="s">
        <v>366</v>
      </c>
      <c r="E70664" s="15">
        <v>45595</v>
      </c>
      <c r="F70664" s="14" t="s">
        <v>15</v>
      </c>
      <c r="G70664" s="16">
        <v>0</v>
      </c>
    </row>
    <row r="70665" spans="1:7" x14ac:dyDescent="0.3">
      <c r="A70665" s="13" t="s">
        <v>365</v>
      </c>
      <c r="B70665" s="14" t="s">
        <v>1</v>
      </c>
      <c r="C70665" s="14" t="s">
        <v>17</v>
      </c>
      <c r="D70665" s="14" t="s">
        <v>366</v>
      </c>
      <c r="E70665" s="15">
        <v>45596</v>
      </c>
      <c r="F70665" s="14" t="s">
        <v>15</v>
      </c>
      <c r="G70665" s="16">
        <v>0</v>
      </c>
    </row>
    <row r="70666" spans="1:7" x14ac:dyDescent="0.3">
      <c r="A70666" s="13" t="s">
        <v>365</v>
      </c>
      <c r="B70666" s="14" t="s">
        <v>1</v>
      </c>
      <c r="C70666" s="14" t="s">
        <v>17</v>
      </c>
      <c r="D70666" s="14" t="s">
        <v>366</v>
      </c>
      <c r="E70666" s="15">
        <v>45597</v>
      </c>
      <c r="F70666" s="14" t="s">
        <v>15</v>
      </c>
      <c r="G70666" s="16">
        <v>0</v>
      </c>
    </row>
    <row r="70667" spans="1:7" x14ac:dyDescent="0.3">
      <c r="A70667" s="13" t="s">
        <v>365</v>
      </c>
      <c r="B70667" s="14" t="s">
        <v>1</v>
      </c>
      <c r="C70667" s="14" t="s">
        <v>17</v>
      </c>
      <c r="D70667" s="14" t="s">
        <v>366</v>
      </c>
      <c r="E70667" s="15">
        <v>45598</v>
      </c>
      <c r="F70667" s="14" t="s">
        <v>15</v>
      </c>
      <c r="G70667" s="16">
        <v>0</v>
      </c>
    </row>
    <row r="70668" spans="1:7" x14ac:dyDescent="0.3">
      <c r="A70668" s="13" t="s">
        <v>365</v>
      </c>
      <c r="B70668" s="14" t="s">
        <v>1</v>
      </c>
      <c r="C70668" s="14" t="s">
        <v>17</v>
      </c>
      <c r="D70668" s="14" t="s">
        <v>366</v>
      </c>
      <c r="E70668" s="15">
        <v>45599</v>
      </c>
      <c r="F70668" s="14" t="s">
        <v>15</v>
      </c>
      <c r="G70668" s="16">
        <v>0</v>
      </c>
    </row>
    <row r="70669" spans="1:7" x14ac:dyDescent="0.3">
      <c r="A70669" s="13" t="s">
        <v>365</v>
      </c>
      <c r="B70669" s="14" t="s">
        <v>1</v>
      </c>
      <c r="C70669" s="14" t="s">
        <v>17</v>
      </c>
      <c r="D70669" s="14" t="s">
        <v>366</v>
      </c>
      <c r="E70669" s="15">
        <v>45600</v>
      </c>
      <c r="F70669" s="14" t="s">
        <v>15</v>
      </c>
      <c r="G70669" s="16">
        <v>0</v>
      </c>
    </row>
    <row r="70670" spans="1:7" x14ac:dyDescent="0.3">
      <c r="A70670" s="13" t="s">
        <v>365</v>
      </c>
      <c r="B70670" s="14" t="s">
        <v>1</v>
      </c>
      <c r="C70670" s="14" t="s">
        <v>17</v>
      </c>
      <c r="D70670" s="14" t="s">
        <v>366</v>
      </c>
      <c r="E70670" s="15">
        <v>45601</v>
      </c>
      <c r="F70670" s="14" t="s">
        <v>15</v>
      </c>
      <c r="G70670" s="16">
        <v>0</v>
      </c>
    </row>
    <row r="70671" spans="1:7" x14ac:dyDescent="0.3">
      <c r="A70671" s="13" t="s">
        <v>365</v>
      </c>
      <c r="B70671" s="14" t="s">
        <v>1</v>
      </c>
      <c r="C70671" s="14" t="s">
        <v>17</v>
      </c>
      <c r="D70671" s="14" t="s">
        <v>366</v>
      </c>
      <c r="E70671" s="15">
        <v>45602</v>
      </c>
      <c r="F70671" s="14" t="s">
        <v>15</v>
      </c>
      <c r="G70671" s="16">
        <v>0</v>
      </c>
    </row>
    <row r="70672" spans="1:7" x14ac:dyDescent="0.3">
      <c r="A70672" s="13" t="s">
        <v>365</v>
      </c>
      <c r="B70672" s="14" t="s">
        <v>1</v>
      </c>
      <c r="C70672" s="14" t="s">
        <v>17</v>
      </c>
      <c r="D70672" s="14" t="s">
        <v>366</v>
      </c>
      <c r="E70672" s="15">
        <v>45603</v>
      </c>
      <c r="F70672" s="14" t="s">
        <v>15</v>
      </c>
      <c r="G70672" s="16">
        <v>0</v>
      </c>
    </row>
    <row r="70673" spans="1:7" x14ac:dyDescent="0.3">
      <c r="A70673" s="13" t="s">
        <v>365</v>
      </c>
      <c r="B70673" s="14" t="s">
        <v>1</v>
      </c>
      <c r="C70673" s="14" t="s">
        <v>17</v>
      </c>
      <c r="D70673" s="14" t="s">
        <v>366</v>
      </c>
      <c r="E70673" s="15">
        <v>45604</v>
      </c>
      <c r="F70673" s="14" t="s">
        <v>15</v>
      </c>
      <c r="G70673" s="16">
        <v>0</v>
      </c>
    </row>
    <row r="70674" spans="1:7" x14ac:dyDescent="0.3">
      <c r="A70674" s="13" t="s">
        <v>365</v>
      </c>
      <c r="B70674" s="14" t="s">
        <v>1</v>
      </c>
      <c r="C70674" s="14" t="s">
        <v>17</v>
      </c>
      <c r="D70674" s="14" t="s">
        <v>366</v>
      </c>
      <c r="E70674" s="15">
        <v>45605</v>
      </c>
      <c r="F70674" s="14" t="s">
        <v>15</v>
      </c>
      <c r="G70674" s="16">
        <v>0</v>
      </c>
    </row>
    <row r="70675" spans="1:7" x14ac:dyDescent="0.3">
      <c r="A70675" s="13" t="s">
        <v>365</v>
      </c>
      <c r="B70675" s="14" t="s">
        <v>1</v>
      </c>
      <c r="C70675" s="14" t="s">
        <v>17</v>
      </c>
      <c r="D70675" s="14" t="s">
        <v>366</v>
      </c>
      <c r="E70675" s="15">
        <v>45606</v>
      </c>
      <c r="F70675" s="14" t="s">
        <v>15</v>
      </c>
      <c r="G70675" s="16">
        <v>0</v>
      </c>
    </row>
    <row r="70676" spans="1:7" x14ac:dyDescent="0.3">
      <c r="A70676" s="13" t="s">
        <v>365</v>
      </c>
      <c r="B70676" s="14" t="s">
        <v>1</v>
      </c>
      <c r="C70676" s="14" t="s">
        <v>17</v>
      </c>
      <c r="D70676" s="14" t="s">
        <v>366</v>
      </c>
      <c r="E70676" s="15">
        <v>45607</v>
      </c>
      <c r="F70676" s="14" t="s">
        <v>15</v>
      </c>
      <c r="G70676" s="16">
        <v>0</v>
      </c>
    </row>
    <row r="70677" spans="1:7" x14ac:dyDescent="0.3">
      <c r="A70677" s="13" t="s">
        <v>365</v>
      </c>
      <c r="B70677" s="14" t="s">
        <v>1</v>
      </c>
      <c r="C70677" s="14" t="s">
        <v>17</v>
      </c>
      <c r="D70677" s="14" t="s">
        <v>366</v>
      </c>
      <c r="E70677" s="15">
        <v>45608</v>
      </c>
      <c r="F70677" s="14" t="s">
        <v>15</v>
      </c>
      <c r="G70677" s="16">
        <v>0</v>
      </c>
    </row>
    <row r="70678" spans="1:7" x14ac:dyDescent="0.3">
      <c r="A70678" s="13" t="s">
        <v>365</v>
      </c>
      <c r="B70678" s="14" t="s">
        <v>1</v>
      </c>
      <c r="C70678" s="14" t="s">
        <v>17</v>
      </c>
      <c r="D70678" s="14" t="s">
        <v>366</v>
      </c>
      <c r="E70678" s="15">
        <v>45609</v>
      </c>
      <c r="F70678" s="14" t="s">
        <v>15</v>
      </c>
      <c r="G70678" s="16">
        <v>0</v>
      </c>
    </row>
    <row r="70679" spans="1:7" x14ac:dyDescent="0.3">
      <c r="A70679" s="13" t="s">
        <v>365</v>
      </c>
      <c r="B70679" s="14" t="s">
        <v>1</v>
      </c>
      <c r="C70679" s="14" t="s">
        <v>17</v>
      </c>
      <c r="D70679" s="14" t="s">
        <v>366</v>
      </c>
      <c r="E70679" s="15">
        <v>45610</v>
      </c>
      <c r="F70679" s="14" t="s">
        <v>15</v>
      </c>
      <c r="G70679" s="16">
        <v>0</v>
      </c>
    </row>
    <row r="70680" spans="1:7" x14ac:dyDescent="0.3">
      <c r="A70680" s="13" t="s">
        <v>365</v>
      </c>
      <c r="B70680" s="14" t="s">
        <v>1</v>
      </c>
      <c r="C70680" s="14" t="s">
        <v>17</v>
      </c>
      <c r="D70680" s="14" t="s">
        <v>366</v>
      </c>
      <c r="E70680" s="15">
        <v>45611</v>
      </c>
      <c r="F70680" s="14" t="s">
        <v>15</v>
      </c>
      <c r="G70680" s="16">
        <v>0</v>
      </c>
    </row>
    <row r="70681" spans="1:7" x14ac:dyDescent="0.3">
      <c r="A70681" s="13" t="s">
        <v>365</v>
      </c>
      <c r="B70681" s="14" t="s">
        <v>1</v>
      </c>
      <c r="C70681" s="14" t="s">
        <v>17</v>
      </c>
      <c r="D70681" s="14" t="s">
        <v>366</v>
      </c>
      <c r="E70681" s="15">
        <v>45612</v>
      </c>
      <c r="F70681" s="14" t="s">
        <v>15</v>
      </c>
      <c r="G70681" s="16">
        <v>0</v>
      </c>
    </row>
    <row r="70682" spans="1:7" x14ac:dyDescent="0.3">
      <c r="A70682" s="13" t="s">
        <v>365</v>
      </c>
      <c r="B70682" s="14" t="s">
        <v>1</v>
      </c>
      <c r="C70682" s="14" t="s">
        <v>17</v>
      </c>
      <c r="D70682" s="14" t="s">
        <v>366</v>
      </c>
      <c r="E70682" s="15">
        <v>45613</v>
      </c>
      <c r="F70682" s="14" t="s">
        <v>15</v>
      </c>
      <c r="G70682" s="16">
        <v>0</v>
      </c>
    </row>
    <row r="70683" spans="1:7" x14ac:dyDescent="0.3">
      <c r="A70683" s="13" t="s">
        <v>365</v>
      </c>
      <c r="B70683" s="14" t="s">
        <v>1</v>
      </c>
      <c r="C70683" s="14" t="s">
        <v>17</v>
      </c>
      <c r="D70683" s="14" t="s">
        <v>366</v>
      </c>
      <c r="E70683" s="15">
        <v>45614</v>
      </c>
      <c r="F70683" s="14" t="s">
        <v>15</v>
      </c>
      <c r="G70683" s="16">
        <v>0</v>
      </c>
    </row>
    <row r="70684" spans="1:7" x14ac:dyDescent="0.3">
      <c r="A70684" s="13" t="s">
        <v>365</v>
      </c>
      <c r="B70684" s="14" t="s">
        <v>1</v>
      </c>
      <c r="C70684" s="14" t="s">
        <v>17</v>
      </c>
      <c r="D70684" s="14" t="s">
        <v>366</v>
      </c>
      <c r="E70684" s="15">
        <v>45615</v>
      </c>
      <c r="F70684" s="14" t="s">
        <v>15</v>
      </c>
      <c r="G70684" s="16">
        <v>0</v>
      </c>
    </row>
    <row r="70685" spans="1:7" x14ac:dyDescent="0.3">
      <c r="A70685" s="13" t="s">
        <v>365</v>
      </c>
      <c r="B70685" s="14" t="s">
        <v>1</v>
      </c>
      <c r="C70685" s="14" t="s">
        <v>17</v>
      </c>
      <c r="D70685" s="14" t="s">
        <v>366</v>
      </c>
      <c r="E70685" s="15">
        <v>45616</v>
      </c>
      <c r="F70685" s="14" t="s">
        <v>15</v>
      </c>
      <c r="G70685" s="16">
        <v>0</v>
      </c>
    </row>
    <row r="70686" spans="1:7" x14ac:dyDescent="0.3">
      <c r="A70686" s="13" t="s">
        <v>365</v>
      </c>
      <c r="B70686" s="14" t="s">
        <v>1</v>
      </c>
      <c r="C70686" s="14" t="s">
        <v>17</v>
      </c>
      <c r="D70686" s="14" t="s">
        <v>366</v>
      </c>
      <c r="E70686" s="15">
        <v>45617</v>
      </c>
      <c r="F70686" s="14" t="s">
        <v>15</v>
      </c>
      <c r="G70686" s="16">
        <v>0</v>
      </c>
    </row>
    <row r="70687" spans="1:7" x14ac:dyDescent="0.3">
      <c r="A70687" s="13" t="s">
        <v>365</v>
      </c>
      <c r="B70687" s="14" t="s">
        <v>1</v>
      </c>
      <c r="C70687" s="14" t="s">
        <v>17</v>
      </c>
      <c r="D70687" s="14" t="s">
        <v>366</v>
      </c>
      <c r="E70687" s="15">
        <v>45618</v>
      </c>
      <c r="F70687" s="14" t="s">
        <v>15</v>
      </c>
      <c r="G70687" s="16">
        <v>0</v>
      </c>
    </row>
    <row r="70688" spans="1:7" x14ac:dyDescent="0.3">
      <c r="A70688" s="13" t="s">
        <v>365</v>
      </c>
      <c r="B70688" s="14" t="s">
        <v>1</v>
      </c>
      <c r="C70688" s="14" t="s">
        <v>17</v>
      </c>
      <c r="D70688" s="14" t="s">
        <v>366</v>
      </c>
      <c r="E70688" s="15">
        <v>45619</v>
      </c>
      <c r="F70688" s="14" t="s">
        <v>15</v>
      </c>
      <c r="G70688" s="16">
        <v>0</v>
      </c>
    </row>
    <row r="70689" spans="1:7" x14ac:dyDescent="0.3">
      <c r="A70689" s="13" t="s">
        <v>365</v>
      </c>
      <c r="B70689" s="14" t="s">
        <v>1</v>
      </c>
      <c r="C70689" s="14" t="s">
        <v>17</v>
      </c>
      <c r="D70689" s="14" t="s">
        <v>366</v>
      </c>
      <c r="E70689" s="15">
        <v>45620</v>
      </c>
      <c r="F70689" s="14" t="s">
        <v>15</v>
      </c>
      <c r="G70689" s="16">
        <v>0</v>
      </c>
    </row>
    <row r="70690" spans="1:7" x14ac:dyDescent="0.3">
      <c r="A70690" s="13" t="s">
        <v>365</v>
      </c>
      <c r="B70690" s="14" t="s">
        <v>1</v>
      </c>
      <c r="C70690" s="14" t="s">
        <v>17</v>
      </c>
      <c r="D70690" s="14" t="s">
        <v>366</v>
      </c>
      <c r="E70690" s="15">
        <v>45621</v>
      </c>
      <c r="F70690" s="14" t="s">
        <v>15</v>
      </c>
      <c r="G70690" s="16">
        <v>0</v>
      </c>
    </row>
    <row r="70691" spans="1:7" x14ac:dyDescent="0.3">
      <c r="A70691" s="13" t="s">
        <v>365</v>
      </c>
      <c r="B70691" s="14" t="s">
        <v>1</v>
      </c>
      <c r="C70691" s="14" t="s">
        <v>17</v>
      </c>
      <c r="D70691" s="14" t="s">
        <v>366</v>
      </c>
      <c r="E70691" s="15">
        <v>45622</v>
      </c>
      <c r="F70691" s="14" t="s">
        <v>15</v>
      </c>
      <c r="G70691" s="16">
        <v>0</v>
      </c>
    </row>
    <row r="70692" spans="1:7" x14ac:dyDescent="0.3">
      <c r="A70692" s="13" t="s">
        <v>365</v>
      </c>
      <c r="B70692" s="14" t="s">
        <v>1</v>
      </c>
      <c r="C70692" s="14" t="s">
        <v>17</v>
      </c>
      <c r="D70692" s="14" t="s">
        <v>366</v>
      </c>
      <c r="E70692" s="15">
        <v>45623</v>
      </c>
      <c r="F70692" s="14" t="s">
        <v>15</v>
      </c>
      <c r="G70692" s="16">
        <v>0</v>
      </c>
    </row>
    <row r="70693" spans="1:7" x14ac:dyDescent="0.3">
      <c r="A70693" s="13" t="s">
        <v>365</v>
      </c>
      <c r="B70693" s="14" t="s">
        <v>1</v>
      </c>
      <c r="C70693" s="14" t="s">
        <v>17</v>
      </c>
      <c r="D70693" s="14" t="s">
        <v>366</v>
      </c>
      <c r="E70693" s="15">
        <v>45624</v>
      </c>
      <c r="F70693" s="14" t="s">
        <v>15</v>
      </c>
      <c r="G70693" s="16">
        <v>0</v>
      </c>
    </row>
    <row r="70694" spans="1:7" x14ac:dyDescent="0.3">
      <c r="A70694" s="13" t="s">
        <v>365</v>
      </c>
      <c r="B70694" s="14" t="s">
        <v>1</v>
      </c>
      <c r="C70694" s="14" t="s">
        <v>17</v>
      </c>
      <c r="D70694" s="14" t="s">
        <v>366</v>
      </c>
      <c r="E70694" s="15">
        <v>45625</v>
      </c>
      <c r="F70694" s="14" t="s">
        <v>15</v>
      </c>
      <c r="G70694" s="16">
        <v>0</v>
      </c>
    </row>
    <row r="70695" spans="1:7" x14ac:dyDescent="0.3">
      <c r="A70695" s="13" t="s">
        <v>365</v>
      </c>
      <c r="B70695" s="14" t="s">
        <v>1</v>
      </c>
      <c r="C70695" s="14" t="s">
        <v>17</v>
      </c>
      <c r="D70695" s="14" t="s">
        <v>366</v>
      </c>
      <c r="E70695" s="15">
        <v>45626</v>
      </c>
      <c r="F70695" s="14" t="s">
        <v>15</v>
      </c>
      <c r="G70695" s="16">
        <v>0</v>
      </c>
    </row>
    <row r="70696" spans="1:7" x14ac:dyDescent="0.3">
      <c r="A70696" s="13" t="s">
        <v>365</v>
      </c>
      <c r="B70696" s="14" t="s">
        <v>1</v>
      </c>
      <c r="C70696" s="14" t="s">
        <v>17</v>
      </c>
      <c r="D70696" s="14" t="s">
        <v>366</v>
      </c>
      <c r="E70696" s="15">
        <v>45627</v>
      </c>
      <c r="F70696" s="14" t="s">
        <v>15</v>
      </c>
      <c r="G70696" s="16">
        <v>0</v>
      </c>
    </row>
    <row r="70697" spans="1:7" x14ac:dyDescent="0.3">
      <c r="A70697" s="13" t="s">
        <v>365</v>
      </c>
      <c r="B70697" s="14" t="s">
        <v>1</v>
      </c>
      <c r="C70697" s="14" t="s">
        <v>17</v>
      </c>
      <c r="D70697" s="14" t="s">
        <v>366</v>
      </c>
      <c r="E70697" s="15">
        <v>45628</v>
      </c>
      <c r="F70697" s="14" t="s">
        <v>15</v>
      </c>
      <c r="G70697" s="16">
        <v>0</v>
      </c>
    </row>
    <row r="70698" spans="1:7" x14ac:dyDescent="0.3">
      <c r="A70698" s="13" t="s">
        <v>365</v>
      </c>
      <c r="B70698" s="14" t="s">
        <v>1</v>
      </c>
      <c r="C70698" s="14" t="s">
        <v>17</v>
      </c>
      <c r="D70698" s="14" t="s">
        <v>366</v>
      </c>
      <c r="E70698" s="15">
        <v>45629</v>
      </c>
      <c r="F70698" s="14" t="s">
        <v>15</v>
      </c>
      <c r="G70698" s="16">
        <v>0</v>
      </c>
    </row>
    <row r="70699" spans="1:7" x14ac:dyDescent="0.3">
      <c r="A70699" s="13" t="s">
        <v>365</v>
      </c>
      <c r="B70699" s="14" t="s">
        <v>1</v>
      </c>
      <c r="C70699" s="14" t="s">
        <v>17</v>
      </c>
      <c r="D70699" s="14" t="s">
        <v>366</v>
      </c>
      <c r="E70699" s="15">
        <v>45630</v>
      </c>
      <c r="F70699" s="14" t="s">
        <v>15</v>
      </c>
      <c r="G70699" s="16">
        <v>0</v>
      </c>
    </row>
    <row r="70700" spans="1:7" x14ac:dyDescent="0.3">
      <c r="A70700" s="13" t="s">
        <v>365</v>
      </c>
      <c r="B70700" s="14" t="s">
        <v>1</v>
      </c>
      <c r="C70700" s="14" t="s">
        <v>17</v>
      </c>
      <c r="D70700" s="14" t="s">
        <v>366</v>
      </c>
      <c r="E70700" s="15">
        <v>45631</v>
      </c>
      <c r="F70700" s="14" t="s">
        <v>15</v>
      </c>
      <c r="G70700" s="16">
        <v>0</v>
      </c>
    </row>
    <row r="70701" spans="1:7" x14ac:dyDescent="0.3">
      <c r="A70701" s="13" t="s">
        <v>365</v>
      </c>
      <c r="B70701" s="14" t="s">
        <v>1</v>
      </c>
      <c r="C70701" s="14" t="s">
        <v>17</v>
      </c>
      <c r="D70701" s="14" t="s">
        <v>366</v>
      </c>
      <c r="E70701" s="15">
        <v>45632</v>
      </c>
      <c r="F70701" s="14" t="s">
        <v>15</v>
      </c>
      <c r="G70701" s="16">
        <v>0</v>
      </c>
    </row>
    <row r="70702" spans="1:7" x14ac:dyDescent="0.3">
      <c r="A70702" s="13" t="s">
        <v>365</v>
      </c>
      <c r="B70702" s="14" t="s">
        <v>1</v>
      </c>
      <c r="C70702" s="14" t="s">
        <v>17</v>
      </c>
      <c r="D70702" s="14" t="s">
        <v>366</v>
      </c>
      <c r="E70702" s="15">
        <v>45633</v>
      </c>
      <c r="F70702" s="14" t="s">
        <v>15</v>
      </c>
      <c r="G70702" s="16">
        <v>0</v>
      </c>
    </row>
    <row r="70703" spans="1:7" x14ac:dyDescent="0.3">
      <c r="A70703" s="13" t="s">
        <v>365</v>
      </c>
      <c r="B70703" s="14" t="s">
        <v>1</v>
      </c>
      <c r="C70703" s="14" t="s">
        <v>17</v>
      </c>
      <c r="D70703" s="14" t="s">
        <v>366</v>
      </c>
      <c r="E70703" s="15">
        <v>45634</v>
      </c>
      <c r="F70703" s="14" t="s">
        <v>15</v>
      </c>
      <c r="G70703" s="16">
        <v>0</v>
      </c>
    </row>
    <row r="70704" spans="1:7" x14ac:dyDescent="0.3">
      <c r="A70704" s="13" t="s">
        <v>365</v>
      </c>
      <c r="B70704" s="14" t="s">
        <v>1</v>
      </c>
      <c r="C70704" s="14" t="s">
        <v>17</v>
      </c>
      <c r="D70704" s="14" t="s">
        <v>366</v>
      </c>
      <c r="E70704" s="15">
        <v>45635</v>
      </c>
      <c r="F70704" s="14" t="s">
        <v>15</v>
      </c>
      <c r="G70704" s="16">
        <v>0</v>
      </c>
    </row>
    <row r="70705" spans="1:7" x14ac:dyDescent="0.3">
      <c r="A70705" s="13" t="s">
        <v>365</v>
      </c>
      <c r="B70705" s="14" t="s">
        <v>1</v>
      </c>
      <c r="C70705" s="14" t="s">
        <v>17</v>
      </c>
      <c r="D70705" s="14" t="s">
        <v>366</v>
      </c>
      <c r="E70705" s="15">
        <v>45636</v>
      </c>
      <c r="F70705" s="14" t="s">
        <v>15</v>
      </c>
      <c r="G70705" s="16">
        <v>0</v>
      </c>
    </row>
    <row r="70706" spans="1:7" x14ac:dyDescent="0.3">
      <c r="A70706" s="13" t="s">
        <v>365</v>
      </c>
      <c r="B70706" s="14" t="s">
        <v>1</v>
      </c>
      <c r="C70706" s="14" t="s">
        <v>17</v>
      </c>
      <c r="D70706" s="14" t="s">
        <v>366</v>
      </c>
      <c r="E70706" s="15">
        <v>45637</v>
      </c>
      <c r="F70706" s="14" t="s">
        <v>15</v>
      </c>
      <c r="G70706" s="16">
        <v>0</v>
      </c>
    </row>
    <row r="70707" spans="1:7" x14ac:dyDescent="0.3">
      <c r="A70707" s="13" t="s">
        <v>365</v>
      </c>
      <c r="B70707" s="14" t="s">
        <v>1</v>
      </c>
      <c r="C70707" s="14" t="s">
        <v>17</v>
      </c>
      <c r="D70707" s="14" t="s">
        <v>366</v>
      </c>
      <c r="E70707" s="15">
        <v>45638</v>
      </c>
      <c r="F70707" s="14" t="s">
        <v>15</v>
      </c>
      <c r="G70707" s="16">
        <v>0</v>
      </c>
    </row>
    <row r="70708" spans="1:7" x14ac:dyDescent="0.3">
      <c r="A70708" s="13" t="s">
        <v>365</v>
      </c>
      <c r="B70708" s="14" t="s">
        <v>1</v>
      </c>
      <c r="C70708" s="14" t="s">
        <v>17</v>
      </c>
      <c r="D70708" s="14" t="s">
        <v>366</v>
      </c>
      <c r="E70708" s="15">
        <v>45639</v>
      </c>
      <c r="F70708" s="14" t="s">
        <v>15</v>
      </c>
      <c r="G70708" s="16">
        <v>0</v>
      </c>
    </row>
    <row r="70709" spans="1:7" x14ac:dyDescent="0.3">
      <c r="A70709" s="13" t="s">
        <v>365</v>
      </c>
      <c r="B70709" s="14" t="s">
        <v>1</v>
      </c>
      <c r="C70709" s="14" t="s">
        <v>17</v>
      </c>
      <c r="D70709" s="14" t="s">
        <v>366</v>
      </c>
      <c r="E70709" s="15">
        <v>45640</v>
      </c>
      <c r="F70709" s="14" t="s">
        <v>15</v>
      </c>
      <c r="G70709" s="16">
        <v>0</v>
      </c>
    </row>
    <row r="70710" spans="1:7" x14ac:dyDescent="0.3">
      <c r="A70710" s="13" t="s">
        <v>365</v>
      </c>
      <c r="B70710" s="14" t="s">
        <v>1</v>
      </c>
      <c r="C70710" s="14" t="s">
        <v>17</v>
      </c>
      <c r="D70710" s="14" t="s">
        <v>366</v>
      </c>
      <c r="E70710" s="15">
        <v>45641</v>
      </c>
      <c r="F70710" s="14" t="s">
        <v>15</v>
      </c>
      <c r="G70710" s="16">
        <v>0</v>
      </c>
    </row>
    <row r="70711" spans="1:7" x14ac:dyDescent="0.3">
      <c r="A70711" s="13" t="s">
        <v>365</v>
      </c>
      <c r="B70711" s="14" t="s">
        <v>1</v>
      </c>
      <c r="C70711" s="14" t="s">
        <v>17</v>
      </c>
      <c r="D70711" s="14" t="s">
        <v>366</v>
      </c>
      <c r="E70711" s="15">
        <v>45642</v>
      </c>
      <c r="F70711" s="14" t="s">
        <v>15</v>
      </c>
      <c r="G70711" s="16">
        <v>0</v>
      </c>
    </row>
    <row r="70712" spans="1:7" x14ac:dyDescent="0.3">
      <c r="A70712" s="13" t="s">
        <v>365</v>
      </c>
      <c r="B70712" s="14" t="s">
        <v>1</v>
      </c>
      <c r="C70712" s="14" t="s">
        <v>17</v>
      </c>
      <c r="D70712" s="14" t="s">
        <v>366</v>
      </c>
      <c r="E70712" s="15">
        <v>45643</v>
      </c>
      <c r="F70712" s="14" t="s">
        <v>15</v>
      </c>
      <c r="G70712" s="16">
        <v>0</v>
      </c>
    </row>
    <row r="70713" spans="1:7" x14ac:dyDescent="0.3">
      <c r="A70713" s="13" t="s">
        <v>365</v>
      </c>
      <c r="B70713" s="14" t="s">
        <v>1</v>
      </c>
      <c r="C70713" s="14" t="s">
        <v>17</v>
      </c>
      <c r="D70713" s="14" t="s">
        <v>366</v>
      </c>
      <c r="E70713" s="15">
        <v>45644</v>
      </c>
      <c r="F70713" s="14" t="s">
        <v>15</v>
      </c>
      <c r="G70713" s="16">
        <v>0</v>
      </c>
    </row>
    <row r="70714" spans="1:7" x14ac:dyDescent="0.3">
      <c r="A70714" s="13" t="s">
        <v>365</v>
      </c>
      <c r="B70714" s="14" t="s">
        <v>1</v>
      </c>
      <c r="C70714" s="14" t="s">
        <v>17</v>
      </c>
      <c r="D70714" s="14" t="s">
        <v>366</v>
      </c>
      <c r="E70714" s="15">
        <v>45645</v>
      </c>
      <c r="F70714" s="14" t="s">
        <v>15</v>
      </c>
      <c r="G70714" s="16">
        <v>0</v>
      </c>
    </row>
    <row r="70715" spans="1:7" x14ac:dyDescent="0.3">
      <c r="A70715" s="13" t="s">
        <v>365</v>
      </c>
      <c r="B70715" s="14" t="s">
        <v>1</v>
      </c>
      <c r="C70715" s="14" t="s">
        <v>17</v>
      </c>
      <c r="D70715" s="14" t="s">
        <v>366</v>
      </c>
      <c r="E70715" s="15">
        <v>45646</v>
      </c>
      <c r="F70715" s="14" t="s">
        <v>15</v>
      </c>
      <c r="G70715" s="16">
        <v>0</v>
      </c>
    </row>
    <row r="70716" spans="1:7" x14ac:dyDescent="0.3">
      <c r="A70716" s="13" t="s">
        <v>365</v>
      </c>
      <c r="B70716" s="14" t="s">
        <v>1</v>
      </c>
      <c r="C70716" s="14" t="s">
        <v>17</v>
      </c>
      <c r="D70716" s="14" t="s">
        <v>366</v>
      </c>
      <c r="E70716" s="15">
        <v>45647</v>
      </c>
      <c r="F70716" s="14" t="s">
        <v>15</v>
      </c>
      <c r="G70716" s="16">
        <v>0</v>
      </c>
    </row>
    <row r="70717" spans="1:7" x14ac:dyDescent="0.3">
      <c r="A70717" s="13" t="s">
        <v>365</v>
      </c>
      <c r="B70717" s="14" t="s">
        <v>1</v>
      </c>
      <c r="C70717" s="14" t="s">
        <v>17</v>
      </c>
      <c r="D70717" s="14" t="s">
        <v>366</v>
      </c>
      <c r="E70717" s="15">
        <v>45648</v>
      </c>
      <c r="F70717" s="14" t="s">
        <v>15</v>
      </c>
      <c r="G70717" s="16">
        <v>0</v>
      </c>
    </row>
    <row r="70718" spans="1:7" x14ac:dyDescent="0.3">
      <c r="A70718" s="13" t="s">
        <v>365</v>
      </c>
      <c r="B70718" s="14" t="s">
        <v>1</v>
      </c>
      <c r="C70718" s="14" t="s">
        <v>17</v>
      </c>
      <c r="D70718" s="14" t="s">
        <v>366</v>
      </c>
      <c r="E70718" s="15">
        <v>45649</v>
      </c>
      <c r="F70718" s="14" t="s">
        <v>15</v>
      </c>
      <c r="G70718" s="16">
        <v>0</v>
      </c>
    </row>
    <row r="70719" spans="1:7" x14ac:dyDescent="0.3">
      <c r="A70719" s="13" t="s">
        <v>365</v>
      </c>
      <c r="B70719" s="14" t="s">
        <v>1</v>
      </c>
      <c r="C70719" s="14" t="s">
        <v>17</v>
      </c>
      <c r="D70719" s="14" t="s">
        <v>366</v>
      </c>
      <c r="E70719" s="15">
        <v>45650</v>
      </c>
      <c r="F70719" s="14" t="s">
        <v>15</v>
      </c>
      <c r="G70719" s="16">
        <v>0</v>
      </c>
    </row>
    <row r="70720" spans="1:7" x14ac:dyDescent="0.3">
      <c r="A70720" s="13" t="s">
        <v>365</v>
      </c>
      <c r="B70720" s="14" t="s">
        <v>1</v>
      </c>
      <c r="C70720" s="14" t="s">
        <v>17</v>
      </c>
      <c r="D70720" s="14" t="s">
        <v>366</v>
      </c>
      <c r="E70720" s="15">
        <v>45651</v>
      </c>
      <c r="F70720" s="14" t="s">
        <v>15</v>
      </c>
      <c r="G70720" s="16">
        <v>0</v>
      </c>
    </row>
    <row r="70721" spans="1:7" x14ac:dyDescent="0.3">
      <c r="A70721" s="13" t="s">
        <v>365</v>
      </c>
      <c r="B70721" s="14" t="s">
        <v>1</v>
      </c>
      <c r="C70721" s="14" t="s">
        <v>17</v>
      </c>
      <c r="D70721" s="14" t="s">
        <v>366</v>
      </c>
      <c r="E70721" s="15">
        <v>45652</v>
      </c>
      <c r="F70721" s="14" t="s">
        <v>15</v>
      </c>
      <c r="G70721" s="16">
        <v>0</v>
      </c>
    </row>
    <row r="70722" spans="1:7" x14ac:dyDescent="0.3">
      <c r="A70722" s="13" t="s">
        <v>365</v>
      </c>
      <c r="B70722" s="14" t="s">
        <v>1</v>
      </c>
      <c r="C70722" s="14" t="s">
        <v>17</v>
      </c>
      <c r="D70722" s="14" t="s">
        <v>366</v>
      </c>
      <c r="E70722" s="15">
        <v>45653</v>
      </c>
      <c r="F70722" s="14" t="s">
        <v>15</v>
      </c>
      <c r="G70722" s="16">
        <v>0</v>
      </c>
    </row>
    <row r="70723" spans="1:7" x14ac:dyDescent="0.3">
      <c r="A70723" s="13" t="s">
        <v>365</v>
      </c>
      <c r="B70723" s="14" t="s">
        <v>1</v>
      </c>
      <c r="C70723" s="14" t="s">
        <v>17</v>
      </c>
      <c r="D70723" s="14" t="s">
        <v>366</v>
      </c>
      <c r="E70723" s="15">
        <v>45654</v>
      </c>
      <c r="F70723" s="14" t="s">
        <v>15</v>
      </c>
      <c r="G70723" s="16">
        <v>0</v>
      </c>
    </row>
    <row r="70724" spans="1:7" x14ac:dyDescent="0.3">
      <c r="A70724" s="13" t="s">
        <v>365</v>
      </c>
      <c r="B70724" s="14" t="s">
        <v>1</v>
      </c>
      <c r="C70724" s="14" t="s">
        <v>17</v>
      </c>
      <c r="D70724" s="14" t="s">
        <v>366</v>
      </c>
      <c r="E70724" s="15">
        <v>45655</v>
      </c>
      <c r="F70724" s="14" t="s">
        <v>15</v>
      </c>
      <c r="G70724" s="16">
        <v>0</v>
      </c>
    </row>
    <row r="70725" spans="1:7" x14ac:dyDescent="0.3">
      <c r="A70725" s="13" t="s">
        <v>365</v>
      </c>
      <c r="B70725" s="14" t="s">
        <v>1</v>
      </c>
      <c r="C70725" s="14" t="s">
        <v>17</v>
      </c>
      <c r="D70725" s="14" t="s">
        <v>366</v>
      </c>
      <c r="E70725" s="15">
        <v>45656</v>
      </c>
      <c r="F70725" s="14" t="s">
        <v>15</v>
      </c>
      <c r="G70725" s="16">
        <v>0</v>
      </c>
    </row>
    <row r="70726" spans="1:7" x14ac:dyDescent="0.3">
      <c r="A70726" s="13" t="s">
        <v>365</v>
      </c>
      <c r="B70726" s="14" t="s">
        <v>1</v>
      </c>
      <c r="C70726" s="14" t="s">
        <v>17</v>
      </c>
      <c r="D70726" s="14" t="s">
        <v>366</v>
      </c>
      <c r="E70726" s="15">
        <v>45657</v>
      </c>
      <c r="F70726" s="14" t="s">
        <v>15</v>
      </c>
      <c r="G70726" s="16">
        <v>0</v>
      </c>
    </row>
    <row r="70727" spans="1:7" x14ac:dyDescent="0.3">
      <c r="A70727" s="13" t="s">
        <v>365</v>
      </c>
      <c r="B70727" s="14" t="s">
        <v>1</v>
      </c>
      <c r="C70727" s="14" t="s">
        <v>17</v>
      </c>
      <c r="D70727" s="14" t="s">
        <v>366</v>
      </c>
      <c r="E70727" s="15">
        <v>45658</v>
      </c>
      <c r="F70727" s="14" t="s">
        <v>15</v>
      </c>
      <c r="G70727" s="16">
        <v>0</v>
      </c>
    </row>
    <row r="70728" spans="1:7" x14ac:dyDescent="0.3">
      <c r="A70728" s="13" t="s">
        <v>365</v>
      </c>
      <c r="B70728" s="14" t="s">
        <v>1</v>
      </c>
      <c r="C70728" s="14" t="s">
        <v>17</v>
      </c>
      <c r="D70728" s="14" t="s">
        <v>366</v>
      </c>
      <c r="E70728" s="15">
        <v>45659</v>
      </c>
      <c r="F70728" s="14" t="s">
        <v>15</v>
      </c>
      <c r="G70728" s="16">
        <v>0</v>
      </c>
    </row>
    <row r="70729" spans="1:7" x14ac:dyDescent="0.3">
      <c r="A70729" s="13" t="s">
        <v>365</v>
      </c>
      <c r="B70729" s="14" t="s">
        <v>1</v>
      </c>
      <c r="C70729" s="14" t="s">
        <v>17</v>
      </c>
      <c r="D70729" s="14" t="s">
        <v>366</v>
      </c>
      <c r="E70729" s="15">
        <v>45660</v>
      </c>
      <c r="F70729" s="14" t="s">
        <v>15</v>
      </c>
      <c r="G70729" s="16">
        <v>0</v>
      </c>
    </row>
    <row r="70730" spans="1:7" x14ac:dyDescent="0.3">
      <c r="A70730" s="13" t="s">
        <v>365</v>
      </c>
      <c r="B70730" s="14" t="s">
        <v>1</v>
      </c>
      <c r="C70730" s="14" t="s">
        <v>17</v>
      </c>
      <c r="D70730" s="14" t="s">
        <v>366</v>
      </c>
      <c r="E70730" s="15">
        <v>45661</v>
      </c>
      <c r="F70730" s="14" t="s">
        <v>15</v>
      </c>
      <c r="G70730" s="16">
        <v>0</v>
      </c>
    </row>
    <row r="70731" spans="1:7" x14ac:dyDescent="0.3">
      <c r="A70731" s="13" t="s">
        <v>365</v>
      </c>
      <c r="B70731" s="14" t="s">
        <v>1</v>
      </c>
      <c r="C70731" s="14" t="s">
        <v>17</v>
      </c>
      <c r="D70731" s="14" t="s">
        <v>366</v>
      </c>
      <c r="E70731" s="15">
        <v>45662</v>
      </c>
      <c r="F70731" s="14" t="s">
        <v>15</v>
      </c>
      <c r="G70731" s="16">
        <v>0</v>
      </c>
    </row>
    <row r="70732" spans="1:7" x14ac:dyDescent="0.3">
      <c r="A70732" s="13" t="s">
        <v>365</v>
      </c>
      <c r="B70732" s="14" t="s">
        <v>1</v>
      </c>
      <c r="C70732" s="14" t="s">
        <v>17</v>
      </c>
      <c r="D70732" s="14" t="s">
        <v>366</v>
      </c>
      <c r="E70732" s="15">
        <v>45663</v>
      </c>
      <c r="F70732" s="14" t="s">
        <v>15</v>
      </c>
      <c r="G70732" s="16">
        <v>0</v>
      </c>
    </row>
    <row r="70733" spans="1:7" x14ac:dyDescent="0.3">
      <c r="A70733" s="13" t="s">
        <v>365</v>
      </c>
      <c r="B70733" s="14" t="s">
        <v>1</v>
      </c>
      <c r="C70733" s="14" t="s">
        <v>17</v>
      </c>
      <c r="D70733" s="14" t="s">
        <v>366</v>
      </c>
      <c r="E70733" s="15">
        <v>45664</v>
      </c>
      <c r="F70733" s="14" t="s">
        <v>15</v>
      </c>
      <c r="G70733" s="16">
        <v>0</v>
      </c>
    </row>
    <row r="70734" spans="1:7" x14ac:dyDescent="0.3">
      <c r="A70734" s="13" t="s">
        <v>365</v>
      </c>
      <c r="B70734" s="14" t="s">
        <v>1</v>
      </c>
      <c r="C70734" s="14" t="s">
        <v>17</v>
      </c>
      <c r="D70734" s="14" t="s">
        <v>366</v>
      </c>
      <c r="E70734" s="15">
        <v>45665</v>
      </c>
      <c r="F70734" s="14" t="s">
        <v>15</v>
      </c>
      <c r="G70734" s="16">
        <v>0</v>
      </c>
    </row>
    <row r="70735" spans="1:7" x14ac:dyDescent="0.3">
      <c r="A70735" s="13" t="s">
        <v>365</v>
      </c>
      <c r="B70735" s="14" t="s">
        <v>1</v>
      </c>
      <c r="C70735" s="14" t="s">
        <v>17</v>
      </c>
      <c r="D70735" s="14" t="s">
        <v>366</v>
      </c>
      <c r="E70735" s="15">
        <v>45666</v>
      </c>
      <c r="F70735" s="14" t="s">
        <v>15</v>
      </c>
      <c r="G70735" s="16">
        <v>0</v>
      </c>
    </row>
    <row r="70736" spans="1:7" x14ac:dyDescent="0.3">
      <c r="A70736" s="13" t="s">
        <v>365</v>
      </c>
      <c r="B70736" s="14" t="s">
        <v>1</v>
      </c>
      <c r="C70736" s="14" t="s">
        <v>17</v>
      </c>
      <c r="D70736" s="14" t="s">
        <v>366</v>
      </c>
      <c r="E70736" s="15">
        <v>45667</v>
      </c>
      <c r="F70736" s="14" t="s">
        <v>15</v>
      </c>
      <c r="G70736" s="16">
        <v>0</v>
      </c>
    </row>
    <row r="70737" spans="1:7" x14ac:dyDescent="0.3">
      <c r="A70737" s="13" t="s">
        <v>365</v>
      </c>
      <c r="B70737" s="14" t="s">
        <v>1</v>
      </c>
      <c r="C70737" s="14" t="s">
        <v>17</v>
      </c>
      <c r="D70737" s="14" t="s">
        <v>366</v>
      </c>
      <c r="E70737" s="15">
        <v>45668</v>
      </c>
      <c r="F70737" s="14" t="s">
        <v>15</v>
      </c>
      <c r="G70737" s="16">
        <v>0</v>
      </c>
    </row>
    <row r="70738" spans="1:7" x14ac:dyDescent="0.3">
      <c r="A70738" s="13" t="s">
        <v>365</v>
      </c>
      <c r="B70738" s="14" t="s">
        <v>1</v>
      </c>
      <c r="C70738" s="14" t="s">
        <v>17</v>
      </c>
      <c r="D70738" s="14" t="s">
        <v>366</v>
      </c>
      <c r="E70738" s="15">
        <v>45669</v>
      </c>
      <c r="F70738" s="14" t="s">
        <v>15</v>
      </c>
      <c r="G70738" s="16">
        <v>0</v>
      </c>
    </row>
    <row r="70739" spans="1:7" x14ac:dyDescent="0.3">
      <c r="A70739" s="13" t="s">
        <v>365</v>
      </c>
      <c r="B70739" s="14" t="s">
        <v>1</v>
      </c>
      <c r="C70739" s="14" t="s">
        <v>17</v>
      </c>
      <c r="D70739" s="14" t="s">
        <v>366</v>
      </c>
      <c r="E70739" s="15">
        <v>45670</v>
      </c>
      <c r="F70739" s="14" t="s">
        <v>15</v>
      </c>
      <c r="G70739" s="16">
        <v>0</v>
      </c>
    </row>
    <row r="70740" spans="1:7" x14ac:dyDescent="0.3">
      <c r="A70740" s="13" t="s">
        <v>365</v>
      </c>
      <c r="B70740" s="14" t="s">
        <v>1</v>
      </c>
      <c r="C70740" s="14" t="s">
        <v>17</v>
      </c>
      <c r="D70740" s="14" t="s">
        <v>366</v>
      </c>
      <c r="E70740" s="15">
        <v>45671</v>
      </c>
      <c r="F70740" s="14" t="s">
        <v>15</v>
      </c>
      <c r="G70740" s="16">
        <v>0</v>
      </c>
    </row>
    <row r="70741" spans="1:7" x14ac:dyDescent="0.3">
      <c r="A70741" s="13" t="s">
        <v>365</v>
      </c>
      <c r="B70741" s="14" t="s">
        <v>1</v>
      </c>
      <c r="C70741" s="14" t="s">
        <v>17</v>
      </c>
      <c r="D70741" s="14" t="s">
        <v>366</v>
      </c>
      <c r="E70741" s="15">
        <v>45672</v>
      </c>
      <c r="F70741" s="14" t="s">
        <v>15</v>
      </c>
      <c r="G70741" s="16">
        <v>0</v>
      </c>
    </row>
    <row r="70742" spans="1:7" x14ac:dyDescent="0.3">
      <c r="A70742" s="13" t="s">
        <v>365</v>
      </c>
      <c r="B70742" s="14" t="s">
        <v>1</v>
      </c>
      <c r="C70742" s="14" t="s">
        <v>17</v>
      </c>
      <c r="D70742" s="14" t="s">
        <v>366</v>
      </c>
      <c r="E70742" s="15">
        <v>45673</v>
      </c>
      <c r="F70742" s="14" t="s">
        <v>15</v>
      </c>
      <c r="G70742" s="16">
        <v>0</v>
      </c>
    </row>
    <row r="70743" spans="1:7" x14ac:dyDescent="0.3">
      <c r="A70743" s="13" t="s">
        <v>365</v>
      </c>
      <c r="B70743" s="14" t="s">
        <v>1</v>
      </c>
      <c r="C70743" s="14" t="s">
        <v>17</v>
      </c>
      <c r="D70743" s="14" t="s">
        <v>366</v>
      </c>
      <c r="E70743" s="15">
        <v>45674</v>
      </c>
      <c r="F70743" s="14" t="s">
        <v>15</v>
      </c>
      <c r="G70743" s="16">
        <v>0</v>
      </c>
    </row>
    <row r="70744" spans="1:7" x14ac:dyDescent="0.3">
      <c r="A70744" s="13" t="s">
        <v>365</v>
      </c>
      <c r="B70744" s="14" t="s">
        <v>1</v>
      </c>
      <c r="C70744" s="14" t="s">
        <v>17</v>
      </c>
      <c r="D70744" s="14" t="s">
        <v>366</v>
      </c>
      <c r="E70744" s="15">
        <v>45675</v>
      </c>
      <c r="F70744" s="14" t="s">
        <v>15</v>
      </c>
      <c r="G70744" s="16">
        <v>0</v>
      </c>
    </row>
    <row r="70745" spans="1:7" x14ac:dyDescent="0.3">
      <c r="A70745" s="13" t="s">
        <v>365</v>
      </c>
      <c r="B70745" s="14" t="s">
        <v>1</v>
      </c>
      <c r="C70745" s="14" t="s">
        <v>17</v>
      </c>
      <c r="D70745" s="14" t="s">
        <v>366</v>
      </c>
      <c r="E70745" s="15">
        <v>45676</v>
      </c>
      <c r="F70745" s="14" t="s">
        <v>15</v>
      </c>
      <c r="G70745" s="16">
        <v>0</v>
      </c>
    </row>
    <row r="70746" spans="1:7" x14ac:dyDescent="0.3">
      <c r="A70746" s="13" t="s">
        <v>365</v>
      </c>
      <c r="B70746" s="14" t="s">
        <v>1</v>
      </c>
      <c r="C70746" s="14" t="s">
        <v>17</v>
      </c>
      <c r="D70746" s="14" t="s">
        <v>366</v>
      </c>
      <c r="E70746" s="15">
        <v>45677</v>
      </c>
      <c r="F70746" s="14" t="s">
        <v>15</v>
      </c>
      <c r="G70746" s="16">
        <v>0</v>
      </c>
    </row>
    <row r="70747" spans="1:7" x14ac:dyDescent="0.3">
      <c r="A70747" s="13" t="s">
        <v>365</v>
      </c>
      <c r="B70747" s="14" t="s">
        <v>1</v>
      </c>
      <c r="C70747" s="14" t="s">
        <v>17</v>
      </c>
      <c r="D70747" s="14" t="s">
        <v>366</v>
      </c>
      <c r="E70747" s="15">
        <v>45678</v>
      </c>
      <c r="F70747" s="14" t="s">
        <v>15</v>
      </c>
      <c r="G70747" s="16">
        <v>0</v>
      </c>
    </row>
    <row r="70748" spans="1:7" x14ac:dyDescent="0.3">
      <c r="A70748" s="13" t="s">
        <v>365</v>
      </c>
      <c r="B70748" s="14" t="s">
        <v>1</v>
      </c>
      <c r="C70748" s="14" t="s">
        <v>17</v>
      </c>
      <c r="D70748" s="14" t="s">
        <v>366</v>
      </c>
      <c r="E70748" s="15">
        <v>45679</v>
      </c>
      <c r="F70748" s="14" t="s">
        <v>15</v>
      </c>
      <c r="G70748" s="16">
        <v>0</v>
      </c>
    </row>
    <row r="70749" spans="1:7" x14ac:dyDescent="0.3">
      <c r="A70749" s="13" t="s">
        <v>365</v>
      </c>
      <c r="B70749" s="14" t="s">
        <v>1</v>
      </c>
      <c r="C70749" s="14" t="s">
        <v>17</v>
      </c>
      <c r="D70749" s="14" t="s">
        <v>366</v>
      </c>
      <c r="E70749" s="15">
        <v>45680</v>
      </c>
      <c r="F70749" s="14" t="s">
        <v>15</v>
      </c>
      <c r="G70749" s="16">
        <v>0</v>
      </c>
    </row>
    <row r="70750" spans="1:7" x14ac:dyDescent="0.3">
      <c r="A70750" s="13" t="s">
        <v>365</v>
      </c>
      <c r="B70750" s="14" t="s">
        <v>1</v>
      </c>
      <c r="C70750" s="14" t="s">
        <v>17</v>
      </c>
      <c r="D70750" s="14" t="s">
        <v>366</v>
      </c>
      <c r="E70750" s="15">
        <v>45681</v>
      </c>
      <c r="F70750" s="14" t="s">
        <v>15</v>
      </c>
      <c r="G70750" s="16">
        <v>0</v>
      </c>
    </row>
    <row r="70751" spans="1:7" x14ac:dyDescent="0.3">
      <c r="A70751" s="13" t="s">
        <v>365</v>
      </c>
      <c r="B70751" s="14" t="s">
        <v>1</v>
      </c>
      <c r="C70751" s="14" t="s">
        <v>17</v>
      </c>
      <c r="D70751" s="14" t="s">
        <v>366</v>
      </c>
      <c r="E70751" s="15">
        <v>45682</v>
      </c>
      <c r="F70751" s="14" t="s">
        <v>15</v>
      </c>
      <c r="G70751" s="16">
        <v>0</v>
      </c>
    </row>
    <row r="70752" spans="1:7" x14ac:dyDescent="0.3">
      <c r="A70752" s="13" t="s">
        <v>365</v>
      </c>
      <c r="B70752" s="14" t="s">
        <v>1</v>
      </c>
      <c r="C70752" s="14" t="s">
        <v>17</v>
      </c>
      <c r="D70752" s="14" t="s">
        <v>366</v>
      </c>
      <c r="E70752" s="15">
        <v>45683</v>
      </c>
      <c r="F70752" s="14" t="s">
        <v>15</v>
      </c>
      <c r="G70752" s="16">
        <v>0</v>
      </c>
    </row>
    <row r="70753" spans="1:7" x14ac:dyDescent="0.3">
      <c r="A70753" s="13" t="s">
        <v>365</v>
      </c>
      <c r="B70753" s="14" t="s">
        <v>1</v>
      </c>
      <c r="C70753" s="14" t="s">
        <v>17</v>
      </c>
      <c r="D70753" s="14" t="s">
        <v>366</v>
      </c>
      <c r="E70753" s="15">
        <v>45684</v>
      </c>
      <c r="F70753" s="14" t="s">
        <v>15</v>
      </c>
      <c r="G70753" s="16">
        <v>0</v>
      </c>
    </row>
    <row r="70754" spans="1:7" x14ac:dyDescent="0.3">
      <c r="A70754" s="13" t="s">
        <v>365</v>
      </c>
      <c r="B70754" s="14" t="s">
        <v>1</v>
      </c>
      <c r="C70754" s="14" t="s">
        <v>17</v>
      </c>
      <c r="D70754" s="14" t="s">
        <v>366</v>
      </c>
      <c r="E70754" s="15">
        <v>45685</v>
      </c>
      <c r="F70754" s="14" t="s">
        <v>15</v>
      </c>
      <c r="G70754" s="16">
        <v>0</v>
      </c>
    </row>
    <row r="70755" spans="1:7" x14ac:dyDescent="0.3">
      <c r="A70755" s="13" t="s">
        <v>365</v>
      </c>
      <c r="B70755" s="14" t="s">
        <v>1</v>
      </c>
      <c r="C70755" s="14" t="s">
        <v>17</v>
      </c>
      <c r="D70755" s="14" t="s">
        <v>366</v>
      </c>
      <c r="E70755" s="15">
        <v>45686</v>
      </c>
      <c r="F70755" s="14" t="s">
        <v>15</v>
      </c>
      <c r="G70755" s="16">
        <v>0</v>
      </c>
    </row>
    <row r="70756" spans="1:7" x14ac:dyDescent="0.3">
      <c r="A70756" s="13" t="s">
        <v>365</v>
      </c>
      <c r="B70756" s="14" t="s">
        <v>1</v>
      </c>
      <c r="C70756" s="14" t="s">
        <v>17</v>
      </c>
      <c r="D70756" s="14" t="s">
        <v>366</v>
      </c>
      <c r="E70756" s="15">
        <v>45687</v>
      </c>
      <c r="F70756" s="14" t="s">
        <v>15</v>
      </c>
      <c r="G70756" s="16">
        <v>0</v>
      </c>
    </row>
    <row r="70757" spans="1:7" x14ac:dyDescent="0.3">
      <c r="A70757" s="13" t="s">
        <v>365</v>
      </c>
      <c r="B70757" s="14" t="s">
        <v>1</v>
      </c>
      <c r="C70757" s="14" t="s">
        <v>17</v>
      </c>
      <c r="D70757" s="14" t="s">
        <v>366</v>
      </c>
      <c r="E70757" s="15">
        <v>45688</v>
      </c>
      <c r="F70757" s="14" t="s">
        <v>15</v>
      </c>
      <c r="G70757" s="16">
        <v>0</v>
      </c>
    </row>
    <row r="70758" spans="1:7" x14ac:dyDescent="0.3">
      <c r="A70758" s="13" t="s">
        <v>365</v>
      </c>
      <c r="B70758" s="14" t="s">
        <v>1</v>
      </c>
      <c r="C70758" s="14" t="s">
        <v>17</v>
      </c>
      <c r="D70758" s="14" t="s">
        <v>366</v>
      </c>
      <c r="E70758" s="15">
        <v>45689</v>
      </c>
      <c r="F70758" s="14" t="s">
        <v>15</v>
      </c>
      <c r="G70758" s="16">
        <v>0</v>
      </c>
    </row>
    <row r="70759" spans="1:7" x14ac:dyDescent="0.3">
      <c r="A70759" s="13" t="s">
        <v>365</v>
      </c>
      <c r="B70759" s="14" t="s">
        <v>1</v>
      </c>
      <c r="C70759" s="14" t="s">
        <v>17</v>
      </c>
      <c r="D70759" s="14" t="s">
        <v>366</v>
      </c>
      <c r="E70759" s="15">
        <v>45690</v>
      </c>
      <c r="F70759" s="14" t="s">
        <v>15</v>
      </c>
      <c r="G70759" s="16">
        <v>0</v>
      </c>
    </row>
    <row r="70760" spans="1:7" x14ac:dyDescent="0.3">
      <c r="A70760" s="13" t="s">
        <v>365</v>
      </c>
      <c r="B70760" s="14" t="s">
        <v>1</v>
      </c>
      <c r="C70760" s="14" t="s">
        <v>17</v>
      </c>
      <c r="D70760" s="14" t="s">
        <v>366</v>
      </c>
      <c r="E70760" s="15">
        <v>45691</v>
      </c>
      <c r="F70760" s="14" t="s">
        <v>15</v>
      </c>
      <c r="G70760" s="16">
        <v>0</v>
      </c>
    </row>
    <row r="70761" spans="1:7" x14ac:dyDescent="0.3">
      <c r="A70761" s="13" t="s">
        <v>365</v>
      </c>
      <c r="B70761" s="14" t="s">
        <v>1</v>
      </c>
      <c r="C70761" s="14" t="s">
        <v>17</v>
      </c>
      <c r="D70761" s="14" t="s">
        <v>366</v>
      </c>
      <c r="E70761" s="15">
        <v>45692</v>
      </c>
      <c r="F70761" s="14" t="s">
        <v>15</v>
      </c>
      <c r="G70761" s="16">
        <v>0</v>
      </c>
    </row>
    <row r="70762" spans="1:7" x14ac:dyDescent="0.3">
      <c r="A70762" s="13" t="s">
        <v>365</v>
      </c>
      <c r="B70762" s="14" t="s">
        <v>1</v>
      </c>
      <c r="C70762" s="14" t="s">
        <v>17</v>
      </c>
      <c r="D70762" s="14" t="s">
        <v>366</v>
      </c>
      <c r="E70762" s="15">
        <v>45693</v>
      </c>
      <c r="F70762" s="14" t="s">
        <v>15</v>
      </c>
      <c r="G70762" s="16">
        <v>0</v>
      </c>
    </row>
    <row r="70763" spans="1:7" x14ac:dyDescent="0.3">
      <c r="A70763" s="13" t="s">
        <v>365</v>
      </c>
      <c r="B70763" s="14" t="s">
        <v>1</v>
      </c>
      <c r="C70763" s="14" t="s">
        <v>17</v>
      </c>
      <c r="D70763" s="14" t="s">
        <v>366</v>
      </c>
      <c r="E70763" s="15">
        <v>45694</v>
      </c>
      <c r="F70763" s="14" t="s">
        <v>15</v>
      </c>
      <c r="G70763" s="16">
        <v>0</v>
      </c>
    </row>
    <row r="70764" spans="1:7" x14ac:dyDescent="0.3">
      <c r="A70764" s="13" t="s">
        <v>365</v>
      </c>
      <c r="B70764" s="14" t="s">
        <v>1</v>
      </c>
      <c r="C70764" s="14" t="s">
        <v>17</v>
      </c>
      <c r="D70764" s="14" t="s">
        <v>366</v>
      </c>
      <c r="E70764" s="15">
        <v>45695</v>
      </c>
      <c r="F70764" s="14" t="s">
        <v>15</v>
      </c>
      <c r="G70764" s="16">
        <v>0</v>
      </c>
    </row>
    <row r="70765" spans="1:7" x14ac:dyDescent="0.3">
      <c r="A70765" s="13" t="s">
        <v>365</v>
      </c>
      <c r="B70765" s="14" t="s">
        <v>1</v>
      </c>
      <c r="C70765" s="14" t="s">
        <v>17</v>
      </c>
      <c r="D70765" s="14" t="s">
        <v>366</v>
      </c>
      <c r="E70765" s="15">
        <v>45696</v>
      </c>
      <c r="F70765" s="14" t="s">
        <v>15</v>
      </c>
      <c r="G70765" s="16">
        <v>0</v>
      </c>
    </row>
    <row r="70766" spans="1:7" x14ac:dyDescent="0.3">
      <c r="A70766" s="13" t="s">
        <v>365</v>
      </c>
      <c r="B70766" s="14" t="s">
        <v>1</v>
      </c>
      <c r="C70766" s="14" t="s">
        <v>17</v>
      </c>
      <c r="D70766" s="14" t="s">
        <v>366</v>
      </c>
      <c r="E70766" s="15">
        <v>45697</v>
      </c>
      <c r="F70766" s="14" t="s">
        <v>15</v>
      </c>
      <c r="G70766" s="16">
        <v>0</v>
      </c>
    </row>
    <row r="70767" spans="1:7" x14ac:dyDescent="0.3">
      <c r="A70767" s="13" t="s">
        <v>365</v>
      </c>
      <c r="B70767" s="14" t="s">
        <v>1</v>
      </c>
      <c r="C70767" s="14" t="s">
        <v>17</v>
      </c>
      <c r="D70767" s="14" t="s">
        <v>366</v>
      </c>
      <c r="E70767" s="15">
        <v>45698</v>
      </c>
      <c r="F70767" s="14" t="s">
        <v>15</v>
      </c>
      <c r="G70767" s="16">
        <v>0</v>
      </c>
    </row>
    <row r="70768" spans="1:7" x14ac:dyDescent="0.3">
      <c r="A70768" s="13" t="s">
        <v>365</v>
      </c>
      <c r="B70768" s="14" t="s">
        <v>1</v>
      </c>
      <c r="C70768" s="14" t="s">
        <v>17</v>
      </c>
      <c r="D70768" s="14" t="s">
        <v>366</v>
      </c>
      <c r="E70768" s="15">
        <v>45699</v>
      </c>
      <c r="F70768" s="14" t="s">
        <v>15</v>
      </c>
      <c r="G70768" s="16">
        <v>0</v>
      </c>
    </row>
    <row r="70769" spans="1:7" x14ac:dyDescent="0.3">
      <c r="A70769" s="13" t="s">
        <v>365</v>
      </c>
      <c r="B70769" s="14" t="s">
        <v>1</v>
      </c>
      <c r="C70769" s="14" t="s">
        <v>17</v>
      </c>
      <c r="D70769" s="14" t="s">
        <v>366</v>
      </c>
      <c r="E70769" s="15">
        <v>45700</v>
      </c>
      <c r="F70769" s="14" t="s">
        <v>15</v>
      </c>
      <c r="G70769" s="16">
        <v>0</v>
      </c>
    </row>
    <row r="70770" spans="1:7" x14ac:dyDescent="0.3">
      <c r="A70770" s="13" t="s">
        <v>365</v>
      </c>
      <c r="B70770" s="14" t="s">
        <v>1</v>
      </c>
      <c r="C70770" s="14" t="s">
        <v>17</v>
      </c>
      <c r="D70770" s="14" t="s">
        <v>366</v>
      </c>
      <c r="E70770" s="15">
        <v>45701</v>
      </c>
      <c r="F70770" s="14" t="s">
        <v>15</v>
      </c>
      <c r="G70770" s="16">
        <v>0</v>
      </c>
    </row>
    <row r="70771" spans="1:7" x14ac:dyDescent="0.3">
      <c r="A70771" s="13" t="s">
        <v>365</v>
      </c>
      <c r="B70771" s="14" t="s">
        <v>1</v>
      </c>
      <c r="C70771" s="14" t="s">
        <v>17</v>
      </c>
      <c r="D70771" s="14" t="s">
        <v>366</v>
      </c>
      <c r="E70771" s="15">
        <v>45702</v>
      </c>
      <c r="F70771" s="14" t="s">
        <v>15</v>
      </c>
      <c r="G70771" s="16">
        <v>0</v>
      </c>
    </row>
    <row r="70772" spans="1:7" x14ac:dyDescent="0.3">
      <c r="A70772" s="13" t="s">
        <v>365</v>
      </c>
      <c r="B70772" s="14" t="s">
        <v>1</v>
      </c>
      <c r="C70772" s="14" t="s">
        <v>17</v>
      </c>
      <c r="D70772" s="14" t="s">
        <v>366</v>
      </c>
      <c r="E70772" s="15">
        <v>45703</v>
      </c>
      <c r="F70772" s="14" t="s">
        <v>15</v>
      </c>
      <c r="G70772" s="16">
        <v>0</v>
      </c>
    </row>
    <row r="70773" spans="1:7" x14ac:dyDescent="0.3">
      <c r="A70773" s="13" t="s">
        <v>365</v>
      </c>
      <c r="B70773" s="14" t="s">
        <v>1</v>
      </c>
      <c r="C70773" s="14" t="s">
        <v>17</v>
      </c>
      <c r="D70773" s="14" t="s">
        <v>366</v>
      </c>
      <c r="E70773" s="15">
        <v>45704</v>
      </c>
      <c r="F70773" s="14" t="s">
        <v>15</v>
      </c>
      <c r="G70773" s="16">
        <v>0</v>
      </c>
    </row>
    <row r="70774" spans="1:7" x14ac:dyDescent="0.3">
      <c r="A70774" s="13" t="s">
        <v>365</v>
      </c>
      <c r="B70774" s="14" t="s">
        <v>1</v>
      </c>
      <c r="C70774" s="14" t="s">
        <v>17</v>
      </c>
      <c r="D70774" s="14" t="s">
        <v>366</v>
      </c>
      <c r="E70774" s="15">
        <v>45705</v>
      </c>
      <c r="F70774" s="14" t="s">
        <v>15</v>
      </c>
      <c r="G70774" s="16">
        <v>0</v>
      </c>
    </row>
    <row r="70775" spans="1:7" x14ac:dyDescent="0.3">
      <c r="A70775" s="13" t="s">
        <v>365</v>
      </c>
      <c r="B70775" s="14" t="s">
        <v>1</v>
      </c>
      <c r="C70775" s="14" t="s">
        <v>17</v>
      </c>
      <c r="D70775" s="14" t="s">
        <v>366</v>
      </c>
      <c r="E70775" s="15">
        <v>45706</v>
      </c>
      <c r="F70775" s="14" t="s">
        <v>15</v>
      </c>
      <c r="G70775" s="16">
        <v>0</v>
      </c>
    </row>
    <row r="70776" spans="1:7" x14ac:dyDescent="0.3">
      <c r="A70776" s="13" t="s">
        <v>365</v>
      </c>
      <c r="B70776" s="14" t="s">
        <v>1</v>
      </c>
      <c r="C70776" s="14" t="s">
        <v>17</v>
      </c>
      <c r="D70776" s="14" t="s">
        <v>366</v>
      </c>
      <c r="E70776" s="15">
        <v>45707</v>
      </c>
      <c r="F70776" s="14" t="s">
        <v>15</v>
      </c>
      <c r="G70776" s="16">
        <v>0</v>
      </c>
    </row>
    <row r="70777" spans="1:7" x14ac:dyDescent="0.3">
      <c r="A70777" s="13" t="s">
        <v>365</v>
      </c>
      <c r="B70777" s="14" t="s">
        <v>1</v>
      </c>
      <c r="C70777" s="14" t="s">
        <v>17</v>
      </c>
      <c r="D70777" s="14" t="s">
        <v>366</v>
      </c>
      <c r="E70777" s="15">
        <v>45708</v>
      </c>
      <c r="F70777" s="14" t="s">
        <v>15</v>
      </c>
      <c r="G70777" s="16">
        <v>0</v>
      </c>
    </row>
    <row r="70778" spans="1:7" x14ac:dyDescent="0.3">
      <c r="A70778" s="13" t="s">
        <v>365</v>
      </c>
      <c r="B70778" s="14" t="s">
        <v>1</v>
      </c>
      <c r="C70778" s="14" t="s">
        <v>17</v>
      </c>
      <c r="D70778" s="14" t="s">
        <v>366</v>
      </c>
      <c r="E70778" s="15">
        <v>45709</v>
      </c>
      <c r="F70778" s="14" t="s">
        <v>15</v>
      </c>
      <c r="G70778" s="16">
        <v>0</v>
      </c>
    </row>
    <row r="70779" spans="1:7" x14ac:dyDescent="0.3">
      <c r="A70779" s="13" t="s">
        <v>365</v>
      </c>
      <c r="B70779" s="14" t="s">
        <v>1</v>
      </c>
      <c r="C70779" s="14" t="s">
        <v>17</v>
      </c>
      <c r="D70779" s="14" t="s">
        <v>366</v>
      </c>
      <c r="E70779" s="15">
        <v>45710</v>
      </c>
      <c r="F70779" s="14" t="s">
        <v>15</v>
      </c>
      <c r="G70779" s="16">
        <v>0</v>
      </c>
    </row>
    <row r="70780" spans="1:7" x14ac:dyDescent="0.3">
      <c r="A70780" s="13" t="s">
        <v>365</v>
      </c>
      <c r="B70780" s="14" t="s">
        <v>1</v>
      </c>
      <c r="C70780" s="14" t="s">
        <v>17</v>
      </c>
      <c r="D70780" s="14" t="s">
        <v>366</v>
      </c>
      <c r="E70780" s="15">
        <v>45711</v>
      </c>
      <c r="F70780" s="14" t="s">
        <v>15</v>
      </c>
      <c r="G70780" s="16">
        <v>0</v>
      </c>
    </row>
    <row r="70781" spans="1:7" x14ac:dyDescent="0.3">
      <c r="A70781" s="13" t="s">
        <v>365</v>
      </c>
      <c r="B70781" s="14" t="s">
        <v>1</v>
      </c>
      <c r="C70781" s="14" t="s">
        <v>17</v>
      </c>
      <c r="D70781" s="14" t="s">
        <v>366</v>
      </c>
      <c r="E70781" s="15">
        <v>45712</v>
      </c>
      <c r="F70781" s="14" t="s">
        <v>15</v>
      </c>
      <c r="G70781" s="16">
        <v>0</v>
      </c>
    </row>
    <row r="70782" spans="1:7" x14ac:dyDescent="0.3">
      <c r="A70782" s="13" t="s">
        <v>365</v>
      </c>
      <c r="B70782" s="14" t="s">
        <v>1</v>
      </c>
      <c r="C70782" s="14" t="s">
        <v>17</v>
      </c>
      <c r="D70782" s="14" t="s">
        <v>366</v>
      </c>
      <c r="E70782" s="15">
        <v>45713</v>
      </c>
      <c r="F70782" s="14" t="s">
        <v>15</v>
      </c>
      <c r="G70782" s="16">
        <v>0</v>
      </c>
    </row>
    <row r="70783" spans="1:7" x14ac:dyDescent="0.3">
      <c r="A70783" s="13" t="s">
        <v>365</v>
      </c>
      <c r="B70783" s="14" t="s">
        <v>1</v>
      </c>
      <c r="C70783" s="14" t="s">
        <v>17</v>
      </c>
      <c r="D70783" s="14" t="s">
        <v>366</v>
      </c>
      <c r="E70783" s="15">
        <v>45714</v>
      </c>
      <c r="F70783" s="14" t="s">
        <v>15</v>
      </c>
      <c r="G70783" s="16">
        <v>0</v>
      </c>
    </row>
    <row r="70784" spans="1:7" x14ac:dyDescent="0.3">
      <c r="A70784" s="13" t="s">
        <v>365</v>
      </c>
      <c r="B70784" s="14" t="s">
        <v>1</v>
      </c>
      <c r="C70784" s="14" t="s">
        <v>17</v>
      </c>
      <c r="D70784" s="14" t="s">
        <v>366</v>
      </c>
      <c r="E70784" s="15">
        <v>45715</v>
      </c>
      <c r="F70784" s="14" t="s">
        <v>15</v>
      </c>
      <c r="G70784" s="16">
        <v>0</v>
      </c>
    </row>
    <row r="70785" spans="1:7" x14ac:dyDescent="0.3">
      <c r="A70785" s="13" t="s">
        <v>365</v>
      </c>
      <c r="B70785" s="14" t="s">
        <v>1</v>
      </c>
      <c r="C70785" s="14" t="s">
        <v>17</v>
      </c>
      <c r="D70785" s="14" t="s">
        <v>366</v>
      </c>
      <c r="E70785" s="15">
        <v>45716</v>
      </c>
      <c r="F70785" s="14" t="s">
        <v>15</v>
      </c>
      <c r="G70785" s="16">
        <v>0</v>
      </c>
    </row>
    <row r="70786" spans="1:7" x14ac:dyDescent="0.3">
      <c r="A70786" s="13" t="s">
        <v>365</v>
      </c>
      <c r="B70786" s="14" t="s">
        <v>1</v>
      </c>
      <c r="C70786" s="14" t="s">
        <v>17</v>
      </c>
      <c r="D70786" s="14" t="s">
        <v>366</v>
      </c>
      <c r="E70786" s="15">
        <v>45717</v>
      </c>
      <c r="F70786" s="14" t="s">
        <v>15</v>
      </c>
      <c r="G70786" s="16">
        <v>0</v>
      </c>
    </row>
    <row r="70787" spans="1:7" x14ac:dyDescent="0.3">
      <c r="A70787" s="13" t="s">
        <v>365</v>
      </c>
      <c r="B70787" s="14" t="s">
        <v>1</v>
      </c>
      <c r="C70787" s="14" t="s">
        <v>17</v>
      </c>
      <c r="D70787" s="14" t="s">
        <v>366</v>
      </c>
      <c r="E70787" s="15">
        <v>45718</v>
      </c>
      <c r="F70787" s="14" t="s">
        <v>15</v>
      </c>
      <c r="G70787" s="16">
        <v>0</v>
      </c>
    </row>
    <row r="70788" spans="1:7" x14ac:dyDescent="0.3">
      <c r="A70788" s="13" t="s">
        <v>365</v>
      </c>
      <c r="B70788" s="14" t="s">
        <v>1</v>
      </c>
      <c r="C70788" s="14" t="s">
        <v>17</v>
      </c>
      <c r="D70788" s="14" t="s">
        <v>366</v>
      </c>
      <c r="E70788" s="15">
        <v>45719</v>
      </c>
      <c r="F70788" s="14" t="s">
        <v>15</v>
      </c>
      <c r="G70788" s="16">
        <v>0</v>
      </c>
    </row>
    <row r="70789" spans="1:7" x14ac:dyDescent="0.3">
      <c r="A70789" s="13" t="s">
        <v>365</v>
      </c>
      <c r="B70789" s="14" t="s">
        <v>1</v>
      </c>
      <c r="C70789" s="14" t="s">
        <v>17</v>
      </c>
      <c r="D70789" s="14" t="s">
        <v>366</v>
      </c>
      <c r="E70789" s="15">
        <v>45720</v>
      </c>
      <c r="F70789" s="14" t="s">
        <v>15</v>
      </c>
      <c r="G70789" s="16">
        <v>0</v>
      </c>
    </row>
    <row r="70790" spans="1:7" x14ac:dyDescent="0.3">
      <c r="A70790" s="13" t="s">
        <v>365</v>
      </c>
      <c r="B70790" s="14" t="s">
        <v>1</v>
      </c>
      <c r="C70790" s="14" t="s">
        <v>17</v>
      </c>
      <c r="D70790" s="14" t="s">
        <v>366</v>
      </c>
      <c r="E70790" s="15">
        <v>45721</v>
      </c>
      <c r="F70790" s="14" t="s">
        <v>15</v>
      </c>
      <c r="G70790" s="16">
        <v>0</v>
      </c>
    </row>
    <row r="70791" spans="1:7" x14ac:dyDescent="0.3">
      <c r="A70791" s="13" t="s">
        <v>365</v>
      </c>
      <c r="B70791" s="14" t="s">
        <v>1</v>
      </c>
      <c r="C70791" s="14" t="s">
        <v>17</v>
      </c>
      <c r="D70791" s="14" t="s">
        <v>366</v>
      </c>
      <c r="E70791" s="15">
        <v>45722</v>
      </c>
      <c r="F70791" s="14" t="s">
        <v>15</v>
      </c>
      <c r="G70791" s="16">
        <v>0</v>
      </c>
    </row>
    <row r="70792" spans="1:7" x14ac:dyDescent="0.3">
      <c r="A70792" s="13" t="s">
        <v>365</v>
      </c>
      <c r="B70792" s="14" t="s">
        <v>1</v>
      </c>
      <c r="C70792" s="14" t="s">
        <v>17</v>
      </c>
      <c r="D70792" s="14" t="s">
        <v>366</v>
      </c>
      <c r="E70792" s="15">
        <v>45723</v>
      </c>
      <c r="F70792" s="14" t="s">
        <v>15</v>
      </c>
      <c r="G70792" s="16">
        <v>0</v>
      </c>
    </row>
    <row r="70793" spans="1:7" x14ac:dyDescent="0.3">
      <c r="A70793" s="13" t="s">
        <v>365</v>
      </c>
      <c r="B70793" s="14" t="s">
        <v>1</v>
      </c>
      <c r="C70793" s="14" t="s">
        <v>17</v>
      </c>
      <c r="D70793" s="14" t="s">
        <v>366</v>
      </c>
      <c r="E70793" s="15">
        <v>45724</v>
      </c>
      <c r="F70793" s="14" t="s">
        <v>15</v>
      </c>
      <c r="G70793" s="16">
        <v>0</v>
      </c>
    </row>
    <row r="70794" spans="1:7" x14ac:dyDescent="0.3">
      <c r="A70794" s="13" t="s">
        <v>365</v>
      </c>
      <c r="B70794" s="14" t="s">
        <v>1</v>
      </c>
      <c r="C70794" s="14" t="s">
        <v>17</v>
      </c>
      <c r="D70794" s="14" t="s">
        <v>366</v>
      </c>
      <c r="E70794" s="15">
        <v>45725</v>
      </c>
      <c r="F70794" s="14" t="s">
        <v>15</v>
      </c>
      <c r="G70794" s="16">
        <v>0</v>
      </c>
    </row>
    <row r="70795" spans="1:7" x14ac:dyDescent="0.3">
      <c r="A70795" s="13" t="s">
        <v>365</v>
      </c>
      <c r="B70795" s="14" t="s">
        <v>1</v>
      </c>
      <c r="C70795" s="14" t="s">
        <v>17</v>
      </c>
      <c r="D70795" s="14" t="s">
        <v>366</v>
      </c>
      <c r="E70795" s="15">
        <v>45726</v>
      </c>
      <c r="F70795" s="14" t="s">
        <v>15</v>
      </c>
      <c r="G70795" s="16">
        <v>0</v>
      </c>
    </row>
    <row r="70796" spans="1:7" x14ac:dyDescent="0.3">
      <c r="A70796" s="13" t="s">
        <v>365</v>
      </c>
      <c r="B70796" s="14" t="s">
        <v>1</v>
      </c>
      <c r="C70796" s="14" t="s">
        <v>17</v>
      </c>
      <c r="D70796" s="14" t="s">
        <v>366</v>
      </c>
      <c r="E70796" s="15">
        <v>45727</v>
      </c>
      <c r="F70796" s="14" t="s">
        <v>15</v>
      </c>
      <c r="G70796" s="16">
        <v>0</v>
      </c>
    </row>
    <row r="70797" spans="1:7" x14ac:dyDescent="0.3">
      <c r="A70797" s="13" t="s">
        <v>365</v>
      </c>
      <c r="B70797" s="14" t="s">
        <v>1</v>
      </c>
      <c r="C70797" s="14" t="s">
        <v>17</v>
      </c>
      <c r="D70797" s="14" t="s">
        <v>366</v>
      </c>
      <c r="E70797" s="15">
        <v>45728</v>
      </c>
      <c r="F70797" s="14" t="s">
        <v>15</v>
      </c>
      <c r="G70797" s="16">
        <v>0</v>
      </c>
    </row>
    <row r="70798" spans="1:7" x14ac:dyDescent="0.3">
      <c r="A70798" s="13" t="s">
        <v>365</v>
      </c>
      <c r="B70798" s="14" t="s">
        <v>1</v>
      </c>
      <c r="C70798" s="14" t="s">
        <v>17</v>
      </c>
      <c r="D70798" s="14" t="s">
        <v>366</v>
      </c>
      <c r="E70798" s="15">
        <v>45729</v>
      </c>
      <c r="F70798" s="14" t="s">
        <v>15</v>
      </c>
      <c r="G70798" s="16">
        <v>0</v>
      </c>
    </row>
    <row r="70799" spans="1:7" x14ac:dyDescent="0.3">
      <c r="A70799" s="13" t="s">
        <v>365</v>
      </c>
      <c r="B70799" s="14" t="s">
        <v>1</v>
      </c>
      <c r="C70799" s="14" t="s">
        <v>17</v>
      </c>
      <c r="D70799" s="14" t="s">
        <v>366</v>
      </c>
      <c r="E70799" s="15">
        <v>45730</v>
      </c>
      <c r="F70799" s="14" t="s">
        <v>15</v>
      </c>
      <c r="G70799" s="16">
        <v>0</v>
      </c>
    </row>
    <row r="70800" spans="1:7" x14ac:dyDescent="0.3">
      <c r="A70800" s="13" t="s">
        <v>365</v>
      </c>
      <c r="B70800" s="14" t="s">
        <v>1</v>
      </c>
      <c r="C70800" s="14" t="s">
        <v>17</v>
      </c>
      <c r="D70800" s="14" t="s">
        <v>366</v>
      </c>
      <c r="E70800" s="15">
        <v>45731</v>
      </c>
      <c r="F70800" s="14" t="s">
        <v>15</v>
      </c>
      <c r="G70800" s="16">
        <v>0</v>
      </c>
    </row>
    <row r="70801" spans="1:7" x14ac:dyDescent="0.3">
      <c r="A70801" s="13" t="s">
        <v>365</v>
      </c>
      <c r="B70801" s="14" t="s">
        <v>1</v>
      </c>
      <c r="C70801" s="14" t="s">
        <v>17</v>
      </c>
      <c r="D70801" s="14" t="s">
        <v>366</v>
      </c>
      <c r="E70801" s="15">
        <v>45732</v>
      </c>
      <c r="F70801" s="14" t="s">
        <v>15</v>
      </c>
      <c r="G70801" s="16">
        <v>0</v>
      </c>
    </row>
    <row r="70802" spans="1:7" x14ac:dyDescent="0.3">
      <c r="A70802" s="13" t="s">
        <v>365</v>
      </c>
      <c r="B70802" s="14" t="s">
        <v>1</v>
      </c>
      <c r="C70802" s="14" t="s">
        <v>17</v>
      </c>
      <c r="D70802" s="14" t="s">
        <v>366</v>
      </c>
      <c r="E70802" s="15">
        <v>45733</v>
      </c>
      <c r="F70802" s="14" t="s">
        <v>15</v>
      </c>
      <c r="G70802" s="16">
        <v>0</v>
      </c>
    </row>
    <row r="70803" spans="1:7" x14ac:dyDescent="0.3">
      <c r="A70803" s="13" t="s">
        <v>365</v>
      </c>
      <c r="B70803" s="14" t="s">
        <v>1</v>
      </c>
      <c r="C70803" s="14" t="s">
        <v>17</v>
      </c>
      <c r="D70803" s="14" t="s">
        <v>366</v>
      </c>
      <c r="E70803" s="15">
        <v>45734</v>
      </c>
      <c r="F70803" s="14" t="s">
        <v>15</v>
      </c>
      <c r="G70803" s="16">
        <v>0</v>
      </c>
    </row>
    <row r="70804" spans="1:7" x14ac:dyDescent="0.3">
      <c r="A70804" s="13" t="s">
        <v>365</v>
      </c>
      <c r="B70804" s="14" t="s">
        <v>1</v>
      </c>
      <c r="C70804" s="14" t="s">
        <v>17</v>
      </c>
      <c r="D70804" s="14" t="s">
        <v>366</v>
      </c>
      <c r="E70804" s="15">
        <v>45735</v>
      </c>
      <c r="F70804" s="14" t="s">
        <v>15</v>
      </c>
      <c r="G70804" s="16">
        <v>0</v>
      </c>
    </row>
    <row r="70805" spans="1:7" x14ac:dyDescent="0.3">
      <c r="A70805" s="13" t="s">
        <v>365</v>
      </c>
      <c r="B70805" s="14" t="s">
        <v>1</v>
      </c>
      <c r="C70805" s="14" t="s">
        <v>17</v>
      </c>
      <c r="D70805" s="14" t="s">
        <v>366</v>
      </c>
      <c r="E70805" s="15">
        <v>45736</v>
      </c>
      <c r="F70805" s="14" t="s">
        <v>15</v>
      </c>
      <c r="G70805" s="16">
        <v>0</v>
      </c>
    </row>
    <row r="70806" spans="1:7" x14ac:dyDescent="0.3">
      <c r="A70806" s="13" t="s">
        <v>365</v>
      </c>
      <c r="B70806" s="14" t="s">
        <v>1</v>
      </c>
      <c r="C70806" s="14" t="s">
        <v>17</v>
      </c>
      <c r="D70806" s="14" t="s">
        <v>366</v>
      </c>
      <c r="E70806" s="15">
        <v>45737</v>
      </c>
      <c r="F70806" s="14" t="s">
        <v>15</v>
      </c>
      <c r="G70806" s="16">
        <v>0</v>
      </c>
    </row>
    <row r="70807" spans="1:7" x14ac:dyDescent="0.3">
      <c r="A70807" s="13" t="s">
        <v>365</v>
      </c>
      <c r="B70807" s="14" t="s">
        <v>1</v>
      </c>
      <c r="C70807" s="14" t="s">
        <v>17</v>
      </c>
      <c r="D70807" s="14" t="s">
        <v>366</v>
      </c>
      <c r="E70807" s="15">
        <v>45738</v>
      </c>
      <c r="F70807" s="14" t="s">
        <v>15</v>
      </c>
      <c r="G70807" s="16">
        <v>0</v>
      </c>
    </row>
    <row r="70808" spans="1:7" x14ac:dyDescent="0.3">
      <c r="A70808" s="13" t="s">
        <v>365</v>
      </c>
      <c r="B70808" s="14" t="s">
        <v>1</v>
      </c>
      <c r="C70808" s="14" t="s">
        <v>17</v>
      </c>
      <c r="D70808" s="14" t="s">
        <v>366</v>
      </c>
      <c r="E70808" s="15">
        <v>45739</v>
      </c>
      <c r="F70808" s="14" t="s">
        <v>15</v>
      </c>
      <c r="G70808" s="16">
        <v>0</v>
      </c>
    </row>
    <row r="70809" spans="1:7" x14ac:dyDescent="0.3">
      <c r="A70809" s="13" t="s">
        <v>365</v>
      </c>
      <c r="B70809" s="14" t="s">
        <v>1</v>
      </c>
      <c r="C70809" s="14" t="s">
        <v>17</v>
      </c>
      <c r="D70809" s="14" t="s">
        <v>366</v>
      </c>
      <c r="E70809" s="15">
        <v>45740</v>
      </c>
      <c r="F70809" s="14" t="s">
        <v>15</v>
      </c>
      <c r="G70809" s="16">
        <v>0</v>
      </c>
    </row>
    <row r="70810" spans="1:7" x14ac:dyDescent="0.3">
      <c r="A70810" s="13" t="s">
        <v>365</v>
      </c>
      <c r="B70810" s="14" t="s">
        <v>1</v>
      </c>
      <c r="C70810" s="14" t="s">
        <v>17</v>
      </c>
      <c r="D70810" s="14" t="s">
        <v>366</v>
      </c>
      <c r="E70810" s="15">
        <v>45741</v>
      </c>
      <c r="F70810" s="14" t="s">
        <v>15</v>
      </c>
      <c r="G70810" s="16">
        <v>0</v>
      </c>
    </row>
    <row r="70811" spans="1:7" x14ac:dyDescent="0.3">
      <c r="A70811" s="13" t="s">
        <v>365</v>
      </c>
      <c r="B70811" s="14" t="s">
        <v>1</v>
      </c>
      <c r="C70811" s="14" t="s">
        <v>17</v>
      </c>
      <c r="D70811" s="14" t="s">
        <v>366</v>
      </c>
      <c r="E70811" s="15">
        <v>45742</v>
      </c>
      <c r="F70811" s="14" t="s">
        <v>15</v>
      </c>
      <c r="G70811" s="16">
        <v>0</v>
      </c>
    </row>
    <row r="70812" spans="1:7" x14ac:dyDescent="0.3">
      <c r="A70812" s="13" t="s">
        <v>365</v>
      </c>
      <c r="B70812" s="14" t="s">
        <v>1</v>
      </c>
      <c r="C70812" s="14" t="s">
        <v>17</v>
      </c>
      <c r="D70812" s="14" t="s">
        <v>366</v>
      </c>
      <c r="E70812" s="15">
        <v>45743</v>
      </c>
      <c r="F70812" s="14" t="s">
        <v>15</v>
      </c>
      <c r="G70812" s="16">
        <v>0</v>
      </c>
    </row>
    <row r="70813" spans="1:7" x14ac:dyDescent="0.3">
      <c r="A70813" s="13" t="s">
        <v>365</v>
      </c>
      <c r="B70813" s="14" t="s">
        <v>1</v>
      </c>
      <c r="C70813" s="14" t="s">
        <v>17</v>
      </c>
      <c r="D70813" s="14" t="s">
        <v>366</v>
      </c>
      <c r="E70813" s="15">
        <v>45744</v>
      </c>
      <c r="F70813" s="14" t="s">
        <v>15</v>
      </c>
      <c r="G70813" s="16">
        <v>0</v>
      </c>
    </row>
    <row r="70814" spans="1:7" x14ac:dyDescent="0.3">
      <c r="A70814" s="13" t="s">
        <v>365</v>
      </c>
      <c r="B70814" s="14" t="s">
        <v>1</v>
      </c>
      <c r="C70814" s="14" t="s">
        <v>17</v>
      </c>
      <c r="D70814" s="14" t="s">
        <v>366</v>
      </c>
      <c r="E70814" s="15">
        <v>45745</v>
      </c>
      <c r="F70814" s="14" t="s">
        <v>15</v>
      </c>
      <c r="G70814" s="16">
        <v>0</v>
      </c>
    </row>
    <row r="70815" spans="1:7" x14ac:dyDescent="0.3">
      <c r="A70815" s="13" t="s">
        <v>365</v>
      </c>
      <c r="B70815" s="14" t="s">
        <v>1</v>
      </c>
      <c r="C70815" s="14" t="s">
        <v>17</v>
      </c>
      <c r="D70815" s="14" t="s">
        <v>366</v>
      </c>
      <c r="E70815" s="15">
        <v>45746</v>
      </c>
      <c r="F70815" s="14" t="s">
        <v>15</v>
      </c>
      <c r="G70815" s="16">
        <v>0</v>
      </c>
    </row>
    <row r="70816" spans="1:7" x14ac:dyDescent="0.3">
      <c r="A70816" s="13" t="s">
        <v>365</v>
      </c>
      <c r="B70816" s="14" t="s">
        <v>1</v>
      </c>
      <c r="C70816" s="14" t="s">
        <v>17</v>
      </c>
      <c r="D70816" s="14" t="s">
        <v>366</v>
      </c>
      <c r="E70816" s="15">
        <v>45747</v>
      </c>
      <c r="F70816" s="14" t="s">
        <v>15</v>
      </c>
      <c r="G70816" s="16">
        <v>0</v>
      </c>
    </row>
    <row r="70817" spans="1:7" x14ac:dyDescent="0.3">
      <c r="A70817" s="13" t="s">
        <v>367</v>
      </c>
      <c r="B70817" s="14" t="s">
        <v>1</v>
      </c>
      <c r="C70817" s="14" t="s">
        <v>96</v>
      </c>
      <c r="D70817" s="14" t="s">
        <v>155</v>
      </c>
      <c r="E70817" s="15">
        <v>45383</v>
      </c>
      <c r="F70817" s="14" t="s">
        <v>25</v>
      </c>
      <c r="G70817" s="16">
        <v>0</v>
      </c>
    </row>
    <row r="70818" spans="1:7" x14ac:dyDescent="0.3">
      <c r="A70818" s="13" t="s">
        <v>367</v>
      </c>
      <c r="B70818" s="14" t="s">
        <v>1</v>
      </c>
      <c r="C70818" s="14" t="s">
        <v>96</v>
      </c>
      <c r="D70818" s="14" t="s">
        <v>155</v>
      </c>
      <c r="E70818" s="15">
        <v>45384</v>
      </c>
      <c r="F70818" s="14" t="s">
        <v>25</v>
      </c>
      <c r="G70818" s="16">
        <v>0</v>
      </c>
    </row>
    <row r="70819" spans="1:7" x14ac:dyDescent="0.3">
      <c r="A70819" s="13" t="s">
        <v>367</v>
      </c>
      <c r="B70819" s="14" t="s">
        <v>1</v>
      </c>
      <c r="C70819" s="14" t="s">
        <v>96</v>
      </c>
      <c r="D70819" s="14" t="s">
        <v>155</v>
      </c>
      <c r="E70819" s="15">
        <v>45385</v>
      </c>
      <c r="F70819" s="14" t="s">
        <v>25</v>
      </c>
      <c r="G70819" s="16">
        <v>0</v>
      </c>
    </row>
    <row r="70820" spans="1:7" x14ac:dyDescent="0.3">
      <c r="A70820" s="13" t="s">
        <v>367</v>
      </c>
      <c r="B70820" s="14" t="s">
        <v>1</v>
      </c>
      <c r="C70820" s="14" t="s">
        <v>96</v>
      </c>
      <c r="D70820" s="14" t="s">
        <v>155</v>
      </c>
      <c r="E70820" s="15">
        <v>45386</v>
      </c>
      <c r="F70820" s="14" t="s">
        <v>25</v>
      </c>
      <c r="G70820" s="16">
        <v>0</v>
      </c>
    </row>
    <row r="70821" spans="1:7" x14ac:dyDescent="0.3">
      <c r="A70821" s="13" t="s">
        <v>367</v>
      </c>
      <c r="B70821" s="14" t="s">
        <v>1</v>
      </c>
      <c r="C70821" s="14" t="s">
        <v>96</v>
      </c>
      <c r="D70821" s="14" t="s">
        <v>155</v>
      </c>
      <c r="E70821" s="15">
        <v>45387</v>
      </c>
      <c r="F70821" s="14" t="s">
        <v>25</v>
      </c>
      <c r="G70821" s="16">
        <v>0</v>
      </c>
    </row>
    <row r="70822" spans="1:7" x14ac:dyDescent="0.3">
      <c r="A70822" s="13" t="s">
        <v>367</v>
      </c>
      <c r="B70822" s="14" t="s">
        <v>1</v>
      </c>
      <c r="C70822" s="14" t="s">
        <v>96</v>
      </c>
      <c r="D70822" s="14" t="s">
        <v>155</v>
      </c>
      <c r="E70822" s="15">
        <v>45388</v>
      </c>
      <c r="F70822" s="14" t="s">
        <v>25</v>
      </c>
      <c r="G70822" s="16">
        <v>0</v>
      </c>
    </row>
    <row r="70823" spans="1:7" x14ac:dyDescent="0.3">
      <c r="A70823" s="13" t="s">
        <v>367</v>
      </c>
      <c r="B70823" s="14" t="s">
        <v>1</v>
      </c>
      <c r="C70823" s="14" t="s">
        <v>96</v>
      </c>
      <c r="D70823" s="14" t="s">
        <v>155</v>
      </c>
      <c r="E70823" s="15">
        <v>45389</v>
      </c>
      <c r="F70823" s="14" t="s">
        <v>25</v>
      </c>
      <c r="G70823" s="16">
        <v>0</v>
      </c>
    </row>
    <row r="70824" spans="1:7" x14ac:dyDescent="0.3">
      <c r="A70824" s="13" t="s">
        <v>367</v>
      </c>
      <c r="B70824" s="14" t="s">
        <v>1</v>
      </c>
      <c r="C70824" s="14" t="s">
        <v>96</v>
      </c>
      <c r="D70824" s="14" t="s">
        <v>155</v>
      </c>
      <c r="E70824" s="15">
        <v>45390</v>
      </c>
      <c r="F70824" s="14" t="s">
        <v>25</v>
      </c>
      <c r="G70824" s="16">
        <v>0</v>
      </c>
    </row>
    <row r="70825" spans="1:7" x14ac:dyDescent="0.3">
      <c r="A70825" s="13" t="s">
        <v>367</v>
      </c>
      <c r="B70825" s="14" t="s">
        <v>1</v>
      </c>
      <c r="C70825" s="14" t="s">
        <v>96</v>
      </c>
      <c r="D70825" s="14" t="s">
        <v>155</v>
      </c>
      <c r="E70825" s="15">
        <v>45391</v>
      </c>
      <c r="F70825" s="14" t="s">
        <v>25</v>
      </c>
      <c r="G70825" s="16">
        <v>0</v>
      </c>
    </row>
    <row r="70826" spans="1:7" x14ac:dyDescent="0.3">
      <c r="A70826" s="13" t="s">
        <v>367</v>
      </c>
      <c r="B70826" s="14" t="s">
        <v>1</v>
      </c>
      <c r="C70826" s="14" t="s">
        <v>96</v>
      </c>
      <c r="D70826" s="14" t="s">
        <v>155</v>
      </c>
      <c r="E70826" s="15">
        <v>45392</v>
      </c>
      <c r="F70826" s="14" t="s">
        <v>25</v>
      </c>
      <c r="G70826" s="16">
        <v>0</v>
      </c>
    </row>
    <row r="70827" spans="1:7" x14ac:dyDescent="0.3">
      <c r="A70827" s="13" t="s">
        <v>367</v>
      </c>
      <c r="B70827" s="14" t="s">
        <v>1</v>
      </c>
      <c r="C70827" s="14" t="s">
        <v>96</v>
      </c>
      <c r="D70827" s="14" t="s">
        <v>155</v>
      </c>
      <c r="E70827" s="15">
        <v>45393</v>
      </c>
      <c r="F70827" s="14" t="s">
        <v>25</v>
      </c>
      <c r="G70827" s="16">
        <v>0</v>
      </c>
    </row>
    <row r="70828" spans="1:7" x14ac:dyDescent="0.3">
      <c r="A70828" s="13" t="s">
        <v>367</v>
      </c>
      <c r="B70828" s="14" t="s">
        <v>1</v>
      </c>
      <c r="C70828" s="14" t="s">
        <v>96</v>
      </c>
      <c r="D70828" s="14" t="s">
        <v>155</v>
      </c>
      <c r="E70828" s="15">
        <v>45394</v>
      </c>
      <c r="F70828" s="14" t="s">
        <v>25</v>
      </c>
      <c r="G70828" s="16">
        <v>0</v>
      </c>
    </row>
    <row r="70829" spans="1:7" x14ac:dyDescent="0.3">
      <c r="A70829" s="13" t="s">
        <v>367</v>
      </c>
      <c r="B70829" s="14" t="s">
        <v>1</v>
      </c>
      <c r="C70829" s="14" t="s">
        <v>96</v>
      </c>
      <c r="D70829" s="14" t="s">
        <v>155</v>
      </c>
      <c r="E70829" s="15">
        <v>45395</v>
      </c>
      <c r="F70829" s="14" t="s">
        <v>25</v>
      </c>
      <c r="G70829" s="16">
        <v>0</v>
      </c>
    </row>
    <row r="70830" spans="1:7" x14ac:dyDescent="0.3">
      <c r="A70830" s="13" t="s">
        <v>367</v>
      </c>
      <c r="B70830" s="14" t="s">
        <v>1</v>
      </c>
      <c r="C70830" s="14" t="s">
        <v>96</v>
      </c>
      <c r="D70830" s="14" t="s">
        <v>155</v>
      </c>
      <c r="E70830" s="15">
        <v>45396</v>
      </c>
      <c r="F70830" s="14" t="s">
        <v>25</v>
      </c>
      <c r="G70830" s="16">
        <v>0</v>
      </c>
    </row>
    <row r="70831" spans="1:7" x14ac:dyDescent="0.3">
      <c r="A70831" s="13" t="s">
        <v>367</v>
      </c>
      <c r="B70831" s="14" t="s">
        <v>1</v>
      </c>
      <c r="C70831" s="14" t="s">
        <v>96</v>
      </c>
      <c r="D70831" s="14" t="s">
        <v>155</v>
      </c>
      <c r="E70831" s="15">
        <v>45397</v>
      </c>
      <c r="F70831" s="14" t="s">
        <v>25</v>
      </c>
      <c r="G70831" s="16">
        <v>0</v>
      </c>
    </row>
    <row r="70832" spans="1:7" x14ac:dyDescent="0.3">
      <c r="A70832" s="13" t="s">
        <v>367</v>
      </c>
      <c r="B70832" s="14" t="s">
        <v>1</v>
      </c>
      <c r="C70832" s="14" t="s">
        <v>96</v>
      </c>
      <c r="D70832" s="14" t="s">
        <v>155</v>
      </c>
      <c r="E70832" s="15">
        <v>45398</v>
      </c>
      <c r="F70832" s="14" t="s">
        <v>25</v>
      </c>
      <c r="G70832" s="16">
        <v>0</v>
      </c>
    </row>
    <row r="70833" spans="1:7" x14ac:dyDescent="0.3">
      <c r="A70833" s="13" t="s">
        <v>367</v>
      </c>
      <c r="B70833" s="14" t="s">
        <v>1</v>
      </c>
      <c r="C70833" s="14" t="s">
        <v>96</v>
      </c>
      <c r="D70833" s="14" t="s">
        <v>155</v>
      </c>
      <c r="E70833" s="15">
        <v>45399</v>
      </c>
      <c r="F70833" s="14" t="s">
        <v>25</v>
      </c>
      <c r="G70833" s="16">
        <v>0</v>
      </c>
    </row>
    <row r="70834" spans="1:7" x14ac:dyDescent="0.3">
      <c r="A70834" s="13" t="s">
        <v>367</v>
      </c>
      <c r="B70834" s="14" t="s">
        <v>1</v>
      </c>
      <c r="C70834" s="14" t="s">
        <v>96</v>
      </c>
      <c r="D70834" s="14" t="s">
        <v>155</v>
      </c>
      <c r="E70834" s="15">
        <v>45400</v>
      </c>
      <c r="F70834" s="14" t="s">
        <v>25</v>
      </c>
      <c r="G70834" s="16">
        <v>0</v>
      </c>
    </row>
    <row r="70835" spans="1:7" x14ac:dyDescent="0.3">
      <c r="A70835" s="13" t="s">
        <v>367</v>
      </c>
      <c r="B70835" s="14" t="s">
        <v>1</v>
      </c>
      <c r="C70835" s="14" t="s">
        <v>96</v>
      </c>
      <c r="D70835" s="14" t="s">
        <v>155</v>
      </c>
      <c r="E70835" s="15">
        <v>45401</v>
      </c>
      <c r="F70835" s="14" t="s">
        <v>25</v>
      </c>
      <c r="G70835" s="16">
        <v>0</v>
      </c>
    </row>
    <row r="70836" spans="1:7" x14ac:dyDescent="0.3">
      <c r="A70836" s="13" t="s">
        <v>367</v>
      </c>
      <c r="B70836" s="14" t="s">
        <v>1</v>
      </c>
      <c r="C70836" s="14" t="s">
        <v>96</v>
      </c>
      <c r="D70836" s="14" t="s">
        <v>155</v>
      </c>
      <c r="E70836" s="15">
        <v>45402</v>
      </c>
      <c r="F70836" s="14" t="s">
        <v>25</v>
      </c>
      <c r="G70836" s="16">
        <v>0</v>
      </c>
    </row>
    <row r="70837" spans="1:7" x14ac:dyDescent="0.3">
      <c r="A70837" s="13" t="s">
        <v>367</v>
      </c>
      <c r="B70837" s="14" t="s">
        <v>1</v>
      </c>
      <c r="C70837" s="14" t="s">
        <v>96</v>
      </c>
      <c r="D70837" s="14" t="s">
        <v>155</v>
      </c>
      <c r="E70837" s="15">
        <v>45403</v>
      </c>
      <c r="F70837" s="14" t="s">
        <v>25</v>
      </c>
      <c r="G70837" s="16">
        <v>0</v>
      </c>
    </row>
    <row r="70838" spans="1:7" x14ac:dyDescent="0.3">
      <c r="A70838" s="13" t="s">
        <v>367</v>
      </c>
      <c r="B70838" s="14" t="s">
        <v>1</v>
      </c>
      <c r="C70838" s="14" t="s">
        <v>96</v>
      </c>
      <c r="D70838" s="14" t="s">
        <v>155</v>
      </c>
      <c r="E70838" s="15">
        <v>45404</v>
      </c>
      <c r="F70838" s="14" t="s">
        <v>25</v>
      </c>
      <c r="G70838" s="16">
        <v>0</v>
      </c>
    </row>
    <row r="70839" spans="1:7" x14ac:dyDescent="0.3">
      <c r="A70839" s="13" t="s">
        <v>367</v>
      </c>
      <c r="B70839" s="14" t="s">
        <v>1</v>
      </c>
      <c r="C70839" s="14" t="s">
        <v>96</v>
      </c>
      <c r="D70839" s="14" t="s">
        <v>155</v>
      </c>
      <c r="E70839" s="15">
        <v>45405</v>
      </c>
      <c r="F70839" s="14" t="s">
        <v>25</v>
      </c>
      <c r="G70839" s="16">
        <v>0</v>
      </c>
    </row>
    <row r="70840" spans="1:7" x14ac:dyDescent="0.3">
      <c r="A70840" s="13" t="s">
        <v>367</v>
      </c>
      <c r="B70840" s="14" t="s">
        <v>1</v>
      </c>
      <c r="C70840" s="14" t="s">
        <v>96</v>
      </c>
      <c r="D70840" s="14" t="s">
        <v>155</v>
      </c>
      <c r="E70840" s="15">
        <v>45406</v>
      </c>
      <c r="F70840" s="14" t="s">
        <v>25</v>
      </c>
      <c r="G70840" s="16">
        <v>0</v>
      </c>
    </row>
    <row r="70841" spans="1:7" x14ac:dyDescent="0.3">
      <c r="A70841" s="13" t="s">
        <v>367</v>
      </c>
      <c r="B70841" s="14" t="s">
        <v>1</v>
      </c>
      <c r="C70841" s="14" t="s">
        <v>96</v>
      </c>
      <c r="D70841" s="14" t="s">
        <v>155</v>
      </c>
      <c r="E70841" s="15">
        <v>45407</v>
      </c>
      <c r="F70841" s="14" t="s">
        <v>25</v>
      </c>
      <c r="G70841" s="16">
        <v>0</v>
      </c>
    </row>
    <row r="70842" spans="1:7" x14ac:dyDescent="0.3">
      <c r="A70842" s="13" t="s">
        <v>367</v>
      </c>
      <c r="B70842" s="14" t="s">
        <v>1</v>
      </c>
      <c r="C70842" s="14" t="s">
        <v>96</v>
      </c>
      <c r="D70842" s="14" t="s">
        <v>155</v>
      </c>
      <c r="E70842" s="15">
        <v>45408</v>
      </c>
      <c r="F70842" s="14" t="s">
        <v>25</v>
      </c>
      <c r="G70842" s="16">
        <v>0</v>
      </c>
    </row>
    <row r="70843" spans="1:7" x14ac:dyDescent="0.3">
      <c r="A70843" s="13" t="s">
        <v>367</v>
      </c>
      <c r="B70843" s="14" t="s">
        <v>1</v>
      </c>
      <c r="C70843" s="14" t="s">
        <v>96</v>
      </c>
      <c r="D70843" s="14" t="s">
        <v>155</v>
      </c>
      <c r="E70843" s="15">
        <v>45409</v>
      </c>
      <c r="F70843" s="14" t="s">
        <v>25</v>
      </c>
      <c r="G70843" s="16">
        <v>0</v>
      </c>
    </row>
    <row r="70844" spans="1:7" x14ac:dyDescent="0.3">
      <c r="A70844" s="13" t="s">
        <v>367</v>
      </c>
      <c r="B70844" s="14" t="s">
        <v>1</v>
      </c>
      <c r="C70844" s="14" t="s">
        <v>96</v>
      </c>
      <c r="D70844" s="14" t="s">
        <v>155</v>
      </c>
      <c r="E70844" s="15">
        <v>45410</v>
      </c>
      <c r="F70844" s="14" t="s">
        <v>25</v>
      </c>
      <c r="G70844" s="16">
        <v>0</v>
      </c>
    </row>
    <row r="70845" spans="1:7" x14ac:dyDescent="0.3">
      <c r="A70845" s="13" t="s">
        <v>367</v>
      </c>
      <c r="B70845" s="14" t="s">
        <v>1</v>
      </c>
      <c r="C70845" s="14" t="s">
        <v>96</v>
      </c>
      <c r="D70845" s="14" t="s">
        <v>155</v>
      </c>
      <c r="E70845" s="15">
        <v>45411</v>
      </c>
      <c r="F70845" s="14" t="s">
        <v>25</v>
      </c>
      <c r="G70845" s="16">
        <v>0</v>
      </c>
    </row>
    <row r="70846" spans="1:7" x14ac:dyDescent="0.3">
      <c r="A70846" s="13" t="s">
        <v>367</v>
      </c>
      <c r="B70846" s="14" t="s">
        <v>1</v>
      </c>
      <c r="C70846" s="14" t="s">
        <v>96</v>
      </c>
      <c r="D70846" s="14" t="s">
        <v>155</v>
      </c>
      <c r="E70846" s="15">
        <v>45412</v>
      </c>
      <c r="F70846" s="14" t="s">
        <v>25</v>
      </c>
      <c r="G70846" s="16">
        <v>0</v>
      </c>
    </row>
    <row r="70847" spans="1:7" x14ac:dyDescent="0.3">
      <c r="A70847" s="13" t="s">
        <v>367</v>
      </c>
      <c r="B70847" s="14" t="s">
        <v>1</v>
      </c>
      <c r="C70847" s="14" t="s">
        <v>96</v>
      </c>
      <c r="D70847" s="14" t="s">
        <v>155</v>
      </c>
      <c r="E70847" s="15">
        <v>45413</v>
      </c>
      <c r="F70847" s="14" t="s">
        <v>25</v>
      </c>
      <c r="G70847" s="16">
        <v>0</v>
      </c>
    </row>
    <row r="70848" spans="1:7" x14ac:dyDescent="0.3">
      <c r="A70848" s="13" t="s">
        <v>367</v>
      </c>
      <c r="B70848" s="14" t="s">
        <v>1</v>
      </c>
      <c r="C70848" s="14" t="s">
        <v>96</v>
      </c>
      <c r="D70848" s="14" t="s">
        <v>155</v>
      </c>
      <c r="E70848" s="15">
        <v>45414</v>
      </c>
      <c r="F70848" s="14" t="s">
        <v>25</v>
      </c>
      <c r="G70848" s="16">
        <v>0</v>
      </c>
    </row>
    <row r="70849" spans="1:7" x14ac:dyDescent="0.3">
      <c r="A70849" s="13" t="s">
        <v>367</v>
      </c>
      <c r="B70849" s="14" t="s">
        <v>1</v>
      </c>
      <c r="C70849" s="14" t="s">
        <v>96</v>
      </c>
      <c r="D70849" s="14" t="s">
        <v>155</v>
      </c>
      <c r="E70849" s="15">
        <v>45415</v>
      </c>
      <c r="F70849" s="14" t="s">
        <v>25</v>
      </c>
      <c r="G70849" s="16">
        <v>0</v>
      </c>
    </row>
    <row r="70850" spans="1:7" x14ac:dyDescent="0.3">
      <c r="A70850" s="13" t="s">
        <v>367</v>
      </c>
      <c r="B70850" s="14" t="s">
        <v>1</v>
      </c>
      <c r="C70850" s="14" t="s">
        <v>96</v>
      </c>
      <c r="D70850" s="14" t="s">
        <v>155</v>
      </c>
      <c r="E70850" s="15">
        <v>45416</v>
      </c>
      <c r="F70850" s="14" t="s">
        <v>25</v>
      </c>
      <c r="G70850" s="16">
        <v>0</v>
      </c>
    </row>
    <row r="70851" spans="1:7" x14ac:dyDescent="0.3">
      <c r="A70851" s="13" t="s">
        <v>367</v>
      </c>
      <c r="B70851" s="14" t="s">
        <v>1</v>
      </c>
      <c r="C70851" s="14" t="s">
        <v>96</v>
      </c>
      <c r="D70851" s="14" t="s">
        <v>155</v>
      </c>
      <c r="E70851" s="15">
        <v>45417</v>
      </c>
      <c r="F70851" s="14" t="s">
        <v>25</v>
      </c>
      <c r="G70851" s="16">
        <v>0</v>
      </c>
    </row>
    <row r="70852" spans="1:7" x14ac:dyDescent="0.3">
      <c r="A70852" s="13" t="s">
        <v>367</v>
      </c>
      <c r="B70852" s="14" t="s">
        <v>1</v>
      </c>
      <c r="C70852" s="14" t="s">
        <v>96</v>
      </c>
      <c r="D70852" s="14" t="s">
        <v>155</v>
      </c>
      <c r="E70852" s="15">
        <v>45418</v>
      </c>
      <c r="F70852" s="14" t="s">
        <v>25</v>
      </c>
      <c r="G70852" s="16">
        <v>0</v>
      </c>
    </row>
    <row r="70853" spans="1:7" x14ac:dyDescent="0.3">
      <c r="A70853" s="13" t="s">
        <v>367</v>
      </c>
      <c r="B70853" s="14" t="s">
        <v>1</v>
      </c>
      <c r="C70853" s="14" t="s">
        <v>96</v>
      </c>
      <c r="D70853" s="14" t="s">
        <v>155</v>
      </c>
      <c r="E70853" s="15">
        <v>45419</v>
      </c>
      <c r="F70853" s="14" t="s">
        <v>25</v>
      </c>
      <c r="G70853" s="16">
        <v>0</v>
      </c>
    </row>
    <row r="70854" spans="1:7" x14ac:dyDescent="0.3">
      <c r="A70854" s="13" t="s">
        <v>367</v>
      </c>
      <c r="B70854" s="14" t="s">
        <v>1</v>
      </c>
      <c r="C70854" s="14" t="s">
        <v>96</v>
      </c>
      <c r="D70854" s="14" t="s">
        <v>155</v>
      </c>
      <c r="E70854" s="15">
        <v>45420</v>
      </c>
      <c r="F70854" s="14" t="s">
        <v>25</v>
      </c>
      <c r="G70854" s="16">
        <v>0</v>
      </c>
    </row>
    <row r="70855" spans="1:7" x14ac:dyDescent="0.3">
      <c r="A70855" s="13" t="s">
        <v>367</v>
      </c>
      <c r="B70855" s="14" t="s">
        <v>1</v>
      </c>
      <c r="C70855" s="14" t="s">
        <v>96</v>
      </c>
      <c r="D70855" s="14" t="s">
        <v>155</v>
      </c>
      <c r="E70855" s="15">
        <v>45421</v>
      </c>
      <c r="F70855" s="14" t="s">
        <v>25</v>
      </c>
      <c r="G70855" s="16">
        <v>0</v>
      </c>
    </row>
    <row r="70856" spans="1:7" x14ac:dyDescent="0.3">
      <c r="A70856" s="13" t="s">
        <v>367</v>
      </c>
      <c r="B70856" s="14" t="s">
        <v>1</v>
      </c>
      <c r="C70856" s="14" t="s">
        <v>96</v>
      </c>
      <c r="D70856" s="14" t="s">
        <v>155</v>
      </c>
      <c r="E70856" s="15">
        <v>45422</v>
      </c>
      <c r="F70856" s="14" t="s">
        <v>25</v>
      </c>
      <c r="G70856" s="16">
        <v>0</v>
      </c>
    </row>
    <row r="70857" spans="1:7" x14ac:dyDescent="0.3">
      <c r="A70857" s="13" t="s">
        <v>367</v>
      </c>
      <c r="B70857" s="14" t="s">
        <v>1</v>
      </c>
      <c r="C70857" s="14" t="s">
        <v>96</v>
      </c>
      <c r="D70857" s="14" t="s">
        <v>155</v>
      </c>
      <c r="E70857" s="15">
        <v>45423</v>
      </c>
      <c r="F70857" s="14" t="s">
        <v>25</v>
      </c>
      <c r="G70857" s="16">
        <v>0</v>
      </c>
    </row>
    <row r="70858" spans="1:7" x14ac:dyDescent="0.3">
      <c r="A70858" s="13" t="s">
        <v>367</v>
      </c>
      <c r="B70858" s="14" t="s">
        <v>1</v>
      </c>
      <c r="C70858" s="14" t="s">
        <v>96</v>
      </c>
      <c r="D70858" s="14" t="s">
        <v>155</v>
      </c>
      <c r="E70858" s="15">
        <v>45424</v>
      </c>
      <c r="F70858" s="14" t="s">
        <v>25</v>
      </c>
      <c r="G70858" s="16">
        <v>0</v>
      </c>
    </row>
    <row r="70859" spans="1:7" x14ac:dyDescent="0.3">
      <c r="A70859" s="13" t="s">
        <v>367</v>
      </c>
      <c r="B70859" s="14" t="s">
        <v>1</v>
      </c>
      <c r="C70859" s="14" t="s">
        <v>96</v>
      </c>
      <c r="D70859" s="14" t="s">
        <v>155</v>
      </c>
      <c r="E70859" s="15">
        <v>45425</v>
      </c>
      <c r="F70859" s="14" t="s">
        <v>25</v>
      </c>
      <c r="G70859" s="16">
        <v>0</v>
      </c>
    </row>
    <row r="70860" spans="1:7" x14ac:dyDescent="0.3">
      <c r="A70860" s="13" t="s">
        <v>367</v>
      </c>
      <c r="B70860" s="14" t="s">
        <v>1</v>
      </c>
      <c r="C70860" s="14" t="s">
        <v>96</v>
      </c>
      <c r="D70860" s="14" t="s">
        <v>155</v>
      </c>
      <c r="E70860" s="15">
        <v>45426</v>
      </c>
      <c r="F70860" s="14" t="s">
        <v>25</v>
      </c>
      <c r="G70860" s="16">
        <v>0</v>
      </c>
    </row>
    <row r="70861" spans="1:7" x14ac:dyDescent="0.3">
      <c r="A70861" s="13" t="s">
        <v>367</v>
      </c>
      <c r="B70861" s="14" t="s">
        <v>1</v>
      </c>
      <c r="C70861" s="14" t="s">
        <v>96</v>
      </c>
      <c r="D70861" s="14" t="s">
        <v>155</v>
      </c>
      <c r="E70861" s="15">
        <v>45427</v>
      </c>
      <c r="F70861" s="14" t="s">
        <v>25</v>
      </c>
      <c r="G70861" s="16">
        <v>0</v>
      </c>
    </row>
    <row r="70862" spans="1:7" x14ac:dyDescent="0.3">
      <c r="A70862" s="13" t="s">
        <v>367</v>
      </c>
      <c r="B70862" s="14" t="s">
        <v>1</v>
      </c>
      <c r="C70862" s="14" t="s">
        <v>96</v>
      </c>
      <c r="D70862" s="14" t="s">
        <v>155</v>
      </c>
      <c r="E70862" s="15">
        <v>45428</v>
      </c>
      <c r="F70862" s="14" t="s">
        <v>25</v>
      </c>
      <c r="G70862" s="16">
        <v>0</v>
      </c>
    </row>
    <row r="70863" spans="1:7" x14ac:dyDescent="0.3">
      <c r="A70863" s="13" t="s">
        <v>367</v>
      </c>
      <c r="B70863" s="14" t="s">
        <v>1</v>
      </c>
      <c r="C70863" s="14" t="s">
        <v>96</v>
      </c>
      <c r="D70863" s="14" t="s">
        <v>155</v>
      </c>
      <c r="E70863" s="15">
        <v>45429</v>
      </c>
      <c r="F70863" s="14" t="s">
        <v>25</v>
      </c>
      <c r="G70863" s="16">
        <v>0</v>
      </c>
    </row>
    <row r="70864" spans="1:7" x14ac:dyDescent="0.3">
      <c r="A70864" s="13" t="s">
        <v>367</v>
      </c>
      <c r="B70864" s="14" t="s">
        <v>1</v>
      </c>
      <c r="C70864" s="14" t="s">
        <v>96</v>
      </c>
      <c r="D70864" s="14" t="s">
        <v>155</v>
      </c>
      <c r="E70864" s="15">
        <v>45430</v>
      </c>
      <c r="F70864" s="14" t="s">
        <v>25</v>
      </c>
      <c r="G70864" s="16">
        <v>0</v>
      </c>
    </row>
    <row r="70865" spans="1:7" x14ac:dyDescent="0.3">
      <c r="A70865" s="13" t="s">
        <v>367</v>
      </c>
      <c r="B70865" s="14" t="s">
        <v>1</v>
      </c>
      <c r="C70865" s="14" t="s">
        <v>96</v>
      </c>
      <c r="D70865" s="14" t="s">
        <v>155</v>
      </c>
      <c r="E70865" s="15">
        <v>45431</v>
      </c>
      <c r="F70865" s="14" t="s">
        <v>25</v>
      </c>
      <c r="G70865" s="16">
        <v>0</v>
      </c>
    </row>
    <row r="70866" spans="1:7" x14ac:dyDescent="0.3">
      <c r="A70866" s="13" t="s">
        <v>367</v>
      </c>
      <c r="B70866" s="14" t="s">
        <v>1</v>
      </c>
      <c r="C70866" s="14" t="s">
        <v>96</v>
      </c>
      <c r="D70866" s="14" t="s">
        <v>155</v>
      </c>
      <c r="E70866" s="15">
        <v>45432</v>
      </c>
      <c r="F70866" s="14" t="s">
        <v>25</v>
      </c>
      <c r="G70866" s="16">
        <v>0</v>
      </c>
    </row>
    <row r="70867" spans="1:7" x14ac:dyDescent="0.3">
      <c r="A70867" s="13" t="s">
        <v>367</v>
      </c>
      <c r="B70867" s="14" t="s">
        <v>1</v>
      </c>
      <c r="C70867" s="14" t="s">
        <v>96</v>
      </c>
      <c r="D70867" s="14" t="s">
        <v>155</v>
      </c>
      <c r="E70867" s="15">
        <v>45433</v>
      </c>
      <c r="F70867" s="14" t="s">
        <v>25</v>
      </c>
      <c r="G70867" s="16">
        <v>0</v>
      </c>
    </row>
    <row r="70868" spans="1:7" x14ac:dyDescent="0.3">
      <c r="A70868" s="13" t="s">
        <v>367</v>
      </c>
      <c r="B70868" s="14" t="s">
        <v>1</v>
      </c>
      <c r="C70868" s="14" t="s">
        <v>96</v>
      </c>
      <c r="D70868" s="14" t="s">
        <v>155</v>
      </c>
      <c r="E70868" s="15">
        <v>45434</v>
      </c>
      <c r="F70868" s="14" t="s">
        <v>25</v>
      </c>
      <c r="G70868" s="16">
        <v>0</v>
      </c>
    </row>
    <row r="70869" spans="1:7" x14ac:dyDescent="0.3">
      <c r="A70869" s="13" t="s">
        <v>367</v>
      </c>
      <c r="B70869" s="14" t="s">
        <v>1</v>
      </c>
      <c r="C70869" s="14" t="s">
        <v>96</v>
      </c>
      <c r="D70869" s="14" t="s">
        <v>155</v>
      </c>
      <c r="E70869" s="15">
        <v>45435</v>
      </c>
      <c r="F70869" s="14" t="s">
        <v>25</v>
      </c>
      <c r="G70869" s="16">
        <v>0</v>
      </c>
    </row>
    <row r="70870" spans="1:7" x14ac:dyDescent="0.3">
      <c r="A70870" s="13" t="s">
        <v>367</v>
      </c>
      <c r="B70870" s="14" t="s">
        <v>1</v>
      </c>
      <c r="C70870" s="14" t="s">
        <v>96</v>
      </c>
      <c r="D70870" s="14" t="s">
        <v>155</v>
      </c>
      <c r="E70870" s="15">
        <v>45436</v>
      </c>
      <c r="F70870" s="14" t="s">
        <v>25</v>
      </c>
      <c r="G70870" s="16">
        <v>0</v>
      </c>
    </row>
    <row r="70871" spans="1:7" x14ac:dyDescent="0.3">
      <c r="A70871" s="13" t="s">
        <v>367</v>
      </c>
      <c r="B70871" s="14" t="s">
        <v>1</v>
      </c>
      <c r="C70871" s="14" t="s">
        <v>96</v>
      </c>
      <c r="D70871" s="14" t="s">
        <v>155</v>
      </c>
      <c r="E70871" s="15">
        <v>45437</v>
      </c>
      <c r="F70871" s="14" t="s">
        <v>25</v>
      </c>
      <c r="G70871" s="16">
        <v>0</v>
      </c>
    </row>
    <row r="70872" spans="1:7" x14ac:dyDescent="0.3">
      <c r="A70872" s="13" t="s">
        <v>367</v>
      </c>
      <c r="B70872" s="14" t="s">
        <v>1</v>
      </c>
      <c r="C70872" s="14" t="s">
        <v>96</v>
      </c>
      <c r="D70872" s="14" t="s">
        <v>155</v>
      </c>
      <c r="E70872" s="15">
        <v>45438</v>
      </c>
      <c r="F70872" s="14" t="s">
        <v>25</v>
      </c>
      <c r="G70872" s="16">
        <v>0</v>
      </c>
    </row>
    <row r="70873" spans="1:7" x14ac:dyDescent="0.3">
      <c r="A70873" s="13" t="s">
        <v>367</v>
      </c>
      <c r="B70873" s="14" t="s">
        <v>1</v>
      </c>
      <c r="C70873" s="14" t="s">
        <v>96</v>
      </c>
      <c r="D70873" s="14" t="s">
        <v>155</v>
      </c>
      <c r="E70873" s="15">
        <v>45439</v>
      </c>
      <c r="F70873" s="14" t="s">
        <v>25</v>
      </c>
      <c r="G70873" s="16">
        <v>0</v>
      </c>
    </row>
    <row r="70874" spans="1:7" x14ac:dyDescent="0.3">
      <c r="A70874" s="13" t="s">
        <v>367</v>
      </c>
      <c r="B70874" s="14" t="s">
        <v>1</v>
      </c>
      <c r="C70874" s="14" t="s">
        <v>96</v>
      </c>
      <c r="D70874" s="14" t="s">
        <v>155</v>
      </c>
      <c r="E70874" s="15">
        <v>45440</v>
      </c>
      <c r="F70874" s="14" t="s">
        <v>25</v>
      </c>
      <c r="G70874" s="16">
        <v>0</v>
      </c>
    </row>
    <row r="70875" spans="1:7" x14ac:dyDescent="0.3">
      <c r="A70875" s="13" t="s">
        <v>367</v>
      </c>
      <c r="B70875" s="14" t="s">
        <v>1</v>
      </c>
      <c r="C70875" s="14" t="s">
        <v>96</v>
      </c>
      <c r="D70875" s="14" t="s">
        <v>155</v>
      </c>
      <c r="E70875" s="15">
        <v>45441</v>
      </c>
      <c r="F70875" s="14" t="s">
        <v>25</v>
      </c>
      <c r="G70875" s="16">
        <v>0</v>
      </c>
    </row>
    <row r="70876" spans="1:7" x14ac:dyDescent="0.3">
      <c r="A70876" s="13" t="s">
        <v>367</v>
      </c>
      <c r="B70876" s="14" t="s">
        <v>1</v>
      </c>
      <c r="C70876" s="14" t="s">
        <v>96</v>
      </c>
      <c r="D70876" s="14" t="s">
        <v>155</v>
      </c>
      <c r="E70876" s="15">
        <v>45442</v>
      </c>
      <c r="F70876" s="14" t="s">
        <v>25</v>
      </c>
      <c r="G70876" s="16">
        <v>0</v>
      </c>
    </row>
    <row r="70877" spans="1:7" x14ac:dyDescent="0.3">
      <c r="A70877" s="13" t="s">
        <v>367</v>
      </c>
      <c r="B70877" s="14" t="s">
        <v>1</v>
      </c>
      <c r="C70877" s="14" t="s">
        <v>96</v>
      </c>
      <c r="D70877" s="14" t="s">
        <v>155</v>
      </c>
      <c r="E70877" s="15">
        <v>45443</v>
      </c>
      <c r="F70877" s="14" t="s">
        <v>25</v>
      </c>
      <c r="G70877" s="16">
        <v>0</v>
      </c>
    </row>
    <row r="70878" spans="1:7" x14ac:dyDescent="0.3">
      <c r="A70878" s="13" t="s">
        <v>367</v>
      </c>
      <c r="B70878" s="14" t="s">
        <v>1</v>
      </c>
      <c r="C70878" s="14" t="s">
        <v>96</v>
      </c>
      <c r="D70878" s="14" t="s">
        <v>155</v>
      </c>
      <c r="E70878" s="15">
        <v>45444</v>
      </c>
      <c r="F70878" s="14" t="s">
        <v>25</v>
      </c>
      <c r="G70878" s="16">
        <v>0</v>
      </c>
    </row>
    <row r="70879" spans="1:7" x14ac:dyDescent="0.3">
      <c r="A70879" s="13" t="s">
        <v>367</v>
      </c>
      <c r="B70879" s="14" t="s">
        <v>1</v>
      </c>
      <c r="C70879" s="14" t="s">
        <v>96</v>
      </c>
      <c r="D70879" s="14" t="s">
        <v>155</v>
      </c>
      <c r="E70879" s="15">
        <v>45445</v>
      </c>
      <c r="F70879" s="14" t="s">
        <v>25</v>
      </c>
      <c r="G70879" s="16">
        <v>0</v>
      </c>
    </row>
    <row r="70880" spans="1:7" x14ac:dyDescent="0.3">
      <c r="A70880" s="13" t="s">
        <v>367</v>
      </c>
      <c r="B70880" s="14" t="s">
        <v>1</v>
      </c>
      <c r="C70880" s="14" t="s">
        <v>96</v>
      </c>
      <c r="D70880" s="14" t="s">
        <v>155</v>
      </c>
      <c r="E70880" s="15">
        <v>45446</v>
      </c>
      <c r="F70880" s="14" t="s">
        <v>25</v>
      </c>
      <c r="G70880" s="16">
        <v>0</v>
      </c>
    </row>
    <row r="70881" spans="1:7" x14ac:dyDescent="0.3">
      <c r="A70881" s="13" t="s">
        <v>367</v>
      </c>
      <c r="B70881" s="14" t="s">
        <v>1</v>
      </c>
      <c r="C70881" s="14" t="s">
        <v>96</v>
      </c>
      <c r="D70881" s="14" t="s">
        <v>155</v>
      </c>
      <c r="E70881" s="15">
        <v>45447</v>
      </c>
      <c r="F70881" s="14" t="s">
        <v>25</v>
      </c>
      <c r="G70881" s="16">
        <v>0</v>
      </c>
    </row>
    <row r="70882" spans="1:7" x14ac:dyDescent="0.3">
      <c r="A70882" s="13" t="s">
        <v>367</v>
      </c>
      <c r="B70882" s="14" t="s">
        <v>1</v>
      </c>
      <c r="C70882" s="14" t="s">
        <v>96</v>
      </c>
      <c r="D70882" s="14" t="s">
        <v>155</v>
      </c>
      <c r="E70882" s="15">
        <v>45448</v>
      </c>
      <c r="F70882" s="14" t="s">
        <v>25</v>
      </c>
      <c r="G70882" s="16">
        <v>0</v>
      </c>
    </row>
    <row r="70883" spans="1:7" x14ac:dyDescent="0.3">
      <c r="A70883" s="13" t="s">
        <v>367</v>
      </c>
      <c r="B70883" s="14" t="s">
        <v>1</v>
      </c>
      <c r="C70883" s="14" t="s">
        <v>96</v>
      </c>
      <c r="D70883" s="14" t="s">
        <v>155</v>
      </c>
      <c r="E70883" s="15">
        <v>45449</v>
      </c>
      <c r="F70883" s="14" t="s">
        <v>25</v>
      </c>
      <c r="G70883" s="16">
        <v>0</v>
      </c>
    </row>
    <row r="70884" spans="1:7" x14ac:dyDescent="0.3">
      <c r="A70884" s="13" t="s">
        <v>367</v>
      </c>
      <c r="B70884" s="14" t="s">
        <v>1</v>
      </c>
      <c r="C70884" s="14" t="s">
        <v>96</v>
      </c>
      <c r="D70884" s="14" t="s">
        <v>155</v>
      </c>
      <c r="E70884" s="15">
        <v>45450</v>
      </c>
      <c r="F70884" s="14" t="s">
        <v>25</v>
      </c>
      <c r="G70884" s="16">
        <v>0</v>
      </c>
    </row>
    <row r="70885" spans="1:7" x14ac:dyDescent="0.3">
      <c r="A70885" s="13" t="s">
        <v>367</v>
      </c>
      <c r="B70885" s="14" t="s">
        <v>1</v>
      </c>
      <c r="C70885" s="14" t="s">
        <v>96</v>
      </c>
      <c r="D70885" s="14" t="s">
        <v>155</v>
      </c>
      <c r="E70885" s="15">
        <v>45451</v>
      </c>
      <c r="F70885" s="14" t="s">
        <v>25</v>
      </c>
      <c r="G70885" s="16">
        <v>0</v>
      </c>
    </row>
    <row r="70886" spans="1:7" x14ac:dyDescent="0.3">
      <c r="A70886" s="13" t="s">
        <v>367</v>
      </c>
      <c r="B70886" s="14" t="s">
        <v>1</v>
      </c>
      <c r="C70886" s="14" t="s">
        <v>96</v>
      </c>
      <c r="D70886" s="14" t="s">
        <v>155</v>
      </c>
      <c r="E70886" s="15">
        <v>45452</v>
      </c>
      <c r="F70886" s="14" t="s">
        <v>25</v>
      </c>
      <c r="G70886" s="16">
        <v>0</v>
      </c>
    </row>
    <row r="70887" spans="1:7" x14ac:dyDescent="0.3">
      <c r="A70887" s="13" t="s">
        <v>367</v>
      </c>
      <c r="B70887" s="14" t="s">
        <v>1</v>
      </c>
      <c r="C70887" s="14" t="s">
        <v>96</v>
      </c>
      <c r="D70887" s="14" t="s">
        <v>155</v>
      </c>
      <c r="E70887" s="15">
        <v>45453</v>
      </c>
      <c r="F70887" s="14" t="s">
        <v>25</v>
      </c>
      <c r="G70887" s="16">
        <v>0</v>
      </c>
    </row>
    <row r="70888" spans="1:7" x14ac:dyDescent="0.3">
      <c r="A70888" s="13" t="s">
        <v>367</v>
      </c>
      <c r="B70888" s="14" t="s">
        <v>1</v>
      </c>
      <c r="C70888" s="14" t="s">
        <v>96</v>
      </c>
      <c r="D70888" s="14" t="s">
        <v>155</v>
      </c>
      <c r="E70888" s="15">
        <v>45454</v>
      </c>
      <c r="F70888" s="14" t="s">
        <v>25</v>
      </c>
      <c r="G70888" s="16">
        <v>0</v>
      </c>
    </row>
    <row r="70889" spans="1:7" x14ac:dyDescent="0.3">
      <c r="A70889" s="13" t="s">
        <v>367</v>
      </c>
      <c r="B70889" s="14" t="s">
        <v>1</v>
      </c>
      <c r="C70889" s="14" t="s">
        <v>96</v>
      </c>
      <c r="D70889" s="14" t="s">
        <v>155</v>
      </c>
      <c r="E70889" s="15">
        <v>45455</v>
      </c>
      <c r="F70889" s="14" t="s">
        <v>25</v>
      </c>
      <c r="G70889" s="16">
        <v>0</v>
      </c>
    </row>
    <row r="70890" spans="1:7" x14ac:dyDescent="0.3">
      <c r="A70890" s="13" t="s">
        <v>367</v>
      </c>
      <c r="B70890" s="14" t="s">
        <v>1</v>
      </c>
      <c r="C70890" s="14" t="s">
        <v>96</v>
      </c>
      <c r="D70890" s="14" t="s">
        <v>155</v>
      </c>
      <c r="E70890" s="15">
        <v>45456</v>
      </c>
      <c r="F70890" s="14" t="s">
        <v>25</v>
      </c>
      <c r="G70890" s="16">
        <v>0</v>
      </c>
    </row>
    <row r="70891" spans="1:7" x14ac:dyDescent="0.3">
      <c r="A70891" s="13" t="s">
        <v>367</v>
      </c>
      <c r="B70891" s="14" t="s">
        <v>1</v>
      </c>
      <c r="C70891" s="14" t="s">
        <v>96</v>
      </c>
      <c r="D70891" s="14" t="s">
        <v>155</v>
      </c>
      <c r="E70891" s="15">
        <v>45457</v>
      </c>
      <c r="F70891" s="14" t="s">
        <v>25</v>
      </c>
      <c r="G70891" s="16">
        <v>0</v>
      </c>
    </row>
    <row r="70892" spans="1:7" x14ac:dyDescent="0.3">
      <c r="A70892" s="13" t="s">
        <v>367</v>
      </c>
      <c r="B70892" s="14" t="s">
        <v>1</v>
      </c>
      <c r="C70892" s="14" t="s">
        <v>96</v>
      </c>
      <c r="D70892" s="14" t="s">
        <v>155</v>
      </c>
      <c r="E70892" s="15">
        <v>45458</v>
      </c>
      <c r="F70892" s="14" t="s">
        <v>25</v>
      </c>
      <c r="G70892" s="16">
        <v>0</v>
      </c>
    </row>
    <row r="70893" spans="1:7" x14ac:dyDescent="0.3">
      <c r="A70893" s="13" t="s">
        <v>367</v>
      </c>
      <c r="B70893" s="14" t="s">
        <v>1</v>
      </c>
      <c r="C70893" s="14" t="s">
        <v>96</v>
      </c>
      <c r="D70893" s="14" t="s">
        <v>155</v>
      </c>
      <c r="E70893" s="15">
        <v>45459</v>
      </c>
      <c r="F70893" s="14" t="s">
        <v>25</v>
      </c>
      <c r="G70893" s="16">
        <v>0</v>
      </c>
    </row>
    <row r="70894" spans="1:7" x14ac:dyDescent="0.3">
      <c r="A70894" s="13" t="s">
        <v>367</v>
      </c>
      <c r="B70894" s="14" t="s">
        <v>1</v>
      </c>
      <c r="C70894" s="14" t="s">
        <v>96</v>
      </c>
      <c r="D70894" s="14" t="s">
        <v>155</v>
      </c>
      <c r="E70894" s="15">
        <v>45460</v>
      </c>
      <c r="F70894" s="14" t="s">
        <v>25</v>
      </c>
      <c r="G70894" s="16">
        <v>0</v>
      </c>
    </row>
    <row r="70895" spans="1:7" x14ac:dyDescent="0.3">
      <c r="A70895" s="13" t="s">
        <v>367</v>
      </c>
      <c r="B70895" s="14" t="s">
        <v>1</v>
      </c>
      <c r="C70895" s="14" t="s">
        <v>96</v>
      </c>
      <c r="D70895" s="14" t="s">
        <v>155</v>
      </c>
      <c r="E70895" s="15">
        <v>45461</v>
      </c>
      <c r="F70895" s="14" t="s">
        <v>25</v>
      </c>
      <c r="G70895" s="16">
        <v>0</v>
      </c>
    </row>
    <row r="70896" spans="1:7" x14ac:dyDescent="0.3">
      <c r="A70896" s="13" t="s">
        <v>367</v>
      </c>
      <c r="B70896" s="14" t="s">
        <v>1</v>
      </c>
      <c r="C70896" s="14" t="s">
        <v>96</v>
      </c>
      <c r="D70896" s="14" t="s">
        <v>155</v>
      </c>
      <c r="E70896" s="15">
        <v>45462</v>
      </c>
      <c r="F70896" s="14" t="s">
        <v>25</v>
      </c>
      <c r="G70896" s="16">
        <v>0</v>
      </c>
    </row>
    <row r="70897" spans="1:7" x14ac:dyDescent="0.3">
      <c r="A70897" s="13" t="s">
        <v>367</v>
      </c>
      <c r="B70897" s="14" t="s">
        <v>1</v>
      </c>
      <c r="C70897" s="14" t="s">
        <v>96</v>
      </c>
      <c r="D70897" s="14" t="s">
        <v>155</v>
      </c>
      <c r="E70897" s="15">
        <v>45463</v>
      </c>
      <c r="F70897" s="14" t="s">
        <v>25</v>
      </c>
      <c r="G70897" s="16">
        <v>0</v>
      </c>
    </row>
    <row r="70898" spans="1:7" x14ac:dyDescent="0.3">
      <c r="A70898" s="13" t="s">
        <v>367</v>
      </c>
      <c r="B70898" s="14" t="s">
        <v>1</v>
      </c>
      <c r="C70898" s="14" t="s">
        <v>96</v>
      </c>
      <c r="D70898" s="14" t="s">
        <v>155</v>
      </c>
      <c r="E70898" s="15">
        <v>45464</v>
      </c>
      <c r="F70898" s="14" t="s">
        <v>25</v>
      </c>
      <c r="G70898" s="16">
        <v>0</v>
      </c>
    </row>
    <row r="70899" spans="1:7" x14ac:dyDescent="0.3">
      <c r="A70899" s="13" t="s">
        <v>367</v>
      </c>
      <c r="B70899" s="14" t="s">
        <v>1</v>
      </c>
      <c r="C70899" s="14" t="s">
        <v>96</v>
      </c>
      <c r="D70899" s="14" t="s">
        <v>155</v>
      </c>
      <c r="E70899" s="15">
        <v>45465</v>
      </c>
      <c r="F70899" s="14" t="s">
        <v>25</v>
      </c>
      <c r="G70899" s="16">
        <v>0</v>
      </c>
    </row>
    <row r="70900" spans="1:7" x14ac:dyDescent="0.3">
      <c r="A70900" s="13" t="s">
        <v>367</v>
      </c>
      <c r="B70900" s="14" t="s">
        <v>1</v>
      </c>
      <c r="C70900" s="14" t="s">
        <v>96</v>
      </c>
      <c r="D70900" s="14" t="s">
        <v>155</v>
      </c>
      <c r="E70900" s="15">
        <v>45466</v>
      </c>
      <c r="F70900" s="14" t="s">
        <v>25</v>
      </c>
      <c r="G70900" s="16">
        <v>0</v>
      </c>
    </row>
    <row r="70901" spans="1:7" x14ac:dyDescent="0.3">
      <c r="A70901" s="13" t="s">
        <v>367</v>
      </c>
      <c r="B70901" s="14" t="s">
        <v>1</v>
      </c>
      <c r="C70901" s="14" t="s">
        <v>96</v>
      </c>
      <c r="D70901" s="14" t="s">
        <v>155</v>
      </c>
      <c r="E70901" s="15">
        <v>45467</v>
      </c>
      <c r="F70901" s="14" t="s">
        <v>25</v>
      </c>
      <c r="G70901" s="16">
        <v>0</v>
      </c>
    </row>
    <row r="70902" spans="1:7" x14ac:dyDescent="0.3">
      <c r="A70902" s="13" t="s">
        <v>367</v>
      </c>
      <c r="B70902" s="14" t="s">
        <v>1</v>
      </c>
      <c r="C70902" s="14" t="s">
        <v>96</v>
      </c>
      <c r="D70902" s="14" t="s">
        <v>155</v>
      </c>
      <c r="E70902" s="15">
        <v>45468</v>
      </c>
      <c r="F70902" s="14" t="s">
        <v>25</v>
      </c>
      <c r="G70902" s="16">
        <v>0</v>
      </c>
    </row>
    <row r="70903" spans="1:7" x14ac:dyDescent="0.3">
      <c r="A70903" s="13" t="s">
        <v>367</v>
      </c>
      <c r="B70903" s="14" t="s">
        <v>1</v>
      </c>
      <c r="C70903" s="14" t="s">
        <v>96</v>
      </c>
      <c r="D70903" s="14" t="s">
        <v>155</v>
      </c>
      <c r="E70903" s="15">
        <v>45469</v>
      </c>
      <c r="F70903" s="14" t="s">
        <v>25</v>
      </c>
      <c r="G70903" s="16">
        <v>0</v>
      </c>
    </row>
    <row r="70904" spans="1:7" x14ac:dyDescent="0.3">
      <c r="A70904" s="13" t="s">
        <v>367</v>
      </c>
      <c r="B70904" s="14" t="s">
        <v>1</v>
      </c>
      <c r="C70904" s="14" t="s">
        <v>96</v>
      </c>
      <c r="D70904" s="14" t="s">
        <v>155</v>
      </c>
      <c r="E70904" s="15">
        <v>45470</v>
      </c>
      <c r="F70904" s="14" t="s">
        <v>25</v>
      </c>
      <c r="G70904" s="16">
        <v>0</v>
      </c>
    </row>
    <row r="70905" spans="1:7" x14ac:dyDescent="0.3">
      <c r="A70905" s="13" t="s">
        <v>367</v>
      </c>
      <c r="B70905" s="14" t="s">
        <v>1</v>
      </c>
      <c r="C70905" s="14" t="s">
        <v>96</v>
      </c>
      <c r="D70905" s="14" t="s">
        <v>155</v>
      </c>
      <c r="E70905" s="15">
        <v>45471</v>
      </c>
      <c r="F70905" s="14" t="s">
        <v>25</v>
      </c>
      <c r="G70905" s="16">
        <v>0</v>
      </c>
    </row>
    <row r="70906" spans="1:7" x14ac:dyDescent="0.3">
      <c r="A70906" s="13" t="s">
        <v>367</v>
      </c>
      <c r="B70906" s="14" t="s">
        <v>1</v>
      </c>
      <c r="C70906" s="14" t="s">
        <v>96</v>
      </c>
      <c r="D70906" s="14" t="s">
        <v>155</v>
      </c>
      <c r="E70906" s="15">
        <v>45472</v>
      </c>
      <c r="F70906" s="14" t="s">
        <v>25</v>
      </c>
      <c r="G70906" s="16">
        <v>0</v>
      </c>
    </row>
    <row r="70907" spans="1:7" x14ac:dyDescent="0.3">
      <c r="A70907" s="13" t="s">
        <v>367</v>
      </c>
      <c r="B70907" s="14" t="s">
        <v>1</v>
      </c>
      <c r="C70907" s="14" t="s">
        <v>96</v>
      </c>
      <c r="D70907" s="14" t="s">
        <v>155</v>
      </c>
      <c r="E70907" s="15">
        <v>45473</v>
      </c>
      <c r="F70907" s="14" t="s">
        <v>25</v>
      </c>
      <c r="G70907" s="16">
        <v>0</v>
      </c>
    </row>
    <row r="70908" spans="1:7" x14ac:dyDescent="0.3">
      <c r="A70908" s="13" t="s">
        <v>367</v>
      </c>
      <c r="B70908" s="14" t="s">
        <v>1</v>
      </c>
      <c r="C70908" s="14" t="s">
        <v>96</v>
      </c>
      <c r="D70908" s="14" t="s">
        <v>155</v>
      </c>
      <c r="E70908" s="15">
        <v>45474</v>
      </c>
      <c r="F70908" s="14" t="s">
        <v>25</v>
      </c>
      <c r="G70908" s="16">
        <v>0</v>
      </c>
    </row>
    <row r="70909" spans="1:7" x14ac:dyDescent="0.3">
      <c r="A70909" s="13" t="s">
        <v>367</v>
      </c>
      <c r="B70909" s="14" t="s">
        <v>1</v>
      </c>
      <c r="C70909" s="14" t="s">
        <v>96</v>
      </c>
      <c r="D70909" s="14" t="s">
        <v>155</v>
      </c>
      <c r="E70909" s="15">
        <v>45475</v>
      </c>
      <c r="F70909" s="14" t="s">
        <v>25</v>
      </c>
      <c r="G70909" s="16">
        <v>0</v>
      </c>
    </row>
    <row r="70910" spans="1:7" x14ac:dyDescent="0.3">
      <c r="A70910" s="13" t="s">
        <v>367</v>
      </c>
      <c r="B70910" s="14" t="s">
        <v>1</v>
      </c>
      <c r="C70910" s="14" t="s">
        <v>96</v>
      </c>
      <c r="D70910" s="14" t="s">
        <v>155</v>
      </c>
      <c r="E70910" s="15">
        <v>45476</v>
      </c>
      <c r="F70910" s="14" t="s">
        <v>25</v>
      </c>
      <c r="G70910" s="16">
        <v>0</v>
      </c>
    </row>
    <row r="70911" spans="1:7" x14ac:dyDescent="0.3">
      <c r="A70911" s="13" t="s">
        <v>367</v>
      </c>
      <c r="B70911" s="14" t="s">
        <v>1</v>
      </c>
      <c r="C70911" s="14" t="s">
        <v>96</v>
      </c>
      <c r="D70911" s="14" t="s">
        <v>155</v>
      </c>
      <c r="E70911" s="15">
        <v>45477</v>
      </c>
      <c r="F70911" s="14" t="s">
        <v>25</v>
      </c>
      <c r="G70911" s="16">
        <v>0</v>
      </c>
    </row>
    <row r="70912" spans="1:7" x14ac:dyDescent="0.3">
      <c r="A70912" s="13" t="s">
        <v>367</v>
      </c>
      <c r="B70912" s="14" t="s">
        <v>1</v>
      </c>
      <c r="C70912" s="14" t="s">
        <v>96</v>
      </c>
      <c r="D70912" s="14" t="s">
        <v>155</v>
      </c>
      <c r="E70912" s="15">
        <v>45478</v>
      </c>
      <c r="F70912" s="14" t="s">
        <v>25</v>
      </c>
      <c r="G70912" s="16">
        <v>0</v>
      </c>
    </row>
    <row r="70913" spans="1:7" x14ac:dyDescent="0.3">
      <c r="A70913" s="13" t="s">
        <v>367</v>
      </c>
      <c r="B70913" s="14" t="s">
        <v>1</v>
      </c>
      <c r="C70913" s="14" t="s">
        <v>96</v>
      </c>
      <c r="D70913" s="14" t="s">
        <v>155</v>
      </c>
      <c r="E70913" s="15">
        <v>45479</v>
      </c>
      <c r="F70913" s="14" t="s">
        <v>25</v>
      </c>
      <c r="G70913" s="16">
        <v>0</v>
      </c>
    </row>
    <row r="70914" spans="1:7" x14ac:dyDescent="0.3">
      <c r="A70914" s="13" t="s">
        <v>367</v>
      </c>
      <c r="B70914" s="14" t="s">
        <v>1</v>
      </c>
      <c r="C70914" s="14" t="s">
        <v>96</v>
      </c>
      <c r="D70914" s="14" t="s">
        <v>155</v>
      </c>
      <c r="E70914" s="15">
        <v>45480</v>
      </c>
      <c r="F70914" s="14" t="s">
        <v>25</v>
      </c>
      <c r="G70914" s="16">
        <v>0</v>
      </c>
    </row>
    <row r="70915" spans="1:7" x14ac:dyDescent="0.3">
      <c r="A70915" s="13" t="s">
        <v>367</v>
      </c>
      <c r="B70915" s="14" t="s">
        <v>1</v>
      </c>
      <c r="C70915" s="14" t="s">
        <v>96</v>
      </c>
      <c r="D70915" s="14" t="s">
        <v>155</v>
      </c>
      <c r="E70915" s="15">
        <v>45481</v>
      </c>
      <c r="F70915" s="14" t="s">
        <v>25</v>
      </c>
      <c r="G70915" s="16">
        <v>0</v>
      </c>
    </row>
    <row r="70916" spans="1:7" x14ac:dyDescent="0.3">
      <c r="A70916" s="13" t="s">
        <v>367</v>
      </c>
      <c r="B70916" s="14" t="s">
        <v>1</v>
      </c>
      <c r="C70916" s="14" t="s">
        <v>96</v>
      </c>
      <c r="D70916" s="14" t="s">
        <v>155</v>
      </c>
      <c r="E70916" s="15">
        <v>45482</v>
      </c>
      <c r="F70916" s="14" t="s">
        <v>25</v>
      </c>
      <c r="G70916" s="16">
        <v>0</v>
      </c>
    </row>
    <row r="70917" spans="1:7" x14ac:dyDescent="0.3">
      <c r="A70917" s="13" t="s">
        <v>367</v>
      </c>
      <c r="B70917" s="14" t="s">
        <v>1</v>
      </c>
      <c r="C70917" s="14" t="s">
        <v>96</v>
      </c>
      <c r="D70917" s="14" t="s">
        <v>155</v>
      </c>
      <c r="E70917" s="15">
        <v>45483</v>
      </c>
      <c r="F70917" s="14" t="s">
        <v>25</v>
      </c>
      <c r="G70917" s="16">
        <v>0</v>
      </c>
    </row>
    <row r="70918" spans="1:7" x14ac:dyDescent="0.3">
      <c r="A70918" s="13" t="s">
        <v>367</v>
      </c>
      <c r="B70918" s="14" t="s">
        <v>1</v>
      </c>
      <c r="C70918" s="14" t="s">
        <v>96</v>
      </c>
      <c r="D70918" s="14" t="s">
        <v>155</v>
      </c>
      <c r="E70918" s="15">
        <v>45484</v>
      </c>
      <c r="F70918" s="14" t="s">
        <v>25</v>
      </c>
      <c r="G70918" s="16">
        <v>0</v>
      </c>
    </row>
    <row r="70919" spans="1:7" x14ac:dyDescent="0.3">
      <c r="A70919" s="13" t="s">
        <v>367</v>
      </c>
      <c r="B70919" s="14" t="s">
        <v>1</v>
      </c>
      <c r="C70919" s="14" t="s">
        <v>96</v>
      </c>
      <c r="D70919" s="14" t="s">
        <v>155</v>
      </c>
      <c r="E70919" s="15">
        <v>45485</v>
      </c>
      <c r="F70919" s="14" t="s">
        <v>25</v>
      </c>
      <c r="G70919" s="16">
        <v>0</v>
      </c>
    </row>
    <row r="70920" spans="1:7" x14ac:dyDescent="0.3">
      <c r="A70920" s="13" t="s">
        <v>367</v>
      </c>
      <c r="B70920" s="14" t="s">
        <v>1</v>
      </c>
      <c r="C70920" s="14" t="s">
        <v>96</v>
      </c>
      <c r="D70920" s="14" t="s">
        <v>155</v>
      </c>
      <c r="E70920" s="15">
        <v>45486</v>
      </c>
      <c r="F70920" s="14" t="s">
        <v>25</v>
      </c>
      <c r="G70920" s="16">
        <v>0</v>
      </c>
    </row>
    <row r="70921" spans="1:7" x14ac:dyDescent="0.3">
      <c r="A70921" s="13" t="s">
        <v>367</v>
      </c>
      <c r="B70921" s="14" t="s">
        <v>1</v>
      </c>
      <c r="C70921" s="14" t="s">
        <v>96</v>
      </c>
      <c r="D70921" s="14" t="s">
        <v>155</v>
      </c>
      <c r="E70921" s="15">
        <v>45487</v>
      </c>
      <c r="F70921" s="14" t="s">
        <v>25</v>
      </c>
      <c r="G70921" s="16">
        <v>0</v>
      </c>
    </row>
    <row r="70922" spans="1:7" x14ac:dyDescent="0.3">
      <c r="A70922" s="13" t="s">
        <v>367</v>
      </c>
      <c r="B70922" s="14" t="s">
        <v>1</v>
      </c>
      <c r="C70922" s="14" t="s">
        <v>96</v>
      </c>
      <c r="D70922" s="14" t="s">
        <v>155</v>
      </c>
      <c r="E70922" s="15">
        <v>45488</v>
      </c>
      <c r="F70922" s="14" t="s">
        <v>25</v>
      </c>
      <c r="G70922" s="16">
        <v>0</v>
      </c>
    </row>
    <row r="70923" spans="1:7" x14ac:dyDescent="0.3">
      <c r="A70923" s="13" t="s">
        <v>367</v>
      </c>
      <c r="B70923" s="14" t="s">
        <v>1</v>
      </c>
      <c r="C70923" s="14" t="s">
        <v>96</v>
      </c>
      <c r="D70923" s="14" t="s">
        <v>155</v>
      </c>
      <c r="E70923" s="15">
        <v>45489</v>
      </c>
      <c r="F70923" s="14" t="s">
        <v>25</v>
      </c>
      <c r="G70923" s="16">
        <v>0</v>
      </c>
    </row>
    <row r="70924" spans="1:7" x14ac:dyDescent="0.3">
      <c r="A70924" s="13" t="s">
        <v>367</v>
      </c>
      <c r="B70924" s="14" t="s">
        <v>1</v>
      </c>
      <c r="C70924" s="14" t="s">
        <v>96</v>
      </c>
      <c r="D70924" s="14" t="s">
        <v>155</v>
      </c>
      <c r="E70924" s="15">
        <v>45490</v>
      </c>
      <c r="F70924" s="14" t="s">
        <v>25</v>
      </c>
      <c r="G70924" s="16">
        <v>0</v>
      </c>
    </row>
    <row r="70925" spans="1:7" x14ac:dyDescent="0.3">
      <c r="A70925" s="13" t="s">
        <v>367</v>
      </c>
      <c r="B70925" s="14" t="s">
        <v>1</v>
      </c>
      <c r="C70925" s="14" t="s">
        <v>96</v>
      </c>
      <c r="D70925" s="14" t="s">
        <v>155</v>
      </c>
      <c r="E70925" s="15">
        <v>45491</v>
      </c>
      <c r="F70925" s="14" t="s">
        <v>25</v>
      </c>
      <c r="G70925" s="16">
        <v>0</v>
      </c>
    </row>
    <row r="70926" spans="1:7" x14ac:dyDescent="0.3">
      <c r="A70926" s="13" t="s">
        <v>367</v>
      </c>
      <c r="B70926" s="14" t="s">
        <v>1</v>
      </c>
      <c r="C70926" s="14" t="s">
        <v>96</v>
      </c>
      <c r="D70926" s="14" t="s">
        <v>155</v>
      </c>
      <c r="E70926" s="15">
        <v>45492</v>
      </c>
      <c r="F70926" s="14" t="s">
        <v>25</v>
      </c>
      <c r="G70926" s="16">
        <v>0</v>
      </c>
    </row>
    <row r="70927" spans="1:7" x14ac:dyDescent="0.3">
      <c r="A70927" s="13" t="s">
        <v>367</v>
      </c>
      <c r="B70927" s="14" t="s">
        <v>1</v>
      </c>
      <c r="C70927" s="14" t="s">
        <v>96</v>
      </c>
      <c r="D70927" s="14" t="s">
        <v>155</v>
      </c>
      <c r="E70927" s="15">
        <v>45493</v>
      </c>
      <c r="F70927" s="14" t="s">
        <v>25</v>
      </c>
      <c r="G70927" s="16">
        <v>0</v>
      </c>
    </row>
    <row r="70928" spans="1:7" x14ac:dyDescent="0.3">
      <c r="A70928" s="13" t="s">
        <v>367</v>
      </c>
      <c r="B70928" s="14" t="s">
        <v>1</v>
      </c>
      <c r="C70928" s="14" t="s">
        <v>96</v>
      </c>
      <c r="D70928" s="14" t="s">
        <v>155</v>
      </c>
      <c r="E70928" s="15">
        <v>45494</v>
      </c>
      <c r="F70928" s="14" t="s">
        <v>25</v>
      </c>
      <c r="G70928" s="16">
        <v>0</v>
      </c>
    </row>
    <row r="70929" spans="1:7" x14ac:dyDescent="0.3">
      <c r="A70929" s="13" t="s">
        <v>367</v>
      </c>
      <c r="B70929" s="14" t="s">
        <v>1</v>
      </c>
      <c r="C70929" s="14" t="s">
        <v>96</v>
      </c>
      <c r="D70929" s="14" t="s">
        <v>155</v>
      </c>
      <c r="E70929" s="15">
        <v>45495</v>
      </c>
      <c r="F70929" s="14" t="s">
        <v>25</v>
      </c>
      <c r="G70929" s="16">
        <v>0</v>
      </c>
    </row>
    <row r="70930" spans="1:7" x14ac:dyDescent="0.3">
      <c r="A70930" s="13" t="s">
        <v>367</v>
      </c>
      <c r="B70930" s="14" t="s">
        <v>1</v>
      </c>
      <c r="C70930" s="14" t="s">
        <v>96</v>
      </c>
      <c r="D70930" s="14" t="s">
        <v>155</v>
      </c>
      <c r="E70930" s="15">
        <v>45496</v>
      </c>
      <c r="F70930" s="14" t="s">
        <v>25</v>
      </c>
      <c r="G70930" s="16">
        <v>0</v>
      </c>
    </row>
    <row r="70931" spans="1:7" x14ac:dyDescent="0.3">
      <c r="A70931" s="13" t="s">
        <v>367</v>
      </c>
      <c r="B70931" s="14" t="s">
        <v>1</v>
      </c>
      <c r="C70931" s="14" t="s">
        <v>96</v>
      </c>
      <c r="D70931" s="14" t="s">
        <v>155</v>
      </c>
      <c r="E70931" s="15">
        <v>45497</v>
      </c>
      <c r="F70931" s="14" t="s">
        <v>25</v>
      </c>
      <c r="G70931" s="16">
        <v>0</v>
      </c>
    </row>
    <row r="70932" spans="1:7" x14ac:dyDescent="0.3">
      <c r="A70932" s="13" t="s">
        <v>367</v>
      </c>
      <c r="B70932" s="14" t="s">
        <v>1</v>
      </c>
      <c r="C70932" s="14" t="s">
        <v>96</v>
      </c>
      <c r="D70932" s="14" t="s">
        <v>155</v>
      </c>
      <c r="E70932" s="15">
        <v>45498</v>
      </c>
      <c r="F70932" s="14" t="s">
        <v>25</v>
      </c>
      <c r="G70932" s="16">
        <v>0</v>
      </c>
    </row>
    <row r="70933" spans="1:7" x14ac:dyDescent="0.3">
      <c r="A70933" s="13" t="s">
        <v>367</v>
      </c>
      <c r="B70933" s="14" t="s">
        <v>1</v>
      </c>
      <c r="C70933" s="14" t="s">
        <v>96</v>
      </c>
      <c r="D70933" s="14" t="s">
        <v>155</v>
      </c>
      <c r="E70933" s="15">
        <v>45499</v>
      </c>
      <c r="F70933" s="14" t="s">
        <v>25</v>
      </c>
      <c r="G70933" s="16">
        <v>0</v>
      </c>
    </row>
    <row r="70934" spans="1:7" x14ac:dyDescent="0.3">
      <c r="A70934" s="13" t="s">
        <v>367</v>
      </c>
      <c r="B70934" s="14" t="s">
        <v>1</v>
      </c>
      <c r="C70934" s="14" t="s">
        <v>96</v>
      </c>
      <c r="D70934" s="14" t="s">
        <v>155</v>
      </c>
      <c r="E70934" s="15">
        <v>45500</v>
      </c>
      <c r="F70934" s="14" t="s">
        <v>25</v>
      </c>
      <c r="G70934" s="16">
        <v>0</v>
      </c>
    </row>
    <row r="70935" spans="1:7" x14ac:dyDescent="0.3">
      <c r="A70935" s="13" t="s">
        <v>367</v>
      </c>
      <c r="B70935" s="14" t="s">
        <v>1</v>
      </c>
      <c r="C70935" s="14" t="s">
        <v>96</v>
      </c>
      <c r="D70935" s="14" t="s">
        <v>155</v>
      </c>
      <c r="E70935" s="15">
        <v>45501</v>
      </c>
      <c r="F70935" s="14" t="s">
        <v>25</v>
      </c>
      <c r="G70935" s="16">
        <v>0</v>
      </c>
    </row>
    <row r="70936" spans="1:7" x14ac:dyDescent="0.3">
      <c r="A70936" s="13" t="s">
        <v>367</v>
      </c>
      <c r="B70936" s="14" t="s">
        <v>1</v>
      </c>
      <c r="C70936" s="14" t="s">
        <v>96</v>
      </c>
      <c r="D70936" s="14" t="s">
        <v>155</v>
      </c>
      <c r="E70936" s="15">
        <v>45502</v>
      </c>
      <c r="F70936" s="14" t="s">
        <v>25</v>
      </c>
      <c r="G70936" s="16">
        <v>0</v>
      </c>
    </row>
    <row r="70937" spans="1:7" x14ac:dyDescent="0.3">
      <c r="A70937" s="13" t="s">
        <v>367</v>
      </c>
      <c r="B70937" s="14" t="s">
        <v>1</v>
      </c>
      <c r="C70937" s="14" t="s">
        <v>96</v>
      </c>
      <c r="D70937" s="14" t="s">
        <v>155</v>
      </c>
      <c r="E70937" s="15">
        <v>45503</v>
      </c>
      <c r="F70937" s="14" t="s">
        <v>25</v>
      </c>
      <c r="G70937" s="16">
        <v>0</v>
      </c>
    </row>
    <row r="70938" spans="1:7" x14ac:dyDescent="0.3">
      <c r="A70938" s="13" t="s">
        <v>367</v>
      </c>
      <c r="B70938" s="14" t="s">
        <v>1</v>
      </c>
      <c r="C70938" s="14" t="s">
        <v>96</v>
      </c>
      <c r="D70938" s="14" t="s">
        <v>155</v>
      </c>
      <c r="E70938" s="15">
        <v>45504</v>
      </c>
      <c r="F70938" s="14" t="s">
        <v>25</v>
      </c>
      <c r="G70938" s="16">
        <v>0</v>
      </c>
    </row>
    <row r="70939" spans="1:7" x14ac:dyDescent="0.3">
      <c r="A70939" s="13" t="s">
        <v>367</v>
      </c>
      <c r="B70939" s="14" t="s">
        <v>1</v>
      </c>
      <c r="C70939" s="14" t="s">
        <v>96</v>
      </c>
      <c r="D70939" s="14" t="s">
        <v>155</v>
      </c>
      <c r="E70939" s="15">
        <v>45505</v>
      </c>
      <c r="F70939" s="14" t="s">
        <v>25</v>
      </c>
      <c r="G70939" s="16">
        <v>0</v>
      </c>
    </row>
    <row r="70940" spans="1:7" x14ac:dyDescent="0.3">
      <c r="A70940" s="13" t="s">
        <v>367</v>
      </c>
      <c r="B70940" s="14" t="s">
        <v>1</v>
      </c>
      <c r="C70940" s="14" t="s">
        <v>96</v>
      </c>
      <c r="D70940" s="14" t="s">
        <v>155</v>
      </c>
      <c r="E70940" s="15">
        <v>45506</v>
      </c>
      <c r="F70940" s="14" t="s">
        <v>25</v>
      </c>
      <c r="G70940" s="16">
        <v>0</v>
      </c>
    </row>
    <row r="70941" spans="1:7" x14ac:dyDescent="0.3">
      <c r="A70941" s="13" t="s">
        <v>367</v>
      </c>
      <c r="B70941" s="14" t="s">
        <v>1</v>
      </c>
      <c r="C70941" s="14" t="s">
        <v>96</v>
      </c>
      <c r="D70941" s="14" t="s">
        <v>155</v>
      </c>
      <c r="E70941" s="15">
        <v>45507</v>
      </c>
      <c r="F70941" s="14" t="s">
        <v>25</v>
      </c>
      <c r="G70941" s="16">
        <v>0</v>
      </c>
    </row>
    <row r="70942" spans="1:7" x14ac:dyDescent="0.3">
      <c r="A70942" s="13" t="s">
        <v>367</v>
      </c>
      <c r="B70942" s="14" t="s">
        <v>1</v>
      </c>
      <c r="C70942" s="14" t="s">
        <v>96</v>
      </c>
      <c r="D70942" s="14" t="s">
        <v>155</v>
      </c>
      <c r="E70942" s="15">
        <v>45508</v>
      </c>
      <c r="F70942" s="14" t="s">
        <v>25</v>
      </c>
      <c r="G70942" s="16">
        <v>0</v>
      </c>
    </row>
    <row r="70943" spans="1:7" x14ac:dyDescent="0.3">
      <c r="A70943" s="13" t="s">
        <v>367</v>
      </c>
      <c r="B70943" s="14" t="s">
        <v>1</v>
      </c>
      <c r="C70943" s="14" t="s">
        <v>96</v>
      </c>
      <c r="D70943" s="14" t="s">
        <v>155</v>
      </c>
      <c r="E70943" s="15">
        <v>45509</v>
      </c>
      <c r="F70943" s="14" t="s">
        <v>25</v>
      </c>
      <c r="G70943" s="16">
        <v>0</v>
      </c>
    </row>
    <row r="70944" spans="1:7" x14ac:dyDescent="0.3">
      <c r="A70944" s="13" t="s">
        <v>367</v>
      </c>
      <c r="B70944" s="14" t="s">
        <v>1</v>
      </c>
      <c r="C70944" s="14" t="s">
        <v>96</v>
      </c>
      <c r="D70944" s="14" t="s">
        <v>155</v>
      </c>
      <c r="E70944" s="15">
        <v>45510</v>
      </c>
      <c r="F70944" s="14" t="s">
        <v>25</v>
      </c>
      <c r="G70944" s="16">
        <v>0</v>
      </c>
    </row>
    <row r="70945" spans="1:7" x14ac:dyDescent="0.3">
      <c r="A70945" s="13" t="s">
        <v>367</v>
      </c>
      <c r="B70945" s="14" t="s">
        <v>1</v>
      </c>
      <c r="C70945" s="14" t="s">
        <v>96</v>
      </c>
      <c r="D70945" s="14" t="s">
        <v>155</v>
      </c>
      <c r="E70945" s="15">
        <v>45511</v>
      </c>
      <c r="F70945" s="14" t="s">
        <v>25</v>
      </c>
      <c r="G70945" s="16">
        <v>0</v>
      </c>
    </row>
    <row r="70946" spans="1:7" x14ac:dyDescent="0.3">
      <c r="A70946" s="13" t="s">
        <v>367</v>
      </c>
      <c r="B70946" s="14" t="s">
        <v>1</v>
      </c>
      <c r="C70946" s="14" t="s">
        <v>96</v>
      </c>
      <c r="D70946" s="14" t="s">
        <v>155</v>
      </c>
      <c r="E70946" s="15">
        <v>45512</v>
      </c>
      <c r="F70946" s="14" t="s">
        <v>25</v>
      </c>
      <c r="G70946" s="16">
        <v>0</v>
      </c>
    </row>
    <row r="70947" spans="1:7" x14ac:dyDescent="0.3">
      <c r="A70947" s="13" t="s">
        <v>367</v>
      </c>
      <c r="B70947" s="14" t="s">
        <v>1</v>
      </c>
      <c r="C70947" s="14" t="s">
        <v>96</v>
      </c>
      <c r="D70947" s="14" t="s">
        <v>155</v>
      </c>
      <c r="E70947" s="15">
        <v>45513</v>
      </c>
      <c r="F70947" s="14" t="s">
        <v>25</v>
      </c>
      <c r="G70947" s="16">
        <v>0</v>
      </c>
    </row>
    <row r="70948" spans="1:7" x14ac:dyDescent="0.3">
      <c r="A70948" s="13" t="s">
        <v>367</v>
      </c>
      <c r="B70948" s="14" t="s">
        <v>1</v>
      </c>
      <c r="C70948" s="14" t="s">
        <v>96</v>
      </c>
      <c r="D70948" s="14" t="s">
        <v>155</v>
      </c>
      <c r="E70948" s="15">
        <v>45514</v>
      </c>
      <c r="F70948" s="14" t="s">
        <v>25</v>
      </c>
      <c r="G70948" s="16">
        <v>0</v>
      </c>
    </row>
    <row r="70949" spans="1:7" x14ac:dyDescent="0.3">
      <c r="A70949" s="13" t="s">
        <v>367</v>
      </c>
      <c r="B70949" s="14" t="s">
        <v>1</v>
      </c>
      <c r="C70949" s="14" t="s">
        <v>96</v>
      </c>
      <c r="D70949" s="14" t="s">
        <v>155</v>
      </c>
      <c r="E70949" s="15">
        <v>45515</v>
      </c>
      <c r="F70949" s="14" t="s">
        <v>25</v>
      </c>
      <c r="G70949" s="16">
        <v>0</v>
      </c>
    </row>
    <row r="70950" spans="1:7" x14ac:dyDescent="0.3">
      <c r="A70950" s="13" t="s">
        <v>367</v>
      </c>
      <c r="B70950" s="14" t="s">
        <v>1</v>
      </c>
      <c r="C70950" s="14" t="s">
        <v>96</v>
      </c>
      <c r="D70950" s="14" t="s">
        <v>155</v>
      </c>
      <c r="E70950" s="15">
        <v>45516</v>
      </c>
      <c r="F70950" s="14" t="s">
        <v>25</v>
      </c>
      <c r="G70950" s="16">
        <v>0</v>
      </c>
    </row>
    <row r="70951" spans="1:7" x14ac:dyDescent="0.3">
      <c r="A70951" s="13" t="s">
        <v>367</v>
      </c>
      <c r="B70951" s="14" t="s">
        <v>1</v>
      </c>
      <c r="C70951" s="14" t="s">
        <v>96</v>
      </c>
      <c r="D70951" s="14" t="s">
        <v>155</v>
      </c>
      <c r="E70951" s="15">
        <v>45517</v>
      </c>
      <c r="F70951" s="14" t="s">
        <v>25</v>
      </c>
      <c r="G70951" s="16">
        <v>0</v>
      </c>
    </row>
    <row r="70952" spans="1:7" x14ac:dyDescent="0.3">
      <c r="A70952" s="13" t="s">
        <v>367</v>
      </c>
      <c r="B70952" s="14" t="s">
        <v>1</v>
      </c>
      <c r="C70952" s="14" t="s">
        <v>96</v>
      </c>
      <c r="D70952" s="14" t="s">
        <v>155</v>
      </c>
      <c r="E70952" s="15">
        <v>45518</v>
      </c>
      <c r="F70952" s="14" t="s">
        <v>25</v>
      </c>
      <c r="G70952" s="16">
        <v>0</v>
      </c>
    </row>
    <row r="70953" spans="1:7" x14ac:dyDescent="0.3">
      <c r="A70953" s="13" t="s">
        <v>367</v>
      </c>
      <c r="B70953" s="14" t="s">
        <v>1</v>
      </c>
      <c r="C70953" s="14" t="s">
        <v>96</v>
      </c>
      <c r="D70953" s="14" t="s">
        <v>155</v>
      </c>
      <c r="E70953" s="15">
        <v>45519</v>
      </c>
      <c r="F70953" s="14" t="s">
        <v>25</v>
      </c>
      <c r="G70953" s="16">
        <v>0</v>
      </c>
    </row>
    <row r="70954" spans="1:7" x14ac:dyDescent="0.3">
      <c r="A70954" s="13" t="s">
        <v>367</v>
      </c>
      <c r="B70954" s="14" t="s">
        <v>1</v>
      </c>
      <c r="C70954" s="14" t="s">
        <v>96</v>
      </c>
      <c r="D70954" s="14" t="s">
        <v>155</v>
      </c>
      <c r="E70954" s="15">
        <v>45520</v>
      </c>
      <c r="F70954" s="14" t="s">
        <v>25</v>
      </c>
      <c r="G70954" s="16">
        <v>0</v>
      </c>
    </row>
    <row r="70955" spans="1:7" x14ac:dyDescent="0.3">
      <c r="A70955" s="13" t="s">
        <v>367</v>
      </c>
      <c r="B70955" s="14" t="s">
        <v>1</v>
      </c>
      <c r="C70955" s="14" t="s">
        <v>96</v>
      </c>
      <c r="D70955" s="14" t="s">
        <v>155</v>
      </c>
      <c r="E70955" s="15">
        <v>45521</v>
      </c>
      <c r="F70955" s="14" t="s">
        <v>25</v>
      </c>
      <c r="G70955" s="16">
        <v>0</v>
      </c>
    </row>
    <row r="70956" spans="1:7" x14ac:dyDescent="0.3">
      <c r="A70956" s="13" t="s">
        <v>367</v>
      </c>
      <c r="B70956" s="14" t="s">
        <v>1</v>
      </c>
      <c r="C70956" s="14" t="s">
        <v>96</v>
      </c>
      <c r="D70956" s="14" t="s">
        <v>155</v>
      </c>
      <c r="E70956" s="15">
        <v>45522</v>
      </c>
      <c r="F70956" s="14" t="s">
        <v>25</v>
      </c>
      <c r="G70956" s="16">
        <v>0</v>
      </c>
    </row>
    <row r="70957" spans="1:7" x14ac:dyDescent="0.3">
      <c r="A70957" s="13" t="s">
        <v>367</v>
      </c>
      <c r="B70957" s="14" t="s">
        <v>1</v>
      </c>
      <c r="C70957" s="14" t="s">
        <v>96</v>
      </c>
      <c r="D70957" s="14" t="s">
        <v>155</v>
      </c>
      <c r="E70957" s="15">
        <v>45523</v>
      </c>
      <c r="F70957" s="14" t="s">
        <v>25</v>
      </c>
      <c r="G70957" s="16">
        <v>0</v>
      </c>
    </row>
    <row r="70958" spans="1:7" x14ac:dyDescent="0.3">
      <c r="A70958" s="13" t="s">
        <v>367</v>
      </c>
      <c r="B70958" s="14" t="s">
        <v>1</v>
      </c>
      <c r="C70958" s="14" t="s">
        <v>96</v>
      </c>
      <c r="D70958" s="14" t="s">
        <v>155</v>
      </c>
      <c r="E70958" s="15">
        <v>45524</v>
      </c>
      <c r="F70958" s="14" t="s">
        <v>25</v>
      </c>
      <c r="G70958" s="16">
        <v>0</v>
      </c>
    </row>
    <row r="70959" spans="1:7" x14ac:dyDescent="0.3">
      <c r="A70959" s="13" t="s">
        <v>367</v>
      </c>
      <c r="B70959" s="14" t="s">
        <v>1</v>
      </c>
      <c r="C70959" s="14" t="s">
        <v>96</v>
      </c>
      <c r="D70959" s="14" t="s">
        <v>155</v>
      </c>
      <c r="E70959" s="15">
        <v>45525</v>
      </c>
      <c r="F70959" s="14" t="s">
        <v>25</v>
      </c>
      <c r="G70959" s="16">
        <v>0</v>
      </c>
    </row>
    <row r="70960" spans="1:7" x14ac:dyDescent="0.3">
      <c r="A70960" s="13" t="s">
        <v>367</v>
      </c>
      <c r="B70960" s="14" t="s">
        <v>1</v>
      </c>
      <c r="C70960" s="14" t="s">
        <v>96</v>
      </c>
      <c r="D70960" s="14" t="s">
        <v>155</v>
      </c>
      <c r="E70960" s="15">
        <v>45526</v>
      </c>
      <c r="F70960" s="14" t="s">
        <v>25</v>
      </c>
      <c r="G70960" s="16">
        <v>0</v>
      </c>
    </row>
    <row r="70961" spans="1:7" x14ac:dyDescent="0.3">
      <c r="A70961" s="13" t="s">
        <v>367</v>
      </c>
      <c r="B70961" s="14" t="s">
        <v>1</v>
      </c>
      <c r="C70961" s="14" t="s">
        <v>96</v>
      </c>
      <c r="D70961" s="14" t="s">
        <v>155</v>
      </c>
      <c r="E70961" s="15">
        <v>45527</v>
      </c>
      <c r="F70961" s="14" t="s">
        <v>25</v>
      </c>
      <c r="G70961" s="16">
        <v>0</v>
      </c>
    </row>
    <row r="70962" spans="1:7" x14ac:dyDescent="0.3">
      <c r="A70962" s="13" t="s">
        <v>367</v>
      </c>
      <c r="B70962" s="14" t="s">
        <v>1</v>
      </c>
      <c r="C70962" s="14" t="s">
        <v>96</v>
      </c>
      <c r="D70962" s="14" t="s">
        <v>155</v>
      </c>
      <c r="E70962" s="15">
        <v>45528</v>
      </c>
      <c r="F70962" s="14" t="s">
        <v>25</v>
      </c>
      <c r="G70962" s="16">
        <v>0</v>
      </c>
    </row>
    <row r="70963" spans="1:7" x14ac:dyDescent="0.3">
      <c r="A70963" s="13" t="s">
        <v>367</v>
      </c>
      <c r="B70963" s="14" t="s">
        <v>1</v>
      </c>
      <c r="C70963" s="14" t="s">
        <v>96</v>
      </c>
      <c r="D70963" s="14" t="s">
        <v>155</v>
      </c>
      <c r="E70963" s="15">
        <v>45529</v>
      </c>
      <c r="F70963" s="14" t="s">
        <v>25</v>
      </c>
      <c r="G70963" s="16">
        <v>0</v>
      </c>
    </row>
    <row r="70964" spans="1:7" x14ac:dyDescent="0.3">
      <c r="A70964" s="13" t="s">
        <v>367</v>
      </c>
      <c r="B70964" s="14" t="s">
        <v>1</v>
      </c>
      <c r="C70964" s="14" t="s">
        <v>96</v>
      </c>
      <c r="D70964" s="14" t="s">
        <v>155</v>
      </c>
      <c r="E70964" s="15">
        <v>45530</v>
      </c>
      <c r="F70964" s="14" t="s">
        <v>25</v>
      </c>
      <c r="G70964" s="16">
        <v>0</v>
      </c>
    </row>
    <row r="70965" spans="1:7" x14ac:dyDescent="0.3">
      <c r="A70965" s="13" t="s">
        <v>367</v>
      </c>
      <c r="B70965" s="14" t="s">
        <v>1</v>
      </c>
      <c r="C70965" s="14" t="s">
        <v>96</v>
      </c>
      <c r="D70965" s="14" t="s">
        <v>155</v>
      </c>
      <c r="E70965" s="15">
        <v>45531</v>
      </c>
      <c r="F70965" s="14" t="s">
        <v>25</v>
      </c>
      <c r="G70965" s="16">
        <v>0</v>
      </c>
    </row>
    <row r="70966" spans="1:7" x14ac:dyDescent="0.3">
      <c r="A70966" s="13" t="s">
        <v>367</v>
      </c>
      <c r="B70966" s="14" t="s">
        <v>1</v>
      </c>
      <c r="C70966" s="14" t="s">
        <v>96</v>
      </c>
      <c r="D70966" s="14" t="s">
        <v>155</v>
      </c>
      <c r="E70966" s="15">
        <v>45532</v>
      </c>
      <c r="F70966" s="14" t="s">
        <v>25</v>
      </c>
      <c r="G70966" s="16">
        <v>0</v>
      </c>
    </row>
    <row r="70967" spans="1:7" x14ac:dyDescent="0.3">
      <c r="A70967" s="13" t="s">
        <v>367</v>
      </c>
      <c r="B70967" s="14" t="s">
        <v>1</v>
      </c>
      <c r="C70967" s="14" t="s">
        <v>96</v>
      </c>
      <c r="D70967" s="14" t="s">
        <v>155</v>
      </c>
      <c r="E70967" s="15">
        <v>45533</v>
      </c>
      <c r="F70967" s="14" t="s">
        <v>25</v>
      </c>
      <c r="G70967" s="16">
        <v>0</v>
      </c>
    </row>
    <row r="70968" spans="1:7" x14ac:dyDescent="0.3">
      <c r="A70968" s="13" t="s">
        <v>367</v>
      </c>
      <c r="B70968" s="14" t="s">
        <v>1</v>
      </c>
      <c r="C70968" s="14" t="s">
        <v>96</v>
      </c>
      <c r="D70968" s="14" t="s">
        <v>155</v>
      </c>
      <c r="E70968" s="15">
        <v>45534</v>
      </c>
      <c r="F70968" s="14" t="s">
        <v>25</v>
      </c>
      <c r="G70968" s="16">
        <v>0</v>
      </c>
    </row>
    <row r="70969" spans="1:7" x14ac:dyDescent="0.3">
      <c r="A70969" s="13" t="s">
        <v>367</v>
      </c>
      <c r="B70969" s="14" t="s">
        <v>1</v>
      </c>
      <c r="C70969" s="14" t="s">
        <v>96</v>
      </c>
      <c r="D70969" s="14" t="s">
        <v>155</v>
      </c>
      <c r="E70969" s="15">
        <v>45535</v>
      </c>
      <c r="F70969" s="14" t="s">
        <v>25</v>
      </c>
      <c r="G70969" s="16">
        <v>0</v>
      </c>
    </row>
    <row r="70970" spans="1:7" x14ac:dyDescent="0.3">
      <c r="A70970" s="13" t="s">
        <v>367</v>
      </c>
      <c r="B70970" s="14" t="s">
        <v>1</v>
      </c>
      <c r="C70970" s="14" t="s">
        <v>96</v>
      </c>
      <c r="D70970" s="14" t="s">
        <v>155</v>
      </c>
      <c r="E70970" s="15">
        <v>45536</v>
      </c>
      <c r="F70970" s="14" t="s">
        <v>25</v>
      </c>
      <c r="G70970" s="16">
        <v>0</v>
      </c>
    </row>
    <row r="70971" spans="1:7" x14ac:dyDescent="0.3">
      <c r="A70971" s="13" t="s">
        <v>367</v>
      </c>
      <c r="B70971" s="14" t="s">
        <v>1</v>
      </c>
      <c r="C70971" s="14" t="s">
        <v>96</v>
      </c>
      <c r="D70971" s="14" t="s">
        <v>155</v>
      </c>
      <c r="E70971" s="15">
        <v>45537</v>
      </c>
      <c r="F70971" s="14" t="s">
        <v>25</v>
      </c>
      <c r="G70971" s="16">
        <v>0</v>
      </c>
    </row>
    <row r="70972" spans="1:7" x14ac:dyDescent="0.3">
      <c r="A70972" s="13" t="s">
        <v>367</v>
      </c>
      <c r="B70972" s="14" t="s">
        <v>1</v>
      </c>
      <c r="C70972" s="14" t="s">
        <v>96</v>
      </c>
      <c r="D70972" s="14" t="s">
        <v>155</v>
      </c>
      <c r="E70972" s="15">
        <v>45538</v>
      </c>
      <c r="F70972" s="14" t="s">
        <v>25</v>
      </c>
      <c r="G70972" s="16">
        <v>0</v>
      </c>
    </row>
    <row r="70973" spans="1:7" x14ac:dyDescent="0.3">
      <c r="A70973" s="13" t="s">
        <v>367</v>
      </c>
      <c r="B70973" s="14" t="s">
        <v>1</v>
      </c>
      <c r="C70973" s="14" t="s">
        <v>96</v>
      </c>
      <c r="D70973" s="14" t="s">
        <v>155</v>
      </c>
      <c r="E70973" s="15">
        <v>45539</v>
      </c>
      <c r="F70973" s="14" t="s">
        <v>25</v>
      </c>
      <c r="G70973" s="16">
        <v>0</v>
      </c>
    </row>
    <row r="70974" spans="1:7" x14ac:dyDescent="0.3">
      <c r="A70974" s="13" t="s">
        <v>367</v>
      </c>
      <c r="B70974" s="14" t="s">
        <v>1</v>
      </c>
      <c r="C70974" s="14" t="s">
        <v>96</v>
      </c>
      <c r="D70974" s="14" t="s">
        <v>155</v>
      </c>
      <c r="E70974" s="15">
        <v>45540</v>
      </c>
      <c r="F70974" s="14" t="s">
        <v>25</v>
      </c>
      <c r="G70974" s="16">
        <v>0</v>
      </c>
    </row>
    <row r="70975" spans="1:7" x14ac:dyDescent="0.3">
      <c r="A70975" s="13" t="s">
        <v>367</v>
      </c>
      <c r="B70975" s="14" t="s">
        <v>1</v>
      </c>
      <c r="C70975" s="14" t="s">
        <v>96</v>
      </c>
      <c r="D70975" s="14" t="s">
        <v>155</v>
      </c>
      <c r="E70975" s="15">
        <v>45541</v>
      </c>
      <c r="F70975" s="14" t="s">
        <v>25</v>
      </c>
      <c r="G70975" s="16">
        <v>0</v>
      </c>
    </row>
    <row r="70976" spans="1:7" x14ac:dyDescent="0.3">
      <c r="A70976" s="13" t="s">
        <v>367</v>
      </c>
      <c r="B70976" s="14" t="s">
        <v>1</v>
      </c>
      <c r="C70976" s="14" t="s">
        <v>96</v>
      </c>
      <c r="D70976" s="14" t="s">
        <v>155</v>
      </c>
      <c r="E70976" s="15">
        <v>45542</v>
      </c>
      <c r="F70976" s="14" t="s">
        <v>25</v>
      </c>
      <c r="G70976" s="16">
        <v>0</v>
      </c>
    </row>
    <row r="70977" spans="1:7" x14ac:dyDescent="0.3">
      <c r="A70977" s="13" t="s">
        <v>367</v>
      </c>
      <c r="B70977" s="14" t="s">
        <v>1</v>
      </c>
      <c r="C70977" s="14" t="s">
        <v>96</v>
      </c>
      <c r="D70977" s="14" t="s">
        <v>155</v>
      </c>
      <c r="E70977" s="15">
        <v>45543</v>
      </c>
      <c r="F70977" s="14" t="s">
        <v>25</v>
      </c>
      <c r="G70977" s="16">
        <v>0</v>
      </c>
    </row>
    <row r="70978" spans="1:7" x14ac:dyDescent="0.3">
      <c r="A70978" s="13" t="s">
        <v>367</v>
      </c>
      <c r="B70978" s="14" t="s">
        <v>1</v>
      </c>
      <c r="C70978" s="14" t="s">
        <v>96</v>
      </c>
      <c r="D70978" s="14" t="s">
        <v>155</v>
      </c>
      <c r="E70978" s="15">
        <v>45544</v>
      </c>
      <c r="F70978" s="14" t="s">
        <v>25</v>
      </c>
      <c r="G70978" s="16">
        <v>0</v>
      </c>
    </row>
    <row r="70979" spans="1:7" x14ac:dyDescent="0.3">
      <c r="A70979" s="13" t="s">
        <v>367</v>
      </c>
      <c r="B70979" s="14" t="s">
        <v>1</v>
      </c>
      <c r="C70979" s="14" t="s">
        <v>96</v>
      </c>
      <c r="D70979" s="14" t="s">
        <v>155</v>
      </c>
      <c r="E70979" s="15">
        <v>45545</v>
      </c>
      <c r="F70979" s="14" t="s">
        <v>25</v>
      </c>
      <c r="G70979" s="16">
        <v>0</v>
      </c>
    </row>
    <row r="70980" spans="1:7" x14ac:dyDescent="0.3">
      <c r="A70980" s="13" t="s">
        <v>367</v>
      </c>
      <c r="B70980" s="14" t="s">
        <v>1</v>
      </c>
      <c r="C70980" s="14" t="s">
        <v>96</v>
      </c>
      <c r="D70980" s="14" t="s">
        <v>155</v>
      </c>
      <c r="E70980" s="15">
        <v>45546</v>
      </c>
      <c r="F70980" s="14" t="s">
        <v>25</v>
      </c>
      <c r="G70980" s="16">
        <v>0</v>
      </c>
    </row>
    <row r="70981" spans="1:7" x14ac:dyDescent="0.3">
      <c r="A70981" s="13" t="s">
        <v>367</v>
      </c>
      <c r="B70981" s="14" t="s">
        <v>1</v>
      </c>
      <c r="C70981" s="14" t="s">
        <v>96</v>
      </c>
      <c r="D70981" s="14" t="s">
        <v>155</v>
      </c>
      <c r="E70981" s="15">
        <v>45547</v>
      </c>
      <c r="F70981" s="14" t="s">
        <v>25</v>
      </c>
      <c r="G70981" s="16">
        <v>0</v>
      </c>
    </row>
    <row r="70982" spans="1:7" x14ac:dyDescent="0.3">
      <c r="A70982" s="13" t="s">
        <v>367</v>
      </c>
      <c r="B70982" s="14" t="s">
        <v>1</v>
      </c>
      <c r="C70982" s="14" t="s">
        <v>96</v>
      </c>
      <c r="D70982" s="14" t="s">
        <v>155</v>
      </c>
      <c r="E70982" s="15">
        <v>45548</v>
      </c>
      <c r="F70982" s="14" t="s">
        <v>25</v>
      </c>
      <c r="G70982" s="16">
        <v>0</v>
      </c>
    </row>
    <row r="70983" spans="1:7" x14ac:dyDescent="0.3">
      <c r="A70983" s="13" t="s">
        <v>367</v>
      </c>
      <c r="B70983" s="14" t="s">
        <v>1</v>
      </c>
      <c r="C70983" s="14" t="s">
        <v>96</v>
      </c>
      <c r="D70983" s="14" t="s">
        <v>155</v>
      </c>
      <c r="E70983" s="15">
        <v>45549</v>
      </c>
      <c r="F70983" s="14" t="s">
        <v>25</v>
      </c>
      <c r="G70983" s="16">
        <v>0</v>
      </c>
    </row>
    <row r="70984" spans="1:7" x14ac:dyDescent="0.3">
      <c r="A70984" s="13" t="s">
        <v>367</v>
      </c>
      <c r="B70984" s="14" t="s">
        <v>1</v>
      </c>
      <c r="C70984" s="14" t="s">
        <v>96</v>
      </c>
      <c r="D70984" s="14" t="s">
        <v>155</v>
      </c>
      <c r="E70984" s="15">
        <v>45550</v>
      </c>
      <c r="F70984" s="14" t="s">
        <v>25</v>
      </c>
      <c r="G70984" s="16">
        <v>0</v>
      </c>
    </row>
    <row r="70985" spans="1:7" x14ac:dyDescent="0.3">
      <c r="A70985" s="13" t="s">
        <v>367</v>
      </c>
      <c r="B70985" s="14" t="s">
        <v>1</v>
      </c>
      <c r="C70985" s="14" t="s">
        <v>96</v>
      </c>
      <c r="D70985" s="14" t="s">
        <v>155</v>
      </c>
      <c r="E70985" s="15">
        <v>45551</v>
      </c>
      <c r="F70985" s="14" t="s">
        <v>25</v>
      </c>
      <c r="G70985" s="16">
        <v>0</v>
      </c>
    </row>
    <row r="70986" spans="1:7" x14ac:dyDescent="0.3">
      <c r="A70986" s="13" t="s">
        <v>367</v>
      </c>
      <c r="B70986" s="14" t="s">
        <v>1</v>
      </c>
      <c r="C70986" s="14" t="s">
        <v>96</v>
      </c>
      <c r="D70986" s="14" t="s">
        <v>155</v>
      </c>
      <c r="E70986" s="15">
        <v>45552</v>
      </c>
      <c r="F70986" s="14" t="s">
        <v>25</v>
      </c>
      <c r="G70986" s="16">
        <v>0</v>
      </c>
    </row>
    <row r="70987" spans="1:7" x14ac:dyDescent="0.3">
      <c r="A70987" s="13" t="s">
        <v>367</v>
      </c>
      <c r="B70987" s="14" t="s">
        <v>1</v>
      </c>
      <c r="C70987" s="14" t="s">
        <v>96</v>
      </c>
      <c r="D70987" s="14" t="s">
        <v>155</v>
      </c>
      <c r="E70987" s="15">
        <v>45553</v>
      </c>
      <c r="F70987" s="14" t="s">
        <v>25</v>
      </c>
      <c r="G70987" s="16">
        <v>0</v>
      </c>
    </row>
    <row r="70988" spans="1:7" x14ac:dyDescent="0.3">
      <c r="A70988" s="13" t="s">
        <v>367</v>
      </c>
      <c r="B70988" s="14" t="s">
        <v>1</v>
      </c>
      <c r="C70988" s="14" t="s">
        <v>96</v>
      </c>
      <c r="D70988" s="14" t="s">
        <v>155</v>
      </c>
      <c r="E70988" s="15">
        <v>45554</v>
      </c>
      <c r="F70988" s="14" t="s">
        <v>25</v>
      </c>
      <c r="G70988" s="16">
        <v>0</v>
      </c>
    </row>
    <row r="70989" spans="1:7" x14ac:dyDescent="0.3">
      <c r="A70989" s="13" t="s">
        <v>367</v>
      </c>
      <c r="B70989" s="14" t="s">
        <v>1</v>
      </c>
      <c r="C70989" s="14" t="s">
        <v>96</v>
      </c>
      <c r="D70989" s="14" t="s">
        <v>155</v>
      </c>
      <c r="E70989" s="15">
        <v>45555</v>
      </c>
      <c r="F70989" s="14" t="s">
        <v>25</v>
      </c>
      <c r="G70989" s="16">
        <v>0</v>
      </c>
    </row>
    <row r="70990" spans="1:7" x14ac:dyDescent="0.3">
      <c r="A70990" s="13" t="s">
        <v>367</v>
      </c>
      <c r="B70990" s="14" t="s">
        <v>1</v>
      </c>
      <c r="C70990" s="14" t="s">
        <v>96</v>
      </c>
      <c r="D70990" s="14" t="s">
        <v>155</v>
      </c>
      <c r="E70990" s="15">
        <v>45556</v>
      </c>
      <c r="F70990" s="14" t="s">
        <v>25</v>
      </c>
      <c r="G70990" s="16">
        <v>0</v>
      </c>
    </row>
    <row r="70991" spans="1:7" x14ac:dyDescent="0.3">
      <c r="A70991" s="13" t="s">
        <v>367</v>
      </c>
      <c r="B70991" s="14" t="s">
        <v>1</v>
      </c>
      <c r="C70991" s="14" t="s">
        <v>96</v>
      </c>
      <c r="D70991" s="14" t="s">
        <v>155</v>
      </c>
      <c r="E70991" s="15">
        <v>45557</v>
      </c>
      <c r="F70991" s="14" t="s">
        <v>25</v>
      </c>
      <c r="G70991" s="16">
        <v>0</v>
      </c>
    </row>
    <row r="70992" spans="1:7" x14ac:dyDescent="0.3">
      <c r="A70992" s="13" t="s">
        <v>367</v>
      </c>
      <c r="B70992" s="14" t="s">
        <v>1</v>
      </c>
      <c r="C70992" s="14" t="s">
        <v>96</v>
      </c>
      <c r="D70992" s="14" t="s">
        <v>155</v>
      </c>
      <c r="E70992" s="15">
        <v>45558</v>
      </c>
      <c r="F70992" s="14" t="s">
        <v>25</v>
      </c>
      <c r="G70992" s="16">
        <v>0</v>
      </c>
    </row>
    <row r="70993" spans="1:7" x14ac:dyDescent="0.3">
      <c r="A70993" s="13" t="s">
        <v>367</v>
      </c>
      <c r="B70993" s="14" t="s">
        <v>1</v>
      </c>
      <c r="C70993" s="14" t="s">
        <v>96</v>
      </c>
      <c r="D70993" s="14" t="s">
        <v>155</v>
      </c>
      <c r="E70993" s="15">
        <v>45559</v>
      </c>
      <c r="F70993" s="14" t="s">
        <v>25</v>
      </c>
      <c r="G70993" s="16">
        <v>0</v>
      </c>
    </row>
    <row r="70994" spans="1:7" x14ac:dyDescent="0.3">
      <c r="A70994" s="13" t="s">
        <v>367</v>
      </c>
      <c r="B70994" s="14" t="s">
        <v>1</v>
      </c>
      <c r="C70994" s="14" t="s">
        <v>96</v>
      </c>
      <c r="D70994" s="14" t="s">
        <v>155</v>
      </c>
      <c r="E70994" s="15">
        <v>45560</v>
      </c>
      <c r="F70994" s="14" t="s">
        <v>25</v>
      </c>
      <c r="G70994" s="16">
        <v>0</v>
      </c>
    </row>
    <row r="70995" spans="1:7" x14ac:dyDescent="0.3">
      <c r="A70995" s="13" t="s">
        <v>367</v>
      </c>
      <c r="B70995" s="14" t="s">
        <v>1</v>
      </c>
      <c r="C70995" s="14" t="s">
        <v>96</v>
      </c>
      <c r="D70995" s="14" t="s">
        <v>155</v>
      </c>
      <c r="E70995" s="15">
        <v>45561</v>
      </c>
      <c r="F70995" s="14" t="s">
        <v>25</v>
      </c>
      <c r="G70995" s="16">
        <v>0</v>
      </c>
    </row>
    <row r="70996" spans="1:7" x14ac:dyDescent="0.3">
      <c r="A70996" s="13" t="s">
        <v>367</v>
      </c>
      <c r="B70996" s="14" t="s">
        <v>1</v>
      </c>
      <c r="C70996" s="14" t="s">
        <v>96</v>
      </c>
      <c r="D70996" s="14" t="s">
        <v>155</v>
      </c>
      <c r="E70996" s="15">
        <v>45562</v>
      </c>
      <c r="F70996" s="14" t="s">
        <v>25</v>
      </c>
      <c r="G70996" s="16">
        <v>0</v>
      </c>
    </row>
    <row r="70997" spans="1:7" x14ac:dyDescent="0.3">
      <c r="A70997" s="13" t="s">
        <v>367</v>
      </c>
      <c r="B70997" s="14" t="s">
        <v>1</v>
      </c>
      <c r="C70997" s="14" t="s">
        <v>96</v>
      </c>
      <c r="D70997" s="14" t="s">
        <v>155</v>
      </c>
      <c r="E70997" s="15">
        <v>45563</v>
      </c>
      <c r="F70997" s="14" t="s">
        <v>25</v>
      </c>
      <c r="G70997" s="16">
        <v>0</v>
      </c>
    </row>
    <row r="70998" spans="1:7" x14ac:dyDescent="0.3">
      <c r="A70998" s="13" t="s">
        <v>367</v>
      </c>
      <c r="B70998" s="14" t="s">
        <v>1</v>
      </c>
      <c r="C70998" s="14" t="s">
        <v>96</v>
      </c>
      <c r="D70998" s="14" t="s">
        <v>155</v>
      </c>
      <c r="E70998" s="15">
        <v>45564</v>
      </c>
      <c r="F70998" s="14" t="s">
        <v>25</v>
      </c>
      <c r="G70998" s="16">
        <v>0</v>
      </c>
    </row>
    <row r="70999" spans="1:7" x14ac:dyDescent="0.3">
      <c r="A70999" s="13" t="s">
        <v>367</v>
      </c>
      <c r="B70999" s="14" t="s">
        <v>1</v>
      </c>
      <c r="C70999" s="14" t="s">
        <v>96</v>
      </c>
      <c r="D70999" s="14" t="s">
        <v>155</v>
      </c>
      <c r="E70999" s="15">
        <v>45565</v>
      </c>
      <c r="F70999" s="14" t="s">
        <v>25</v>
      </c>
      <c r="G70999" s="16">
        <v>0</v>
      </c>
    </row>
    <row r="71000" spans="1:7" x14ac:dyDescent="0.3">
      <c r="A71000" s="13" t="s">
        <v>367</v>
      </c>
      <c r="B71000" s="14" t="s">
        <v>1</v>
      </c>
      <c r="C71000" s="14" t="s">
        <v>96</v>
      </c>
      <c r="D71000" s="14" t="s">
        <v>155</v>
      </c>
      <c r="E71000" s="15">
        <v>45566</v>
      </c>
      <c r="F71000" s="14" t="s">
        <v>25</v>
      </c>
      <c r="G71000" s="16">
        <v>0</v>
      </c>
    </row>
    <row r="71001" spans="1:7" x14ac:dyDescent="0.3">
      <c r="A71001" s="13" t="s">
        <v>367</v>
      </c>
      <c r="B71001" s="14" t="s">
        <v>1</v>
      </c>
      <c r="C71001" s="14" t="s">
        <v>96</v>
      </c>
      <c r="D71001" s="14" t="s">
        <v>155</v>
      </c>
      <c r="E71001" s="15">
        <v>45567</v>
      </c>
      <c r="F71001" s="14" t="s">
        <v>25</v>
      </c>
      <c r="G71001" s="16">
        <v>0</v>
      </c>
    </row>
    <row r="71002" spans="1:7" x14ac:dyDescent="0.3">
      <c r="A71002" s="13" t="s">
        <v>367</v>
      </c>
      <c r="B71002" s="14" t="s">
        <v>1</v>
      </c>
      <c r="C71002" s="14" t="s">
        <v>96</v>
      </c>
      <c r="D71002" s="14" t="s">
        <v>155</v>
      </c>
      <c r="E71002" s="15">
        <v>45568</v>
      </c>
      <c r="F71002" s="14" t="s">
        <v>25</v>
      </c>
      <c r="G71002" s="16">
        <v>0</v>
      </c>
    </row>
    <row r="71003" spans="1:7" x14ac:dyDescent="0.3">
      <c r="A71003" s="13" t="s">
        <v>367</v>
      </c>
      <c r="B71003" s="14" t="s">
        <v>1</v>
      </c>
      <c r="C71003" s="14" t="s">
        <v>96</v>
      </c>
      <c r="D71003" s="14" t="s">
        <v>155</v>
      </c>
      <c r="E71003" s="15">
        <v>45569</v>
      </c>
      <c r="F71003" s="14" t="s">
        <v>25</v>
      </c>
      <c r="G71003" s="16">
        <v>0</v>
      </c>
    </row>
    <row r="71004" spans="1:7" x14ac:dyDescent="0.3">
      <c r="A71004" s="13" t="s">
        <v>367</v>
      </c>
      <c r="B71004" s="14" t="s">
        <v>1</v>
      </c>
      <c r="C71004" s="14" t="s">
        <v>96</v>
      </c>
      <c r="D71004" s="14" t="s">
        <v>155</v>
      </c>
      <c r="E71004" s="15">
        <v>45570</v>
      </c>
      <c r="F71004" s="14" t="s">
        <v>25</v>
      </c>
      <c r="G71004" s="16">
        <v>0</v>
      </c>
    </row>
    <row r="71005" spans="1:7" x14ac:dyDescent="0.3">
      <c r="A71005" s="13" t="s">
        <v>367</v>
      </c>
      <c r="B71005" s="14" t="s">
        <v>1</v>
      </c>
      <c r="C71005" s="14" t="s">
        <v>96</v>
      </c>
      <c r="D71005" s="14" t="s">
        <v>155</v>
      </c>
      <c r="E71005" s="15">
        <v>45571</v>
      </c>
      <c r="F71005" s="14" t="s">
        <v>25</v>
      </c>
      <c r="G71005" s="16">
        <v>0</v>
      </c>
    </row>
    <row r="71006" spans="1:7" x14ac:dyDescent="0.3">
      <c r="A71006" s="13" t="s">
        <v>367</v>
      </c>
      <c r="B71006" s="14" t="s">
        <v>1</v>
      </c>
      <c r="C71006" s="14" t="s">
        <v>96</v>
      </c>
      <c r="D71006" s="14" t="s">
        <v>155</v>
      </c>
      <c r="E71006" s="15">
        <v>45572</v>
      </c>
      <c r="F71006" s="14" t="s">
        <v>25</v>
      </c>
      <c r="G71006" s="16">
        <v>0</v>
      </c>
    </row>
    <row r="71007" spans="1:7" x14ac:dyDescent="0.3">
      <c r="A71007" s="13" t="s">
        <v>367</v>
      </c>
      <c r="B71007" s="14" t="s">
        <v>1</v>
      </c>
      <c r="C71007" s="14" t="s">
        <v>96</v>
      </c>
      <c r="D71007" s="14" t="s">
        <v>155</v>
      </c>
      <c r="E71007" s="15">
        <v>45573</v>
      </c>
      <c r="F71007" s="14" t="s">
        <v>25</v>
      </c>
      <c r="G71007" s="16">
        <v>0</v>
      </c>
    </row>
    <row r="71008" spans="1:7" x14ac:dyDescent="0.3">
      <c r="A71008" s="13" t="s">
        <v>367</v>
      </c>
      <c r="B71008" s="14" t="s">
        <v>1</v>
      </c>
      <c r="C71008" s="14" t="s">
        <v>96</v>
      </c>
      <c r="D71008" s="14" t="s">
        <v>155</v>
      </c>
      <c r="E71008" s="15">
        <v>45574</v>
      </c>
      <c r="F71008" s="14" t="s">
        <v>25</v>
      </c>
      <c r="G71008" s="16">
        <v>0</v>
      </c>
    </row>
    <row r="71009" spans="1:7" x14ac:dyDescent="0.3">
      <c r="A71009" s="13" t="s">
        <v>367</v>
      </c>
      <c r="B71009" s="14" t="s">
        <v>1</v>
      </c>
      <c r="C71009" s="14" t="s">
        <v>96</v>
      </c>
      <c r="D71009" s="14" t="s">
        <v>155</v>
      </c>
      <c r="E71009" s="15">
        <v>45575</v>
      </c>
      <c r="F71009" s="14" t="s">
        <v>25</v>
      </c>
      <c r="G71009" s="16">
        <v>0</v>
      </c>
    </row>
    <row r="71010" spans="1:7" x14ac:dyDescent="0.3">
      <c r="A71010" s="13" t="s">
        <v>367</v>
      </c>
      <c r="B71010" s="14" t="s">
        <v>1</v>
      </c>
      <c r="C71010" s="14" t="s">
        <v>96</v>
      </c>
      <c r="D71010" s="14" t="s">
        <v>155</v>
      </c>
      <c r="E71010" s="15">
        <v>45576</v>
      </c>
      <c r="F71010" s="14" t="s">
        <v>25</v>
      </c>
      <c r="G71010" s="16">
        <v>0</v>
      </c>
    </row>
    <row r="71011" spans="1:7" x14ac:dyDescent="0.3">
      <c r="A71011" s="13" t="s">
        <v>367</v>
      </c>
      <c r="B71011" s="14" t="s">
        <v>1</v>
      </c>
      <c r="C71011" s="14" t="s">
        <v>96</v>
      </c>
      <c r="D71011" s="14" t="s">
        <v>155</v>
      </c>
      <c r="E71011" s="15">
        <v>45577</v>
      </c>
      <c r="F71011" s="14" t="s">
        <v>25</v>
      </c>
      <c r="G71011" s="16">
        <v>0</v>
      </c>
    </row>
    <row r="71012" spans="1:7" x14ac:dyDescent="0.3">
      <c r="A71012" s="13" t="s">
        <v>367</v>
      </c>
      <c r="B71012" s="14" t="s">
        <v>1</v>
      </c>
      <c r="C71012" s="14" t="s">
        <v>96</v>
      </c>
      <c r="D71012" s="14" t="s">
        <v>155</v>
      </c>
      <c r="E71012" s="15">
        <v>45578</v>
      </c>
      <c r="F71012" s="14" t="s">
        <v>25</v>
      </c>
      <c r="G71012" s="16">
        <v>0</v>
      </c>
    </row>
    <row r="71013" spans="1:7" x14ac:dyDescent="0.3">
      <c r="A71013" s="13" t="s">
        <v>367</v>
      </c>
      <c r="B71013" s="14" t="s">
        <v>1</v>
      </c>
      <c r="C71013" s="14" t="s">
        <v>96</v>
      </c>
      <c r="D71013" s="14" t="s">
        <v>155</v>
      </c>
      <c r="E71013" s="15">
        <v>45579</v>
      </c>
      <c r="F71013" s="14" t="s">
        <v>25</v>
      </c>
      <c r="G71013" s="16">
        <v>0</v>
      </c>
    </row>
    <row r="71014" spans="1:7" x14ac:dyDescent="0.3">
      <c r="A71014" s="13" t="s">
        <v>367</v>
      </c>
      <c r="B71014" s="14" t="s">
        <v>1</v>
      </c>
      <c r="C71014" s="14" t="s">
        <v>96</v>
      </c>
      <c r="D71014" s="14" t="s">
        <v>155</v>
      </c>
      <c r="E71014" s="15">
        <v>45580</v>
      </c>
      <c r="F71014" s="14" t="s">
        <v>25</v>
      </c>
      <c r="G71014" s="16">
        <v>0</v>
      </c>
    </row>
    <row r="71015" spans="1:7" x14ac:dyDescent="0.3">
      <c r="A71015" s="13" t="s">
        <v>367</v>
      </c>
      <c r="B71015" s="14" t="s">
        <v>1</v>
      </c>
      <c r="C71015" s="14" t="s">
        <v>96</v>
      </c>
      <c r="D71015" s="14" t="s">
        <v>155</v>
      </c>
      <c r="E71015" s="15">
        <v>45581</v>
      </c>
      <c r="F71015" s="14" t="s">
        <v>25</v>
      </c>
      <c r="G71015" s="16">
        <v>0</v>
      </c>
    </row>
    <row r="71016" spans="1:7" x14ac:dyDescent="0.3">
      <c r="A71016" s="13" t="s">
        <v>367</v>
      </c>
      <c r="B71016" s="14" t="s">
        <v>1</v>
      </c>
      <c r="C71016" s="14" t="s">
        <v>96</v>
      </c>
      <c r="D71016" s="14" t="s">
        <v>155</v>
      </c>
      <c r="E71016" s="15">
        <v>45582</v>
      </c>
      <c r="F71016" s="14" t="s">
        <v>25</v>
      </c>
      <c r="G71016" s="16">
        <v>0</v>
      </c>
    </row>
    <row r="71017" spans="1:7" x14ac:dyDescent="0.3">
      <c r="A71017" s="13" t="s">
        <v>367</v>
      </c>
      <c r="B71017" s="14" t="s">
        <v>1</v>
      </c>
      <c r="C71017" s="14" t="s">
        <v>96</v>
      </c>
      <c r="D71017" s="14" t="s">
        <v>155</v>
      </c>
      <c r="E71017" s="15">
        <v>45583</v>
      </c>
      <c r="F71017" s="14" t="s">
        <v>25</v>
      </c>
      <c r="G71017" s="16">
        <v>0</v>
      </c>
    </row>
    <row r="71018" spans="1:7" x14ac:dyDescent="0.3">
      <c r="A71018" s="13" t="s">
        <v>367</v>
      </c>
      <c r="B71018" s="14" t="s">
        <v>1</v>
      </c>
      <c r="C71018" s="14" t="s">
        <v>96</v>
      </c>
      <c r="D71018" s="14" t="s">
        <v>155</v>
      </c>
      <c r="E71018" s="15">
        <v>45584</v>
      </c>
      <c r="F71018" s="14" t="s">
        <v>25</v>
      </c>
      <c r="G71018" s="16">
        <v>0</v>
      </c>
    </row>
    <row r="71019" spans="1:7" x14ac:dyDescent="0.3">
      <c r="A71019" s="13" t="s">
        <v>367</v>
      </c>
      <c r="B71019" s="14" t="s">
        <v>1</v>
      </c>
      <c r="C71019" s="14" t="s">
        <v>96</v>
      </c>
      <c r="D71019" s="14" t="s">
        <v>155</v>
      </c>
      <c r="E71019" s="15">
        <v>45585</v>
      </c>
      <c r="F71019" s="14" t="s">
        <v>25</v>
      </c>
      <c r="G71019" s="16">
        <v>0</v>
      </c>
    </row>
    <row r="71020" spans="1:7" x14ac:dyDescent="0.3">
      <c r="A71020" s="13" t="s">
        <v>367</v>
      </c>
      <c r="B71020" s="14" t="s">
        <v>1</v>
      </c>
      <c r="C71020" s="14" t="s">
        <v>96</v>
      </c>
      <c r="D71020" s="14" t="s">
        <v>155</v>
      </c>
      <c r="E71020" s="15">
        <v>45586</v>
      </c>
      <c r="F71020" s="14" t="s">
        <v>25</v>
      </c>
      <c r="G71020" s="16">
        <v>0</v>
      </c>
    </row>
    <row r="71021" spans="1:7" x14ac:dyDescent="0.3">
      <c r="A71021" s="13" t="s">
        <v>367</v>
      </c>
      <c r="B71021" s="14" t="s">
        <v>1</v>
      </c>
      <c r="C71021" s="14" t="s">
        <v>96</v>
      </c>
      <c r="D71021" s="14" t="s">
        <v>155</v>
      </c>
      <c r="E71021" s="15">
        <v>45587</v>
      </c>
      <c r="F71021" s="14" t="s">
        <v>25</v>
      </c>
      <c r="G71021" s="16">
        <v>0</v>
      </c>
    </row>
    <row r="71022" spans="1:7" x14ac:dyDescent="0.3">
      <c r="A71022" s="13" t="s">
        <v>367</v>
      </c>
      <c r="B71022" s="14" t="s">
        <v>1</v>
      </c>
      <c r="C71022" s="14" t="s">
        <v>96</v>
      </c>
      <c r="D71022" s="14" t="s">
        <v>155</v>
      </c>
      <c r="E71022" s="15">
        <v>45588</v>
      </c>
      <c r="F71022" s="14" t="s">
        <v>25</v>
      </c>
      <c r="G71022" s="16">
        <v>0</v>
      </c>
    </row>
    <row r="71023" spans="1:7" x14ac:dyDescent="0.3">
      <c r="A71023" s="13" t="s">
        <v>367</v>
      </c>
      <c r="B71023" s="14" t="s">
        <v>1</v>
      </c>
      <c r="C71023" s="14" t="s">
        <v>96</v>
      </c>
      <c r="D71023" s="14" t="s">
        <v>155</v>
      </c>
      <c r="E71023" s="15">
        <v>45589</v>
      </c>
      <c r="F71023" s="14" t="s">
        <v>25</v>
      </c>
      <c r="G71023" s="16">
        <v>0</v>
      </c>
    </row>
    <row r="71024" spans="1:7" x14ac:dyDescent="0.3">
      <c r="A71024" s="13" t="s">
        <v>367</v>
      </c>
      <c r="B71024" s="14" t="s">
        <v>1</v>
      </c>
      <c r="C71024" s="14" t="s">
        <v>96</v>
      </c>
      <c r="D71024" s="14" t="s">
        <v>155</v>
      </c>
      <c r="E71024" s="15">
        <v>45590</v>
      </c>
      <c r="F71024" s="14" t="s">
        <v>25</v>
      </c>
      <c r="G71024" s="16">
        <v>0</v>
      </c>
    </row>
    <row r="71025" spans="1:7" x14ac:dyDescent="0.3">
      <c r="A71025" s="13" t="s">
        <v>367</v>
      </c>
      <c r="B71025" s="14" t="s">
        <v>1</v>
      </c>
      <c r="C71025" s="14" t="s">
        <v>96</v>
      </c>
      <c r="D71025" s="14" t="s">
        <v>155</v>
      </c>
      <c r="E71025" s="15">
        <v>45591</v>
      </c>
      <c r="F71025" s="14" t="s">
        <v>25</v>
      </c>
      <c r="G71025" s="16">
        <v>0</v>
      </c>
    </row>
    <row r="71026" spans="1:7" x14ac:dyDescent="0.3">
      <c r="A71026" s="13" t="s">
        <v>367</v>
      </c>
      <c r="B71026" s="14" t="s">
        <v>1</v>
      </c>
      <c r="C71026" s="14" t="s">
        <v>96</v>
      </c>
      <c r="D71026" s="14" t="s">
        <v>155</v>
      </c>
      <c r="E71026" s="15">
        <v>45592</v>
      </c>
      <c r="F71026" s="14" t="s">
        <v>25</v>
      </c>
      <c r="G71026" s="16">
        <v>0</v>
      </c>
    </row>
    <row r="71027" spans="1:7" x14ac:dyDescent="0.3">
      <c r="A71027" s="13" t="s">
        <v>367</v>
      </c>
      <c r="B71027" s="14" t="s">
        <v>1</v>
      </c>
      <c r="C71027" s="14" t="s">
        <v>96</v>
      </c>
      <c r="D71027" s="14" t="s">
        <v>155</v>
      </c>
      <c r="E71027" s="15">
        <v>45593</v>
      </c>
      <c r="F71027" s="14" t="s">
        <v>25</v>
      </c>
      <c r="G71027" s="16">
        <v>0</v>
      </c>
    </row>
    <row r="71028" spans="1:7" x14ac:dyDescent="0.3">
      <c r="A71028" s="13" t="s">
        <v>367</v>
      </c>
      <c r="B71028" s="14" t="s">
        <v>1</v>
      </c>
      <c r="C71028" s="14" t="s">
        <v>96</v>
      </c>
      <c r="D71028" s="14" t="s">
        <v>155</v>
      </c>
      <c r="E71028" s="15">
        <v>45594</v>
      </c>
      <c r="F71028" s="14" t="s">
        <v>25</v>
      </c>
      <c r="G71028" s="16">
        <v>0</v>
      </c>
    </row>
    <row r="71029" spans="1:7" x14ac:dyDescent="0.3">
      <c r="A71029" s="13" t="s">
        <v>367</v>
      </c>
      <c r="B71029" s="14" t="s">
        <v>1</v>
      </c>
      <c r="C71029" s="14" t="s">
        <v>96</v>
      </c>
      <c r="D71029" s="14" t="s">
        <v>155</v>
      </c>
      <c r="E71029" s="15">
        <v>45595</v>
      </c>
      <c r="F71029" s="14" t="s">
        <v>25</v>
      </c>
      <c r="G71029" s="16">
        <v>0</v>
      </c>
    </row>
    <row r="71030" spans="1:7" x14ac:dyDescent="0.3">
      <c r="A71030" s="13" t="s">
        <v>367</v>
      </c>
      <c r="B71030" s="14" t="s">
        <v>1</v>
      </c>
      <c r="C71030" s="14" t="s">
        <v>96</v>
      </c>
      <c r="D71030" s="14" t="s">
        <v>155</v>
      </c>
      <c r="E71030" s="15">
        <v>45596</v>
      </c>
      <c r="F71030" s="14" t="s">
        <v>25</v>
      </c>
      <c r="G71030" s="16">
        <v>0</v>
      </c>
    </row>
    <row r="71031" spans="1:7" x14ac:dyDescent="0.3">
      <c r="A71031" s="13" t="s">
        <v>367</v>
      </c>
      <c r="B71031" s="14" t="s">
        <v>1</v>
      </c>
      <c r="C71031" s="14" t="s">
        <v>96</v>
      </c>
      <c r="D71031" s="14" t="s">
        <v>155</v>
      </c>
      <c r="E71031" s="15">
        <v>45597</v>
      </c>
      <c r="F71031" s="14" t="s">
        <v>25</v>
      </c>
      <c r="G71031" s="16">
        <v>0</v>
      </c>
    </row>
    <row r="71032" spans="1:7" x14ac:dyDescent="0.3">
      <c r="A71032" s="13" t="s">
        <v>367</v>
      </c>
      <c r="B71032" s="14" t="s">
        <v>1</v>
      </c>
      <c r="C71032" s="14" t="s">
        <v>96</v>
      </c>
      <c r="D71032" s="14" t="s">
        <v>155</v>
      </c>
      <c r="E71032" s="15">
        <v>45598</v>
      </c>
      <c r="F71032" s="14" t="s">
        <v>25</v>
      </c>
      <c r="G71032" s="16">
        <v>0</v>
      </c>
    </row>
    <row r="71033" spans="1:7" x14ac:dyDescent="0.3">
      <c r="A71033" s="13" t="s">
        <v>367</v>
      </c>
      <c r="B71033" s="14" t="s">
        <v>1</v>
      </c>
      <c r="C71033" s="14" t="s">
        <v>96</v>
      </c>
      <c r="D71033" s="14" t="s">
        <v>155</v>
      </c>
      <c r="E71033" s="15">
        <v>45599</v>
      </c>
      <c r="F71033" s="14" t="s">
        <v>25</v>
      </c>
      <c r="G71033" s="16">
        <v>0</v>
      </c>
    </row>
    <row r="71034" spans="1:7" x14ac:dyDescent="0.3">
      <c r="A71034" s="13" t="s">
        <v>367</v>
      </c>
      <c r="B71034" s="14" t="s">
        <v>1</v>
      </c>
      <c r="C71034" s="14" t="s">
        <v>96</v>
      </c>
      <c r="D71034" s="14" t="s">
        <v>155</v>
      </c>
      <c r="E71034" s="15">
        <v>45600</v>
      </c>
      <c r="F71034" s="14" t="s">
        <v>25</v>
      </c>
      <c r="G71034" s="16">
        <v>0</v>
      </c>
    </row>
    <row r="71035" spans="1:7" x14ac:dyDescent="0.3">
      <c r="A71035" s="13" t="s">
        <v>367</v>
      </c>
      <c r="B71035" s="14" t="s">
        <v>1</v>
      </c>
      <c r="C71035" s="14" t="s">
        <v>96</v>
      </c>
      <c r="D71035" s="14" t="s">
        <v>155</v>
      </c>
      <c r="E71035" s="15">
        <v>45601</v>
      </c>
      <c r="F71035" s="14" t="s">
        <v>25</v>
      </c>
      <c r="G71035" s="16">
        <v>0</v>
      </c>
    </row>
    <row r="71036" spans="1:7" x14ac:dyDescent="0.3">
      <c r="A71036" s="13" t="s">
        <v>367</v>
      </c>
      <c r="B71036" s="14" t="s">
        <v>1</v>
      </c>
      <c r="C71036" s="14" t="s">
        <v>96</v>
      </c>
      <c r="D71036" s="14" t="s">
        <v>155</v>
      </c>
      <c r="E71036" s="15">
        <v>45602</v>
      </c>
      <c r="F71036" s="14" t="s">
        <v>25</v>
      </c>
      <c r="G71036" s="16">
        <v>0</v>
      </c>
    </row>
    <row r="71037" spans="1:7" x14ac:dyDescent="0.3">
      <c r="A71037" s="13" t="s">
        <v>367</v>
      </c>
      <c r="B71037" s="14" t="s">
        <v>1</v>
      </c>
      <c r="C71037" s="14" t="s">
        <v>96</v>
      </c>
      <c r="D71037" s="14" t="s">
        <v>155</v>
      </c>
      <c r="E71037" s="15">
        <v>45603</v>
      </c>
      <c r="F71037" s="14" t="s">
        <v>25</v>
      </c>
      <c r="G71037" s="16">
        <v>0</v>
      </c>
    </row>
    <row r="71038" spans="1:7" x14ac:dyDescent="0.3">
      <c r="A71038" s="13" t="s">
        <v>367</v>
      </c>
      <c r="B71038" s="14" t="s">
        <v>1</v>
      </c>
      <c r="C71038" s="14" t="s">
        <v>96</v>
      </c>
      <c r="D71038" s="14" t="s">
        <v>155</v>
      </c>
      <c r="E71038" s="15">
        <v>45604</v>
      </c>
      <c r="F71038" s="14" t="s">
        <v>25</v>
      </c>
      <c r="G71038" s="16">
        <v>0</v>
      </c>
    </row>
    <row r="71039" spans="1:7" x14ac:dyDescent="0.3">
      <c r="A71039" s="13" t="s">
        <v>367</v>
      </c>
      <c r="B71039" s="14" t="s">
        <v>1</v>
      </c>
      <c r="C71039" s="14" t="s">
        <v>96</v>
      </c>
      <c r="D71039" s="14" t="s">
        <v>155</v>
      </c>
      <c r="E71039" s="15">
        <v>45605</v>
      </c>
      <c r="F71039" s="14" t="s">
        <v>25</v>
      </c>
      <c r="G71039" s="16">
        <v>0</v>
      </c>
    </row>
    <row r="71040" spans="1:7" x14ac:dyDescent="0.3">
      <c r="A71040" s="13" t="s">
        <v>367</v>
      </c>
      <c r="B71040" s="14" t="s">
        <v>1</v>
      </c>
      <c r="C71040" s="14" t="s">
        <v>96</v>
      </c>
      <c r="D71040" s="14" t="s">
        <v>155</v>
      </c>
      <c r="E71040" s="15">
        <v>45606</v>
      </c>
      <c r="F71040" s="14" t="s">
        <v>25</v>
      </c>
      <c r="G71040" s="16">
        <v>0</v>
      </c>
    </row>
    <row r="71041" spans="1:7" x14ac:dyDescent="0.3">
      <c r="A71041" s="13" t="s">
        <v>367</v>
      </c>
      <c r="B71041" s="14" t="s">
        <v>1</v>
      </c>
      <c r="C71041" s="14" t="s">
        <v>96</v>
      </c>
      <c r="D71041" s="14" t="s">
        <v>155</v>
      </c>
      <c r="E71041" s="15">
        <v>45607</v>
      </c>
      <c r="F71041" s="14" t="s">
        <v>25</v>
      </c>
      <c r="G71041" s="16">
        <v>0</v>
      </c>
    </row>
    <row r="71042" spans="1:7" x14ac:dyDescent="0.3">
      <c r="A71042" s="13" t="s">
        <v>367</v>
      </c>
      <c r="B71042" s="14" t="s">
        <v>1</v>
      </c>
      <c r="C71042" s="14" t="s">
        <v>96</v>
      </c>
      <c r="D71042" s="14" t="s">
        <v>155</v>
      </c>
      <c r="E71042" s="15">
        <v>45608</v>
      </c>
      <c r="F71042" s="14" t="s">
        <v>25</v>
      </c>
      <c r="G71042" s="16">
        <v>0</v>
      </c>
    </row>
    <row r="71043" spans="1:7" x14ac:dyDescent="0.3">
      <c r="A71043" s="13" t="s">
        <v>367</v>
      </c>
      <c r="B71043" s="14" t="s">
        <v>1</v>
      </c>
      <c r="C71043" s="14" t="s">
        <v>96</v>
      </c>
      <c r="D71043" s="14" t="s">
        <v>155</v>
      </c>
      <c r="E71043" s="15">
        <v>45609</v>
      </c>
      <c r="F71043" s="14" t="s">
        <v>25</v>
      </c>
      <c r="G71043" s="16">
        <v>0</v>
      </c>
    </row>
    <row r="71044" spans="1:7" x14ac:dyDescent="0.3">
      <c r="A71044" s="13" t="s">
        <v>367</v>
      </c>
      <c r="B71044" s="14" t="s">
        <v>1</v>
      </c>
      <c r="C71044" s="14" t="s">
        <v>96</v>
      </c>
      <c r="D71044" s="14" t="s">
        <v>155</v>
      </c>
      <c r="E71044" s="15">
        <v>45610</v>
      </c>
      <c r="F71044" s="14" t="s">
        <v>25</v>
      </c>
      <c r="G71044" s="16">
        <v>0</v>
      </c>
    </row>
    <row r="71045" spans="1:7" x14ac:dyDescent="0.3">
      <c r="A71045" s="13" t="s">
        <v>367</v>
      </c>
      <c r="B71045" s="14" t="s">
        <v>1</v>
      </c>
      <c r="C71045" s="14" t="s">
        <v>96</v>
      </c>
      <c r="D71045" s="14" t="s">
        <v>155</v>
      </c>
      <c r="E71045" s="15">
        <v>45611</v>
      </c>
      <c r="F71045" s="14" t="s">
        <v>25</v>
      </c>
      <c r="G71045" s="16">
        <v>0</v>
      </c>
    </row>
    <row r="71046" spans="1:7" x14ac:dyDescent="0.3">
      <c r="A71046" s="13" t="s">
        <v>367</v>
      </c>
      <c r="B71046" s="14" t="s">
        <v>1</v>
      </c>
      <c r="C71046" s="14" t="s">
        <v>96</v>
      </c>
      <c r="D71046" s="14" t="s">
        <v>155</v>
      </c>
      <c r="E71046" s="15">
        <v>45612</v>
      </c>
      <c r="F71046" s="14" t="s">
        <v>25</v>
      </c>
      <c r="G71046" s="16">
        <v>0</v>
      </c>
    </row>
    <row r="71047" spans="1:7" x14ac:dyDescent="0.3">
      <c r="A71047" s="13" t="s">
        <v>367</v>
      </c>
      <c r="B71047" s="14" t="s">
        <v>1</v>
      </c>
      <c r="C71047" s="14" t="s">
        <v>96</v>
      </c>
      <c r="D71047" s="14" t="s">
        <v>155</v>
      </c>
      <c r="E71047" s="15">
        <v>45613</v>
      </c>
      <c r="F71047" s="14" t="s">
        <v>25</v>
      </c>
      <c r="G71047" s="16">
        <v>0</v>
      </c>
    </row>
    <row r="71048" spans="1:7" x14ac:dyDescent="0.3">
      <c r="A71048" s="13" t="s">
        <v>367</v>
      </c>
      <c r="B71048" s="14" t="s">
        <v>1</v>
      </c>
      <c r="C71048" s="14" t="s">
        <v>96</v>
      </c>
      <c r="D71048" s="14" t="s">
        <v>155</v>
      </c>
      <c r="E71048" s="15">
        <v>45614</v>
      </c>
      <c r="F71048" s="14" t="s">
        <v>25</v>
      </c>
      <c r="G71048" s="16">
        <v>0</v>
      </c>
    </row>
    <row r="71049" spans="1:7" x14ac:dyDescent="0.3">
      <c r="A71049" s="13" t="s">
        <v>367</v>
      </c>
      <c r="B71049" s="14" t="s">
        <v>1</v>
      </c>
      <c r="C71049" s="14" t="s">
        <v>96</v>
      </c>
      <c r="D71049" s="14" t="s">
        <v>155</v>
      </c>
      <c r="E71049" s="15">
        <v>45615</v>
      </c>
      <c r="F71049" s="14" t="s">
        <v>25</v>
      </c>
      <c r="G71049" s="16">
        <v>0</v>
      </c>
    </row>
    <row r="71050" spans="1:7" x14ac:dyDescent="0.3">
      <c r="A71050" s="13" t="s">
        <v>367</v>
      </c>
      <c r="B71050" s="14" t="s">
        <v>1</v>
      </c>
      <c r="C71050" s="14" t="s">
        <v>96</v>
      </c>
      <c r="D71050" s="14" t="s">
        <v>155</v>
      </c>
      <c r="E71050" s="15">
        <v>45616</v>
      </c>
      <c r="F71050" s="14" t="s">
        <v>25</v>
      </c>
      <c r="G71050" s="16">
        <v>0</v>
      </c>
    </row>
    <row r="71051" spans="1:7" x14ac:dyDescent="0.3">
      <c r="A71051" s="13" t="s">
        <v>367</v>
      </c>
      <c r="B71051" s="14" t="s">
        <v>1</v>
      </c>
      <c r="C71051" s="14" t="s">
        <v>96</v>
      </c>
      <c r="D71051" s="14" t="s">
        <v>155</v>
      </c>
      <c r="E71051" s="15">
        <v>45617</v>
      </c>
      <c r="F71051" s="14" t="s">
        <v>25</v>
      </c>
      <c r="G71051" s="16">
        <v>0</v>
      </c>
    </row>
    <row r="71052" spans="1:7" x14ac:dyDescent="0.3">
      <c r="A71052" s="13" t="s">
        <v>367</v>
      </c>
      <c r="B71052" s="14" t="s">
        <v>1</v>
      </c>
      <c r="C71052" s="14" t="s">
        <v>96</v>
      </c>
      <c r="D71052" s="14" t="s">
        <v>155</v>
      </c>
      <c r="E71052" s="15">
        <v>45618</v>
      </c>
      <c r="F71052" s="14" t="s">
        <v>25</v>
      </c>
      <c r="G71052" s="16">
        <v>0</v>
      </c>
    </row>
    <row r="71053" spans="1:7" x14ac:dyDescent="0.3">
      <c r="A71053" s="13" t="s">
        <v>367</v>
      </c>
      <c r="B71053" s="14" t="s">
        <v>1</v>
      </c>
      <c r="C71053" s="14" t="s">
        <v>96</v>
      </c>
      <c r="D71053" s="14" t="s">
        <v>155</v>
      </c>
      <c r="E71053" s="15">
        <v>45619</v>
      </c>
      <c r="F71053" s="14" t="s">
        <v>25</v>
      </c>
      <c r="G71053" s="16">
        <v>0</v>
      </c>
    </row>
    <row r="71054" spans="1:7" x14ac:dyDescent="0.3">
      <c r="A71054" s="13" t="s">
        <v>367</v>
      </c>
      <c r="B71054" s="14" t="s">
        <v>1</v>
      </c>
      <c r="C71054" s="14" t="s">
        <v>96</v>
      </c>
      <c r="D71054" s="14" t="s">
        <v>155</v>
      </c>
      <c r="E71054" s="15">
        <v>45620</v>
      </c>
      <c r="F71054" s="14" t="s">
        <v>25</v>
      </c>
      <c r="G71054" s="16">
        <v>0</v>
      </c>
    </row>
    <row r="71055" spans="1:7" x14ac:dyDescent="0.3">
      <c r="A71055" s="13" t="s">
        <v>367</v>
      </c>
      <c r="B71055" s="14" t="s">
        <v>1</v>
      </c>
      <c r="C71055" s="14" t="s">
        <v>96</v>
      </c>
      <c r="D71055" s="14" t="s">
        <v>155</v>
      </c>
      <c r="E71055" s="15">
        <v>45621</v>
      </c>
      <c r="F71055" s="14" t="s">
        <v>25</v>
      </c>
      <c r="G71055" s="16">
        <v>0</v>
      </c>
    </row>
    <row r="71056" spans="1:7" x14ac:dyDescent="0.3">
      <c r="A71056" s="13" t="s">
        <v>367</v>
      </c>
      <c r="B71056" s="14" t="s">
        <v>1</v>
      </c>
      <c r="C71056" s="14" t="s">
        <v>96</v>
      </c>
      <c r="D71056" s="14" t="s">
        <v>155</v>
      </c>
      <c r="E71056" s="15">
        <v>45622</v>
      </c>
      <c r="F71056" s="14" t="s">
        <v>25</v>
      </c>
      <c r="G71056" s="16">
        <v>0</v>
      </c>
    </row>
    <row r="71057" spans="1:7" x14ac:dyDescent="0.3">
      <c r="A71057" s="13" t="s">
        <v>367</v>
      </c>
      <c r="B71057" s="14" t="s">
        <v>1</v>
      </c>
      <c r="C71057" s="14" t="s">
        <v>96</v>
      </c>
      <c r="D71057" s="14" t="s">
        <v>155</v>
      </c>
      <c r="E71057" s="15">
        <v>45623</v>
      </c>
      <c r="F71057" s="14" t="s">
        <v>25</v>
      </c>
      <c r="G71057" s="16">
        <v>0</v>
      </c>
    </row>
    <row r="71058" spans="1:7" x14ac:dyDescent="0.3">
      <c r="A71058" s="13" t="s">
        <v>367</v>
      </c>
      <c r="B71058" s="14" t="s">
        <v>1</v>
      </c>
      <c r="C71058" s="14" t="s">
        <v>96</v>
      </c>
      <c r="D71058" s="14" t="s">
        <v>155</v>
      </c>
      <c r="E71058" s="15">
        <v>45624</v>
      </c>
      <c r="F71058" s="14" t="s">
        <v>25</v>
      </c>
      <c r="G71058" s="16">
        <v>0</v>
      </c>
    </row>
    <row r="71059" spans="1:7" x14ac:dyDescent="0.3">
      <c r="A71059" s="13" t="s">
        <v>367</v>
      </c>
      <c r="B71059" s="14" t="s">
        <v>1</v>
      </c>
      <c r="C71059" s="14" t="s">
        <v>96</v>
      </c>
      <c r="D71059" s="14" t="s">
        <v>155</v>
      </c>
      <c r="E71059" s="15">
        <v>45625</v>
      </c>
      <c r="F71059" s="14" t="s">
        <v>25</v>
      </c>
      <c r="G71059" s="16">
        <v>0</v>
      </c>
    </row>
    <row r="71060" spans="1:7" x14ac:dyDescent="0.3">
      <c r="A71060" s="13" t="s">
        <v>367</v>
      </c>
      <c r="B71060" s="14" t="s">
        <v>1</v>
      </c>
      <c r="C71060" s="14" t="s">
        <v>96</v>
      </c>
      <c r="D71060" s="14" t="s">
        <v>155</v>
      </c>
      <c r="E71060" s="15">
        <v>45626</v>
      </c>
      <c r="F71060" s="14" t="s">
        <v>25</v>
      </c>
      <c r="G71060" s="16">
        <v>0</v>
      </c>
    </row>
    <row r="71061" spans="1:7" x14ac:dyDescent="0.3">
      <c r="A71061" s="13" t="s">
        <v>367</v>
      </c>
      <c r="B71061" s="14" t="s">
        <v>1</v>
      </c>
      <c r="C71061" s="14" t="s">
        <v>96</v>
      </c>
      <c r="D71061" s="14" t="s">
        <v>155</v>
      </c>
      <c r="E71061" s="15">
        <v>45627</v>
      </c>
      <c r="F71061" s="14" t="s">
        <v>25</v>
      </c>
      <c r="G71061" s="16">
        <v>0</v>
      </c>
    </row>
    <row r="71062" spans="1:7" x14ac:dyDescent="0.3">
      <c r="A71062" s="13" t="s">
        <v>367</v>
      </c>
      <c r="B71062" s="14" t="s">
        <v>1</v>
      </c>
      <c r="C71062" s="14" t="s">
        <v>96</v>
      </c>
      <c r="D71062" s="14" t="s">
        <v>155</v>
      </c>
      <c r="E71062" s="15">
        <v>45628</v>
      </c>
      <c r="F71062" s="14" t="s">
        <v>25</v>
      </c>
      <c r="G71062" s="16">
        <v>0</v>
      </c>
    </row>
    <row r="71063" spans="1:7" x14ac:dyDescent="0.3">
      <c r="A71063" s="13" t="s">
        <v>367</v>
      </c>
      <c r="B71063" s="14" t="s">
        <v>1</v>
      </c>
      <c r="C71063" s="14" t="s">
        <v>96</v>
      </c>
      <c r="D71063" s="14" t="s">
        <v>155</v>
      </c>
      <c r="E71063" s="15">
        <v>45629</v>
      </c>
      <c r="F71063" s="14" t="s">
        <v>25</v>
      </c>
      <c r="G71063" s="16">
        <v>0</v>
      </c>
    </row>
    <row r="71064" spans="1:7" x14ac:dyDescent="0.3">
      <c r="A71064" s="13" t="s">
        <v>367</v>
      </c>
      <c r="B71064" s="14" t="s">
        <v>1</v>
      </c>
      <c r="C71064" s="14" t="s">
        <v>96</v>
      </c>
      <c r="D71064" s="14" t="s">
        <v>155</v>
      </c>
      <c r="E71064" s="15">
        <v>45630</v>
      </c>
      <c r="F71064" s="14" t="s">
        <v>25</v>
      </c>
      <c r="G71064" s="16">
        <v>0</v>
      </c>
    </row>
    <row r="71065" spans="1:7" x14ac:dyDescent="0.3">
      <c r="A71065" s="13" t="s">
        <v>367</v>
      </c>
      <c r="B71065" s="14" t="s">
        <v>1</v>
      </c>
      <c r="C71065" s="14" t="s">
        <v>96</v>
      </c>
      <c r="D71065" s="14" t="s">
        <v>155</v>
      </c>
      <c r="E71065" s="15">
        <v>45631</v>
      </c>
      <c r="F71065" s="14" t="s">
        <v>25</v>
      </c>
      <c r="G71065" s="16">
        <v>0</v>
      </c>
    </row>
    <row r="71066" spans="1:7" x14ac:dyDescent="0.3">
      <c r="A71066" s="13" t="s">
        <v>367</v>
      </c>
      <c r="B71066" s="14" t="s">
        <v>1</v>
      </c>
      <c r="C71066" s="14" t="s">
        <v>96</v>
      </c>
      <c r="D71066" s="14" t="s">
        <v>155</v>
      </c>
      <c r="E71066" s="15">
        <v>45632</v>
      </c>
      <c r="F71066" s="14" t="s">
        <v>25</v>
      </c>
      <c r="G71066" s="16">
        <v>0</v>
      </c>
    </row>
    <row r="71067" spans="1:7" x14ac:dyDescent="0.3">
      <c r="A71067" s="13" t="s">
        <v>367</v>
      </c>
      <c r="B71067" s="14" t="s">
        <v>1</v>
      </c>
      <c r="C71067" s="14" t="s">
        <v>96</v>
      </c>
      <c r="D71067" s="14" t="s">
        <v>155</v>
      </c>
      <c r="E71067" s="15">
        <v>45633</v>
      </c>
      <c r="F71067" s="14" t="s">
        <v>25</v>
      </c>
      <c r="G71067" s="16">
        <v>0</v>
      </c>
    </row>
    <row r="71068" spans="1:7" x14ac:dyDescent="0.3">
      <c r="A71068" s="13" t="s">
        <v>367</v>
      </c>
      <c r="B71068" s="14" t="s">
        <v>1</v>
      </c>
      <c r="C71068" s="14" t="s">
        <v>96</v>
      </c>
      <c r="D71068" s="14" t="s">
        <v>155</v>
      </c>
      <c r="E71068" s="15">
        <v>45634</v>
      </c>
      <c r="F71068" s="14" t="s">
        <v>25</v>
      </c>
      <c r="G71068" s="16">
        <v>0</v>
      </c>
    </row>
    <row r="71069" spans="1:7" x14ac:dyDescent="0.3">
      <c r="A71069" s="13" t="s">
        <v>367</v>
      </c>
      <c r="B71069" s="14" t="s">
        <v>1</v>
      </c>
      <c r="C71069" s="14" t="s">
        <v>96</v>
      </c>
      <c r="D71069" s="14" t="s">
        <v>155</v>
      </c>
      <c r="E71069" s="15">
        <v>45635</v>
      </c>
      <c r="F71069" s="14" t="s">
        <v>25</v>
      </c>
      <c r="G71069" s="16">
        <v>0</v>
      </c>
    </row>
    <row r="71070" spans="1:7" x14ac:dyDescent="0.3">
      <c r="A71070" s="13" t="s">
        <v>367</v>
      </c>
      <c r="B71070" s="14" t="s">
        <v>1</v>
      </c>
      <c r="C71070" s="14" t="s">
        <v>96</v>
      </c>
      <c r="D71070" s="14" t="s">
        <v>155</v>
      </c>
      <c r="E71070" s="15">
        <v>45636</v>
      </c>
      <c r="F71070" s="14" t="s">
        <v>25</v>
      </c>
      <c r="G71070" s="16">
        <v>0</v>
      </c>
    </row>
    <row r="71071" spans="1:7" x14ac:dyDescent="0.3">
      <c r="A71071" s="13" t="s">
        <v>367</v>
      </c>
      <c r="B71071" s="14" t="s">
        <v>1</v>
      </c>
      <c r="C71071" s="14" t="s">
        <v>96</v>
      </c>
      <c r="D71071" s="14" t="s">
        <v>155</v>
      </c>
      <c r="E71071" s="15">
        <v>45637</v>
      </c>
      <c r="F71071" s="14" t="s">
        <v>25</v>
      </c>
      <c r="G71071" s="16">
        <v>0</v>
      </c>
    </row>
    <row r="71072" spans="1:7" x14ac:dyDescent="0.3">
      <c r="A71072" s="13" t="s">
        <v>367</v>
      </c>
      <c r="B71072" s="14" t="s">
        <v>1</v>
      </c>
      <c r="C71072" s="14" t="s">
        <v>96</v>
      </c>
      <c r="D71072" s="14" t="s">
        <v>155</v>
      </c>
      <c r="E71072" s="15">
        <v>45638</v>
      </c>
      <c r="F71072" s="14" t="s">
        <v>25</v>
      </c>
      <c r="G71072" s="16">
        <v>0</v>
      </c>
    </row>
    <row r="71073" spans="1:7" x14ac:dyDescent="0.3">
      <c r="A71073" s="13" t="s">
        <v>367</v>
      </c>
      <c r="B71073" s="14" t="s">
        <v>1</v>
      </c>
      <c r="C71073" s="14" t="s">
        <v>96</v>
      </c>
      <c r="D71073" s="14" t="s">
        <v>155</v>
      </c>
      <c r="E71073" s="15">
        <v>45639</v>
      </c>
      <c r="F71073" s="14" t="s">
        <v>25</v>
      </c>
      <c r="G71073" s="16">
        <v>0</v>
      </c>
    </row>
    <row r="71074" spans="1:7" x14ac:dyDescent="0.3">
      <c r="A71074" s="13" t="s">
        <v>367</v>
      </c>
      <c r="B71074" s="14" t="s">
        <v>1</v>
      </c>
      <c r="C71074" s="14" t="s">
        <v>96</v>
      </c>
      <c r="D71074" s="14" t="s">
        <v>155</v>
      </c>
      <c r="E71074" s="15">
        <v>45640</v>
      </c>
      <c r="F71074" s="14" t="s">
        <v>25</v>
      </c>
      <c r="G71074" s="16">
        <v>0</v>
      </c>
    </row>
    <row r="71075" spans="1:7" x14ac:dyDescent="0.3">
      <c r="A71075" s="13" t="s">
        <v>367</v>
      </c>
      <c r="B71075" s="14" t="s">
        <v>1</v>
      </c>
      <c r="C71075" s="14" t="s">
        <v>96</v>
      </c>
      <c r="D71075" s="14" t="s">
        <v>155</v>
      </c>
      <c r="E71075" s="15">
        <v>45641</v>
      </c>
      <c r="F71075" s="14" t="s">
        <v>25</v>
      </c>
      <c r="G71075" s="16">
        <v>0</v>
      </c>
    </row>
    <row r="71076" spans="1:7" x14ac:dyDescent="0.3">
      <c r="A71076" s="13" t="s">
        <v>367</v>
      </c>
      <c r="B71076" s="14" t="s">
        <v>1</v>
      </c>
      <c r="C71076" s="14" t="s">
        <v>96</v>
      </c>
      <c r="D71076" s="14" t="s">
        <v>155</v>
      </c>
      <c r="E71076" s="15">
        <v>45642</v>
      </c>
      <c r="F71076" s="14" t="s">
        <v>25</v>
      </c>
      <c r="G71076" s="16">
        <v>0</v>
      </c>
    </row>
    <row r="71077" spans="1:7" x14ac:dyDescent="0.3">
      <c r="A71077" s="13" t="s">
        <v>367</v>
      </c>
      <c r="B71077" s="14" t="s">
        <v>1</v>
      </c>
      <c r="C71077" s="14" t="s">
        <v>96</v>
      </c>
      <c r="D71077" s="14" t="s">
        <v>155</v>
      </c>
      <c r="E71077" s="15">
        <v>45643</v>
      </c>
      <c r="F71077" s="14" t="s">
        <v>25</v>
      </c>
      <c r="G71077" s="16">
        <v>0</v>
      </c>
    </row>
    <row r="71078" spans="1:7" x14ac:dyDescent="0.3">
      <c r="A71078" s="13" t="s">
        <v>367</v>
      </c>
      <c r="B71078" s="14" t="s">
        <v>1</v>
      </c>
      <c r="C71078" s="14" t="s">
        <v>96</v>
      </c>
      <c r="D71078" s="14" t="s">
        <v>155</v>
      </c>
      <c r="E71078" s="15">
        <v>45644</v>
      </c>
      <c r="F71078" s="14" t="s">
        <v>25</v>
      </c>
      <c r="G71078" s="16">
        <v>0</v>
      </c>
    </row>
    <row r="71079" spans="1:7" x14ac:dyDescent="0.3">
      <c r="A71079" s="13" t="s">
        <v>367</v>
      </c>
      <c r="B71079" s="14" t="s">
        <v>1</v>
      </c>
      <c r="C71079" s="14" t="s">
        <v>96</v>
      </c>
      <c r="D71079" s="14" t="s">
        <v>155</v>
      </c>
      <c r="E71079" s="15">
        <v>45645</v>
      </c>
      <c r="F71079" s="14" t="s">
        <v>25</v>
      </c>
      <c r="G71079" s="16">
        <v>0</v>
      </c>
    </row>
    <row r="71080" spans="1:7" x14ac:dyDescent="0.3">
      <c r="A71080" s="13" t="s">
        <v>367</v>
      </c>
      <c r="B71080" s="14" t="s">
        <v>1</v>
      </c>
      <c r="C71080" s="14" t="s">
        <v>96</v>
      </c>
      <c r="D71080" s="14" t="s">
        <v>155</v>
      </c>
      <c r="E71080" s="15">
        <v>45646</v>
      </c>
      <c r="F71080" s="14" t="s">
        <v>25</v>
      </c>
      <c r="G71080" s="16">
        <v>0</v>
      </c>
    </row>
    <row r="71081" spans="1:7" x14ac:dyDescent="0.3">
      <c r="A71081" s="13" t="s">
        <v>367</v>
      </c>
      <c r="B71081" s="14" t="s">
        <v>1</v>
      </c>
      <c r="C71081" s="14" t="s">
        <v>96</v>
      </c>
      <c r="D71081" s="14" t="s">
        <v>155</v>
      </c>
      <c r="E71081" s="15">
        <v>45647</v>
      </c>
      <c r="F71081" s="14" t="s">
        <v>25</v>
      </c>
      <c r="G71081" s="16">
        <v>0</v>
      </c>
    </row>
    <row r="71082" spans="1:7" x14ac:dyDescent="0.3">
      <c r="A71082" s="13" t="s">
        <v>367</v>
      </c>
      <c r="B71082" s="14" t="s">
        <v>1</v>
      </c>
      <c r="C71082" s="14" t="s">
        <v>96</v>
      </c>
      <c r="D71082" s="14" t="s">
        <v>155</v>
      </c>
      <c r="E71082" s="15">
        <v>45648</v>
      </c>
      <c r="F71082" s="14" t="s">
        <v>25</v>
      </c>
      <c r="G71082" s="16">
        <v>0</v>
      </c>
    </row>
    <row r="71083" spans="1:7" x14ac:dyDescent="0.3">
      <c r="A71083" s="13" t="s">
        <v>367</v>
      </c>
      <c r="B71083" s="14" t="s">
        <v>1</v>
      </c>
      <c r="C71083" s="14" t="s">
        <v>96</v>
      </c>
      <c r="D71083" s="14" t="s">
        <v>155</v>
      </c>
      <c r="E71083" s="15">
        <v>45649</v>
      </c>
      <c r="F71083" s="14" t="s">
        <v>25</v>
      </c>
      <c r="G71083" s="16">
        <v>0</v>
      </c>
    </row>
    <row r="71084" spans="1:7" x14ac:dyDescent="0.3">
      <c r="A71084" s="13" t="s">
        <v>367</v>
      </c>
      <c r="B71084" s="14" t="s">
        <v>1</v>
      </c>
      <c r="C71084" s="14" t="s">
        <v>96</v>
      </c>
      <c r="D71084" s="14" t="s">
        <v>155</v>
      </c>
      <c r="E71084" s="15">
        <v>45650</v>
      </c>
      <c r="F71084" s="14" t="s">
        <v>25</v>
      </c>
      <c r="G71084" s="16">
        <v>0</v>
      </c>
    </row>
    <row r="71085" spans="1:7" x14ac:dyDescent="0.3">
      <c r="A71085" s="13" t="s">
        <v>367</v>
      </c>
      <c r="B71085" s="14" t="s">
        <v>1</v>
      </c>
      <c r="C71085" s="14" t="s">
        <v>96</v>
      </c>
      <c r="D71085" s="14" t="s">
        <v>155</v>
      </c>
      <c r="E71085" s="15">
        <v>45651</v>
      </c>
      <c r="F71085" s="14" t="s">
        <v>25</v>
      </c>
      <c r="G71085" s="16">
        <v>0</v>
      </c>
    </row>
    <row r="71086" spans="1:7" x14ac:dyDescent="0.3">
      <c r="A71086" s="13" t="s">
        <v>367</v>
      </c>
      <c r="B71086" s="14" t="s">
        <v>1</v>
      </c>
      <c r="C71086" s="14" t="s">
        <v>96</v>
      </c>
      <c r="D71086" s="14" t="s">
        <v>155</v>
      </c>
      <c r="E71086" s="15">
        <v>45652</v>
      </c>
      <c r="F71086" s="14" t="s">
        <v>25</v>
      </c>
      <c r="G71086" s="16">
        <v>0</v>
      </c>
    </row>
    <row r="71087" spans="1:7" x14ac:dyDescent="0.3">
      <c r="A71087" s="13" t="s">
        <v>367</v>
      </c>
      <c r="B71087" s="14" t="s">
        <v>1</v>
      </c>
      <c r="C71087" s="14" t="s">
        <v>96</v>
      </c>
      <c r="D71087" s="14" t="s">
        <v>155</v>
      </c>
      <c r="E71087" s="15">
        <v>45653</v>
      </c>
      <c r="F71087" s="14" t="s">
        <v>25</v>
      </c>
      <c r="G71087" s="16">
        <v>0</v>
      </c>
    </row>
    <row r="71088" spans="1:7" x14ac:dyDescent="0.3">
      <c r="A71088" s="13" t="s">
        <v>367</v>
      </c>
      <c r="B71088" s="14" t="s">
        <v>1</v>
      </c>
      <c r="C71088" s="14" t="s">
        <v>96</v>
      </c>
      <c r="D71088" s="14" t="s">
        <v>155</v>
      </c>
      <c r="E71088" s="15">
        <v>45654</v>
      </c>
      <c r="F71088" s="14" t="s">
        <v>25</v>
      </c>
      <c r="G71088" s="16">
        <v>0</v>
      </c>
    </row>
    <row r="71089" spans="1:7" x14ac:dyDescent="0.3">
      <c r="A71089" s="13" t="s">
        <v>367</v>
      </c>
      <c r="B71089" s="14" t="s">
        <v>1</v>
      </c>
      <c r="C71089" s="14" t="s">
        <v>96</v>
      </c>
      <c r="D71089" s="14" t="s">
        <v>155</v>
      </c>
      <c r="E71089" s="15">
        <v>45655</v>
      </c>
      <c r="F71089" s="14" t="s">
        <v>25</v>
      </c>
      <c r="G71089" s="16">
        <v>0</v>
      </c>
    </row>
    <row r="71090" spans="1:7" x14ac:dyDescent="0.3">
      <c r="A71090" s="13" t="s">
        <v>367</v>
      </c>
      <c r="B71090" s="14" t="s">
        <v>1</v>
      </c>
      <c r="C71090" s="14" t="s">
        <v>96</v>
      </c>
      <c r="D71090" s="14" t="s">
        <v>155</v>
      </c>
      <c r="E71090" s="15">
        <v>45656</v>
      </c>
      <c r="F71090" s="14" t="s">
        <v>25</v>
      </c>
      <c r="G71090" s="16">
        <v>0</v>
      </c>
    </row>
    <row r="71091" spans="1:7" x14ac:dyDescent="0.3">
      <c r="A71091" s="13" t="s">
        <v>367</v>
      </c>
      <c r="B71091" s="14" t="s">
        <v>1</v>
      </c>
      <c r="C71091" s="14" t="s">
        <v>96</v>
      </c>
      <c r="D71091" s="14" t="s">
        <v>155</v>
      </c>
      <c r="E71091" s="15">
        <v>45657</v>
      </c>
      <c r="F71091" s="14" t="s">
        <v>25</v>
      </c>
      <c r="G71091" s="16">
        <v>0</v>
      </c>
    </row>
    <row r="71092" spans="1:7" x14ac:dyDescent="0.3">
      <c r="A71092" s="13" t="s">
        <v>367</v>
      </c>
      <c r="B71092" s="14" t="s">
        <v>1</v>
      </c>
      <c r="C71092" s="14" t="s">
        <v>96</v>
      </c>
      <c r="D71092" s="14" t="s">
        <v>155</v>
      </c>
      <c r="E71092" s="15">
        <v>45658</v>
      </c>
      <c r="F71092" s="14" t="s">
        <v>25</v>
      </c>
      <c r="G71092" s="16">
        <v>0</v>
      </c>
    </row>
    <row r="71093" spans="1:7" x14ac:dyDescent="0.3">
      <c r="A71093" s="13" t="s">
        <v>367</v>
      </c>
      <c r="B71093" s="14" t="s">
        <v>1</v>
      </c>
      <c r="C71093" s="14" t="s">
        <v>96</v>
      </c>
      <c r="D71093" s="14" t="s">
        <v>155</v>
      </c>
      <c r="E71093" s="15">
        <v>45659</v>
      </c>
      <c r="F71093" s="14" t="s">
        <v>25</v>
      </c>
      <c r="G71093" s="16">
        <v>0</v>
      </c>
    </row>
    <row r="71094" spans="1:7" x14ac:dyDescent="0.3">
      <c r="A71094" s="13" t="s">
        <v>367</v>
      </c>
      <c r="B71094" s="14" t="s">
        <v>1</v>
      </c>
      <c r="C71094" s="14" t="s">
        <v>96</v>
      </c>
      <c r="D71094" s="14" t="s">
        <v>155</v>
      </c>
      <c r="E71094" s="15">
        <v>45660</v>
      </c>
      <c r="F71094" s="14" t="s">
        <v>25</v>
      </c>
      <c r="G71094" s="16">
        <v>0</v>
      </c>
    </row>
    <row r="71095" spans="1:7" x14ac:dyDescent="0.3">
      <c r="A71095" s="13" t="s">
        <v>367</v>
      </c>
      <c r="B71095" s="14" t="s">
        <v>1</v>
      </c>
      <c r="C71095" s="14" t="s">
        <v>96</v>
      </c>
      <c r="D71095" s="14" t="s">
        <v>155</v>
      </c>
      <c r="E71095" s="15">
        <v>45661</v>
      </c>
      <c r="F71095" s="14" t="s">
        <v>25</v>
      </c>
      <c r="G71095" s="16">
        <v>0</v>
      </c>
    </row>
    <row r="71096" spans="1:7" x14ac:dyDescent="0.3">
      <c r="A71096" s="13" t="s">
        <v>367</v>
      </c>
      <c r="B71096" s="14" t="s">
        <v>1</v>
      </c>
      <c r="C71096" s="14" t="s">
        <v>96</v>
      </c>
      <c r="D71096" s="14" t="s">
        <v>155</v>
      </c>
      <c r="E71096" s="15">
        <v>45662</v>
      </c>
      <c r="F71096" s="14" t="s">
        <v>25</v>
      </c>
      <c r="G71096" s="16">
        <v>0</v>
      </c>
    </row>
    <row r="71097" spans="1:7" x14ac:dyDescent="0.3">
      <c r="A71097" s="13" t="s">
        <v>367</v>
      </c>
      <c r="B71097" s="14" t="s">
        <v>1</v>
      </c>
      <c r="C71097" s="14" t="s">
        <v>96</v>
      </c>
      <c r="D71097" s="14" t="s">
        <v>155</v>
      </c>
      <c r="E71097" s="15">
        <v>45663</v>
      </c>
      <c r="F71097" s="14" t="s">
        <v>25</v>
      </c>
      <c r="G71097" s="16">
        <v>0</v>
      </c>
    </row>
    <row r="71098" spans="1:7" x14ac:dyDescent="0.3">
      <c r="A71098" s="13" t="s">
        <v>367</v>
      </c>
      <c r="B71098" s="14" t="s">
        <v>1</v>
      </c>
      <c r="C71098" s="14" t="s">
        <v>96</v>
      </c>
      <c r="D71098" s="14" t="s">
        <v>155</v>
      </c>
      <c r="E71098" s="15">
        <v>45664</v>
      </c>
      <c r="F71098" s="14" t="s">
        <v>25</v>
      </c>
      <c r="G71098" s="16">
        <v>0</v>
      </c>
    </row>
    <row r="71099" spans="1:7" x14ac:dyDescent="0.3">
      <c r="A71099" s="13" t="s">
        <v>367</v>
      </c>
      <c r="B71099" s="14" t="s">
        <v>1</v>
      </c>
      <c r="C71099" s="14" t="s">
        <v>96</v>
      </c>
      <c r="D71099" s="14" t="s">
        <v>155</v>
      </c>
      <c r="E71099" s="15">
        <v>45665</v>
      </c>
      <c r="F71099" s="14" t="s">
        <v>25</v>
      </c>
      <c r="G71099" s="16">
        <v>0</v>
      </c>
    </row>
    <row r="71100" spans="1:7" x14ac:dyDescent="0.3">
      <c r="A71100" s="13" t="s">
        <v>367</v>
      </c>
      <c r="B71100" s="14" t="s">
        <v>1</v>
      </c>
      <c r="C71100" s="14" t="s">
        <v>96</v>
      </c>
      <c r="D71100" s="14" t="s">
        <v>155</v>
      </c>
      <c r="E71100" s="15">
        <v>45666</v>
      </c>
      <c r="F71100" s="14" t="s">
        <v>25</v>
      </c>
      <c r="G71100" s="16">
        <v>0</v>
      </c>
    </row>
    <row r="71101" spans="1:7" x14ac:dyDescent="0.3">
      <c r="A71101" s="13" t="s">
        <v>367</v>
      </c>
      <c r="B71101" s="14" t="s">
        <v>1</v>
      </c>
      <c r="C71101" s="14" t="s">
        <v>96</v>
      </c>
      <c r="D71101" s="14" t="s">
        <v>155</v>
      </c>
      <c r="E71101" s="15">
        <v>45667</v>
      </c>
      <c r="F71101" s="14" t="s">
        <v>25</v>
      </c>
      <c r="G71101" s="16">
        <v>0</v>
      </c>
    </row>
    <row r="71102" spans="1:7" x14ac:dyDescent="0.3">
      <c r="A71102" s="13" t="s">
        <v>367</v>
      </c>
      <c r="B71102" s="14" t="s">
        <v>1</v>
      </c>
      <c r="C71102" s="14" t="s">
        <v>96</v>
      </c>
      <c r="D71102" s="14" t="s">
        <v>155</v>
      </c>
      <c r="E71102" s="15">
        <v>45668</v>
      </c>
      <c r="F71102" s="14" t="s">
        <v>25</v>
      </c>
      <c r="G71102" s="16">
        <v>0</v>
      </c>
    </row>
    <row r="71103" spans="1:7" x14ac:dyDescent="0.3">
      <c r="A71103" s="13" t="s">
        <v>367</v>
      </c>
      <c r="B71103" s="14" t="s">
        <v>1</v>
      </c>
      <c r="C71103" s="14" t="s">
        <v>96</v>
      </c>
      <c r="D71103" s="14" t="s">
        <v>155</v>
      </c>
      <c r="E71103" s="15">
        <v>45669</v>
      </c>
      <c r="F71103" s="14" t="s">
        <v>25</v>
      </c>
      <c r="G71103" s="16">
        <v>0</v>
      </c>
    </row>
    <row r="71104" spans="1:7" x14ac:dyDescent="0.3">
      <c r="A71104" s="13" t="s">
        <v>367</v>
      </c>
      <c r="B71104" s="14" t="s">
        <v>1</v>
      </c>
      <c r="C71104" s="14" t="s">
        <v>96</v>
      </c>
      <c r="D71104" s="14" t="s">
        <v>155</v>
      </c>
      <c r="E71104" s="15">
        <v>45670</v>
      </c>
      <c r="F71104" s="14" t="s">
        <v>25</v>
      </c>
      <c r="G71104" s="16">
        <v>0</v>
      </c>
    </row>
    <row r="71105" spans="1:7" x14ac:dyDescent="0.3">
      <c r="A71105" s="13" t="s">
        <v>367</v>
      </c>
      <c r="B71105" s="14" t="s">
        <v>1</v>
      </c>
      <c r="C71105" s="14" t="s">
        <v>96</v>
      </c>
      <c r="D71105" s="14" t="s">
        <v>155</v>
      </c>
      <c r="E71105" s="15">
        <v>45671</v>
      </c>
      <c r="F71105" s="14" t="s">
        <v>25</v>
      </c>
      <c r="G71105" s="16">
        <v>0</v>
      </c>
    </row>
    <row r="71106" spans="1:7" x14ac:dyDescent="0.3">
      <c r="A71106" s="13" t="s">
        <v>367</v>
      </c>
      <c r="B71106" s="14" t="s">
        <v>1</v>
      </c>
      <c r="C71106" s="14" t="s">
        <v>96</v>
      </c>
      <c r="D71106" s="14" t="s">
        <v>155</v>
      </c>
      <c r="E71106" s="15">
        <v>45672</v>
      </c>
      <c r="F71106" s="14" t="s">
        <v>25</v>
      </c>
      <c r="G71106" s="16">
        <v>0</v>
      </c>
    </row>
    <row r="71107" spans="1:7" x14ac:dyDescent="0.3">
      <c r="A71107" s="13" t="s">
        <v>367</v>
      </c>
      <c r="B71107" s="14" t="s">
        <v>1</v>
      </c>
      <c r="C71107" s="14" t="s">
        <v>96</v>
      </c>
      <c r="D71107" s="14" t="s">
        <v>155</v>
      </c>
      <c r="E71107" s="15">
        <v>45673</v>
      </c>
      <c r="F71107" s="14" t="s">
        <v>25</v>
      </c>
      <c r="G71107" s="16">
        <v>0</v>
      </c>
    </row>
    <row r="71108" spans="1:7" x14ac:dyDescent="0.3">
      <c r="A71108" s="13" t="s">
        <v>367</v>
      </c>
      <c r="B71108" s="14" t="s">
        <v>1</v>
      </c>
      <c r="C71108" s="14" t="s">
        <v>96</v>
      </c>
      <c r="D71108" s="14" t="s">
        <v>155</v>
      </c>
      <c r="E71108" s="15">
        <v>45674</v>
      </c>
      <c r="F71108" s="14" t="s">
        <v>25</v>
      </c>
      <c r="G71108" s="16">
        <v>0</v>
      </c>
    </row>
    <row r="71109" spans="1:7" x14ac:dyDescent="0.3">
      <c r="A71109" s="13" t="s">
        <v>367</v>
      </c>
      <c r="B71109" s="14" t="s">
        <v>1</v>
      </c>
      <c r="C71109" s="14" t="s">
        <v>96</v>
      </c>
      <c r="D71109" s="14" t="s">
        <v>155</v>
      </c>
      <c r="E71109" s="15">
        <v>45675</v>
      </c>
      <c r="F71109" s="14" t="s">
        <v>25</v>
      </c>
      <c r="G71109" s="16">
        <v>0</v>
      </c>
    </row>
    <row r="71110" spans="1:7" x14ac:dyDescent="0.3">
      <c r="A71110" s="13" t="s">
        <v>367</v>
      </c>
      <c r="B71110" s="14" t="s">
        <v>1</v>
      </c>
      <c r="C71110" s="14" t="s">
        <v>96</v>
      </c>
      <c r="D71110" s="14" t="s">
        <v>155</v>
      </c>
      <c r="E71110" s="15">
        <v>45676</v>
      </c>
      <c r="F71110" s="14" t="s">
        <v>25</v>
      </c>
      <c r="G71110" s="16">
        <v>0</v>
      </c>
    </row>
    <row r="71111" spans="1:7" x14ac:dyDescent="0.3">
      <c r="A71111" s="13" t="s">
        <v>367</v>
      </c>
      <c r="B71111" s="14" t="s">
        <v>1</v>
      </c>
      <c r="C71111" s="14" t="s">
        <v>96</v>
      </c>
      <c r="D71111" s="14" t="s">
        <v>155</v>
      </c>
      <c r="E71111" s="15">
        <v>45677</v>
      </c>
      <c r="F71111" s="14" t="s">
        <v>25</v>
      </c>
      <c r="G71111" s="16">
        <v>0</v>
      </c>
    </row>
    <row r="71112" spans="1:7" x14ac:dyDescent="0.3">
      <c r="A71112" s="13" t="s">
        <v>367</v>
      </c>
      <c r="B71112" s="14" t="s">
        <v>1</v>
      </c>
      <c r="C71112" s="14" t="s">
        <v>96</v>
      </c>
      <c r="D71112" s="14" t="s">
        <v>155</v>
      </c>
      <c r="E71112" s="15">
        <v>45678</v>
      </c>
      <c r="F71112" s="14" t="s">
        <v>25</v>
      </c>
      <c r="G71112" s="16">
        <v>0</v>
      </c>
    </row>
    <row r="71113" spans="1:7" x14ac:dyDescent="0.3">
      <c r="A71113" s="13" t="s">
        <v>367</v>
      </c>
      <c r="B71113" s="14" t="s">
        <v>1</v>
      </c>
      <c r="C71113" s="14" t="s">
        <v>96</v>
      </c>
      <c r="D71113" s="14" t="s">
        <v>155</v>
      </c>
      <c r="E71113" s="15">
        <v>45679</v>
      </c>
      <c r="F71113" s="14" t="s">
        <v>25</v>
      </c>
      <c r="G71113" s="16">
        <v>0</v>
      </c>
    </row>
    <row r="71114" spans="1:7" x14ac:dyDescent="0.3">
      <c r="A71114" s="13" t="s">
        <v>367</v>
      </c>
      <c r="B71114" s="14" t="s">
        <v>1</v>
      </c>
      <c r="C71114" s="14" t="s">
        <v>96</v>
      </c>
      <c r="D71114" s="14" t="s">
        <v>155</v>
      </c>
      <c r="E71114" s="15">
        <v>45680</v>
      </c>
      <c r="F71114" s="14" t="s">
        <v>25</v>
      </c>
      <c r="G71114" s="16">
        <v>0</v>
      </c>
    </row>
    <row r="71115" spans="1:7" x14ac:dyDescent="0.3">
      <c r="A71115" s="13" t="s">
        <v>367</v>
      </c>
      <c r="B71115" s="14" t="s">
        <v>1</v>
      </c>
      <c r="C71115" s="14" t="s">
        <v>96</v>
      </c>
      <c r="D71115" s="14" t="s">
        <v>155</v>
      </c>
      <c r="E71115" s="15">
        <v>45681</v>
      </c>
      <c r="F71115" s="14" t="s">
        <v>25</v>
      </c>
      <c r="G71115" s="16">
        <v>0</v>
      </c>
    </row>
    <row r="71116" spans="1:7" x14ac:dyDescent="0.3">
      <c r="A71116" s="13" t="s">
        <v>367</v>
      </c>
      <c r="B71116" s="14" t="s">
        <v>1</v>
      </c>
      <c r="C71116" s="14" t="s">
        <v>96</v>
      </c>
      <c r="D71116" s="14" t="s">
        <v>155</v>
      </c>
      <c r="E71116" s="15">
        <v>45682</v>
      </c>
      <c r="F71116" s="14" t="s">
        <v>25</v>
      </c>
      <c r="G71116" s="16">
        <v>0</v>
      </c>
    </row>
    <row r="71117" spans="1:7" x14ac:dyDescent="0.3">
      <c r="A71117" s="13" t="s">
        <v>367</v>
      </c>
      <c r="B71117" s="14" t="s">
        <v>1</v>
      </c>
      <c r="C71117" s="14" t="s">
        <v>96</v>
      </c>
      <c r="D71117" s="14" t="s">
        <v>155</v>
      </c>
      <c r="E71117" s="15">
        <v>45683</v>
      </c>
      <c r="F71117" s="14" t="s">
        <v>25</v>
      </c>
      <c r="G71117" s="16">
        <v>0</v>
      </c>
    </row>
    <row r="71118" spans="1:7" x14ac:dyDescent="0.3">
      <c r="A71118" s="13" t="s">
        <v>367</v>
      </c>
      <c r="B71118" s="14" t="s">
        <v>1</v>
      </c>
      <c r="C71118" s="14" t="s">
        <v>96</v>
      </c>
      <c r="D71118" s="14" t="s">
        <v>155</v>
      </c>
      <c r="E71118" s="15">
        <v>45684</v>
      </c>
      <c r="F71118" s="14" t="s">
        <v>25</v>
      </c>
      <c r="G71118" s="16">
        <v>0</v>
      </c>
    </row>
    <row r="71119" spans="1:7" x14ac:dyDescent="0.3">
      <c r="A71119" s="13" t="s">
        <v>367</v>
      </c>
      <c r="B71119" s="14" t="s">
        <v>1</v>
      </c>
      <c r="C71119" s="14" t="s">
        <v>96</v>
      </c>
      <c r="D71119" s="14" t="s">
        <v>155</v>
      </c>
      <c r="E71119" s="15">
        <v>45685</v>
      </c>
      <c r="F71119" s="14" t="s">
        <v>25</v>
      </c>
      <c r="G71119" s="16">
        <v>0</v>
      </c>
    </row>
    <row r="71120" spans="1:7" x14ac:dyDescent="0.3">
      <c r="A71120" s="13" t="s">
        <v>367</v>
      </c>
      <c r="B71120" s="14" t="s">
        <v>1</v>
      </c>
      <c r="C71120" s="14" t="s">
        <v>96</v>
      </c>
      <c r="D71120" s="14" t="s">
        <v>155</v>
      </c>
      <c r="E71120" s="15">
        <v>45686</v>
      </c>
      <c r="F71120" s="14" t="s">
        <v>25</v>
      </c>
      <c r="G71120" s="16">
        <v>0</v>
      </c>
    </row>
    <row r="71121" spans="1:7" x14ac:dyDescent="0.3">
      <c r="A71121" s="13" t="s">
        <v>367</v>
      </c>
      <c r="B71121" s="14" t="s">
        <v>1</v>
      </c>
      <c r="C71121" s="14" t="s">
        <v>96</v>
      </c>
      <c r="D71121" s="14" t="s">
        <v>155</v>
      </c>
      <c r="E71121" s="15">
        <v>45687</v>
      </c>
      <c r="F71121" s="14" t="s">
        <v>25</v>
      </c>
      <c r="G71121" s="16">
        <v>0</v>
      </c>
    </row>
    <row r="71122" spans="1:7" x14ac:dyDescent="0.3">
      <c r="A71122" s="13" t="s">
        <v>367</v>
      </c>
      <c r="B71122" s="14" t="s">
        <v>1</v>
      </c>
      <c r="C71122" s="14" t="s">
        <v>96</v>
      </c>
      <c r="D71122" s="14" t="s">
        <v>155</v>
      </c>
      <c r="E71122" s="15">
        <v>45688</v>
      </c>
      <c r="F71122" s="14" t="s">
        <v>25</v>
      </c>
      <c r="G71122" s="16">
        <v>0</v>
      </c>
    </row>
    <row r="71123" spans="1:7" x14ac:dyDescent="0.3">
      <c r="A71123" s="13" t="s">
        <v>367</v>
      </c>
      <c r="B71123" s="14" t="s">
        <v>1</v>
      </c>
      <c r="C71123" s="14" t="s">
        <v>96</v>
      </c>
      <c r="D71123" s="14" t="s">
        <v>155</v>
      </c>
      <c r="E71123" s="15">
        <v>45689</v>
      </c>
      <c r="F71123" s="14" t="s">
        <v>25</v>
      </c>
      <c r="G71123" s="16">
        <v>0</v>
      </c>
    </row>
    <row r="71124" spans="1:7" x14ac:dyDescent="0.3">
      <c r="A71124" s="13" t="s">
        <v>367</v>
      </c>
      <c r="B71124" s="14" t="s">
        <v>1</v>
      </c>
      <c r="C71124" s="14" t="s">
        <v>96</v>
      </c>
      <c r="D71124" s="14" t="s">
        <v>155</v>
      </c>
      <c r="E71124" s="15">
        <v>45690</v>
      </c>
      <c r="F71124" s="14" t="s">
        <v>25</v>
      </c>
      <c r="G71124" s="16">
        <v>0</v>
      </c>
    </row>
    <row r="71125" spans="1:7" x14ac:dyDescent="0.3">
      <c r="A71125" s="13" t="s">
        <v>367</v>
      </c>
      <c r="B71125" s="14" t="s">
        <v>1</v>
      </c>
      <c r="C71125" s="14" t="s">
        <v>96</v>
      </c>
      <c r="D71125" s="14" t="s">
        <v>155</v>
      </c>
      <c r="E71125" s="15">
        <v>45691</v>
      </c>
      <c r="F71125" s="14" t="s">
        <v>25</v>
      </c>
      <c r="G71125" s="16">
        <v>0</v>
      </c>
    </row>
    <row r="71126" spans="1:7" x14ac:dyDescent="0.3">
      <c r="A71126" s="13" t="s">
        <v>367</v>
      </c>
      <c r="B71126" s="14" t="s">
        <v>1</v>
      </c>
      <c r="C71126" s="14" t="s">
        <v>96</v>
      </c>
      <c r="D71126" s="14" t="s">
        <v>155</v>
      </c>
      <c r="E71126" s="15">
        <v>45692</v>
      </c>
      <c r="F71126" s="14" t="s">
        <v>25</v>
      </c>
      <c r="G71126" s="16">
        <v>0</v>
      </c>
    </row>
    <row r="71127" spans="1:7" x14ac:dyDescent="0.3">
      <c r="A71127" s="13" t="s">
        <v>367</v>
      </c>
      <c r="B71127" s="14" t="s">
        <v>1</v>
      </c>
      <c r="C71127" s="14" t="s">
        <v>96</v>
      </c>
      <c r="D71127" s="14" t="s">
        <v>155</v>
      </c>
      <c r="E71127" s="15">
        <v>45693</v>
      </c>
      <c r="F71127" s="14" t="s">
        <v>25</v>
      </c>
      <c r="G71127" s="16">
        <v>0</v>
      </c>
    </row>
    <row r="71128" spans="1:7" x14ac:dyDescent="0.3">
      <c r="A71128" s="13" t="s">
        <v>367</v>
      </c>
      <c r="B71128" s="14" t="s">
        <v>1</v>
      </c>
      <c r="C71128" s="14" t="s">
        <v>96</v>
      </c>
      <c r="D71128" s="14" t="s">
        <v>155</v>
      </c>
      <c r="E71128" s="15">
        <v>45694</v>
      </c>
      <c r="F71128" s="14" t="s">
        <v>25</v>
      </c>
      <c r="G71128" s="16">
        <v>0</v>
      </c>
    </row>
    <row r="71129" spans="1:7" x14ac:dyDescent="0.3">
      <c r="A71129" s="13" t="s">
        <v>367</v>
      </c>
      <c r="B71129" s="14" t="s">
        <v>1</v>
      </c>
      <c r="C71129" s="14" t="s">
        <v>96</v>
      </c>
      <c r="D71129" s="14" t="s">
        <v>155</v>
      </c>
      <c r="E71129" s="15">
        <v>45695</v>
      </c>
      <c r="F71129" s="14" t="s">
        <v>25</v>
      </c>
      <c r="G71129" s="16">
        <v>0</v>
      </c>
    </row>
    <row r="71130" spans="1:7" x14ac:dyDescent="0.3">
      <c r="A71130" s="13" t="s">
        <v>367</v>
      </c>
      <c r="B71130" s="14" t="s">
        <v>1</v>
      </c>
      <c r="C71130" s="14" t="s">
        <v>96</v>
      </c>
      <c r="D71130" s="14" t="s">
        <v>155</v>
      </c>
      <c r="E71130" s="15">
        <v>45696</v>
      </c>
      <c r="F71130" s="14" t="s">
        <v>25</v>
      </c>
      <c r="G71130" s="16">
        <v>0</v>
      </c>
    </row>
    <row r="71131" spans="1:7" x14ac:dyDescent="0.3">
      <c r="A71131" s="13" t="s">
        <v>367</v>
      </c>
      <c r="B71131" s="14" t="s">
        <v>1</v>
      </c>
      <c r="C71131" s="14" t="s">
        <v>96</v>
      </c>
      <c r="D71131" s="14" t="s">
        <v>155</v>
      </c>
      <c r="E71131" s="15">
        <v>45697</v>
      </c>
      <c r="F71131" s="14" t="s">
        <v>25</v>
      </c>
      <c r="G71131" s="16">
        <v>0</v>
      </c>
    </row>
    <row r="71132" spans="1:7" x14ac:dyDescent="0.3">
      <c r="A71132" s="13" t="s">
        <v>367</v>
      </c>
      <c r="B71132" s="14" t="s">
        <v>1</v>
      </c>
      <c r="C71132" s="14" t="s">
        <v>96</v>
      </c>
      <c r="D71132" s="14" t="s">
        <v>155</v>
      </c>
      <c r="E71132" s="15">
        <v>45698</v>
      </c>
      <c r="F71132" s="14" t="s">
        <v>25</v>
      </c>
      <c r="G71132" s="16">
        <v>0</v>
      </c>
    </row>
    <row r="71133" spans="1:7" x14ac:dyDescent="0.3">
      <c r="A71133" s="13" t="s">
        <v>367</v>
      </c>
      <c r="B71133" s="14" t="s">
        <v>1</v>
      </c>
      <c r="C71133" s="14" t="s">
        <v>96</v>
      </c>
      <c r="D71133" s="14" t="s">
        <v>155</v>
      </c>
      <c r="E71133" s="15">
        <v>45699</v>
      </c>
      <c r="F71133" s="14" t="s">
        <v>25</v>
      </c>
      <c r="G71133" s="16">
        <v>0</v>
      </c>
    </row>
    <row r="71134" spans="1:7" x14ac:dyDescent="0.3">
      <c r="A71134" s="13" t="s">
        <v>367</v>
      </c>
      <c r="B71134" s="14" t="s">
        <v>1</v>
      </c>
      <c r="C71134" s="14" t="s">
        <v>96</v>
      </c>
      <c r="D71134" s="14" t="s">
        <v>155</v>
      </c>
      <c r="E71134" s="15">
        <v>45700</v>
      </c>
      <c r="F71134" s="14" t="s">
        <v>25</v>
      </c>
      <c r="G71134" s="16">
        <v>0</v>
      </c>
    </row>
    <row r="71135" spans="1:7" x14ac:dyDescent="0.3">
      <c r="A71135" s="13" t="s">
        <v>367</v>
      </c>
      <c r="B71135" s="14" t="s">
        <v>1</v>
      </c>
      <c r="C71135" s="14" t="s">
        <v>96</v>
      </c>
      <c r="D71135" s="14" t="s">
        <v>155</v>
      </c>
      <c r="E71135" s="15">
        <v>45701</v>
      </c>
      <c r="F71135" s="14" t="s">
        <v>25</v>
      </c>
      <c r="G71135" s="16">
        <v>0</v>
      </c>
    </row>
    <row r="71136" spans="1:7" x14ac:dyDescent="0.3">
      <c r="A71136" s="13" t="s">
        <v>367</v>
      </c>
      <c r="B71136" s="14" t="s">
        <v>1</v>
      </c>
      <c r="C71136" s="14" t="s">
        <v>96</v>
      </c>
      <c r="D71136" s="14" t="s">
        <v>155</v>
      </c>
      <c r="E71136" s="15">
        <v>45702</v>
      </c>
      <c r="F71136" s="14" t="s">
        <v>25</v>
      </c>
      <c r="G71136" s="16">
        <v>0</v>
      </c>
    </row>
    <row r="71137" spans="1:7" x14ac:dyDescent="0.3">
      <c r="A71137" s="13" t="s">
        <v>367</v>
      </c>
      <c r="B71137" s="14" t="s">
        <v>1</v>
      </c>
      <c r="C71137" s="14" t="s">
        <v>96</v>
      </c>
      <c r="D71137" s="14" t="s">
        <v>155</v>
      </c>
      <c r="E71137" s="15">
        <v>45703</v>
      </c>
      <c r="F71137" s="14" t="s">
        <v>25</v>
      </c>
      <c r="G71137" s="16">
        <v>0</v>
      </c>
    </row>
    <row r="71138" spans="1:7" x14ac:dyDescent="0.3">
      <c r="A71138" s="13" t="s">
        <v>367</v>
      </c>
      <c r="B71138" s="14" t="s">
        <v>1</v>
      </c>
      <c r="C71138" s="14" t="s">
        <v>96</v>
      </c>
      <c r="D71138" s="14" t="s">
        <v>155</v>
      </c>
      <c r="E71138" s="15">
        <v>45704</v>
      </c>
      <c r="F71138" s="14" t="s">
        <v>25</v>
      </c>
      <c r="G71138" s="16">
        <v>0</v>
      </c>
    </row>
    <row r="71139" spans="1:7" x14ac:dyDescent="0.3">
      <c r="A71139" s="13" t="s">
        <v>367</v>
      </c>
      <c r="B71139" s="14" t="s">
        <v>1</v>
      </c>
      <c r="C71139" s="14" t="s">
        <v>96</v>
      </c>
      <c r="D71139" s="14" t="s">
        <v>155</v>
      </c>
      <c r="E71139" s="15">
        <v>45705</v>
      </c>
      <c r="F71139" s="14" t="s">
        <v>25</v>
      </c>
      <c r="G71139" s="16">
        <v>0</v>
      </c>
    </row>
    <row r="71140" spans="1:7" x14ac:dyDescent="0.3">
      <c r="A71140" s="13" t="s">
        <v>367</v>
      </c>
      <c r="B71140" s="14" t="s">
        <v>1</v>
      </c>
      <c r="C71140" s="14" t="s">
        <v>96</v>
      </c>
      <c r="D71140" s="14" t="s">
        <v>155</v>
      </c>
      <c r="E71140" s="15">
        <v>45706</v>
      </c>
      <c r="F71140" s="14" t="s">
        <v>25</v>
      </c>
      <c r="G71140" s="16">
        <v>0</v>
      </c>
    </row>
    <row r="71141" spans="1:7" x14ac:dyDescent="0.3">
      <c r="A71141" s="13" t="s">
        <v>367</v>
      </c>
      <c r="B71141" s="14" t="s">
        <v>1</v>
      </c>
      <c r="C71141" s="14" t="s">
        <v>96</v>
      </c>
      <c r="D71141" s="14" t="s">
        <v>155</v>
      </c>
      <c r="E71141" s="15">
        <v>45707</v>
      </c>
      <c r="F71141" s="14" t="s">
        <v>25</v>
      </c>
      <c r="G71141" s="16">
        <v>0</v>
      </c>
    </row>
    <row r="71142" spans="1:7" x14ac:dyDescent="0.3">
      <c r="A71142" s="13" t="s">
        <v>367</v>
      </c>
      <c r="B71142" s="14" t="s">
        <v>1</v>
      </c>
      <c r="C71142" s="14" t="s">
        <v>96</v>
      </c>
      <c r="D71142" s="14" t="s">
        <v>155</v>
      </c>
      <c r="E71142" s="15">
        <v>45708</v>
      </c>
      <c r="F71142" s="14" t="s">
        <v>25</v>
      </c>
      <c r="G71142" s="16">
        <v>0</v>
      </c>
    </row>
    <row r="71143" spans="1:7" x14ac:dyDescent="0.3">
      <c r="A71143" s="13" t="s">
        <v>367</v>
      </c>
      <c r="B71143" s="14" t="s">
        <v>1</v>
      </c>
      <c r="C71143" s="14" t="s">
        <v>96</v>
      </c>
      <c r="D71143" s="14" t="s">
        <v>155</v>
      </c>
      <c r="E71143" s="15">
        <v>45709</v>
      </c>
      <c r="F71143" s="14" t="s">
        <v>25</v>
      </c>
      <c r="G71143" s="16">
        <v>0</v>
      </c>
    </row>
    <row r="71144" spans="1:7" x14ac:dyDescent="0.3">
      <c r="A71144" s="13" t="s">
        <v>367</v>
      </c>
      <c r="B71144" s="14" t="s">
        <v>1</v>
      </c>
      <c r="C71144" s="14" t="s">
        <v>96</v>
      </c>
      <c r="D71144" s="14" t="s">
        <v>155</v>
      </c>
      <c r="E71144" s="15">
        <v>45710</v>
      </c>
      <c r="F71144" s="14" t="s">
        <v>25</v>
      </c>
      <c r="G71144" s="16">
        <v>0</v>
      </c>
    </row>
    <row r="71145" spans="1:7" x14ac:dyDescent="0.3">
      <c r="A71145" s="13" t="s">
        <v>367</v>
      </c>
      <c r="B71145" s="14" t="s">
        <v>1</v>
      </c>
      <c r="C71145" s="14" t="s">
        <v>96</v>
      </c>
      <c r="D71145" s="14" t="s">
        <v>155</v>
      </c>
      <c r="E71145" s="15">
        <v>45711</v>
      </c>
      <c r="F71145" s="14" t="s">
        <v>25</v>
      </c>
      <c r="G71145" s="16">
        <v>0</v>
      </c>
    </row>
    <row r="71146" spans="1:7" x14ac:dyDescent="0.3">
      <c r="A71146" s="13" t="s">
        <v>367</v>
      </c>
      <c r="B71146" s="14" t="s">
        <v>1</v>
      </c>
      <c r="C71146" s="14" t="s">
        <v>96</v>
      </c>
      <c r="D71146" s="14" t="s">
        <v>155</v>
      </c>
      <c r="E71146" s="15">
        <v>45712</v>
      </c>
      <c r="F71146" s="14" t="s">
        <v>25</v>
      </c>
      <c r="G71146" s="16">
        <v>0</v>
      </c>
    </row>
    <row r="71147" spans="1:7" x14ac:dyDescent="0.3">
      <c r="A71147" s="13" t="s">
        <v>367</v>
      </c>
      <c r="B71147" s="14" t="s">
        <v>1</v>
      </c>
      <c r="C71147" s="14" t="s">
        <v>96</v>
      </c>
      <c r="D71147" s="14" t="s">
        <v>155</v>
      </c>
      <c r="E71147" s="15">
        <v>45713</v>
      </c>
      <c r="F71147" s="14" t="s">
        <v>25</v>
      </c>
      <c r="G71147" s="16">
        <v>0</v>
      </c>
    </row>
    <row r="71148" spans="1:7" x14ac:dyDescent="0.3">
      <c r="A71148" s="13" t="s">
        <v>367</v>
      </c>
      <c r="B71148" s="14" t="s">
        <v>1</v>
      </c>
      <c r="C71148" s="14" t="s">
        <v>96</v>
      </c>
      <c r="D71148" s="14" t="s">
        <v>155</v>
      </c>
      <c r="E71148" s="15">
        <v>45714</v>
      </c>
      <c r="F71148" s="14" t="s">
        <v>25</v>
      </c>
      <c r="G71148" s="16">
        <v>0</v>
      </c>
    </row>
    <row r="71149" spans="1:7" x14ac:dyDescent="0.3">
      <c r="A71149" s="13" t="s">
        <v>367</v>
      </c>
      <c r="B71149" s="14" t="s">
        <v>1</v>
      </c>
      <c r="C71149" s="14" t="s">
        <v>96</v>
      </c>
      <c r="D71149" s="14" t="s">
        <v>155</v>
      </c>
      <c r="E71149" s="15">
        <v>45715</v>
      </c>
      <c r="F71149" s="14" t="s">
        <v>25</v>
      </c>
      <c r="G71149" s="16">
        <v>0</v>
      </c>
    </row>
    <row r="71150" spans="1:7" x14ac:dyDescent="0.3">
      <c r="A71150" s="13" t="s">
        <v>367</v>
      </c>
      <c r="B71150" s="14" t="s">
        <v>1</v>
      </c>
      <c r="C71150" s="14" t="s">
        <v>96</v>
      </c>
      <c r="D71150" s="14" t="s">
        <v>155</v>
      </c>
      <c r="E71150" s="15">
        <v>45716</v>
      </c>
      <c r="F71150" s="14" t="s">
        <v>25</v>
      </c>
      <c r="G71150" s="16">
        <v>0</v>
      </c>
    </row>
    <row r="71151" spans="1:7" x14ac:dyDescent="0.3">
      <c r="A71151" s="13" t="s">
        <v>367</v>
      </c>
      <c r="B71151" s="14" t="s">
        <v>1</v>
      </c>
      <c r="C71151" s="14" t="s">
        <v>96</v>
      </c>
      <c r="D71151" s="14" t="s">
        <v>155</v>
      </c>
      <c r="E71151" s="15">
        <v>45717</v>
      </c>
      <c r="F71151" s="14" t="s">
        <v>25</v>
      </c>
      <c r="G71151" s="16">
        <v>0</v>
      </c>
    </row>
    <row r="71152" spans="1:7" x14ac:dyDescent="0.3">
      <c r="A71152" s="13" t="s">
        <v>367</v>
      </c>
      <c r="B71152" s="14" t="s">
        <v>1</v>
      </c>
      <c r="C71152" s="14" t="s">
        <v>96</v>
      </c>
      <c r="D71152" s="14" t="s">
        <v>155</v>
      </c>
      <c r="E71152" s="15">
        <v>45718</v>
      </c>
      <c r="F71152" s="14" t="s">
        <v>25</v>
      </c>
      <c r="G71152" s="16">
        <v>0</v>
      </c>
    </row>
    <row r="71153" spans="1:7" x14ac:dyDescent="0.3">
      <c r="A71153" s="13" t="s">
        <v>367</v>
      </c>
      <c r="B71153" s="14" t="s">
        <v>1</v>
      </c>
      <c r="C71153" s="14" t="s">
        <v>96</v>
      </c>
      <c r="D71153" s="14" t="s">
        <v>155</v>
      </c>
      <c r="E71153" s="15">
        <v>45719</v>
      </c>
      <c r="F71153" s="14" t="s">
        <v>25</v>
      </c>
      <c r="G71153" s="16">
        <v>0</v>
      </c>
    </row>
    <row r="71154" spans="1:7" x14ac:dyDescent="0.3">
      <c r="A71154" s="13" t="s">
        <v>367</v>
      </c>
      <c r="B71154" s="14" t="s">
        <v>1</v>
      </c>
      <c r="C71154" s="14" t="s">
        <v>96</v>
      </c>
      <c r="D71154" s="14" t="s">
        <v>155</v>
      </c>
      <c r="E71154" s="15">
        <v>45720</v>
      </c>
      <c r="F71154" s="14" t="s">
        <v>25</v>
      </c>
      <c r="G71154" s="16">
        <v>0</v>
      </c>
    </row>
    <row r="71155" spans="1:7" x14ac:dyDescent="0.3">
      <c r="A71155" s="13" t="s">
        <v>367</v>
      </c>
      <c r="B71155" s="14" t="s">
        <v>1</v>
      </c>
      <c r="C71155" s="14" t="s">
        <v>96</v>
      </c>
      <c r="D71155" s="14" t="s">
        <v>155</v>
      </c>
      <c r="E71155" s="15">
        <v>45721</v>
      </c>
      <c r="F71155" s="14" t="s">
        <v>25</v>
      </c>
      <c r="G71155" s="16">
        <v>0</v>
      </c>
    </row>
    <row r="71156" spans="1:7" x14ac:dyDescent="0.3">
      <c r="A71156" s="13" t="s">
        <v>367</v>
      </c>
      <c r="B71156" s="14" t="s">
        <v>1</v>
      </c>
      <c r="C71156" s="14" t="s">
        <v>96</v>
      </c>
      <c r="D71156" s="14" t="s">
        <v>155</v>
      </c>
      <c r="E71156" s="15">
        <v>45722</v>
      </c>
      <c r="F71156" s="14" t="s">
        <v>25</v>
      </c>
      <c r="G71156" s="16">
        <v>0</v>
      </c>
    </row>
    <row r="71157" spans="1:7" x14ac:dyDescent="0.3">
      <c r="A71157" s="13" t="s">
        <v>367</v>
      </c>
      <c r="B71157" s="14" t="s">
        <v>1</v>
      </c>
      <c r="C71157" s="14" t="s">
        <v>96</v>
      </c>
      <c r="D71157" s="14" t="s">
        <v>155</v>
      </c>
      <c r="E71157" s="15">
        <v>45723</v>
      </c>
      <c r="F71157" s="14" t="s">
        <v>25</v>
      </c>
      <c r="G71157" s="16">
        <v>0</v>
      </c>
    </row>
    <row r="71158" spans="1:7" x14ac:dyDescent="0.3">
      <c r="A71158" s="13" t="s">
        <v>367</v>
      </c>
      <c r="B71158" s="14" t="s">
        <v>1</v>
      </c>
      <c r="C71158" s="14" t="s">
        <v>96</v>
      </c>
      <c r="D71158" s="14" t="s">
        <v>155</v>
      </c>
      <c r="E71158" s="15">
        <v>45724</v>
      </c>
      <c r="F71158" s="14" t="s">
        <v>25</v>
      </c>
      <c r="G71158" s="16">
        <v>0</v>
      </c>
    </row>
    <row r="71159" spans="1:7" x14ac:dyDescent="0.3">
      <c r="A71159" s="13" t="s">
        <v>367</v>
      </c>
      <c r="B71159" s="14" t="s">
        <v>1</v>
      </c>
      <c r="C71159" s="14" t="s">
        <v>96</v>
      </c>
      <c r="D71159" s="14" t="s">
        <v>155</v>
      </c>
      <c r="E71159" s="15">
        <v>45725</v>
      </c>
      <c r="F71159" s="14" t="s">
        <v>25</v>
      </c>
      <c r="G71159" s="16">
        <v>0</v>
      </c>
    </row>
    <row r="71160" spans="1:7" x14ac:dyDescent="0.3">
      <c r="A71160" s="13" t="s">
        <v>367</v>
      </c>
      <c r="B71160" s="14" t="s">
        <v>1</v>
      </c>
      <c r="C71160" s="14" t="s">
        <v>96</v>
      </c>
      <c r="D71160" s="14" t="s">
        <v>155</v>
      </c>
      <c r="E71160" s="15">
        <v>45726</v>
      </c>
      <c r="F71160" s="14" t="s">
        <v>25</v>
      </c>
      <c r="G71160" s="16">
        <v>0</v>
      </c>
    </row>
    <row r="71161" spans="1:7" x14ac:dyDescent="0.3">
      <c r="A71161" s="13" t="s">
        <v>367</v>
      </c>
      <c r="B71161" s="14" t="s">
        <v>1</v>
      </c>
      <c r="C71161" s="14" t="s">
        <v>96</v>
      </c>
      <c r="D71161" s="14" t="s">
        <v>155</v>
      </c>
      <c r="E71161" s="15">
        <v>45727</v>
      </c>
      <c r="F71161" s="14" t="s">
        <v>25</v>
      </c>
      <c r="G71161" s="16">
        <v>0</v>
      </c>
    </row>
    <row r="71162" spans="1:7" x14ac:dyDescent="0.3">
      <c r="A71162" s="13" t="s">
        <v>367</v>
      </c>
      <c r="B71162" s="14" t="s">
        <v>1</v>
      </c>
      <c r="C71162" s="14" t="s">
        <v>96</v>
      </c>
      <c r="D71162" s="14" t="s">
        <v>155</v>
      </c>
      <c r="E71162" s="15">
        <v>45728</v>
      </c>
      <c r="F71162" s="14" t="s">
        <v>25</v>
      </c>
      <c r="G71162" s="16">
        <v>0</v>
      </c>
    </row>
    <row r="71163" spans="1:7" x14ac:dyDescent="0.3">
      <c r="A71163" s="13" t="s">
        <v>367</v>
      </c>
      <c r="B71163" s="14" t="s">
        <v>1</v>
      </c>
      <c r="C71163" s="14" t="s">
        <v>96</v>
      </c>
      <c r="D71163" s="14" t="s">
        <v>155</v>
      </c>
      <c r="E71163" s="15">
        <v>45729</v>
      </c>
      <c r="F71163" s="14" t="s">
        <v>25</v>
      </c>
      <c r="G71163" s="16">
        <v>0</v>
      </c>
    </row>
    <row r="71164" spans="1:7" x14ac:dyDescent="0.3">
      <c r="A71164" s="13" t="s">
        <v>367</v>
      </c>
      <c r="B71164" s="14" t="s">
        <v>1</v>
      </c>
      <c r="C71164" s="14" t="s">
        <v>96</v>
      </c>
      <c r="D71164" s="14" t="s">
        <v>155</v>
      </c>
      <c r="E71164" s="15">
        <v>45730</v>
      </c>
      <c r="F71164" s="14" t="s">
        <v>25</v>
      </c>
      <c r="G71164" s="16">
        <v>0</v>
      </c>
    </row>
    <row r="71165" spans="1:7" x14ac:dyDescent="0.3">
      <c r="A71165" s="13" t="s">
        <v>367</v>
      </c>
      <c r="B71165" s="14" t="s">
        <v>1</v>
      </c>
      <c r="C71165" s="14" t="s">
        <v>96</v>
      </c>
      <c r="D71165" s="14" t="s">
        <v>155</v>
      </c>
      <c r="E71165" s="15">
        <v>45731</v>
      </c>
      <c r="F71165" s="14" t="s">
        <v>25</v>
      </c>
      <c r="G71165" s="16">
        <v>0</v>
      </c>
    </row>
    <row r="71166" spans="1:7" x14ac:dyDescent="0.3">
      <c r="A71166" s="13" t="s">
        <v>367</v>
      </c>
      <c r="B71166" s="14" t="s">
        <v>1</v>
      </c>
      <c r="C71166" s="14" t="s">
        <v>96</v>
      </c>
      <c r="D71166" s="14" t="s">
        <v>155</v>
      </c>
      <c r="E71166" s="15">
        <v>45732</v>
      </c>
      <c r="F71166" s="14" t="s">
        <v>25</v>
      </c>
      <c r="G71166" s="16">
        <v>0</v>
      </c>
    </row>
    <row r="71167" spans="1:7" x14ac:dyDescent="0.3">
      <c r="A71167" s="13" t="s">
        <v>367</v>
      </c>
      <c r="B71167" s="14" t="s">
        <v>1</v>
      </c>
      <c r="C71167" s="14" t="s">
        <v>96</v>
      </c>
      <c r="D71167" s="14" t="s">
        <v>155</v>
      </c>
      <c r="E71167" s="15">
        <v>45733</v>
      </c>
      <c r="F71167" s="14" t="s">
        <v>25</v>
      </c>
      <c r="G71167" s="16">
        <v>0</v>
      </c>
    </row>
    <row r="71168" spans="1:7" x14ac:dyDescent="0.3">
      <c r="A71168" s="13" t="s">
        <v>367</v>
      </c>
      <c r="B71168" s="14" t="s">
        <v>1</v>
      </c>
      <c r="C71168" s="14" t="s">
        <v>96</v>
      </c>
      <c r="D71168" s="14" t="s">
        <v>155</v>
      </c>
      <c r="E71168" s="15">
        <v>45734</v>
      </c>
      <c r="F71168" s="14" t="s">
        <v>25</v>
      </c>
      <c r="G71168" s="16">
        <v>0</v>
      </c>
    </row>
    <row r="71169" spans="1:7" x14ac:dyDescent="0.3">
      <c r="A71169" s="13" t="s">
        <v>367</v>
      </c>
      <c r="B71169" s="14" t="s">
        <v>1</v>
      </c>
      <c r="C71169" s="14" t="s">
        <v>96</v>
      </c>
      <c r="D71169" s="14" t="s">
        <v>155</v>
      </c>
      <c r="E71169" s="15">
        <v>45735</v>
      </c>
      <c r="F71169" s="14" t="s">
        <v>25</v>
      </c>
      <c r="G71169" s="16">
        <v>0</v>
      </c>
    </row>
    <row r="71170" spans="1:7" x14ac:dyDescent="0.3">
      <c r="A71170" s="13" t="s">
        <v>367</v>
      </c>
      <c r="B71170" s="14" t="s">
        <v>1</v>
      </c>
      <c r="C71170" s="14" t="s">
        <v>96</v>
      </c>
      <c r="D71170" s="14" t="s">
        <v>155</v>
      </c>
      <c r="E71170" s="15">
        <v>45736</v>
      </c>
      <c r="F71170" s="14" t="s">
        <v>25</v>
      </c>
      <c r="G71170" s="16">
        <v>0</v>
      </c>
    </row>
    <row r="71171" spans="1:7" x14ac:dyDescent="0.3">
      <c r="A71171" s="13" t="s">
        <v>367</v>
      </c>
      <c r="B71171" s="14" t="s">
        <v>1</v>
      </c>
      <c r="C71171" s="14" t="s">
        <v>96</v>
      </c>
      <c r="D71171" s="14" t="s">
        <v>155</v>
      </c>
      <c r="E71171" s="15">
        <v>45737</v>
      </c>
      <c r="F71171" s="14" t="s">
        <v>25</v>
      </c>
      <c r="G71171" s="16">
        <v>0</v>
      </c>
    </row>
    <row r="71172" spans="1:7" x14ac:dyDescent="0.3">
      <c r="A71172" s="13" t="s">
        <v>367</v>
      </c>
      <c r="B71172" s="14" t="s">
        <v>1</v>
      </c>
      <c r="C71172" s="14" t="s">
        <v>96</v>
      </c>
      <c r="D71172" s="14" t="s">
        <v>155</v>
      </c>
      <c r="E71172" s="15">
        <v>45738</v>
      </c>
      <c r="F71172" s="14" t="s">
        <v>25</v>
      </c>
      <c r="G71172" s="16">
        <v>0</v>
      </c>
    </row>
    <row r="71173" spans="1:7" x14ac:dyDescent="0.3">
      <c r="A71173" s="13" t="s">
        <v>367</v>
      </c>
      <c r="B71173" s="14" t="s">
        <v>1</v>
      </c>
      <c r="C71173" s="14" t="s">
        <v>96</v>
      </c>
      <c r="D71173" s="14" t="s">
        <v>155</v>
      </c>
      <c r="E71173" s="15">
        <v>45739</v>
      </c>
      <c r="F71173" s="14" t="s">
        <v>25</v>
      </c>
      <c r="G71173" s="16">
        <v>0</v>
      </c>
    </row>
    <row r="71174" spans="1:7" x14ac:dyDescent="0.3">
      <c r="A71174" s="13" t="s">
        <v>367</v>
      </c>
      <c r="B71174" s="14" t="s">
        <v>1</v>
      </c>
      <c r="C71174" s="14" t="s">
        <v>96</v>
      </c>
      <c r="D71174" s="14" t="s">
        <v>155</v>
      </c>
      <c r="E71174" s="15">
        <v>45740</v>
      </c>
      <c r="F71174" s="14" t="s">
        <v>25</v>
      </c>
      <c r="G71174" s="16">
        <v>0</v>
      </c>
    </row>
    <row r="71175" spans="1:7" x14ac:dyDescent="0.3">
      <c r="A71175" s="13" t="s">
        <v>367</v>
      </c>
      <c r="B71175" s="14" t="s">
        <v>1</v>
      </c>
      <c r="C71175" s="14" t="s">
        <v>96</v>
      </c>
      <c r="D71175" s="14" t="s">
        <v>155</v>
      </c>
      <c r="E71175" s="15">
        <v>45741</v>
      </c>
      <c r="F71175" s="14" t="s">
        <v>25</v>
      </c>
      <c r="G71175" s="16">
        <v>0</v>
      </c>
    </row>
    <row r="71176" spans="1:7" x14ac:dyDescent="0.3">
      <c r="A71176" s="13" t="s">
        <v>367</v>
      </c>
      <c r="B71176" s="14" t="s">
        <v>1</v>
      </c>
      <c r="C71176" s="14" t="s">
        <v>96</v>
      </c>
      <c r="D71176" s="14" t="s">
        <v>155</v>
      </c>
      <c r="E71176" s="15">
        <v>45742</v>
      </c>
      <c r="F71176" s="14" t="s">
        <v>25</v>
      </c>
      <c r="G71176" s="16">
        <v>1.1051939787199759E-2</v>
      </c>
    </row>
    <row r="71177" spans="1:7" x14ac:dyDescent="0.3">
      <c r="A71177" s="13" t="s">
        <v>367</v>
      </c>
      <c r="B71177" s="14" t="s">
        <v>1</v>
      </c>
      <c r="C71177" s="14" t="s">
        <v>96</v>
      </c>
      <c r="D71177" s="14" t="s">
        <v>155</v>
      </c>
      <c r="E71177" s="15">
        <v>45743</v>
      </c>
      <c r="F71177" s="14" t="s">
        <v>25</v>
      </c>
      <c r="G71177" s="16">
        <v>1.8791381791068873E-2</v>
      </c>
    </row>
    <row r="71178" spans="1:7" x14ac:dyDescent="0.3">
      <c r="A71178" s="13" t="s">
        <v>367</v>
      </c>
      <c r="B71178" s="14" t="s">
        <v>1</v>
      </c>
      <c r="C71178" s="14" t="s">
        <v>96</v>
      </c>
      <c r="D71178" s="14" t="s">
        <v>155</v>
      </c>
      <c r="E71178" s="15">
        <v>45744</v>
      </c>
      <c r="F71178" s="14" t="s">
        <v>25</v>
      </c>
      <c r="G71178" s="16">
        <v>7.7024476059971503E-3</v>
      </c>
    </row>
    <row r="71179" spans="1:7" x14ac:dyDescent="0.3">
      <c r="A71179" s="13" t="s">
        <v>367</v>
      </c>
      <c r="B71179" s="14" t="s">
        <v>1</v>
      </c>
      <c r="C71179" s="14" t="s">
        <v>96</v>
      </c>
      <c r="D71179" s="14" t="s">
        <v>155</v>
      </c>
      <c r="E71179" s="15">
        <v>45745</v>
      </c>
      <c r="F71179" s="14" t="s">
        <v>25</v>
      </c>
      <c r="G71179" s="16">
        <v>7.7024476059971503E-3</v>
      </c>
    </row>
    <row r="71180" spans="1:7" x14ac:dyDescent="0.3">
      <c r="A71180" s="13" t="s">
        <v>367</v>
      </c>
      <c r="B71180" s="14" t="s">
        <v>1</v>
      </c>
      <c r="C71180" s="14" t="s">
        <v>96</v>
      </c>
      <c r="D71180" s="14" t="s">
        <v>155</v>
      </c>
      <c r="E71180" s="15">
        <v>45746</v>
      </c>
      <c r="F71180" s="14" t="s">
        <v>25</v>
      </c>
      <c r="G71180" s="16">
        <v>7.7024476059971503E-3</v>
      </c>
    </row>
    <row r="71181" spans="1:7" x14ac:dyDescent="0.3">
      <c r="A71181" s="13" t="s">
        <v>367</v>
      </c>
      <c r="B71181" s="14" t="s">
        <v>1</v>
      </c>
      <c r="C71181" s="14" t="s">
        <v>96</v>
      </c>
      <c r="D71181" s="14" t="s">
        <v>155</v>
      </c>
      <c r="E71181" s="15">
        <v>45747</v>
      </c>
      <c r="F71181" s="14" t="s">
        <v>25</v>
      </c>
      <c r="G71181" s="16">
        <v>7.7024476059971503E-3</v>
      </c>
    </row>
    <row r="71182" spans="1:7" x14ac:dyDescent="0.3">
      <c r="A71182" s="13" t="s">
        <v>368</v>
      </c>
      <c r="B71182" s="14" t="s">
        <v>1</v>
      </c>
      <c r="C71182" s="14" t="s">
        <v>35</v>
      </c>
      <c r="D71182" s="14" t="s">
        <v>277</v>
      </c>
      <c r="E71182" s="15">
        <v>45383</v>
      </c>
      <c r="F71182" s="14" t="s">
        <v>25</v>
      </c>
      <c r="G71182" s="16">
        <v>0</v>
      </c>
    </row>
    <row r="71183" spans="1:7" x14ac:dyDescent="0.3">
      <c r="A71183" s="13" t="s">
        <v>368</v>
      </c>
      <c r="B71183" s="14" t="s">
        <v>1</v>
      </c>
      <c r="C71183" s="14" t="s">
        <v>35</v>
      </c>
      <c r="D71183" s="14" t="s">
        <v>277</v>
      </c>
      <c r="E71183" s="15">
        <v>45384</v>
      </c>
      <c r="F71183" s="14" t="s">
        <v>25</v>
      </c>
      <c r="G71183" s="16">
        <v>0</v>
      </c>
    </row>
    <row r="71184" spans="1:7" x14ac:dyDescent="0.3">
      <c r="A71184" s="13" t="s">
        <v>368</v>
      </c>
      <c r="B71184" s="14" t="s">
        <v>1</v>
      </c>
      <c r="C71184" s="14" t="s">
        <v>35</v>
      </c>
      <c r="D71184" s="14" t="s">
        <v>277</v>
      </c>
      <c r="E71184" s="15">
        <v>45385</v>
      </c>
      <c r="F71184" s="14" t="s">
        <v>25</v>
      </c>
      <c r="G71184" s="16">
        <v>0</v>
      </c>
    </row>
    <row r="71185" spans="1:7" x14ac:dyDescent="0.3">
      <c r="A71185" s="13" t="s">
        <v>368</v>
      </c>
      <c r="B71185" s="14" t="s">
        <v>1</v>
      </c>
      <c r="C71185" s="14" t="s">
        <v>35</v>
      </c>
      <c r="D71185" s="14" t="s">
        <v>277</v>
      </c>
      <c r="E71185" s="15">
        <v>45386</v>
      </c>
      <c r="F71185" s="14" t="s">
        <v>25</v>
      </c>
      <c r="G71185" s="16">
        <v>0</v>
      </c>
    </row>
    <row r="71186" spans="1:7" x14ac:dyDescent="0.3">
      <c r="A71186" s="13" t="s">
        <v>368</v>
      </c>
      <c r="B71186" s="14" t="s">
        <v>1</v>
      </c>
      <c r="C71186" s="14" t="s">
        <v>35</v>
      </c>
      <c r="D71186" s="14" t="s">
        <v>277</v>
      </c>
      <c r="E71186" s="15">
        <v>45387</v>
      </c>
      <c r="F71186" s="14" t="s">
        <v>25</v>
      </c>
      <c r="G71186" s="16">
        <v>0</v>
      </c>
    </row>
    <row r="71187" spans="1:7" x14ac:dyDescent="0.3">
      <c r="A71187" s="13" t="s">
        <v>368</v>
      </c>
      <c r="B71187" s="14" t="s">
        <v>1</v>
      </c>
      <c r="C71187" s="14" t="s">
        <v>35</v>
      </c>
      <c r="D71187" s="14" t="s">
        <v>277</v>
      </c>
      <c r="E71187" s="15">
        <v>45388</v>
      </c>
      <c r="F71187" s="14" t="s">
        <v>25</v>
      </c>
      <c r="G71187" s="16">
        <v>0</v>
      </c>
    </row>
    <row r="71188" spans="1:7" x14ac:dyDescent="0.3">
      <c r="A71188" s="13" t="s">
        <v>368</v>
      </c>
      <c r="B71188" s="14" t="s">
        <v>1</v>
      </c>
      <c r="C71188" s="14" t="s">
        <v>35</v>
      </c>
      <c r="D71188" s="14" t="s">
        <v>277</v>
      </c>
      <c r="E71188" s="15">
        <v>45389</v>
      </c>
      <c r="F71188" s="14" t="s">
        <v>25</v>
      </c>
      <c r="G71188" s="16">
        <v>0</v>
      </c>
    </row>
    <row r="71189" spans="1:7" x14ac:dyDescent="0.3">
      <c r="A71189" s="13" t="s">
        <v>368</v>
      </c>
      <c r="B71189" s="14" t="s">
        <v>1</v>
      </c>
      <c r="C71189" s="14" t="s">
        <v>35</v>
      </c>
      <c r="D71189" s="14" t="s">
        <v>277</v>
      </c>
      <c r="E71189" s="15">
        <v>45390</v>
      </c>
      <c r="F71189" s="14" t="s">
        <v>25</v>
      </c>
      <c r="G71189" s="16">
        <v>0</v>
      </c>
    </row>
    <row r="71190" spans="1:7" x14ac:dyDescent="0.3">
      <c r="A71190" s="13" t="s">
        <v>368</v>
      </c>
      <c r="B71190" s="14" t="s">
        <v>1</v>
      </c>
      <c r="C71190" s="14" t="s">
        <v>35</v>
      </c>
      <c r="D71190" s="14" t="s">
        <v>277</v>
      </c>
      <c r="E71190" s="15">
        <v>45391</v>
      </c>
      <c r="F71190" s="14" t="s">
        <v>25</v>
      </c>
      <c r="G71190" s="16">
        <v>0</v>
      </c>
    </row>
    <row r="71191" spans="1:7" x14ac:dyDescent="0.3">
      <c r="A71191" s="13" t="s">
        <v>368</v>
      </c>
      <c r="B71191" s="14" t="s">
        <v>1</v>
      </c>
      <c r="C71191" s="14" t="s">
        <v>35</v>
      </c>
      <c r="D71191" s="14" t="s">
        <v>277</v>
      </c>
      <c r="E71191" s="15">
        <v>45392</v>
      </c>
      <c r="F71191" s="14" t="s">
        <v>25</v>
      </c>
      <c r="G71191" s="16">
        <v>0</v>
      </c>
    </row>
    <row r="71192" spans="1:7" x14ac:dyDescent="0.3">
      <c r="A71192" s="13" t="s">
        <v>368</v>
      </c>
      <c r="B71192" s="14" t="s">
        <v>1</v>
      </c>
      <c r="C71192" s="14" t="s">
        <v>35</v>
      </c>
      <c r="D71192" s="14" t="s">
        <v>277</v>
      </c>
      <c r="E71192" s="15">
        <v>45393</v>
      </c>
      <c r="F71192" s="14" t="s">
        <v>25</v>
      </c>
      <c r="G71192" s="16">
        <v>0</v>
      </c>
    </row>
    <row r="71193" spans="1:7" x14ac:dyDescent="0.3">
      <c r="A71193" s="13" t="s">
        <v>368</v>
      </c>
      <c r="B71193" s="14" t="s">
        <v>1</v>
      </c>
      <c r="C71193" s="14" t="s">
        <v>35</v>
      </c>
      <c r="D71193" s="14" t="s">
        <v>277</v>
      </c>
      <c r="E71193" s="15">
        <v>45394</v>
      </c>
      <c r="F71193" s="14" t="s">
        <v>25</v>
      </c>
      <c r="G71193" s="16">
        <v>0</v>
      </c>
    </row>
    <row r="71194" spans="1:7" x14ac:dyDescent="0.3">
      <c r="A71194" s="13" t="s">
        <v>368</v>
      </c>
      <c r="B71194" s="14" t="s">
        <v>1</v>
      </c>
      <c r="C71194" s="14" t="s">
        <v>35</v>
      </c>
      <c r="D71194" s="14" t="s">
        <v>277</v>
      </c>
      <c r="E71194" s="15">
        <v>45395</v>
      </c>
      <c r="F71194" s="14" t="s">
        <v>25</v>
      </c>
      <c r="G71194" s="16">
        <v>0</v>
      </c>
    </row>
    <row r="71195" spans="1:7" x14ac:dyDescent="0.3">
      <c r="A71195" s="13" t="s">
        <v>368</v>
      </c>
      <c r="B71195" s="14" t="s">
        <v>1</v>
      </c>
      <c r="C71195" s="14" t="s">
        <v>35</v>
      </c>
      <c r="D71195" s="14" t="s">
        <v>277</v>
      </c>
      <c r="E71195" s="15">
        <v>45396</v>
      </c>
      <c r="F71195" s="14" t="s">
        <v>25</v>
      </c>
      <c r="G71195" s="16">
        <v>0</v>
      </c>
    </row>
    <row r="71196" spans="1:7" x14ac:dyDescent="0.3">
      <c r="A71196" s="13" t="s">
        <v>368</v>
      </c>
      <c r="B71196" s="14" t="s">
        <v>1</v>
      </c>
      <c r="C71196" s="14" t="s">
        <v>35</v>
      </c>
      <c r="D71196" s="14" t="s">
        <v>277</v>
      </c>
      <c r="E71196" s="15">
        <v>45397</v>
      </c>
      <c r="F71196" s="14" t="s">
        <v>25</v>
      </c>
      <c r="G71196" s="16">
        <v>0</v>
      </c>
    </row>
    <row r="71197" spans="1:7" x14ac:dyDescent="0.3">
      <c r="A71197" s="13" t="s">
        <v>368</v>
      </c>
      <c r="B71197" s="14" t="s">
        <v>1</v>
      </c>
      <c r="C71197" s="14" t="s">
        <v>35</v>
      </c>
      <c r="D71197" s="14" t="s">
        <v>277</v>
      </c>
      <c r="E71197" s="15">
        <v>45398</v>
      </c>
      <c r="F71197" s="14" t="s">
        <v>25</v>
      </c>
      <c r="G71197" s="16">
        <v>0</v>
      </c>
    </row>
    <row r="71198" spans="1:7" x14ac:dyDescent="0.3">
      <c r="A71198" s="13" t="s">
        <v>368</v>
      </c>
      <c r="B71198" s="14" t="s">
        <v>1</v>
      </c>
      <c r="C71198" s="14" t="s">
        <v>35</v>
      </c>
      <c r="D71198" s="14" t="s">
        <v>277</v>
      </c>
      <c r="E71198" s="15">
        <v>45399</v>
      </c>
      <c r="F71198" s="14" t="s">
        <v>25</v>
      </c>
      <c r="G71198" s="16">
        <v>0</v>
      </c>
    </row>
    <row r="71199" spans="1:7" x14ac:dyDescent="0.3">
      <c r="A71199" s="13" t="s">
        <v>368</v>
      </c>
      <c r="B71199" s="14" t="s">
        <v>1</v>
      </c>
      <c r="C71199" s="14" t="s">
        <v>35</v>
      </c>
      <c r="D71199" s="14" t="s">
        <v>277</v>
      </c>
      <c r="E71199" s="15">
        <v>45400</v>
      </c>
      <c r="F71199" s="14" t="s">
        <v>25</v>
      </c>
      <c r="G71199" s="16">
        <v>0</v>
      </c>
    </row>
    <row r="71200" spans="1:7" x14ac:dyDescent="0.3">
      <c r="A71200" s="13" t="s">
        <v>368</v>
      </c>
      <c r="B71200" s="14" t="s">
        <v>1</v>
      </c>
      <c r="C71200" s="14" t="s">
        <v>35</v>
      </c>
      <c r="D71200" s="14" t="s">
        <v>277</v>
      </c>
      <c r="E71200" s="15">
        <v>45401</v>
      </c>
      <c r="F71200" s="14" t="s">
        <v>25</v>
      </c>
      <c r="G71200" s="16">
        <v>0</v>
      </c>
    </row>
    <row r="71201" spans="1:7" x14ac:dyDescent="0.3">
      <c r="A71201" s="13" t="s">
        <v>368</v>
      </c>
      <c r="B71201" s="14" t="s">
        <v>1</v>
      </c>
      <c r="C71201" s="14" t="s">
        <v>35</v>
      </c>
      <c r="D71201" s="14" t="s">
        <v>277</v>
      </c>
      <c r="E71201" s="15">
        <v>45402</v>
      </c>
      <c r="F71201" s="14" t="s">
        <v>25</v>
      </c>
      <c r="G71201" s="16">
        <v>0</v>
      </c>
    </row>
    <row r="71202" spans="1:7" x14ac:dyDescent="0.3">
      <c r="A71202" s="13" t="s">
        <v>368</v>
      </c>
      <c r="B71202" s="14" t="s">
        <v>1</v>
      </c>
      <c r="C71202" s="14" t="s">
        <v>35</v>
      </c>
      <c r="D71202" s="14" t="s">
        <v>277</v>
      </c>
      <c r="E71202" s="15">
        <v>45403</v>
      </c>
      <c r="F71202" s="14" t="s">
        <v>25</v>
      </c>
      <c r="G71202" s="16">
        <v>0</v>
      </c>
    </row>
    <row r="71203" spans="1:7" x14ac:dyDescent="0.3">
      <c r="A71203" s="13" t="s">
        <v>368</v>
      </c>
      <c r="B71203" s="14" t="s">
        <v>1</v>
      </c>
      <c r="C71203" s="14" t="s">
        <v>35</v>
      </c>
      <c r="D71203" s="14" t="s">
        <v>277</v>
      </c>
      <c r="E71203" s="15">
        <v>45404</v>
      </c>
      <c r="F71203" s="14" t="s">
        <v>25</v>
      </c>
      <c r="G71203" s="16">
        <v>0</v>
      </c>
    </row>
    <row r="71204" spans="1:7" x14ac:dyDescent="0.3">
      <c r="A71204" s="13" t="s">
        <v>368</v>
      </c>
      <c r="B71204" s="14" t="s">
        <v>1</v>
      </c>
      <c r="C71204" s="14" t="s">
        <v>35</v>
      </c>
      <c r="D71204" s="14" t="s">
        <v>277</v>
      </c>
      <c r="E71204" s="15">
        <v>45405</v>
      </c>
      <c r="F71204" s="14" t="s">
        <v>25</v>
      </c>
      <c r="G71204" s="16">
        <v>0</v>
      </c>
    </row>
    <row r="71205" spans="1:7" x14ac:dyDescent="0.3">
      <c r="A71205" s="13" t="s">
        <v>368</v>
      </c>
      <c r="B71205" s="14" t="s">
        <v>1</v>
      </c>
      <c r="C71205" s="14" t="s">
        <v>35</v>
      </c>
      <c r="D71205" s="14" t="s">
        <v>277</v>
      </c>
      <c r="E71205" s="15">
        <v>45406</v>
      </c>
      <c r="F71205" s="14" t="s">
        <v>25</v>
      </c>
      <c r="G71205" s="16">
        <v>0</v>
      </c>
    </row>
    <row r="71206" spans="1:7" x14ac:dyDescent="0.3">
      <c r="A71206" s="13" t="s">
        <v>368</v>
      </c>
      <c r="B71206" s="14" t="s">
        <v>1</v>
      </c>
      <c r="C71206" s="14" t="s">
        <v>35</v>
      </c>
      <c r="D71206" s="14" t="s">
        <v>277</v>
      </c>
      <c r="E71206" s="15">
        <v>45407</v>
      </c>
      <c r="F71206" s="14" t="s">
        <v>25</v>
      </c>
      <c r="G71206" s="16">
        <v>0</v>
      </c>
    </row>
    <row r="71207" spans="1:7" x14ac:dyDescent="0.3">
      <c r="A71207" s="13" t="s">
        <v>368</v>
      </c>
      <c r="B71207" s="14" t="s">
        <v>1</v>
      </c>
      <c r="C71207" s="14" t="s">
        <v>35</v>
      </c>
      <c r="D71207" s="14" t="s">
        <v>277</v>
      </c>
      <c r="E71207" s="15">
        <v>45408</v>
      </c>
      <c r="F71207" s="14" t="s">
        <v>25</v>
      </c>
      <c r="G71207" s="16">
        <v>0</v>
      </c>
    </row>
    <row r="71208" spans="1:7" x14ac:dyDescent="0.3">
      <c r="A71208" s="13" t="s">
        <v>368</v>
      </c>
      <c r="B71208" s="14" t="s">
        <v>1</v>
      </c>
      <c r="C71208" s="14" t="s">
        <v>35</v>
      </c>
      <c r="D71208" s="14" t="s">
        <v>277</v>
      </c>
      <c r="E71208" s="15">
        <v>45409</v>
      </c>
      <c r="F71208" s="14" t="s">
        <v>25</v>
      </c>
      <c r="G71208" s="16">
        <v>0</v>
      </c>
    </row>
    <row r="71209" spans="1:7" x14ac:dyDescent="0.3">
      <c r="A71209" s="13" t="s">
        <v>368</v>
      </c>
      <c r="B71209" s="14" t="s">
        <v>1</v>
      </c>
      <c r="C71209" s="14" t="s">
        <v>35</v>
      </c>
      <c r="D71209" s="14" t="s">
        <v>277</v>
      </c>
      <c r="E71209" s="15">
        <v>45410</v>
      </c>
      <c r="F71209" s="14" t="s">
        <v>25</v>
      </c>
      <c r="G71209" s="16">
        <v>0</v>
      </c>
    </row>
    <row r="71210" spans="1:7" x14ac:dyDescent="0.3">
      <c r="A71210" s="13" t="s">
        <v>368</v>
      </c>
      <c r="B71210" s="14" t="s">
        <v>1</v>
      </c>
      <c r="C71210" s="14" t="s">
        <v>35</v>
      </c>
      <c r="D71210" s="14" t="s">
        <v>277</v>
      </c>
      <c r="E71210" s="15">
        <v>45411</v>
      </c>
      <c r="F71210" s="14" t="s">
        <v>25</v>
      </c>
      <c r="G71210" s="16">
        <v>0</v>
      </c>
    </row>
    <row r="71211" spans="1:7" x14ac:dyDescent="0.3">
      <c r="A71211" s="13" t="s">
        <v>368</v>
      </c>
      <c r="B71211" s="14" t="s">
        <v>1</v>
      </c>
      <c r="C71211" s="14" t="s">
        <v>35</v>
      </c>
      <c r="D71211" s="14" t="s">
        <v>277</v>
      </c>
      <c r="E71211" s="15">
        <v>45412</v>
      </c>
      <c r="F71211" s="14" t="s">
        <v>25</v>
      </c>
      <c r="G71211" s="16">
        <v>0</v>
      </c>
    </row>
    <row r="71212" spans="1:7" x14ac:dyDescent="0.3">
      <c r="A71212" s="13" t="s">
        <v>368</v>
      </c>
      <c r="B71212" s="14" t="s">
        <v>1</v>
      </c>
      <c r="C71212" s="14" t="s">
        <v>35</v>
      </c>
      <c r="D71212" s="14" t="s">
        <v>277</v>
      </c>
      <c r="E71212" s="15">
        <v>45413</v>
      </c>
      <c r="F71212" s="14" t="s">
        <v>25</v>
      </c>
      <c r="G71212" s="16">
        <v>0</v>
      </c>
    </row>
    <row r="71213" spans="1:7" x14ac:dyDescent="0.3">
      <c r="A71213" s="13" t="s">
        <v>368</v>
      </c>
      <c r="B71213" s="14" t="s">
        <v>1</v>
      </c>
      <c r="C71213" s="14" t="s">
        <v>35</v>
      </c>
      <c r="D71213" s="14" t="s">
        <v>277</v>
      </c>
      <c r="E71213" s="15">
        <v>45414</v>
      </c>
      <c r="F71213" s="14" t="s">
        <v>25</v>
      </c>
      <c r="G71213" s="16">
        <v>0</v>
      </c>
    </row>
    <row r="71214" spans="1:7" x14ac:dyDescent="0.3">
      <c r="A71214" s="13" t="s">
        <v>368</v>
      </c>
      <c r="B71214" s="14" t="s">
        <v>1</v>
      </c>
      <c r="C71214" s="14" t="s">
        <v>35</v>
      </c>
      <c r="D71214" s="14" t="s">
        <v>277</v>
      </c>
      <c r="E71214" s="15">
        <v>45415</v>
      </c>
      <c r="F71214" s="14" t="s">
        <v>25</v>
      </c>
      <c r="G71214" s="16">
        <v>0</v>
      </c>
    </row>
    <row r="71215" spans="1:7" x14ac:dyDescent="0.3">
      <c r="A71215" s="13" t="s">
        <v>368</v>
      </c>
      <c r="B71215" s="14" t="s">
        <v>1</v>
      </c>
      <c r="C71215" s="14" t="s">
        <v>35</v>
      </c>
      <c r="D71215" s="14" t="s">
        <v>277</v>
      </c>
      <c r="E71215" s="15">
        <v>45416</v>
      </c>
      <c r="F71215" s="14" t="s">
        <v>25</v>
      </c>
      <c r="G71215" s="16">
        <v>0</v>
      </c>
    </row>
    <row r="71216" spans="1:7" x14ac:dyDescent="0.3">
      <c r="A71216" s="13" t="s">
        <v>368</v>
      </c>
      <c r="B71216" s="14" t="s">
        <v>1</v>
      </c>
      <c r="C71216" s="14" t="s">
        <v>35</v>
      </c>
      <c r="D71216" s="14" t="s">
        <v>277</v>
      </c>
      <c r="E71216" s="15">
        <v>45417</v>
      </c>
      <c r="F71216" s="14" t="s">
        <v>25</v>
      </c>
      <c r="G71216" s="16">
        <v>0</v>
      </c>
    </row>
    <row r="71217" spans="1:7" x14ac:dyDescent="0.3">
      <c r="A71217" s="13" t="s">
        <v>368</v>
      </c>
      <c r="B71217" s="14" t="s">
        <v>1</v>
      </c>
      <c r="C71217" s="14" t="s">
        <v>35</v>
      </c>
      <c r="D71217" s="14" t="s">
        <v>277</v>
      </c>
      <c r="E71217" s="15">
        <v>45418</v>
      </c>
      <c r="F71217" s="14" t="s">
        <v>25</v>
      </c>
      <c r="G71217" s="16">
        <v>0</v>
      </c>
    </row>
    <row r="71218" spans="1:7" x14ac:dyDescent="0.3">
      <c r="A71218" s="13" t="s">
        <v>368</v>
      </c>
      <c r="B71218" s="14" t="s">
        <v>1</v>
      </c>
      <c r="C71218" s="14" t="s">
        <v>35</v>
      </c>
      <c r="D71218" s="14" t="s">
        <v>277</v>
      </c>
      <c r="E71218" s="15">
        <v>45419</v>
      </c>
      <c r="F71218" s="14" t="s">
        <v>25</v>
      </c>
      <c r="G71218" s="16">
        <v>0</v>
      </c>
    </row>
    <row r="71219" spans="1:7" x14ac:dyDescent="0.3">
      <c r="A71219" s="13" t="s">
        <v>368</v>
      </c>
      <c r="B71219" s="14" t="s">
        <v>1</v>
      </c>
      <c r="C71219" s="14" t="s">
        <v>35</v>
      </c>
      <c r="D71219" s="14" t="s">
        <v>277</v>
      </c>
      <c r="E71219" s="15">
        <v>45420</v>
      </c>
      <c r="F71219" s="14" t="s">
        <v>25</v>
      </c>
      <c r="G71219" s="16">
        <v>0</v>
      </c>
    </row>
    <row r="71220" spans="1:7" x14ac:dyDescent="0.3">
      <c r="A71220" s="13" t="s">
        <v>368</v>
      </c>
      <c r="B71220" s="14" t="s">
        <v>1</v>
      </c>
      <c r="C71220" s="14" t="s">
        <v>35</v>
      </c>
      <c r="D71220" s="14" t="s">
        <v>277</v>
      </c>
      <c r="E71220" s="15">
        <v>45421</v>
      </c>
      <c r="F71220" s="14" t="s">
        <v>25</v>
      </c>
      <c r="G71220" s="16">
        <v>0</v>
      </c>
    </row>
    <row r="71221" spans="1:7" x14ac:dyDescent="0.3">
      <c r="A71221" s="13" t="s">
        <v>368</v>
      </c>
      <c r="B71221" s="14" t="s">
        <v>1</v>
      </c>
      <c r="C71221" s="14" t="s">
        <v>35</v>
      </c>
      <c r="D71221" s="14" t="s">
        <v>277</v>
      </c>
      <c r="E71221" s="15">
        <v>45422</v>
      </c>
      <c r="F71221" s="14" t="s">
        <v>25</v>
      </c>
      <c r="G71221" s="16">
        <v>0</v>
      </c>
    </row>
    <row r="71222" spans="1:7" x14ac:dyDescent="0.3">
      <c r="A71222" s="13" t="s">
        <v>368</v>
      </c>
      <c r="B71222" s="14" t="s">
        <v>1</v>
      </c>
      <c r="C71222" s="14" t="s">
        <v>35</v>
      </c>
      <c r="D71222" s="14" t="s">
        <v>277</v>
      </c>
      <c r="E71222" s="15">
        <v>45423</v>
      </c>
      <c r="F71222" s="14" t="s">
        <v>25</v>
      </c>
      <c r="G71222" s="16">
        <v>0</v>
      </c>
    </row>
    <row r="71223" spans="1:7" x14ac:dyDescent="0.3">
      <c r="A71223" s="13" t="s">
        <v>368</v>
      </c>
      <c r="B71223" s="14" t="s">
        <v>1</v>
      </c>
      <c r="C71223" s="14" t="s">
        <v>35</v>
      </c>
      <c r="D71223" s="14" t="s">
        <v>277</v>
      </c>
      <c r="E71223" s="15">
        <v>45424</v>
      </c>
      <c r="F71223" s="14" t="s">
        <v>25</v>
      </c>
      <c r="G71223" s="16">
        <v>0</v>
      </c>
    </row>
    <row r="71224" spans="1:7" x14ac:dyDescent="0.3">
      <c r="A71224" s="13" t="s">
        <v>368</v>
      </c>
      <c r="B71224" s="14" t="s">
        <v>1</v>
      </c>
      <c r="C71224" s="14" t="s">
        <v>35</v>
      </c>
      <c r="D71224" s="14" t="s">
        <v>277</v>
      </c>
      <c r="E71224" s="15">
        <v>45425</v>
      </c>
      <c r="F71224" s="14" t="s">
        <v>25</v>
      </c>
      <c r="G71224" s="16">
        <v>0</v>
      </c>
    </row>
    <row r="71225" spans="1:7" x14ac:dyDescent="0.3">
      <c r="A71225" s="13" t="s">
        <v>368</v>
      </c>
      <c r="B71225" s="14" t="s">
        <v>1</v>
      </c>
      <c r="C71225" s="14" t="s">
        <v>35</v>
      </c>
      <c r="D71225" s="14" t="s">
        <v>277</v>
      </c>
      <c r="E71225" s="15">
        <v>45426</v>
      </c>
      <c r="F71225" s="14" t="s">
        <v>25</v>
      </c>
      <c r="G71225" s="16">
        <v>0</v>
      </c>
    </row>
    <row r="71226" spans="1:7" x14ac:dyDescent="0.3">
      <c r="A71226" s="13" t="s">
        <v>368</v>
      </c>
      <c r="B71226" s="14" t="s">
        <v>1</v>
      </c>
      <c r="C71226" s="14" t="s">
        <v>35</v>
      </c>
      <c r="D71226" s="14" t="s">
        <v>277</v>
      </c>
      <c r="E71226" s="15">
        <v>45427</v>
      </c>
      <c r="F71226" s="14" t="s">
        <v>25</v>
      </c>
      <c r="G71226" s="16">
        <v>0</v>
      </c>
    </row>
    <row r="71227" spans="1:7" x14ac:dyDescent="0.3">
      <c r="A71227" s="13" t="s">
        <v>368</v>
      </c>
      <c r="B71227" s="14" t="s">
        <v>1</v>
      </c>
      <c r="C71227" s="14" t="s">
        <v>35</v>
      </c>
      <c r="D71227" s="14" t="s">
        <v>277</v>
      </c>
      <c r="E71227" s="15">
        <v>45428</v>
      </c>
      <c r="F71227" s="14" t="s">
        <v>25</v>
      </c>
      <c r="G71227" s="16">
        <v>0</v>
      </c>
    </row>
    <row r="71228" spans="1:7" x14ac:dyDescent="0.3">
      <c r="A71228" s="13" t="s">
        <v>368</v>
      </c>
      <c r="B71228" s="14" t="s">
        <v>1</v>
      </c>
      <c r="C71228" s="14" t="s">
        <v>35</v>
      </c>
      <c r="D71228" s="14" t="s">
        <v>277</v>
      </c>
      <c r="E71228" s="15">
        <v>45429</v>
      </c>
      <c r="F71228" s="14" t="s">
        <v>25</v>
      </c>
      <c r="G71228" s="16">
        <v>0</v>
      </c>
    </row>
    <row r="71229" spans="1:7" x14ac:dyDescent="0.3">
      <c r="A71229" s="13" t="s">
        <v>368</v>
      </c>
      <c r="B71229" s="14" t="s">
        <v>1</v>
      </c>
      <c r="C71229" s="14" t="s">
        <v>35</v>
      </c>
      <c r="D71229" s="14" t="s">
        <v>277</v>
      </c>
      <c r="E71229" s="15">
        <v>45430</v>
      </c>
      <c r="F71229" s="14" t="s">
        <v>25</v>
      </c>
      <c r="G71229" s="16">
        <v>0</v>
      </c>
    </row>
    <row r="71230" spans="1:7" x14ac:dyDescent="0.3">
      <c r="A71230" s="13" t="s">
        <v>368</v>
      </c>
      <c r="B71230" s="14" t="s">
        <v>1</v>
      </c>
      <c r="C71230" s="14" t="s">
        <v>35</v>
      </c>
      <c r="D71230" s="14" t="s">
        <v>277</v>
      </c>
      <c r="E71230" s="15">
        <v>45431</v>
      </c>
      <c r="F71230" s="14" t="s">
        <v>25</v>
      </c>
      <c r="G71230" s="16">
        <v>0</v>
      </c>
    </row>
    <row r="71231" spans="1:7" x14ac:dyDescent="0.3">
      <c r="A71231" s="13" t="s">
        <v>368</v>
      </c>
      <c r="B71231" s="14" t="s">
        <v>1</v>
      </c>
      <c r="C71231" s="14" t="s">
        <v>35</v>
      </c>
      <c r="D71231" s="14" t="s">
        <v>277</v>
      </c>
      <c r="E71231" s="15">
        <v>45432</v>
      </c>
      <c r="F71231" s="14" t="s">
        <v>25</v>
      </c>
      <c r="G71231" s="16">
        <v>0</v>
      </c>
    </row>
    <row r="71232" spans="1:7" x14ac:dyDescent="0.3">
      <c r="A71232" s="13" t="s">
        <v>368</v>
      </c>
      <c r="B71232" s="14" t="s">
        <v>1</v>
      </c>
      <c r="C71232" s="14" t="s">
        <v>35</v>
      </c>
      <c r="D71232" s="14" t="s">
        <v>277</v>
      </c>
      <c r="E71232" s="15">
        <v>45433</v>
      </c>
      <c r="F71232" s="14" t="s">
        <v>25</v>
      </c>
      <c r="G71232" s="16">
        <v>0</v>
      </c>
    </row>
    <row r="71233" spans="1:7" x14ac:dyDescent="0.3">
      <c r="A71233" s="13" t="s">
        <v>368</v>
      </c>
      <c r="B71233" s="14" t="s">
        <v>1</v>
      </c>
      <c r="C71233" s="14" t="s">
        <v>35</v>
      </c>
      <c r="D71233" s="14" t="s">
        <v>277</v>
      </c>
      <c r="E71233" s="15">
        <v>45434</v>
      </c>
      <c r="F71233" s="14" t="s">
        <v>25</v>
      </c>
      <c r="G71233" s="16">
        <v>0</v>
      </c>
    </row>
    <row r="71234" spans="1:7" x14ac:dyDescent="0.3">
      <c r="A71234" s="13" t="s">
        <v>368</v>
      </c>
      <c r="B71234" s="14" t="s">
        <v>1</v>
      </c>
      <c r="C71234" s="14" t="s">
        <v>35</v>
      </c>
      <c r="D71234" s="14" t="s">
        <v>277</v>
      </c>
      <c r="E71234" s="15">
        <v>45435</v>
      </c>
      <c r="F71234" s="14" t="s">
        <v>25</v>
      </c>
      <c r="G71234" s="16">
        <v>0</v>
      </c>
    </row>
    <row r="71235" spans="1:7" x14ac:dyDescent="0.3">
      <c r="A71235" s="13" t="s">
        <v>368</v>
      </c>
      <c r="B71235" s="14" t="s">
        <v>1</v>
      </c>
      <c r="C71235" s="14" t="s">
        <v>35</v>
      </c>
      <c r="D71235" s="14" t="s">
        <v>277</v>
      </c>
      <c r="E71235" s="15">
        <v>45436</v>
      </c>
      <c r="F71235" s="14" t="s">
        <v>25</v>
      </c>
      <c r="G71235" s="16">
        <v>0</v>
      </c>
    </row>
    <row r="71236" spans="1:7" x14ac:dyDescent="0.3">
      <c r="A71236" s="13" t="s">
        <v>368</v>
      </c>
      <c r="B71236" s="14" t="s">
        <v>1</v>
      </c>
      <c r="C71236" s="14" t="s">
        <v>35</v>
      </c>
      <c r="D71236" s="14" t="s">
        <v>277</v>
      </c>
      <c r="E71236" s="15">
        <v>45437</v>
      </c>
      <c r="F71236" s="14" t="s">
        <v>25</v>
      </c>
      <c r="G71236" s="16">
        <v>0</v>
      </c>
    </row>
    <row r="71237" spans="1:7" x14ac:dyDescent="0.3">
      <c r="A71237" s="13" t="s">
        <v>368</v>
      </c>
      <c r="B71237" s="14" t="s">
        <v>1</v>
      </c>
      <c r="C71237" s="14" t="s">
        <v>35</v>
      </c>
      <c r="D71237" s="14" t="s">
        <v>277</v>
      </c>
      <c r="E71237" s="15">
        <v>45438</v>
      </c>
      <c r="F71237" s="14" t="s">
        <v>25</v>
      </c>
      <c r="G71237" s="16">
        <v>0</v>
      </c>
    </row>
    <row r="71238" spans="1:7" x14ac:dyDescent="0.3">
      <c r="A71238" s="13" t="s">
        <v>368</v>
      </c>
      <c r="B71238" s="14" t="s">
        <v>1</v>
      </c>
      <c r="C71238" s="14" t="s">
        <v>35</v>
      </c>
      <c r="D71238" s="14" t="s">
        <v>277</v>
      </c>
      <c r="E71238" s="15">
        <v>45439</v>
      </c>
      <c r="F71238" s="14" t="s">
        <v>25</v>
      </c>
      <c r="G71238" s="16">
        <v>0</v>
      </c>
    </row>
    <row r="71239" spans="1:7" x14ac:dyDescent="0.3">
      <c r="A71239" s="13" t="s">
        <v>368</v>
      </c>
      <c r="B71239" s="14" t="s">
        <v>1</v>
      </c>
      <c r="C71239" s="14" t="s">
        <v>35</v>
      </c>
      <c r="D71239" s="14" t="s">
        <v>277</v>
      </c>
      <c r="E71239" s="15">
        <v>45440</v>
      </c>
      <c r="F71239" s="14" t="s">
        <v>25</v>
      </c>
      <c r="G71239" s="16">
        <v>0</v>
      </c>
    </row>
    <row r="71240" spans="1:7" x14ac:dyDescent="0.3">
      <c r="A71240" s="13" t="s">
        <v>368</v>
      </c>
      <c r="B71240" s="14" t="s">
        <v>1</v>
      </c>
      <c r="C71240" s="14" t="s">
        <v>35</v>
      </c>
      <c r="D71240" s="14" t="s">
        <v>277</v>
      </c>
      <c r="E71240" s="15">
        <v>45441</v>
      </c>
      <c r="F71240" s="14" t="s">
        <v>25</v>
      </c>
      <c r="G71240" s="16">
        <v>0</v>
      </c>
    </row>
    <row r="71241" spans="1:7" x14ac:dyDescent="0.3">
      <c r="A71241" s="13" t="s">
        <v>368</v>
      </c>
      <c r="B71241" s="14" t="s">
        <v>1</v>
      </c>
      <c r="C71241" s="14" t="s">
        <v>35</v>
      </c>
      <c r="D71241" s="14" t="s">
        <v>277</v>
      </c>
      <c r="E71241" s="15">
        <v>45442</v>
      </c>
      <c r="F71241" s="14" t="s">
        <v>25</v>
      </c>
      <c r="G71241" s="16">
        <v>0</v>
      </c>
    </row>
    <row r="71242" spans="1:7" x14ac:dyDescent="0.3">
      <c r="A71242" s="13" t="s">
        <v>368</v>
      </c>
      <c r="B71242" s="14" t="s">
        <v>1</v>
      </c>
      <c r="C71242" s="14" t="s">
        <v>35</v>
      </c>
      <c r="D71242" s="14" t="s">
        <v>277</v>
      </c>
      <c r="E71242" s="15">
        <v>45443</v>
      </c>
      <c r="F71242" s="14" t="s">
        <v>25</v>
      </c>
      <c r="G71242" s="16">
        <v>0</v>
      </c>
    </row>
    <row r="71243" spans="1:7" x14ac:dyDescent="0.3">
      <c r="A71243" s="13" t="s">
        <v>368</v>
      </c>
      <c r="B71243" s="14" t="s">
        <v>1</v>
      </c>
      <c r="C71243" s="14" t="s">
        <v>35</v>
      </c>
      <c r="D71243" s="14" t="s">
        <v>277</v>
      </c>
      <c r="E71243" s="15">
        <v>45444</v>
      </c>
      <c r="F71243" s="14" t="s">
        <v>25</v>
      </c>
      <c r="G71243" s="16">
        <v>0</v>
      </c>
    </row>
    <row r="71244" spans="1:7" x14ac:dyDescent="0.3">
      <c r="A71244" s="13" t="s">
        <v>368</v>
      </c>
      <c r="B71244" s="14" t="s">
        <v>1</v>
      </c>
      <c r="C71244" s="14" t="s">
        <v>35</v>
      </c>
      <c r="D71244" s="14" t="s">
        <v>277</v>
      </c>
      <c r="E71244" s="15">
        <v>45445</v>
      </c>
      <c r="F71244" s="14" t="s">
        <v>25</v>
      </c>
      <c r="G71244" s="16">
        <v>0</v>
      </c>
    </row>
    <row r="71245" spans="1:7" x14ac:dyDescent="0.3">
      <c r="A71245" s="13" t="s">
        <v>368</v>
      </c>
      <c r="B71245" s="14" t="s">
        <v>1</v>
      </c>
      <c r="C71245" s="14" t="s">
        <v>35</v>
      </c>
      <c r="D71245" s="14" t="s">
        <v>277</v>
      </c>
      <c r="E71245" s="15">
        <v>45446</v>
      </c>
      <c r="F71245" s="14" t="s">
        <v>25</v>
      </c>
      <c r="G71245" s="16">
        <v>0</v>
      </c>
    </row>
    <row r="71246" spans="1:7" x14ac:dyDescent="0.3">
      <c r="A71246" s="13" t="s">
        <v>368</v>
      </c>
      <c r="B71246" s="14" t="s">
        <v>1</v>
      </c>
      <c r="C71246" s="14" t="s">
        <v>35</v>
      </c>
      <c r="D71246" s="14" t="s">
        <v>277</v>
      </c>
      <c r="E71246" s="15">
        <v>45447</v>
      </c>
      <c r="F71246" s="14" t="s">
        <v>25</v>
      </c>
      <c r="G71246" s="16">
        <v>0</v>
      </c>
    </row>
    <row r="71247" spans="1:7" x14ac:dyDescent="0.3">
      <c r="A71247" s="13" t="s">
        <v>368</v>
      </c>
      <c r="B71247" s="14" t="s">
        <v>1</v>
      </c>
      <c r="C71247" s="14" t="s">
        <v>35</v>
      </c>
      <c r="D71247" s="14" t="s">
        <v>277</v>
      </c>
      <c r="E71247" s="15">
        <v>45448</v>
      </c>
      <c r="F71247" s="14" t="s">
        <v>25</v>
      </c>
      <c r="G71247" s="16">
        <v>0</v>
      </c>
    </row>
    <row r="71248" spans="1:7" x14ac:dyDescent="0.3">
      <c r="A71248" s="13" t="s">
        <v>368</v>
      </c>
      <c r="B71248" s="14" t="s">
        <v>1</v>
      </c>
      <c r="C71248" s="14" t="s">
        <v>35</v>
      </c>
      <c r="D71248" s="14" t="s">
        <v>277</v>
      </c>
      <c r="E71248" s="15">
        <v>45449</v>
      </c>
      <c r="F71248" s="14" t="s">
        <v>25</v>
      </c>
      <c r="G71248" s="16">
        <v>0</v>
      </c>
    </row>
    <row r="71249" spans="1:7" x14ac:dyDescent="0.3">
      <c r="A71249" s="13" t="s">
        <v>368</v>
      </c>
      <c r="B71249" s="14" t="s">
        <v>1</v>
      </c>
      <c r="C71249" s="14" t="s">
        <v>35</v>
      </c>
      <c r="D71249" s="14" t="s">
        <v>277</v>
      </c>
      <c r="E71249" s="15">
        <v>45450</v>
      </c>
      <c r="F71249" s="14" t="s">
        <v>25</v>
      </c>
      <c r="G71249" s="16">
        <v>0</v>
      </c>
    </row>
    <row r="71250" spans="1:7" x14ac:dyDescent="0.3">
      <c r="A71250" s="13" t="s">
        <v>368</v>
      </c>
      <c r="B71250" s="14" t="s">
        <v>1</v>
      </c>
      <c r="C71250" s="14" t="s">
        <v>35</v>
      </c>
      <c r="D71250" s="14" t="s">
        <v>277</v>
      </c>
      <c r="E71250" s="15">
        <v>45451</v>
      </c>
      <c r="F71250" s="14" t="s">
        <v>25</v>
      </c>
      <c r="G71250" s="16">
        <v>0</v>
      </c>
    </row>
    <row r="71251" spans="1:7" x14ac:dyDescent="0.3">
      <c r="A71251" s="13" t="s">
        <v>368</v>
      </c>
      <c r="B71251" s="14" t="s">
        <v>1</v>
      </c>
      <c r="C71251" s="14" t="s">
        <v>35</v>
      </c>
      <c r="D71251" s="14" t="s">
        <v>277</v>
      </c>
      <c r="E71251" s="15">
        <v>45452</v>
      </c>
      <c r="F71251" s="14" t="s">
        <v>25</v>
      </c>
      <c r="G71251" s="16">
        <v>0</v>
      </c>
    </row>
    <row r="71252" spans="1:7" x14ac:dyDescent="0.3">
      <c r="A71252" s="13" t="s">
        <v>368</v>
      </c>
      <c r="B71252" s="14" t="s">
        <v>1</v>
      </c>
      <c r="C71252" s="14" t="s">
        <v>35</v>
      </c>
      <c r="D71252" s="14" t="s">
        <v>277</v>
      </c>
      <c r="E71252" s="15">
        <v>45453</v>
      </c>
      <c r="F71252" s="14" t="s">
        <v>25</v>
      </c>
      <c r="G71252" s="16">
        <v>0</v>
      </c>
    </row>
    <row r="71253" spans="1:7" x14ac:dyDescent="0.3">
      <c r="A71253" s="13" t="s">
        <v>368</v>
      </c>
      <c r="B71253" s="14" t="s">
        <v>1</v>
      </c>
      <c r="C71253" s="14" t="s">
        <v>35</v>
      </c>
      <c r="D71253" s="14" t="s">
        <v>277</v>
      </c>
      <c r="E71253" s="15">
        <v>45454</v>
      </c>
      <c r="F71253" s="14" t="s">
        <v>25</v>
      </c>
      <c r="G71253" s="16">
        <v>0</v>
      </c>
    </row>
    <row r="71254" spans="1:7" x14ac:dyDescent="0.3">
      <c r="A71254" s="13" t="s">
        <v>368</v>
      </c>
      <c r="B71254" s="14" t="s">
        <v>1</v>
      </c>
      <c r="C71254" s="14" t="s">
        <v>35</v>
      </c>
      <c r="D71254" s="14" t="s">
        <v>277</v>
      </c>
      <c r="E71254" s="15">
        <v>45455</v>
      </c>
      <c r="F71254" s="14" t="s">
        <v>25</v>
      </c>
      <c r="G71254" s="16">
        <v>0</v>
      </c>
    </row>
    <row r="71255" spans="1:7" x14ac:dyDescent="0.3">
      <c r="A71255" s="13" t="s">
        <v>368</v>
      </c>
      <c r="B71255" s="14" t="s">
        <v>1</v>
      </c>
      <c r="C71255" s="14" t="s">
        <v>35</v>
      </c>
      <c r="D71255" s="14" t="s">
        <v>277</v>
      </c>
      <c r="E71255" s="15">
        <v>45456</v>
      </c>
      <c r="F71255" s="14" t="s">
        <v>25</v>
      </c>
      <c r="G71255" s="16">
        <v>0</v>
      </c>
    </row>
    <row r="71256" spans="1:7" x14ac:dyDescent="0.3">
      <c r="A71256" s="13" t="s">
        <v>368</v>
      </c>
      <c r="B71256" s="14" t="s">
        <v>1</v>
      </c>
      <c r="C71256" s="14" t="s">
        <v>35</v>
      </c>
      <c r="D71256" s="14" t="s">
        <v>277</v>
      </c>
      <c r="E71256" s="15">
        <v>45457</v>
      </c>
      <c r="F71256" s="14" t="s">
        <v>25</v>
      </c>
      <c r="G71256" s="16">
        <v>1.0099901481032581E-2</v>
      </c>
    </row>
    <row r="71257" spans="1:7" x14ac:dyDescent="0.3">
      <c r="A71257" s="13" t="s">
        <v>368</v>
      </c>
      <c r="B71257" s="14" t="s">
        <v>1</v>
      </c>
      <c r="C71257" s="14" t="s">
        <v>35</v>
      </c>
      <c r="D71257" s="14" t="s">
        <v>277</v>
      </c>
      <c r="E71257" s="15">
        <v>45458</v>
      </c>
      <c r="F71257" s="14" t="s">
        <v>25</v>
      </c>
      <c r="G71257" s="16">
        <v>1.0099901481032581E-2</v>
      </c>
    </row>
    <row r="71258" spans="1:7" x14ac:dyDescent="0.3">
      <c r="A71258" s="13" t="s">
        <v>368</v>
      </c>
      <c r="B71258" s="14" t="s">
        <v>1</v>
      </c>
      <c r="C71258" s="14" t="s">
        <v>35</v>
      </c>
      <c r="D71258" s="14" t="s">
        <v>277</v>
      </c>
      <c r="E71258" s="15">
        <v>45459</v>
      </c>
      <c r="F71258" s="14" t="s">
        <v>25</v>
      </c>
      <c r="G71258" s="16">
        <v>1.0099901481032581E-2</v>
      </c>
    </row>
    <row r="71259" spans="1:7" x14ac:dyDescent="0.3">
      <c r="A71259" s="13" t="s">
        <v>368</v>
      </c>
      <c r="B71259" s="14" t="s">
        <v>1</v>
      </c>
      <c r="C71259" s="14" t="s">
        <v>35</v>
      </c>
      <c r="D71259" s="14" t="s">
        <v>277</v>
      </c>
      <c r="E71259" s="15">
        <v>45460</v>
      </c>
      <c r="F71259" s="14" t="s">
        <v>25</v>
      </c>
      <c r="G71259" s="16">
        <v>6.4473979312245425E-3</v>
      </c>
    </row>
    <row r="71260" spans="1:7" x14ac:dyDescent="0.3">
      <c r="A71260" s="13" t="s">
        <v>368</v>
      </c>
      <c r="B71260" s="14" t="s">
        <v>1</v>
      </c>
      <c r="C71260" s="14" t="s">
        <v>35</v>
      </c>
      <c r="D71260" s="14" t="s">
        <v>277</v>
      </c>
      <c r="E71260" s="15">
        <v>45461</v>
      </c>
      <c r="F71260" s="14" t="s">
        <v>25</v>
      </c>
      <c r="G71260" s="16">
        <v>0</v>
      </c>
    </row>
    <row r="71261" spans="1:7" x14ac:dyDescent="0.3">
      <c r="A71261" s="13" t="s">
        <v>368</v>
      </c>
      <c r="B71261" s="14" t="s">
        <v>1</v>
      </c>
      <c r="C71261" s="14" t="s">
        <v>35</v>
      </c>
      <c r="D71261" s="14" t="s">
        <v>277</v>
      </c>
      <c r="E71261" s="15">
        <v>45462</v>
      </c>
      <c r="F71261" s="14" t="s">
        <v>25</v>
      </c>
      <c r="G71261" s="16">
        <v>0</v>
      </c>
    </row>
    <row r="71262" spans="1:7" x14ac:dyDescent="0.3">
      <c r="A71262" s="13" t="s">
        <v>368</v>
      </c>
      <c r="B71262" s="14" t="s">
        <v>1</v>
      </c>
      <c r="C71262" s="14" t="s">
        <v>35</v>
      </c>
      <c r="D71262" s="14" t="s">
        <v>277</v>
      </c>
      <c r="E71262" s="15">
        <v>45463</v>
      </c>
      <c r="F71262" s="14" t="s">
        <v>25</v>
      </c>
      <c r="G71262" s="16">
        <v>0</v>
      </c>
    </row>
    <row r="71263" spans="1:7" x14ac:dyDescent="0.3">
      <c r="A71263" s="13" t="s">
        <v>368</v>
      </c>
      <c r="B71263" s="14" t="s">
        <v>1</v>
      </c>
      <c r="C71263" s="14" t="s">
        <v>35</v>
      </c>
      <c r="D71263" s="14" t="s">
        <v>277</v>
      </c>
      <c r="E71263" s="15">
        <v>45464</v>
      </c>
      <c r="F71263" s="14" t="s">
        <v>25</v>
      </c>
      <c r="G71263" s="16">
        <v>0</v>
      </c>
    </row>
    <row r="71264" spans="1:7" x14ac:dyDescent="0.3">
      <c r="A71264" s="13" t="s">
        <v>368</v>
      </c>
      <c r="B71264" s="14" t="s">
        <v>1</v>
      </c>
      <c r="C71264" s="14" t="s">
        <v>35</v>
      </c>
      <c r="D71264" s="14" t="s">
        <v>277</v>
      </c>
      <c r="E71264" s="15">
        <v>45465</v>
      </c>
      <c r="F71264" s="14" t="s">
        <v>25</v>
      </c>
      <c r="G71264" s="16">
        <v>0</v>
      </c>
    </row>
    <row r="71265" spans="1:7" x14ac:dyDescent="0.3">
      <c r="A71265" s="13" t="s">
        <v>368</v>
      </c>
      <c r="B71265" s="14" t="s">
        <v>1</v>
      </c>
      <c r="C71265" s="14" t="s">
        <v>35</v>
      </c>
      <c r="D71265" s="14" t="s">
        <v>277</v>
      </c>
      <c r="E71265" s="15">
        <v>45466</v>
      </c>
      <c r="F71265" s="14" t="s">
        <v>25</v>
      </c>
      <c r="G71265" s="16">
        <v>0</v>
      </c>
    </row>
    <row r="71266" spans="1:7" x14ac:dyDescent="0.3">
      <c r="A71266" s="13" t="s">
        <v>368</v>
      </c>
      <c r="B71266" s="14" t="s">
        <v>1</v>
      </c>
      <c r="C71266" s="14" t="s">
        <v>35</v>
      </c>
      <c r="D71266" s="14" t="s">
        <v>277</v>
      </c>
      <c r="E71266" s="15">
        <v>45467</v>
      </c>
      <c r="F71266" s="14" t="s">
        <v>25</v>
      </c>
      <c r="G71266" s="16">
        <v>0</v>
      </c>
    </row>
    <row r="71267" spans="1:7" x14ac:dyDescent="0.3">
      <c r="A71267" s="13" t="s">
        <v>368</v>
      </c>
      <c r="B71267" s="14" t="s">
        <v>1</v>
      </c>
      <c r="C71267" s="14" t="s">
        <v>35</v>
      </c>
      <c r="D71267" s="14" t="s">
        <v>277</v>
      </c>
      <c r="E71267" s="15">
        <v>45468</v>
      </c>
      <c r="F71267" s="14" t="s">
        <v>25</v>
      </c>
      <c r="G71267" s="16">
        <v>0</v>
      </c>
    </row>
    <row r="71268" spans="1:7" x14ac:dyDescent="0.3">
      <c r="A71268" s="13" t="s">
        <v>368</v>
      </c>
      <c r="B71268" s="14" t="s">
        <v>1</v>
      </c>
      <c r="C71268" s="14" t="s">
        <v>35</v>
      </c>
      <c r="D71268" s="14" t="s">
        <v>277</v>
      </c>
      <c r="E71268" s="15">
        <v>45469</v>
      </c>
      <c r="F71268" s="14" t="s">
        <v>25</v>
      </c>
      <c r="G71268" s="16">
        <v>0</v>
      </c>
    </row>
    <row r="71269" spans="1:7" x14ac:dyDescent="0.3">
      <c r="A71269" s="13" t="s">
        <v>368</v>
      </c>
      <c r="B71269" s="14" t="s">
        <v>1</v>
      </c>
      <c r="C71269" s="14" t="s">
        <v>35</v>
      </c>
      <c r="D71269" s="14" t="s">
        <v>277</v>
      </c>
      <c r="E71269" s="15">
        <v>45470</v>
      </c>
      <c r="F71269" s="14" t="s">
        <v>25</v>
      </c>
      <c r="G71269" s="16">
        <v>0</v>
      </c>
    </row>
    <row r="71270" spans="1:7" x14ac:dyDescent="0.3">
      <c r="A71270" s="13" t="s">
        <v>368</v>
      </c>
      <c r="B71270" s="14" t="s">
        <v>1</v>
      </c>
      <c r="C71270" s="14" t="s">
        <v>35</v>
      </c>
      <c r="D71270" s="14" t="s">
        <v>277</v>
      </c>
      <c r="E71270" s="15">
        <v>45471</v>
      </c>
      <c r="F71270" s="14" t="s">
        <v>25</v>
      </c>
      <c r="G71270" s="16">
        <v>0</v>
      </c>
    </row>
    <row r="71271" spans="1:7" x14ac:dyDescent="0.3">
      <c r="A71271" s="13" t="s">
        <v>368</v>
      </c>
      <c r="B71271" s="14" t="s">
        <v>1</v>
      </c>
      <c r="C71271" s="14" t="s">
        <v>35</v>
      </c>
      <c r="D71271" s="14" t="s">
        <v>277</v>
      </c>
      <c r="E71271" s="15">
        <v>45472</v>
      </c>
      <c r="F71271" s="14" t="s">
        <v>25</v>
      </c>
      <c r="G71271" s="16">
        <v>0</v>
      </c>
    </row>
    <row r="71272" spans="1:7" x14ac:dyDescent="0.3">
      <c r="A71272" s="13" t="s">
        <v>368</v>
      </c>
      <c r="B71272" s="14" t="s">
        <v>1</v>
      </c>
      <c r="C71272" s="14" t="s">
        <v>35</v>
      </c>
      <c r="D71272" s="14" t="s">
        <v>277</v>
      </c>
      <c r="E71272" s="15">
        <v>45473</v>
      </c>
      <c r="F71272" s="14" t="s">
        <v>25</v>
      </c>
      <c r="G71272" s="16">
        <v>0</v>
      </c>
    </row>
    <row r="71273" spans="1:7" x14ac:dyDescent="0.3">
      <c r="A71273" s="13" t="s">
        <v>368</v>
      </c>
      <c r="B71273" s="14" t="s">
        <v>1</v>
      </c>
      <c r="C71273" s="14" t="s">
        <v>35</v>
      </c>
      <c r="D71273" s="14" t="s">
        <v>277</v>
      </c>
      <c r="E71273" s="15">
        <v>45474</v>
      </c>
      <c r="F71273" s="14" t="s">
        <v>25</v>
      </c>
      <c r="G71273" s="16">
        <v>0</v>
      </c>
    </row>
    <row r="71274" spans="1:7" x14ac:dyDescent="0.3">
      <c r="A71274" s="13" t="s">
        <v>368</v>
      </c>
      <c r="B71274" s="14" t="s">
        <v>1</v>
      </c>
      <c r="C71274" s="14" t="s">
        <v>35</v>
      </c>
      <c r="D71274" s="14" t="s">
        <v>277</v>
      </c>
      <c r="E71274" s="15">
        <v>45475</v>
      </c>
      <c r="F71274" s="14" t="s">
        <v>25</v>
      </c>
      <c r="G71274" s="16">
        <v>0</v>
      </c>
    </row>
    <row r="71275" spans="1:7" x14ac:dyDescent="0.3">
      <c r="A71275" s="13" t="s">
        <v>368</v>
      </c>
      <c r="B71275" s="14" t="s">
        <v>1</v>
      </c>
      <c r="C71275" s="14" t="s">
        <v>35</v>
      </c>
      <c r="D71275" s="14" t="s">
        <v>277</v>
      </c>
      <c r="E71275" s="15">
        <v>45476</v>
      </c>
      <c r="F71275" s="14" t="s">
        <v>25</v>
      </c>
      <c r="G71275" s="16">
        <v>0</v>
      </c>
    </row>
    <row r="71276" spans="1:7" x14ac:dyDescent="0.3">
      <c r="A71276" s="13" t="s">
        <v>368</v>
      </c>
      <c r="B71276" s="14" t="s">
        <v>1</v>
      </c>
      <c r="C71276" s="14" t="s">
        <v>35</v>
      </c>
      <c r="D71276" s="14" t="s">
        <v>277</v>
      </c>
      <c r="E71276" s="15">
        <v>45477</v>
      </c>
      <c r="F71276" s="14" t="s">
        <v>25</v>
      </c>
      <c r="G71276" s="16">
        <v>0</v>
      </c>
    </row>
    <row r="71277" spans="1:7" x14ac:dyDescent="0.3">
      <c r="A71277" s="13" t="s">
        <v>368</v>
      </c>
      <c r="B71277" s="14" t="s">
        <v>1</v>
      </c>
      <c r="C71277" s="14" t="s">
        <v>35</v>
      </c>
      <c r="D71277" s="14" t="s">
        <v>277</v>
      </c>
      <c r="E71277" s="15">
        <v>45478</v>
      </c>
      <c r="F71277" s="14" t="s">
        <v>25</v>
      </c>
      <c r="G71277" s="16">
        <v>0</v>
      </c>
    </row>
    <row r="71278" spans="1:7" x14ac:dyDescent="0.3">
      <c r="A71278" s="13" t="s">
        <v>368</v>
      </c>
      <c r="B71278" s="14" t="s">
        <v>1</v>
      </c>
      <c r="C71278" s="14" t="s">
        <v>35</v>
      </c>
      <c r="D71278" s="14" t="s">
        <v>277</v>
      </c>
      <c r="E71278" s="15">
        <v>45479</v>
      </c>
      <c r="F71278" s="14" t="s">
        <v>25</v>
      </c>
      <c r="G71278" s="16">
        <v>0</v>
      </c>
    </row>
    <row r="71279" spans="1:7" x14ac:dyDescent="0.3">
      <c r="A71279" s="13" t="s">
        <v>368</v>
      </c>
      <c r="B71279" s="14" t="s">
        <v>1</v>
      </c>
      <c r="C71279" s="14" t="s">
        <v>35</v>
      </c>
      <c r="D71279" s="14" t="s">
        <v>277</v>
      </c>
      <c r="E71279" s="15">
        <v>45480</v>
      </c>
      <c r="F71279" s="14" t="s">
        <v>25</v>
      </c>
      <c r="G71279" s="16">
        <v>0</v>
      </c>
    </row>
    <row r="71280" spans="1:7" x14ac:dyDescent="0.3">
      <c r="A71280" s="13" t="s">
        <v>368</v>
      </c>
      <c r="B71280" s="14" t="s">
        <v>1</v>
      </c>
      <c r="C71280" s="14" t="s">
        <v>35</v>
      </c>
      <c r="D71280" s="14" t="s">
        <v>277</v>
      </c>
      <c r="E71280" s="15">
        <v>45481</v>
      </c>
      <c r="F71280" s="14" t="s">
        <v>25</v>
      </c>
      <c r="G71280" s="16">
        <v>0</v>
      </c>
    </row>
    <row r="71281" spans="1:7" x14ac:dyDescent="0.3">
      <c r="A71281" s="13" t="s">
        <v>368</v>
      </c>
      <c r="B71281" s="14" t="s">
        <v>1</v>
      </c>
      <c r="C71281" s="14" t="s">
        <v>35</v>
      </c>
      <c r="D71281" s="14" t="s">
        <v>277</v>
      </c>
      <c r="E71281" s="15">
        <v>45482</v>
      </c>
      <c r="F71281" s="14" t="s">
        <v>25</v>
      </c>
      <c r="G71281" s="16">
        <v>0</v>
      </c>
    </row>
    <row r="71282" spans="1:7" x14ac:dyDescent="0.3">
      <c r="A71282" s="13" t="s">
        <v>368</v>
      </c>
      <c r="B71282" s="14" t="s">
        <v>1</v>
      </c>
      <c r="C71282" s="14" t="s">
        <v>35</v>
      </c>
      <c r="D71282" s="14" t="s">
        <v>277</v>
      </c>
      <c r="E71282" s="15">
        <v>45483</v>
      </c>
      <c r="F71282" s="14" t="s">
        <v>25</v>
      </c>
      <c r="G71282" s="16">
        <v>0</v>
      </c>
    </row>
    <row r="71283" spans="1:7" x14ac:dyDescent="0.3">
      <c r="A71283" s="13" t="s">
        <v>368</v>
      </c>
      <c r="B71283" s="14" t="s">
        <v>1</v>
      </c>
      <c r="C71283" s="14" t="s">
        <v>35</v>
      </c>
      <c r="D71283" s="14" t="s">
        <v>277</v>
      </c>
      <c r="E71283" s="15">
        <v>45484</v>
      </c>
      <c r="F71283" s="14" t="s">
        <v>25</v>
      </c>
      <c r="G71283" s="16">
        <v>0</v>
      </c>
    </row>
    <row r="71284" spans="1:7" x14ac:dyDescent="0.3">
      <c r="A71284" s="13" t="s">
        <v>368</v>
      </c>
      <c r="B71284" s="14" t="s">
        <v>1</v>
      </c>
      <c r="C71284" s="14" t="s">
        <v>35</v>
      </c>
      <c r="D71284" s="14" t="s">
        <v>277</v>
      </c>
      <c r="E71284" s="15">
        <v>45485</v>
      </c>
      <c r="F71284" s="14" t="s">
        <v>25</v>
      </c>
      <c r="G71284" s="16">
        <v>0</v>
      </c>
    </row>
    <row r="71285" spans="1:7" x14ac:dyDescent="0.3">
      <c r="A71285" s="13" t="s">
        <v>368</v>
      </c>
      <c r="B71285" s="14" t="s">
        <v>1</v>
      </c>
      <c r="C71285" s="14" t="s">
        <v>35</v>
      </c>
      <c r="D71285" s="14" t="s">
        <v>277</v>
      </c>
      <c r="E71285" s="15">
        <v>45486</v>
      </c>
      <c r="F71285" s="14" t="s">
        <v>25</v>
      </c>
      <c r="G71285" s="16">
        <v>0</v>
      </c>
    </row>
    <row r="71286" spans="1:7" x14ac:dyDescent="0.3">
      <c r="A71286" s="13" t="s">
        <v>368</v>
      </c>
      <c r="B71286" s="14" t="s">
        <v>1</v>
      </c>
      <c r="C71286" s="14" t="s">
        <v>35</v>
      </c>
      <c r="D71286" s="14" t="s">
        <v>277</v>
      </c>
      <c r="E71286" s="15">
        <v>45487</v>
      </c>
      <c r="F71286" s="14" t="s">
        <v>25</v>
      </c>
      <c r="G71286" s="16">
        <v>0</v>
      </c>
    </row>
    <row r="71287" spans="1:7" x14ac:dyDescent="0.3">
      <c r="A71287" s="13" t="s">
        <v>368</v>
      </c>
      <c r="B71287" s="14" t="s">
        <v>1</v>
      </c>
      <c r="C71287" s="14" t="s">
        <v>35</v>
      </c>
      <c r="D71287" s="14" t="s">
        <v>277</v>
      </c>
      <c r="E71287" s="15">
        <v>45488</v>
      </c>
      <c r="F71287" s="14" t="s">
        <v>25</v>
      </c>
      <c r="G71287" s="16">
        <v>0</v>
      </c>
    </row>
    <row r="71288" spans="1:7" x14ac:dyDescent="0.3">
      <c r="A71288" s="13" t="s">
        <v>368</v>
      </c>
      <c r="B71288" s="14" t="s">
        <v>1</v>
      </c>
      <c r="C71288" s="14" t="s">
        <v>35</v>
      </c>
      <c r="D71288" s="14" t="s">
        <v>277</v>
      </c>
      <c r="E71288" s="15">
        <v>45489</v>
      </c>
      <c r="F71288" s="14" t="s">
        <v>25</v>
      </c>
      <c r="G71288" s="16">
        <v>0</v>
      </c>
    </row>
    <row r="71289" spans="1:7" x14ac:dyDescent="0.3">
      <c r="A71289" s="13" t="s">
        <v>368</v>
      </c>
      <c r="B71289" s="14" t="s">
        <v>1</v>
      </c>
      <c r="C71289" s="14" t="s">
        <v>35</v>
      </c>
      <c r="D71289" s="14" t="s">
        <v>277</v>
      </c>
      <c r="E71289" s="15">
        <v>45490</v>
      </c>
      <c r="F71289" s="14" t="s">
        <v>25</v>
      </c>
      <c r="G71289" s="16">
        <v>0</v>
      </c>
    </row>
    <row r="71290" spans="1:7" x14ac:dyDescent="0.3">
      <c r="A71290" s="13" t="s">
        <v>368</v>
      </c>
      <c r="B71290" s="14" t="s">
        <v>1</v>
      </c>
      <c r="C71290" s="14" t="s">
        <v>35</v>
      </c>
      <c r="D71290" s="14" t="s">
        <v>277</v>
      </c>
      <c r="E71290" s="15">
        <v>45491</v>
      </c>
      <c r="F71290" s="14" t="s">
        <v>25</v>
      </c>
      <c r="G71290" s="16">
        <v>0</v>
      </c>
    </row>
    <row r="71291" spans="1:7" x14ac:dyDescent="0.3">
      <c r="A71291" s="13" t="s">
        <v>368</v>
      </c>
      <c r="B71291" s="14" t="s">
        <v>1</v>
      </c>
      <c r="C71291" s="14" t="s">
        <v>35</v>
      </c>
      <c r="D71291" s="14" t="s">
        <v>277</v>
      </c>
      <c r="E71291" s="15">
        <v>45492</v>
      </c>
      <c r="F71291" s="14" t="s">
        <v>25</v>
      </c>
      <c r="G71291" s="16">
        <v>0</v>
      </c>
    </row>
    <row r="71292" spans="1:7" x14ac:dyDescent="0.3">
      <c r="A71292" s="13" t="s">
        <v>368</v>
      </c>
      <c r="B71292" s="14" t="s">
        <v>1</v>
      </c>
      <c r="C71292" s="14" t="s">
        <v>35</v>
      </c>
      <c r="D71292" s="14" t="s">
        <v>277</v>
      </c>
      <c r="E71292" s="15">
        <v>45493</v>
      </c>
      <c r="F71292" s="14" t="s">
        <v>25</v>
      </c>
      <c r="G71292" s="16">
        <v>0</v>
      </c>
    </row>
    <row r="71293" spans="1:7" x14ac:dyDescent="0.3">
      <c r="A71293" s="13" t="s">
        <v>368</v>
      </c>
      <c r="B71293" s="14" t="s">
        <v>1</v>
      </c>
      <c r="C71293" s="14" t="s">
        <v>35</v>
      </c>
      <c r="D71293" s="14" t="s">
        <v>277</v>
      </c>
      <c r="E71293" s="15">
        <v>45494</v>
      </c>
      <c r="F71293" s="14" t="s">
        <v>25</v>
      </c>
      <c r="G71293" s="16">
        <v>0</v>
      </c>
    </row>
    <row r="71294" spans="1:7" x14ac:dyDescent="0.3">
      <c r="A71294" s="13" t="s">
        <v>368</v>
      </c>
      <c r="B71294" s="14" t="s">
        <v>1</v>
      </c>
      <c r="C71294" s="14" t="s">
        <v>35</v>
      </c>
      <c r="D71294" s="14" t="s">
        <v>277</v>
      </c>
      <c r="E71294" s="15">
        <v>45495</v>
      </c>
      <c r="F71294" s="14" t="s">
        <v>25</v>
      </c>
      <c r="G71294" s="16">
        <v>0</v>
      </c>
    </row>
    <row r="71295" spans="1:7" x14ac:dyDescent="0.3">
      <c r="A71295" s="13" t="s">
        <v>368</v>
      </c>
      <c r="B71295" s="14" t="s">
        <v>1</v>
      </c>
      <c r="C71295" s="14" t="s">
        <v>35</v>
      </c>
      <c r="D71295" s="14" t="s">
        <v>277</v>
      </c>
      <c r="E71295" s="15">
        <v>45496</v>
      </c>
      <c r="F71295" s="14" t="s">
        <v>25</v>
      </c>
      <c r="G71295" s="16">
        <v>0</v>
      </c>
    </row>
    <row r="71296" spans="1:7" x14ac:dyDescent="0.3">
      <c r="A71296" s="13" t="s">
        <v>368</v>
      </c>
      <c r="B71296" s="14" t="s">
        <v>1</v>
      </c>
      <c r="C71296" s="14" t="s">
        <v>35</v>
      </c>
      <c r="D71296" s="14" t="s">
        <v>277</v>
      </c>
      <c r="E71296" s="15">
        <v>45497</v>
      </c>
      <c r="F71296" s="14" t="s">
        <v>25</v>
      </c>
      <c r="G71296" s="16">
        <v>0</v>
      </c>
    </row>
    <row r="71297" spans="1:7" x14ac:dyDescent="0.3">
      <c r="A71297" s="13" t="s">
        <v>368</v>
      </c>
      <c r="B71297" s="14" t="s">
        <v>1</v>
      </c>
      <c r="C71297" s="14" t="s">
        <v>35</v>
      </c>
      <c r="D71297" s="14" t="s">
        <v>277</v>
      </c>
      <c r="E71297" s="15">
        <v>45498</v>
      </c>
      <c r="F71297" s="14" t="s">
        <v>25</v>
      </c>
      <c r="G71297" s="16">
        <v>0</v>
      </c>
    </row>
    <row r="71298" spans="1:7" x14ac:dyDescent="0.3">
      <c r="A71298" s="13" t="s">
        <v>368</v>
      </c>
      <c r="B71298" s="14" t="s">
        <v>1</v>
      </c>
      <c r="C71298" s="14" t="s">
        <v>35</v>
      </c>
      <c r="D71298" s="14" t="s">
        <v>277</v>
      </c>
      <c r="E71298" s="15">
        <v>45499</v>
      </c>
      <c r="F71298" s="14" t="s">
        <v>25</v>
      </c>
      <c r="G71298" s="16">
        <v>0</v>
      </c>
    </row>
    <row r="71299" spans="1:7" x14ac:dyDescent="0.3">
      <c r="A71299" s="13" t="s">
        <v>368</v>
      </c>
      <c r="B71299" s="14" t="s">
        <v>1</v>
      </c>
      <c r="C71299" s="14" t="s">
        <v>35</v>
      </c>
      <c r="D71299" s="14" t="s">
        <v>277</v>
      </c>
      <c r="E71299" s="15">
        <v>45500</v>
      </c>
      <c r="F71299" s="14" t="s">
        <v>25</v>
      </c>
      <c r="G71299" s="16">
        <v>0</v>
      </c>
    </row>
    <row r="71300" spans="1:7" x14ac:dyDescent="0.3">
      <c r="A71300" s="13" t="s">
        <v>368</v>
      </c>
      <c r="B71300" s="14" t="s">
        <v>1</v>
      </c>
      <c r="C71300" s="14" t="s">
        <v>35</v>
      </c>
      <c r="D71300" s="14" t="s">
        <v>277</v>
      </c>
      <c r="E71300" s="15">
        <v>45501</v>
      </c>
      <c r="F71300" s="14" t="s">
        <v>25</v>
      </c>
      <c r="G71300" s="16">
        <v>0</v>
      </c>
    </row>
    <row r="71301" spans="1:7" x14ac:dyDescent="0.3">
      <c r="A71301" s="13" t="s">
        <v>368</v>
      </c>
      <c r="B71301" s="14" t="s">
        <v>1</v>
      </c>
      <c r="C71301" s="14" t="s">
        <v>35</v>
      </c>
      <c r="D71301" s="14" t="s">
        <v>277</v>
      </c>
      <c r="E71301" s="15">
        <v>45502</v>
      </c>
      <c r="F71301" s="14" t="s">
        <v>25</v>
      </c>
      <c r="G71301" s="16">
        <v>0</v>
      </c>
    </row>
    <row r="71302" spans="1:7" x14ac:dyDescent="0.3">
      <c r="A71302" s="13" t="s">
        <v>368</v>
      </c>
      <c r="B71302" s="14" t="s">
        <v>1</v>
      </c>
      <c r="C71302" s="14" t="s">
        <v>35</v>
      </c>
      <c r="D71302" s="14" t="s">
        <v>277</v>
      </c>
      <c r="E71302" s="15">
        <v>45503</v>
      </c>
      <c r="F71302" s="14" t="s">
        <v>25</v>
      </c>
      <c r="G71302" s="16">
        <v>0</v>
      </c>
    </row>
    <row r="71303" spans="1:7" x14ac:dyDescent="0.3">
      <c r="A71303" s="13" t="s">
        <v>368</v>
      </c>
      <c r="B71303" s="14" t="s">
        <v>1</v>
      </c>
      <c r="C71303" s="14" t="s">
        <v>35</v>
      </c>
      <c r="D71303" s="14" t="s">
        <v>277</v>
      </c>
      <c r="E71303" s="15">
        <v>45504</v>
      </c>
      <c r="F71303" s="14" t="s">
        <v>25</v>
      </c>
      <c r="G71303" s="16">
        <v>0</v>
      </c>
    </row>
    <row r="71304" spans="1:7" x14ac:dyDescent="0.3">
      <c r="A71304" s="13" t="s">
        <v>368</v>
      </c>
      <c r="B71304" s="14" t="s">
        <v>1</v>
      </c>
      <c r="C71304" s="14" t="s">
        <v>35</v>
      </c>
      <c r="D71304" s="14" t="s">
        <v>277</v>
      </c>
      <c r="E71304" s="15">
        <v>45505</v>
      </c>
      <c r="F71304" s="14" t="s">
        <v>25</v>
      </c>
      <c r="G71304" s="16">
        <v>0</v>
      </c>
    </row>
    <row r="71305" spans="1:7" x14ac:dyDescent="0.3">
      <c r="A71305" s="13" t="s">
        <v>368</v>
      </c>
      <c r="B71305" s="14" t="s">
        <v>1</v>
      </c>
      <c r="C71305" s="14" t="s">
        <v>35</v>
      </c>
      <c r="D71305" s="14" t="s">
        <v>277</v>
      </c>
      <c r="E71305" s="15">
        <v>45506</v>
      </c>
      <c r="F71305" s="14" t="s">
        <v>25</v>
      </c>
      <c r="G71305" s="16">
        <v>0</v>
      </c>
    </row>
    <row r="71306" spans="1:7" x14ac:dyDescent="0.3">
      <c r="A71306" s="13" t="s">
        <v>368</v>
      </c>
      <c r="B71306" s="14" t="s">
        <v>1</v>
      </c>
      <c r="C71306" s="14" t="s">
        <v>35</v>
      </c>
      <c r="D71306" s="14" t="s">
        <v>277</v>
      </c>
      <c r="E71306" s="15">
        <v>45507</v>
      </c>
      <c r="F71306" s="14" t="s">
        <v>25</v>
      </c>
      <c r="G71306" s="16">
        <v>0</v>
      </c>
    </row>
    <row r="71307" spans="1:7" x14ac:dyDescent="0.3">
      <c r="A71307" s="13" t="s">
        <v>368</v>
      </c>
      <c r="B71307" s="14" t="s">
        <v>1</v>
      </c>
      <c r="C71307" s="14" t="s">
        <v>35</v>
      </c>
      <c r="D71307" s="14" t="s">
        <v>277</v>
      </c>
      <c r="E71307" s="15">
        <v>45508</v>
      </c>
      <c r="F71307" s="14" t="s">
        <v>25</v>
      </c>
      <c r="G71307" s="16">
        <v>0</v>
      </c>
    </row>
    <row r="71308" spans="1:7" x14ac:dyDescent="0.3">
      <c r="A71308" s="13" t="s">
        <v>368</v>
      </c>
      <c r="B71308" s="14" t="s">
        <v>1</v>
      </c>
      <c r="C71308" s="14" t="s">
        <v>35</v>
      </c>
      <c r="D71308" s="14" t="s">
        <v>277</v>
      </c>
      <c r="E71308" s="15">
        <v>45509</v>
      </c>
      <c r="F71308" s="14" t="s">
        <v>25</v>
      </c>
      <c r="G71308" s="16">
        <v>0</v>
      </c>
    </row>
    <row r="71309" spans="1:7" x14ac:dyDescent="0.3">
      <c r="A71309" s="13" t="s">
        <v>368</v>
      </c>
      <c r="B71309" s="14" t="s">
        <v>1</v>
      </c>
      <c r="C71309" s="14" t="s">
        <v>35</v>
      </c>
      <c r="D71309" s="14" t="s">
        <v>277</v>
      </c>
      <c r="E71309" s="15">
        <v>45510</v>
      </c>
      <c r="F71309" s="14" t="s">
        <v>25</v>
      </c>
      <c r="G71309" s="16">
        <v>0</v>
      </c>
    </row>
    <row r="71310" spans="1:7" x14ac:dyDescent="0.3">
      <c r="A71310" s="13" t="s">
        <v>368</v>
      </c>
      <c r="B71310" s="14" t="s">
        <v>1</v>
      </c>
      <c r="C71310" s="14" t="s">
        <v>35</v>
      </c>
      <c r="D71310" s="14" t="s">
        <v>277</v>
      </c>
      <c r="E71310" s="15">
        <v>45511</v>
      </c>
      <c r="F71310" s="14" t="s">
        <v>25</v>
      </c>
      <c r="G71310" s="16">
        <v>0</v>
      </c>
    </row>
    <row r="71311" spans="1:7" x14ac:dyDescent="0.3">
      <c r="A71311" s="13" t="s">
        <v>368</v>
      </c>
      <c r="B71311" s="14" t="s">
        <v>1</v>
      </c>
      <c r="C71311" s="14" t="s">
        <v>35</v>
      </c>
      <c r="D71311" s="14" t="s">
        <v>277</v>
      </c>
      <c r="E71311" s="15">
        <v>45512</v>
      </c>
      <c r="F71311" s="14" t="s">
        <v>25</v>
      </c>
      <c r="G71311" s="16">
        <v>0</v>
      </c>
    </row>
    <row r="71312" spans="1:7" x14ac:dyDescent="0.3">
      <c r="A71312" s="13" t="s">
        <v>368</v>
      </c>
      <c r="B71312" s="14" t="s">
        <v>1</v>
      </c>
      <c r="C71312" s="14" t="s">
        <v>35</v>
      </c>
      <c r="D71312" s="14" t="s">
        <v>277</v>
      </c>
      <c r="E71312" s="15">
        <v>45513</v>
      </c>
      <c r="F71312" s="14" t="s">
        <v>25</v>
      </c>
      <c r="G71312" s="16">
        <v>0</v>
      </c>
    </row>
    <row r="71313" spans="1:7" x14ac:dyDescent="0.3">
      <c r="A71313" s="13" t="s">
        <v>368</v>
      </c>
      <c r="B71313" s="14" t="s">
        <v>1</v>
      </c>
      <c r="C71313" s="14" t="s">
        <v>35</v>
      </c>
      <c r="D71313" s="14" t="s">
        <v>277</v>
      </c>
      <c r="E71313" s="15">
        <v>45514</v>
      </c>
      <c r="F71313" s="14" t="s">
        <v>25</v>
      </c>
      <c r="G71313" s="16">
        <v>0</v>
      </c>
    </row>
    <row r="71314" spans="1:7" x14ac:dyDescent="0.3">
      <c r="A71314" s="13" t="s">
        <v>368</v>
      </c>
      <c r="B71314" s="14" t="s">
        <v>1</v>
      </c>
      <c r="C71314" s="14" t="s">
        <v>35</v>
      </c>
      <c r="D71314" s="14" t="s">
        <v>277</v>
      </c>
      <c r="E71314" s="15">
        <v>45515</v>
      </c>
      <c r="F71314" s="14" t="s">
        <v>25</v>
      </c>
      <c r="G71314" s="16">
        <v>0</v>
      </c>
    </row>
    <row r="71315" spans="1:7" x14ac:dyDescent="0.3">
      <c r="A71315" s="13" t="s">
        <v>368</v>
      </c>
      <c r="B71315" s="14" t="s">
        <v>1</v>
      </c>
      <c r="C71315" s="14" t="s">
        <v>35</v>
      </c>
      <c r="D71315" s="14" t="s">
        <v>277</v>
      </c>
      <c r="E71315" s="15">
        <v>45516</v>
      </c>
      <c r="F71315" s="14" t="s">
        <v>25</v>
      </c>
      <c r="G71315" s="16">
        <v>0</v>
      </c>
    </row>
    <row r="71316" spans="1:7" x14ac:dyDescent="0.3">
      <c r="A71316" s="13" t="s">
        <v>368</v>
      </c>
      <c r="B71316" s="14" t="s">
        <v>1</v>
      </c>
      <c r="C71316" s="14" t="s">
        <v>35</v>
      </c>
      <c r="D71316" s="14" t="s">
        <v>277</v>
      </c>
      <c r="E71316" s="15">
        <v>45517</v>
      </c>
      <c r="F71316" s="14" t="s">
        <v>25</v>
      </c>
      <c r="G71316" s="16">
        <v>0</v>
      </c>
    </row>
    <row r="71317" spans="1:7" x14ac:dyDescent="0.3">
      <c r="A71317" s="13" t="s">
        <v>368</v>
      </c>
      <c r="B71317" s="14" t="s">
        <v>1</v>
      </c>
      <c r="C71317" s="14" t="s">
        <v>35</v>
      </c>
      <c r="D71317" s="14" t="s">
        <v>277</v>
      </c>
      <c r="E71317" s="15">
        <v>45518</v>
      </c>
      <c r="F71317" s="14" t="s">
        <v>25</v>
      </c>
      <c r="G71317" s="16">
        <v>0</v>
      </c>
    </row>
    <row r="71318" spans="1:7" x14ac:dyDescent="0.3">
      <c r="A71318" s="13" t="s">
        <v>368</v>
      </c>
      <c r="B71318" s="14" t="s">
        <v>1</v>
      </c>
      <c r="C71318" s="14" t="s">
        <v>35</v>
      </c>
      <c r="D71318" s="14" t="s">
        <v>277</v>
      </c>
      <c r="E71318" s="15">
        <v>45519</v>
      </c>
      <c r="F71318" s="14" t="s">
        <v>25</v>
      </c>
      <c r="G71318" s="16">
        <v>0</v>
      </c>
    </row>
    <row r="71319" spans="1:7" x14ac:dyDescent="0.3">
      <c r="A71319" s="13" t="s">
        <v>368</v>
      </c>
      <c r="B71319" s="14" t="s">
        <v>1</v>
      </c>
      <c r="C71319" s="14" t="s">
        <v>35</v>
      </c>
      <c r="D71319" s="14" t="s">
        <v>277</v>
      </c>
      <c r="E71319" s="15">
        <v>45520</v>
      </c>
      <c r="F71319" s="14" t="s">
        <v>25</v>
      </c>
      <c r="G71319" s="16">
        <v>0</v>
      </c>
    </row>
    <row r="71320" spans="1:7" x14ac:dyDescent="0.3">
      <c r="A71320" s="13" t="s">
        <v>368</v>
      </c>
      <c r="B71320" s="14" t="s">
        <v>1</v>
      </c>
      <c r="C71320" s="14" t="s">
        <v>35</v>
      </c>
      <c r="D71320" s="14" t="s">
        <v>277</v>
      </c>
      <c r="E71320" s="15">
        <v>45521</v>
      </c>
      <c r="F71320" s="14" t="s">
        <v>25</v>
      </c>
      <c r="G71320" s="16">
        <v>0</v>
      </c>
    </row>
    <row r="71321" spans="1:7" x14ac:dyDescent="0.3">
      <c r="A71321" s="13" t="s">
        <v>368</v>
      </c>
      <c r="B71321" s="14" t="s">
        <v>1</v>
      </c>
      <c r="C71321" s="14" t="s">
        <v>35</v>
      </c>
      <c r="D71321" s="14" t="s">
        <v>277</v>
      </c>
      <c r="E71321" s="15">
        <v>45522</v>
      </c>
      <c r="F71321" s="14" t="s">
        <v>25</v>
      </c>
      <c r="G71321" s="16">
        <v>0</v>
      </c>
    </row>
    <row r="71322" spans="1:7" x14ac:dyDescent="0.3">
      <c r="A71322" s="13" t="s">
        <v>368</v>
      </c>
      <c r="B71322" s="14" t="s">
        <v>1</v>
      </c>
      <c r="C71322" s="14" t="s">
        <v>35</v>
      </c>
      <c r="D71322" s="14" t="s">
        <v>277</v>
      </c>
      <c r="E71322" s="15">
        <v>45523</v>
      </c>
      <c r="F71322" s="14" t="s">
        <v>25</v>
      </c>
      <c r="G71322" s="16">
        <v>0</v>
      </c>
    </row>
    <row r="71323" spans="1:7" x14ac:dyDescent="0.3">
      <c r="A71323" s="13" t="s">
        <v>368</v>
      </c>
      <c r="B71323" s="14" t="s">
        <v>1</v>
      </c>
      <c r="C71323" s="14" t="s">
        <v>35</v>
      </c>
      <c r="D71323" s="14" t="s">
        <v>277</v>
      </c>
      <c r="E71323" s="15">
        <v>45524</v>
      </c>
      <c r="F71323" s="14" t="s">
        <v>25</v>
      </c>
      <c r="G71323" s="16">
        <v>0</v>
      </c>
    </row>
    <row r="71324" spans="1:7" x14ac:dyDescent="0.3">
      <c r="A71324" s="13" t="s">
        <v>368</v>
      </c>
      <c r="B71324" s="14" t="s">
        <v>1</v>
      </c>
      <c r="C71324" s="14" t="s">
        <v>35</v>
      </c>
      <c r="D71324" s="14" t="s">
        <v>277</v>
      </c>
      <c r="E71324" s="15">
        <v>45525</v>
      </c>
      <c r="F71324" s="14" t="s">
        <v>25</v>
      </c>
      <c r="G71324" s="16">
        <v>0</v>
      </c>
    </row>
    <row r="71325" spans="1:7" x14ac:dyDescent="0.3">
      <c r="A71325" s="13" t="s">
        <v>368</v>
      </c>
      <c r="B71325" s="14" t="s">
        <v>1</v>
      </c>
      <c r="C71325" s="14" t="s">
        <v>35</v>
      </c>
      <c r="D71325" s="14" t="s">
        <v>277</v>
      </c>
      <c r="E71325" s="15">
        <v>45526</v>
      </c>
      <c r="F71325" s="14" t="s">
        <v>25</v>
      </c>
      <c r="G71325" s="16">
        <v>0</v>
      </c>
    </row>
    <row r="71326" spans="1:7" x14ac:dyDescent="0.3">
      <c r="A71326" s="13" t="s">
        <v>368</v>
      </c>
      <c r="B71326" s="14" t="s">
        <v>1</v>
      </c>
      <c r="C71326" s="14" t="s">
        <v>35</v>
      </c>
      <c r="D71326" s="14" t="s">
        <v>277</v>
      </c>
      <c r="E71326" s="15">
        <v>45527</v>
      </c>
      <c r="F71326" s="14" t="s">
        <v>25</v>
      </c>
      <c r="G71326" s="16">
        <v>0</v>
      </c>
    </row>
    <row r="71327" spans="1:7" x14ac:dyDescent="0.3">
      <c r="A71327" s="13" t="s">
        <v>368</v>
      </c>
      <c r="B71327" s="14" t="s">
        <v>1</v>
      </c>
      <c r="C71327" s="14" t="s">
        <v>35</v>
      </c>
      <c r="D71327" s="14" t="s">
        <v>277</v>
      </c>
      <c r="E71327" s="15">
        <v>45528</v>
      </c>
      <c r="F71327" s="14" t="s">
        <v>25</v>
      </c>
      <c r="G71327" s="16">
        <v>0</v>
      </c>
    </row>
    <row r="71328" spans="1:7" x14ac:dyDescent="0.3">
      <c r="A71328" s="13" t="s">
        <v>368</v>
      </c>
      <c r="B71328" s="14" t="s">
        <v>1</v>
      </c>
      <c r="C71328" s="14" t="s">
        <v>35</v>
      </c>
      <c r="D71328" s="14" t="s">
        <v>277</v>
      </c>
      <c r="E71328" s="15">
        <v>45529</v>
      </c>
      <c r="F71328" s="14" t="s">
        <v>25</v>
      </c>
      <c r="G71328" s="16">
        <v>0</v>
      </c>
    </row>
    <row r="71329" spans="1:7" x14ac:dyDescent="0.3">
      <c r="A71329" s="13" t="s">
        <v>368</v>
      </c>
      <c r="B71329" s="14" t="s">
        <v>1</v>
      </c>
      <c r="C71329" s="14" t="s">
        <v>35</v>
      </c>
      <c r="D71329" s="14" t="s">
        <v>277</v>
      </c>
      <c r="E71329" s="15">
        <v>45530</v>
      </c>
      <c r="F71329" s="14" t="s">
        <v>25</v>
      </c>
      <c r="G71329" s="16">
        <v>0</v>
      </c>
    </row>
    <row r="71330" spans="1:7" x14ac:dyDescent="0.3">
      <c r="A71330" s="13" t="s">
        <v>368</v>
      </c>
      <c r="B71330" s="14" t="s">
        <v>1</v>
      </c>
      <c r="C71330" s="14" t="s">
        <v>35</v>
      </c>
      <c r="D71330" s="14" t="s">
        <v>277</v>
      </c>
      <c r="E71330" s="15">
        <v>45531</v>
      </c>
      <c r="F71330" s="14" t="s">
        <v>25</v>
      </c>
      <c r="G71330" s="16">
        <v>0</v>
      </c>
    </row>
    <row r="71331" spans="1:7" x14ac:dyDescent="0.3">
      <c r="A71331" s="13" t="s">
        <v>368</v>
      </c>
      <c r="B71331" s="14" t="s">
        <v>1</v>
      </c>
      <c r="C71331" s="14" t="s">
        <v>35</v>
      </c>
      <c r="D71331" s="14" t="s">
        <v>277</v>
      </c>
      <c r="E71331" s="15">
        <v>45532</v>
      </c>
      <c r="F71331" s="14" t="s">
        <v>25</v>
      </c>
      <c r="G71331" s="16">
        <v>0</v>
      </c>
    </row>
    <row r="71332" spans="1:7" x14ac:dyDescent="0.3">
      <c r="A71332" s="13" t="s">
        <v>368</v>
      </c>
      <c r="B71332" s="14" t="s">
        <v>1</v>
      </c>
      <c r="C71332" s="14" t="s">
        <v>35</v>
      </c>
      <c r="D71332" s="14" t="s">
        <v>277</v>
      </c>
      <c r="E71332" s="15">
        <v>45533</v>
      </c>
      <c r="F71332" s="14" t="s">
        <v>25</v>
      </c>
      <c r="G71332" s="16">
        <v>0</v>
      </c>
    </row>
    <row r="71333" spans="1:7" x14ac:dyDescent="0.3">
      <c r="A71333" s="13" t="s">
        <v>368</v>
      </c>
      <c r="B71333" s="14" t="s">
        <v>1</v>
      </c>
      <c r="C71333" s="14" t="s">
        <v>35</v>
      </c>
      <c r="D71333" s="14" t="s">
        <v>277</v>
      </c>
      <c r="E71333" s="15">
        <v>45534</v>
      </c>
      <c r="F71333" s="14" t="s">
        <v>25</v>
      </c>
      <c r="G71333" s="16">
        <v>0</v>
      </c>
    </row>
    <row r="71334" spans="1:7" x14ac:dyDescent="0.3">
      <c r="A71334" s="13" t="s">
        <v>368</v>
      </c>
      <c r="B71334" s="14" t="s">
        <v>1</v>
      </c>
      <c r="C71334" s="14" t="s">
        <v>35</v>
      </c>
      <c r="D71334" s="14" t="s">
        <v>277</v>
      </c>
      <c r="E71334" s="15">
        <v>45535</v>
      </c>
      <c r="F71334" s="14" t="s">
        <v>25</v>
      </c>
      <c r="G71334" s="16">
        <v>0</v>
      </c>
    </row>
    <row r="71335" spans="1:7" x14ac:dyDescent="0.3">
      <c r="A71335" s="13" t="s">
        <v>368</v>
      </c>
      <c r="B71335" s="14" t="s">
        <v>1</v>
      </c>
      <c r="C71335" s="14" t="s">
        <v>35</v>
      </c>
      <c r="D71335" s="14" t="s">
        <v>277</v>
      </c>
      <c r="E71335" s="15">
        <v>45536</v>
      </c>
      <c r="F71335" s="14" t="s">
        <v>25</v>
      </c>
      <c r="G71335" s="16">
        <v>0</v>
      </c>
    </row>
    <row r="71336" spans="1:7" x14ac:dyDescent="0.3">
      <c r="A71336" s="13" t="s">
        <v>368</v>
      </c>
      <c r="B71336" s="14" t="s">
        <v>1</v>
      </c>
      <c r="C71336" s="14" t="s">
        <v>35</v>
      </c>
      <c r="D71336" s="14" t="s">
        <v>277</v>
      </c>
      <c r="E71336" s="15">
        <v>45537</v>
      </c>
      <c r="F71336" s="14" t="s">
        <v>25</v>
      </c>
      <c r="G71336" s="16">
        <v>0</v>
      </c>
    </row>
    <row r="71337" spans="1:7" x14ac:dyDescent="0.3">
      <c r="A71337" s="13" t="s">
        <v>368</v>
      </c>
      <c r="B71337" s="14" t="s">
        <v>1</v>
      </c>
      <c r="C71337" s="14" t="s">
        <v>35</v>
      </c>
      <c r="D71337" s="14" t="s">
        <v>277</v>
      </c>
      <c r="E71337" s="15">
        <v>45538</v>
      </c>
      <c r="F71337" s="14" t="s">
        <v>25</v>
      </c>
      <c r="G71337" s="16">
        <v>0</v>
      </c>
    </row>
    <row r="71338" spans="1:7" x14ac:dyDescent="0.3">
      <c r="A71338" s="13" t="s">
        <v>368</v>
      </c>
      <c r="B71338" s="14" t="s">
        <v>1</v>
      </c>
      <c r="C71338" s="14" t="s">
        <v>35</v>
      </c>
      <c r="D71338" s="14" t="s">
        <v>277</v>
      </c>
      <c r="E71338" s="15">
        <v>45539</v>
      </c>
      <c r="F71338" s="14" t="s">
        <v>25</v>
      </c>
      <c r="G71338" s="16">
        <v>0</v>
      </c>
    </row>
    <row r="71339" spans="1:7" x14ac:dyDescent="0.3">
      <c r="A71339" s="13" t="s">
        <v>368</v>
      </c>
      <c r="B71339" s="14" t="s">
        <v>1</v>
      </c>
      <c r="C71339" s="14" t="s">
        <v>35</v>
      </c>
      <c r="D71339" s="14" t="s">
        <v>277</v>
      </c>
      <c r="E71339" s="15">
        <v>45540</v>
      </c>
      <c r="F71339" s="14" t="s">
        <v>25</v>
      </c>
      <c r="G71339" s="16">
        <v>0</v>
      </c>
    </row>
    <row r="71340" spans="1:7" x14ac:dyDescent="0.3">
      <c r="A71340" s="13" t="s">
        <v>368</v>
      </c>
      <c r="B71340" s="14" t="s">
        <v>1</v>
      </c>
      <c r="C71340" s="14" t="s">
        <v>35</v>
      </c>
      <c r="D71340" s="14" t="s">
        <v>277</v>
      </c>
      <c r="E71340" s="15">
        <v>45541</v>
      </c>
      <c r="F71340" s="14" t="s">
        <v>25</v>
      </c>
      <c r="G71340" s="16">
        <v>0</v>
      </c>
    </row>
    <row r="71341" spans="1:7" x14ac:dyDescent="0.3">
      <c r="A71341" s="13" t="s">
        <v>368</v>
      </c>
      <c r="B71341" s="14" t="s">
        <v>1</v>
      </c>
      <c r="C71341" s="14" t="s">
        <v>35</v>
      </c>
      <c r="D71341" s="14" t="s">
        <v>277</v>
      </c>
      <c r="E71341" s="15">
        <v>45542</v>
      </c>
      <c r="F71341" s="14" t="s">
        <v>25</v>
      </c>
      <c r="G71341" s="16">
        <v>0</v>
      </c>
    </row>
    <row r="71342" spans="1:7" x14ac:dyDescent="0.3">
      <c r="A71342" s="13" t="s">
        <v>368</v>
      </c>
      <c r="B71342" s="14" t="s">
        <v>1</v>
      </c>
      <c r="C71342" s="14" t="s">
        <v>35</v>
      </c>
      <c r="D71342" s="14" t="s">
        <v>277</v>
      </c>
      <c r="E71342" s="15">
        <v>45543</v>
      </c>
      <c r="F71342" s="14" t="s">
        <v>25</v>
      </c>
      <c r="G71342" s="16">
        <v>0</v>
      </c>
    </row>
    <row r="71343" spans="1:7" x14ac:dyDescent="0.3">
      <c r="A71343" s="13" t="s">
        <v>368</v>
      </c>
      <c r="B71343" s="14" t="s">
        <v>1</v>
      </c>
      <c r="C71343" s="14" t="s">
        <v>35</v>
      </c>
      <c r="D71343" s="14" t="s">
        <v>277</v>
      </c>
      <c r="E71343" s="15">
        <v>45544</v>
      </c>
      <c r="F71343" s="14" t="s">
        <v>25</v>
      </c>
      <c r="G71343" s="16">
        <v>0</v>
      </c>
    </row>
    <row r="71344" spans="1:7" x14ac:dyDescent="0.3">
      <c r="A71344" s="13" t="s">
        <v>368</v>
      </c>
      <c r="B71344" s="14" t="s">
        <v>1</v>
      </c>
      <c r="C71344" s="14" t="s">
        <v>35</v>
      </c>
      <c r="D71344" s="14" t="s">
        <v>277</v>
      </c>
      <c r="E71344" s="15">
        <v>45545</v>
      </c>
      <c r="F71344" s="14" t="s">
        <v>25</v>
      </c>
      <c r="G71344" s="16">
        <v>0</v>
      </c>
    </row>
    <row r="71345" spans="1:7" x14ac:dyDescent="0.3">
      <c r="A71345" s="13" t="s">
        <v>368</v>
      </c>
      <c r="B71345" s="14" t="s">
        <v>1</v>
      </c>
      <c r="C71345" s="14" t="s">
        <v>35</v>
      </c>
      <c r="D71345" s="14" t="s">
        <v>277</v>
      </c>
      <c r="E71345" s="15">
        <v>45546</v>
      </c>
      <c r="F71345" s="14" t="s">
        <v>25</v>
      </c>
      <c r="G71345" s="16">
        <v>0</v>
      </c>
    </row>
    <row r="71346" spans="1:7" x14ac:dyDescent="0.3">
      <c r="A71346" s="13" t="s">
        <v>368</v>
      </c>
      <c r="B71346" s="14" t="s">
        <v>1</v>
      </c>
      <c r="C71346" s="14" t="s">
        <v>35</v>
      </c>
      <c r="D71346" s="14" t="s">
        <v>277</v>
      </c>
      <c r="E71346" s="15">
        <v>45547</v>
      </c>
      <c r="F71346" s="14" t="s">
        <v>25</v>
      </c>
      <c r="G71346" s="16">
        <v>0</v>
      </c>
    </row>
    <row r="71347" spans="1:7" x14ac:dyDescent="0.3">
      <c r="A71347" s="13" t="s">
        <v>368</v>
      </c>
      <c r="B71347" s="14" t="s">
        <v>1</v>
      </c>
      <c r="C71347" s="14" t="s">
        <v>35</v>
      </c>
      <c r="D71347" s="14" t="s">
        <v>277</v>
      </c>
      <c r="E71347" s="15">
        <v>45548</v>
      </c>
      <c r="F71347" s="14" t="s">
        <v>25</v>
      </c>
      <c r="G71347" s="16">
        <v>0</v>
      </c>
    </row>
    <row r="71348" spans="1:7" x14ac:dyDescent="0.3">
      <c r="A71348" s="13" t="s">
        <v>368</v>
      </c>
      <c r="B71348" s="14" t="s">
        <v>1</v>
      </c>
      <c r="C71348" s="14" t="s">
        <v>35</v>
      </c>
      <c r="D71348" s="14" t="s">
        <v>277</v>
      </c>
      <c r="E71348" s="15">
        <v>45549</v>
      </c>
      <c r="F71348" s="14" t="s">
        <v>25</v>
      </c>
      <c r="G71348" s="16">
        <v>0</v>
      </c>
    </row>
    <row r="71349" spans="1:7" x14ac:dyDescent="0.3">
      <c r="A71349" s="13" t="s">
        <v>368</v>
      </c>
      <c r="B71349" s="14" t="s">
        <v>1</v>
      </c>
      <c r="C71349" s="14" t="s">
        <v>35</v>
      </c>
      <c r="D71349" s="14" t="s">
        <v>277</v>
      </c>
      <c r="E71349" s="15">
        <v>45550</v>
      </c>
      <c r="F71349" s="14" t="s">
        <v>25</v>
      </c>
      <c r="G71349" s="16">
        <v>0</v>
      </c>
    </row>
    <row r="71350" spans="1:7" x14ac:dyDescent="0.3">
      <c r="A71350" s="13" t="s">
        <v>368</v>
      </c>
      <c r="B71350" s="14" t="s">
        <v>1</v>
      </c>
      <c r="C71350" s="14" t="s">
        <v>35</v>
      </c>
      <c r="D71350" s="14" t="s">
        <v>277</v>
      </c>
      <c r="E71350" s="15">
        <v>45551</v>
      </c>
      <c r="F71350" s="14" t="s">
        <v>25</v>
      </c>
      <c r="G71350" s="16">
        <v>0</v>
      </c>
    </row>
    <row r="71351" spans="1:7" x14ac:dyDescent="0.3">
      <c r="A71351" s="13" t="s">
        <v>368</v>
      </c>
      <c r="B71351" s="14" t="s">
        <v>1</v>
      </c>
      <c r="C71351" s="14" t="s">
        <v>35</v>
      </c>
      <c r="D71351" s="14" t="s">
        <v>277</v>
      </c>
      <c r="E71351" s="15">
        <v>45552</v>
      </c>
      <c r="F71351" s="14" t="s">
        <v>25</v>
      </c>
      <c r="G71351" s="16">
        <v>0</v>
      </c>
    </row>
    <row r="71352" spans="1:7" x14ac:dyDescent="0.3">
      <c r="A71352" s="13" t="s">
        <v>368</v>
      </c>
      <c r="B71352" s="14" t="s">
        <v>1</v>
      </c>
      <c r="C71352" s="14" t="s">
        <v>35</v>
      </c>
      <c r="D71352" s="14" t="s">
        <v>277</v>
      </c>
      <c r="E71352" s="15">
        <v>45553</v>
      </c>
      <c r="F71352" s="14" t="s">
        <v>25</v>
      </c>
      <c r="G71352" s="16">
        <v>0</v>
      </c>
    </row>
    <row r="71353" spans="1:7" x14ac:dyDescent="0.3">
      <c r="A71353" s="13" t="s">
        <v>368</v>
      </c>
      <c r="B71353" s="14" t="s">
        <v>1</v>
      </c>
      <c r="C71353" s="14" t="s">
        <v>35</v>
      </c>
      <c r="D71353" s="14" t="s">
        <v>277</v>
      </c>
      <c r="E71353" s="15">
        <v>45554</v>
      </c>
      <c r="F71353" s="14" t="s">
        <v>25</v>
      </c>
      <c r="G71353" s="16">
        <v>0</v>
      </c>
    </row>
    <row r="71354" spans="1:7" x14ac:dyDescent="0.3">
      <c r="A71354" s="13" t="s">
        <v>368</v>
      </c>
      <c r="B71354" s="14" t="s">
        <v>1</v>
      </c>
      <c r="C71354" s="14" t="s">
        <v>35</v>
      </c>
      <c r="D71354" s="14" t="s">
        <v>277</v>
      </c>
      <c r="E71354" s="15">
        <v>45555</v>
      </c>
      <c r="F71354" s="14" t="s">
        <v>25</v>
      </c>
      <c r="G71354" s="16">
        <v>0</v>
      </c>
    </row>
    <row r="71355" spans="1:7" x14ac:dyDescent="0.3">
      <c r="A71355" s="13" t="s">
        <v>368</v>
      </c>
      <c r="B71355" s="14" t="s">
        <v>1</v>
      </c>
      <c r="C71355" s="14" t="s">
        <v>35</v>
      </c>
      <c r="D71355" s="14" t="s">
        <v>277</v>
      </c>
      <c r="E71355" s="15">
        <v>45556</v>
      </c>
      <c r="F71355" s="14" t="s">
        <v>25</v>
      </c>
      <c r="G71355" s="16">
        <v>0</v>
      </c>
    </row>
    <row r="71356" spans="1:7" x14ac:dyDescent="0.3">
      <c r="A71356" s="13" t="s">
        <v>368</v>
      </c>
      <c r="B71356" s="14" t="s">
        <v>1</v>
      </c>
      <c r="C71356" s="14" t="s">
        <v>35</v>
      </c>
      <c r="D71356" s="14" t="s">
        <v>277</v>
      </c>
      <c r="E71356" s="15">
        <v>45557</v>
      </c>
      <c r="F71356" s="14" t="s">
        <v>25</v>
      </c>
      <c r="G71356" s="16">
        <v>0</v>
      </c>
    </row>
    <row r="71357" spans="1:7" x14ac:dyDescent="0.3">
      <c r="A71357" s="13" t="s">
        <v>368</v>
      </c>
      <c r="B71357" s="14" t="s">
        <v>1</v>
      </c>
      <c r="C71357" s="14" t="s">
        <v>35</v>
      </c>
      <c r="D71357" s="14" t="s">
        <v>277</v>
      </c>
      <c r="E71357" s="15">
        <v>45558</v>
      </c>
      <c r="F71357" s="14" t="s">
        <v>25</v>
      </c>
      <c r="G71357" s="16">
        <v>0</v>
      </c>
    </row>
    <row r="71358" spans="1:7" x14ac:dyDescent="0.3">
      <c r="A71358" s="13" t="s">
        <v>368</v>
      </c>
      <c r="B71358" s="14" t="s">
        <v>1</v>
      </c>
      <c r="C71358" s="14" t="s">
        <v>35</v>
      </c>
      <c r="D71358" s="14" t="s">
        <v>277</v>
      </c>
      <c r="E71358" s="15">
        <v>45559</v>
      </c>
      <c r="F71358" s="14" t="s">
        <v>25</v>
      </c>
      <c r="G71358" s="16">
        <v>0</v>
      </c>
    </row>
    <row r="71359" spans="1:7" x14ac:dyDescent="0.3">
      <c r="A71359" s="13" t="s">
        <v>368</v>
      </c>
      <c r="B71359" s="14" t="s">
        <v>1</v>
      </c>
      <c r="C71359" s="14" t="s">
        <v>35</v>
      </c>
      <c r="D71359" s="14" t="s">
        <v>277</v>
      </c>
      <c r="E71359" s="15">
        <v>45560</v>
      </c>
      <c r="F71359" s="14" t="s">
        <v>25</v>
      </c>
      <c r="G71359" s="16">
        <v>0</v>
      </c>
    </row>
    <row r="71360" spans="1:7" x14ac:dyDescent="0.3">
      <c r="A71360" s="13" t="s">
        <v>368</v>
      </c>
      <c r="B71360" s="14" t="s">
        <v>1</v>
      </c>
      <c r="C71360" s="14" t="s">
        <v>35</v>
      </c>
      <c r="D71360" s="14" t="s">
        <v>277</v>
      </c>
      <c r="E71360" s="15">
        <v>45561</v>
      </c>
      <c r="F71360" s="14" t="s">
        <v>25</v>
      </c>
      <c r="G71360" s="16">
        <v>0</v>
      </c>
    </row>
    <row r="71361" spans="1:7" x14ac:dyDescent="0.3">
      <c r="A71361" s="13" t="s">
        <v>368</v>
      </c>
      <c r="B71361" s="14" t="s">
        <v>1</v>
      </c>
      <c r="C71361" s="14" t="s">
        <v>35</v>
      </c>
      <c r="D71361" s="14" t="s">
        <v>277</v>
      </c>
      <c r="E71361" s="15">
        <v>45562</v>
      </c>
      <c r="F71361" s="14" t="s">
        <v>25</v>
      </c>
      <c r="G71361" s="16">
        <v>0</v>
      </c>
    </row>
    <row r="71362" spans="1:7" x14ac:dyDescent="0.3">
      <c r="A71362" s="13" t="s">
        <v>368</v>
      </c>
      <c r="B71362" s="14" t="s">
        <v>1</v>
      </c>
      <c r="C71362" s="14" t="s">
        <v>35</v>
      </c>
      <c r="D71362" s="14" t="s">
        <v>277</v>
      </c>
      <c r="E71362" s="15">
        <v>45563</v>
      </c>
      <c r="F71362" s="14" t="s">
        <v>25</v>
      </c>
      <c r="G71362" s="16">
        <v>0</v>
      </c>
    </row>
    <row r="71363" spans="1:7" x14ac:dyDescent="0.3">
      <c r="A71363" s="13" t="s">
        <v>368</v>
      </c>
      <c r="B71363" s="14" t="s">
        <v>1</v>
      </c>
      <c r="C71363" s="14" t="s">
        <v>35</v>
      </c>
      <c r="D71363" s="14" t="s">
        <v>277</v>
      </c>
      <c r="E71363" s="15">
        <v>45564</v>
      </c>
      <c r="F71363" s="14" t="s">
        <v>25</v>
      </c>
      <c r="G71363" s="16">
        <v>0</v>
      </c>
    </row>
    <row r="71364" spans="1:7" x14ac:dyDescent="0.3">
      <c r="A71364" s="13" t="s">
        <v>368</v>
      </c>
      <c r="B71364" s="14" t="s">
        <v>1</v>
      </c>
      <c r="C71364" s="14" t="s">
        <v>35</v>
      </c>
      <c r="D71364" s="14" t="s">
        <v>277</v>
      </c>
      <c r="E71364" s="15">
        <v>45565</v>
      </c>
      <c r="F71364" s="14" t="s">
        <v>25</v>
      </c>
      <c r="G71364" s="16">
        <v>0</v>
      </c>
    </row>
    <row r="71365" spans="1:7" x14ac:dyDescent="0.3">
      <c r="A71365" s="13" t="s">
        <v>368</v>
      </c>
      <c r="B71365" s="14" t="s">
        <v>1</v>
      </c>
      <c r="C71365" s="14" t="s">
        <v>35</v>
      </c>
      <c r="D71365" s="14" t="s">
        <v>277</v>
      </c>
      <c r="E71365" s="15">
        <v>45566</v>
      </c>
      <c r="F71365" s="14" t="s">
        <v>25</v>
      </c>
      <c r="G71365" s="16">
        <v>0</v>
      </c>
    </row>
    <row r="71366" spans="1:7" x14ac:dyDescent="0.3">
      <c r="A71366" s="13" t="s">
        <v>368</v>
      </c>
      <c r="B71366" s="14" t="s">
        <v>1</v>
      </c>
      <c r="C71366" s="14" t="s">
        <v>35</v>
      </c>
      <c r="D71366" s="14" t="s">
        <v>277</v>
      </c>
      <c r="E71366" s="15">
        <v>45567</v>
      </c>
      <c r="F71366" s="14" t="s">
        <v>25</v>
      </c>
      <c r="G71366" s="16">
        <v>0</v>
      </c>
    </row>
    <row r="71367" spans="1:7" x14ac:dyDescent="0.3">
      <c r="A71367" s="13" t="s">
        <v>368</v>
      </c>
      <c r="B71367" s="14" t="s">
        <v>1</v>
      </c>
      <c r="C71367" s="14" t="s">
        <v>35</v>
      </c>
      <c r="D71367" s="14" t="s">
        <v>277</v>
      </c>
      <c r="E71367" s="15">
        <v>45568</v>
      </c>
      <c r="F71367" s="14" t="s">
        <v>25</v>
      </c>
      <c r="G71367" s="16">
        <v>0</v>
      </c>
    </row>
    <row r="71368" spans="1:7" x14ac:dyDescent="0.3">
      <c r="A71368" s="13" t="s">
        <v>368</v>
      </c>
      <c r="B71368" s="14" t="s">
        <v>1</v>
      </c>
      <c r="C71368" s="14" t="s">
        <v>35</v>
      </c>
      <c r="D71368" s="14" t="s">
        <v>277</v>
      </c>
      <c r="E71368" s="15">
        <v>45569</v>
      </c>
      <c r="F71368" s="14" t="s">
        <v>25</v>
      </c>
      <c r="G71368" s="16">
        <v>0</v>
      </c>
    </row>
    <row r="71369" spans="1:7" x14ac:dyDescent="0.3">
      <c r="A71369" s="13" t="s">
        <v>368</v>
      </c>
      <c r="B71369" s="14" t="s">
        <v>1</v>
      </c>
      <c r="C71369" s="14" t="s">
        <v>35</v>
      </c>
      <c r="D71369" s="14" t="s">
        <v>277</v>
      </c>
      <c r="E71369" s="15">
        <v>45570</v>
      </c>
      <c r="F71369" s="14" t="s">
        <v>25</v>
      </c>
      <c r="G71369" s="16">
        <v>0</v>
      </c>
    </row>
    <row r="71370" spans="1:7" x14ac:dyDescent="0.3">
      <c r="A71370" s="13" t="s">
        <v>368</v>
      </c>
      <c r="B71370" s="14" t="s">
        <v>1</v>
      </c>
      <c r="C71370" s="14" t="s">
        <v>35</v>
      </c>
      <c r="D71370" s="14" t="s">
        <v>277</v>
      </c>
      <c r="E71370" s="15">
        <v>45571</v>
      </c>
      <c r="F71370" s="14" t="s">
        <v>25</v>
      </c>
      <c r="G71370" s="16">
        <v>0</v>
      </c>
    </row>
    <row r="71371" spans="1:7" x14ac:dyDescent="0.3">
      <c r="A71371" s="13" t="s">
        <v>368</v>
      </c>
      <c r="B71371" s="14" t="s">
        <v>1</v>
      </c>
      <c r="C71371" s="14" t="s">
        <v>35</v>
      </c>
      <c r="D71371" s="14" t="s">
        <v>277</v>
      </c>
      <c r="E71371" s="15">
        <v>45572</v>
      </c>
      <c r="F71371" s="14" t="s">
        <v>25</v>
      </c>
      <c r="G71371" s="16">
        <v>0</v>
      </c>
    </row>
    <row r="71372" spans="1:7" x14ac:dyDescent="0.3">
      <c r="A71372" s="13" t="s">
        <v>368</v>
      </c>
      <c r="B71372" s="14" t="s">
        <v>1</v>
      </c>
      <c r="C71372" s="14" t="s">
        <v>35</v>
      </c>
      <c r="D71372" s="14" t="s">
        <v>277</v>
      </c>
      <c r="E71372" s="15">
        <v>45573</v>
      </c>
      <c r="F71372" s="14" t="s">
        <v>25</v>
      </c>
      <c r="G71372" s="16">
        <v>0</v>
      </c>
    </row>
    <row r="71373" spans="1:7" x14ac:dyDescent="0.3">
      <c r="A71373" s="13" t="s">
        <v>368</v>
      </c>
      <c r="B71373" s="14" t="s">
        <v>1</v>
      </c>
      <c r="C71373" s="14" t="s">
        <v>35</v>
      </c>
      <c r="D71373" s="14" t="s">
        <v>277</v>
      </c>
      <c r="E71373" s="15">
        <v>45574</v>
      </c>
      <c r="F71373" s="14" t="s">
        <v>25</v>
      </c>
      <c r="G71373" s="16">
        <v>0</v>
      </c>
    </row>
    <row r="71374" spans="1:7" x14ac:dyDescent="0.3">
      <c r="A71374" s="13" t="s">
        <v>368</v>
      </c>
      <c r="B71374" s="14" t="s">
        <v>1</v>
      </c>
      <c r="C71374" s="14" t="s">
        <v>35</v>
      </c>
      <c r="D71374" s="14" t="s">
        <v>277</v>
      </c>
      <c r="E71374" s="15">
        <v>45575</v>
      </c>
      <c r="F71374" s="14" t="s">
        <v>25</v>
      </c>
      <c r="G71374" s="16">
        <v>0</v>
      </c>
    </row>
    <row r="71375" spans="1:7" x14ac:dyDescent="0.3">
      <c r="A71375" s="13" t="s">
        <v>368</v>
      </c>
      <c r="B71375" s="14" t="s">
        <v>1</v>
      </c>
      <c r="C71375" s="14" t="s">
        <v>35</v>
      </c>
      <c r="D71375" s="14" t="s">
        <v>277</v>
      </c>
      <c r="E71375" s="15">
        <v>45576</v>
      </c>
      <c r="F71375" s="14" t="s">
        <v>25</v>
      </c>
      <c r="G71375" s="16">
        <v>0</v>
      </c>
    </row>
    <row r="71376" spans="1:7" x14ac:dyDescent="0.3">
      <c r="A71376" s="13" t="s">
        <v>368</v>
      </c>
      <c r="B71376" s="14" t="s">
        <v>1</v>
      </c>
      <c r="C71376" s="14" t="s">
        <v>35</v>
      </c>
      <c r="D71376" s="14" t="s">
        <v>277</v>
      </c>
      <c r="E71376" s="15">
        <v>45577</v>
      </c>
      <c r="F71376" s="14" t="s">
        <v>25</v>
      </c>
      <c r="G71376" s="16">
        <v>0</v>
      </c>
    </row>
    <row r="71377" spans="1:7" x14ac:dyDescent="0.3">
      <c r="A71377" s="13" t="s">
        <v>368</v>
      </c>
      <c r="B71377" s="14" t="s">
        <v>1</v>
      </c>
      <c r="C71377" s="14" t="s">
        <v>35</v>
      </c>
      <c r="D71377" s="14" t="s">
        <v>277</v>
      </c>
      <c r="E71377" s="15">
        <v>45578</v>
      </c>
      <c r="F71377" s="14" t="s">
        <v>25</v>
      </c>
      <c r="G71377" s="16">
        <v>0</v>
      </c>
    </row>
    <row r="71378" spans="1:7" x14ac:dyDescent="0.3">
      <c r="A71378" s="13" t="s">
        <v>368</v>
      </c>
      <c r="B71378" s="14" t="s">
        <v>1</v>
      </c>
      <c r="C71378" s="14" t="s">
        <v>35</v>
      </c>
      <c r="D71378" s="14" t="s">
        <v>277</v>
      </c>
      <c r="E71378" s="15">
        <v>45579</v>
      </c>
      <c r="F71378" s="14" t="s">
        <v>25</v>
      </c>
      <c r="G71378" s="16">
        <v>0</v>
      </c>
    </row>
    <row r="71379" spans="1:7" x14ac:dyDescent="0.3">
      <c r="A71379" s="13" t="s">
        <v>368</v>
      </c>
      <c r="B71379" s="14" t="s">
        <v>1</v>
      </c>
      <c r="C71379" s="14" t="s">
        <v>35</v>
      </c>
      <c r="D71379" s="14" t="s">
        <v>277</v>
      </c>
      <c r="E71379" s="15">
        <v>45580</v>
      </c>
      <c r="F71379" s="14" t="s">
        <v>25</v>
      </c>
      <c r="G71379" s="16">
        <v>0</v>
      </c>
    </row>
    <row r="71380" spans="1:7" x14ac:dyDescent="0.3">
      <c r="A71380" s="13" t="s">
        <v>368</v>
      </c>
      <c r="B71380" s="14" t="s">
        <v>1</v>
      </c>
      <c r="C71380" s="14" t="s">
        <v>35</v>
      </c>
      <c r="D71380" s="14" t="s">
        <v>277</v>
      </c>
      <c r="E71380" s="15">
        <v>45581</v>
      </c>
      <c r="F71380" s="14" t="s">
        <v>25</v>
      </c>
      <c r="G71380" s="16">
        <v>0</v>
      </c>
    </row>
    <row r="71381" spans="1:7" x14ac:dyDescent="0.3">
      <c r="A71381" s="13" t="s">
        <v>368</v>
      </c>
      <c r="B71381" s="14" t="s">
        <v>1</v>
      </c>
      <c r="C71381" s="14" t="s">
        <v>35</v>
      </c>
      <c r="D71381" s="14" t="s">
        <v>277</v>
      </c>
      <c r="E71381" s="15">
        <v>45582</v>
      </c>
      <c r="F71381" s="14" t="s">
        <v>25</v>
      </c>
      <c r="G71381" s="16">
        <v>0</v>
      </c>
    </row>
    <row r="71382" spans="1:7" x14ac:dyDescent="0.3">
      <c r="A71382" s="13" t="s">
        <v>368</v>
      </c>
      <c r="B71382" s="14" t="s">
        <v>1</v>
      </c>
      <c r="C71382" s="14" t="s">
        <v>35</v>
      </c>
      <c r="D71382" s="14" t="s">
        <v>277</v>
      </c>
      <c r="E71382" s="15">
        <v>45583</v>
      </c>
      <c r="F71382" s="14" t="s">
        <v>25</v>
      </c>
      <c r="G71382" s="16">
        <v>0</v>
      </c>
    </row>
    <row r="71383" spans="1:7" x14ac:dyDescent="0.3">
      <c r="A71383" s="13" t="s">
        <v>368</v>
      </c>
      <c r="B71383" s="14" t="s">
        <v>1</v>
      </c>
      <c r="C71383" s="14" t="s">
        <v>35</v>
      </c>
      <c r="D71383" s="14" t="s">
        <v>277</v>
      </c>
      <c r="E71383" s="15">
        <v>45584</v>
      </c>
      <c r="F71383" s="14" t="s">
        <v>25</v>
      </c>
      <c r="G71383" s="16">
        <v>0</v>
      </c>
    </row>
    <row r="71384" spans="1:7" x14ac:dyDescent="0.3">
      <c r="A71384" s="13" t="s">
        <v>368</v>
      </c>
      <c r="B71384" s="14" t="s">
        <v>1</v>
      </c>
      <c r="C71384" s="14" t="s">
        <v>35</v>
      </c>
      <c r="D71384" s="14" t="s">
        <v>277</v>
      </c>
      <c r="E71384" s="15">
        <v>45585</v>
      </c>
      <c r="F71384" s="14" t="s">
        <v>25</v>
      </c>
      <c r="G71384" s="16">
        <v>0</v>
      </c>
    </row>
    <row r="71385" spans="1:7" x14ac:dyDescent="0.3">
      <c r="A71385" s="13" t="s">
        <v>368</v>
      </c>
      <c r="B71385" s="14" t="s">
        <v>1</v>
      </c>
      <c r="C71385" s="14" t="s">
        <v>35</v>
      </c>
      <c r="D71385" s="14" t="s">
        <v>277</v>
      </c>
      <c r="E71385" s="15">
        <v>45586</v>
      </c>
      <c r="F71385" s="14" t="s">
        <v>25</v>
      </c>
      <c r="G71385" s="16">
        <v>0</v>
      </c>
    </row>
    <row r="71386" spans="1:7" x14ac:dyDescent="0.3">
      <c r="A71386" s="13" t="s">
        <v>368</v>
      </c>
      <c r="B71386" s="14" t="s">
        <v>1</v>
      </c>
      <c r="C71386" s="14" t="s">
        <v>35</v>
      </c>
      <c r="D71386" s="14" t="s">
        <v>277</v>
      </c>
      <c r="E71386" s="15">
        <v>45587</v>
      </c>
      <c r="F71386" s="14" t="s">
        <v>25</v>
      </c>
      <c r="G71386" s="16">
        <v>0</v>
      </c>
    </row>
    <row r="71387" spans="1:7" x14ac:dyDescent="0.3">
      <c r="A71387" s="13" t="s">
        <v>368</v>
      </c>
      <c r="B71387" s="14" t="s">
        <v>1</v>
      </c>
      <c r="C71387" s="14" t="s">
        <v>35</v>
      </c>
      <c r="D71387" s="14" t="s">
        <v>277</v>
      </c>
      <c r="E71387" s="15">
        <v>45588</v>
      </c>
      <c r="F71387" s="14" t="s">
        <v>25</v>
      </c>
      <c r="G71387" s="16">
        <v>0</v>
      </c>
    </row>
    <row r="71388" spans="1:7" x14ac:dyDescent="0.3">
      <c r="A71388" s="13" t="s">
        <v>368</v>
      </c>
      <c r="B71388" s="14" t="s">
        <v>1</v>
      </c>
      <c r="C71388" s="14" t="s">
        <v>35</v>
      </c>
      <c r="D71388" s="14" t="s">
        <v>277</v>
      </c>
      <c r="E71388" s="15">
        <v>45589</v>
      </c>
      <c r="F71388" s="14" t="s">
        <v>25</v>
      </c>
      <c r="G71388" s="16">
        <v>0</v>
      </c>
    </row>
    <row r="71389" spans="1:7" x14ac:dyDescent="0.3">
      <c r="A71389" s="13" t="s">
        <v>368</v>
      </c>
      <c r="B71389" s="14" t="s">
        <v>1</v>
      </c>
      <c r="C71389" s="14" t="s">
        <v>35</v>
      </c>
      <c r="D71389" s="14" t="s">
        <v>277</v>
      </c>
      <c r="E71389" s="15">
        <v>45590</v>
      </c>
      <c r="F71389" s="14" t="s">
        <v>25</v>
      </c>
      <c r="G71389" s="16">
        <v>0</v>
      </c>
    </row>
    <row r="71390" spans="1:7" x14ac:dyDescent="0.3">
      <c r="A71390" s="13" t="s">
        <v>368</v>
      </c>
      <c r="B71390" s="14" t="s">
        <v>1</v>
      </c>
      <c r="C71390" s="14" t="s">
        <v>35</v>
      </c>
      <c r="D71390" s="14" t="s">
        <v>277</v>
      </c>
      <c r="E71390" s="15">
        <v>45591</v>
      </c>
      <c r="F71390" s="14" t="s">
        <v>25</v>
      </c>
      <c r="G71390" s="16">
        <v>0</v>
      </c>
    </row>
    <row r="71391" spans="1:7" x14ac:dyDescent="0.3">
      <c r="A71391" s="13" t="s">
        <v>368</v>
      </c>
      <c r="B71391" s="14" t="s">
        <v>1</v>
      </c>
      <c r="C71391" s="14" t="s">
        <v>35</v>
      </c>
      <c r="D71391" s="14" t="s">
        <v>277</v>
      </c>
      <c r="E71391" s="15">
        <v>45592</v>
      </c>
      <c r="F71391" s="14" t="s">
        <v>25</v>
      </c>
      <c r="G71391" s="16">
        <v>0</v>
      </c>
    </row>
    <row r="71392" spans="1:7" x14ac:dyDescent="0.3">
      <c r="A71392" s="13" t="s">
        <v>368</v>
      </c>
      <c r="B71392" s="14" t="s">
        <v>1</v>
      </c>
      <c r="C71392" s="14" t="s">
        <v>35</v>
      </c>
      <c r="D71392" s="14" t="s">
        <v>277</v>
      </c>
      <c r="E71392" s="15">
        <v>45593</v>
      </c>
      <c r="F71392" s="14" t="s">
        <v>25</v>
      </c>
      <c r="G71392" s="16">
        <v>0</v>
      </c>
    </row>
    <row r="71393" spans="1:7" x14ac:dyDescent="0.3">
      <c r="A71393" s="13" t="s">
        <v>368</v>
      </c>
      <c r="B71393" s="14" t="s">
        <v>1</v>
      </c>
      <c r="C71393" s="14" t="s">
        <v>35</v>
      </c>
      <c r="D71393" s="14" t="s">
        <v>277</v>
      </c>
      <c r="E71393" s="15">
        <v>45594</v>
      </c>
      <c r="F71393" s="14" t="s">
        <v>25</v>
      </c>
      <c r="G71393" s="16">
        <v>0</v>
      </c>
    </row>
    <row r="71394" spans="1:7" x14ac:dyDescent="0.3">
      <c r="A71394" s="13" t="s">
        <v>368</v>
      </c>
      <c r="B71394" s="14" t="s">
        <v>1</v>
      </c>
      <c r="C71394" s="14" t="s">
        <v>35</v>
      </c>
      <c r="D71394" s="14" t="s">
        <v>277</v>
      </c>
      <c r="E71394" s="15">
        <v>45595</v>
      </c>
      <c r="F71394" s="14" t="s">
        <v>25</v>
      </c>
      <c r="G71394" s="16">
        <v>0</v>
      </c>
    </row>
    <row r="71395" spans="1:7" x14ac:dyDescent="0.3">
      <c r="A71395" s="13" t="s">
        <v>368</v>
      </c>
      <c r="B71395" s="14" t="s">
        <v>1</v>
      </c>
      <c r="C71395" s="14" t="s">
        <v>35</v>
      </c>
      <c r="D71395" s="14" t="s">
        <v>277</v>
      </c>
      <c r="E71395" s="15">
        <v>45596</v>
      </c>
      <c r="F71395" s="14" t="s">
        <v>25</v>
      </c>
      <c r="G71395" s="16">
        <v>0</v>
      </c>
    </row>
    <row r="71396" spans="1:7" x14ac:dyDescent="0.3">
      <c r="A71396" s="13" t="s">
        <v>368</v>
      </c>
      <c r="B71396" s="14" t="s">
        <v>1</v>
      </c>
      <c r="C71396" s="14" t="s">
        <v>35</v>
      </c>
      <c r="D71396" s="14" t="s">
        <v>277</v>
      </c>
      <c r="E71396" s="15">
        <v>45597</v>
      </c>
      <c r="F71396" s="14" t="s">
        <v>25</v>
      </c>
      <c r="G71396" s="16">
        <v>0</v>
      </c>
    </row>
    <row r="71397" spans="1:7" x14ac:dyDescent="0.3">
      <c r="A71397" s="13" t="s">
        <v>368</v>
      </c>
      <c r="B71397" s="14" t="s">
        <v>1</v>
      </c>
      <c r="C71397" s="14" t="s">
        <v>35</v>
      </c>
      <c r="D71397" s="14" t="s">
        <v>277</v>
      </c>
      <c r="E71397" s="15">
        <v>45598</v>
      </c>
      <c r="F71397" s="14" t="s">
        <v>25</v>
      </c>
      <c r="G71397" s="16">
        <v>0</v>
      </c>
    </row>
    <row r="71398" spans="1:7" x14ac:dyDescent="0.3">
      <c r="A71398" s="13" t="s">
        <v>368</v>
      </c>
      <c r="B71398" s="14" t="s">
        <v>1</v>
      </c>
      <c r="C71398" s="14" t="s">
        <v>35</v>
      </c>
      <c r="D71398" s="14" t="s">
        <v>277</v>
      </c>
      <c r="E71398" s="15">
        <v>45599</v>
      </c>
      <c r="F71398" s="14" t="s">
        <v>25</v>
      </c>
      <c r="G71398" s="16">
        <v>0</v>
      </c>
    </row>
    <row r="71399" spans="1:7" x14ac:dyDescent="0.3">
      <c r="A71399" s="13" t="s">
        <v>368</v>
      </c>
      <c r="B71399" s="14" t="s">
        <v>1</v>
      </c>
      <c r="C71399" s="14" t="s">
        <v>35</v>
      </c>
      <c r="D71399" s="14" t="s">
        <v>277</v>
      </c>
      <c r="E71399" s="15">
        <v>45600</v>
      </c>
      <c r="F71399" s="14" t="s">
        <v>25</v>
      </c>
      <c r="G71399" s="16">
        <v>0</v>
      </c>
    </row>
    <row r="71400" spans="1:7" x14ac:dyDescent="0.3">
      <c r="A71400" s="13" t="s">
        <v>368</v>
      </c>
      <c r="B71400" s="14" t="s">
        <v>1</v>
      </c>
      <c r="C71400" s="14" t="s">
        <v>35</v>
      </c>
      <c r="D71400" s="14" t="s">
        <v>277</v>
      </c>
      <c r="E71400" s="15">
        <v>45601</v>
      </c>
      <c r="F71400" s="14" t="s">
        <v>25</v>
      </c>
      <c r="G71400" s="16">
        <v>0</v>
      </c>
    </row>
    <row r="71401" spans="1:7" x14ac:dyDescent="0.3">
      <c r="A71401" s="13" t="s">
        <v>368</v>
      </c>
      <c r="B71401" s="14" t="s">
        <v>1</v>
      </c>
      <c r="C71401" s="14" t="s">
        <v>35</v>
      </c>
      <c r="D71401" s="14" t="s">
        <v>277</v>
      </c>
      <c r="E71401" s="15">
        <v>45602</v>
      </c>
      <c r="F71401" s="14" t="s">
        <v>25</v>
      </c>
      <c r="G71401" s="16">
        <v>0</v>
      </c>
    </row>
    <row r="71402" spans="1:7" x14ac:dyDescent="0.3">
      <c r="A71402" s="13" t="s">
        <v>368</v>
      </c>
      <c r="B71402" s="14" t="s">
        <v>1</v>
      </c>
      <c r="C71402" s="14" t="s">
        <v>35</v>
      </c>
      <c r="D71402" s="14" t="s">
        <v>277</v>
      </c>
      <c r="E71402" s="15">
        <v>45603</v>
      </c>
      <c r="F71402" s="14" t="s">
        <v>25</v>
      </c>
      <c r="G71402" s="16">
        <v>0</v>
      </c>
    </row>
    <row r="71403" spans="1:7" x14ac:dyDescent="0.3">
      <c r="A71403" s="13" t="s">
        <v>368</v>
      </c>
      <c r="B71403" s="14" t="s">
        <v>1</v>
      </c>
      <c r="C71403" s="14" t="s">
        <v>35</v>
      </c>
      <c r="D71403" s="14" t="s">
        <v>277</v>
      </c>
      <c r="E71403" s="15">
        <v>45604</v>
      </c>
      <c r="F71403" s="14" t="s">
        <v>25</v>
      </c>
      <c r="G71403" s="16">
        <v>0</v>
      </c>
    </row>
    <row r="71404" spans="1:7" x14ac:dyDescent="0.3">
      <c r="A71404" s="13" t="s">
        <v>368</v>
      </c>
      <c r="B71404" s="14" t="s">
        <v>1</v>
      </c>
      <c r="C71404" s="14" t="s">
        <v>35</v>
      </c>
      <c r="D71404" s="14" t="s">
        <v>277</v>
      </c>
      <c r="E71404" s="15">
        <v>45605</v>
      </c>
      <c r="F71404" s="14" t="s">
        <v>25</v>
      </c>
      <c r="G71404" s="16">
        <v>0</v>
      </c>
    </row>
    <row r="71405" spans="1:7" x14ac:dyDescent="0.3">
      <c r="A71405" s="13" t="s">
        <v>368</v>
      </c>
      <c r="B71405" s="14" t="s">
        <v>1</v>
      </c>
      <c r="C71405" s="14" t="s">
        <v>35</v>
      </c>
      <c r="D71405" s="14" t="s">
        <v>277</v>
      </c>
      <c r="E71405" s="15">
        <v>45606</v>
      </c>
      <c r="F71405" s="14" t="s">
        <v>25</v>
      </c>
      <c r="G71405" s="16">
        <v>0</v>
      </c>
    </row>
    <row r="71406" spans="1:7" x14ac:dyDescent="0.3">
      <c r="A71406" s="13" t="s">
        <v>368</v>
      </c>
      <c r="B71406" s="14" t="s">
        <v>1</v>
      </c>
      <c r="C71406" s="14" t="s">
        <v>35</v>
      </c>
      <c r="D71406" s="14" t="s">
        <v>277</v>
      </c>
      <c r="E71406" s="15">
        <v>45607</v>
      </c>
      <c r="F71406" s="14" t="s">
        <v>25</v>
      </c>
      <c r="G71406" s="16">
        <v>0</v>
      </c>
    </row>
    <row r="71407" spans="1:7" x14ac:dyDescent="0.3">
      <c r="A71407" s="13" t="s">
        <v>368</v>
      </c>
      <c r="B71407" s="14" t="s">
        <v>1</v>
      </c>
      <c r="C71407" s="14" t="s">
        <v>35</v>
      </c>
      <c r="D71407" s="14" t="s">
        <v>277</v>
      </c>
      <c r="E71407" s="15">
        <v>45608</v>
      </c>
      <c r="F71407" s="14" t="s">
        <v>25</v>
      </c>
      <c r="G71407" s="16">
        <v>0</v>
      </c>
    </row>
    <row r="71408" spans="1:7" x14ac:dyDescent="0.3">
      <c r="A71408" s="13" t="s">
        <v>368</v>
      </c>
      <c r="B71408" s="14" t="s">
        <v>1</v>
      </c>
      <c r="C71408" s="14" t="s">
        <v>35</v>
      </c>
      <c r="D71408" s="14" t="s">
        <v>277</v>
      </c>
      <c r="E71408" s="15">
        <v>45609</v>
      </c>
      <c r="F71408" s="14" t="s">
        <v>25</v>
      </c>
      <c r="G71408" s="16">
        <v>0</v>
      </c>
    </row>
    <row r="71409" spans="1:7" x14ac:dyDescent="0.3">
      <c r="A71409" s="13" t="s">
        <v>368</v>
      </c>
      <c r="B71409" s="14" t="s">
        <v>1</v>
      </c>
      <c r="C71409" s="14" t="s">
        <v>35</v>
      </c>
      <c r="D71409" s="14" t="s">
        <v>277</v>
      </c>
      <c r="E71409" s="15">
        <v>45610</v>
      </c>
      <c r="F71409" s="14" t="s">
        <v>25</v>
      </c>
      <c r="G71409" s="16">
        <v>0</v>
      </c>
    </row>
    <row r="71410" spans="1:7" x14ac:dyDescent="0.3">
      <c r="A71410" s="13" t="s">
        <v>368</v>
      </c>
      <c r="B71410" s="14" t="s">
        <v>1</v>
      </c>
      <c r="C71410" s="14" t="s">
        <v>35</v>
      </c>
      <c r="D71410" s="14" t="s">
        <v>277</v>
      </c>
      <c r="E71410" s="15">
        <v>45611</v>
      </c>
      <c r="F71410" s="14" t="s">
        <v>25</v>
      </c>
      <c r="G71410" s="16">
        <v>0</v>
      </c>
    </row>
    <row r="71411" spans="1:7" x14ac:dyDescent="0.3">
      <c r="A71411" s="13" t="s">
        <v>368</v>
      </c>
      <c r="B71411" s="14" t="s">
        <v>1</v>
      </c>
      <c r="C71411" s="14" t="s">
        <v>35</v>
      </c>
      <c r="D71411" s="14" t="s">
        <v>277</v>
      </c>
      <c r="E71411" s="15">
        <v>45612</v>
      </c>
      <c r="F71411" s="14" t="s">
        <v>25</v>
      </c>
      <c r="G71411" s="16">
        <v>0</v>
      </c>
    </row>
    <row r="71412" spans="1:7" x14ac:dyDescent="0.3">
      <c r="A71412" s="13" t="s">
        <v>368</v>
      </c>
      <c r="B71412" s="14" t="s">
        <v>1</v>
      </c>
      <c r="C71412" s="14" t="s">
        <v>35</v>
      </c>
      <c r="D71412" s="14" t="s">
        <v>277</v>
      </c>
      <c r="E71412" s="15">
        <v>45613</v>
      </c>
      <c r="F71412" s="14" t="s">
        <v>25</v>
      </c>
      <c r="G71412" s="16">
        <v>0</v>
      </c>
    </row>
    <row r="71413" spans="1:7" x14ac:dyDescent="0.3">
      <c r="A71413" s="13" t="s">
        <v>368</v>
      </c>
      <c r="B71413" s="14" t="s">
        <v>1</v>
      </c>
      <c r="C71413" s="14" t="s">
        <v>35</v>
      </c>
      <c r="D71413" s="14" t="s">
        <v>277</v>
      </c>
      <c r="E71413" s="15">
        <v>45614</v>
      </c>
      <c r="F71413" s="14" t="s">
        <v>25</v>
      </c>
      <c r="G71413" s="16">
        <v>0</v>
      </c>
    </row>
    <row r="71414" spans="1:7" x14ac:dyDescent="0.3">
      <c r="A71414" s="13" t="s">
        <v>368</v>
      </c>
      <c r="B71414" s="14" t="s">
        <v>1</v>
      </c>
      <c r="C71414" s="14" t="s">
        <v>35</v>
      </c>
      <c r="D71414" s="14" t="s">
        <v>277</v>
      </c>
      <c r="E71414" s="15">
        <v>45615</v>
      </c>
      <c r="F71414" s="14" t="s">
        <v>25</v>
      </c>
      <c r="G71414" s="16">
        <v>0</v>
      </c>
    </row>
    <row r="71415" spans="1:7" x14ac:dyDescent="0.3">
      <c r="A71415" s="13" t="s">
        <v>368</v>
      </c>
      <c r="B71415" s="14" t="s">
        <v>1</v>
      </c>
      <c r="C71415" s="14" t="s">
        <v>35</v>
      </c>
      <c r="D71415" s="14" t="s">
        <v>277</v>
      </c>
      <c r="E71415" s="15">
        <v>45616</v>
      </c>
      <c r="F71415" s="14" t="s">
        <v>25</v>
      </c>
      <c r="G71415" s="16">
        <v>0</v>
      </c>
    </row>
    <row r="71416" spans="1:7" x14ac:dyDescent="0.3">
      <c r="A71416" s="13" t="s">
        <v>368</v>
      </c>
      <c r="B71416" s="14" t="s">
        <v>1</v>
      </c>
      <c r="C71416" s="14" t="s">
        <v>35</v>
      </c>
      <c r="D71416" s="14" t="s">
        <v>277</v>
      </c>
      <c r="E71416" s="15">
        <v>45617</v>
      </c>
      <c r="F71416" s="14" t="s">
        <v>25</v>
      </c>
      <c r="G71416" s="16">
        <v>0</v>
      </c>
    </row>
    <row r="71417" spans="1:7" x14ac:dyDescent="0.3">
      <c r="A71417" s="13" t="s">
        <v>368</v>
      </c>
      <c r="B71417" s="14" t="s">
        <v>1</v>
      </c>
      <c r="C71417" s="14" t="s">
        <v>35</v>
      </c>
      <c r="D71417" s="14" t="s">
        <v>277</v>
      </c>
      <c r="E71417" s="15">
        <v>45618</v>
      </c>
      <c r="F71417" s="14" t="s">
        <v>25</v>
      </c>
      <c r="G71417" s="16">
        <v>0</v>
      </c>
    </row>
    <row r="71418" spans="1:7" x14ac:dyDescent="0.3">
      <c r="A71418" s="13" t="s">
        <v>368</v>
      </c>
      <c r="B71418" s="14" t="s">
        <v>1</v>
      </c>
      <c r="C71418" s="14" t="s">
        <v>35</v>
      </c>
      <c r="D71418" s="14" t="s">
        <v>277</v>
      </c>
      <c r="E71418" s="15">
        <v>45619</v>
      </c>
      <c r="F71418" s="14" t="s">
        <v>25</v>
      </c>
      <c r="G71418" s="16">
        <v>0</v>
      </c>
    </row>
    <row r="71419" spans="1:7" x14ac:dyDescent="0.3">
      <c r="A71419" s="13" t="s">
        <v>368</v>
      </c>
      <c r="B71419" s="14" t="s">
        <v>1</v>
      </c>
      <c r="C71419" s="14" t="s">
        <v>35</v>
      </c>
      <c r="D71419" s="14" t="s">
        <v>277</v>
      </c>
      <c r="E71419" s="15">
        <v>45620</v>
      </c>
      <c r="F71419" s="14" t="s">
        <v>25</v>
      </c>
      <c r="G71419" s="16">
        <v>0</v>
      </c>
    </row>
    <row r="71420" spans="1:7" x14ac:dyDescent="0.3">
      <c r="A71420" s="13" t="s">
        <v>368</v>
      </c>
      <c r="B71420" s="14" t="s">
        <v>1</v>
      </c>
      <c r="C71420" s="14" t="s">
        <v>35</v>
      </c>
      <c r="D71420" s="14" t="s">
        <v>277</v>
      </c>
      <c r="E71420" s="15">
        <v>45621</v>
      </c>
      <c r="F71420" s="14" t="s">
        <v>25</v>
      </c>
      <c r="G71420" s="16">
        <v>0</v>
      </c>
    </row>
    <row r="71421" spans="1:7" x14ac:dyDescent="0.3">
      <c r="A71421" s="13" t="s">
        <v>368</v>
      </c>
      <c r="B71421" s="14" t="s">
        <v>1</v>
      </c>
      <c r="C71421" s="14" t="s">
        <v>35</v>
      </c>
      <c r="D71421" s="14" t="s">
        <v>277</v>
      </c>
      <c r="E71421" s="15">
        <v>45622</v>
      </c>
      <c r="F71421" s="14" t="s">
        <v>25</v>
      </c>
      <c r="G71421" s="16">
        <v>0</v>
      </c>
    </row>
    <row r="71422" spans="1:7" x14ac:dyDescent="0.3">
      <c r="A71422" s="13" t="s">
        <v>368</v>
      </c>
      <c r="B71422" s="14" t="s">
        <v>1</v>
      </c>
      <c r="C71422" s="14" t="s">
        <v>35</v>
      </c>
      <c r="D71422" s="14" t="s">
        <v>277</v>
      </c>
      <c r="E71422" s="15">
        <v>45623</v>
      </c>
      <c r="F71422" s="14" t="s">
        <v>25</v>
      </c>
      <c r="G71422" s="16">
        <v>0</v>
      </c>
    </row>
    <row r="71423" spans="1:7" x14ac:dyDescent="0.3">
      <c r="A71423" s="13" t="s">
        <v>368</v>
      </c>
      <c r="B71423" s="14" t="s">
        <v>1</v>
      </c>
      <c r="C71423" s="14" t="s">
        <v>35</v>
      </c>
      <c r="D71423" s="14" t="s">
        <v>277</v>
      </c>
      <c r="E71423" s="15">
        <v>45624</v>
      </c>
      <c r="F71423" s="14" t="s">
        <v>25</v>
      </c>
      <c r="G71423" s="16">
        <v>0</v>
      </c>
    </row>
    <row r="71424" spans="1:7" x14ac:dyDescent="0.3">
      <c r="A71424" s="13" t="s">
        <v>368</v>
      </c>
      <c r="B71424" s="14" t="s">
        <v>1</v>
      </c>
      <c r="C71424" s="14" t="s">
        <v>35</v>
      </c>
      <c r="D71424" s="14" t="s">
        <v>277</v>
      </c>
      <c r="E71424" s="15">
        <v>45625</v>
      </c>
      <c r="F71424" s="14" t="s">
        <v>25</v>
      </c>
      <c r="G71424" s="16">
        <v>0</v>
      </c>
    </row>
    <row r="71425" spans="1:7" x14ac:dyDescent="0.3">
      <c r="A71425" s="13" t="s">
        <v>368</v>
      </c>
      <c r="B71425" s="14" t="s">
        <v>1</v>
      </c>
      <c r="C71425" s="14" t="s">
        <v>35</v>
      </c>
      <c r="D71425" s="14" t="s">
        <v>277</v>
      </c>
      <c r="E71425" s="15">
        <v>45626</v>
      </c>
      <c r="F71425" s="14" t="s">
        <v>25</v>
      </c>
      <c r="G71425" s="16">
        <v>0</v>
      </c>
    </row>
    <row r="71426" spans="1:7" x14ac:dyDescent="0.3">
      <c r="A71426" s="13" t="s">
        <v>368</v>
      </c>
      <c r="B71426" s="14" t="s">
        <v>1</v>
      </c>
      <c r="C71426" s="14" t="s">
        <v>35</v>
      </c>
      <c r="D71426" s="14" t="s">
        <v>277</v>
      </c>
      <c r="E71426" s="15">
        <v>45627</v>
      </c>
      <c r="F71426" s="14" t="s">
        <v>25</v>
      </c>
      <c r="G71426" s="16">
        <v>0</v>
      </c>
    </row>
    <row r="71427" spans="1:7" x14ac:dyDescent="0.3">
      <c r="A71427" s="13" t="s">
        <v>368</v>
      </c>
      <c r="B71427" s="14" t="s">
        <v>1</v>
      </c>
      <c r="C71427" s="14" t="s">
        <v>35</v>
      </c>
      <c r="D71427" s="14" t="s">
        <v>277</v>
      </c>
      <c r="E71427" s="15">
        <v>45628</v>
      </c>
      <c r="F71427" s="14" t="s">
        <v>25</v>
      </c>
      <c r="G71427" s="16">
        <v>0</v>
      </c>
    </row>
    <row r="71428" spans="1:7" x14ac:dyDescent="0.3">
      <c r="A71428" s="13" t="s">
        <v>368</v>
      </c>
      <c r="B71428" s="14" t="s">
        <v>1</v>
      </c>
      <c r="C71428" s="14" t="s">
        <v>35</v>
      </c>
      <c r="D71428" s="14" t="s">
        <v>277</v>
      </c>
      <c r="E71428" s="15">
        <v>45629</v>
      </c>
      <c r="F71428" s="14" t="s">
        <v>25</v>
      </c>
      <c r="G71428" s="16">
        <v>0</v>
      </c>
    </row>
    <row r="71429" spans="1:7" x14ac:dyDescent="0.3">
      <c r="A71429" s="13" t="s">
        <v>368</v>
      </c>
      <c r="B71429" s="14" t="s">
        <v>1</v>
      </c>
      <c r="C71429" s="14" t="s">
        <v>35</v>
      </c>
      <c r="D71429" s="14" t="s">
        <v>277</v>
      </c>
      <c r="E71429" s="15">
        <v>45630</v>
      </c>
      <c r="F71429" s="14" t="s">
        <v>25</v>
      </c>
      <c r="G71429" s="16">
        <v>0</v>
      </c>
    </row>
    <row r="71430" spans="1:7" x14ac:dyDescent="0.3">
      <c r="A71430" s="13" t="s">
        <v>368</v>
      </c>
      <c r="B71430" s="14" t="s">
        <v>1</v>
      </c>
      <c r="C71430" s="14" t="s">
        <v>35</v>
      </c>
      <c r="D71430" s="14" t="s">
        <v>277</v>
      </c>
      <c r="E71430" s="15">
        <v>45631</v>
      </c>
      <c r="F71430" s="14" t="s">
        <v>25</v>
      </c>
      <c r="G71430" s="16">
        <v>0</v>
      </c>
    </row>
    <row r="71431" spans="1:7" x14ac:dyDescent="0.3">
      <c r="A71431" s="13" t="s">
        <v>368</v>
      </c>
      <c r="B71431" s="14" t="s">
        <v>1</v>
      </c>
      <c r="C71431" s="14" t="s">
        <v>35</v>
      </c>
      <c r="D71431" s="14" t="s">
        <v>277</v>
      </c>
      <c r="E71431" s="15">
        <v>45632</v>
      </c>
      <c r="F71431" s="14" t="s">
        <v>25</v>
      </c>
      <c r="G71431" s="16">
        <v>0</v>
      </c>
    </row>
    <row r="71432" spans="1:7" x14ac:dyDescent="0.3">
      <c r="A71432" s="13" t="s">
        <v>368</v>
      </c>
      <c r="B71432" s="14" t="s">
        <v>1</v>
      </c>
      <c r="C71432" s="14" t="s">
        <v>35</v>
      </c>
      <c r="D71432" s="14" t="s">
        <v>277</v>
      </c>
      <c r="E71432" s="15">
        <v>45633</v>
      </c>
      <c r="F71432" s="14" t="s">
        <v>25</v>
      </c>
      <c r="G71432" s="16">
        <v>0</v>
      </c>
    </row>
    <row r="71433" spans="1:7" x14ac:dyDescent="0.3">
      <c r="A71433" s="13" t="s">
        <v>368</v>
      </c>
      <c r="B71433" s="14" t="s">
        <v>1</v>
      </c>
      <c r="C71433" s="14" t="s">
        <v>35</v>
      </c>
      <c r="D71433" s="14" t="s">
        <v>277</v>
      </c>
      <c r="E71433" s="15">
        <v>45634</v>
      </c>
      <c r="F71433" s="14" t="s">
        <v>25</v>
      </c>
      <c r="G71433" s="16">
        <v>0</v>
      </c>
    </row>
    <row r="71434" spans="1:7" x14ac:dyDescent="0.3">
      <c r="A71434" s="13" t="s">
        <v>368</v>
      </c>
      <c r="B71434" s="14" t="s">
        <v>1</v>
      </c>
      <c r="C71434" s="14" t="s">
        <v>35</v>
      </c>
      <c r="D71434" s="14" t="s">
        <v>277</v>
      </c>
      <c r="E71434" s="15">
        <v>45635</v>
      </c>
      <c r="F71434" s="14" t="s">
        <v>25</v>
      </c>
      <c r="G71434" s="16">
        <v>0</v>
      </c>
    </row>
    <row r="71435" spans="1:7" x14ac:dyDescent="0.3">
      <c r="A71435" s="13" t="s">
        <v>368</v>
      </c>
      <c r="B71435" s="14" t="s">
        <v>1</v>
      </c>
      <c r="C71435" s="14" t="s">
        <v>35</v>
      </c>
      <c r="D71435" s="14" t="s">
        <v>277</v>
      </c>
      <c r="E71435" s="15">
        <v>45636</v>
      </c>
      <c r="F71435" s="14" t="s">
        <v>25</v>
      </c>
      <c r="G71435" s="16">
        <v>0</v>
      </c>
    </row>
    <row r="71436" spans="1:7" x14ac:dyDescent="0.3">
      <c r="A71436" s="13" t="s">
        <v>368</v>
      </c>
      <c r="B71436" s="14" t="s">
        <v>1</v>
      </c>
      <c r="C71436" s="14" t="s">
        <v>35</v>
      </c>
      <c r="D71436" s="14" t="s">
        <v>277</v>
      </c>
      <c r="E71436" s="15">
        <v>45637</v>
      </c>
      <c r="F71436" s="14" t="s">
        <v>25</v>
      </c>
      <c r="G71436" s="16">
        <v>0</v>
      </c>
    </row>
    <row r="71437" spans="1:7" x14ac:dyDescent="0.3">
      <c r="A71437" s="13" t="s">
        <v>368</v>
      </c>
      <c r="B71437" s="14" t="s">
        <v>1</v>
      </c>
      <c r="C71437" s="14" t="s">
        <v>35</v>
      </c>
      <c r="D71437" s="14" t="s">
        <v>277</v>
      </c>
      <c r="E71437" s="15">
        <v>45638</v>
      </c>
      <c r="F71437" s="14" t="s">
        <v>25</v>
      </c>
      <c r="G71437" s="16">
        <v>0</v>
      </c>
    </row>
    <row r="71438" spans="1:7" x14ac:dyDescent="0.3">
      <c r="A71438" s="13" t="s">
        <v>368</v>
      </c>
      <c r="B71438" s="14" t="s">
        <v>1</v>
      </c>
      <c r="C71438" s="14" t="s">
        <v>35</v>
      </c>
      <c r="D71438" s="14" t="s">
        <v>277</v>
      </c>
      <c r="E71438" s="15">
        <v>45639</v>
      </c>
      <c r="F71438" s="14" t="s">
        <v>25</v>
      </c>
      <c r="G71438" s="16">
        <v>0</v>
      </c>
    </row>
    <row r="71439" spans="1:7" x14ac:dyDescent="0.3">
      <c r="A71439" s="13" t="s">
        <v>368</v>
      </c>
      <c r="B71439" s="14" t="s">
        <v>1</v>
      </c>
      <c r="C71439" s="14" t="s">
        <v>35</v>
      </c>
      <c r="D71439" s="14" t="s">
        <v>277</v>
      </c>
      <c r="E71439" s="15">
        <v>45640</v>
      </c>
      <c r="F71439" s="14" t="s">
        <v>25</v>
      </c>
      <c r="G71439" s="16">
        <v>0</v>
      </c>
    </row>
    <row r="71440" spans="1:7" x14ac:dyDescent="0.3">
      <c r="A71440" s="13" t="s">
        <v>368</v>
      </c>
      <c r="B71440" s="14" t="s">
        <v>1</v>
      </c>
      <c r="C71440" s="14" t="s">
        <v>35</v>
      </c>
      <c r="D71440" s="14" t="s">
        <v>277</v>
      </c>
      <c r="E71440" s="15">
        <v>45641</v>
      </c>
      <c r="F71440" s="14" t="s">
        <v>25</v>
      </c>
      <c r="G71440" s="16">
        <v>0</v>
      </c>
    </row>
    <row r="71441" spans="1:7" x14ac:dyDescent="0.3">
      <c r="A71441" s="13" t="s">
        <v>368</v>
      </c>
      <c r="B71441" s="14" t="s">
        <v>1</v>
      </c>
      <c r="C71441" s="14" t="s">
        <v>35</v>
      </c>
      <c r="D71441" s="14" t="s">
        <v>277</v>
      </c>
      <c r="E71441" s="15">
        <v>45642</v>
      </c>
      <c r="F71441" s="14" t="s">
        <v>25</v>
      </c>
      <c r="G71441" s="16">
        <v>0</v>
      </c>
    </row>
    <row r="71442" spans="1:7" x14ac:dyDescent="0.3">
      <c r="A71442" s="13" t="s">
        <v>368</v>
      </c>
      <c r="B71442" s="14" t="s">
        <v>1</v>
      </c>
      <c r="C71442" s="14" t="s">
        <v>35</v>
      </c>
      <c r="D71442" s="14" t="s">
        <v>277</v>
      </c>
      <c r="E71442" s="15">
        <v>45643</v>
      </c>
      <c r="F71442" s="14" t="s">
        <v>25</v>
      </c>
      <c r="G71442" s="16">
        <v>0</v>
      </c>
    </row>
    <row r="71443" spans="1:7" x14ac:dyDescent="0.3">
      <c r="A71443" s="13" t="s">
        <v>368</v>
      </c>
      <c r="B71443" s="14" t="s">
        <v>1</v>
      </c>
      <c r="C71443" s="14" t="s">
        <v>35</v>
      </c>
      <c r="D71443" s="14" t="s">
        <v>277</v>
      </c>
      <c r="E71443" s="15">
        <v>45644</v>
      </c>
      <c r="F71443" s="14" t="s">
        <v>25</v>
      </c>
      <c r="G71443" s="16">
        <v>0</v>
      </c>
    </row>
    <row r="71444" spans="1:7" x14ac:dyDescent="0.3">
      <c r="A71444" s="13" t="s">
        <v>368</v>
      </c>
      <c r="B71444" s="14" t="s">
        <v>1</v>
      </c>
      <c r="C71444" s="14" t="s">
        <v>35</v>
      </c>
      <c r="D71444" s="14" t="s">
        <v>277</v>
      </c>
      <c r="E71444" s="15">
        <v>45645</v>
      </c>
      <c r="F71444" s="14" t="s">
        <v>25</v>
      </c>
      <c r="G71444" s="16">
        <v>0</v>
      </c>
    </row>
    <row r="71445" spans="1:7" x14ac:dyDescent="0.3">
      <c r="A71445" s="13" t="s">
        <v>368</v>
      </c>
      <c r="B71445" s="14" t="s">
        <v>1</v>
      </c>
      <c r="C71445" s="14" t="s">
        <v>35</v>
      </c>
      <c r="D71445" s="14" t="s">
        <v>277</v>
      </c>
      <c r="E71445" s="15">
        <v>45646</v>
      </c>
      <c r="F71445" s="14" t="s">
        <v>25</v>
      </c>
      <c r="G71445" s="16">
        <v>0</v>
      </c>
    </row>
    <row r="71446" spans="1:7" x14ac:dyDescent="0.3">
      <c r="A71446" s="13" t="s">
        <v>368</v>
      </c>
      <c r="B71446" s="14" t="s">
        <v>1</v>
      </c>
      <c r="C71446" s="14" t="s">
        <v>35</v>
      </c>
      <c r="D71446" s="14" t="s">
        <v>277</v>
      </c>
      <c r="E71446" s="15">
        <v>45647</v>
      </c>
      <c r="F71446" s="14" t="s">
        <v>25</v>
      </c>
      <c r="G71446" s="16">
        <v>0</v>
      </c>
    </row>
    <row r="71447" spans="1:7" x14ac:dyDescent="0.3">
      <c r="A71447" s="13" t="s">
        <v>368</v>
      </c>
      <c r="B71447" s="14" t="s">
        <v>1</v>
      </c>
      <c r="C71447" s="14" t="s">
        <v>35</v>
      </c>
      <c r="D71447" s="14" t="s">
        <v>277</v>
      </c>
      <c r="E71447" s="15">
        <v>45648</v>
      </c>
      <c r="F71447" s="14" t="s">
        <v>25</v>
      </c>
      <c r="G71447" s="16">
        <v>0</v>
      </c>
    </row>
    <row r="71448" spans="1:7" x14ac:dyDescent="0.3">
      <c r="A71448" s="13" t="s">
        <v>368</v>
      </c>
      <c r="B71448" s="14" t="s">
        <v>1</v>
      </c>
      <c r="C71448" s="14" t="s">
        <v>35</v>
      </c>
      <c r="D71448" s="14" t="s">
        <v>277</v>
      </c>
      <c r="E71448" s="15">
        <v>45649</v>
      </c>
      <c r="F71448" s="14" t="s">
        <v>25</v>
      </c>
      <c r="G71448" s="16">
        <v>0</v>
      </c>
    </row>
    <row r="71449" spans="1:7" x14ac:dyDescent="0.3">
      <c r="A71449" s="13" t="s">
        <v>368</v>
      </c>
      <c r="B71449" s="14" t="s">
        <v>1</v>
      </c>
      <c r="C71449" s="14" t="s">
        <v>35</v>
      </c>
      <c r="D71449" s="14" t="s">
        <v>277</v>
      </c>
      <c r="E71449" s="15">
        <v>45650</v>
      </c>
      <c r="F71449" s="14" t="s">
        <v>25</v>
      </c>
      <c r="G71449" s="16">
        <v>0</v>
      </c>
    </row>
    <row r="71450" spans="1:7" x14ac:dyDescent="0.3">
      <c r="A71450" s="13" t="s">
        <v>368</v>
      </c>
      <c r="B71450" s="14" t="s">
        <v>1</v>
      </c>
      <c r="C71450" s="14" t="s">
        <v>35</v>
      </c>
      <c r="D71450" s="14" t="s">
        <v>277</v>
      </c>
      <c r="E71450" s="15">
        <v>45651</v>
      </c>
      <c r="F71450" s="14" t="s">
        <v>25</v>
      </c>
      <c r="G71450" s="16">
        <v>0</v>
      </c>
    </row>
    <row r="71451" spans="1:7" x14ac:dyDescent="0.3">
      <c r="A71451" s="13" t="s">
        <v>368</v>
      </c>
      <c r="B71451" s="14" t="s">
        <v>1</v>
      </c>
      <c r="C71451" s="14" t="s">
        <v>35</v>
      </c>
      <c r="D71451" s="14" t="s">
        <v>277</v>
      </c>
      <c r="E71451" s="15">
        <v>45652</v>
      </c>
      <c r="F71451" s="14" t="s">
        <v>25</v>
      </c>
      <c r="G71451" s="16">
        <v>0</v>
      </c>
    </row>
    <row r="71452" spans="1:7" x14ac:dyDescent="0.3">
      <c r="A71452" s="13" t="s">
        <v>368</v>
      </c>
      <c r="B71452" s="14" t="s">
        <v>1</v>
      </c>
      <c r="C71452" s="14" t="s">
        <v>35</v>
      </c>
      <c r="D71452" s="14" t="s">
        <v>277</v>
      </c>
      <c r="E71452" s="15">
        <v>45653</v>
      </c>
      <c r="F71452" s="14" t="s">
        <v>25</v>
      </c>
      <c r="G71452" s="16">
        <v>0</v>
      </c>
    </row>
    <row r="71453" spans="1:7" x14ac:dyDescent="0.3">
      <c r="A71453" s="13" t="s">
        <v>368</v>
      </c>
      <c r="B71453" s="14" t="s">
        <v>1</v>
      </c>
      <c r="C71453" s="14" t="s">
        <v>35</v>
      </c>
      <c r="D71453" s="14" t="s">
        <v>277</v>
      </c>
      <c r="E71453" s="15">
        <v>45654</v>
      </c>
      <c r="F71453" s="14" t="s">
        <v>25</v>
      </c>
      <c r="G71453" s="16">
        <v>0</v>
      </c>
    </row>
    <row r="71454" spans="1:7" x14ac:dyDescent="0.3">
      <c r="A71454" s="13" t="s">
        <v>368</v>
      </c>
      <c r="B71454" s="14" t="s">
        <v>1</v>
      </c>
      <c r="C71454" s="14" t="s">
        <v>35</v>
      </c>
      <c r="D71454" s="14" t="s">
        <v>277</v>
      </c>
      <c r="E71454" s="15">
        <v>45655</v>
      </c>
      <c r="F71454" s="14" t="s">
        <v>25</v>
      </c>
      <c r="G71454" s="16">
        <v>0</v>
      </c>
    </row>
    <row r="71455" spans="1:7" x14ac:dyDescent="0.3">
      <c r="A71455" s="13" t="s">
        <v>368</v>
      </c>
      <c r="B71455" s="14" t="s">
        <v>1</v>
      </c>
      <c r="C71455" s="14" t="s">
        <v>35</v>
      </c>
      <c r="D71455" s="14" t="s">
        <v>277</v>
      </c>
      <c r="E71455" s="15">
        <v>45656</v>
      </c>
      <c r="F71455" s="14" t="s">
        <v>25</v>
      </c>
      <c r="G71455" s="16">
        <v>0</v>
      </c>
    </row>
    <row r="71456" spans="1:7" x14ac:dyDescent="0.3">
      <c r="A71456" s="13" t="s">
        <v>368</v>
      </c>
      <c r="B71456" s="14" t="s">
        <v>1</v>
      </c>
      <c r="C71456" s="14" t="s">
        <v>35</v>
      </c>
      <c r="D71456" s="14" t="s">
        <v>277</v>
      </c>
      <c r="E71456" s="15">
        <v>45657</v>
      </c>
      <c r="F71456" s="14" t="s">
        <v>25</v>
      </c>
      <c r="G71456" s="16">
        <v>0</v>
      </c>
    </row>
    <row r="71457" spans="1:7" x14ac:dyDescent="0.3">
      <c r="A71457" s="13" t="s">
        <v>368</v>
      </c>
      <c r="B71457" s="14" t="s">
        <v>1</v>
      </c>
      <c r="C71457" s="14" t="s">
        <v>35</v>
      </c>
      <c r="D71457" s="14" t="s">
        <v>277</v>
      </c>
      <c r="E71457" s="15">
        <v>45658</v>
      </c>
      <c r="F71457" s="14" t="s">
        <v>25</v>
      </c>
      <c r="G71457" s="16">
        <v>0</v>
      </c>
    </row>
    <row r="71458" spans="1:7" x14ac:dyDescent="0.3">
      <c r="A71458" s="13" t="s">
        <v>368</v>
      </c>
      <c r="B71458" s="14" t="s">
        <v>1</v>
      </c>
      <c r="C71458" s="14" t="s">
        <v>35</v>
      </c>
      <c r="D71458" s="14" t="s">
        <v>277</v>
      </c>
      <c r="E71458" s="15">
        <v>45659</v>
      </c>
      <c r="F71458" s="14" t="s">
        <v>25</v>
      </c>
      <c r="G71458" s="16">
        <v>0</v>
      </c>
    </row>
    <row r="71459" spans="1:7" x14ac:dyDescent="0.3">
      <c r="A71459" s="13" t="s">
        <v>368</v>
      </c>
      <c r="B71459" s="14" t="s">
        <v>1</v>
      </c>
      <c r="C71459" s="14" t="s">
        <v>35</v>
      </c>
      <c r="D71459" s="14" t="s">
        <v>277</v>
      </c>
      <c r="E71459" s="15">
        <v>45660</v>
      </c>
      <c r="F71459" s="14" t="s">
        <v>25</v>
      </c>
      <c r="G71459" s="16">
        <v>0</v>
      </c>
    </row>
    <row r="71460" spans="1:7" x14ac:dyDescent="0.3">
      <c r="A71460" s="13" t="s">
        <v>368</v>
      </c>
      <c r="B71460" s="14" t="s">
        <v>1</v>
      </c>
      <c r="C71460" s="14" t="s">
        <v>35</v>
      </c>
      <c r="D71460" s="14" t="s">
        <v>277</v>
      </c>
      <c r="E71460" s="15">
        <v>45661</v>
      </c>
      <c r="F71460" s="14" t="s">
        <v>25</v>
      </c>
      <c r="G71460" s="16">
        <v>0</v>
      </c>
    </row>
    <row r="71461" spans="1:7" x14ac:dyDescent="0.3">
      <c r="A71461" s="13" t="s">
        <v>368</v>
      </c>
      <c r="B71461" s="14" t="s">
        <v>1</v>
      </c>
      <c r="C71461" s="14" t="s">
        <v>35</v>
      </c>
      <c r="D71461" s="14" t="s">
        <v>277</v>
      </c>
      <c r="E71461" s="15">
        <v>45662</v>
      </c>
      <c r="F71461" s="14" t="s">
        <v>25</v>
      </c>
      <c r="G71461" s="16">
        <v>0</v>
      </c>
    </row>
    <row r="71462" spans="1:7" x14ac:dyDescent="0.3">
      <c r="A71462" s="13" t="s">
        <v>368</v>
      </c>
      <c r="B71462" s="14" t="s">
        <v>1</v>
      </c>
      <c r="C71462" s="14" t="s">
        <v>35</v>
      </c>
      <c r="D71462" s="14" t="s">
        <v>277</v>
      </c>
      <c r="E71462" s="15">
        <v>45663</v>
      </c>
      <c r="F71462" s="14" t="s">
        <v>25</v>
      </c>
      <c r="G71462" s="16">
        <v>0</v>
      </c>
    </row>
    <row r="71463" spans="1:7" x14ac:dyDescent="0.3">
      <c r="A71463" s="13" t="s">
        <v>368</v>
      </c>
      <c r="B71463" s="14" t="s">
        <v>1</v>
      </c>
      <c r="C71463" s="14" t="s">
        <v>35</v>
      </c>
      <c r="D71463" s="14" t="s">
        <v>277</v>
      </c>
      <c r="E71463" s="15">
        <v>45664</v>
      </c>
      <c r="F71463" s="14" t="s">
        <v>25</v>
      </c>
      <c r="G71463" s="16">
        <v>0</v>
      </c>
    </row>
    <row r="71464" spans="1:7" x14ac:dyDescent="0.3">
      <c r="A71464" s="13" t="s">
        <v>368</v>
      </c>
      <c r="B71464" s="14" t="s">
        <v>1</v>
      </c>
      <c r="C71464" s="14" t="s">
        <v>35</v>
      </c>
      <c r="D71464" s="14" t="s">
        <v>277</v>
      </c>
      <c r="E71464" s="15">
        <v>45665</v>
      </c>
      <c r="F71464" s="14" t="s">
        <v>25</v>
      </c>
      <c r="G71464" s="16">
        <v>0</v>
      </c>
    </row>
    <row r="71465" spans="1:7" x14ac:dyDescent="0.3">
      <c r="A71465" s="13" t="s">
        <v>368</v>
      </c>
      <c r="B71465" s="14" t="s">
        <v>1</v>
      </c>
      <c r="C71465" s="14" t="s">
        <v>35</v>
      </c>
      <c r="D71465" s="14" t="s">
        <v>277</v>
      </c>
      <c r="E71465" s="15">
        <v>45666</v>
      </c>
      <c r="F71465" s="14" t="s">
        <v>25</v>
      </c>
      <c r="G71465" s="16">
        <v>0</v>
      </c>
    </row>
    <row r="71466" spans="1:7" x14ac:dyDescent="0.3">
      <c r="A71466" s="13" t="s">
        <v>368</v>
      </c>
      <c r="B71466" s="14" t="s">
        <v>1</v>
      </c>
      <c r="C71466" s="14" t="s">
        <v>35</v>
      </c>
      <c r="D71466" s="14" t="s">
        <v>277</v>
      </c>
      <c r="E71466" s="15">
        <v>45667</v>
      </c>
      <c r="F71466" s="14" t="s">
        <v>25</v>
      </c>
      <c r="G71466" s="16">
        <v>0</v>
      </c>
    </row>
    <row r="71467" spans="1:7" x14ac:dyDescent="0.3">
      <c r="A71467" s="13" t="s">
        <v>368</v>
      </c>
      <c r="B71467" s="14" t="s">
        <v>1</v>
      </c>
      <c r="C71467" s="14" t="s">
        <v>35</v>
      </c>
      <c r="D71467" s="14" t="s">
        <v>277</v>
      </c>
      <c r="E71467" s="15">
        <v>45668</v>
      </c>
      <c r="F71467" s="14" t="s">
        <v>25</v>
      </c>
      <c r="G71467" s="16">
        <v>0</v>
      </c>
    </row>
    <row r="71468" spans="1:7" x14ac:dyDescent="0.3">
      <c r="A71468" s="13" t="s">
        <v>368</v>
      </c>
      <c r="B71468" s="14" t="s">
        <v>1</v>
      </c>
      <c r="C71468" s="14" t="s">
        <v>35</v>
      </c>
      <c r="D71468" s="14" t="s">
        <v>277</v>
      </c>
      <c r="E71468" s="15">
        <v>45669</v>
      </c>
      <c r="F71468" s="14" t="s">
        <v>25</v>
      </c>
      <c r="G71468" s="16">
        <v>0</v>
      </c>
    </row>
    <row r="71469" spans="1:7" x14ac:dyDescent="0.3">
      <c r="A71469" s="13" t="s">
        <v>368</v>
      </c>
      <c r="B71469" s="14" t="s">
        <v>1</v>
      </c>
      <c r="C71469" s="14" t="s">
        <v>35</v>
      </c>
      <c r="D71469" s="14" t="s">
        <v>277</v>
      </c>
      <c r="E71469" s="15">
        <v>45670</v>
      </c>
      <c r="F71469" s="14" t="s">
        <v>25</v>
      </c>
      <c r="G71469" s="16">
        <v>0</v>
      </c>
    </row>
    <row r="71470" spans="1:7" x14ac:dyDescent="0.3">
      <c r="A71470" s="13" t="s">
        <v>368</v>
      </c>
      <c r="B71470" s="14" t="s">
        <v>1</v>
      </c>
      <c r="C71470" s="14" t="s">
        <v>35</v>
      </c>
      <c r="D71470" s="14" t="s">
        <v>277</v>
      </c>
      <c r="E71470" s="15">
        <v>45671</v>
      </c>
      <c r="F71470" s="14" t="s">
        <v>25</v>
      </c>
      <c r="G71470" s="16">
        <v>0</v>
      </c>
    </row>
    <row r="71471" spans="1:7" x14ac:dyDescent="0.3">
      <c r="A71471" s="13" t="s">
        <v>368</v>
      </c>
      <c r="B71471" s="14" t="s">
        <v>1</v>
      </c>
      <c r="C71471" s="14" t="s">
        <v>35</v>
      </c>
      <c r="D71471" s="14" t="s">
        <v>277</v>
      </c>
      <c r="E71471" s="15">
        <v>45672</v>
      </c>
      <c r="F71471" s="14" t="s">
        <v>25</v>
      </c>
      <c r="G71471" s="16">
        <v>0</v>
      </c>
    </row>
    <row r="71472" spans="1:7" x14ac:dyDescent="0.3">
      <c r="A71472" s="13" t="s">
        <v>368</v>
      </c>
      <c r="B71472" s="14" t="s">
        <v>1</v>
      </c>
      <c r="C71472" s="14" t="s">
        <v>35</v>
      </c>
      <c r="D71472" s="14" t="s">
        <v>277</v>
      </c>
      <c r="E71472" s="15">
        <v>45673</v>
      </c>
      <c r="F71472" s="14" t="s">
        <v>25</v>
      </c>
      <c r="G71472" s="16">
        <v>0</v>
      </c>
    </row>
    <row r="71473" spans="1:7" x14ac:dyDescent="0.3">
      <c r="A71473" s="13" t="s">
        <v>368</v>
      </c>
      <c r="B71473" s="14" t="s">
        <v>1</v>
      </c>
      <c r="C71473" s="14" t="s">
        <v>35</v>
      </c>
      <c r="D71473" s="14" t="s">
        <v>277</v>
      </c>
      <c r="E71473" s="15">
        <v>45674</v>
      </c>
      <c r="F71473" s="14" t="s">
        <v>25</v>
      </c>
      <c r="G71473" s="16">
        <v>0</v>
      </c>
    </row>
    <row r="71474" spans="1:7" x14ac:dyDescent="0.3">
      <c r="A71474" s="13" t="s">
        <v>368</v>
      </c>
      <c r="B71474" s="14" t="s">
        <v>1</v>
      </c>
      <c r="C71474" s="14" t="s">
        <v>35</v>
      </c>
      <c r="D71474" s="14" t="s">
        <v>277</v>
      </c>
      <c r="E71474" s="15">
        <v>45675</v>
      </c>
      <c r="F71474" s="14" t="s">
        <v>25</v>
      </c>
      <c r="G71474" s="16">
        <v>0</v>
      </c>
    </row>
    <row r="71475" spans="1:7" x14ac:dyDescent="0.3">
      <c r="A71475" s="13" t="s">
        <v>368</v>
      </c>
      <c r="B71475" s="14" t="s">
        <v>1</v>
      </c>
      <c r="C71475" s="14" t="s">
        <v>35</v>
      </c>
      <c r="D71475" s="14" t="s">
        <v>277</v>
      </c>
      <c r="E71475" s="15">
        <v>45676</v>
      </c>
      <c r="F71475" s="14" t="s">
        <v>25</v>
      </c>
      <c r="G71475" s="16">
        <v>0</v>
      </c>
    </row>
    <row r="71476" spans="1:7" x14ac:dyDescent="0.3">
      <c r="A71476" s="13" t="s">
        <v>368</v>
      </c>
      <c r="B71476" s="14" t="s">
        <v>1</v>
      </c>
      <c r="C71476" s="14" t="s">
        <v>35</v>
      </c>
      <c r="D71476" s="14" t="s">
        <v>277</v>
      </c>
      <c r="E71476" s="15">
        <v>45677</v>
      </c>
      <c r="F71476" s="14" t="s">
        <v>25</v>
      </c>
      <c r="G71476" s="16">
        <v>0</v>
      </c>
    </row>
    <row r="71477" spans="1:7" x14ac:dyDescent="0.3">
      <c r="A71477" s="13" t="s">
        <v>368</v>
      </c>
      <c r="B71477" s="14" t="s">
        <v>1</v>
      </c>
      <c r="C71477" s="14" t="s">
        <v>35</v>
      </c>
      <c r="D71477" s="14" t="s">
        <v>277</v>
      </c>
      <c r="E71477" s="15">
        <v>45678</v>
      </c>
      <c r="F71477" s="14" t="s">
        <v>25</v>
      </c>
      <c r="G71477" s="16">
        <v>0</v>
      </c>
    </row>
    <row r="71478" spans="1:7" x14ac:dyDescent="0.3">
      <c r="A71478" s="13" t="s">
        <v>368</v>
      </c>
      <c r="B71478" s="14" t="s">
        <v>1</v>
      </c>
      <c r="C71478" s="14" t="s">
        <v>35</v>
      </c>
      <c r="D71478" s="14" t="s">
        <v>277</v>
      </c>
      <c r="E71478" s="15">
        <v>45679</v>
      </c>
      <c r="F71478" s="14" t="s">
        <v>25</v>
      </c>
      <c r="G71478" s="16">
        <v>0</v>
      </c>
    </row>
    <row r="71479" spans="1:7" x14ac:dyDescent="0.3">
      <c r="A71479" s="13" t="s">
        <v>368</v>
      </c>
      <c r="B71479" s="14" t="s">
        <v>1</v>
      </c>
      <c r="C71479" s="14" t="s">
        <v>35</v>
      </c>
      <c r="D71479" s="14" t="s">
        <v>277</v>
      </c>
      <c r="E71479" s="15">
        <v>45680</v>
      </c>
      <c r="F71479" s="14" t="s">
        <v>25</v>
      </c>
      <c r="G71479" s="16">
        <v>0</v>
      </c>
    </row>
    <row r="71480" spans="1:7" x14ac:dyDescent="0.3">
      <c r="A71480" s="13" t="s">
        <v>368</v>
      </c>
      <c r="B71480" s="14" t="s">
        <v>1</v>
      </c>
      <c r="C71480" s="14" t="s">
        <v>35</v>
      </c>
      <c r="D71480" s="14" t="s">
        <v>277</v>
      </c>
      <c r="E71480" s="15">
        <v>45681</v>
      </c>
      <c r="F71480" s="14" t="s">
        <v>25</v>
      </c>
      <c r="G71480" s="16">
        <v>0</v>
      </c>
    </row>
    <row r="71481" spans="1:7" x14ac:dyDescent="0.3">
      <c r="A71481" s="13" t="s">
        <v>368</v>
      </c>
      <c r="B71481" s="14" t="s">
        <v>1</v>
      </c>
      <c r="C71481" s="14" t="s">
        <v>35</v>
      </c>
      <c r="D71481" s="14" t="s">
        <v>277</v>
      </c>
      <c r="E71481" s="15">
        <v>45682</v>
      </c>
      <c r="F71481" s="14" t="s">
        <v>25</v>
      </c>
      <c r="G71481" s="16">
        <v>0</v>
      </c>
    </row>
    <row r="71482" spans="1:7" x14ac:dyDescent="0.3">
      <c r="A71482" s="13" t="s">
        <v>368</v>
      </c>
      <c r="B71482" s="14" t="s">
        <v>1</v>
      </c>
      <c r="C71482" s="14" t="s">
        <v>35</v>
      </c>
      <c r="D71482" s="14" t="s">
        <v>277</v>
      </c>
      <c r="E71482" s="15">
        <v>45683</v>
      </c>
      <c r="F71482" s="14" t="s">
        <v>25</v>
      </c>
      <c r="G71482" s="16">
        <v>0</v>
      </c>
    </row>
    <row r="71483" spans="1:7" x14ac:dyDescent="0.3">
      <c r="A71483" s="13" t="s">
        <v>368</v>
      </c>
      <c r="B71483" s="14" t="s">
        <v>1</v>
      </c>
      <c r="C71483" s="14" t="s">
        <v>35</v>
      </c>
      <c r="D71483" s="14" t="s">
        <v>277</v>
      </c>
      <c r="E71483" s="15">
        <v>45684</v>
      </c>
      <c r="F71483" s="14" t="s">
        <v>25</v>
      </c>
      <c r="G71483" s="16">
        <v>0</v>
      </c>
    </row>
    <row r="71484" spans="1:7" x14ac:dyDescent="0.3">
      <c r="A71484" s="13" t="s">
        <v>368</v>
      </c>
      <c r="B71484" s="14" t="s">
        <v>1</v>
      </c>
      <c r="C71484" s="14" t="s">
        <v>35</v>
      </c>
      <c r="D71484" s="14" t="s">
        <v>277</v>
      </c>
      <c r="E71484" s="15">
        <v>45685</v>
      </c>
      <c r="F71484" s="14" t="s">
        <v>25</v>
      </c>
      <c r="G71484" s="16">
        <v>0</v>
      </c>
    </row>
    <row r="71485" spans="1:7" x14ac:dyDescent="0.3">
      <c r="A71485" s="13" t="s">
        <v>368</v>
      </c>
      <c r="B71485" s="14" t="s">
        <v>1</v>
      </c>
      <c r="C71485" s="14" t="s">
        <v>35</v>
      </c>
      <c r="D71485" s="14" t="s">
        <v>277</v>
      </c>
      <c r="E71485" s="15">
        <v>45686</v>
      </c>
      <c r="F71485" s="14" t="s">
        <v>25</v>
      </c>
      <c r="G71485" s="16">
        <v>0</v>
      </c>
    </row>
    <row r="71486" spans="1:7" x14ac:dyDescent="0.3">
      <c r="A71486" s="13" t="s">
        <v>368</v>
      </c>
      <c r="B71486" s="14" t="s">
        <v>1</v>
      </c>
      <c r="C71486" s="14" t="s">
        <v>35</v>
      </c>
      <c r="D71486" s="14" t="s">
        <v>277</v>
      </c>
      <c r="E71486" s="15">
        <v>45687</v>
      </c>
      <c r="F71486" s="14" t="s">
        <v>25</v>
      </c>
      <c r="G71486" s="16">
        <v>0</v>
      </c>
    </row>
    <row r="71487" spans="1:7" x14ac:dyDescent="0.3">
      <c r="A71487" s="13" t="s">
        <v>368</v>
      </c>
      <c r="B71487" s="14" t="s">
        <v>1</v>
      </c>
      <c r="C71487" s="14" t="s">
        <v>35</v>
      </c>
      <c r="D71487" s="14" t="s">
        <v>277</v>
      </c>
      <c r="E71487" s="15">
        <v>45688</v>
      </c>
      <c r="F71487" s="14" t="s">
        <v>25</v>
      </c>
      <c r="G71487" s="16">
        <v>0</v>
      </c>
    </row>
    <row r="71488" spans="1:7" x14ac:dyDescent="0.3">
      <c r="A71488" s="13" t="s">
        <v>368</v>
      </c>
      <c r="B71488" s="14" t="s">
        <v>1</v>
      </c>
      <c r="C71488" s="14" t="s">
        <v>35</v>
      </c>
      <c r="D71488" s="14" t="s">
        <v>277</v>
      </c>
      <c r="E71488" s="15">
        <v>45689</v>
      </c>
      <c r="F71488" s="14" t="s">
        <v>25</v>
      </c>
      <c r="G71488" s="16">
        <v>0</v>
      </c>
    </row>
    <row r="71489" spans="1:7" x14ac:dyDescent="0.3">
      <c r="A71489" s="13" t="s">
        <v>368</v>
      </c>
      <c r="B71489" s="14" t="s">
        <v>1</v>
      </c>
      <c r="C71489" s="14" t="s">
        <v>35</v>
      </c>
      <c r="D71489" s="14" t="s">
        <v>277</v>
      </c>
      <c r="E71489" s="15">
        <v>45690</v>
      </c>
      <c r="F71489" s="14" t="s">
        <v>25</v>
      </c>
      <c r="G71489" s="16">
        <v>0</v>
      </c>
    </row>
    <row r="71490" spans="1:7" x14ac:dyDescent="0.3">
      <c r="A71490" s="13" t="s">
        <v>368</v>
      </c>
      <c r="B71490" s="14" t="s">
        <v>1</v>
      </c>
      <c r="C71490" s="14" t="s">
        <v>35</v>
      </c>
      <c r="D71490" s="14" t="s">
        <v>277</v>
      </c>
      <c r="E71490" s="15">
        <v>45691</v>
      </c>
      <c r="F71490" s="14" t="s">
        <v>25</v>
      </c>
      <c r="G71490" s="16">
        <v>0</v>
      </c>
    </row>
    <row r="71491" spans="1:7" x14ac:dyDescent="0.3">
      <c r="A71491" s="13" t="s">
        <v>368</v>
      </c>
      <c r="B71491" s="14" t="s">
        <v>1</v>
      </c>
      <c r="C71491" s="14" t="s">
        <v>35</v>
      </c>
      <c r="D71491" s="14" t="s">
        <v>277</v>
      </c>
      <c r="E71491" s="15">
        <v>45692</v>
      </c>
      <c r="F71491" s="14" t="s">
        <v>25</v>
      </c>
      <c r="G71491" s="16">
        <v>0</v>
      </c>
    </row>
    <row r="71492" spans="1:7" x14ac:dyDescent="0.3">
      <c r="A71492" s="13" t="s">
        <v>368</v>
      </c>
      <c r="B71492" s="14" t="s">
        <v>1</v>
      </c>
      <c r="C71492" s="14" t="s">
        <v>35</v>
      </c>
      <c r="D71492" s="14" t="s">
        <v>277</v>
      </c>
      <c r="E71492" s="15">
        <v>45693</v>
      </c>
      <c r="F71492" s="14" t="s">
        <v>25</v>
      </c>
      <c r="G71492" s="16">
        <v>0</v>
      </c>
    </row>
    <row r="71493" spans="1:7" x14ac:dyDescent="0.3">
      <c r="A71493" s="13" t="s">
        <v>368</v>
      </c>
      <c r="B71493" s="14" t="s">
        <v>1</v>
      </c>
      <c r="C71493" s="14" t="s">
        <v>35</v>
      </c>
      <c r="D71493" s="14" t="s">
        <v>277</v>
      </c>
      <c r="E71493" s="15">
        <v>45694</v>
      </c>
      <c r="F71493" s="14" t="s">
        <v>25</v>
      </c>
      <c r="G71493" s="16">
        <v>0</v>
      </c>
    </row>
    <row r="71494" spans="1:7" x14ac:dyDescent="0.3">
      <c r="A71494" s="13" t="s">
        <v>368</v>
      </c>
      <c r="B71494" s="14" t="s">
        <v>1</v>
      </c>
      <c r="C71494" s="14" t="s">
        <v>35</v>
      </c>
      <c r="D71494" s="14" t="s">
        <v>277</v>
      </c>
      <c r="E71494" s="15">
        <v>45695</v>
      </c>
      <c r="F71494" s="14" t="s">
        <v>25</v>
      </c>
      <c r="G71494" s="16">
        <v>0</v>
      </c>
    </row>
    <row r="71495" spans="1:7" x14ac:dyDescent="0.3">
      <c r="A71495" s="13" t="s">
        <v>368</v>
      </c>
      <c r="B71495" s="14" t="s">
        <v>1</v>
      </c>
      <c r="C71495" s="14" t="s">
        <v>35</v>
      </c>
      <c r="D71495" s="14" t="s">
        <v>277</v>
      </c>
      <c r="E71495" s="15">
        <v>45696</v>
      </c>
      <c r="F71495" s="14" t="s">
        <v>25</v>
      </c>
      <c r="G71495" s="16">
        <v>0</v>
      </c>
    </row>
    <row r="71496" spans="1:7" x14ac:dyDescent="0.3">
      <c r="A71496" s="13" t="s">
        <v>368</v>
      </c>
      <c r="B71496" s="14" t="s">
        <v>1</v>
      </c>
      <c r="C71496" s="14" t="s">
        <v>35</v>
      </c>
      <c r="D71496" s="14" t="s">
        <v>277</v>
      </c>
      <c r="E71496" s="15">
        <v>45697</v>
      </c>
      <c r="F71496" s="14" t="s">
        <v>25</v>
      </c>
      <c r="G71496" s="16">
        <v>0</v>
      </c>
    </row>
    <row r="71497" spans="1:7" x14ac:dyDescent="0.3">
      <c r="A71497" s="13" t="s">
        <v>368</v>
      </c>
      <c r="B71497" s="14" t="s">
        <v>1</v>
      </c>
      <c r="C71497" s="14" t="s">
        <v>35</v>
      </c>
      <c r="D71497" s="14" t="s">
        <v>277</v>
      </c>
      <c r="E71497" s="15">
        <v>45698</v>
      </c>
      <c r="F71497" s="14" t="s">
        <v>25</v>
      </c>
      <c r="G71497" s="16">
        <v>0</v>
      </c>
    </row>
    <row r="71498" spans="1:7" x14ac:dyDescent="0.3">
      <c r="A71498" s="13" t="s">
        <v>368</v>
      </c>
      <c r="B71498" s="14" t="s">
        <v>1</v>
      </c>
      <c r="C71498" s="14" t="s">
        <v>35</v>
      </c>
      <c r="D71498" s="14" t="s">
        <v>277</v>
      </c>
      <c r="E71498" s="15">
        <v>45699</v>
      </c>
      <c r="F71498" s="14" t="s">
        <v>25</v>
      </c>
      <c r="G71498" s="16">
        <v>0</v>
      </c>
    </row>
    <row r="71499" spans="1:7" x14ac:dyDescent="0.3">
      <c r="A71499" s="13" t="s">
        <v>368</v>
      </c>
      <c r="B71499" s="14" t="s">
        <v>1</v>
      </c>
      <c r="C71499" s="14" t="s">
        <v>35</v>
      </c>
      <c r="D71499" s="14" t="s">
        <v>277</v>
      </c>
      <c r="E71499" s="15">
        <v>45700</v>
      </c>
      <c r="F71499" s="14" t="s">
        <v>25</v>
      </c>
      <c r="G71499" s="16">
        <v>0</v>
      </c>
    </row>
    <row r="71500" spans="1:7" x14ac:dyDescent="0.3">
      <c r="A71500" s="13" t="s">
        <v>368</v>
      </c>
      <c r="B71500" s="14" t="s">
        <v>1</v>
      </c>
      <c r="C71500" s="14" t="s">
        <v>35</v>
      </c>
      <c r="D71500" s="14" t="s">
        <v>277</v>
      </c>
      <c r="E71500" s="15">
        <v>45701</v>
      </c>
      <c r="F71500" s="14" t="s">
        <v>25</v>
      </c>
      <c r="G71500" s="16">
        <v>0</v>
      </c>
    </row>
    <row r="71501" spans="1:7" x14ac:dyDescent="0.3">
      <c r="A71501" s="13" t="s">
        <v>368</v>
      </c>
      <c r="B71501" s="14" t="s">
        <v>1</v>
      </c>
      <c r="C71501" s="14" t="s">
        <v>35</v>
      </c>
      <c r="D71501" s="14" t="s">
        <v>277</v>
      </c>
      <c r="E71501" s="15">
        <v>45702</v>
      </c>
      <c r="F71501" s="14" t="s">
        <v>25</v>
      </c>
      <c r="G71501" s="16">
        <v>0</v>
      </c>
    </row>
    <row r="71502" spans="1:7" x14ac:dyDescent="0.3">
      <c r="A71502" s="13" t="s">
        <v>368</v>
      </c>
      <c r="B71502" s="14" t="s">
        <v>1</v>
      </c>
      <c r="C71502" s="14" t="s">
        <v>35</v>
      </c>
      <c r="D71502" s="14" t="s">
        <v>277</v>
      </c>
      <c r="E71502" s="15">
        <v>45703</v>
      </c>
      <c r="F71502" s="14" t="s">
        <v>25</v>
      </c>
      <c r="G71502" s="16">
        <v>0</v>
      </c>
    </row>
    <row r="71503" spans="1:7" x14ac:dyDescent="0.3">
      <c r="A71503" s="13" t="s">
        <v>368</v>
      </c>
      <c r="B71503" s="14" t="s">
        <v>1</v>
      </c>
      <c r="C71503" s="14" t="s">
        <v>35</v>
      </c>
      <c r="D71503" s="14" t="s">
        <v>277</v>
      </c>
      <c r="E71503" s="15">
        <v>45704</v>
      </c>
      <c r="F71503" s="14" t="s">
        <v>25</v>
      </c>
      <c r="G71503" s="16">
        <v>0</v>
      </c>
    </row>
    <row r="71504" spans="1:7" x14ac:dyDescent="0.3">
      <c r="A71504" s="13" t="s">
        <v>368</v>
      </c>
      <c r="B71504" s="14" t="s">
        <v>1</v>
      </c>
      <c r="C71504" s="14" t="s">
        <v>35</v>
      </c>
      <c r="D71504" s="14" t="s">
        <v>277</v>
      </c>
      <c r="E71504" s="15">
        <v>45705</v>
      </c>
      <c r="F71504" s="14" t="s">
        <v>25</v>
      </c>
      <c r="G71504" s="16">
        <v>0</v>
      </c>
    </row>
    <row r="71505" spans="1:7" x14ac:dyDescent="0.3">
      <c r="A71505" s="13" t="s">
        <v>368</v>
      </c>
      <c r="B71505" s="14" t="s">
        <v>1</v>
      </c>
      <c r="C71505" s="14" t="s">
        <v>35</v>
      </c>
      <c r="D71505" s="14" t="s">
        <v>277</v>
      </c>
      <c r="E71505" s="15">
        <v>45706</v>
      </c>
      <c r="F71505" s="14" t="s">
        <v>25</v>
      </c>
      <c r="G71505" s="16">
        <v>0</v>
      </c>
    </row>
    <row r="71506" spans="1:7" x14ac:dyDescent="0.3">
      <c r="A71506" s="13" t="s">
        <v>368</v>
      </c>
      <c r="B71506" s="14" t="s">
        <v>1</v>
      </c>
      <c r="C71506" s="14" t="s">
        <v>35</v>
      </c>
      <c r="D71506" s="14" t="s">
        <v>277</v>
      </c>
      <c r="E71506" s="15">
        <v>45707</v>
      </c>
      <c r="F71506" s="14" t="s">
        <v>25</v>
      </c>
      <c r="G71506" s="16">
        <v>0</v>
      </c>
    </row>
    <row r="71507" spans="1:7" x14ac:dyDescent="0.3">
      <c r="A71507" s="13" t="s">
        <v>368</v>
      </c>
      <c r="B71507" s="14" t="s">
        <v>1</v>
      </c>
      <c r="C71507" s="14" t="s">
        <v>35</v>
      </c>
      <c r="D71507" s="14" t="s">
        <v>277</v>
      </c>
      <c r="E71507" s="15">
        <v>45708</v>
      </c>
      <c r="F71507" s="14" t="s">
        <v>25</v>
      </c>
      <c r="G71507" s="16">
        <v>0</v>
      </c>
    </row>
    <row r="71508" spans="1:7" x14ac:dyDescent="0.3">
      <c r="A71508" s="13" t="s">
        <v>368</v>
      </c>
      <c r="B71508" s="14" t="s">
        <v>1</v>
      </c>
      <c r="C71508" s="14" t="s">
        <v>35</v>
      </c>
      <c r="D71508" s="14" t="s">
        <v>277</v>
      </c>
      <c r="E71508" s="15">
        <v>45709</v>
      </c>
      <c r="F71508" s="14" t="s">
        <v>25</v>
      </c>
      <c r="G71508" s="16">
        <v>0</v>
      </c>
    </row>
    <row r="71509" spans="1:7" x14ac:dyDescent="0.3">
      <c r="A71509" s="13" t="s">
        <v>368</v>
      </c>
      <c r="B71509" s="14" t="s">
        <v>1</v>
      </c>
      <c r="C71509" s="14" t="s">
        <v>35</v>
      </c>
      <c r="D71509" s="14" t="s">
        <v>277</v>
      </c>
      <c r="E71509" s="15">
        <v>45710</v>
      </c>
      <c r="F71509" s="14" t="s">
        <v>25</v>
      </c>
      <c r="G71509" s="16">
        <v>0</v>
      </c>
    </row>
    <row r="71510" spans="1:7" x14ac:dyDescent="0.3">
      <c r="A71510" s="13" t="s">
        <v>368</v>
      </c>
      <c r="B71510" s="14" t="s">
        <v>1</v>
      </c>
      <c r="C71510" s="14" t="s">
        <v>35</v>
      </c>
      <c r="D71510" s="14" t="s">
        <v>277</v>
      </c>
      <c r="E71510" s="15">
        <v>45711</v>
      </c>
      <c r="F71510" s="14" t="s">
        <v>25</v>
      </c>
      <c r="G71510" s="16">
        <v>0</v>
      </c>
    </row>
    <row r="71511" spans="1:7" x14ac:dyDescent="0.3">
      <c r="A71511" s="13" t="s">
        <v>368</v>
      </c>
      <c r="B71511" s="14" t="s">
        <v>1</v>
      </c>
      <c r="C71511" s="14" t="s">
        <v>35</v>
      </c>
      <c r="D71511" s="14" t="s">
        <v>277</v>
      </c>
      <c r="E71511" s="15">
        <v>45712</v>
      </c>
      <c r="F71511" s="14" t="s">
        <v>25</v>
      </c>
      <c r="G71511" s="16">
        <v>0</v>
      </c>
    </row>
    <row r="71512" spans="1:7" x14ac:dyDescent="0.3">
      <c r="A71512" s="13" t="s">
        <v>368</v>
      </c>
      <c r="B71512" s="14" t="s">
        <v>1</v>
      </c>
      <c r="C71512" s="14" t="s">
        <v>35</v>
      </c>
      <c r="D71512" s="14" t="s">
        <v>277</v>
      </c>
      <c r="E71512" s="15">
        <v>45713</v>
      </c>
      <c r="F71512" s="14" t="s">
        <v>25</v>
      </c>
      <c r="G71512" s="16">
        <v>0</v>
      </c>
    </row>
    <row r="71513" spans="1:7" x14ac:dyDescent="0.3">
      <c r="A71513" s="13" t="s">
        <v>368</v>
      </c>
      <c r="B71513" s="14" t="s">
        <v>1</v>
      </c>
      <c r="C71513" s="14" t="s">
        <v>35</v>
      </c>
      <c r="D71513" s="14" t="s">
        <v>277</v>
      </c>
      <c r="E71513" s="15">
        <v>45714</v>
      </c>
      <c r="F71513" s="14" t="s">
        <v>25</v>
      </c>
      <c r="G71513" s="16">
        <v>0</v>
      </c>
    </row>
    <row r="71514" spans="1:7" x14ac:dyDescent="0.3">
      <c r="A71514" s="13" t="s">
        <v>368</v>
      </c>
      <c r="B71514" s="14" t="s">
        <v>1</v>
      </c>
      <c r="C71514" s="14" t="s">
        <v>35</v>
      </c>
      <c r="D71514" s="14" t="s">
        <v>277</v>
      </c>
      <c r="E71514" s="15">
        <v>45715</v>
      </c>
      <c r="F71514" s="14" t="s">
        <v>25</v>
      </c>
      <c r="G71514" s="16">
        <v>0</v>
      </c>
    </row>
    <row r="71515" spans="1:7" x14ac:dyDescent="0.3">
      <c r="A71515" s="13" t="s">
        <v>368</v>
      </c>
      <c r="B71515" s="14" t="s">
        <v>1</v>
      </c>
      <c r="C71515" s="14" t="s">
        <v>35</v>
      </c>
      <c r="D71515" s="14" t="s">
        <v>277</v>
      </c>
      <c r="E71515" s="15">
        <v>45716</v>
      </c>
      <c r="F71515" s="14" t="s">
        <v>25</v>
      </c>
      <c r="G71515" s="16">
        <v>0</v>
      </c>
    </row>
    <row r="71516" spans="1:7" x14ac:dyDescent="0.3">
      <c r="A71516" s="13" t="s">
        <v>368</v>
      </c>
      <c r="B71516" s="14" t="s">
        <v>1</v>
      </c>
      <c r="C71516" s="14" t="s">
        <v>35</v>
      </c>
      <c r="D71516" s="14" t="s">
        <v>277</v>
      </c>
      <c r="E71516" s="15">
        <v>45717</v>
      </c>
      <c r="F71516" s="14" t="s">
        <v>25</v>
      </c>
      <c r="G71516" s="16">
        <v>0</v>
      </c>
    </row>
    <row r="71517" spans="1:7" x14ac:dyDescent="0.3">
      <c r="A71517" s="13" t="s">
        <v>368</v>
      </c>
      <c r="B71517" s="14" t="s">
        <v>1</v>
      </c>
      <c r="C71517" s="14" t="s">
        <v>35</v>
      </c>
      <c r="D71517" s="14" t="s">
        <v>277</v>
      </c>
      <c r="E71517" s="15">
        <v>45718</v>
      </c>
      <c r="F71517" s="14" t="s">
        <v>25</v>
      </c>
      <c r="G71517" s="16">
        <v>0</v>
      </c>
    </row>
    <row r="71518" spans="1:7" x14ac:dyDescent="0.3">
      <c r="A71518" s="13" t="s">
        <v>368</v>
      </c>
      <c r="B71518" s="14" t="s">
        <v>1</v>
      </c>
      <c r="C71518" s="14" t="s">
        <v>35</v>
      </c>
      <c r="D71518" s="14" t="s">
        <v>277</v>
      </c>
      <c r="E71518" s="15">
        <v>45719</v>
      </c>
      <c r="F71518" s="14" t="s">
        <v>25</v>
      </c>
      <c r="G71518" s="16">
        <v>0</v>
      </c>
    </row>
    <row r="71519" spans="1:7" x14ac:dyDescent="0.3">
      <c r="A71519" s="13" t="s">
        <v>368</v>
      </c>
      <c r="B71519" s="14" t="s">
        <v>1</v>
      </c>
      <c r="C71519" s="14" t="s">
        <v>35</v>
      </c>
      <c r="D71519" s="14" t="s">
        <v>277</v>
      </c>
      <c r="E71519" s="15">
        <v>45720</v>
      </c>
      <c r="F71519" s="14" t="s">
        <v>25</v>
      </c>
      <c r="G71519" s="16">
        <v>0</v>
      </c>
    </row>
    <row r="71520" spans="1:7" x14ac:dyDescent="0.3">
      <c r="A71520" s="13" t="s">
        <v>368</v>
      </c>
      <c r="B71520" s="14" t="s">
        <v>1</v>
      </c>
      <c r="C71520" s="14" t="s">
        <v>35</v>
      </c>
      <c r="D71520" s="14" t="s">
        <v>277</v>
      </c>
      <c r="E71520" s="15">
        <v>45721</v>
      </c>
      <c r="F71520" s="14" t="s">
        <v>25</v>
      </c>
      <c r="G71520" s="16">
        <v>0</v>
      </c>
    </row>
    <row r="71521" spans="1:7" x14ac:dyDescent="0.3">
      <c r="A71521" s="13" t="s">
        <v>368</v>
      </c>
      <c r="B71521" s="14" t="s">
        <v>1</v>
      </c>
      <c r="C71521" s="14" t="s">
        <v>35</v>
      </c>
      <c r="D71521" s="14" t="s">
        <v>277</v>
      </c>
      <c r="E71521" s="15">
        <v>45722</v>
      </c>
      <c r="F71521" s="14" t="s">
        <v>25</v>
      </c>
      <c r="G71521" s="16">
        <v>0</v>
      </c>
    </row>
    <row r="71522" spans="1:7" x14ac:dyDescent="0.3">
      <c r="A71522" s="13" t="s">
        <v>368</v>
      </c>
      <c r="B71522" s="14" t="s">
        <v>1</v>
      </c>
      <c r="C71522" s="14" t="s">
        <v>35</v>
      </c>
      <c r="D71522" s="14" t="s">
        <v>277</v>
      </c>
      <c r="E71522" s="15">
        <v>45723</v>
      </c>
      <c r="F71522" s="14" t="s">
        <v>25</v>
      </c>
      <c r="G71522" s="16">
        <v>0</v>
      </c>
    </row>
    <row r="71523" spans="1:7" x14ac:dyDescent="0.3">
      <c r="A71523" s="13" t="s">
        <v>368</v>
      </c>
      <c r="B71523" s="14" t="s">
        <v>1</v>
      </c>
      <c r="C71523" s="14" t="s">
        <v>35</v>
      </c>
      <c r="D71523" s="14" t="s">
        <v>277</v>
      </c>
      <c r="E71523" s="15">
        <v>45724</v>
      </c>
      <c r="F71523" s="14" t="s">
        <v>25</v>
      </c>
      <c r="G71523" s="16">
        <v>0</v>
      </c>
    </row>
    <row r="71524" spans="1:7" x14ac:dyDescent="0.3">
      <c r="A71524" s="13" t="s">
        <v>368</v>
      </c>
      <c r="B71524" s="14" t="s">
        <v>1</v>
      </c>
      <c r="C71524" s="14" t="s">
        <v>35</v>
      </c>
      <c r="D71524" s="14" t="s">
        <v>277</v>
      </c>
      <c r="E71524" s="15">
        <v>45725</v>
      </c>
      <c r="F71524" s="14" t="s">
        <v>25</v>
      </c>
      <c r="G71524" s="16">
        <v>0</v>
      </c>
    </row>
    <row r="71525" spans="1:7" x14ac:dyDescent="0.3">
      <c r="A71525" s="13" t="s">
        <v>368</v>
      </c>
      <c r="B71525" s="14" t="s">
        <v>1</v>
      </c>
      <c r="C71525" s="14" t="s">
        <v>35</v>
      </c>
      <c r="D71525" s="14" t="s">
        <v>277</v>
      </c>
      <c r="E71525" s="15">
        <v>45726</v>
      </c>
      <c r="F71525" s="14" t="s">
        <v>25</v>
      </c>
      <c r="G71525" s="16">
        <v>0</v>
      </c>
    </row>
    <row r="71526" spans="1:7" x14ac:dyDescent="0.3">
      <c r="A71526" s="13" t="s">
        <v>368</v>
      </c>
      <c r="B71526" s="14" t="s">
        <v>1</v>
      </c>
      <c r="C71526" s="14" t="s">
        <v>35</v>
      </c>
      <c r="D71526" s="14" t="s">
        <v>277</v>
      </c>
      <c r="E71526" s="15">
        <v>45727</v>
      </c>
      <c r="F71526" s="14" t="s">
        <v>25</v>
      </c>
      <c r="G71526" s="16">
        <v>0</v>
      </c>
    </row>
    <row r="71527" spans="1:7" x14ac:dyDescent="0.3">
      <c r="A71527" s="13" t="s">
        <v>368</v>
      </c>
      <c r="B71527" s="14" t="s">
        <v>1</v>
      </c>
      <c r="C71527" s="14" t="s">
        <v>35</v>
      </c>
      <c r="D71527" s="14" t="s">
        <v>277</v>
      </c>
      <c r="E71527" s="15">
        <v>45728</v>
      </c>
      <c r="F71527" s="14" t="s">
        <v>25</v>
      </c>
      <c r="G71527" s="16">
        <v>0</v>
      </c>
    </row>
    <row r="71528" spans="1:7" x14ac:dyDescent="0.3">
      <c r="A71528" s="13" t="s">
        <v>368</v>
      </c>
      <c r="B71528" s="14" t="s">
        <v>1</v>
      </c>
      <c r="C71528" s="14" t="s">
        <v>35</v>
      </c>
      <c r="D71528" s="14" t="s">
        <v>277</v>
      </c>
      <c r="E71528" s="15">
        <v>45729</v>
      </c>
      <c r="F71528" s="14" t="s">
        <v>25</v>
      </c>
      <c r="G71528" s="16">
        <v>0</v>
      </c>
    </row>
    <row r="71529" spans="1:7" x14ac:dyDescent="0.3">
      <c r="A71529" s="13" t="s">
        <v>368</v>
      </c>
      <c r="B71529" s="14" t="s">
        <v>1</v>
      </c>
      <c r="C71529" s="14" t="s">
        <v>35</v>
      </c>
      <c r="D71529" s="14" t="s">
        <v>277</v>
      </c>
      <c r="E71529" s="15">
        <v>45730</v>
      </c>
      <c r="F71529" s="14" t="s">
        <v>25</v>
      </c>
      <c r="G71529" s="16">
        <v>0</v>
      </c>
    </row>
    <row r="71530" spans="1:7" x14ac:dyDescent="0.3">
      <c r="A71530" s="13" t="s">
        <v>368</v>
      </c>
      <c r="B71530" s="14" t="s">
        <v>1</v>
      </c>
      <c r="C71530" s="14" t="s">
        <v>35</v>
      </c>
      <c r="D71530" s="14" t="s">
        <v>277</v>
      </c>
      <c r="E71530" s="15">
        <v>45731</v>
      </c>
      <c r="F71530" s="14" t="s">
        <v>25</v>
      </c>
      <c r="G71530" s="16">
        <v>0</v>
      </c>
    </row>
    <row r="71531" spans="1:7" x14ac:dyDescent="0.3">
      <c r="A71531" s="13" t="s">
        <v>368</v>
      </c>
      <c r="B71531" s="14" t="s">
        <v>1</v>
      </c>
      <c r="C71531" s="14" t="s">
        <v>35</v>
      </c>
      <c r="D71531" s="14" t="s">
        <v>277</v>
      </c>
      <c r="E71531" s="15">
        <v>45732</v>
      </c>
      <c r="F71531" s="14" t="s">
        <v>25</v>
      </c>
      <c r="G71531" s="16">
        <v>0</v>
      </c>
    </row>
    <row r="71532" spans="1:7" x14ac:dyDescent="0.3">
      <c r="A71532" s="13" t="s">
        <v>368</v>
      </c>
      <c r="B71532" s="14" t="s">
        <v>1</v>
      </c>
      <c r="C71532" s="14" t="s">
        <v>35</v>
      </c>
      <c r="D71532" s="14" t="s">
        <v>277</v>
      </c>
      <c r="E71532" s="15">
        <v>45733</v>
      </c>
      <c r="F71532" s="14" t="s">
        <v>25</v>
      </c>
      <c r="G71532" s="16">
        <v>0</v>
      </c>
    </row>
    <row r="71533" spans="1:7" x14ac:dyDescent="0.3">
      <c r="A71533" s="13" t="s">
        <v>368</v>
      </c>
      <c r="B71533" s="14" t="s">
        <v>1</v>
      </c>
      <c r="C71533" s="14" t="s">
        <v>35</v>
      </c>
      <c r="D71533" s="14" t="s">
        <v>277</v>
      </c>
      <c r="E71533" s="15">
        <v>45734</v>
      </c>
      <c r="F71533" s="14" t="s">
        <v>25</v>
      </c>
      <c r="G71533" s="16">
        <v>0</v>
      </c>
    </row>
    <row r="71534" spans="1:7" x14ac:dyDescent="0.3">
      <c r="A71534" s="13" t="s">
        <v>368</v>
      </c>
      <c r="B71534" s="14" t="s">
        <v>1</v>
      </c>
      <c r="C71534" s="14" t="s">
        <v>35</v>
      </c>
      <c r="D71534" s="14" t="s">
        <v>277</v>
      </c>
      <c r="E71534" s="15">
        <v>45735</v>
      </c>
      <c r="F71534" s="14" t="s">
        <v>25</v>
      </c>
      <c r="G71534" s="16">
        <v>0</v>
      </c>
    </row>
    <row r="71535" spans="1:7" x14ac:dyDescent="0.3">
      <c r="A71535" s="13" t="s">
        <v>368</v>
      </c>
      <c r="B71535" s="14" t="s">
        <v>1</v>
      </c>
      <c r="C71535" s="14" t="s">
        <v>35</v>
      </c>
      <c r="D71535" s="14" t="s">
        <v>277</v>
      </c>
      <c r="E71535" s="15">
        <v>45736</v>
      </c>
      <c r="F71535" s="14" t="s">
        <v>25</v>
      </c>
      <c r="G71535" s="16">
        <v>0</v>
      </c>
    </row>
    <row r="71536" spans="1:7" x14ac:dyDescent="0.3">
      <c r="A71536" s="13" t="s">
        <v>368</v>
      </c>
      <c r="B71536" s="14" t="s">
        <v>1</v>
      </c>
      <c r="C71536" s="14" t="s">
        <v>35</v>
      </c>
      <c r="D71536" s="14" t="s">
        <v>277</v>
      </c>
      <c r="E71536" s="15">
        <v>45737</v>
      </c>
      <c r="F71536" s="14" t="s">
        <v>25</v>
      </c>
      <c r="G71536" s="16">
        <v>0</v>
      </c>
    </row>
    <row r="71537" spans="1:7" x14ac:dyDescent="0.3">
      <c r="A71537" s="13" t="s">
        <v>368</v>
      </c>
      <c r="B71537" s="14" t="s">
        <v>1</v>
      </c>
      <c r="C71537" s="14" t="s">
        <v>35</v>
      </c>
      <c r="D71537" s="14" t="s">
        <v>277</v>
      </c>
      <c r="E71537" s="15">
        <v>45738</v>
      </c>
      <c r="F71537" s="14" t="s">
        <v>25</v>
      </c>
      <c r="G71537" s="16">
        <v>0</v>
      </c>
    </row>
    <row r="71538" spans="1:7" x14ac:dyDescent="0.3">
      <c r="A71538" s="13" t="s">
        <v>368</v>
      </c>
      <c r="B71538" s="14" t="s">
        <v>1</v>
      </c>
      <c r="C71538" s="14" t="s">
        <v>35</v>
      </c>
      <c r="D71538" s="14" t="s">
        <v>277</v>
      </c>
      <c r="E71538" s="15">
        <v>45739</v>
      </c>
      <c r="F71538" s="14" t="s">
        <v>25</v>
      </c>
      <c r="G71538" s="16">
        <v>0</v>
      </c>
    </row>
    <row r="71539" spans="1:7" x14ac:dyDescent="0.3">
      <c r="A71539" s="13" t="s">
        <v>368</v>
      </c>
      <c r="B71539" s="14" t="s">
        <v>1</v>
      </c>
      <c r="C71539" s="14" t="s">
        <v>35</v>
      </c>
      <c r="D71539" s="14" t="s">
        <v>277</v>
      </c>
      <c r="E71539" s="15">
        <v>45740</v>
      </c>
      <c r="F71539" s="14" t="s">
        <v>25</v>
      </c>
      <c r="G71539" s="16">
        <v>0</v>
      </c>
    </row>
    <row r="71540" spans="1:7" x14ac:dyDescent="0.3">
      <c r="A71540" s="13" t="s">
        <v>368</v>
      </c>
      <c r="B71540" s="14" t="s">
        <v>1</v>
      </c>
      <c r="C71540" s="14" t="s">
        <v>35</v>
      </c>
      <c r="D71540" s="14" t="s">
        <v>277</v>
      </c>
      <c r="E71540" s="15">
        <v>45741</v>
      </c>
      <c r="F71540" s="14" t="s">
        <v>25</v>
      </c>
      <c r="G71540" s="16">
        <v>0</v>
      </c>
    </row>
    <row r="71541" spans="1:7" x14ac:dyDescent="0.3">
      <c r="A71541" s="13" t="s">
        <v>368</v>
      </c>
      <c r="B71541" s="14" t="s">
        <v>1</v>
      </c>
      <c r="C71541" s="14" t="s">
        <v>35</v>
      </c>
      <c r="D71541" s="14" t="s">
        <v>277</v>
      </c>
      <c r="E71541" s="15">
        <v>45742</v>
      </c>
      <c r="F71541" s="14" t="s">
        <v>25</v>
      </c>
      <c r="G71541" s="16">
        <v>0</v>
      </c>
    </row>
    <row r="71542" spans="1:7" x14ac:dyDescent="0.3">
      <c r="A71542" s="13" t="s">
        <v>368</v>
      </c>
      <c r="B71542" s="14" t="s">
        <v>1</v>
      </c>
      <c r="C71542" s="14" t="s">
        <v>35</v>
      </c>
      <c r="D71542" s="14" t="s">
        <v>277</v>
      </c>
      <c r="E71542" s="15">
        <v>45743</v>
      </c>
      <c r="F71542" s="14" t="s">
        <v>25</v>
      </c>
      <c r="G71542" s="16">
        <v>0</v>
      </c>
    </row>
    <row r="71543" spans="1:7" x14ac:dyDescent="0.3">
      <c r="A71543" s="13" t="s">
        <v>368</v>
      </c>
      <c r="B71543" s="14" t="s">
        <v>1</v>
      </c>
      <c r="C71543" s="14" t="s">
        <v>35</v>
      </c>
      <c r="D71543" s="14" t="s">
        <v>277</v>
      </c>
      <c r="E71543" s="15">
        <v>45744</v>
      </c>
      <c r="F71543" s="14" t="s">
        <v>25</v>
      </c>
      <c r="G71543" s="16">
        <v>0</v>
      </c>
    </row>
    <row r="71544" spans="1:7" x14ac:dyDescent="0.3">
      <c r="A71544" s="13" t="s">
        <v>368</v>
      </c>
      <c r="B71544" s="14" t="s">
        <v>1</v>
      </c>
      <c r="C71544" s="14" t="s">
        <v>35</v>
      </c>
      <c r="D71544" s="14" t="s">
        <v>277</v>
      </c>
      <c r="E71544" s="15">
        <v>45745</v>
      </c>
      <c r="F71544" s="14" t="s">
        <v>25</v>
      </c>
      <c r="G71544" s="16">
        <v>0</v>
      </c>
    </row>
    <row r="71545" spans="1:7" x14ac:dyDescent="0.3">
      <c r="A71545" s="13" t="s">
        <v>368</v>
      </c>
      <c r="B71545" s="14" t="s">
        <v>1</v>
      </c>
      <c r="C71545" s="14" t="s">
        <v>35</v>
      </c>
      <c r="D71545" s="14" t="s">
        <v>277</v>
      </c>
      <c r="E71545" s="15">
        <v>45746</v>
      </c>
      <c r="F71545" s="14" t="s">
        <v>25</v>
      </c>
      <c r="G71545" s="16">
        <v>0</v>
      </c>
    </row>
    <row r="71546" spans="1:7" x14ac:dyDescent="0.3">
      <c r="A71546" s="13" t="s">
        <v>368</v>
      </c>
      <c r="B71546" s="14" t="s">
        <v>1</v>
      </c>
      <c r="C71546" s="14" t="s">
        <v>35</v>
      </c>
      <c r="D71546" s="14" t="s">
        <v>277</v>
      </c>
      <c r="E71546" s="15">
        <v>45747</v>
      </c>
      <c r="F71546" s="14" t="s">
        <v>25</v>
      </c>
      <c r="G71546" s="16">
        <v>0</v>
      </c>
    </row>
    <row r="71547" spans="1:7" x14ac:dyDescent="0.3">
      <c r="A71547" s="13" t="s">
        <v>369</v>
      </c>
      <c r="B71547" s="14" t="s">
        <v>1</v>
      </c>
      <c r="C71547" s="14" t="s">
        <v>70</v>
      </c>
      <c r="D71547" s="14" t="s">
        <v>370</v>
      </c>
      <c r="E71547" s="15">
        <v>45383</v>
      </c>
      <c r="F71547" s="14" t="s">
        <v>61</v>
      </c>
      <c r="G71547" s="16">
        <v>0</v>
      </c>
    </row>
    <row r="71548" spans="1:7" x14ac:dyDescent="0.3">
      <c r="A71548" s="13" t="s">
        <v>369</v>
      </c>
      <c r="B71548" s="14" t="s">
        <v>1</v>
      </c>
      <c r="C71548" s="14" t="s">
        <v>70</v>
      </c>
      <c r="D71548" s="14" t="s">
        <v>370</v>
      </c>
      <c r="E71548" s="15">
        <v>45384</v>
      </c>
      <c r="F71548" s="14" t="s">
        <v>61</v>
      </c>
      <c r="G71548" s="16">
        <v>0</v>
      </c>
    </row>
    <row r="71549" spans="1:7" x14ac:dyDescent="0.3">
      <c r="A71549" s="13" t="s">
        <v>369</v>
      </c>
      <c r="B71549" s="14" t="s">
        <v>1</v>
      </c>
      <c r="C71549" s="14" t="s">
        <v>70</v>
      </c>
      <c r="D71549" s="14" t="s">
        <v>370</v>
      </c>
      <c r="E71549" s="15">
        <v>45385</v>
      </c>
      <c r="F71549" s="14" t="s">
        <v>61</v>
      </c>
      <c r="G71549" s="16">
        <v>4.0057493997454015E-2</v>
      </c>
    </row>
    <row r="71550" spans="1:7" x14ac:dyDescent="0.3">
      <c r="A71550" s="13" t="s">
        <v>369</v>
      </c>
      <c r="B71550" s="14" t="s">
        <v>1</v>
      </c>
      <c r="C71550" s="14" t="s">
        <v>70</v>
      </c>
      <c r="D71550" s="14" t="s">
        <v>370</v>
      </c>
      <c r="E71550" s="15">
        <v>45386</v>
      </c>
      <c r="F71550" s="14" t="s">
        <v>61</v>
      </c>
      <c r="G71550" s="16">
        <v>5.0464888509690303E-2</v>
      </c>
    </row>
    <row r="71551" spans="1:7" x14ac:dyDescent="0.3">
      <c r="A71551" s="13" t="s">
        <v>369</v>
      </c>
      <c r="B71551" s="14" t="s">
        <v>1</v>
      </c>
      <c r="C71551" s="14" t="s">
        <v>70</v>
      </c>
      <c r="D71551" s="14" t="s">
        <v>370</v>
      </c>
      <c r="E71551" s="15">
        <v>45387</v>
      </c>
      <c r="F71551" s="14" t="s">
        <v>61</v>
      </c>
      <c r="G71551" s="16">
        <v>6.9891370026827743E-2</v>
      </c>
    </row>
    <row r="71552" spans="1:7" x14ac:dyDescent="0.3">
      <c r="A71552" s="13" t="s">
        <v>369</v>
      </c>
      <c r="B71552" s="14" t="s">
        <v>1</v>
      </c>
      <c r="C71552" s="14" t="s">
        <v>70</v>
      </c>
      <c r="D71552" s="14" t="s">
        <v>370</v>
      </c>
      <c r="E71552" s="15">
        <v>45388</v>
      </c>
      <c r="F71552" s="14" t="s">
        <v>61</v>
      </c>
      <c r="G71552" s="16">
        <v>6.9891370026827743E-2</v>
      </c>
    </row>
    <row r="71553" spans="1:7" x14ac:dyDescent="0.3">
      <c r="A71553" s="13" t="s">
        <v>369</v>
      </c>
      <c r="B71553" s="14" t="s">
        <v>1</v>
      </c>
      <c r="C71553" s="14" t="s">
        <v>70</v>
      </c>
      <c r="D71553" s="14" t="s">
        <v>370</v>
      </c>
      <c r="E71553" s="15">
        <v>45389</v>
      </c>
      <c r="F71553" s="14" t="s">
        <v>61</v>
      </c>
      <c r="G71553" s="16">
        <v>6.9891370026827743E-2</v>
      </c>
    </row>
    <row r="71554" spans="1:7" x14ac:dyDescent="0.3">
      <c r="A71554" s="13" t="s">
        <v>369</v>
      </c>
      <c r="B71554" s="14" t="s">
        <v>1</v>
      </c>
      <c r="C71554" s="14" t="s">
        <v>70</v>
      </c>
      <c r="D71554" s="14" t="s">
        <v>370</v>
      </c>
      <c r="E71554" s="15">
        <v>45390</v>
      </c>
      <c r="F71554" s="14" t="s">
        <v>61</v>
      </c>
      <c r="G71554" s="16">
        <v>9.1295197456402633E-2</v>
      </c>
    </row>
    <row r="71555" spans="1:7" x14ac:dyDescent="0.3">
      <c r="A71555" s="13" t="s">
        <v>369</v>
      </c>
      <c r="B71555" s="14" t="s">
        <v>1</v>
      </c>
      <c r="C71555" s="14" t="s">
        <v>70</v>
      </c>
      <c r="D71555" s="14" t="s">
        <v>370</v>
      </c>
      <c r="E71555" s="15">
        <v>45391</v>
      </c>
      <c r="F71555" s="14" t="s">
        <v>61</v>
      </c>
      <c r="G71555" s="16">
        <v>0.11048594229129989</v>
      </c>
    </row>
    <row r="71556" spans="1:7" x14ac:dyDescent="0.3">
      <c r="A71556" s="13" t="s">
        <v>369</v>
      </c>
      <c r="B71556" s="14" t="s">
        <v>1</v>
      </c>
      <c r="C71556" s="14" t="s">
        <v>70</v>
      </c>
      <c r="D71556" s="14" t="s">
        <v>370</v>
      </c>
      <c r="E71556" s="15">
        <v>45392</v>
      </c>
      <c r="F71556" s="14" t="s">
        <v>61</v>
      </c>
      <c r="G71556" s="16">
        <v>0.13106904063615799</v>
      </c>
    </row>
    <row r="71557" spans="1:7" x14ac:dyDescent="0.3">
      <c r="A71557" s="13" t="s">
        <v>369</v>
      </c>
      <c r="B71557" s="14" t="s">
        <v>1</v>
      </c>
      <c r="C71557" s="14" t="s">
        <v>70</v>
      </c>
      <c r="D71557" s="14" t="s">
        <v>370</v>
      </c>
      <c r="E71557" s="15">
        <v>45393</v>
      </c>
      <c r="F71557" s="14" t="s">
        <v>61</v>
      </c>
      <c r="G71557" s="16">
        <v>0.13654766099367829</v>
      </c>
    </row>
    <row r="71558" spans="1:7" x14ac:dyDescent="0.3">
      <c r="A71558" s="13" t="s">
        <v>369</v>
      </c>
      <c r="B71558" s="14" t="s">
        <v>1</v>
      </c>
      <c r="C71558" s="14" t="s">
        <v>70</v>
      </c>
      <c r="D71558" s="14" t="s">
        <v>370</v>
      </c>
      <c r="E71558" s="15">
        <v>45394</v>
      </c>
      <c r="F71558" s="14" t="s">
        <v>61</v>
      </c>
      <c r="G71558" s="16">
        <v>0.14321316602215256</v>
      </c>
    </row>
    <row r="71559" spans="1:7" x14ac:dyDescent="0.3">
      <c r="A71559" s="13" t="s">
        <v>369</v>
      </c>
      <c r="B71559" s="14" t="s">
        <v>1</v>
      </c>
      <c r="C71559" s="14" t="s">
        <v>70</v>
      </c>
      <c r="D71559" s="14" t="s">
        <v>370</v>
      </c>
      <c r="E71559" s="15">
        <v>45395</v>
      </c>
      <c r="F71559" s="14" t="s">
        <v>61</v>
      </c>
      <c r="G71559" s="16">
        <v>0.14321316602215256</v>
      </c>
    </row>
    <row r="71560" spans="1:7" x14ac:dyDescent="0.3">
      <c r="A71560" s="13" t="s">
        <v>369</v>
      </c>
      <c r="B71560" s="14" t="s">
        <v>1</v>
      </c>
      <c r="C71560" s="14" t="s">
        <v>70</v>
      </c>
      <c r="D71560" s="14" t="s">
        <v>370</v>
      </c>
      <c r="E71560" s="15">
        <v>45396</v>
      </c>
      <c r="F71560" s="14" t="s">
        <v>61</v>
      </c>
      <c r="G71560" s="16">
        <v>0.14321316602215256</v>
      </c>
    </row>
    <row r="71561" spans="1:7" x14ac:dyDescent="0.3">
      <c r="A71561" s="13" t="s">
        <v>369</v>
      </c>
      <c r="B71561" s="14" t="s">
        <v>1</v>
      </c>
      <c r="C71561" s="14" t="s">
        <v>70</v>
      </c>
      <c r="D71561" s="14" t="s">
        <v>370</v>
      </c>
      <c r="E71561" s="15">
        <v>45397</v>
      </c>
      <c r="F71561" s="14" t="s">
        <v>61</v>
      </c>
      <c r="G71561" s="16">
        <v>0.17091848686100808</v>
      </c>
    </row>
    <row r="71562" spans="1:7" x14ac:dyDescent="0.3">
      <c r="A71562" s="13" t="s">
        <v>369</v>
      </c>
      <c r="B71562" s="14" t="s">
        <v>1</v>
      </c>
      <c r="C71562" s="14" t="s">
        <v>70</v>
      </c>
      <c r="D71562" s="14" t="s">
        <v>370</v>
      </c>
      <c r="E71562" s="15">
        <v>45398</v>
      </c>
      <c r="F71562" s="14" t="s">
        <v>61</v>
      </c>
      <c r="G71562" s="16">
        <v>0.19028341338865754</v>
      </c>
    </row>
    <row r="71563" spans="1:7" x14ac:dyDescent="0.3">
      <c r="A71563" s="13" t="s">
        <v>369</v>
      </c>
      <c r="B71563" s="14" t="s">
        <v>1</v>
      </c>
      <c r="C71563" s="14" t="s">
        <v>70</v>
      </c>
      <c r="D71563" s="14" t="s">
        <v>370</v>
      </c>
      <c r="E71563" s="15">
        <v>45399</v>
      </c>
      <c r="F71563" s="14" t="s">
        <v>61</v>
      </c>
      <c r="G71563" s="16">
        <v>0.23372142118723546</v>
      </c>
    </row>
    <row r="71564" spans="1:7" x14ac:dyDescent="0.3">
      <c r="A71564" s="13" t="s">
        <v>369</v>
      </c>
      <c r="B71564" s="14" t="s">
        <v>1</v>
      </c>
      <c r="C71564" s="14" t="s">
        <v>70</v>
      </c>
      <c r="D71564" s="14" t="s">
        <v>370</v>
      </c>
      <c r="E71564" s="15">
        <v>45400</v>
      </c>
      <c r="F71564" s="14" t="s">
        <v>61</v>
      </c>
      <c r="G71564" s="16">
        <v>0.23993260401622582</v>
      </c>
    </row>
    <row r="71565" spans="1:7" x14ac:dyDescent="0.3">
      <c r="A71565" s="13" t="s">
        <v>369</v>
      </c>
      <c r="B71565" s="14" t="s">
        <v>1</v>
      </c>
      <c r="C71565" s="14" t="s">
        <v>70</v>
      </c>
      <c r="D71565" s="14" t="s">
        <v>370</v>
      </c>
      <c r="E71565" s="15">
        <v>45401</v>
      </c>
      <c r="F71565" s="14" t="s">
        <v>61</v>
      </c>
      <c r="G71565" s="16">
        <v>0.25030346748247073</v>
      </c>
    </row>
    <row r="71566" spans="1:7" x14ac:dyDescent="0.3">
      <c r="A71566" s="13" t="s">
        <v>369</v>
      </c>
      <c r="B71566" s="14" t="s">
        <v>1</v>
      </c>
      <c r="C71566" s="14" t="s">
        <v>70</v>
      </c>
      <c r="D71566" s="14" t="s">
        <v>370</v>
      </c>
      <c r="E71566" s="15">
        <v>45402</v>
      </c>
      <c r="F71566" s="14" t="s">
        <v>61</v>
      </c>
      <c r="G71566" s="16">
        <v>0.25030346748247073</v>
      </c>
    </row>
    <row r="71567" spans="1:7" x14ac:dyDescent="0.3">
      <c r="A71567" s="13" t="s">
        <v>369</v>
      </c>
      <c r="B71567" s="14" t="s">
        <v>1</v>
      </c>
      <c r="C71567" s="14" t="s">
        <v>70</v>
      </c>
      <c r="D71567" s="14" t="s">
        <v>370</v>
      </c>
      <c r="E71567" s="15">
        <v>45403</v>
      </c>
      <c r="F71567" s="14" t="s">
        <v>61</v>
      </c>
      <c r="G71567" s="16">
        <v>0.25030346748247073</v>
      </c>
    </row>
    <row r="71568" spans="1:7" x14ac:dyDescent="0.3">
      <c r="A71568" s="13" t="s">
        <v>369</v>
      </c>
      <c r="B71568" s="14" t="s">
        <v>1</v>
      </c>
      <c r="C71568" s="14" t="s">
        <v>70</v>
      </c>
      <c r="D71568" s="14" t="s">
        <v>370</v>
      </c>
      <c r="E71568" s="15">
        <v>45404</v>
      </c>
      <c r="F71568" s="14" t="s">
        <v>61</v>
      </c>
      <c r="G71568" s="16">
        <v>0.26059930597069836</v>
      </c>
    </row>
    <row r="71569" spans="1:7" x14ac:dyDescent="0.3">
      <c r="A71569" s="13" t="s">
        <v>369</v>
      </c>
      <c r="B71569" s="14" t="s">
        <v>1</v>
      </c>
      <c r="C71569" s="14" t="s">
        <v>70</v>
      </c>
      <c r="D71569" s="14" t="s">
        <v>370</v>
      </c>
      <c r="E71569" s="15">
        <v>45405</v>
      </c>
      <c r="F71569" s="14" t="s">
        <v>61</v>
      </c>
      <c r="G71569" s="16">
        <v>0.29517879105288203</v>
      </c>
    </row>
    <row r="71570" spans="1:7" x14ac:dyDescent="0.3">
      <c r="A71570" s="13" t="s">
        <v>369</v>
      </c>
      <c r="B71570" s="14" t="s">
        <v>1</v>
      </c>
      <c r="C71570" s="14" t="s">
        <v>70</v>
      </c>
      <c r="D71570" s="14" t="s">
        <v>370</v>
      </c>
      <c r="E71570" s="15">
        <v>45406</v>
      </c>
      <c r="F71570" s="14" t="s">
        <v>61</v>
      </c>
      <c r="G71570" s="16">
        <v>0.3045883865454676</v>
      </c>
    </row>
    <row r="71571" spans="1:7" x14ac:dyDescent="0.3">
      <c r="A71571" s="13" t="s">
        <v>369</v>
      </c>
      <c r="B71571" s="14" t="s">
        <v>1</v>
      </c>
      <c r="C71571" s="14" t="s">
        <v>70</v>
      </c>
      <c r="D71571" s="14" t="s">
        <v>370</v>
      </c>
      <c r="E71571" s="15">
        <v>45407</v>
      </c>
      <c r="F71571" s="14" t="s">
        <v>61</v>
      </c>
      <c r="G71571" s="16">
        <v>0.35326828729433984</v>
      </c>
    </row>
    <row r="71572" spans="1:7" x14ac:dyDescent="0.3">
      <c r="A71572" s="13" t="s">
        <v>369</v>
      </c>
      <c r="B71572" s="14" t="s">
        <v>1</v>
      </c>
      <c r="C71572" s="14" t="s">
        <v>70</v>
      </c>
      <c r="D71572" s="14" t="s">
        <v>370</v>
      </c>
      <c r="E71572" s="15">
        <v>45408</v>
      </c>
      <c r="F71572" s="14" t="s">
        <v>61</v>
      </c>
      <c r="G71572" s="16">
        <v>0.36093931499155424</v>
      </c>
    </row>
    <row r="71573" spans="1:7" x14ac:dyDescent="0.3">
      <c r="A71573" s="13" t="s">
        <v>369</v>
      </c>
      <c r="B71573" s="14" t="s">
        <v>1</v>
      </c>
      <c r="C71573" s="14" t="s">
        <v>70</v>
      </c>
      <c r="D71573" s="14" t="s">
        <v>370</v>
      </c>
      <c r="E71573" s="15">
        <v>45409</v>
      </c>
      <c r="F71573" s="14" t="s">
        <v>61</v>
      </c>
      <c r="G71573" s="16">
        <v>0.36093931499155424</v>
      </c>
    </row>
    <row r="71574" spans="1:7" x14ac:dyDescent="0.3">
      <c r="A71574" s="13" t="s">
        <v>369</v>
      </c>
      <c r="B71574" s="14" t="s">
        <v>1</v>
      </c>
      <c r="C71574" s="14" t="s">
        <v>70</v>
      </c>
      <c r="D71574" s="14" t="s">
        <v>370</v>
      </c>
      <c r="E71574" s="15">
        <v>45410</v>
      </c>
      <c r="F71574" s="14" t="s">
        <v>61</v>
      </c>
      <c r="G71574" s="16">
        <v>0.36093931499155424</v>
      </c>
    </row>
    <row r="71575" spans="1:7" x14ac:dyDescent="0.3">
      <c r="A71575" s="13" t="s">
        <v>369</v>
      </c>
      <c r="B71575" s="14" t="s">
        <v>1</v>
      </c>
      <c r="C71575" s="14" t="s">
        <v>70</v>
      </c>
      <c r="D71575" s="14" t="s">
        <v>370</v>
      </c>
      <c r="E71575" s="15">
        <v>45411</v>
      </c>
      <c r="F71575" s="14" t="s">
        <v>61</v>
      </c>
      <c r="G71575" s="16">
        <v>0.36560584728830936</v>
      </c>
    </row>
    <row r="71576" spans="1:7" x14ac:dyDescent="0.3">
      <c r="A71576" s="13" t="s">
        <v>369</v>
      </c>
      <c r="B71576" s="14" t="s">
        <v>1</v>
      </c>
      <c r="C71576" s="14" t="s">
        <v>70</v>
      </c>
      <c r="D71576" s="14" t="s">
        <v>370</v>
      </c>
      <c r="E71576" s="15">
        <v>45412</v>
      </c>
      <c r="F71576" s="14" t="s">
        <v>61</v>
      </c>
      <c r="G71576" s="16">
        <v>0.38583165863912927</v>
      </c>
    </row>
    <row r="71577" spans="1:7" x14ac:dyDescent="0.3">
      <c r="A71577" s="13" t="s">
        <v>369</v>
      </c>
      <c r="B71577" s="14" t="s">
        <v>1</v>
      </c>
      <c r="C71577" s="14" t="s">
        <v>70</v>
      </c>
      <c r="D71577" s="14" t="s">
        <v>370</v>
      </c>
      <c r="E71577" s="15">
        <v>45413</v>
      </c>
      <c r="F71577" s="14" t="s">
        <v>61</v>
      </c>
      <c r="G71577" s="16">
        <v>0.38583165863912927</v>
      </c>
    </row>
    <row r="71578" spans="1:7" x14ac:dyDescent="0.3">
      <c r="A71578" s="13" t="s">
        <v>369</v>
      </c>
      <c r="B71578" s="14" t="s">
        <v>1</v>
      </c>
      <c r="C71578" s="14" t="s">
        <v>70</v>
      </c>
      <c r="D71578" s="14" t="s">
        <v>370</v>
      </c>
      <c r="E71578" s="15">
        <v>45414</v>
      </c>
      <c r="F71578" s="14" t="s">
        <v>61</v>
      </c>
      <c r="G71578" s="16">
        <v>0.42606811611962064</v>
      </c>
    </row>
    <row r="71579" spans="1:7" x14ac:dyDescent="0.3">
      <c r="A71579" s="13" t="s">
        <v>369</v>
      </c>
      <c r="B71579" s="14" t="s">
        <v>1</v>
      </c>
      <c r="C71579" s="14" t="s">
        <v>70</v>
      </c>
      <c r="D71579" s="14" t="s">
        <v>370</v>
      </c>
      <c r="E71579" s="15">
        <v>45415</v>
      </c>
      <c r="F71579" s="14" t="s">
        <v>61</v>
      </c>
      <c r="G71579" s="16">
        <v>0.43731205026608844</v>
      </c>
    </row>
    <row r="71580" spans="1:7" x14ac:dyDescent="0.3">
      <c r="A71580" s="13" t="s">
        <v>369</v>
      </c>
      <c r="B71580" s="14" t="s">
        <v>1</v>
      </c>
      <c r="C71580" s="14" t="s">
        <v>70</v>
      </c>
      <c r="D71580" s="14" t="s">
        <v>370</v>
      </c>
      <c r="E71580" s="15">
        <v>45416</v>
      </c>
      <c r="F71580" s="14" t="s">
        <v>61</v>
      </c>
      <c r="G71580" s="16">
        <v>0.43731205026608844</v>
      </c>
    </row>
    <row r="71581" spans="1:7" x14ac:dyDescent="0.3">
      <c r="A71581" s="13" t="s">
        <v>369</v>
      </c>
      <c r="B71581" s="14" t="s">
        <v>1</v>
      </c>
      <c r="C71581" s="14" t="s">
        <v>70</v>
      </c>
      <c r="D71581" s="14" t="s">
        <v>370</v>
      </c>
      <c r="E71581" s="15">
        <v>45417</v>
      </c>
      <c r="F71581" s="14" t="s">
        <v>61</v>
      </c>
      <c r="G71581" s="16">
        <v>0.43731205026608844</v>
      </c>
    </row>
    <row r="71582" spans="1:7" x14ac:dyDescent="0.3">
      <c r="A71582" s="13" t="s">
        <v>369</v>
      </c>
      <c r="B71582" s="14" t="s">
        <v>1</v>
      </c>
      <c r="C71582" s="14" t="s">
        <v>70</v>
      </c>
      <c r="D71582" s="14" t="s">
        <v>370</v>
      </c>
      <c r="E71582" s="15">
        <v>45418</v>
      </c>
      <c r="F71582" s="14" t="s">
        <v>61</v>
      </c>
      <c r="G71582" s="16">
        <v>0.43731205026608844</v>
      </c>
    </row>
    <row r="71583" spans="1:7" x14ac:dyDescent="0.3">
      <c r="A71583" s="13" t="s">
        <v>369</v>
      </c>
      <c r="B71583" s="14" t="s">
        <v>1</v>
      </c>
      <c r="C71583" s="14" t="s">
        <v>70</v>
      </c>
      <c r="D71583" s="14" t="s">
        <v>370</v>
      </c>
      <c r="E71583" s="15">
        <v>45419</v>
      </c>
      <c r="F71583" s="14" t="s">
        <v>61</v>
      </c>
      <c r="G71583" s="16">
        <v>0.46614317093461871</v>
      </c>
    </row>
    <row r="71584" spans="1:7" x14ac:dyDescent="0.3">
      <c r="A71584" s="13" t="s">
        <v>369</v>
      </c>
      <c r="B71584" s="14" t="s">
        <v>1</v>
      </c>
      <c r="C71584" s="14" t="s">
        <v>70</v>
      </c>
      <c r="D71584" s="14" t="s">
        <v>370</v>
      </c>
      <c r="E71584" s="15">
        <v>45420</v>
      </c>
      <c r="F71584" s="14" t="s">
        <v>61</v>
      </c>
      <c r="G71584" s="16">
        <v>0.49485955806428222</v>
      </c>
    </row>
    <row r="71585" spans="1:7" x14ac:dyDescent="0.3">
      <c r="A71585" s="13" t="s">
        <v>369</v>
      </c>
      <c r="B71585" s="14" t="s">
        <v>1</v>
      </c>
      <c r="C71585" s="14" t="s">
        <v>70</v>
      </c>
      <c r="D71585" s="14" t="s">
        <v>370</v>
      </c>
      <c r="E71585" s="15">
        <v>45421</v>
      </c>
      <c r="F71585" s="14" t="s">
        <v>61</v>
      </c>
      <c r="G71585" s="16">
        <v>0.49485955806428222</v>
      </c>
    </row>
    <row r="71586" spans="1:7" x14ac:dyDescent="0.3">
      <c r="A71586" s="13" t="s">
        <v>369</v>
      </c>
      <c r="B71586" s="14" t="s">
        <v>1</v>
      </c>
      <c r="C71586" s="14" t="s">
        <v>70</v>
      </c>
      <c r="D71586" s="14" t="s">
        <v>370</v>
      </c>
      <c r="E71586" s="15">
        <v>45422</v>
      </c>
      <c r="F71586" s="14" t="s">
        <v>61</v>
      </c>
      <c r="G71586" s="16">
        <v>0.49934343920537905</v>
      </c>
    </row>
    <row r="71587" spans="1:7" x14ac:dyDescent="0.3">
      <c r="A71587" s="13" t="s">
        <v>369</v>
      </c>
      <c r="B71587" s="14" t="s">
        <v>1</v>
      </c>
      <c r="C71587" s="14" t="s">
        <v>70</v>
      </c>
      <c r="D71587" s="14" t="s">
        <v>370</v>
      </c>
      <c r="E71587" s="15">
        <v>45423</v>
      </c>
      <c r="F71587" s="14" t="s">
        <v>61</v>
      </c>
      <c r="G71587" s="16">
        <v>0.49934343920537905</v>
      </c>
    </row>
    <row r="71588" spans="1:7" x14ac:dyDescent="0.3">
      <c r="A71588" s="13" t="s">
        <v>369</v>
      </c>
      <c r="B71588" s="14" t="s">
        <v>1</v>
      </c>
      <c r="C71588" s="14" t="s">
        <v>70</v>
      </c>
      <c r="D71588" s="14" t="s">
        <v>370</v>
      </c>
      <c r="E71588" s="15">
        <v>45424</v>
      </c>
      <c r="F71588" s="14" t="s">
        <v>61</v>
      </c>
      <c r="G71588" s="16">
        <v>0.49934343920537905</v>
      </c>
    </row>
    <row r="71589" spans="1:7" x14ac:dyDescent="0.3">
      <c r="A71589" s="13" t="s">
        <v>369</v>
      </c>
      <c r="B71589" s="14" t="s">
        <v>1</v>
      </c>
      <c r="C71589" s="14" t="s">
        <v>70</v>
      </c>
      <c r="D71589" s="14" t="s">
        <v>370</v>
      </c>
      <c r="E71589" s="15">
        <v>45425</v>
      </c>
      <c r="F71589" s="14" t="s">
        <v>61</v>
      </c>
      <c r="G71589" s="16">
        <v>0.61555184551133435</v>
      </c>
    </row>
    <row r="71590" spans="1:7" x14ac:dyDescent="0.3">
      <c r="A71590" s="13" t="s">
        <v>369</v>
      </c>
      <c r="B71590" s="14" t="s">
        <v>1</v>
      </c>
      <c r="C71590" s="14" t="s">
        <v>70</v>
      </c>
      <c r="D71590" s="14" t="s">
        <v>370</v>
      </c>
      <c r="E71590" s="15">
        <v>45426</v>
      </c>
      <c r="F71590" s="14" t="s">
        <v>61</v>
      </c>
      <c r="G71590" s="16">
        <v>0.65500436732774703</v>
      </c>
    </row>
    <row r="71591" spans="1:7" x14ac:dyDescent="0.3">
      <c r="A71591" s="13" t="s">
        <v>369</v>
      </c>
      <c r="B71591" s="14" t="s">
        <v>1</v>
      </c>
      <c r="C71591" s="14" t="s">
        <v>70</v>
      </c>
      <c r="D71591" s="14" t="s">
        <v>370</v>
      </c>
      <c r="E71591" s="15">
        <v>45427</v>
      </c>
      <c r="F71591" s="14" t="s">
        <v>61</v>
      </c>
      <c r="G71591" s="16">
        <v>0.66273088937857982</v>
      </c>
    </row>
    <row r="71592" spans="1:7" x14ac:dyDescent="0.3">
      <c r="A71592" s="13" t="s">
        <v>369</v>
      </c>
      <c r="B71592" s="14" t="s">
        <v>1</v>
      </c>
      <c r="C71592" s="14" t="s">
        <v>70</v>
      </c>
      <c r="D71592" s="14" t="s">
        <v>370</v>
      </c>
      <c r="E71592" s="15">
        <v>45428</v>
      </c>
      <c r="F71592" s="14" t="s">
        <v>61</v>
      </c>
      <c r="G71592" s="16">
        <v>0.67119555009701037</v>
      </c>
    </row>
    <row r="71593" spans="1:7" x14ac:dyDescent="0.3">
      <c r="A71593" s="13" t="s">
        <v>369</v>
      </c>
      <c r="B71593" s="14" t="s">
        <v>1</v>
      </c>
      <c r="C71593" s="14" t="s">
        <v>70</v>
      </c>
      <c r="D71593" s="14" t="s">
        <v>370</v>
      </c>
      <c r="E71593" s="15">
        <v>45429</v>
      </c>
      <c r="F71593" s="14" t="s">
        <v>61</v>
      </c>
      <c r="G71593" s="16">
        <v>0.76214575719523125</v>
      </c>
    </row>
    <row r="71594" spans="1:7" x14ac:dyDescent="0.3">
      <c r="A71594" s="13" t="s">
        <v>369</v>
      </c>
      <c r="B71594" s="14" t="s">
        <v>1</v>
      </c>
      <c r="C71594" s="14" t="s">
        <v>70</v>
      </c>
      <c r="D71594" s="14" t="s">
        <v>370</v>
      </c>
      <c r="E71594" s="15">
        <v>45430</v>
      </c>
      <c r="F71594" s="14" t="s">
        <v>61</v>
      </c>
      <c r="G71594" s="16">
        <v>0.76214575719523125</v>
      </c>
    </row>
    <row r="71595" spans="1:7" x14ac:dyDescent="0.3">
      <c r="A71595" s="13" t="s">
        <v>369</v>
      </c>
      <c r="B71595" s="14" t="s">
        <v>1</v>
      </c>
      <c r="C71595" s="14" t="s">
        <v>70</v>
      </c>
      <c r="D71595" s="14" t="s">
        <v>370</v>
      </c>
      <c r="E71595" s="15">
        <v>45431</v>
      </c>
      <c r="F71595" s="14" t="s">
        <v>61</v>
      </c>
      <c r="G71595" s="16">
        <v>0.76214575719523125</v>
      </c>
    </row>
    <row r="71596" spans="1:7" x14ac:dyDescent="0.3">
      <c r="A71596" s="13" t="s">
        <v>369</v>
      </c>
      <c r="B71596" s="14" t="s">
        <v>1</v>
      </c>
      <c r="C71596" s="14" t="s">
        <v>70</v>
      </c>
      <c r="D71596" s="14" t="s">
        <v>370</v>
      </c>
      <c r="E71596" s="15">
        <v>45432</v>
      </c>
      <c r="F71596" s="14" t="s">
        <v>61</v>
      </c>
      <c r="G71596" s="16">
        <v>0.76214575719523125</v>
      </c>
    </row>
    <row r="71597" spans="1:7" x14ac:dyDescent="0.3">
      <c r="A71597" s="13" t="s">
        <v>369</v>
      </c>
      <c r="B71597" s="14" t="s">
        <v>1</v>
      </c>
      <c r="C71597" s="14" t="s">
        <v>70</v>
      </c>
      <c r="D71597" s="14" t="s">
        <v>370</v>
      </c>
      <c r="E71597" s="15">
        <v>45433</v>
      </c>
      <c r="F71597" s="14" t="s">
        <v>61</v>
      </c>
      <c r="G71597" s="16">
        <v>0.76877561536081429</v>
      </c>
    </row>
    <row r="71598" spans="1:7" x14ac:dyDescent="0.3">
      <c r="A71598" s="13" t="s">
        <v>369</v>
      </c>
      <c r="B71598" s="14" t="s">
        <v>1</v>
      </c>
      <c r="C71598" s="14" t="s">
        <v>70</v>
      </c>
      <c r="D71598" s="14" t="s">
        <v>370</v>
      </c>
      <c r="E71598" s="15">
        <v>45434</v>
      </c>
      <c r="F71598" s="14" t="s">
        <v>61</v>
      </c>
      <c r="G71598" s="16">
        <v>0.81304518019827754</v>
      </c>
    </row>
    <row r="71599" spans="1:7" x14ac:dyDescent="0.3">
      <c r="A71599" s="13" t="s">
        <v>369</v>
      </c>
      <c r="B71599" s="14" t="s">
        <v>1</v>
      </c>
      <c r="C71599" s="14" t="s">
        <v>70</v>
      </c>
      <c r="D71599" s="14" t="s">
        <v>370</v>
      </c>
      <c r="E71599" s="15">
        <v>45435</v>
      </c>
      <c r="F71599" s="14" t="s">
        <v>61</v>
      </c>
      <c r="G71599" s="16">
        <v>0.82017280900579037</v>
      </c>
    </row>
    <row r="71600" spans="1:7" x14ac:dyDescent="0.3">
      <c r="A71600" s="13" t="s">
        <v>369</v>
      </c>
      <c r="B71600" s="14" t="s">
        <v>1</v>
      </c>
      <c r="C71600" s="14" t="s">
        <v>70</v>
      </c>
      <c r="D71600" s="14" t="s">
        <v>370</v>
      </c>
      <c r="E71600" s="15">
        <v>45436</v>
      </c>
      <c r="F71600" s="14" t="s">
        <v>61</v>
      </c>
      <c r="G71600" s="16">
        <v>0.82313739874815661</v>
      </c>
    </row>
    <row r="71601" spans="1:7" x14ac:dyDescent="0.3">
      <c r="A71601" s="13" t="s">
        <v>369</v>
      </c>
      <c r="B71601" s="14" t="s">
        <v>1</v>
      </c>
      <c r="C71601" s="14" t="s">
        <v>70</v>
      </c>
      <c r="D71601" s="14" t="s">
        <v>370</v>
      </c>
      <c r="E71601" s="15">
        <v>45437</v>
      </c>
      <c r="F71601" s="14" t="s">
        <v>61</v>
      </c>
      <c r="G71601" s="16">
        <v>0.82313739874815661</v>
      </c>
    </row>
    <row r="71602" spans="1:7" x14ac:dyDescent="0.3">
      <c r="A71602" s="13" t="s">
        <v>369</v>
      </c>
      <c r="B71602" s="14" t="s">
        <v>1</v>
      </c>
      <c r="C71602" s="14" t="s">
        <v>70</v>
      </c>
      <c r="D71602" s="14" t="s">
        <v>370</v>
      </c>
      <c r="E71602" s="15">
        <v>45438</v>
      </c>
      <c r="F71602" s="14" t="s">
        <v>61</v>
      </c>
      <c r="G71602" s="16">
        <v>0.82313739874815661</v>
      </c>
    </row>
    <row r="71603" spans="1:7" x14ac:dyDescent="0.3">
      <c r="A71603" s="13" t="s">
        <v>369</v>
      </c>
      <c r="B71603" s="14" t="s">
        <v>1</v>
      </c>
      <c r="C71603" s="14" t="s">
        <v>70</v>
      </c>
      <c r="D71603" s="14" t="s">
        <v>370</v>
      </c>
      <c r="E71603" s="15">
        <v>45439</v>
      </c>
      <c r="F71603" s="14" t="s">
        <v>61</v>
      </c>
      <c r="G71603" s="16">
        <v>0.81981218299510361</v>
      </c>
    </row>
    <row r="71604" spans="1:7" x14ac:dyDescent="0.3">
      <c r="A71604" s="13" t="s">
        <v>369</v>
      </c>
      <c r="B71604" s="14" t="s">
        <v>1</v>
      </c>
      <c r="C71604" s="14" t="s">
        <v>70</v>
      </c>
      <c r="D71604" s="14" t="s">
        <v>370</v>
      </c>
      <c r="E71604" s="15">
        <v>45440</v>
      </c>
      <c r="F71604" s="14" t="s">
        <v>61</v>
      </c>
      <c r="G71604" s="16">
        <v>0.8363715148998212</v>
      </c>
    </row>
    <row r="71605" spans="1:7" x14ac:dyDescent="0.3">
      <c r="A71605" s="13" t="s">
        <v>369</v>
      </c>
      <c r="B71605" s="14" t="s">
        <v>1</v>
      </c>
      <c r="C71605" s="14" t="s">
        <v>70</v>
      </c>
      <c r="D71605" s="14" t="s">
        <v>370</v>
      </c>
      <c r="E71605" s="15">
        <v>45441</v>
      </c>
      <c r="F71605" s="14" t="s">
        <v>61</v>
      </c>
      <c r="G71605" s="16">
        <v>0.84801467358800653</v>
      </c>
    </row>
    <row r="71606" spans="1:7" x14ac:dyDescent="0.3">
      <c r="A71606" s="13" t="s">
        <v>369</v>
      </c>
      <c r="B71606" s="14" t="s">
        <v>1</v>
      </c>
      <c r="C71606" s="14" t="s">
        <v>70</v>
      </c>
      <c r="D71606" s="14" t="s">
        <v>370</v>
      </c>
      <c r="E71606" s="15">
        <v>45442</v>
      </c>
      <c r="F71606" s="14" t="s">
        <v>61</v>
      </c>
      <c r="G71606" s="16">
        <v>0.84800269253436955</v>
      </c>
    </row>
    <row r="71607" spans="1:7" x14ac:dyDescent="0.3">
      <c r="A71607" s="13" t="s">
        <v>369</v>
      </c>
      <c r="B71607" s="14" t="s">
        <v>1</v>
      </c>
      <c r="C71607" s="14" t="s">
        <v>70</v>
      </c>
      <c r="D71607" s="14" t="s">
        <v>370</v>
      </c>
      <c r="E71607" s="15">
        <v>45443</v>
      </c>
      <c r="F71607" s="14" t="s">
        <v>61</v>
      </c>
      <c r="G71607" s="16">
        <v>0.85658266382876291</v>
      </c>
    </row>
    <row r="71608" spans="1:7" x14ac:dyDescent="0.3">
      <c r="A71608" s="13" t="s">
        <v>369</v>
      </c>
      <c r="B71608" s="14" t="s">
        <v>1</v>
      </c>
      <c r="C71608" s="14" t="s">
        <v>70</v>
      </c>
      <c r="D71608" s="14" t="s">
        <v>370</v>
      </c>
      <c r="E71608" s="15">
        <v>45444</v>
      </c>
      <c r="F71608" s="14" t="s">
        <v>61</v>
      </c>
      <c r="G71608" s="16">
        <v>0.85658266382876291</v>
      </c>
    </row>
    <row r="71609" spans="1:7" x14ac:dyDescent="0.3">
      <c r="A71609" s="13" t="s">
        <v>369</v>
      </c>
      <c r="B71609" s="14" t="s">
        <v>1</v>
      </c>
      <c r="C71609" s="14" t="s">
        <v>70</v>
      </c>
      <c r="D71609" s="14" t="s">
        <v>370</v>
      </c>
      <c r="E71609" s="15">
        <v>45445</v>
      </c>
      <c r="F71609" s="14" t="s">
        <v>61</v>
      </c>
      <c r="G71609" s="16">
        <v>0.85658266382876291</v>
      </c>
    </row>
    <row r="71610" spans="1:7" x14ac:dyDescent="0.3">
      <c r="A71610" s="13" t="s">
        <v>369</v>
      </c>
      <c r="B71610" s="14" t="s">
        <v>1</v>
      </c>
      <c r="C71610" s="14" t="s">
        <v>70</v>
      </c>
      <c r="D71610" s="14" t="s">
        <v>370</v>
      </c>
      <c r="E71610" s="15">
        <v>45446</v>
      </c>
      <c r="F71610" s="14" t="s">
        <v>61</v>
      </c>
      <c r="G71610" s="16">
        <v>0.85658266382876291</v>
      </c>
    </row>
    <row r="71611" spans="1:7" x14ac:dyDescent="0.3">
      <c r="A71611" s="13" t="s">
        <v>369</v>
      </c>
      <c r="B71611" s="14" t="s">
        <v>1</v>
      </c>
      <c r="C71611" s="14" t="s">
        <v>70</v>
      </c>
      <c r="D71611" s="14" t="s">
        <v>370</v>
      </c>
      <c r="E71611" s="15">
        <v>45447</v>
      </c>
      <c r="F71611" s="14" t="s">
        <v>61</v>
      </c>
      <c r="G71611" s="16">
        <v>0.87088513318305927</v>
      </c>
    </row>
    <row r="71612" spans="1:7" x14ac:dyDescent="0.3">
      <c r="A71612" s="13" t="s">
        <v>369</v>
      </c>
      <c r="B71612" s="14" t="s">
        <v>1</v>
      </c>
      <c r="C71612" s="14" t="s">
        <v>70</v>
      </c>
      <c r="D71612" s="14" t="s">
        <v>370</v>
      </c>
      <c r="E71612" s="15">
        <v>45448</v>
      </c>
      <c r="F71612" s="14" t="s">
        <v>61</v>
      </c>
      <c r="G71612" s="16">
        <v>0.91330080989003526</v>
      </c>
    </row>
    <row r="71613" spans="1:7" x14ac:dyDescent="0.3">
      <c r="A71613" s="13" t="s">
        <v>369</v>
      </c>
      <c r="B71613" s="14" t="s">
        <v>1</v>
      </c>
      <c r="C71613" s="14" t="s">
        <v>70</v>
      </c>
      <c r="D71613" s="14" t="s">
        <v>370</v>
      </c>
      <c r="E71613" s="15">
        <v>45449</v>
      </c>
      <c r="F71613" s="14" t="s">
        <v>61</v>
      </c>
      <c r="G71613" s="16">
        <v>0.91704724136951332</v>
      </c>
    </row>
    <row r="71614" spans="1:7" x14ac:dyDescent="0.3">
      <c r="A71614" s="13" t="s">
        <v>369</v>
      </c>
      <c r="B71614" s="14" t="s">
        <v>1</v>
      </c>
      <c r="C71614" s="14" t="s">
        <v>70</v>
      </c>
      <c r="D71614" s="14" t="s">
        <v>370</v>
      </c>
      <c r="E71614" s="15">
        <v>45450</v>
      </c>
      <c r="F71614" s="14" t="s">
        <v>61</v>
      </c>
      <c r="G71614" s="16">
        <v>0.9300776869446884</v>
      </c>
    </row>
    <row r="71615" spans="1:7" x14ac:dyDescent="0.3">
      <c r="A71615" s="13" t="s">
        <v>369</v>
      </c>
      <c r="B71615" s="14" t="s">
        <v>1</v>
      </c>
      <c r="C71615" s="14" t="s">
        <v>70</v>
      </c>
      <c r="D71615" s="14" t="s">
        <v>370</v>
      </c>
      <c r="E71615" s="15">
        <v>45451</v>
      </c>
      <c r="F71615" s="14" t="s">
        <v>61</v>
      </c>
      <c r="G71615" s="16">
        <v>0.9300776869446884</v>
      </c>
    </row>
    <row r="71616" spans="1:7" x14ac:dyDescent="0.3">
      <c r="A71616" s="13" t="s">
        <v>369</v>
      </c>
      <c r="B71616" s="14" t="s">
        <v>1</v>
      </c>
      <c r="C71616" s="14" t="s">
        <v>70</v>
      </c>
      <c r="D71616" s="14" t="s">
        <v>370</v>
      </c>
      <c r="E71616" s="15">
        <v>45452</v>
      </c>
      <c r="F71616" s="14" t="s">
        <v>61</v>
      </c>
      <c r="G71616" s="16">
        <v>0.9300776869446884</v>
      </c>
    </row>
    <row r="71617" spans="1:7" x14ac:dyDescent="0.3">
      <c r="A71617" s="13" t="s">
        <v>369</v>
      </c>
      <c r="B71617" s="14" t="s">
        <v>1</v>
      </c>
      <c r="C71617" s="14" t="s">
        <v>70</v>
      </c>
      <c r="D71617" s="14" t="s">
        <v>370</v>
      </c>
      <c r="E71617" s="15">
        <v>45453</v>
      </c>
      <c r="F71617" s="14" t="s">
        <v>61</v>
      </c>
      <c r="G71617" s="16">
        <v>0.94814899492646476</v>
      </c>
    </row>
    <row r="71618" spans="1:7" x14ac:dyDescent="0.3">
      <c r="A71618" s="13" t="s">
        <v>369</v>
      </c>
      <c r="B71618" s="14" t="s">
        <v>1</v>
      </c>
      <c r="C71618" s="14" t="s">
        <v>70</v>
      </c>
      <c r="D71618" s="14" t="s">
        <v>370</v>
      </c>
      <c r="E71618" s="15">
        <v>45454</v>
      </c>
      <c r="F71618" s="14" t="s">
        <v>61</v>
      </c>
      <c r="G71618" s="16">
        <v>0.96828827852960653</v>
      </c>
    </row>
    <row r="71619" spans="1:7" x14ac:dyDescent="0.3">
      <c r="A71619" s="13" t="s">
        <v>369</v>
      </c>
      <c r="B71619" s="14" t="s">
        <v>1</v>
      </c>
      <c r="C71619" s="14" t="s">
        <v>70</v>
      </c>
      <c r="D71619" s="14" t="s">
        <v>370</v>
      </c>
      <c r="E71619" s="15">
        <v>45455</v>
      </c>
      <c r="F71619" s="14" t="s">
        <v>61</v>
      </c>
      <c r="G71619" s="16">
        <v>0.97568466692244071</v>
      </c>
    </row>
    <row r="71620" spans="1:7" x14ac:dyDescent="0.3">
      <c r="A71620" s="13" t="s">
        <v>369</v>
      </c>
      <c r="B71620" s="14" t="s">
        <v>1</v>
      </c>
      <c r="C71620" s="14" t="s">
        <v>70</v>
      </c>
      <c r="D71620" s="14" t="s">
        <v>370</v>
      </c>
      <c r="E71620" s="15">
        <v>45456</v>
      </c>
      <c r="F71620" s="14" t="s">
        <v>61</v>
      </c>
      <c r="G71620" s="16">
        <v>0.99196453348299263</v>
      </c>
    </row>
    <row r="71621" spans="1:7" x14ac:dyDescent="0.3">
      <c r="A71621" s="13" t="s">
        <v>369</v>
      </c>
      <c r="B71621" s="14" t="s">
        <v>1</v>
      </c>
      <c r="C71621" s="14" t="s">
        <v>70</v>
      </c>
      <c r="D71621" s="14" t="s">
        <v>370</v>
      </c>
      <c r="E71621" s="15">
        <v>45457</v>
      </c>
      <c r="F71621" s="14" t="s">
        <v>61</v>
      </c>
      <c r="G71621" s="16">
        <v>1.0060251484357445</v>
      </c>
    </row>
    <row r="71622" spans="1:7" x14ac:dyDescent="0.3">
      <c r="A71622" s="13" t="s">
        <v>369</v>
      </c>
      <c r="B71622" s="14" t="s">
        <v>1</v>
      </c>
      <c r="C71622" s="14" t="s">
        <v>70</v>
      </c>
      <c r="D71622" s="14" t="s">
        <v>370</v>
      </c>
      <c r="E71622" s="15">
        <v>45458</v>
      </c>
      <c r="F71622" s="14" t="s">
        <v>61</v>
      </c>
      <c r="G71622" s="16">
        <v>1.0060251484357445</v>
      </c>
    </row>
    <row r="71623" spans="1:7" x14ac:dyDescent="0.3">
      <c r="A71623" s="13" t="s">
        <v>369</v>
      </c>
      <c r="B71623" s="14" t="s">
        <v>1</v>
      </c>
      <c r="C71623" s="14" t="s">
        <v>70</v>
      </c>
      <c r="D71623" s="14" t="s">
        <v>370</v>
      </c>
      <c r="E71623" s="15">
        <v>45459</v>
      </c>
      <c r="F71623" s="14" t="s">
        <v>61</v>
      </c>
      <c r="G71623" s="16">
        <v>1.0060251484357445</v>
      </c>
    </row>
    <row r="71624" spans="1:7" x14ac:dyDescent="0.3">
      <c r="A71624" s="13" t="s">
        <v>369</v>
      </c>
      <c r="B71624" s="14" t="s">
        <v>1</v>
      </c>
      <c r="C71624" s="14" t="s">
        <v>70</v>
      </c>
      <c r="D71624" s="14" t="s">
        <v>370</v>
      </c>
      <c r="E71624" s="15">
        <v>45460</v>
      </c>
      <c r="F71624" s="14" t="s">
        <v>61</v>
      </c>
      <c r="G71624" s="16">
        <v>1.0257675625672715</v>
      </c>
    </row>
    <row r="71625" spans="1:7" x14ac:dyDescent="0.3">
      <c r="A71625" s="13" t="s">
        <v>369</v>
      </c>
      <c r="B71625" s="14" t="s">
        <v>1</v>
      </c>
      <c r="C71625" s="14" t="s">
        <v>70</v>
      </c>
      <c r="D71625" s="14" t="s">
        <v>370</v>
      </c>
      <c r="E71625" s="15">
        <v>45461</v>
      </c>
      <c r="F71625" s="14" t="s">
        <v>61</v>
      </c>
      <c r="G71625" s="16">
        <v>1.0403354410793111</v>
      </c>
    </row>
    <row r="71626" spans="1:7" x14ac:dyDescent="0.3">
      <c r="A71626" s="13" t="s">
        <v>369</v>
      </c>
      <c r="B71626" s="14" t="s">
        <v>1</v>
      </c>
      <c r="C71626" s="14" t="s">
        <v>70</v>
      </c>
      <c r="D71626" s="14" t="s">
        <v>370</v>
      </c>
      <c r="E71626" s="15">
        <v>45462</v>
      </c>
      <c r="F71626" s="14" t="s">
        <v>61</v>
      </c>
      <c r="G71626" s="16">
        <v>1.0463500532709487</v>
      </c>
    </row>
    <row r="71627" spans="1:7" x14ac:dyDescent="0.3">
      <c r="A71627" s="13" t="s">
        <v>369</v>
      </c>
      <c r="B71627" s="14" t="s">
        <v>1</v>
      </c>
      <c r="C71627" s="14" t="s">
        <v>70</v>
      </c>
      <c r="D71627" s="14" t="s">
        <v>370</v>
      </c>
      <c r="E71627" s="15">
        <v>45463</v>
      </c>
      <c r="F71627" s="14" t="s">
        <v>61</v>
      </c>
      <c r="G71627" s="16">
        <v>1.0630035345709488</v>
      </c>
    </row>
    <row r="71628" spans="1:7" x14ac:dyDescent="0.3">
      <c r="A71628" s="13" t="s">
        <v>369</v>
      </c>
      <c r="B71628" s="14" t="s">
        <v>1</v>
      </c>
      <c r="C71628" s="14" t="s">
        <v>70</v>
      </c>
      <c r="D71628" s="14" t="s">
        <v>370</v>
      </c>
      <c r="E71628" s="15">
        <v>45464</v>
      </c>
      <c r="F71628" s="14" t="s">
        <v>61</v>
      </c>
      <c r="G71628" s="16">
        <v>1.0693552793784076</v>
      </c>
    </row>
    <row r="71629" spans="1:7" x14ac:dyDescent="0.3">
      <c r="A71629" s="13" t="s">
        <v>369</v>
      </c>
      <c r="B71629" s="14" t="s">
        <v>1</v>
      </c>
      <c r="C71629" s="14" t="s">
        <v>70</v>
      </c>
      <c r="D71629" s="14" t="s">
        <v>370</v>
      </c>
      <c r="E71629" s="15">
        <v>45465</v>
      </c>
      <c r="F71629" s="14" t="s">
        <v>61</v>
      </c>
      <c r="G71629" s="16">
        <v>1.0693552793784076</v>
      </c>
    </row>
    <row r="71630" spans="1:7" x14ac:dyDescent="0.3">
      <c r="A71630" s="13" t="s">
        <v>369</v>
      </c>
      <c r="B71630" s="14" t="s">
        <v>1</v>
      </c>
      <c r="C71630" s="14" t="s">
        <v>70</v>
      </c>
      <c r="D71630" s="14" t="s">
        <v>370</v>
      </c>
      <c r="E71630" s="15">
        <v>45466</v>
      </c>
      <c r="F71630" s="14" t="s">
        <v>61</v>
      </c>
      <c r="G71630" s="16">
        <v>1.0693552793784076</v>
      </c>
    </row>
    <row r="71631" spans="1:7" x14ac:dyDescent="0.3">
      <c r="A71631" s="13" t="s">
        <v>369</v>
      </c>
      <c r="B71631" s="14" t="s">
        <v>1</v>
      </c>
      <c r="C71631" s="14" t="s">
        <v>70</v>
      </c>
      <c r="D71631" s="14" t="s">
        <v>370</v>
      </c>
      <c r="E71631" s="15">
        <v>45467</v>
      </c>
      <c r="F71631" s="14" t="s">
        <v>61</v>
      </c>
      <c r="G71631" s="16">
        <v>1.0711621113773409</v>
      </c>
    </row>
    <row r="71632" spans="1:7" x14ac:dyDescent="0.3">
      <c r="A71632" s="13" t="s">
        <v>369</v>
      </c>
      <c r="B71632" s="14" t="s">
        <v>1</v>
      </c>
      <c r="C71632" s="14" t="s">
        <v>70</v>
      </c>
      <c r="D71632" s="14" t="s">
        <v>370</v>
      </c>
      <c r="E71632" s="15">
        <v>45468</v>
      </c>
      <c r="F71632" s="14" t="s">
        <v>61</v>
      </c>
      <c r="G71632" s="16">
        <v>1.0955497481567218</v>
      </c>
    </row>
    <row r="71633" spans="1:7" x14ac:dyDescent="0.3">
      <c r="A71633" s="13" t="s">
        <v>369</v>
      </c>
      <c r="B71633" s="14" t="s">
        <v>1</v>
      </c>
      <c r="C71633" s="14" t="s">
        <v>70</v>
      </c>
      <c r="D71633" s="14" t="s">
        <v>370</v>
      </c>
      <c r="E71633" s="15">
        <v>45469</v>
      </c>
      <c r="F71633" s="14" t="s">
        <v>61</v>
      </c>
      <c r="G71633" s="16">
        <v>1.1046000273229062</v>
      </c>
    </row>
    <row r="71634" spans="1:7" x14ac:dyDescent="0.3">
      <c r="A71634" s="13" t="s">
        <v>369</v>
      </c>
      <c r="B71634" s="14" t="s">
        <v>1</v>
      </c>
      <c r="C71634" s="14" t="s">
        <v>70</v>
      </c>
      <c r="D71634" s="14" t="s">
        <v>370</v>
      </c>
      <c r="E71634" s="15">
        <v>45470</v>
      </c>
      <c r="F71634" s="14" t="s">
        <v>61</v>
      </c>
      <c r="G71634" s="16">
        <v>1.1076849134573459</v>
      </c>
    </row>
    <row r="71635" spans="1:7" x14ac:dyDescent="0.3">
      <c r="A71635" s="13" t="s">
        <v>369</v>
      </c>
      <c r="B71635" s="14" t="s">
        <v>1</v>
      </c>
      <c r="C71635" s="14" t="s">
        <v>70</v>
      </c>
      <c r="D71635" s="14" t="s">
        <v>370</v>
      </c>
      <c r="E71635" s="15">
        <v>45471</v>
      </c>
      <c r="F71635" s="14" t="s">
        <v>61</v>
      </c>
      <c r="G71635" s="16">
        <v>1.136696979937962</v>
      </c>
    </row>
    <row r="71636" spans="1:7" x14ac:dyDescent="0.3">
      <c r="A71636" s="13" t="s">
        <v>369</v>
      </c>
      <c r="B71636" s="14" t="s">
        <v>1</v>
      </c>
      <c r="C71636" s="14" t="s">
        <v>70</v>
      </c>
      <c r="D71636" s="14" t="s">
        <v>370</v>
      </c>
      <c r="E71636" s="15">
        <v>45472</v>
      </c>
      <c r="F71636" s="14" t="s">
        <v>61</v>
      </c>
      <c r="G71636" s="16">
        <v>1.136696979937962</v>
      </c>
    </row>
    <row r="71637" spans="1:7" x14ac:dyDescent="0.3">
      <c r="A71637" s="13" t="s">
        <v>369</v>
      </c>
      <c r="B71637" s="14" t="s">
        <v>1</v>
      </c>
      <c r="C71637" s="14" t="s">
        <v>70</v>
      </c>
      <c r="D71637" s="14" t="s">
        <v>370</v>
      </c>
      <c r="E71637" s="15">
        <v>45473</v>
      </c>
      <c r="F71637" s="14" t="s">
        <v>61</v>
      </c>
      <c r="G71637" s="16">
        <v>1.136696979937962</v>
      </c>
    </row>
    <row r="71638" spans="1:7" x14ac:dyDescent="0.3">
      <c r="A71638" s="13" t="s">
        <v>369</v>
      </c>
      <c r="B71638" s="14" t="s">
        <v>1</v>
      </c>
      <c r="C71638" s="14" t="s">
        <v>70</v>
      </c>
      <c r="D71638" s="14" t="s">
        <v>370</v>
      </c>
      <c r="E71638" s="15">
        <v>45474</v>
      </c>
      <c r="F71638" s="14" t="s">
        <v>61</v>
      </c>
      <c r="G71638" s="16">
        <v>1.1447438278150053</v>
      </c>
    </row>
    <row r="71639" spans="1:7" x14ac:dyDescent="0.3">
      <c r="A71639" s="13" t="s">
        <v>369</v>
      </c>
      <c r="B71639" s="14" t="s">
        <v>1</v>
      </c>
      <c r="C71639" s="14" t="s">
        <v>70</v>
      </c>
      <c r="D71639" s="14" t="s">
        <v>370</v>
      </c>
      <c r="E71639" s="15">
        <v>45475</v>
      </c>
      <c r="F71639" s="14" t="s">
        <v>61</v>
      </c>
      <c r="G71639" s="16">
        <v>1.1630425608608705</v>
      </c>
    </row>
    <row r="71640" spans="1:7" x14ac:dyDescent="0.3">
      <c r="A71640" s="13" t="s">
        <v>369</v>
      </c>
      <c r="B71640" s="14" t="s">
        <v>1</v>
      </c>
      <c r="C71640" s="14" t="s">
        <v>70</v>
      </c>
      <c r="D71640" s="14" t="s">
        <v>370</v>
      </c>
      <c r="E71640" s="15">
        <v>45476</v>
      </c>
      <c r="F71640" s="14" t="s">
        <v>61</v>
      </c>
      <c r="G71640" s="16">
        <v>1.1972570643117975</v>
      </c>
    </row>
    <row r="71641" spans="1:7" x14ac:dyDescent="0.3">
      <c r="A71641" s="13" t="s">
        <v>369</v>
      </c>
      <c r="B71641" s="14" t="s">
        <v>1</v>
      </c>
      <c r="C71641" s="14" t="s">
        <v>70</v>
      </c>
      <c r="D71641" s="14" t="s">
        <v>370</v>
      </c>
      <c r="E71641" s="15">
        <v>45477</v>
      </c>
      <c r="F71641" s="14" t="s">
        <v>61</v>
      </c>
      <c r="G71641" s="16">
        <v>1.2000464361370944</v>
      </c>
    </row>
    <row r="71642" spans="1:7" x14ac:dyDescent="0.3">
      <c r="A71642" s="13" t="s">
        <v>369</v>
      </c>
      <c r="B71642" s="14" t="s">
        <v>1</v>
      </c>
      <c r="C71642" s="14" t="s">
        <v>70</v>
      </c>
      <c r="D71642" s="14" t="s">
        <v>370</v>
      </c>
      <c r="E71642" s="15">
        <v>45478</v>
      </c>
      <c r="F71642" s="14" t="s">
        <v>61</v>
      </c>
      <c r="G71642" s="16">
        <v>1.2025189722928811</v>
      </c>
    </row>
    <row r="71643" spans="1:7" x14ac:dyDescent="0.3">
      <c r="A71643" s="13" t="s">
        <v>369</v>
      </c>
      <c r="B71643" s="14" t="s">
        <v>1</v>
      </c>
      <c r="C71643" s="14" t="s">
        <v>70</v>
      </c>
      <c r="D71643" s="14" t="s">
        <v>370</v>
      </c>
      <c r="E71643" s="15">
        <v>45479</v>
      </c>
      <c r="F71643" s="14" t="s">
        <v>61</v>
      </c>
      <c r="G71643" s="16">
        <v>1.2025189722928811</v>
      </c>
    </row>
    <row r="71644" spans="1:7" x14ac:dyDescent="0.3">
      <c r="A71644" s="13" t="s">
        <v>369</v>
      </c>
      <c r="B71644" s="14" t="s">
        <v>1</v>
      </c>
      <c r="C71644" s="14" t="s">
        <v>70</v>
      </c>
      <c r="D71644" s="14" t="s">
        <v>370</v>
      </c>
      <c r="E71644" s="15">
        <v>45480</v>
      </c>
      <c r="F71644" s="14" t="s">
        <v>61</v>
      </c>
      <c r="G71644" s="16">
        <v>1.2025189722928811</v>
      </c>
    </row>
    <row r="71645" spans="1:7" x14ac:dyDescent="0.3">
      <c r="A71645" s="13" t="s">
        <v>369</v>
      </c>
      <c r="B71645" s="14" t="s">
        <v>1</v>
      </c>
      <c r="C71645" s="14" t="s">
        <v>70</v>
      </c>
      <c r="D71645" s="14" t="s">
        <v>370</v>
      </c>
      <c r="E71645" s="15">
        <v>45481</v>
      </c>
      <c r="F71645" s="14" t="s">
        <v>61</v>
      </c>
      <c r="G71645" s="16">
        <v>1.2286817808861139</v>
      </c>
    </row>
    <row r="71646" spans="1:7" x14ac:dyDescent="0.3">
      <c r="A71646" s="13" t="s">
        <v>369</v>
      </c>
      <c r="B71646" s="14" t="s">
        <v>1</v>
      </c>
      <c r="C71646" s="14" t="s">
        <v>70</v>
      </c>
      <c r="D71646" s="14" t="s">
        <v>370</v>
      </c>
      <c r="E71646" s="15">
        <v>45482</v>
      </c>
      <c r="F71646" s="14" t="s">
        <v>61</v>
      </c>
      <c r="G71646" s="16">
        <v>1.2461811725893315</v>
      </c>
    </row>
    <row r="71647" spans="1:7" x14ac:dyDescent="0.3">
      <c r="A71647" s="13" t="s">
        <v>369</v>
      </c>
      <c r="B71647" s="14" t="s">
        <v>1</v>
      </c>
      <c r="C71647" s="14" t="s">
        <v>70</v>
      </c>
      <c r="D71647" s="14" t="s">
        <v>370</v>
      </c>
      <c r="E71647" s="15">
        <v>45483</v>
      </c>
      <c r="F71647" s="14" t="s">
        <v>61</v>
      </c>
      <c r="G71647" s="16">
        <v>1.2529683887510401</v>
      </c>
    </row>
    <row r="71648" spans="1:7" x14ac:dyDescent="0.3">
      <c r="A71648" s="13" t="s">
        <v>369</v>
      </c>
      <c r="B71648" s="14" t="s">
        <v>1</v>
      </c>
      <c r="C71648" s="14" t="s">
        <v>70</v>
      </c>
      <c r="D71648" s="14" t="s">
        <v>370</v>
      </c>
      <c r="E71648" s="15">
        <v>45484</v>
      </c>
      <c r="F71648" s="14" t="s">
        <v>61</v>
      </c>
      <c r="G71648" s="16">
        <v>1.2671332222717517</v>
      </c>
    </row>
    <row r="71649" spans="1:7" x14ac:dyDescent="0.3">
      <c r="A71649" s="13" t="s">
        <v>369</v>
      </c>
      <c r="B71649" s="14" t="s">
        <v>1</v>
      </c>
      <c r="C71649" s="14" t="s">
        <v>70</v>
      </c>
      <c r="D71649" s="14" t="s">
        <v>370</v>
      </c>
      <c r="E71649" s="15">
        <v>45485</v>
      </c>
      <c r="F71649" s="14" t="s">
        <v>61</v>
      </c>
      <c r="G71649" s="16">
        <v>1.2706126335094747</v>
      </c>
    </row>
    <row r="71650" spans="1:7" x14ac:dyDescent="0.3">
      <c r="A71650" s="13" t="s">
        <v>369</v>
      </c>
      <c r="B71650" s="14" t="s">
        <v>1</v>
      </c>
      <c r="C71650" s="14" t="s">
        <v>70</v>
      </c>
      <c r="D71650" s="14" t="s">
        <v>370</v>
      </c>
      <c r="E71650" s="15">
        <v>45486</v>
      </c>
      <c r="F71650" s="14" t="s">
        <v>61</v>
      </c>
      <c r="G71650" s="16">
        <v>1.2706126335094747</v>
      </c>
    </row>
    <row r="71651" spans="1:7" x14ac:dyDescent="0.3">
      <c r="A71651" s="13" t="s">
        <v>369</v>
      </c>
      <c r="B71651" s="14" t="s">
        <v>1</v>
      </c>
      <c r="C71651" s="14" t="s">
        <v>70</v>
      </c>
      <c r="D71651" s="14" t="s">
        <v>370</v>
      </c>
      <c r="E71651" s="15">
        <v>45487</v>
      </c>
      <c r="F71651" s="14" t="s">
        <v>61</v>
      </c>
      <c r="G71651" s="16">
        <v>1.2706126335094747</v>
      </c>
    </row>
    <row r="71652" spans="1:7" x14ac:dyDescent="0.3">
      <c r="A71652" s="13" t="s">
        <v>369</v>
      </c>
      <c r="B71652" s="14" t="s">
        <v>1</v>
      </c>
      <c r="C71652" s="14" t="s">
        <v>70</v>
      </c>
      <c r="D71652" s="14" t="s">
        <v>370</v>
      </c>
      <c r="E71652" s="15">
        <v>45488</v>
      </c>
      <c r="F71652" s="14" t="s">
        <v>61</v>
      </c>
      <c r="G71652" s="16">
        <v>1.2766181624366746</v>
      </c>
    </row>
    <row r="71653" spans="1:7" x14ac:dyDescent="0.3">
      <c r="A71653" s="13" t="s">
        <v>369</v>
      </c>
      <c r="B71653" s="14" t="s">
        <v>1</v>
      </c>
      <c r="C71653" s="14" t="s">
        <v>70</v>
      </c>
      <c r="D71653" s="14" t="s">
        <v>370</v>
      </c>
      <c r="E71653" s="15">
        <v>45489</v>
      </c>
      <c r="F71653" s="14" t="s">
        <v>61</v>
      </c>
      <c r="G71653" s="16">
        <v>1.2918018972158927</v>
      </c>
    </row>
    <row r="71654" spans="1:7" x14ac:dyDescent="0.3">
      <c r="A71654" s="13" t="s">
        <v>369</v>
      </c>
      <c r="B71654" s="14" t="s">
        <v>1</v>
      </c>
      <c r="C71654" s="14" t="s">
        <v>70</v>
      </c>
      <c r="D71654" s="14" t="s">
        <v>370</v>
      </c>
      <c r="E71654" s="15">
        <v>45490</v>
      </c>
      <c r="F71654" s="14" t="s">
        <v>61</v>
      </c>
      <c r="G71654" s="16">
        <v>1.2923848280376131</v>
      </c>
    </row>
    <row r="71655" spans="1:7" x14ac:dyDescent="0.3">
      <c r="A71655" s="13" t="s">
        <v>369</v>
      </c>
      <c r="B71655" s="14" t="s">
        <v>1</v>
      </c>
      <c r="C71655" s="14" t="s">
        <v>70</v>
      </c>
      <c r="D71655" s="14" t="s">
        <v>370</v>
      </c>
      <c r="E71655" s="15">
        <v>45491</v>
      </c>
      <c r="F71655" s="14" t="s">
        <v>61</v>
      </c>
      <c r="G71655" s="16">
        <v>1.3168530532200873</v>
      </c>
    </row>
    <row r="71656" spans="1:7" x14ac:dyDescent="0.3">
      <c r="A71656" s="13" t="s">
        <v>369</v>
      </c>
      <c r="B71656" s="14" t="s">
        <v>1</v>
      </c>
      <c r="C71656" s="14" t="s">
        <v>70</v>
      </c>
      <c r="D71656" s="14" t="s">
        <v>370</v>
      </c>
      <c r="E71656" s="15">
        <v>45492</v>
      </c>
      <c r="F71656" s="14" t="s">
        <v>61</v>
      </c>
      <c r="G71656" s="16">
        <v>1.3240325620090316</v>
      </c>
    </row>
    <row r="71657" spans="1:7" x14ac:dyDescent="0.3">
      <c r="A71657" s="13" t="s">
        <v>369</v>
      </c>
      <c r="B71657" s="14" t="s">
        <v>1</v>
      </c>
      <c r="C71657" s="14" t="s">
        <v>70</v>
      </c>
      <c r="D71657" s="14" t="s">
        <v>370</v>
      </c>
      <c r="E71657" s="15">
        <v>45493</v>
      </c>
      <c r="F71657" s="14" t="s">
        <v>61</v>
      </c>
      <c r="G71657" s="16">
        <v>1.3240325620090316</v>
      </c>
    </row>
    <row r="71658" spans="1:7" x14ac:dyDescent="0.3">
      <c r="A71658" s="13" t="s">
        <v>369</v>
      </c>
      <c r="B71658" s="14" t="s">
        <v>1</v>
      </c>
      <c r="C71658" s="14" t="s">
        <v>70</v>
      </c>
      <c r="D71658" s="14" t="s">
        <v>370</v>
      </c>
      <c r="E71658" s="15">
        <v>45494</v>
      </c>
      <c r="F71658" s="14" t="s">
        <v>61</v>
      </c>
      <c r="G71658" s="16">
        <v>1.3240325620090316</v>
      </c>
    </row>
    <row r="71659" spans="1:7" x14ac:dyDescent="0.3">
      <c r="A71659" s="13" t="s">
        <v>369</v>
      </c>
      <c r="B71659" s="14" t="s">
        <v>1</v>
      </c>
      <c r="C71659" s="14" t="s">
        <v>70</v>
      </c>
      <c r="D71659" s="14" t="s">
        <v>370</v>
      </c>
      <c r="E71659" s="15">
        <v>45495</v>
      </c>
      <c r="F71659" s="14" t="s">
        <v>61</v>
      </c>
      <c r="G71659" s="16">
        <v>1.3316237503976105</v>
      </c>
    </row>
    <row r="71660" spans="1:7" x14ac:dyDescent="0.3">
      <c r="A71660" s="13" t="s">
        <v>369</v>
      </c>
      <c r="B71660" s="14" t="s">
        <v>1</v>
      </c>
      <c r="C71660" s="14" t="s">
        <v>70</v>
      </c>
      <c r="D71660" s="14" t="s">
        <v>370</v>
      </c>
      <c r="E71660" s="15">
        <v>45496</v>
      </c>
      <c r="F71660" s="14" t="s">
        <v>61</v>
      </c>
      <c r="G71660" s="16">
        <v>1.3734252866936389</v>
      </c>
    </row>
    <row r="71661" spans="1:7" x14ac:dyDescent="0.3">
      <c r="A71661" s="13" t="s">
        <v>369</v>
      </c>
      <c r="B71661" s="14" t="s">
        <v>1</v>
      </c>
      <c r="C71661" s="14" t="s">
        <v>70</v>
      </c>
      <c r="D71661" s="14" t="s">
        <v>370</v>
      </c>
      <c r="E71661" s="15">
        <v>45497</v>
      </c>
      <c r="F71661" s="14" t="s">
        <v>61</v>
      </c>
      <c r="G71661" s="16">
        <v>1.3817272568633734</v>
      </c>
    </row>
    <row r="71662" spans="1:7" x14ac:dyDescent="0.3">
      <c r="A71662" s="13" t="s">
        <v>369</v>
      </c>
      <c r="B71662" s="14" t="s">
        <v>1</v>
      </c>
      <c r="C71662" s="14" t="s">
        <v>70</v>
      </c>
      <c r="D71662" s="14" t="s">
        <v>370</v>
      </c>
      <c r="E71662" s="15">
        <v>45498</v>
      </c>
      <c r="F71662" s="14" t="s">
        <v>61</v>
      </c>
      <c r="G71662" s="16">
        <v>1.386434004456045</v>
      </c>
    </row>
    <row r="71663" spans="1:7" x14ac:dyDescent="0.3">
      <c r="A71663" s="13" t="s">
        <v>369</v>
      </c>
      <c r="B71663" s="14" t="s">
        <v>1</v>
      </c>
      <c r="C71663" s="14" t="s">
        <v>70</v>
      </c>
      <c r="D71663" s="14" t="s">
        <v>370</v>
      </c>
      <c r="E71663" s="15">
        <v>45499</v>
      </c>
      <c r="F71663" s="14" t="s">
        <v>61</v>
      </c>
      <c r="G71663" s="16">
        <v>1.3903670941982182</v>
      </c>
    </row>
    <row r="71664" spans="1:7" x14ac:dyDescent="0.3">
      <c r="A71664" s="13" t="s">
        <v>369</v>
      </c>
      <c r="B71664" s="14" t="s">
        <v>1</v>
      </c>
      <c r="C71664" s="14" t="s">
        <v>70</v>
      </c>
      <c r="D71664" s="14" t="s">
        <v>370</v>
      </c>
      <c r="E71664" s="15">
        <v>45500</v>
      </c>
      <c r="F71664" s="14" t="s">
        <v>61</v>
      </c>
      <c r="G71664" s="16">
        <v>1.3903670941982182</v>
      </c>
    </row>
    <row r="71665" spans="1:7" x14ac:dyDescent="0.3">
      <c r="A71665" s="13" t="s">
        <v>369</v>
      </c>
      <c r="B71665" s="14" t="s">
        <v>1</v>
      </c>
      <c r="C71665" s="14" t="s">
        <v>70</v>
      </c>
      <c r="D71665" s="14" t="s">
        <v>370</v>
      </c>
      <c r="E71665" s="15">
        <v>45501</v>
      </c>
      <c r="F71665" s="14" t="s">
        <v>61</v>
      </c>
      <c r="G71665" s="16">
        <v>1.3903670941982182</v>
      </c>
    </row>
    <row r="71666" spans="1:7" x14ac:dyDescent="0.3">
      <c r="A71666" s="13" t="s">
        <v>369</v>
      </c>
      <c r="B71666" s="14" t="s">
        <v>1</v>
      </c>
      <c r="C71666" s="14" t="s">
        <v>70</v>
      </c>
      <c r="D71666" s="14" t="s">
        <v>370</v>
      </c>
      <c r="E71666" s="15">
        <v>45502</v>
      </c>
      <c r="F71666" s="14" t="s">
        <v>61</v>
      </c>
      <c r="G71666" s="16">
        <v>1.401870028616387</v>
      </c>
    </row>
    <row r="71667" spans="1:7" x14ac:dyDescent="0.3">
      <c r="A71667" s="13" t="s">
        <v>369</v>
      </c>
      <c r="B71667" s="14" t="s">
        <v>1</v>
      </c>
      <c r="C71667" s="14" t="s">
        <v>70</v>
      </c>
      <c r="D71667" s="14" t="s">
        <v>370</v>
      </c>
      <c r="E71667" s="15">
        <v>45503</v>
      </c>
      <c r="F71667" s="14" t="s">
        <v>61</v>
      </c>
      <c r="G71667" s="16">
        <v>1.4189808528221932</v>
      </c>
    </row>
    <row r="71668" spans="1:7" x14ac:dyDescent="0.3">
      <c r="A71668" s="13" t="s">
        <v>369</v>
      </c>
      <c r="B71668" s="14" t="s">
        <v>1</v>
      </c>
      <c r="C71668" s="14" t="s">
        <v>70</v>
      </c>
      <c r="D71668" s="14" t="s">
        <v>370</v>
      </c>
      <c r="E71668" s="15">
        <v>45504</v>
      </c>
      <c r="F71668" s="14" t="s">
        <v>61</v>
      </c>
      <c r="G71668" s="16">
        <v>1.4236745892854381</v>
      </c>
    </row>
    <row r="71669" spans="1:7" x14ac:dyDescent="0.3">
      <c r="A71669" s="13" t="s">
        <v>369</v>
      </c>
      <c r="B71669" s="14" t="s">
        <v>1</v>
      </c>
      <c r="C71669" s="14" t="s">
        <v>70</v>
      </c>
      <c r="D71669" s="14" t="s">
        <v>370</v>
      </c>
      <c r="E71669" s="15">
        <v>45505</v>
      </c>
      <c r="F71669" s="14" t="s">
        <v>61</v>
      </c>
      <c r="G71669" s="16">
        <v>1.4236745892854381</v>
      </c>
    </row>
    <row r="71670" spans="1:7" x14ac:dyDescent="0.3">
      <c r="A71670" s="13" t="s">
        <v>369</v>
      </c>
      <c r="B71670" s="14" t="s">
        <v>1</v>
      </c>
      <c r="C71670" s="14" t="s">
        <v>70</v>
      </c>
      <c r="D71670" s="14" t="s">
        <v>370</v>
      </c>
      <c r="E71670" s="15">
        <v>45506</v>
      </c>
      <c r="F71670" s="14" t="s">
        <v>61</v>
      </c>
      <c r="G71670" s="16">
        <v>1.4288641903509998</v>
      </c>
    </row>
    <row r="71671" spans="1:7" x14ac:dyDescent="0.3">
      <c r="A71671" s="13" t="s">
        <v>369</v>
      </c>
      <c r="B71671" s="14" t="s">
        <v>1</v>
      </c>
      <c r="C71671" s="14" t="s">
        <v>70</v>
      </c>
      <c r="D71671" s="14" t="s">
        <v>370</v>
      </c>
      <c r="E71671" s="15">
        <v>45507</v>
      </c>
      <c r="F71671" s="14" t="s">
        <v>61</v>
      </c>
      <c r="G71671" s="16">
        <v>1.4288641903509998</v>
      </c>
    </row>
    <row r="71672" spans="1:7" x14ac:dyDescent="0.3">
      <c r="A71672" s="13" t="s">
        <v>369</v>
      </c>
      <c r="B71672" s="14" t="s">
        <v>1</v>
      </c>
      <c r="C71672" s="14" t="s">
        <v>70</v>
      </c>
      <c r="D71672" s="14" t="s">
        <v>370</v>
      </c>
      <c r="E71672" s="15">
        <v>45508</v>
      </c>
      <c r="F71672" s="14" t="s">
        <v>61</v>
      </c>
      <c r="G71672" s="16">
        <v>1.4288641903509998</v>
      </c>
    </row>
    <row r="71673" spans="1:7" x14ac:dyDescent="0.3">
      <c r="A71673" s="13" t="s">
        <v>369</v>
      </c>
      <c r="B71673" s="14" t="s">
        <v>1</v>
      </c>
      <c r="C71673" s="14" t="s">
        <v>70</v>
      </c>
      <c r="D71673" s="14" t="s">
        <v>370</v>
      </c>
      <c r="E71673" s="15">
        <v>45509</v>
      </c>
      <c r="F71673" s="14" t="s">
        <v>61</v>
      </c>
      <c r="G71673" s="16">
        <v>1.4288641903509998</v>
      </c>
    </row>
    <row r="71674" spans="1:7" x14ac:dyDescent="0.3">
      <c r="A71674" s="13" t="s">
        <v>369</v>
      </c>
      <c r="B71674" s="14" t="s">
        <v>1</v>
      </c>
      <c r="C71674" s="14" t="s">
        <v>70</v>
      </c>
      <c r="D71674" s="14" t="s">
        <v>370</v>
      </c>
      <c r="E71674" s="15">
        <v>45510</v>
      </c>
      <c r="F71674" s="14" t="s">
        <v>61</v>
      </c>
      <c r="G71674" s="16">
        <v>1.4342533556092212</v>
      </c>
    </row>
    <row r="71675" spans="1:7" x14ac:dyDescent="0.3">
      <c r="A71675" s="13" t="s">
        <v>369</v>
      </c>
      <c r="B71675" s="14" t="s">
        <v>1</v>
      </c>
      <c r="C71675" s="14" t="s">
        <v>70</v>
      </c>
      <c r="D71675" s="14" t="s">
        <v>370</v>
      </c>
      <c r="E71675" s="15">
        <v>45511</v>
      </c>
      <c r="F71675" s="14" t="s">
        <v>61</v>
      </c>
      <c r="G71675" s="16">
        <v>1.4879916102633801</v>
      </c>
    </row>
    <row r="71676" spans="1:7" x14ac:dyDescent="0.3">
      <c r="A71676" s="13" t="s">
        <v>369</v>
      </c>
      <c r="B71676" s="14" t="s">
        <v>1</v>
      </c>
      <c r="C71676" s="14" t="s">
        <v>70</v>
      </c>
      <c r="D71676" s="14" t="s">
        <v>370</v>
      </c>
      <c r="E71676" s="15">
        <v>45512</v>
      </c>
      <c r="F71676" s="14" t="s">
        <v>61</v>
      </c>
      <c r="G71676" s="16">
        <v>1.4940536214396414</v>
      </c>
    </row>
    <row r="71677" spans="1:7" x14ac:dyDescent="0.3">
      <c r="A71677" s="13" t="s">
        <v>369</v>
      </c>
      <c r="B71677" s="14" t="s">
        <v>1</v>
      </c>
      <c r="C71677" s="14" t="s">
        <v>70</v>
      </c>
      <c r="D71677" s="14" t="s">
        <v>370</v>
      </c>
      <c r="E71677" s="15">
        <v>45513</v>
      </c>
      <c r="F71677" s="14" t="s">
        <v>61</v>
      </c>
      <c r="G71677" s="16">
        <v>1.5140846152762417</v>
      </c>
    </row>
    <row r="71678" spans="1:7" x14ac:dyDescent="0.3">
      <c r="A71678" s="13" t="s">
        <v>369</v>
      </c>
      <c r="B71678" s="14" t="s">
        <v>1</v>
      </c>
      <c r="C71678" s="14" t="s">
        <v>70</v>
      </c>
      <c r="D71678" s="14" t="s">
        <v>370</v>
      </c>
      <c r="E71678" s="15">
        <v>45514</v>
      </c>
      <c r="F71678" s="14" t="s">
        <v>61</v>
      </c>
      <c r="G71678" s="16">
        <v>1.5140846152762417</v>
      </c>
    </row>
    <row r="71679" spans="1:7" x14ac:dyDescent="0.3">
      <c r="A71679" s="13" t="s">
        <v>369</v>
      </c>
      <c r="B71679" s="14" t="s">
        <v>1</v>
      </c>
      <c r="C71679" s="14" t="s">
        <v>70</v>
      </c>
      <c r="D71679" s="14" t="s">
        <v>370</v>
      </c>
      <c r="E71679" s="15">
        <v>45515</v>
      </c>
      <c r="F71679" s="14" t="s">
        <v>61</v>
      </c>
      <c r="G71679" s="16">
        <v>1.5140846152762417</v>
      </c>
    </row>
    <row r="71680" spans="1:7" x14ac:dyDescent="0.3">
      <c r="A71680" s="13" t="s">
        <v>369</v>
      </c>
      <c r="B71680" s="14" t="s">
        <v>1</v>
      </c>
      <c r="C71680" s="14" t="s">
        <v>70</v>
      </c>
      <c r="D71680" s="14" t="s">
        <v>370</v>
      </c>
      <c r="E71680" s="15">
        <v>45516</v>
      </c>
      <c r="F71680" s="14" t="s">
        <v>61</v>
      </c>
      <c r="G71680" s="16">
        <v>1.5314257462239369</v>
      </c>
    </row>
    <row r="71681" spans="1:7" x14ac:dyDescent="0.3">
      <c r="A71681" s="13" t="s">
        <v>369</v>
      </c>
      <c r="B71681" s="14" t="s">
        <v>1</v>
      </c>
      <c r="C71681" s="14" t="s">
        <v>70</v>
      </c>
      <c r="D71681" s="14" t="s">
        <v>370</v>
      </c>
      <c r="E71681" s="15">
        <v>45517</v>
      </c>
      <c r="F71681" s="14" t="s">
        <v>61</v>
      </c>
      <c r="G71681" s="16">
        <v>1.5427412439224455</v>
      </c>
    </row>
    <row r="71682" spans="1:7" x14ac:dyDescent="0.3">
      <c r="A71682" s="13" t="s">
        <v>369</v>
      </c>
      <c r="B71682" s="14" t="s">
        <v>1</v>
      </c>
      <c r="C71682" s="14" t="s">
        <v>70</v>
      </c>
      <c r="D71682" s="14" t="s">
        <v>370</v>
      </c>
      <c r="E71682" s="15">
        <v>45518</v>
      </c>
      <c r="F71682" s="14" t="s">
        <v>61</v>
      </c>
      <c r="G71682" s="16">
        <v>1.5448152250289557</v>
      </c>
    </row>
    <row r="71683" spans="1:7" x14ac:dyDescent="0.3">
      <c r="A71683" s="13" t="s">
        <v>369</v>
      </c>
      <c r="B71683" s="14" t="s">
        <v>1</v>
      </c>
      <c r="C71683" s="14" t="s">
        <v>70</v>
      </c>
      <c r="D71683" s="14" t="s">
        <v>370</v>
      </c>
      <c r="E71683" s="15">
        <v>45519</v>
      </c>
      <c r="F71683" s="14" t="s">
        <v>61</v>
      </c>
      <c r="G71683" s="16">
        <v>1.5559380629926927</v>
      </c>
    </row>
    <row r="71684" spans="1:7" x14ac:dyDescent="0.3">
      <c r="A71684" s="13" t="s">
        <v>369</v>
      </c>
      <c r="B71684" s="14" t="s">
        <v>1</v>
      </c>
      <c r="C71684" s="14" t="s">
        <v>70</v>
      </c>
      <c r="D71684" s="14" t="s">
        <v>370</v>
      </c>
      <c r="E71684" s="15">
        <v>45520</v>
      </c>
      <c r="F71684" s="14" t="s">
        <v>61</v>
      </c>
      <c r="G71684" s="16">
        <v>1.6075044155646421</v>
      </c>
    </row>
    <row r="71685" spans="1:7" x14ac:dyDescent="0.3">
      <c r="A71685" s="13" t="s">
        <v>369</v>
      </c>
      <c r="B71685" s="14" t="s">
        <v>1</v>
      </c>
      <c r="C71685" s="14" t="s">
        <v>70</v>
      </c>
      <c r="D71685" s="14" t="s">
        <v>370</v>
      </c>
      <c r="E71685" s="15">
        <v>45521</v>
      </c>
      <c r="F71685" s="14" t="s">
        <v>61</v>
      </c>
      <c r="G71685" s="16">
        <v>1.6075044155646421</v>
      </c>
    </row>
    <row r="71686" spans="1:7" x14ac:dyDescent="0.3">
      <c r="A71686" s="13" t="s">
        <v>369</v>
      </c>
      <c r="B71686" s="14" t="s">
        <v>1</v>
      </c>
      <c r="C71686" s="14" t="s">
        <v>70</v>
      </c>
      <c r="D71686" s="14" t="s">
        <v>370</v>
      </c>
      <c r="E71686" s="15">
        <v>45522</v>
      </c>
      <c r="F71686" s="14" t="s">
        <v>61</v>
      </c>
      <c r="G71686" s="16">
        <v>1.6075044155646421</v>
      </c>
    </row>
    <row r="71687" spans="1:7" x14ac:dyDescent="0.3">
      <c r="A71687" s="13" t="s">
        <v>369</v>
      </c>
      <c r="B71687" s="14" t="s">
        <v>1</v>
      </c>
      <c r="C71687" s="14" t="s">
        <v>70</v>
      </c>
      <c r="D71687" s="14" t="s">
        <v>370</v>
      </c>
      <c r="E71687" s="15">
        <v>45523</v>
      </c>
      <c r="F71687" s="14" t="s">
        <v>61</v>
      </c>
      <c r="G71687" s="16">
        <v>1.6174216637700893</v>
      </c>
    </row>
    <row r="71688" spans="1:7" x14ac:dyDescent="0.3">
      <c r="A71688" s="13" t="s">
        <v>369</v>
      </c>
      <c r="B71688" s="14" t="s">
        <v>1</v>
      </c>
      <c r="C71688" s="14" t="s">
        <v>70</v>
      </c>
      <c r="D71688" s="14" t="s">
        <v>370</v>
      </c>
      <c r="E71688" s="15">
        <v>45524</v>
      </c>
      <c r="F71688" s="14" t="s">
        <v>61</v>
      </c>
      <c r="G71688" s="16">
        <v>1.6394247286285166</v>
      </c>
    </row>
    <row r="71689" spans="1:7" x14ac:dyDescent="0.3">
      <c r="A71689" s="13" t="s">
        <v>369</v>
      </c>
      <c r="B71689" s="14" t="s">
        <v>1</v>
      </c>
      <c r="C71689" s="14" t="s">
        <v>70</v>
      </c>
      <c r="D71689" s="14" t="s">
        <v>370</v>
      </c>
      <c r="E71689" s="15">
        <v>45525</v>
      </c>
      <c r="F71689" s="14" t="s">
        <v>61</v>
      </c>
      <c r="G71689" s="16">
        <v>1.6495279709075947</v>
      </c>
    </row>
    <row r="71690" spans="1:7" x14ac:dyDescent="0.3">
      <c r="A71690" s="13" t="s">
        <v>369</v>
      </c>
      <c r="B71690" s="14" t="s">
        <v>1</v>
      </c>
      <c r="C71690" s="14" t="s">
        <v>70</v>
      </c>
      <c r="D71690" s="14" t="s">
        <v>370</v>
      </c>
      <c r="E71690" s="15">
        <v>45526</v>
      </c>
      <c r="F71690" s="14" t="s">
        <v>61</v>
      </c>
      <c r="G71690" s="16">
        <v>1.6617070800633229</v>
      </c>
    </row>
    <row r="71691" spans="1:7" x14ac:dyDescent="0.3">
      <c r="A71691" s="13" t="s">
        <v>369</v>
      </c>
      <c r="B71691" s="14" t="s">
        <v>1</v>
      </c>
      <c r="C71691" s="14" t="s">
        <v>70</v>
      </c>
      <c r="D71691" s="14" t="s">
        <v>370</v>
      </c>
      <c r="E71691" s="15">
        <v>45527</v>
      </c>
      <c r="F71691" s="14" t="s">
        <v>61</v>
      </c>
      <c r="G71691" s="16">
        <v>1.6562474079135125</v>
      </c>
    </row>
    <row r="71692" spans="1:7" x14ac:dyDescent="0.3">
      <c r="A71692" s="13" t="s">
        <v>369</v>
      </c>
      <c r="B71692" s="14" t="s">
        <v>1</v>
      </c>
      <c r="C71692" s="14" t="s">
        <v>70</v>
      </c>
      <c r="D71692" s="14" t="s">
        <v>370</v>
      </c>
      <c r="E71692" s="15">
        <v>45528</v>
      </c>
      <c r="F71692" s="14" t="s">
        <v>61</v>
      </c>
      <c r="G71692" s="16">
        <v>1.6562474079135125</v>
      </c>
    </row>
    <row r="71693" spans="1:7" x14ac:dyDescent="0.3">
      <c r="A71693" s="13" t="s">
        <v>369</v>
      </c>
      <c r="B71693" s="14" t="s">
        <v>1</v>
      </c>
      <c r="C71693" s="14" t="s">
        <v>70</v>
      </c>
      <c r="D71693" s="14" t="s">
        <v>370</v>
      </c>
      <c r="E71693" s="15">
        <v>45529</v>
      </c>
      <c r="F71693" s="14" t="s">
        <v>61</v>
      </c>
      <c r="G71693" s="16">
        <v>1.6562474079135125</v>
      </c>
    </row>
    <row r="71694" spans="1:7" x14ac:dyDescent="0.3">
      <c r="A71694" s="13" t="s">
        <v>369</v>
      </c>
      <c r="B71694" s="14" t="s">
        <v>1</v>
      </c>
      <c r="C71694" s="14" t="s">
        <v>70</v>
      </c>
      <c r="D71694" s="14" t="s">
        <v>370</v>
      </c>
      <c r="E71694" s="15">
        <v>45530</v>
      </c>
      <c r="F71694" s="14" t="s">
        <v>61</v>
      </c>
      <c r="G71694" s="16">
        <v>1.6660079975528648</v>
      </c>
    </row>
    <row r="71695" spans="1:7" x14ac:dyDescent="0.3">
      <c r="A71695" s="13" t="s">
        <v>369</v>
      </c>
      <c r="B71695" s="14" t="s">
        <v>1</v>
      </c>
      <c r="C71695" s="14" t="s">
        <v>70</v>
      </c>
      <c r="D71695" s="14" t="s">
        <v>370</v>
      </c>
      <c r="E71695" s="15">
        <v>45531</v>
      </c>
      <c r="F71695" s="14" t="s">
        <v>61</v>
      </c>
      <c r="G71695" s="16">
        <v>1.6789188482142303</v>
      </c>
    </row>
    <row r="71696" spans="1:7" x14ac:dyDescent="0.3">
      <c r="A71696" s="13" t="s">
        <v>369</v>
      </c>
      <c r="B71696" s="14" t="s">
        <v>1</v>
      </c>
      <c r="C71696" s="14" t="s">
        <v>70</v>
      </c>
      <c r="D71696" s="14" t="s">
        <v>370</v>
      </c>
      <c r="E71696" s="15">
        <v>45532</v>
      </c>
      <c r="F71696" s="14" t="s">
        <v>61</v>
      </c>
      <c r="G71696" s="16">
        <v>1.7030950993669274</v>
      </c>
    </row>
    <row r="71697" spans="1:7" x14ac:dyDescent="0.3">
      <c r="A71697" s="13" t="s">
        <v>369</v>
      </c>
      <c r="B71697" s="14" t="s">
        <v>1</v>
      </c>
      <c r="C71697" s="14" t="s">
        <v>70</v>
      </c>
      <c r="D71697" s="14" t="s">
        <v>370</v>
      </c>
      <c r="E71697" s="15">
        <v>45533</v>
      </c>
      <c r="F71697" s="14" t="s">
        <v>61</v>
      </c>
      <c r="G71697" s="16">
        <v>1.7157468640377413</v>
      </c>
    </row>
    <row r="71698" spans="1:7" x14ac:dyDescent="0.3">
      <c r="A71698" s="13" t="s">
        <v>369</v>
      </c>
      <c r="B71698" s="14" t="s">
        <v>1</v>
      </c>
      <c r="C71698" s="14" t="s">
        <v>70</v>
      </c>
      <c r="D71698" s="14" t="s">
        <v>370</v>
      </c>
      <c r="E71698" s="15">
        <v>45534</v>
      </c>
      <c r="F71698" s="14" t="s">
        <v>61</v>
      </c>
      <c r="G71698" s="16">
        <v>1.7297179370361211</v>
      </c>
    </row>
    <row r="71699" spans="1:7" x14ac:dyDescent="0.3">
      <c r="A71699" s="13" t="s">
        <v>369</v>
      </c>
      <c r="B71699" s="14" t="s">
        <v>1</v>
      </c>
      <c r="C71699" s="14" t="s">
        <v>70</v>
      </c>
      <c r="D71699" s="14" t="s">
        <v>370</v>
      </c>
      <c r="E71699" s="15">
        <v>45535</v>
      </c>
      <c r="F71699" s="14" t="s">
        <v>61</v>
      </c>
      <c r="G71699" s="16">
        <v>1.7297179370361211</v>
      </c>
    </row>
    <row r="71700" spans="1:7" x14ac:dyDescent="0.3">
      <c r="A71700" s="13" t="s">
        <v>369</v>
      </c>
      <c r="B71700" s="14" t="s">
        <v>1</v>
      </c>
      <c r="C71700" s="14" t="s">
        <v>70</v>
      </c>
      <c r="D71700" s="14" t="s">
        <v>370</v>
      </c>
      <c r="E71700" s="15">
        <v>45536</v>
      </c>
      <c r="F71700" s="14" t="s">
        <v>61</v>
      </c>
      <c r="G71700" s="16">
        <v>1.7297179370361211</v>
      </c>
    </row>
    <row r="71701" spans="1:7" x14ac:dyDescent="0.3">
      <c r="A71701" s="13" t="s">
        <v>369</v>
      </c>
      <c r="B71701" s="14" t="s">
        <v>1</v>
      </c>
      <c r="C71701" s="14" t="s">
        <v>70</v>
      </c>
      <c r="D71701" s="14" t="s">
        <v>370</v>
      </c>
      <c r="E71701" s="15">
        <v>45537</v>
      </c>
      <c r="F71701" s="14" t="s">
        <v>61</v>
      </c>
      <c r="G71701" s="16">
        <v>1.7371805622072924</v>
      </c>
    </row>
    <row r="71702" spans="1:7" x14ac:dyDescent="0.3">
      <c r="A71702" s="13" t="s">
        <v>369</v>
      </c>
      <c r="B71702" s="14" t="s">
        <v>1</v>
      </c>
      <c r="C71702" s="14" t="s">
        <v>70</v>
      </c>
      <c r="D71702" s="14" t="s">
        <v>370</v>
      </c>
      <c r="E71702" s="15">
        <v>45538</v>
      </c>
      <c r="F71702" s="14" t="s">
        <v>61</v>
      </c>
      <c r="G71702" s="16">
        <v>1.7527888151279991</v>
      </c>
    </row>
    <row r="71703" spans="1:7" x14ac:dyDescent="0.3">
      <c r="A71703" s="13" t="s">
        <v>369</v>
      </c>
      <c r="B71703" s="14" t="s">
        <v>1</v>
      </c>
      <c r="C71703" s="14" t="s">
        <v>70</v>
      </c>
      <c r="D71703" s="14" t="s">
        <v>370</v>
      </c>
      <c r="E71703" s="15">
        <v>45539</v>
      </c>
      <c r="F71703" s="14" t="s">
        <v>61</v>
      </c>
      <c r="G71703" s="16">
        <v>1.7520046525502833</v>
      </c>
    </row>
    <row r="71704" spans="1:7" x14ac:dyDescent="0.3">
      <c r="A71704" s="13" t="s">
        <v>369</v>
      </c>
      <c r="B71704" s="14" t="s">
        <v>1</v>
      </c>
      <c r="C71704" s="14" t="s">
        <v>70</v>
      </c>
      <c r="D71704" s="14" t="s">
        <v>370</v>
      </c>
      <c r="E71704" s="15">
        <v>45540</v>
      </c>
      <c r="F71704" s="14" t="s">
        <v>61</v>
      </c>
      <c r="G71704" s="16">
        <v>1.761411978595238</v>
      </c>
    </row>
    <row r="71705" spans="1:7" x14ac:dyDescent="0.3">
      <c r="A71705" s="13" t="s">
        <v>369</v>
      </c>
      <c r="B71705" s="14" t="s">
        <v>1</v>
      </c>
      <c r="C71705" s="14" t="s">
        <v>70</v>
      </c>
      <c r="D71705" s="14" t="s">
        <v>370</v>
      </c>
      <c r="E71705" s="15">
        <v>45541</v>
      </c>
      <c r="F71705" s="14" t="s">
        <v>61</v>
      </c>
      <c r="G71705" s="16">
        <v>1.7707597447985937</v>
      </c>
    </row>
    <row r="71706" spans="1:7" x14ac:dyDescent="0.3">
      <c r="A71706" s="13" t="s">
        <v>369</v>
      </c>
      <c r="B71706" s="14" t="s">
        <v>1</v>
      </c>
      <c r="C71706" s="14" t="s">
        <v>70</v>
      </c>
      <c r="D71706" s="14" t="s">
        <v>370</v>
      </c>
      <c r="E71706" s="15">
        <v>45542</v>
      </c>
      <c r="F71706" s="14" t="s">
        <v>61</v>
      </c>
      <c r="G71706" s="16">
        <v>1.7707597447985937</v>
      </c>
    </row>
    <row r="71707" spans="1:7" x14ac:dyDescent="0.3">
      <c r="A71707" s="13" t="s">
        <v>369</v>
      </c>
      <c r="B71707" s="14" t="s">
        <v>1</v>
      </c>
      <c r="C71707" s="14" t="s">
        <v>70</v>
      </c>
      <c r="D71707" s="14" t="s">
        <v>370</v>
      </c>
      <c r="E71707" s="15">
        <v>45543</v>
      </c>
      <c r="F71707" s="14" t="s">
        <v>61</v>
      </c>
      <c r="G71707" s="16">
        <v>1.7707597447985937</v>
      </c>
    </row>
    <row r="71708" spans="1:7" x14ac:dyDescent="0.3">
      <c r="A71708" s="13" t="s">
        <v>369</v>
      </c>
      <c r="B71708" s="14" t="s">
        <v>1</v>
      </c>
      <c r="C71708" s="14" t="s">
        <v>70</v>
      </c>
      <c r="D71708" s="14" t="s">
        <v>370</v>
      </c>
      <c r="E71708" s="15">
        <v>45544</v>
      </c>
      <c r="F71708" s="14" t="s">
        <v>61</v>
      </c>
      <c r="G71708" s="16">
        <v>1.7843262290235893</v>
      </c>
    </row>
    <row r="71709" spans="1:7" x14ac:dyDescent="0.3">
      <c r="A71709" s="13" t="s">
        <v>369</v>
      </c>
      <c r="B71709" s="14" t="s">
        <v>1</v>
      </c>
      <c r="C71709" s="14" t="s">
        <v>70</v>
      </c>
      <c r="D71709" s="14" t="s">
        <v>370</v>
      </c>
      <c r="E71709" s="15">
        <v>45545</v>
      </c>
      <c r="F71709" s="14" t="s">
        <v>61</v>
      </c>
      <c r="G71709" s="16">
        <v>1.8039968487918105</v>
      </c>
    </row>
    <row r="71710" spans="1:7" x14ac:dyDescent="0.3">
      <c r="A71710" s="13" t="s">
        <v>369</v>
      </c>
      <c r="B71710" s="14" t="s">
        <v>1</v>
      </c>
      <c r="C71710" s="14" t="s">
        <v>70</v>
      </c>
      <c r="D71710" s="14" t="s">
        <v>370</v>
      </c>
      <c r="E71710" s="15">
        <v>45546</v>
      </c>
      <c r="F71710" s="14" t="s">
        <v>61</v>
      </c>
      <c r="G71710" s="16">
        <v>1.8135575502933712</v>
      </c>
    </row>
    <row r="71711" spans="1:7" x14ac:dyDescent="0.3">
      <c r="A71711" s="13" t="s">
        <v>369</v>
      </c>
      <c r="B71711" s="14" t="s">
        <v>1</v>
      </c>
      <c r="C71711" s="14" t="s">
        <v>70</v>
      </c>
      <c r="D71711" s="14" t="s">
        <v>370</v>
      </c>
      <c r="E71711" s="15">
        <v>45547</v>
      </c>
      <c r="F71711" s="14" t="s">
        <v>61</v>
      </c>
      <c r="G71711" s="16">
        <v>1.8089702855511405</v>
      </c>
    </row>
    <row r="71712" spans="1:7" x14ac:dyDescent="0.3">
      <c r="A71712" s="13" t="s">
        <v>369</v>
      </c>
      <c r="B71712" s="14" t="s">
        <v>1</v>
      </c>
      <c r="C71712" s="14" t="s">
        <v>70</v>
      </c>
      <c r="D71712" s="14" t="s">
        <v>370</v>
      </c>
      <c r="E71712" s="15">
        <v>45548</v>
      </c>
      <c r="F71712" s="14" t="s">
        <v>61</v>
      </c>
      <c r="G71712" s="16">
        <v>1.8365594306251962</v>
      </c>
    </row>
    <row r="71713" spans="1:7" x14ac:dyDescent="0.3">
      <c r="A71713" s="13" t="s">
        <v>369</v>
      </c>
      <c r="B71713" s="14" t="s">
        <v>1</v>
      </c>
      <c r="C71713" s="14" t="s">
        <v>70</v>
      </c>
      <c r="D71713" s="14" t="s">
        <v>370</v>
      </c>
      <c r="E71713" s="15">
        <v>45549</v>
      </c>
      <c r="F71713" s="14" t="s">
        <v>61</v>
      </c>
      <c r="G71713" s="16">
        <v>1.8365594306251962</v>
      </c>
    </row>
    <row r="71714" spans="1:7" x14ac:dyDescent="0.3">
      <c r="A71714" s="13" t="s">
        <v>369</v>
      </c>
      <c r="B71714" s="14" t="s">
        <v>1</v>
      </c>
      <c r="C71714" s="14" t="s">
        <v>70</v>
      </c>
      <c r="D71714" s="14" t="s">
        <v>370</v>
      </c>
      <c r="E71714" s="15">
        <v>45550</v>
      </c>
      <c r="F71714" s="14" t="s">
        <v>61</v>
      </c>
      <c r="G71714" s="16">
        <v>1.8365594306251962</v>
      </c>
    </row>
    <row r="71715" spans="1:7" x14ac:dyDescent="0.3">
      <c r="A71715" s="13" t="s">
        <v>369</v>
      </c>
      <c r="B71715" s="14" t="s">
        <v>1</v>
      </c>
      <c r="C71715" s="14" t="s">
        <v>70</v>
      </c>
      <c r="D71715" s="14" t="s">
        <v>370</v>
      </c>
      <c r="E71715" s="15">
        <v>45551</v>
      </c>
      <c r="F71715" s="14" t="s">
        <v>61</v>
      </c>
      <c r="G71715" s="16">
        <v>1.844179045900449</v>
      </c>
    </row>
    <row r="71716" spans="1:7" x14ac:dyDescent="0.3">
      <c r="A71716" s="13" t="s">
        <v>369</v>
      </c>
      <c r="B71716" s="14" t="s">
        <v>1</v>
      </c>
      <c r="C71716" s="14" t="s">
        <v>70</v>
      </c>
      <c r="D71716" s="14" t="s">
        <v>370</v>
      </c>
      <c r="E71716" s="15">
        <v>45552</v>
      </c>
      <c r="F71716" s="14" t="s">
        <v>61</v>
      </c>
      <c r="G71716" s="16">
        <v>1.8658755125709501</v>
      </c>
    </row>
    <row r="71717" spans="1:7" x14ac:dyDescent="0.3">
      <c r="A71717" s="13" t="s">
        <v>369</v>
      </c>
      <c r="B71717" s="14" t="s">
        <v>1</v>
      </c>
      <c r="C71717" s="14" t="s">
        <v>70</v>
      </c>
      <c r="D71717" s="14" t="s">
        <v>370</v>
      </c>
      <c r="E71717" s="15">
        <v>45553</v>
      </c>
      <c r="F71717" s="14" t="s">
        <v>61</v>
      </c>
      <c r="G71717" s="16">
        <v>1.8715504339059366</v>
      </c>
    </row>
    <row r="71718" spans="1:7" x14ac:dyDescent="0.3">
      <c r="A71718" s="13" t="s">
        <v>369</v>
      </c>
      <c r="B71718" s="14" t="s">
        <v>1</v>
      </c>
      <c r="C71718" s="14" t="s">
        <v>70</v>
      </c>
      <c r="D71718" s="14" t="s">
        <v>370</v>
      </c>
      <c r="E71718" s="15">
        <v>45554</v>
      </c>
      <c r="F71718" s="14" t="s">
        <v>61</v>
      </c>
      <c r="G71718" s="16">
        <v>1.8695755906517459</v>
      </c>
    </row>
    <row r="71719" spans="1:7" x14ac:dyDescent="0.3">
      <c r="A71719" s="13" t="s">
        <v>369</v>
      </c>
      <c r="B71719" s="14" t="s">
        <v>1</v>
      </c>
      <c r="C71719" s="14" t="s">
        <v>70</v>
      </c>
      <c r="D71719" s="14" t="s">
        <v>370</v>
      </c>
      <c r="E71719" s="15">
        <v>45555</v>
      </c>
      <c r="F71719" s="14" t="s">
        <v>61</v>
      </c>
      <c r="G71719" s="16">
        <v>1.8746899627647591</v>
      </c>
    </row>
    <row r="71720" spans="1:7" x14ac:dyDescent="0.3">
      <c r="A71720" s="13" t="s">
        <v>369</v>
      </c>
      <c r="B71720" s="14" t="s">
        <v>1</v>
      </c>
      <c r="C71720" s="14" t="s">
        <v>70</v>
      </c>
      <c r="D71720" s="14" t="s">
        <v>370</v>
      </c>
      <c r="E71720" s="15">
        <v>45556</v>
      </c>
      <c r="F71720" s="14" t="s">
        <v>61</v>
      </c>
      <c r="G71720" s="16">
        <v>1.8746899627647591</v>
      </c>
    </row>
    <row r="71721" spans="1:7" x14ac:dyDescent="0.3">
      <c r="A71721" s="13" t="s">
        <v>369</v>
      </c>
      <c r="B71721" s="14" t="s">
        <v>1</v>
      </c>
      <c r="C71721" s="14" t="s">
        <v>70</v>
      </c>
      <c r="D71721" s="14" t="s">
        <v>370</v>
      </c>
      <c r="E71721" s="15">
        <v>45557</v>
      </c>
      <c r="F71721" s="14" t="s">
        <v>61</v>
      </c>
      <c r="G71721" s="16">
        <v>1.8746899627647591</v>
      </c>
    </row>
    <row r="71722" spans="1:7" x14ac:dyDescent="0.3">
      <c r="A71722" s="13" t="s">
        <v>369</v>
      </c>
      <c r="B71722" s="14" t="s">
        <v>1</v>
      </c>
      <c r="C71722" s="14" t="s">
        <v>70</v>
      </c>
      <c r="D71722" s="14" t="s">
        <v>370</v>
      </c>
      <c r="E71722" s="15">
        <v>45558</v>
      </c>
      <c r="F71722" s="14" t="s">
        <v>61</v>
      </c>
      <c r="G71722" s="16">
        <v>1.8884106893851091</v>
      </c>
    </row>
    <row r="71723" spans="1:7" x14ac:dyDescent="0.3">
      <c r="A71723" s="13" t="s">
        <v>369</v>
      </c>
      <c r="B71723" s="14" t="s">
        <v>1</v>
      </c>
      <c r="C71723" s="14" t="s">
        <v>70</v>
      </c>
      <c r="D71723" s="14" t="s">
        <v>370</v>
      </c>
      <c r="E71723" s="15">
        <v>45559</v>
      </c>
      <c r="F71723" s="14" t="s">
        <v>61</v>
      </c>
      <c r="G71723" s="16">
        <v>1.8943076039836781</v>
      </c>
    </row>
    <row r="71724" spans="1:7" x14ac:dyDescent="0.3">
      <c r="A71724" s="13" t="s">
        <v>369</v>
      </c>
      <c r="B71724" s="14" t="s">
        <v>1</v>
      </c>
      <c r="C71724" s="14" t="s">
        <v>70</v>
      </c>
      <c r="D71724" s="14" t="s">
        <v>370</v>
      </c>
      <c r="E71724" s="15">
        <v>45560</v>
      </c>
      <c r="F71724" s="14" t="s">
        <v>61</v>
      </c>
      <c r="G71724" s="16">
        <v>1.9075191420762243</v>
      </c>
    </row>
    <row r="71725" spans="1:7" x14ac:dyDescent="0.3">
      <c r="A71725" s="13" t="s">
        <v>369</v>
      </c>
      <c r="B71725" s="14" t="s">
        <v>1</v>
      </c>
      <c r="C71725" s="14" t="s">
        <v>70</v>
      </c>
      <c r="D71725" s="14" t="s">
        <v>370</v>
      </c>
      <c r="E71725" s="15">
        <v>45561</v>
      </c>
      <c r="F71725" s="14" t="s">
        <v>61</v>
      </c>
      <c r="G71725" s="16">
        <v>1.91266572203142</v>
      </c>
    </row>
    <row r="71726" spans="1:7" x14ac:dyDescent="0.3">
      <c r="A71726" s="13" t="s">
        <v>369</v>
      </c>
      <c r="B71726" s="14" t="s">
        <v>1</v>
      </c>
      <c r="C71726" s="14" t="s">
        <v>70</v>
      </c>
      <c r="D71726" s="14" t="s">
        <v>370</v>
      </c>
      <c r="E71726" s="15">
        <v>45562</v>
      </c>
      <c r="F71726" s="14" t="s">
        <v>61</v>
      </c>
      <c r="G71726" s="16">
        <v>1.924389180889883</v>
      </c>
    </row>
    <row r="71727" spans="1:7" x14ac:dyDescent="0.3">
      <c r="A71727" s="13" t="s">
        <v>369</v>
      </c>
      <c r="B71727" s="14" t="s">
        <v>1</v>
      </c>
      <c r="C71727" s="14" t="s">
        <v>70</v>
      </c>
      <c r="D71727" s="14" t="s">
        <v>370</v>
      </c>
      <c r="E71727" s="15">
        <v>45563</v>
      </c>
      <c r="F71727" s="14" t="s">
        <v>61</v>
      </c>
      <c r="G71727" s="16">
        <v>1.924389180889883</v>
      </c>
    </row>
    <row r="71728" spans="1:7" x14ac:dyDescent="0.3">
      <c r="A71728" s="13" t="s">
        <v>369</v>
      </c>
      <c r="B71728" s="14" t="s">
        <v>1</v>
      </c>
      <c r="C71728" s="14" t="s">
        <v>70</v>
      </c>
      <c r="D71728" s="14" t="s">
        <v>370</v>
      </c>
      <c r="E71728" s="15">
        <v>45564</v>
      </c>
      <c r="F71728" s="14" t="s">
        <v>61</v>
      </c>
      <c r="G71728" s="16">
        <v>1.924389180889883</v>
      </c>
    </row>
    <row r="71729" spans="1:7" x14ac:dyDescent="0.3">
      <c r="A71729" s="13" t="s">
        <v>369</v>
      </c>
      <c r="B71729" s="14" t="s">
        <v>1</v>
      </c>
      <c r="C71729" s="14" t="s">
        <v>70</v>
      </c>
      <c r="D71729" s="14" t="s">
        <v>370</v>
      </c>
      <c r="E71729" s="15">
        <v>45565</v>
      </c>
      <c r="F71729" s="14" t="s">
        <v>61</v>
      </c>
      <c r="G71729" s="16">
        <v>1.9497418359829559</v>
      </c>
    </row>
    <row r="71730" spans="1:7" x14ac:dyDescent="0.3">
      <c r="A71730" s="13" t="s">
        <v>369</v>
      </c>
      <c r="B71730" s="14" t="s">
        <v>1</v>
      </c>
      <c r="C71730" s="14" t="s">
        <v>70</v>
      </c>
      <c r="D71730" s="14" t="s">
        <v>370</v>
      </c>
      <c r="E71730" s="15">
        <v>45566</v>
      </c>
      <c r="F71730" s="14" t="s">
        <v>61</v>
      </c>
      <c r="G71730" s="16">
        <v>1.9824702688333704</v>
      </c>
    </row>
    <row r="71731" spans="1:7" x14ac:dyDescent="0.3">
      <c r="A71731" s="13" t="s">
        <v>369</v>
      </c>
      <c r="B71731" s="14" t="s">
        <v>1</v>
      </c>
      <c r="C71731" s="14" t="s">
        <v>70</v>
      </c>
      <c r="D71731" s="14" t="s">
        <v>370</v>
      </c>
      <c r="E71731" s="15">
        <v>45567</v>
      </c>
      <c r="F71731" s="14" t="s">
        <v>61</v>
      </c>
      <c r="G71731" s="16">
        <v>1.9934853987688268</v>
      </c>
    </row>
    <row r="71732" spans="1:7" x14ac:dyDescent="0.3">
      <c r="A71732" s="13" t="s">
        <v>369</v>
      </c>
      <c r="B71732" s="14" t="s">
        <v>1</v>
      </c>
      <c r="C71732" s="14" t="s">
        <v>70</v>
      </c>
      <c r="D71732" s="14" t="s">
        <v>370</v>
      </c>
      <c r="E71732" s="15">
        <v>45568</v>
      </c>
      <c r="F71732" s="14" t="s">
        <v>61</v>
      </c>
      <c r="G71732" s="16">
        <v>2.0007335323874025</v>
      </c>
    </row>
    <row r="71733" spans="1:7" x14ac:dyDescent="0.3">
      <c r="A71733" s="13" t="s">
        <v>369</v>
      </c>
      <c r="B71733" s="14" t="s">
        <v>1</v>
      </c>
      <c r="C71733" s="14" t="s">
        <v>70</v>
      </c>
      <c r="D71733" s="14" t="s">
        <v>370</v>
      </c>
      <c r="E71733" s="15">
        <v>45569</v>
      </c>
      <c r="F71733" s="14" t="s">
        <v>61</v>
      </c>
      <c r="G71733" s="16">
        <v>2.0182000318790201</v>
      </c>
    </row>
    <row r="71734" spans="1:7" x14ac:dyDescent="0.3">
      <c r="A71734" s="13" t="s">
        <v>369</v>
      </c>
      <c r="B71734" s="14" t="s">
        <v>1</v>
      </c>
      <c r="C71734" s="14" t="s">
        <v>70</v>
      </c>
      <c r="D71734" s="14" t="s">
        <v>370</v>
      </c>
      <c r="E71734" s="15">
        <v>45570</v>
      </c>
      <c r="F71734" s="14" t="s">
        <v>61</v>
      </c>
      <c r="G71734" s="16">
        <v>2.0182000318790201</v>
      </c>
    </row>
    <row r="71735" spans="1:7" x14ac:dyDescent="0.3">
      <c r="A71735" s="13" t="s">
        <v>369</v>
      </c>
      <c r="B71735" s="14" t="s">
        <v>1</v>
      </c>
      <c r="C71735" s="14" t="s">
        <v>70</v>
      </c>
      <c r="D71735" s="14" t="s">
        <v>370</v>
      </c>
      <c r="E71735" s="15">
        <v>45571</v>
      </c>
      <c r="F71735" s="14" t="s">
        <v>61</v>
      </c>
      <c r="G71735" s="16">
        <v>2.0182000318790201</v>
      </c>
    </row>
    <row r="71736" spans="1:7" x14ac:dyDescent="0.3">
      <c r="A71736" s="13" t="s">
        <v>369</v>
      </c>
      <c r="B71736" s="14" t="s">
        <v>1</v>
      </c>
      <c r="C71736" s="14" t="s">
        <v>70</v>
      </c>
      <c r="D71736" s="14" t="s">
        <v>370</v>
      </c>
      <c r="E71736" s="15">
        <v>45572</v>
      </c>
      <c r="F71736" s="14" t="s">
        <v>61</v>
      </c>
      <c r="G71736" s="16">
        <v>2.0399033883483759</v>
      </c>
    </row>
    <row r="71737" spans="1:7" x14ac:dyDescent="0.3">
      <c r="A71737" s="13" t="s">
        <v>369</v>
      </c>
      <c r="B71737" s="14" t="s">
        <v>1</v>
      </c>
      <c r="C71737" s="14" t="s">
        <v>70</v>
      </c>
      <c r="D71737" s="14" t="s">
        <v>370</v>
      </c>
      <c r="E71737" s="15">
        <v>45573</v>
      </c>
      <c r="F71737" s="14" t="s">
        <v>61</v>
      </c>
      <c r="G71737" s="16">
        <v>2.0549999313725356</v>
      </c>
    </row>
    <row r="71738" spans="1:7" x14ac:dyDescent="0.3">
      <c r="A71738" s="13" t="s">
        <v>369</v>
      </c>
      <c r="B71738" s="14" t="s">
        <v>1</v>
      </c>
      <c r="C71738" s="14" t="s">
        <v>70</v>
      </c>
      <c r="D71738" s="14" t="s">
        <v>370</v>
      </c>
      <c r="E71738" s="15">
        <v>45574</v>
      </c>
      <c r="F71738" s="14" t="s">
        <v>61</v>
      </c>
      <c r="G71738" s="16">
        <v>2.0684938285076306</v>
      </c>
    </row>
    <row r="71739" spans="1:7" x14ac:dyDescent="0.3">
      <c r="A71739" s="13" t="s">
        <v>369</v>
      </c>
      <c r="B71739" s="14" t="s">
        <v>1</v>
      </c>
      <c r="C71739" s="14" t="s">
        <v>70</v>
      </c>
      <c r="D71739" s="14" t="s">
        <v>370</v>
      </c>
      <c r="E71739" s="15">
        <v>45575</v>
      </c>
      <c r="F71739" s="14" t="s">
        <v>61</v>
      </c>
      <c r="G71739" s="16">
        <v>2.0745956517211939</v>
      </c>
    </row>
    <row r="71740" spans="1:7" x14ac:dyDescent="0.3">
      <c r="A71740" s="13" t="s">
        <v>369</v>
      </c>
      <c r="B71740" s="14" t="s">
        <v>1</v>
      </c>
      <c r="C71740" s="14" t="s">
        <v>70</v>
      </c>
      <c r="D71740" s="14" t="s">
        <v>370</v>
      </c>
      <c r="E71740" s="15">
        <v>45576</v>
      </c>
      <c r="F71740" s="14" t="s">
        <v>61</v>
      </c>
      <c r="G71740" s="16">
        <v>2.0933485640448435</v>
      </c>
    </row>
    <row r="71741" spans="1:7" x14ac:dyDescent="0.3">
      <c r="A71741" s="13" t="s">
        <v>369</v>
      </c>
      <c r="B71741" s="14" t="s">
        <v>1</v>
      </c>
      <c r="C71741" s="14" t="s">
        <v>70</v>
      </c>
      <c r="D71741" s="14" t="s">
        <v>370</v>
      </c>
      <c r="E71741" s="15">
        <v>45577</v>
      </c>
      <c r="F71741" s="14" t="s">
        <v>61</v>
      </c>
      <c r="G71741" s="16">
        <v>2.0933485640448435</v>
      </c>
    </row>
    <row r="71742" spans="1:7" x14ac:dyDescent="0.3">
      <c r="A71742" s="13" t="s">
        <v>369</v>
      </c>
      <c r="B71742" s="14" t="s">
        <v>1</v>
      </c>
      <c r="C71742" s="14" t="s">
        <v>70</v>
      </c>
      <c r="D71742" s="14" t="s">
        <v>370</v>
      </c>
      <c r="E71742" s="15">
        <v>45578</v>
      </c>
      <c r="F71742" s="14" t="s">
        <v>61</v>
      </c>
      <c r="G71742" s="16">
        <v>2.0933485640448435</v>
      </c>
    </row>
    <row r="71743" spans="1:7" x14ac:dyDescent="0.3">
      <c r="A71743" s="13" t="s">
        <v>369</v>
      </c>
      <c r="B71743" s="14" t="s">
        <v>1</v>
      </c>
      <c r="C71743" s="14" t="s">
        <v>70</v>
      </c>
      <c r="D71743" s="14" t="s">
        <v>370</v>
      </c>
      <c r="E71743" s="15">
        <v>45579</v>
      </c>
      <c r="F71743" s="14" t="s">
        <v>61</v>
      </c>
      <c r="G71743" s="16">
        <v>2.1042591771169636</v>
      </c>
    </row>
    <row r="71744" spans="1:7" x14ac:dyDescent="0.3">
      <c r="A71744" s="13" t="s">
        <v>369</v>
      </c>
      <c r="B71744" s="14" t="s">
        <v>1</v>
      </c>
      <c r="C71744" s="14" t="s">
        <v>70</v>
      </c>
      <c r="D71744" s="14" t="s">
        <v>370</v>
      </c>
      <c r="E71744" s="15">
        <v>45580</v>
      </c>
      <c r="F71744" s="14" t="s">
        <v>61</v>
      </c>
      <c r="G71744" s="16">
        <v>2.1239174952197359</v>
      </c>
    </row>
    <row r="71745" spans="1:7" x14ac:dyDescent="0.3">
      <c r="A71745" s="13" t="s">
        <v>369</v>
      </c>
      <c r="B71745" s="14" t="s">
        <v>1</v>
      </c>
      <c r="C71745" s="14" t="s">
        <v>70</v>
      </c>
      <c r="D71745" s="14" t="s">
        <v>370</v>
      </c>
      <c r="E71745" s="15">
        <v>45581</v>
      </c>
      <c r="F71745" s="14" t="s">
        <v>61</v>
      </c>
      <c r="G71745" s="16">
        <v>2.138859876784561</v>
      </c>
    </row>
    <row r="71746" spans="1:7" x14ac:dyDescent="0.3">
      <c r="A71746" s="13" t="s">
        <v>369</v>
      </c>
      <c r="B71746" s="14" t="s">
        <v>1</v>
      </c>
      <c r="C71746" s="14" t="s">
        <v>70</v>
      </c>
      <c r="D71746" s="14" t="s">
        <v>370</v>
      </c>
      <c r="E71746" s="15">
        <v>45582</v>
      </c>
      <c r="F71746" s="14" t="s">
        <v>61</v>
      </c>
      <c r="G71746" s="16">
        <v>2.1509913660358815</v>
      </c>
    </row>
    <row r="71747" spans="1:7" x14ac:dyDescent="0.3">
      <c r="A71747" s="13" t="s">
        <v>369</v>
      </c>
      <c r="B71747" s="14" t="s">
        <v>1</v>
      </c>
      <c r="C71747" s="14" t="s">
        <v>70</v>
      </c>
      <c r="D71747" s="14" t="s">
        <v>370</v>
      </c>
      <c r="E71747" s="15">
        <v>45583</v>
      </c>
      <c r="F71747" s="14" t="s">
        <v>61</v>
      </c>
      <c r="G71747" s="16">
        <v>2.1556841550628016</v>
      </c>
    </row>
    <row r="71748" spans="1:7" x14ac:dyDescent="0.3">
      <c r="A71748" s="13" t="s">
        <v>369</v>
      </c>
      <c r="B71748" s="14" t="s">
        <v>1</v>
      </c>
      <c r="C71748" s="14" t="s">
        <v>70</v>
      </c>
      <c r="D71748" s="14" t="s">
        <v>370</v>
      </c>
      <c r="E71748" s="15">
        <v>45584</v>
      </c>
      <c r="F71748" s="14" t="s">
        <v>61</v>
      </c>
      <c r="G71748" s="16">
        <v>2.1556841550628016</v>
      </c>
    </row>
    <row r="71749" spans="1:7" x14ac:dyDescent="0.3">
      <c r="A71749" s="13" t="s">
        <v>369</v>
      </c>
      <c r="B71749" s="14" t="s">
        <v>1</v>
      </c>
      <c r="C71749" s="14" t="s">
        <v>70</v>
      </c>
      <c r="D71749" s="14" t="s">
        <v>370</v>
      </c>
      <c r="E71749" s="15">
        <v>45585</v>
      </c>
      <c r="F71749" s="14" t="s">
        <v>61</v>
      </c>
      <c r="G71749" s="16">
        <v>2.1556841550628016</v>
      </c>
    </row>
    <row r="71750" spans="1:7" x14ac:dyDescent="0.3">
      <c r="A71750" s="13" t="s">
        <v>369</v>
      </c>
      <c r="B71750" s="14" t="s">
        <v>1</v>
      </c>
      <c r="C71750" s="14" t="s">
        <v>70</v>
      </c>
      <c r="D71750" s="14" t="s">
        <v>370</v>
      </c>
      <c r="E71750" s="15">
        <v>45586</v>
      </c>
      <c r="F71750" s="14" t="s">
        <v>61</v>
      </c>
      <c r="G71750" s="16">
        <v>2.1768391216819749</v>
      </c>
    </row>
    <row r="71751" spans="1:7" x14ac:dyDescent="0.3">
      <c r="A71751" s="13" t="s">
        <v>369</v>
      </c>
      <c r="B71751" s="14" t="s">
        <v>1</v>
      </c>
      <c r="C71751" s="14" t="s">
        <v>70</v>
      </c>
      <c r="D71751" s="14" t="s">
        <v>370</v>
      </c>
      <c r="E71751" s="15">
        <v>45587</v>
      </c>
      <c r="F71751" s="14" t="s">
        <v>61</v>
      </c>
      <c r="G71751" s="16">
        <v>2.19593564627076</v>
      </c>
    </row>
    <row r="71752" spans="1:7" x14ac:dyDescent="0.3">
      <c r="A71752" s="13" t="s">
        <v>369</v>
      </c>
      <c r="B71752" s="14" t="s">
        <v>1</v>
      </c>
      <c r="C71752" s="14" t="s">
        <v>70</v>
      </c>
      <c r="D71752" s="14" t="s">
        <v>370</v>
      </c>
      <c r="E71752" s="15">
        <v>45588</v>
      </c>
      <c r="F71752" s="14" t="s">
        <v>61</v>
      </c>
      <c r="G71752" s="16">
        <v>2.2051697745087142</v>
      </c>
    </row>
    <row r="71753" spans="1:7" x14ac:dyDescent="0.3">
      <c r="A71753" s="13" t="s">
        <v>369</v>
      </c>
      <c r="B71753" s="14" t="s">
        <v>1</v>
      </c>
      <c r="C71753" s="14" t="s">
        <v>70</v>
      </c>
      <c r="D71753" s="14" t="s">
        <v>370</v>
      </c>
      <c r="E71753" s="15">
        <v>45589</v>
      </c>
      <c r="F71753" s="14" t="s">
        <v>61</v>
      </c>
      <c r="G71753" s="16">
        <v>2.2037899380881498</v>
      </c>
    </row>
    <row r="71754" spans="1:7" x14ac:dyDescent="0.3">
      <c r="A71754" s="13" t="s">
        <v>369</v>
      </c>
      <c r="B71754" s="14" t="s">
        <v>1</v>
      </c>
      <c r="C71754" s="14" t="s">
        <v>70</v>
      </c>
      <c r="D71754" s="14" t="s">
        <v>370</v>
      </c>
      <c r="E71754" s="15">
        <v>45590</v>
      </c>
      <c r="F71754" s="14" t="s">
        <v>61</v>
      </c>
      <c r="G71754" s="16">
        <v>2.2156558294194246</v>
      </c>
    </row>
    <row r="71755" spans="1:7" x14ac:dyDescent="0.3">
      <c r="A71755" s="13" t="s">
        <v>369</v>
      </c>
      <c r="B71755" s="14" t="s">
        <v>1</v>
      </c>
      <c r="C71755" s="14" t="s">
        <v>70</v>
      </c>
      <c r="D71755" s="14" t="s">
        <v>370</v>
      </c>
      <c r="E71755" s="15">
        <v>45591</v>
      </c>
      <c r="F71755" s="14" t="s">
        <v>61</v>
      </c>
      <c r="G71755" s="16">
        <v>2.2156558294194246</v>
      </c>
    </row>
    <row r="71756" spans="1:7" x14ac:dyDescent="0.3">
      <c r="A71756" s="13" t="s">
        <v>369</v>
      </c>
      <c r="B71756" s="14" t="s">
        <v>1</v>
      </c>
      <c r="C71756" s="14" t="s">
        <v>70</v>
      </c>
      <c r="D71756" s="14" t="s">
        <v>370</v>
      </c>
      <c r="E71756" s="15">
        <v>45592</v>
      </c>
      <c r="F71756" s="14" t="s">
        <v>61</v>
      </c>
      <c r="G71756" s="16">
        <v>2.2156558294194246</v>
      </c>
    </row>
    <row r="71757" spans="1:7" x14ac:dyDescent="0.3">
      <c r="A71757" s="13" t="s">
        <v>369</v>
      </c>
      <c r="B71757" s="14" t="s">
        <v>1</v>
      </c>
      <c r="C71757" s="14" t="s">
        <v>70</v>
      </c>
      <c r="D71757" s="14" t="s">
        <v>370</v>
      </c>
      <c r="E71757" s="15">
        <v>45593</v>
      </c>
      <c r="F71757" s="14" t="s">
        <v>61</v>
      </c>
      <c r="G71757" s="16">
        <v>2.2156558294194246</v>
      </c>
    </row>
    <row r="71758" spans="1:7" x14ac:dyDescent="0.3">
      <c r="A71758" s="13" t="s">
        <v>369</v>
      </c>
      <c r="B71758" s="14" t="s">
        <v>1</v>
      </c>
      <c r="C71758" s="14" t="s">
        <v>70</v>
      </c>
      <c r="D71758" s="14" t="s">
        <v>370</v>
      </c>
      <c r="E71758" s="15">
        <v>45594</v>
      </c>
      <c r="F71758" s="14" t="s">
        <v>61</v>
      </c>
      <c r="G71758" s="16">
        <v>2.2169700980090785</v>
      </c>
    </row>
    <row r="71759" spans="1:7" x14ac:dyDescent="0.3">
      <c r="A71759" s="13" t="s">
        <v>369</v>
      </c>
      <c r="B71759" s="14" t="s">
        <v>1</v>
      </c>
      <c r="C71759" s="14" t="s">
        <v>70</v>
      </c>
      <c r="D71759" s="14" t="s">
        <v>370</v>
      </c>
      <c r="E71759" s="15">
        <v>45595</v>
      </c>
      <c r="F71759" s="14" t="s">
        <v>61</v>
      </c>
      <c r="G71759" s="16">
        <v>2.2394046577098798</v>
      </c>
    </row>
    <row r="71760" spans="1:7" x14ac:dyDescent="0.3">
      <c r="A71760" s="13" t="s">
        <v>369</v>
      </c>
      <c r="B71760" s="14" t="s">
        <v>1</v>
      </c>
      <c r="C71760" s="14" t="s">
        <v>70</v>
      </c>
      <c r="D71760" s="14" t="s">
        <v>370</v>
      </c>
      <c r="E71760" s="15">
        <v>45596</v>
      </c>
      <c r="F71760" s="14" t="s">
        <v>61</v>
      </c>
      <c r="G71760" s="16">
        <v>2.2392298176552847</v>
      </c>
    </row>
    <row r="71761" spans="1:7" x14ac:dyDescent="0.3">
      <c r="A71761" s="13" t="s">
        <v>369</v>
      </c>
      <c r="B71761" s="14" t="s">
        <v>1</v>
      </c>
      <c r="C71761" s="14" t="s">
        <v>70</v>
      </c>
      <c r="D71761" s="14" t="s">
        <v>370</v>
      </c>
      <c r="E71761" s="15">
        <v>45597</v>
      </c>
      <c r="F71761" s="14" t="s">
        <v>61</v>
      </c>
      <c r="G71761" s="16">
        <v>2.256889419935272</v>
      </c>
    </row>
    <row r="71762" spans="1:7" x14ac:dyDescent="0.3">
      <c r="A71762" s="13" t="s">
        <v>369</v>
      </c>
      <c r="B71762" s="14" t="s">
        <v>1</v>
      </c>
      <c r="C71762" s="14" t="s">
        <v>70</v>
      </c>
      <c r="D71762" s="14" t="s">
        <v>370</v>
      </c>
      <c r="E71762" s="15">
        <v>45598</v>
      </c>
      <c r="F71762" s="14" t="s">
        <v>61</v>
      </c>
      <c r="G71762" s="16">
        <v>2.256889419935272</v>
      </c>
    </row>
    <row r="71763" spans="1:7" x14ac:dyDescent="0.3">
      <c r="A71763" s="13" t="s">
        <v>369</v>
      </c>
      <c r="B71763" s="14" t="s">
        <v>1</v>
      </c>
      <c r="C71763" s="14" t="s">
        <v>70</v>
      </c>
      <c r="D71763" s="14" t="s">
        <v>370</v>
      </c>
      <c r="E71763" s="15">
        <v>45599</v>
      </c>
      <c r="F71763" s="14" t="s">
        <v>61</v>
      </c>
      <c r="G71763" s="16">
        <v>2.256889419935272</v>
      </c>
    </row>
    <row r="71764" spans="1:7" x14ac:dyDescent="0.3">
      <c r="A71764" s="13" t="s">
        <v>369</v>
      </c>
      <c r="B71764" s="14" t="s">
        <v>1</v>
      </c>
      <c r="C71764" s="14" t="s">
        <v>70</v>
      </c>
      <c r="D71764" s="14" t="s">
        <v>370</v>
      </c>
      <c r="E71764" s="15">
        <v>45600</v>
      </c>
      <c r="F71764" s="14" t="s">
        <v>61</v>
      </c>
      <c r="G71764" s="16">
        <v>2.2477061701511878</v>
      </c>
    </row>
    <row r="71765" spans="1:7" x14ac:dyDescent="0.3">
      <c r="A71765" s="13" t="s">
        <v>369</v>
      </c>
      <c r="B71765" s="14" t="s">
        <v>1</v>
      </c>
      <c r="C71765" s="14" t="s">
        <v>70</v>
      </c>
      <c r="D71765" s="14" t="s">
        <v>370</v>
      </c>
      <c r="E71765" s="15">
        <v>45601</v>
      </c>
      <c r="F71765" s="14" t="s">
        <v>61</v>
      </c>
      <c r="G71765" s="16">
        <v>2.2520166358549325</v>
      </c>
    </row>
    <row r="71766" spans="1:7" x14ac:dyDescent="0.3">
      <c r="A71766" s="13" t="s">
        <v>369</v>
      </c>
      <c r="B71766" s="14" t="s">
        <v>1</v>
      </c>
      <c r="C71766" s="14" t="s">
        <v>70</v>
      </c>
      <c r="D71766" s="14" t="s">
        <v>370</v>
      </c>
      <c r="E71766" s="15">
        <v>45602</v>
      </c>
      <c r="F71766" s="14" t="s">
        <v>61</v>
      </c>
      <c r="G71766" s="16">
        <v>2.3019218252702438</v>
      </c>
    </row>
    <row r="71767" spans="1:7" x14ac:dyDescent="0.3">
      <c r="A71767" s="13" t="s">
        <v>369</v>
      </c>
      <c r="B71767" s="14" t="s">
        <v>1</v>
      </c>
      <c r="C71767" s="14" t="s">
        <v>70</v>
      </c>
      <c r="D71767" s="14" t="s">
        <v>370</v>
      </c>
      <c r="E71767" s="15">
        <v>45603</v>
      </c>
      <c r="F71767" s="14" t="s">
        <v>61</v>
      </c>
      <c r="G71767" s="16">
        <v>2.2910386329233221</v>
      </c>
    </row>
    <row r="71768" spans="1:7" x14ac:dyDescent="0.3">
      <c r="A71768" s="13" t="s">
        <v>369</v>
      </c>
      <c r="B71768" s="14" t="s">
        <v>1</v>
      </c>
      <c r="C71768" s="14" t="s">
        <v>70</v>
      </c>
      <c r="D71768" s="14" t="s">
        <v>370</v>
      </c>
      <c r="E71768" s="15">
        <v>45604</v>
      </c>
      <c r="F71768" s="14" t="s">
        <v>61</v>
      </c>
      <c r="G71768" s="16">
        <v>2.3283758093342155</v>
      </c>
    </row>
    <row r="71769" spans="1:7" x14ac:dyDescent="0.3">
      <c r="A71769" s="13" t="s">
        <v>369</v>
      </c>
      <c r="B71769" s="14" t="s">
        <v>1</v>
      </c>
      <c r="C71769" s="14" t="s">
        <v>70</v>
      </c>
      <c r="D71769" s="14" t="s">
        <v>370</v>
      </c>
      <c r="E71769" s="15">
        <v>45605</v>
      </c>
      <c r="F71769" s="14" t="s">
        <v>61</v>
      </c>
      <c r="G71769" s="16">
        <v>2.3283758093342155</v>
      </c>
    </row>
    <row r="71770" spans="1:7" x14ac:dyDescent="0.3">
      <c r="A71770" s="13" t="s">
        <v>369</v>
      </c>
      <c r="B71770" s="14" t="s">
        <v>1</v>
      </c>
      <c r="C71770" s="14" t="s">
        <v>70</v>
      </c>
      <c r="D71770" s="14" t="s">
        <v>370</v>
      </c>
      <c r="E71770" s="15">
        <v>45606</v>
      </c>
      <c r="F71770" s="14" t="s">
        <v>61</v>
      </c>
      <c r="G71770" s="16">
        <v>2.3283758093342155</v>
      </c>
    </row>
    <row r="71771" spans="1:7" x14ac:dyDescent="0.3">
      <c r="A71771" s="13" t="s">
        <v>369</v>
      </c>
      <c r="B71771" s="14" t="s">
        <v>1</v>
      </c>
      <c r="C71771" s="14" t="s">
        <v>70</v>
      </c>
      <c r="D71771" s="14" t="s">
        <v>370</v>
      </c>
      <c r="E71771" s="15">
        <v>45607</v>
      </c>
      <c r="F71771" s="14" t="s">
        <v>61</v>
      </c>
      <c r="G71771" s="16">
        <v>2.3531725495618483</v>
      </c>
    </row>
    <row r="71772" spans="1:7" x14ac:dyDescent="0.3">
      <c r="A71772" s="13" t="s">
        <v>369</v>
      </c>
      <c r="B71772" s="14" t="s">
        <v>1</v>
      </c>
      <c r="C71772" s="14" t="s">
        <v>70</v>
      </c>
      <c r="D71772" s="14" t="s">
        <v>370</v>
      </c>
      <c r="E71772" s="15">
        <v>45608</v>
      </c>
      <c r="F71772" s="14" t="s">
        <v>61</v>
      </c>
      <c r="G71772" s="16">
        <v>2.3768053535440141</v>
      </c>
    </row>
    <row r="71773" spans="1:7" x14ac:dyDescent="0.3">
      <c r="A71773" s="13" t="s">
        <v>369</v>
      </c>
      <c r="B71773" s="14" t="s">
        <v>1</v>
      </c>
      <c r="C71773" s="14" t="s">
        <v>70</v>
      </c>
      <c r="D71773" s="14" t="s">
        <v>370</v>
      </c>
      <c r="E71773" s="15">
        <v>45609</v>
      </c>
      <c r="F71773" s="14" t="s">
        <v>61</v>
      </c>
      <c r="G71773" s="16">
        <v>2.3944032943734581</v>
      </c>
    </row>
    <row r="71774" spans="1:7" x14ac:dyDescent="0.3">
      <c r="A71774" s="13" t="s">
        <v>369</v>
      </c>
      <c r="B71774" s="14" t="s">
        <v>1</v>
      </c>
      <c r="C71774" s="14" t="s">
        <v>70</v>
      </c>
      <c r="D71774" s="14" t="s">
        <v>370</v>
      </c>
      <c r="E71774" s="15">
        <v>45610</v>
      </c>
      <c r="F71774" s="14" t="s">
        <v>61</v>
      </c>
      <c r="G71774" s="16">
        <v>2.4075109173405358</v>
      </c>
    </row>
    <row r="71775" spans="1:7" x14ac:dyDescent="0.3">
      <c r="A71775" s="13" t="s">
        <v>369</v>
      </c>
      <c r="B71775" s="14" t="s">
        <v>1</v>
      </c>
      <c r="C71775" s="14" t="s">
        <v>70</v>
      </c>
      <c r="D71775" s="14" t="s">
        <v>370</v>
      </c>
      <c r="E71775" s="15">
        <v>45611</v>
      </c>
      <c r="F71775" s="14" t="s">
        <v>61</v>
      </c>
      <c r="G71775" s="16">
        <v>2.4445586577722804</v>
      </c>
    </row>
    <row r="71776" spans="1:7" x14ac:dyDescent="0.3">
      <c r="A71776" s="13" t="s">
        <v>369</v>
      </c>
      <c r="B71776" s="14" t="s">
        <v>1</v>
      </c>
      <c r="C71776" s="14" t="s">
        <v>70</v>
      </c>
      <c r="D71776" s="14" t="s">
        <v>370</v>
      </c>
      <c r="E71776" s="15">
        <v>45612</v>
      </c>
      <c r="F71776" s="14" t="s">
        <v>61</v>
      </c>
      <c r="G71776" s="16">
        <v>2.4445586577722804</v>
      </c>
    </row>
    <row r="71777" spans="1:7" x14ac:dyDescent="0.3">
      <c r="A71777" s="13" t="s">
        <v>369</v>
      </c>
      <c r="B71777" s="14" t="s">
        <v>1</v>
      </c>
      <c r="C71777" s="14" t="s">
        <v>70</v>
      </c>
      <c r="D71777" s="14" t="s">
        <v>370</v>
      </c>
      <c r="E71777" s="15">
        <v>45613</v>
      </c>
      <c r="F71777" s="14" t="s">
        <v>61</v>
      </c>
      <c r="G71777" s="16">
        <v>2.4445586577722804</v>
      </c>
    </row>
    <row r="71778" spans="1:7" x14ac:dyDescent="0.3">
      <c r="A71778" s="13" t="s">
        <v>369</v>
      </c>
      <c r="B71778" s="14" t="s">
        <v>1</v>
      </c>
      <c r="C71778" s="14" t="s">
        <v>70</v>
      </c>
      <c r="D71778" s="14" t="s">
        <v>370</v>
      </c>
      <c r="E71778" s="15">
        <v>45614</v>
      </c>
      <c r="F71778" s="14" t="s">
        <v>61</v>
      </c>
      <c r="G71778" s="16">
        <v>2.4420427829363587</v>
      </c>
    </row>
    <row r="71779" spans="1:7" x14ac:dyDescent="0.3">
      <c r="A71779" s="13" t="s">
        <v>369</v>
      </c>
      <c r="B71779" s="14" t="s">
        <v>1</v>
      </c>
      <c r="C71779" s="14" t="s">
        <v>70</v>
      </c>
      <c r="D71779" s="14" t="s">
        <v>370</v>
      </c>
      <c r="E71779" s="15">
        <v>45615</v>
      </c>
      <c r="F71779" s="14" t="s">
        <v>61</v>
      </c>
      <c r="G71779" s="16">
        <v>2.4802872660712993</v>
      </c>
    </row>
    <row r="71780" spans="1:7" x14ac:dyDescent="0.3">
      <c r="A71780" s="13" t="s">
        <v>369</v>
      </c>
      <c r="B71780" s="14" t="s">
        <v>1</v>
      </c>
      <c r="C71780" s="14" t="s">
        <v>70</v>
      </c>
      <c r="D71780" s="14" t="s">
        <v>370</v>
      </c>
      <c r="E71780" s="15">
        <v>45616</v>
      </c>
      <c r="F71780" s="14" t="s">
        <v>61</v>
      </c>
      <c r="G71780" s="16">
        <v>2.4975583703242403</v>
      </c>
    </row>
    <row r="71781" spans="1:7" x14ac:dyDescent="0.3">
      <c r="A71781" s="13" t="s">
        <v>369</v>
      </c>
      <c r="B71781" s="14" t="s">
        <v>1</v>
      </c>
      <c r="C71781" s="14" t="s">
        <v>70</v>
      </c>
      <c r="D71781" s="14" t="s">
        <v>370</v>
      </c>
      <c r="E71781" s="15">
        <v>45617</v>
      </c>
      <c r="F71781" s="14" t="s">
        <v>61</v>
      </c>
      <c r="G71781" s="16">
        <v>2.5223136143300948</v>
      </c>
    </row>
    <row r="71782" spans="1:7" x14ac:dyDescent="0.3">
      <c r="A71782" s="13" t="s">
        <v>369</v>
      </c>
      <c r="B71782" s="14" t="s">
        <v>1</v>
      </c>
      <c r="C71782" s="14" t="s">
        <v>70</v>
      </c>
      <c r="D71782" s="14" t="s">
        <v>370</v>
      </c>
      <c r="E71782" s="15">
        <v>45618</v>
      </c>
      <c r="F71782" s="14" t="s">
        <v>61</v>
      </c>
      <c r="G71782" s="16">
        <v>2.5437027974750048</v>
      </c>
    </row>
    <row r="71783" spans="1:7" x14ac:dyDescent="0.3">
      <c r="A71783" s="13" t="s">
        <v>369</v>
      </c>
      <c r="B71783" s="14" t="s">
        <v>1</v>
      </c>
      <c r="C71783" s="14" t="s">
        <v>70</v>
      </c>
      <c r="D71783" s="14" t="s">
        <v>370</v>
      </c>
      <c r="E71783" s="15">
        <v>45619</v>
      </c>
      <c r="F71783" s="14" t="s">
        <v>61</v>
      </c>
      <c r="G71783" s="16">
        <v>2.5437027974750048</v>
      </c>
    </row>
    <row r="71784" spans="1:7" x14ac:dyDescent="0.3">
      <c r="A71784" s="13" t="s">
        <v>369</v>
      </c>
      <c r="B71784" s="14" t="s">
        <v>1</v>
      </c>
      <c r="C71784" s="14" t="s">
        <v>70</v>
      </c>
      <c r="D71784" s="14" t="s">
        <v>370</v>
      </c>
      <c r="E71784" s="15">
        <v>45620</v>
      </c>
      <c r="F71784" s="14" t="s">
        <v>61</v>
      </c>
      <c r="G71784" s="16">
        <v>2.5437027974750048</v>
      </c>
    </row>
    <row r="71785" spans="1:7" x14ac:dyDescent="0.3">
      <c r="A71785" s="13" t="s">
        <v>369</v>
      </c>
      <c r="B71785" s="14" t="s">
        <v>1</v>
      </c>
      <c r="C71785" s="14" t="s">
        <v>70</v>
      </c>
      <c r="D71785" s="14" t="s">
        <v>370</v>
      </c>
      <c r="E71785" s="15">
        <v>45621</v>
      </c>
      <c r="F71785" s="14" t="s">
        <v>61</v>
      </c>
      <c r="G71785" s="16">
        <v>2.5312224914287205</v>
      </c>
    </row>
    <row r="71786" spans="1:7" x14ac:dyDescent="0.3">
      <c r="A71786" s="13" t="s">
        <v>369</v>
      </c>
      <c r="B71786" s="14" t="s">
        <v>1</v>
      </c>
      <c r="C71786" s="14" t="s">
        <v>70</v>
      </c>
      <c r="D71786" s="14" t="s">
        <v>370</v>
      </c>
      <c r="E71786" s="15">
        <v>45622</v>
      </c>
      <c r="F71786" s="14" t="s">
        <v>61</v>
      </c>
      <c r="G71786" s="16">
        <v>2.5580131148955161</v>
      </c>
    </row>
    <row r="71787" spans="1:7" x14ac:dyDescent="0.3">
      <c r="A71787" s="13" t="s">
        <v>369</v>
      </c>
      <c r="B71787" s="14" t="s">
        <v>1</v>
      </c>
      <c r="C71787" s="14" t="s">
        <v>70</v>
      </c>
      <c r="D71787" s="14" t="s">
        <v>370</v>
      </c>
      <c r="E71787" s="15">
        <v>45623</v>
      </c>
      <c r="F71787" s="14" t="s">
        <v>61</v>
      </c>
      <c r="G71787" s="16">
        <v>2.5502357368335984</v>
      </c>
    </row>
    <row r="71788" spans="1:7" x14ac:dyDescent="0.3">
      <c r="A71788" s="13" t="s">
        <v>369</v>
      </c>
      <c r="B71788" s="14" t="s">
        <v>1</v>
      </c>
      <c r="C71788" s="14" t="s">
        <v>70</v>
      </c>
      <c r="D71788" s="14" t="s">
        <v>370</v>
      </c>
      <c r="E71788" s="15">
        <v>45624</v>
      </c>
      <c r="F71788" s="14" t="s">
        <v>61</v>
      </c>
      <c r="G71788" s="16">
        <v>2.5625228710901085</v>
      </c>
    </row>
    <row r="71789" spans="1:7" x14ac:dyDescent="0.3">
      <c r="A71789" s="13" t="s">
        <v>369</v>
      </c>
      <c r="B71789" s="14" t="s">
        <v>1</v>
      </c>
      <c r="C71789" s="14" t="s">
        <v>70</v>
      </c>
      <c r="D71789" s="14" t="s">
        <v>370</v>
      </c>
      <c r="E71789" s="15">
        <v>45625</v>
      </c>
      <c r="F71789" s="14" t="s">
        <v>61</v>
      </c>
      <c r="G71789" s="16">
        <v>2.5629061885785402</v>
      </c>
    </row>
    <row r="71790" spans="1:7" x14ac:dyDescent="0.3">
      <c r="A71790" s="13" t="s">
        <v>369</v>
      </c>
      <c r="B71790" s="14" t="s">
        <v>1</v>
      </c>
      <c r="C71790" s="14" t="s">
        <v>70</v>
      </c>
      <c r="D71790" s="14" t="s">
        <v>370</v>
      </c>
      <c r="E71790" s="15">
        <v>45626</v>
      </c>
      <c r="F71790" s="14" t="s">
        <v>61</v>
      </c>
      <c r="G71790" s="16">
        <v>2.5629061885785402</v>
      </c>
    </row>
    <row r="71791" spans="1:7" x14ac:dyDescent="0.3">
      <c r="A71791" s="13" t="s">
        <v>369</v>
      </c>
      <c r="B71791" s="14" t="s">
        <v>1</v>
      </c>
      <c r="C71791" s="14" t="s">
        <v>70</v>
      </c>
      <c r="D71791" s="14" t="s">
        <v>370</v>
      </c>
      <c r="E71791" s="15">
        <v>45627</v>
      </c>
      <c r="F71791" s="14" t="s">
        <v>61</v>
      </c>
      <c r="G71791" s="16">
        <v>2.5629061885785402</v>
      </c>
    </row>
    <row r="71792" spans="1:7" x14ac:dyDescent="0.3">
      <c r="A71792" s="13" t="s">
        <v>369</v>
      </c>
      <c r="B71792" s="14" t="s">
        <v>1</v>
      </c>
      <c r="C71792" s="14" t="s">
        <v>70</v>
      </c>
      <c r="D71792" s="14" t="s">
        <v>370</v>
      </c>
      <c r="E71792" s="15">
        <v>45628</v>
      </c>
      <c r="F71792" s="14" t="s">
        <v>61</v>
      </c>
      <c r="G71792" s="16">
        <v>2.5958435382408687</v>
      </c>
    </row>
    <row r="71793" spans="1:7" x14ac:dyDescent="0.3">
      <c r="A71793" s="13" t="s">
        <v>369</v>
      </c>
      <c r="B71793" s="14" t="s">
        <v>1</v>
      </c>
      <c r="C71793" s="14" t="s">
        <v>70</v>
      </c>
      <c r="D71793" s="14" t="s">
        <v>370</v>
      </c>
      <c r="E71793" s="15">
        <v>45629</v>
      </c>
      <c r="F71793" s="14" t="s">
        <v>61</v>
      </c>
      <c r="G71793" s="16">
        <v>2.6155086910566534</v>
      </c>
    </row>
    <row r="71794" spans="1:7" x14ac:dyDescent="0.3">
      <c r="A71794" s="13" t="s">
        <v>369</v>
      </c>
      <c r="B71794" s="14" t="s">
        <v>1</v>
      </c>
      <c r="C71794" s="14" t="s">
        <v>70</v>
      </c>
      <c r="D71794" s="14" t="s">
        <v>370</v>
      </c>
      <c r="E71794" s="15">
        <v>45630</v>
      </c>
      <c r="F71794" s="14" t="s">
        <v>61</v>
      </c>
      <c r="G71794" s="16">
        <v>2.6230780589149592</v>
      </c>
    </row>
    <row r="71795" spans="1:7" x14ac:dyDescent="0.3">
      <c r="A71795" s="13" t="s">
        <v>369</v>
      </c>
      <c r="B71795" s="14" t="s">
        <v>1</v>
      </c>
      <c r="C71795" s="14" t="s">
        <v>70</v>
      </c>
      <c r="D71795" s="14" t="s">
        <v>370</v>
      </c>
      <c r="E71795" s="15">
        <v>45631</v>
      </c>
      <c r="F71795" s="14" t="s">
        <v>61</v>
      </c>
      <c r="G71795" s="16">
        <v>2.6106424470635172</v>
      </c>
    </row>
    <row r="71796" spans="1:7" x14ac:dyDescent="0.3">
      <c r="A71796" s="13" t="s">
        <v>369</v>
      </c>
      <c r="B71796" s="14" t="s">
        <v>1</v>
      </c>
      <c r="C71796" s="14" t="s">
        <v>70</v>
      </c>
      <c r="D71796" s="14" t="s">
        <v>370</v>
      </c>
      <c r="E71796" s="15">
        <v>45632</v>
      </c>
      <c r="F71796" s="14" t="s">
        <v>61</v>
      </c>
      <c r="G71796" s="16">
        <v>2.6244145277880131</v>
      </c>
    </row>
    <row r="71797" spans="1:7" x14ac:dyDescent="0.3">
      <c r="A71797" s="13" t="s">
        <v>369</v>
      </c>
      <c r="B71797" s="14" t="s">
        <v>1</v>
      </c>
      <c r="C71797" s="14" t="s">
        <v>70</v>
      </c>
      <c r="D71797" s="14" t="s">
        <v>370</v>
      </c>
      <c r="E71797" s="15">
        <v>45633</v>
      </c>
      <c r="F71797" s="14" t="s">
        <v>61</v>
      </c>
      <c r="G71797" s="16">
        <v>2.6244145277880131</v>
      </c>
    </row>
    <row r="71798" spans="1:7" x14ac:dyDescent="0.3">
      <c r="A71798" s="13" t="s">
        <v>369</v>
      </c>
      <c r="B71798" s="14" t="s">
        <v>1</v>
      </c>
      <c r="C71798" s="14" t="s">
        <v>70</v>
      </c>
      <c r="D71798" s="14" t="s">
        <v>370</v>
      </c>
      <c r="E71798" s="15">
        <v>45634</v>
      </c>
      <c r="F71798" s="14" t="s">
        <v>61</v>
      </c>
      <c r="G71798" s="16">
        <v>2.6244145277880131</v>
      </c>
    </row>
    <row r="71799" spans="1:7" x14ac:dyDescent="0.3">
      <c r="A71799" s="13" t="s">
        <v>369</v>
      </c>
      <c r="B71799" s="14" t="s">
        <v>1</v>
      </c>
      <c r="C71799" s="14" t="s">
        <v>70</v>
      </c>
      <c r="D71799" s="14" t="s">
        <v>370</v>
      </c>
      <c r="E71799" s="15">
        <v>45635</v>
      </c>
      <c r="F71799" s="14" t="s">
        <v>61</v>
      </c>
      <c r="G71799" s="16">
        <v>2.6335002983495737</v>
      </c>
    </row>
    <row r="71800" spans="1:7" x14ac:dyDescent="0.3">
      <c r="A71800" s="13" t="s">
        <v>369</v>
      </c>
      <c r="B71800" s="14" t="s">
        <v>1</v>
      </c>
      <c r="C71800" s="14" t="s">
        <v>70</v>
      </c>
      <c r="D71800" s="14" t="s">
        <v>370</v>
      </c>
      <c r="E71800" s="15">
        <v>45636</v>
      </c>
      <c r="F71800" s="14" t="s">
        <v>61</v>
      </c>
      <c r="G71800" s="16">
        <v>2.6613502169559404</v>
      </c>
    </row>
    <row r="71801" spans="1:7" x14ac:dyDescent="0.3">
      <c r="A71801" s="13" t="s">
        <v>369</v>
      </c>
      <c r="B71801" s="14" t="s">
        <v>1</v>
      </c>
      <c r="C71801" s="14" t="s">
        <v>70</v>
      </c>
      <c r="D71801" s="14" t="s">
        <v>370</v>
      </c>
      <c r="E71801" s="15">
        <v>45637</v>
      </c>
      <c r="F71801" s="14" t="s">
        <v>61</v>
      </c>
      <c r="G71801" s="16">
        <v>2.6760867267398005</v>
      </c>
    </row>
    <row r="71802" spans="1:7" x14ac:dyDescent="0.3">
      <c r="A71802" s="13" t="s">
        <v>369</v>
      </c>
      <c r="B71802" s="14" t="s">
        <v>1</v>
      </c>
      <c r="C71802" s="14" t="s">
        <v>70</v>
      </c>
      <c r="D71802" s="14" t="s">
        <v>370</v>
      </c>
      <c r="E71802" s="15">
        <v>45638</v>
      </c>
      <c r="F71802" s="14" t="s">
        <v>61</v>
      </c>
      <c r="G71802" s="16">
        <v>2.6898147907999865</v>
      </c>
    </row>
    <row r="71803" spans="1:7" x14ac:dyDescent="0.3">
      <c r="A71803" s="13" t="s">
        <v>369</v>
      </c>
      <c r="B71803" s="14" t="s">
        <v>1</v>
      </c>
      <c r="C71803" s="14" t="s">
        <v>70</v>
      </c>
      <c r="D71803" s="14" t="s">
        <v>370</v>
      </c>
      <c r="E71803" s="15">
        <v>45639</v>
      </c>
      <c r="F71803" s="14" t="s">
        <v>61</v>
      </c>
      <c r="G71803" s="16">
        <v>2.6881249410389878</v>
      </c>
    </row>
    <row r="71804" spans="1:7" x14ac:dyDescent="0.3">
      <c r="A71804" s="13" t="s">
        <v>369</v>
      </c>
      <c r="B71804" s="14" t="s">
        <v>1</v>
      </c>
      <c r="C71804" s="14" t="s">
        <v>70</v>
      </c>
      <c r="D71804" s="14" t="s">
        <v>370</v>
      </c>
      <c r="E71804" s="15">
        <v>45640</v>
      </c>
      <c r="F71804" s="14" t="s">
        <v>61</v>
      </c>
      <c r="G71804" s="16">
        <v>2.6881249410389878</v>
      </c>
    </row>
    <row r="71805" spans="1:7" x14ac:dyDescent="0.3">
      <c r="A71805" s="13" t="s">
        <v>369</v>
      </c>
      <c r="B71805" s="14" t="s">
        <v>1</v>
      </c>
      <c r="C71805" s="14" t="s">
        <v>70</v>
      </c>
      <c r="D71805" s="14" t="s">
        <v>370</v>
      </c>
      <c r="E71805" s="15">
        <v>45641</v>
      </c>
      <c r="F71805" s="14" t="s">
        <v>61</v>
      </c>
      <c r="G71805" s="16">
        <v>2.6881249410389878</v>
      </c>
    </row>
    <row r="71806" spans="1:7" x14ac:dyDescent="0.3">
      <c r="A71806" s="13" t="s">
        <v>369</v>
      </c>
      <c r="B71806" s="14" t="s">
        <v>1</v>
      </c>
      <c r="C71806" s="14" t="s">
        <v>70</v>
      </c>
      <c r="D71806" s="14" t="s">
        <v>370</v>
      </c>
      <c r="E71806" s="15">
        <v>45642</v>
      </c>
      <c r="F71806" s="14" t="s">
        <v>61</v>
      </c>
      <c r="G71806" s="16">
        <v>2.6943822269660229</v>
      </c>
    </row>
    <row r="71807" spans="1:7" x14ac:dyDescent="0.3">
      <c r="A71807" s="13" t="s">
        <v>369</v>
      </c>
      <c r="B71807" s="14" t="s">
        <v>1</v>
      </c>
      <c r="C71807" s="14" t="s">
        <v>70</v>
      </c>
      <c r="D71807" s="14" t="s">
        <v>370</v>
      </c>
      <c r="E71807" s="15">
        <v>45643</v>
      </c>
      <c r="F71807" s="14" t="s">
        <v>61</v>
      </c>
      <c r="G71807" s="16">
        <v>2.7204272449988087</v>
      </c>
    </row>
    <row r="71808" spans="1:7" x14ac:dyDescent="0.3">
      <c r="A71808" s="13" t="s">
        <v>369</v>
      </c>
      <c r="B71808" s="14" t="s">
        <v>1</v>
      </c>
      <c r="C71808" s="14" t="s">
        <v>70</v>
      </c>
      <c r="D71808" s="14" t="s">
        <v>370</v>
      </c>
      <c r="E71808" s="15">
        <v>45644</v>
      </c>
      <c r="F71808" s="14" t="s">
        <v>61</v>
      </c>
      <c r="G71808" s="16">
        <v>2.7625371756296651</v>
      </c>
    </row>
    <row r="71809" spans="1:7" x14ac:dyDescent="0.3">
      <c r="A71809" s="13" t="s">
        <v>369</v>
      </c>
      <c r="B71809" s="14" t="s">
        <v>1</v>
      </c>
      <c r="C71809" s="14" t="s">
        <v>70</v>
      </c>
      <c r="D71809" s="14" t="s">
        <v>370</v>
      </c>
      <c r="E71809" s="15">
        <v>45645</v>
      </c>
      <c r="F71809" s="14" t="s">
        <v>61</v>
      </c>
      <c r="G71809" s="16">
        <v>2.7651633992260134</v>
      </c>
    </row>
    <row r="71810" spans="1:7" x14ac:dyDescent="0.3">
      <c r="A71810" s="13" t="s">
        <v>369</v>
      </c>
      <c r="B71810" s="14" t="s">
        <v>1</v>
      </c>
      <c r="C71810" s="14" t="s">
        <v>70</v>
      </c>
      <c r="D71810" s="14" t="s">
        <v>370</v>
      </c>
      <c r="E71810" s="15">
        <v>45646</v>
      </c>
      <c r="F71810" s="14" t="s">
        <v>61</v>
      </c>
      <c r="G71810" s="16">
        <v>2.7559969548898251</v>
      </c>
    </row>
    <row r="71811" spans="1:7" x14ac:dyDescent="0.3">
      <c r="A71811" s="13" t="s">
        <v>369</v>
      </c>
      <c r="B71811" s="14" t="s">
        <v>1</v>
      </c>
      <c r="C71811" s="14" t="s">
        <v>70</v>
      </c>
      <c r="D71811" s="14" t="s">
        <v>370</v>
      </c>
      <c r="E71811" s="15">
        <v>45647</v>
      </c>
      <c r="F71811" s="14" t="s">
        <v>61</v>
      </c>
      <c r="G71811" s="16">
        <v>2.7559969548898251</v>
      </c>
    </row>
    <row r="71812" spans="1:7" x14ac:dyDescent="0.3">
      <c r="A71812" s="13" t="s">
        <v>369</v>
      </c>
      <c r="B71812" s="14" t="s">
        <v>1</v>
      </c>
      <c r="C71812" s="14" t="s">
        <v>70</v>
      </c>
      <c r="D71812" s="14" t="s">
        <v>370</v>
      </c>
      <c r="E71812" s="15">
        <v>45648</v>
      </c>
      <c r="F71812" s="14" t="s">
        <v>61</v>
      </c>
      <c r="G71812" s="16">
        <v>2.7559969548898251</v>
      </c>
    </row>
    <row r="71813" spans="1:7" x14ac:dyDescent="0.3">
      <c r="A71813" s="13" t="s">
        <v>369</v>
      </c>
      <c r="B71813" s="14" t="s">
        <v>1</v>
      </c>
      <c r="C71813" s="14" t="s">
        <v>70</v>
      </c>
      <c r="D71813" s="14" t="s">
        <v>370</v>
      </c>
      <c r="E71813" s="15">
        <v>45649</v>
      </c>
      <c r="F71813" s="14" t="s">
        <v>61</v>
      </c>
      <c r="G71813" s="16">
        <v>2.7679064295212252</v>
      </c>
    </row>
    <row r="71814" spans="1:7" x14ac:dyDescent="0.3">
      <c r="A71814" s="13" t="s">
        <v>369</v>
      </c>
      <c r="B71814" s="14" t="s">
        <v>1</v>
      </c>
      <c r="C71814" s="14" t="s">
        <v>70</v>
      </c>
      <c r="D71814" s="14" t="s">
        <v>370</v>
      </c>
      <c r="E71814" s="15">
        <v>45650</v>
      </c>
      <c r="F71814" s="14" t="s">
        <v>61</v>
      </c>
      <c r="G71814" s="16">
        <v>2.7873508437924128</v>
      </c>
    </row>
    <row r="71815" spans="1:7" x14ac:dyDescent="0.3">
      <c r="A71815" s="13" t="s">
        <v>369</v>
      </c>
      <c r="B71815" s="14" t="s">
        <v>1</v>
      </c>
      <c r="C71815" s="14" t="s">
        <v>70</v>
      </c>
      <c r="D71815" s="14" t="s">
        <v>370</v>
      </c>
      <c r="E71815" s="15">
        <v>45651</v>
      </c>
      <c r="F71815" s="14" t="s">
        <v>61</v>
      </c>
      <c r="G71815" s="16">
        <v>2.7873508437924128</v>
      </c>
    </row>
    <row r="71816" spans="1:7" x14ac:dyDescent="0.3">
      <c r="A71816" s="13" t="s">
        <v>369</v>
      </c>
      <c r="B71816" s="14" t="s">
        <v>1</v>
      </c>
      <c r="C71816" s="14" t="s">
        <v>70</v>
      </c>
      <c r="D71816" s="14" t="s">
        <v>370</v>
      </c>
      <c r="E71816" s="15">
        <v>45652</v>
      </c>
      <c r="F71816" s="14" t="s">
        <v>61</v>
      </c>
      <c r="G71816" s="16">
        <v>2.7873508437924128</v>
      </c>
    </row>
    <row r="71817" spans="1:7" x14ac:dyDescent="0.3">
      <c r="A71817" s="13" t="s">
        <v>369</v>
      </c>
      <c r="B71817" s="14" t="s">
        <v>1</v>
      </c>
      <c r="C71817" s="14" t="s">
        <v>70</v>
      </c>
      <c r="D71817" s="14" t="s">
        <v>370</v>
      </c>
      <c r="E71817" s="15">
        <v>45653</v>
      </c>
      <c r="F71817" s="14" t="s">
        <v>61</v>
      </c>
      <c r="G71817" s="16">
        <v>2.7873508437924128</v>
      </c>
    </row>
    <row r="71818" spans="1:7" x14ac:dyDescent="0.3">
      <c r="A71818" s="13" t="s">
        <v>369</v>
      </c>
      <c r="B71818" s="14" t="s">
        <v>1</v>
      </c>
      <c r="C71818" s="14" t="s">
        <v>70</v>
      </c>
      <c r="D71818" s="14" t="s">
        <v>370</v>
      </c>
      <c r="E71818" s="15">
        <v>45654</v>
      </c>
      <c r="F71818" s="14" t="s">
        <v>61</v>
      </c>
      <c r="G71818" s="16">
        <v>2.7873508437924128</v>
      </c>
    </row>
    <row r="71819" spans="1:7" x14ac:dyDescent="0.3">
      <c r="A71819" s="13" t="s">
        <v>369</v>
      </c>
      <c r="B71819" s="14" t="s">
        <v>1</v>
      </c>
      <c r="C71819" s="14" t="s">
        <v>70</v>
      </c>
      <c r="D71819" s="14" t="s">
        <v>370</v>
      </c>
      <c r="E71819" s="15">
        <v>45655</v>
      </c>
      <c r="F71819" s="14" t="s">
        <v>61</v>
      </c>
      <c r="G71819" s="16">
        <v>2.7873508437924128</v>
      </c>
    </row>
    <row r="71820" spans="1:7" x14ac:dyDescent="0.3">
      <c r="A71820" s="13" t="s">
        <v>369</v>
      </c>
      <c r="B71820" s="14" t="s">
        <v>1</v>
      </c>
      <c r="C71820" s="14" t="s">
        <v>70</v>
      </c>
      <c r="D71820" s="14" t="s">
        <v>370</v>
      </c>
      <c r="E71820" s="15">
        <v>45656</v>
      </c>
      <c r="F71820" s="14" t="s">
        <v>61</v>
      </c>
      <c r="G71820" s="16">
        <v>2.7904789674535366</v>
      </c>
    </row>
    <row r="71821" spans="1:7" x14ac:dyDescent="0.3">
      <c r="A71821" s="13" t="s">
        <v>369</v>
      </c>
      <c r="B71821" s="14" t="s">
        <v>1</v>
      </c>
      <c r="C71821" s="14" t="s">
        <v>70</v>
      </c>
      <c r="D71821" s="14" t="s">
        <v>370</v>
      </c>
      <c r="E71821" s="15">
        <v>45657</v>
      </c>
      <c r="F71821" s="14" t="s">
        <v>61</v>
      </c>
      <c r="G71821" s="16">
        <v>2.8382656896623226</v>
      </c>
    </row>
    <row r="71822" spans="1:7" x14ac:dyDescent="0.3">
      <c r="A71822" s="13" t="s">
        <v>369</v>
      </c>
      <c r="B71822" s="14" t="s">
        <v>1</v>
      </c>
      <c r="C71822" s="14" t="s">
        <v>70</v>
      </c>
      <c r="D71822" s="14" t="s">
        <v>370</v>
      </c>
      <c r="E71822" s="15">
        <v>45658</v>
      </c>
      <c r="F71822" s="14" t="s">
        <v>61</v>
      </c>
      <c r="G71822" s="16">
        <v>2.8382656896623226</v>
      </c>
    </row>
    <row r="71823" spans="1:7" x14ac:dyDescent="0.3">
      <c r="A71823" s="13" t="s">
        <v>369</v>
      </c>
      <c r="B71823" s="14" t="s">
        <v>1</v>
      </c>
      <c r="C71823" s="14" t="s">
        <v>70</v>
      </c>
      <c r="D71823" s="14" t="s">
        <v>370</v>
      </c>
      <c r="E71823" s="15">
        <v>45659</v>
      </c>
      <c r="F71823" s="14" t="s">
        <v>61</v>
      </c>
      <c r="G71823" s="16">
        <v>2.8382656896623226</v>
      </c>
    </row>
    <row r="71824" spans="1:7" x14ac:dyDescent="0.3">
      <c r="A71824" s="13" t="s">
        <v>369</v>
      </c>
      <c r="B71824" s="14" t="s">
        <v>1</v>
      </c>
      <c r="C71824" s="14" t="s">
        <v>70</v>
      </c>
      <c r="D71824" s="14" t="s">
        <v>370</v>
      </c>
      <c r="E71824" s="15">
        <v>45660</v>
      </c>
      <c r="F71824" s="14" t="s">
        <v>61</v>
      </c>
      <c r="G71824" s="16">
        <v>2.8632469427937117</v>
      </c>
    </row>
    <row r="71825" spans="1:7" x14ac:dyDescent="0.3">
      <c r="A71825" s="13" t="s">
        <v>369</v>
      </c>
      <c r="B71825" s="14" t="s">
        <v>1</v>
      </c>
      <c r="C71825" s="14" t="s">
        <v>70</v>
      </c>
      <c r="D71825" s="14" t="s">
        <v>370</v>
      </c>
      <c r="E71825" s="15">
        <v>45661</v>
      </c>
      <c r="F71825" s="14" t="s">
        <v>61</v>
      </c>
      <c r="G71825" s="16">
        <v>2.8632469427937117</v>
      </c>
    </row>
    <row r="71826" spans="1:7" x14ac:dyDescent="0.3">
      <c r="A71826" s="13" t="s">
        <v>369</v>
      </c>
      <c r="B71826" s="14" t="s">
        <v>1</v>
      </c>
      <c r="C71826" s="14" t="s">
        <v>70</v>
      </c>
      <c r="D71826" s="14" t="s">
        <v>370</v>
      </c>
      <c r="E71826" s="15">
        <v>45662</v>
      </c>
      <c r="F71826" s="14" t="s">
        <v>61</v>
      </c>
      <c r="G71826" s="16">
        <v>2.8632469427937117</v>
      </c>
    </row>
    <row r="71827" spans="1:7" x14ac:dyDescent="0.3">
      <c r="A71827" s="13" t="s">
        <v>369</v>
      </c>
      <c r="B71827" s="14" t="s">
        <v>1</v>
      </c>
      <c r="C71827" s="14" t="s">
        <v>70</v>
      </c>
      <c r="D71827" s="14" t="s">
        <v>370</v>
      </c>
      <c r="E71827" s="15">
        <v>45663</v>
      </c>
      <c r="F71827" s="14" t="s">
        <v>61</v>
      </c>
      <c r="G71827" s="16">
        <v>2.8731679227994493</v>
      </c>
    </row>
    <row r="71828" spans="1:7" x14ac:dyDescent="0.3">
      <c r="A71828" s="13" t="s">
        <v>369</v>
      </c>
      <c r="B71828" s="14" t="s">
        <v>1</v>
      </c>
      <c r="C71828" s="14" t="s">
        <v>70</v>
      </c>
      <c r="D71828" s="14" t="s">
        <v>370</v>
      </c>
      <c r="E71828" s="15">
        <v>45664</v>
      </c>
      <c r="F71828" s="14" t="s">
        <v>61</v>
      </c>
      <c r="G71828" s="16">
        <v>2.9108637922298812</v>
      </c>
    </row>
    <row r="71829" spans="1:7" x14ac:dyDescent="0.3">
      <c r="A71829" s="13" t="s">
        <v>369</v>
      </c>
      <c r="B71829" s="14" t="s">
        <v>1</v>
      </c>
      <c r="C71829" s="14" t="s">
        <v>70</v>
      </c>
      <c r="D71829" s="14" t="s">
        <v>370</v>
      </c>
      <c r="E71829" s="15">
        <v>45665</v>
      </c>
      <c r="F71829" s="14" t="s">
        <v>61</v>
      </c>
      <c r="G71829" s="16">
        <v>2.9223374694907664</v>
      </c>
    </row>
    <row r="71830" spans="1:7" x14ac:dyDescent="0.3">
      <c r="A71830" s="13" t="s">
        <v>369</v>
      </c>
      <c r="B71830" s="14" t="s">
        <v>1</v>
      </c>
      <c r="C71830" s="14" t="s">
        <v>70</v>
      </c>
      <c r="D71830" s="14" t="s">
        <v>370</v>
      </c>
      <c r="E71830" s="15">
        <v>45666</v>
      </c>
      <c r="F71830" s="14" t="s">
        <v>61</v>
      </c>
      <c r="G71830" s="16">
        <v>2.9424351573552698</v>
      </c>
    </row>
    <row r="71831" spans="1:7" x14ac:dyDescent="0.3">
      <c r="A71831" s="13" t="s">
        <v>369</v>
      </c>
      <c r="B71831" s="14" t="s">
        <v>1</v>
      </c>
      <c r="C71831" s="14" t="s">
        <v>70</v>
      </c>
      <c r="D71831" s="14" t="s">
        <v>370</v>
      </c>
      <c r="E71831" s="15">
        <v>45667</v>
      </c>
      <c r="F71831" s="14" t="s">
        <v>61</v>
      </c>
      <c r="G71831" s="16">
        <v>2.9633518252659914</v>
      </c>
    </row>
    <row r="71832" spans="1:7" x14ac:dyDescent="0.3">
      <c r="A71832" s="13" t="s">
        <v>369</v>
      </c>
      <c r="B71832" s="14" t="s">
        <v>1</v>
      </c>
      <c r="C71832" s="14" t="s">
        <v>70</v>
      </c>
      <c r="D71832" s="14" t="s">
        <v>370</v>
      </c>
      <c r="E71832" s="15">
        <v>45668</v>
      </c>
      <c r="F71832" s="14" t="s">
        <v>61</v>
      </c>
      <c r="G71832" s="16">
        <v>2.9633518252659914</v>
      </c>
    </row>
    <row r="71833" spans="1:7" x14ac:dyDescent="0.3">
      <c r="A71833" s="13" t="s">
        <v>369</v>
      </c>
      <c r="B71833" s="14" t="s">
        <v>1</v>
      </c>
      <c r="C71833" s="14" t="s">
        <v>70</v>
      </c>
      <c r="D71833" s="14" t="s">
        <v>370</v>
      </c>
      <c r="E71833" s="15">
        <v>45669</v>
      </c>
      <c r="F71833" s="14" t="s">
        <v>61</v>
      </c>
      <c r="G71833" s="16">
        <v>2.9633518252659914</v>
      </c>
    </row>
    <row r="71834" spans="1:7" x14ac:dyDescent="0.3">
      <c r="A71834" s="13" t="s">
        <v>369</v>
      </c>
      <c r="B71834" s="14" t="s">
        <v>1</v>
      </c>
      <c r="C71834" s="14" t="s">
        <v>70</v>
      </c>
      <c r="D71834" s="14" t="s">
        <v>370</v>
      </c>
      <c r="E71834" s="15">
        <v>45670</v>
      </c>
      <c r="F71834" s="14" t="s">
        <v>61</v>
      </c>
      <c r="G71834" s="16">
        <v>2.9843315251363931</v>
      </c>
    </row>
    <row r="71835" spans="1:7" x14ac:dyDescent="0.3">
      <c r="A71835" s="13" t="s">
        <v>369</v>
      </c>
      <c r="B71835" s="14" t="s">
        <v>1</v>
      </c>
      <c r="C71835" s="14" t="s">
        <v>70</v>
      </c>
      <c r="D71835" s="14" t="s">
        <v>370</v>
      </c>
      <c r="E71835" s="15">
        <v>45671</v>
      </c>
      <c r="F71835" s="14" t="s">
        <v>61</v>
      </c>
      <c r="G71835" s="16">
        <v>2.9821374824701801</v>
      </c>
    </row>
    <row r="71836" spans="1:7" x14ac:dyDescent="0.3">
      <c r="A71836" s="13" t="s">
        <v>369</v>
      </c>
      <c r="B71836" s="14" t="s">
        <v>1</v>
      </c>
      <c r="C71836" s="14" t="s">
        <v>70</v>
      </c>
      <c r="D71836" s="14" t="s">
        <v>370</v>
      </c>
      <c r="E71836" s="15">
        <v>45672</v>
      </c>
      <c r="F71836" s="14" t="s">
        <v>61</v>
      </c>
      <c r="G71836" s="16">
        <v>2.9934349230498833</v>
      </c>
    </row>
    <row r="71837" spans="1:7" x14ac:dyDescent="0.3">
      <c r="A71837" s="13" t="s">
        <v>369</v>
      </c>
      <c r="B71837" s="14" t="s">
        <v>1</v>
      </c>
      <c r="C71837" s="14" t="s">
        <v>70</v>
      </c>
      <c r="D71837" s="14" t="s">
        <v>370</v>
      </c>
      <c r="E71837" s="15">
        <v>45673</v>
      </c>
      <c r="F71837" s="14" t="s">
        <v>61</v>
      </c>
      <c r="G71837" s="16">
        <v>3.0001493856830956</v>
      </c>
    </row>
    <row r="71838" spans="1:7" x14ac:dyDescent="0.3">
      <c r="A71838" s="13" t="s">
        <v>369</v>
      </c>
      <c r="B71838" s="14" t="s">
        <v>1</v>
      </c>
      <c r="C71838" s="14" t="s">
        <v>70</v>
      </c>
      <c r="D71838" s="14" t="s">
        <v>370</v>
      </c>
      <c r="E71838" s="15">
        <v>45674</v>
      </c>
      <c r="F71838" s="14" t="s">
        <v>61</v>
      </c>
      <c r="G71838" s="16">
        <v>3.013290053388086</v>
      </c>
    </row>
    <row r="71839" spans="1:7" x14ac:dyDescent="0.3">
      <c r="A71839" s="13" t="s">
        <v>369</v>
      </c>
      <c r="B71839" s="14" t="s">
        <v>1</v>
      </c>
      <c r="C71839" s="14" t="s">
        <v>70</v>
      </c>
      <c r="D71839" s="14" t="s">
        <v>370</v>
      </c>
      <c r="E71839" s="15">
        <v>45675</v>
      </c>
      <c r="F71839" s="14" t="s">
        <v>61</v>
      </c>
      <c r="G71839" s="16">
        <v>3.013290053388086</v>
      </c>
    </row>
    <row r="71840" spans="1:7" x14ac:dyDescent="0.3">
      <c r="A71840" s="13" t="s">
        <v>369</v>
      </c>
      <c r="B71840" s="14" t="s">
        <v>1</v>
      </c>
      <c r="C71840" s="14" t="s">
        <v>70</v>
      </c>
      <c r="D71840" s="14" t="s">
        <v>370</v>
      </c>
      <c r="E71840" s="15">
        <v>45676</v>
      </c>
      <c r="F71840" s="14" t="s">
        <v>61</v>
      </c>
      <c r="G71840" s="16">
        <v>3.013290053388086</v>
      </c>
    </row>
    <row r="71841" spans="1:7" x14ac:dyDescent="0.3">
      <c r="A71841" s="13" t="s">
        <v>369</v>
      </c>
      <c r="B71841" s="14" t="s">
        <v>1</v>
      </c>
      <c r="C71841" s="14" t="s">
        <v>70</v>
      </c>
      <c r="D71841" s="14" t="s">
        <v>370</v>
      </c>
      <c r="E71841" s="15">
        <v>45677</v>
      </c>
      <c r="F71841" s="14" t="s">
        <v>61</v>
      </c>
      <c r="G71841" s="16">
        <v>2.9817035406912216</v>
      </c>
    </row>
    <row r="71842" spans="1:7" x14ac:dyDescent="0.3">
      <c r="A71842" s="13" t="s">
        <v>369</v>
      </c>
      <c r="B71842" s="14" t="s">
        <v>1</v>
      </c>
      <c r="C71842" s="14" t="s">
        <v>70</v>
      </c>
      <c r="D71842" s="14" t="s">
        <v>370</v>
      </c>
      <c r="E71842" s="15">
        <v>45678</v>
      </c>
      <c r="F71842" s="14" t="s">
        <v>61</v>
      </c>
      <c r="G71842" s="16">
        <v>3.0124903352008752</v>
      </c>
    </row>
    <row r="71843" spans="1:7" x14ac:dyDescent="0.3">
      <c r="A71843" s="13" t="s">
        <v>369</v>
      </c>
      <c r="B71843" s="14" t="s">
        <v>1</v>
      </c>
      <c r="C71843" s="14" t="s">
        <v>70</v>
      </c>
      <c r="D71843" s="14" t="s">
        <v>370</v>
      </c>
      <c r="E71843" s="15">
        <v>45679</v>
      </c>
      <c r="F71843" s="14" t="s">
        <v>61</v>
      </c>
      <c r="G71843" s="16">
        <v>3.0235274057360479</v>
      </c>
    </row>
    <row r="71844" spans="1:7" x14ac:dyDescent="0.3">
      <c r="A71844" s="13" t="s">
        <v>369</v>
      </c>
      <c r="B71844" s="14" t="s">
        <v>1</v>
      </c>
      <c r="C71844" s="14" t="s">
        <v>70</v>
      </c>
      <c r="D71844" s="14" t="s">
        <v>370</v>
      </c>
      <c r="E71844" s="15">
        <v>45680</v>
      </c>
      <c r="F71844" s="14" t="s">
        <v>61</v>
      </c>
      <c r="G71844" s="16">
        <v>3.0269435600458121</v>
      </c>
    </row>
    <row r="71845" spans="1:7" x14ac:dyDescent="0.3">
      <c r="A71845" s="13" t="s">
        <v>369</v>
      </c>
      <c r="B71845" s="14" t="s">
        <v>1</v>
      </c>
      <c r="C71845" s="14" t="s">
        <v>70</v>
      </c>
      <c r="D71845" s="14" t="s">
        <v>370</v>
      </c>
      <c r="E71845" s="15">
        <v>45681</v>
      </c>
      <c r="F71845" s="14" t="s">
        <v>61</v>
      </c>
      <c r="G71845" s="16">
        <v>3.0092826041759309</v>
      </c>
    </row>
    <row r="71846" spans="1:7" x14ac:dyDescent="0.3">
      <c r="A71846" s="13" t="s">
        <v>369</v>
      </c>
      <c r="B71846" s="14" t="s">
        <v>1</v>
      </c>
      <c r="C71846" s="14" t="s">
        <v>70</v>
      </c>
      <c r="D71846" s="14" t="s">
        <v>370</v>
      </c>
      <c r="E71846" s="15">
        <v>45682</v>
      </c>
      <c r="F71846" s="14" t="s">
        <v>61</v>
      </c>
      <c r="G71846" s="16">
        <v>3.0092826041759309</v>
      </c>
    </row>
    <row r="71847" spans="1:7" x14ac:dyDescent="0.3">
      <c r="A71847" s="13" t="s">
        <v>369</v>
      </c>
      <c r="B71847" s="14" t="s">
        <v>1</v>
      </c>
      <c r="C71847" s="14" t="s">
        <v>70</v>
      </c>
      <c r="D71847" s="14" t="s">
        <v>370</v>
      </c>
      <c r="E71847" s="15">
        <v>45683</v>
      </c>
      <c r="F71847" s="14" t="s">
        <v>61</v>
      </c>
      <c r="G71847" s="16">
        <v>3.0092826041759309</v>
      </c>
    </row>
    <row r="71848" spans="1:7" x14ac:dyDescent="0.3">
      <c r="A71848" s="13" t="s">
        <v>369</v>
      </c>
      <c r="B71848" s="14" t="s">
        <v>1</v>
      </c>
      <c r="C71848" s="14" t="s">
        <v>70</v>
      </c>
      <c r="D71848" s="14" t="s">
        <v>370</v>
      </c>
      <c r="E71848" s="15">
        <v>45684</v>
      </c>
      <c r="F71848" s="14" t="s">
        <v>61</v>
      </c>
      <c r="G71848" s="16">
        <v>3.0219828123288708</v>
      </c>
    </row>
    <row r="71849" spans="1:7" x14ac:dyDescent="0.3">
      <c r="A71849" s="13" t="s">
        <v>369</v>
      </c>
      <c r="B71849" s="14" t="s">
        <v>1</v>
      </c>
      <c r="C71849" s="14" t="s">
        <v>70</v>
      </c>
      <c r="D71849" s="14" t="s">
        <v>370</v>
      </c>
      <c r="E71849" s="15">
        <v>45685</v>
      </c>
      <c r="F71849" s="14" t="s">
        <v>61</v>
      </c>
      <c r="G71849" s="16">
        <v>3.0533080911180459</v>
      </c>
    </row>
    <row r="71850" spans="1:7" x14ac:dyDescent="0.3">
      <c r="A71850" s="13" t="s">
        <v>369</v>
      </c>
      <c r="B71850" s="14" t="s">
        <v>1</v>
      </c>
      <c r="C71850" s="14" t="s">
        <v>70</v>
      </c>
      <c r="D71850" s="14" t="s">
        <v>370</v>
      </c>
      <c r="E71850" s="15">
        <v>45686</v>
      </c>
      <c r="F71850" s="14" t="s">
        <v>61</v>
      </c>
      <c r="G71850" s="16">
        <v>3.0620894559557108</v>
      </c>
    </row>
    <row r="71851" spans="1:7" x14ac:dyDescent="0.3">
      <c r="A71851" s="13" t="s">
        <v>369</v>
      </c>
      <c r="B71851" s="14" t="s">
        <v>1</v>
      </c>
      <c r="C71851" s="14" t="s">
        <v>70</v>
      </c>
      <c r="D71851" s="14" t="s">
        <v>370</v>
      </c>
      <c r="E71851" s="15">
        <v>45687</v>
      </c>
      <c r="F71851" s="14" t="s">
        <v>61</v>
      </c>
      <c r="G71851" s="16">
        <v>3.077596842863374</v>
      </c>
    </row>
    <row r="71852" spans="1:7" x14ac:dyDescent="0.3">
      <c r="A71852" s="13" t="s">
        <v>369</v>
      </c>
      <c r="B71852" s="14" t="s">
        <v>1</v>
      </c>
      <c r="C71852" s="14" t="s">
        <v>70</v>
      </c>
      <c r="D71852" s="14" t="s">
        <v>370</v>
      </c>
      <c r="E71852" s="15">
        <v>45688</v>
      </c>
      <c r="F71852" s="14" t="s">
        <v>61</v>
      </c>
      <c r="G71852" s="16">
        <v>3.0908708259493256</v>
      </c>
    </row>
    <row r="71853" spans="1:7" x14ac:dyDescent="0.3">
      <c r="A71853" s="13" t="s">
        <v>369</v>
      </c>
      <c r="B71853" s="14" t="s">
        <v>1</v>
      </c>
      <c r="C71853" s="14" t="s">
        <v>70</v>
      </c>
      <c r="D71853" s="14" t="s">
        <v>370</v>
      </c>
      <c r="E71853" s="15">
        <v>45689</v>
      </c>
      <c r="F71853" s="14" t="s">
        <v>61</v>
      </c>
      <c r="G71853" s="16">
        <v>3.0908708259493256</v>
      </c>
    </row>
    <row r="71854" spans="1:7" x14ac:dyDescent="0.3">
      <c r="A71854" s="13" t="s">
        <v>369</v>
      </c>
      <c r="B71854" s="14" t="s">
        <v>1</v>
      </c>
      <c r="C71854" s="14" t="s">
        <v>70</v>
      </c>
      <c r="D71854" s="14" t="s">
        <v>370</v>
      </c>
      <c r="E71854" s="15">
        <v>45690</v>
      </c>
      <c r="F71854" s="14" t="s">
        <v>61</v>
      </c>
      <c r="G71854" s="16">
        <v>3.0908708259493256</v>
      </c>
    </row>
    <row r="71855" spans="1:7" x14ac:dyDescent="0.3">
      <c r="A71855" s="13" t="s">
        <v>369</v>
      </c>
      <c r="B71855" s="14" t="s">
        <v>1</v>
      </c>
      <c r="C71855" s="14" t="s">
        <v>70</v>
      </c>
      <c r="D71855" s="14" t="s">
        <v>370</v>
      </c>
      <c r="E71855" s="15">
        <v>45691</v>
      </c>
      <c r="F71855" s="14" t="s">
        <v>61</v>
      </c>
      <c r="G71855" s="16">
        <v>3.0908708259493256</v>
      </c>
    </row>
    <row r="71856" spans="1:7" x14ac:dyDescent="0.3">
      <c r="A71856" s="13" t="s">
        <v>369</v>
      </c>
      <c r="B71856" s="14" t="s">
        <v>1</v>
      </c>
      <c r="C71856" s="14" t="s">
        <v>70</v>
      </c>
      <c r="D71856" s="14" t="s">
        <v>370</v>
      </c>
      <c r="E71856" s="15">
        <v>45692</v>
      </c>
      <c r="F71856" s="14" t="s">
        <v>61</v>
      </c>
      <c r="G71856" s="16">
        <v>3.0935496859334677</v>
      </c>
    </row>
    <row r="71857" spans="1:7" x14ac:dyDescent="0.3">
      <c r="A71857" s="13" t="s">
        <v>369</v>
      </c>
      <c r="B71857" s="14" t="s">
        <v>1</v>
      </c>
      <c r="C71857" s="14" t="s">
        <v>70</v>
      </c>
      <c r="D71857" s="14" t="s">
        <v>370</v>
      </c>
      <c r="E71857" s="15">
        <v>45693</v>
      </c>
      <c r="F71857" s="14" t="s">
        <v>61</v>
      </c>
      <c r="G71857" s="16">
        <v>3.1040847286966837</v>
      </c>
    </row>
    <row r="71858" spans="1:7" x14ac:dyDescent="0.3">
      <c r="A71858" s="13" t="s">
        <v>369</v>
      </c>
      <c r="B71858" s="14" t="s">
        <v>1</v>
      </c>
      <c r="C71858" s="14" t="s">
        <v>70</v>
      </c>
      <c r="D71858" s="14" t="s">
        <v>370</v>
      </c>
      <c r="E71858" s="15">
        <v>45694</v>
      </c>
      <c r="F71858" s="14" t="s">
        <v>61</v>
      </c>
      <c r="G71858" s="16">
        <v>3.1147658101190383</v>
      </c>
    </row>
    <row r="71859" spans="1:7" x14ac:dyDescent="0.3">
      <c r="A71859" s="13" t="s">
        <v>369</v>
      </c>
      <c r="B71859" s="14" t="s">
        <v>1</v>
      </c>
      <c r="C71859" s="14" t="s">
        <v>70</v>
      </c>
      <c r="D71859" s="14" t="s">
        <v>370</v>
      </c>
      <c r="E71859" s="15">
        <v>45695</v>
      </c>
      <c r="F71859" s="14" t="s">
        <v>61</v>
      </c>
      <c r="G71859" s="16">
        <v>3.1397339626516505</v>
      </c>
    </row>
    <row r="71860" spans="1:7" x14ac:dyDescent="0.3">
      <c r="A71860" s="13" t="s">
        <v>369</v>
      </c>
      <c r="B71860" s="14" t="s">
        <v>1</v>
      </c>
      <c r="C71860" s="14" t="s">
        <v>70</v>
      </c>
      <c r="D71860" s="14" t="s">
        <v>370</v>
      </c>
      <c r="E71860" s="15">
        <v>45696</v>
      </c>
      <c r="F71860" s="14" t="s">
        <v>61</v>
      </c>
      <c r="G71860" s="16">
        <v>3.1397339626516505</v>
      </c>
    </row>
    <row r="71861" spans="1:7" x14ac:dyDescent="0.3">
      <c r="A71861" s="13" t="s">
        <v>369</v>
      </c>
      <c r="B71861" s="14" t="s">
        <v>1</v>
      </c>
      <c r="C71861" s="14" t="s">
        <v>70</v>
      </c>
      <c r="D71861" s="14" t="s">
        <v>370</v>
      </c>
      <c r="E71861" s="15">
        <v>45697</v>
      </c>
      <c r="F71861" s="14" t="s">
        <v>61</v>
      </c>
      <c r="G71861" s="16">
        <v>3.1397339626516505</v>
      </c>
    </row>
    <row r="71862" spans="1:7" x14ac:dyDescent="0.3">
      <c r="A71862" s="13" t="s">
        <v>369</v>
      </c>
      <c r="B71862" s="14" t="s">
        <v>1</v>
      </c>
      <c r="C71862" s="14" t="s">
        <v>70</v>
      </c>
      <c r="D71862" s="14" t="s">
        <v>370</v>
      </c>
      <c r="E71862" s="15">
        <v>45698</v>
      </c>
      <c r="F71862" s="14" t="s">
        <v>61</v>
      </c>
      <c r="G71862" s="16">
        <v>3.1511102919988678</v>
      </c>
    </row>
    <row r="71863" spans="1:7" x14ac:dyDescent="0.3">
      <c r="A71863" s="13" t="s">
        <v>369</v>
      </c>
      <c r="B71863" s="14" t="s">
        <v>1</v>
      </c>
      <c r="C71863" s="14" t="s">
        <v>70</v>
      </c>
      <c r="D71863" s="14" t="s">
        <v>370</v>
      </c>
      <c r="E71863" s="15">
        <v>45699</v>
      </c>
      <c r="F71863" s="14" t="s">
        <v>61</v>
      </c>
      <c r="G71863" s="16">
        <v>3.151935653188465</v>
      </c>
    </row>
    <row r="71864" spans="1:7" x14ac:dyDescent="0.3">
      <c r="A71864" s="13" t="s">
        <v>369</v>
      </c>
      <c r="B71864" s="14" t="s">
        <v>1</v>
      </c>
      <c r="C71864" s="14" t="s">
        <v>70</v>
      </c>
      <c r="D71864" s="14" t="s">
        <v>370</v>
      </c>
      <c r="E71864" s="15">
        <v>45700</v>
      </c>
      <c r="F71864" s="14" t="s">
        <v>61</v>
      </c>
      <c r="G71864" s="16">
        <v>3.1511764848409634</v>
      </c>
    </row>
    <row r="71865" spans="1:7" x14ac:dyDescent="0.3">
      <c r="A71865" s="13" t="s">
        <v>369</v>
      </c>
      <c r="B71865" s="14" t="s">
        <v>1</v>
      </c>
      <c r="C71865" s="14" t="s">
        <v>70</v>
      </c>
      <c r="D71865" s="14" t="s">
        <v>370</v>
      </c>
      <c r="E71865" s="15">
        <v>45701</v>
      </c>
      <c r="F71865" s="14" t="s">
        <v>61</v>
      </c>
      <c r="G71865" s="16">
        <v>3.1390021167885753</v>
      </c>
    </row>
    <row r="71866" spans="1:7" x14ac:dyDescent="0.3">
      <c r="A71866" s="13" t="s">
        <v>369</v>
      </c>
      <c r="B71866" s="14" t="s">
        <v>1</v>
      </c>
      <c r="C71866" s="14" t="s">
        <v>70</v>
      </c>
      <c r="D71866" s="14" t="s">
        <v>370</v>
      </c>
      <c r="E71866" s="15">
        <v>45702</v>
      </c>
      <c r="F71866" s="14" t="s">
        <v>61</v>
      </c>
      <c r="G71866" s="16">
        <v>3.1455309385763472</v>
      </c>
    </row>
    <row r="71867" spans="1:7" x14ac:dyDescent="0.3">
      <c r="A71867" s="13" t="s">
        <v>369</v>
      </c>
      <c r="B71867" s="14" t="s">
        <v>1</v>
      </c>
      <c r="C71867" s="14" t="s">
        <v>70</v>
      </c>
      <c r="D71867" s="14" t="s">
        <v>370</v>
      </c>
      <c r="E71867" s="15">
        <v>45703</v>
      </c>
      <c r="F71867" s="14" t="s">
        <v>61</v>
      </c>
      <c r="G71867" s="16">
        <v>3.1455309385763472</v>
      </c>
    </row>
    <row r="71868" spans="1:7" x14ac:dyDescent="0.3">
      <c r="A71868" s="13" t="s">
        <v>369</v>
      </c>
      <c r="B71868" s="14" t="s">
        <v>1</v>
      </c>
      <c r="C71868" s="14" t="s">
        <v>70</v>
      </c>
      <c r="D71868" s="14" t="s">
        <v>370</v>
      </c>
      <c r="E71868" s="15">
        <v>45704</v>
      </c>
      <c r="F71868" s="14" t="s">
        <v>61</v>
      </c>
      <c r="G71868" s="16">
        <v>3.1455309385763472</v>
      </c>
    </row>
    <row r="71869" spans="1:7" x14ac:dyDescent="0.3">
      <c r="A71869" s="13" t="s">
        <v>369</v>
      </c>
      <c r="B71869" s="14" t="s">
        <v>1</v>
      </c>
      <c r="C71869" s="14" t="s">
        <v>70</v>
      </c>
      <c r="D71869" s="14" t="s">
        <v>370</v>
      </c>
      <c r="E71869" s="15">
        <v>45705</v>
      </c>
      <c r="F71869" s="14" t="s">
        <v>61</v>
      </c>
      <c r="G71869" s="16">
        <v>3.1974500918099253</v>
      </c>
    </row>
    <row r="71870" spans="1:7" x14ac:dyDescent="0.3">
      <c r="A71870" s="13" t="s">
        <v>369</v>
      </c>
      <c r="B71870" s="14" t="s">
        <v>1</v>
      </c>
      <c r="C71870" s="14" t="s">
        <v>70</v>
      </c>
      <c r="D71870" s="14" t="s">
        <v>370</v>
      </c>
      <c r="E71870" s="15">
        <v>45706</v>
      </c>
      <c r="F71870" s="14" t="s">
        <v>61</v>
      </c>
      <c r="G71870" s="16">
        <v>3.2252209117148745</v>
      </c>
    </row>
    <row r="71871" spans="1:7" x14ac:dyDescent="0.3">
      <c r="A71871" s="13" t="s">
        <v>369</v>
      </c>
      <c r="B71871" s="14" t="s">
        <v>1</v>
      </c>
      <c r="C71871" s="14" t="s">
        <v>70</v>
      </c>
      <c r="D71871" s="14" t="s">
        <v>370</v>
      </c>
      <c r="E71871" s="15">
        <v>45707</v>
      </c>
      <c r="F71871" s="14" t="s">
        <v>61</v>
      </c>
      <c r="G71871" s="16">
        <v>3.2515356615847777</v>
      </c>
    </row>
    <row r="71872" spans="1:7" x14ac:dyDescent="0.3">
      <c r="A71872" s="13" t="s">
        <v>369</v>
      </c>
      <c r="B71872" s="14" t="s">
        <v>1</v>
      </c>
      <c r="C71872" s="14" t="s">
        <v>70</v>
      </c>
      <c r="D71872" s="14" t="s">
        <v>370</v>
      </c>
      <c r="E71872" s="15">
        <v>45708</v>
      </c>
      <c r="F71872" s="14" t="s">
        <v>61</v>
      </c>
      <c r="G71872" s="16">
        <v>3.231903733924018</v>
      </c>
    </row>
    <row r="71873" spans="1:7" x14ac:dyDescent="0.3">
      <c r="A71873" s="13" t="s">
        <v>369</v>
      </c>
      <c r="B71873" s="14" t="s">
        <v>1</v>
      </c>
      <c r="C71873" s="14" t="s">
        <v>70</v>
      </c>
      <c r="D71873" s="14" t="s">
        <v>370</v>
      </c>
      <c r="E71873" s="15">
        <v>45709</v>
      </c>
      <c r="F71873" s="14" t="s">
        <v>61</v>
      </c>
      <c r="G71873" s="16">
        <v>3.2510429717025091</v>
      </c>
    </row>
    <row r="71874" spans="1:7" x14ac:dyDescent="0.3">
      <c r="A71874" s="13" t="s">
        <v>369</v>
      </c>
      <c r="B71874" s="14" t="s">
        <v>1</v>
      </c>
      <c r="C71874" s="14" t="s">
        <v>70</v>
      </c>
      <c r="D71874" s="14" t="s">
        <v>370</v>
      </c>
      <c r="E71874" s="15">
        <v>45710</v>
      </c>
      <c r="F71874" s="14" t="s">
        <v>61</v>
      </c>
      <c r="G71874" s="16">
        <v>3.2510429717025091</v>
      </c>
    </row>
    <row r="71875" spans="1:7" x14ac:dyDescent="0.3">
      <c r="A71875" s="13" t="s">
        <v>369</v>
      </c>
      <c r="B71875" s="14" t="s">
        <v>1</v>
      </c>
      <c r="C71875" s="14" t="s">
        <v>70</v>
      </c>
      <c r="D71875" s="14" t="s">
        <v>370</v>
      </c>
      <c r="E71875" s="15">
        <v>45711</v>
      </c>
      <c r="F71875" s="14" t="s">
        <v>61</v>
      </c>
      <c r="G71875" s="16">
        <v>3.2510429717025091</v>
      </c>
    </row>
    <row r="71876" spans="1:7" x14ac:dyDescent="0.3">
      <c r="A71876" s="13" t="s">
        <v>369</v>
      </c>
      <c r="B71876" s="14" t="s">
        <v>1</v>
      </c>
      <c r="C71876" s="14" t="s">
        <v>70</v>
      </c>
      <c r="D71876" s="14" t="s">
        <v>370</v>
      </c>
      <c r="E71876" s="15">
        <v>45712</v>
      </c>
      <c r="F71876" s="14" t="s">
        <v>61</v>
      </c>
      <c r="G71876" s="16">
        <v>3.2537050010179325</v>
      </c>
    </row>
    <row r="71877" spans="1:7" x14ac:dyDescent="0.3">
      <c r="A71877" s="13" t="s">
        <v>369</v>
      </c>
      <c r="B71877" s="14" t="s">
        <v>1</v>
      </c>
      <c r="C71877" s="14" t="s">
        <v>70</v>
      </c>
      <c r="D71877" s="14" t="s">
        <v>370</v>
      </c>
      <c r="E71877" s="15">
        <v>45713</v>
      </c>
      <c r="F71877" s="14" t="s">
        <v>61</v>
      </c>
      <c r="G71877" s="16">
        <v>3.2557369099050075</v>
      </c>
    </row>
    <row r="71878" spans="1:7" x14ac:dyDescent="0.3">
      <c r="A71878" s="13" t="s">
        <v>369</v>
      </c>
      <c r="B71878" s="14" t="s">
        <v>1</v>
      </c>
      <c r="C71878" s="14" t="s">
        <v>70</v>
      </c>
      <c r="D71878" s="14" t="s">
        <v>370</v>
      </c>
      <c r="E71878" s="15">
        <v>45714</v>
      </c>
      <c r="F71878" s="14" t="s">
        <v>61</v>
      </c>
      <c r="G71878" s="16">
        <v>3.2699258146692771</v>
      </c>
    </row>
    <row r="71879" spans="1:7" x14ac:dyDescent="0.3">
      <c r="A71879" s="13" t="s">
        <v>369</v>
      </c>
      <c r="B71879" s="14" t="s">
        <v>1</v>
      </c>
      <c r="C71879" s="14" t="s">
        <v>70</v>
      </c>
      <c r="D71879" s="14" t="s">
        <v>370</v>
      </c>
      <c r="E71879" s="15">
        <v>45715</v>
      </c>
      <c r="F71879" s="14" t="s">
        <v>61</v>
      </c>
      <c r="G71879" s="16">
        <v>3.3037200433889544</v>
      </c>
    </row>
    <row r="71880" spans="1:7" x14ac:dyDescent="0.3">
      <c r="A71880" s="13" t="s">
        <v>369</v>
      </c>
      <c r="B71880" s="14" t="s">
        <v>1</v>
      </c>
      <c r="C71880" s="14" t="s">
        <v>70</v>
      </c>
      <c r="D71880" s="14" t="s">
        <v>370</v>
      </c>
      <c r="E71880" s="15">
        <v>45716</v>
      </c>
      <c r="F71880" s="14" t="s">
        <v>61</v>
      </c>
      <c r="G71880" s="16">
        <v>3.3212749066686631</v>
      </c>
    </row>
    <row r="71881" spans="1:7" x14ac:dyDescent="0.3">
      <c r="A71881" s="13" t="s">
        <v>369</v>
      </c>
      <c r="B71881" s="14" t="s">
        <v>1</v>
      </c>
      <c r="C71881" s="14" t="s">
        <v>70</v>
      </c>
      <c r="D71881" s="14" t="s">
        <v>370</v>
      </c>
      <c r="E71881" s="15">
        <v>45717</v>
      </c>
      <c r="F71881" s="14" t="s">
        <v>61</v>
      </c>
      <c r="G71881" s="16">
        <v>3.3212749066686631</v>
      </c>
    </row>
    <row r="71882" spans="1:7" x14ac:dyDescent="0.3">
      <c r="A71882" s="13" t="s">
        <v>369</v>
      </c>
      <c r="B71882" s="14" t="s">
        <v>1</v>
      </c>
      <c r="C71882" s="14" t="s">
        <v>70</v>
      </c>
      <c r="D71882" s="14" t="s">
        <v>370</v>
      </c>
      <c r="E71882" s="15">
        <v>45718</v>
      </c>
      <c r="F71882" s="14" t="s">
        <v>61</v>
      </c>
      <c r="G71882" s="16">
        <v>3.3212749066686631</v>
      </c>
    </row>
    <row r="71883" spans="1:7" x14ac:dyDescent="0.3">
      <c r="A71883" s="13" t="s">
        <v>369</v>
      </c>
      <c r="B71883" s="14" t="s">
        <v>1</v>
      </c>
      <c r="C71883" s="14" t="s">
        <v>70</v>
      </c>
      <c r="D71883" s="14" t="s">
        <v>370</v>
      </c>
      <c r="E71883" s="15">
        <v>45719</v>
      </c>
      <c r="F71883" s="14" t="s">
        <v>61</v>
      </c>
      <c r="G71883" s="16">
        <v>3.3145058219731558</v>
      </c>
    </row>
    <row r="71884" spans="1:7" x14ac:dyDescent="0.3">
      <c r="A71884" s="13" t="s">
        <v>369</v>
      </c>
      <c r="B71884" s="14" t="s">
        <v>1</v>
      </c>
      <c r="C71884" s="14" t="s">
        <v>70</v>
      </c>
      <c r="D71884" s="14" t="s">
        <v>370</v>
      </c>
      <c r="E71884" s="15">
        <v>45720</v>
      </c>
      <c r="F71884" s="14" t="s">
        <v>61</v>
      </c>
      <c r="G71884" s="16">
        <v>3.2884120651929565</v>
      </c>
    </row>
    <row r="71885" spans="1:7" x14ac:dyDescent="0.3">
      <c r="A71885" s="13" t="s">
        <v>369</v>
      </c>
      <c r="B71885" s="14" t="s">
        <v>1</v>
      </c>
      <c r="C71885" s="14" t="s">
        <v>70</v>
      </c>
      <c r="D71885" s="14" t="s">
        <v>370</v>
      </c>
      <c r="E71885" s="15">
        <v>45721</v>
      </c>
      <c r="F71885" s="14" t="s">
        <v>61</v>
      </c>
      <c r="G71885" s="16">
        <v>3.2439703551524994</v>
      </c>
    </row>
    <row r="71886" spans="1:7" x14ac:dyDescent="0.3">
      <c r="A71886" s="13" t="s">
        <v>369</v>
      </c>
      <c r="B71886" s="14" t="s">
        <v>1</v>
      </c>
      <c r="C71886" s="14" t="s">
        <v>70</v>
      </c>
      <c r="D71886" s="14" t="s">
        <v>370</v>
      </c>
      <c r="E71886" s="15">
        <v>45722</v>
      </c>
      <c r="F71886" s="14" t="s">
        <v>61</v>
      </c>
      <c r="G71886" s="16">
        <v>3.2534250705998988</v>
      </c>
    </row>
    <row r="71887" spans="1:7" x14ac:dyDescent="0.3">
      <c r="A71887" s="13" t="s">
        <v>369</v>
      </c>
      <c r="B71887" s="14" t="s">
        <v>1</v>
      </c>
      <c r="C71887" s="14" t="s">
        <v>70</v>
      </c>
      <c r="D71887" s="14" t="s">
        <v>370</v>
      </c>
      <c r="E71887" s="15">
        <v>45723</v>
      </c>
      <c r="F71887" s="14" t="s">
        <v>61</v>
      </c>
      <c r="G71887" s="16">
        <v>3.2855874137907741</v>
      </c>
    </row>
    <row r="71888" spans="1:7" x14ac:dyDescent="0.3">
      <c r="A71888" s="13" t="s">
        <v>369</v>
      </c>
      <c r="B71888" s="14" t="s">
        <v>1</v>
      </c>
      <c r="C71888" s="14" t="s">
        <v>70</v>
      </c>
      <c r="D71888" s="14" t="s">
        <v>370</v>
      </c>
      <c r="E71888" s="15">
        <v>45724</v>
      </c>
      <c r="F71888" s="14" t="s">
        <v>61</v>
      </c>
      <c r="G71888" s="16">
        <v>3.2855874137907741</v>
      </c>
    </row>
    <row r="71889" spans="1:7" x14ac:dyDescent="0.3">
      <c r="A71889" s="13" t="s">
        <v>369</v>
      </c>
      <c r="B71889" s="14" t="s">
        <v>1</v>
      </c>
      <c r="C71889" s="14" t="s">
        <v>70</v>
      </c>
      <c r="D71889" s="14" t="s">
        <v>370</v>
      </c>
      <c r="E71889" s="15">
        <v>45725</v>
      </c>
      <c r="F71889" s="14" t="s">
        <v>61</v>
      </c>
      <c r="G71889" s="16">
        <v>3.2855874137907741</v>
      </c>
    </row>
    <row r="71890" spans="1:7" x14ac:dyDescent="0.3">
      <c r="A71890" s="13" t="s">
        <v>369</v>
      </c>
      <c r="B71890" s="14" t="s">
        <v>1</v>
      </c>
      <c r="C71890" s="14" t="s">
        <v>70</v>
      </c>
      <c r="D71890" s="14" t="s">
        <v>370</v>
      </c>
      <c r="E71890" s="15">
        <v>45726</v>
      </c>
      <c r="F71890" s="14" t="s">
        <v>61</v>
      </c>
      <c r="G71890" s="16">
        <v>3.2949213786203835</v>
      </c>
    </row>
    <row r="71891" spans="1:7" x14ac:dyDescent="0.3">
      <c r="A71891" s="13" t="s">
        <v>369</v>
      </c>
      <c r="B71891" s="14" t="s">
        <v>1</v>
      </c>
      <c r="C71891" s="14" t="s">
        <v>70</v>
      </c>
      <c r="D71891" s="14" t="s">
        <v>370</v>
      </c>
      <c r="E71891" s="15">
        <v>45727</v>
      </c>
      <c r="F71891" s="14" t="s">
        <v>61</v>
      </c>
      <c r="G71891" s="16">
        <v>3.2890575629344618</v>
      </c>
    </row>
    <row r="71892" spans="1:7" x14ac:dyDescent="0.3">
      <c r="A71892" s="13" t="s">
        <v>369</v>
      </c>
      <c r="B71892" s="14" t="s">
        <v>1</v>
      </c>
      <c r="C71892" s="14" t="s">
        <v>70</v>
      </c>
      <c r="D71892" s="14" t="s">
        <v>370</v>
      </c>
      <c r="E71892" s="15">
        <v>45728</v>
      </c>
      <c r="F71892" s="14" t="s">
        <v>61</v>
      </c>
      <c r="G71892" s="16">
        <v>3.3147474304188846</v>
      </c>
    </row>
    <row r="71893" spans="1:7" x14ac:dyDescent="0.3">
      <c r="A71893" s="13" t="s">
        <v>369</v>
      </c>
      <c r="B71893" s="14" t="s">
        <v>1</v>
      </c>
      <c r="C71893" s="14" t="s">
        <v>70</v>
      </c>
      <c r="D71893" s="14" t="s">
        <v>370</v>
      </c>
      <c r="E71893" s="15">
        <v>45729</v>
      </c>
      <c r="F71893" s="14" t="s">
        <v>61</v>
      </c>
      <c r="G71893" s="16">
        <v>3.3311699877988672</v>
      </c>
    </row>
    <row r="71894" spans="1:7" x14ac:dyDescent="0.3">
      <c r="A71894" s="13" t="s">
        <v>369</v>
      </c>
      <c r="B71894" s="14" t="s">
        <v>1</v>
      </c>
      <c r="C71894" s="14" t="s">
        <v>70</v>
      </c>
      <c r="D71894" s="14" t="s">
        <v>370</v>
      </c>
      <c r="E71894" s="15">
        <v>45730</v>
      </c>
      <c r="F71894" s="14" t="s">
        <v>61</v>
      </c>
      <c r="G71894" s="16">
        <v>3.3369328605807644</v>
      </c>
    </row>
    <row r="71895" spans="1:7" x14ac:dyDescent="0.3">
      <c r="A71895" s="13" t="s">
        <v>369</v>
      </c>
      <c r="B71895" s="14" t="s">
        <v>1</v>
      </c>
      <c r="C71895" s="14" t="s">
        <v>70</v>
      </c>
      <c r="D71895" s="14" t="s">
        <v>370</v>
      </c>
      <c r="E71895" s="15">
        <v>45731</v>
      </c>
      <c r="F71895" s="14" t="s">
        <v>61</v>
      </c>
      <c r="G71895" s="16">
        <v>3.3369328605807644</v>
      </c>
    </row>
    <row r="71896" spans="1:7" x14ac:dyDescent="0.3">
      <c r="A71896" s="13" t="s">
        <v>369</v>
      </c>
      <c r="B71896" s="14" t="s">
        <v>1</v>
      </c>
      <c r="C71896" s="14" t="s">
        <v>70</v>
      </c>
      <c r="D71896" s="14" t="s">
        <v>370</v>
      </c>
      <c r="E71896" s="15">
        <v>45732</v>
      </c>
      <c r="F71896" s="14" t="s">
        <v>61</v>
      </c>
      <c r="G71896" s="16">
        <v>3.3369328605807644</v>
      </c>
    </row>
    <row r="71897" spans="1:7" x14ac:dyDescent="0.3">
      <c r="A71897" s="13" t="s">
        <v>369</v>
      </c>
      <c r="B71897" s="14" t="s">
        <v>1</v>
      </c>
      <c r="C71897" s="14" t="s">
        <v>70</v>
      </c>
      <c r="D71897" s="14" t="s">
        <v>370</v>
      </c>
      <c r="E71897" s="15">
        <v>45733</v>
      </c>
      <c r="F71897" s="14" t="s">
        <v>61</v>
      </c>
      <c r="G71897" s="16">
        <v>3.3369328605807644</v>
      </c>
    </row>
    <row r="71898" spans="1:7" x14ac:dyDescent="0.3">
      <c r="A71898" s="13" t="s">
        <v>369</v>
      </c>
      <c r="B71898" s="14" t="s">
        <v>1</v>
      </c>
      <c r="C71898" s="14" t="s">
        <v>70</v>
      </c>
      <c r="D71898" s="14" t="s">
        <v>370</v>
      </c>
      <c r="E71898" s="15">
        <v>45734</v>
      </c>
      <c r="F71898" s="14" t="s">
        <v>61</v>
      </c>
      <c r="G71898" s="16">
        <v>3.3289094438568028</v>
      </c>
    </row>
    <row r="71899" spans="1:7" x14ac:dyDescent="0.3">
      <c r="A71899" s="13" t="s">
        <v>369</v>
      </c>
      <c r="B71899" s="14" t="s">
        <v>1</v>
      </c>
      <c r="C71899" s="14" t="s">
        <v>70</v>
      </c>
      <c r="D71899" s="14" t="s">
        <v>370</v>
      </c>
      <c r="E71899" s="15">
        <v>45735</v>
      </c>
      <c r="F71899" s="14" t="s">
        <v>61</v>
      </c>
      <c r="G71899" s="16">
        <v>3.371346929539472</v>
      </c>
    </row>
    <row r="71900" spans="1:7" x14ac:dyDescent="0.3">
      <c r="A71900" s="13" t="s">
        <v>369</v>
      </c>
      <c r="B71900" s="14" t="s">
        <v>1</v>
      </c>
      <c r="C71900" s="14" t="s">
        <v>70</v>
      </c>
      <c r="D71900" s="14" t="s">
        <v>370</v>
      </c>
      <c r="E71900" s="15">
        <v>45736</v>
      </c>
      <c r="F71900" s="14" t="s">
        <v>61</v>
      </c>
      <c r="G71900" s="16">
        <v>3.3922605847405807</v>
      </c>
    </row>
    <row r="71901" spans="1:7" x14ac:dyDescent="0.3">
      <c r="A71901" s="13" t="s">
        <v>369</v>
      </c>
      <c r="B71901" s="14" t="s">
        <v>1</v>
      </c>
      <c r="C71901" s="14" t="s">
        <v>70</v>
      </c>
      <c r="D71901" s="14" t="s">
        <v>370</v>
      </c>
      <c r="E71901" s="15">
        <v>45737</v>
      </c>
      <c r="F71901" s="14" t="s">
        <v>61</v>
      </c>
      <c r="G71901" s="16">
        <v>3.4095552722662825</v>
      </c>
    </row>
    <row r="71902" spans="1:7" x14ac:dyDescent="0.3">
      <c r="A71902" s="13" t="s">
        <v>369</v>
      </c>
      <c r="B71902" s="14" t="s">
        <v>1</v>
      </c>
      <c r="C71902" s="14" t="s">
        <v>70</v>
      </c>
      <c r="D71902" s="14" t="s">
        <v>370</v>
      </c>
      <c r="E71902" s="15">
        <v>45738</v>
      </c>
      <c r="F71902" s="14" t="s">
        <v>61</v>
      </c>
      <c r="G71902" s="16">
        <v>3.4095552722662825</v>
      </c>
    </row>
    <row r="71903" spans="1:7" x14ac:dyDescent="0.3">
      <c r="A71903" s="13" t="s">
        <v>369</v>
      </c>
      <c r="B71903" s="14" t="s">
        <v>1</v>
      </c>
      <c r="C71903" s="14" t="s">
        <v>70</v>
      </c>
      <c r="D71903" s="14" t="s">
        <v>370</v>
      </c>
      <c r="E71903" s="15">
        <v>45739</v>
      </c>
      <c r="F71903" s="14" t="s">
        <v>61</v>
      </c>
      <c r="G71903" s="16">
        <v>3.4095552722662825</v>
      </c>
    </row>
    <row r="71904" spans="1:7" x14ac:dyDescent="0.3">
      <c r="A71904" s="13" t="s">
        <v>369</v>
      </c>
      <c r="B71904" s="14" t="s">
        <v>1</v>
      </c>
      <c r="C71904" s="14" t="s">
        <v>70</v>
      </c>
      <c r="D71904" s="14" t="s">
        <v>370</v>
      </c>
      <c r="E71904" s="15">
        <v>45740</v>
      </c>
      <c r="F71904" s="14" t="s">
        <v>61</v>
      </c>
      <c r="G71904" s="16">
        <v>3.4194961163428967</v>
      </c>
    </row>
    <row r="71905" spans="1:7" x14ac:dyDescent="0.3">
      <c r="A71905" s="13" t="s">
        <v>369</v>
      </c>
      <c r="B71905" s="14" t="s">
        <v>1</v>
      </c>
      <c r="C71905" s="14" t="s">
        <v>70</v>
      </c>
      <c r="D71905" s="14" t="s">
        <v>370</v>
      </c>
      <c r="E71905" s="15">
        <v>45741</v>
      </c>
      <c r="F71905" s="14" t="s">
        <v>61</v>
      </c>
      <c r="G71905" s="16">
        <v>3.4389573414037877</v>
      </c>
    </row>
    <row r="71906" spans="1:7" x14ac:dyDescent="0.3">
      <c r="A71906" s="13" t="s">
        <v>369</v>
      </c>
      <c r="B71906" s="14" t="s">
        <v>1</v>
      </c>
      <c r="C71906" s="14" t="s">
        <v>70</v>
      </c>
      <c r="D71906" s="14" t="s">
        <v>370</v>
      </c>
      <c r="E71906" s="15">
        <v>45742</v>
      </c>
      <c r="F71906" s="14" t="s">
        <v>61</v>
      </c>
      <c r="G71906" s="16">
        <v>3.4562824811394117</v>
      </c>
    </row>
    <row r="71907" spans="1:7" x14ac:dyDescent="0.3">
      <c r="A71907" s="13" t="s">
        <v>369</v>
      </c>
      <c r="B71907" s="14" t="s">
        <v>1</v>
      </c>
      <c r="C71907" s="14" t="s">
        <v>70</v>
      </c>
      <c r="D71907" s="14" t="s">
        <v>370</v>
      </c>
      <c r="E71907" s="15">
        <v>45743</v>
      </c>
      <c r="F71907" s="14" t="s">
        <v>61</v>
      </c>
      <c r="G71907" s="16">
        <v>3.4542553809193102</v>
      </c>
    </row>
    <row r="71908" spans="1:7" x14ac:dyDescent="0.3">
      <c r="A71908" s="13" t="s">
        <v>369</v>
      </c>
      <c r="B71908" s="14" t="s">
        <v>1</v>
      </c>
      <c r="C71908" s="14" t="s">
        <v>70</v>
      </c>
      <c r="D71908" s="14" t="s">
        <v>370</v>
      </c>
      <c r="E71908" s="15">
        <v>45744</v>
      </c>
      <c r="F71908" s="14" t="s">
        <v>61</v>
      </c>
      <c r="G71908" s="16">
        <v>3.5486992291170081</v>
      </c>
    </row>
    <row r="71909" spans="1:7" x14ac:dyDescent="0.3">
      <c r="A71909" s="13" t="s">
        <v>369</v>
      </c>
      <c r="B71909" s="14" t="s">
        <v>1</v>
      </c>
      <c r="C71909" s="14" t="s">
        <v>70</v>
      </c>
      <c r="D71909" s="14" t="s">
        <v>370</v>
      </c>
      <c r="E71909" s="15">
        <v>45745</v>
      </c>
      <c r="F71909" s="14" t="s">
        <v>61</v>
      </c>
      <c r="G71909" s="16">
        <v>3.5486992291170081</v>
      </c>
    </row>
    <row r="71910" spans="1:7" x14ac:dyDescent="0.3">
      <c r="A71910" s="13" t="s">
        <v>369</v>
      </c>
      <c r="B71910" s="14" t="s">
        <v>1</v>
      </c>
      <c r="C71910" s="14" t="s">
        <v>70</v>
      </c>
      <c r="D71910" s="14" t="s">
        <v>370</v>
      </c>
      <c r="E71910" s="15">
        <v>45746</v>
      </c>
      <c r="F71910" s="14" t="s">
        <v>61</v>
      </c>
      <c r="G71910" s="16">
        <v>3.5486992291170081</v>
      </c>
    </row>
    <row r="71911" spans="1:7" x14ac:dyDescent="0.3">
      <c r="A71911" s="13" t="s">
        <v>369</v>
      </c>
      <c r="B71911" s="14" t="s">
        <v>1</v>
      </c>
      <c r="C71911" s="14" t="s">
        <v>70</v>
      </c>
      <c r="D71911" s="14" t="s">
        <v>370</v>
      </c>
      <c r="E71911" s="15">
        <v>45747</v>
      </c>
      <c r="F71911" s="14" t="s">
        <v>61</v>
      </c>
      <c r="G71911" s="16">
        <v>3.6026734631200186</v>
      </c>
    </row>
    <row r="71912" spans="1:7" x14ac:dyDescent="0.3">
      <c r="A71912" s="13" t="s">
        <v>371</v>
      </c>
      <c r="B71912" s="14" t="s">
        <v>1</v>
      </c>
      <c r="C71912" s="14" t="s">
        <v>23</v>
      </c>
      <c r="D71912" s="14" t="s">
        <v>372</v>
      </c>
      <c r="E71912" s="15">
        <v>45383</v>
      </c>
      <c r="F71912" s="14" t="s">
        <v>53</v>
      </c>
      <c r="G71912" s="16">
        <v>0</v>
      </c>
    </row>
    <row r="71913" spans="1:7" x14ac:dyDescent="0.3">
      <c r="A71913" s="13" t="s">
        <v>371</v>
      </c>
      <c r="B71913" s="14" t="s">
        <v>1</v>
      </c>
      <c r="C71913" s="14" t="s">
        <v>23</v>
      </c>
      <c r="D71913" s="14" t="s">
        <v>372</v>
      </c>
      <c r="E71913" s="15">
        <v>45384</v>
      </c>
      <c r="F71913" s="14" t="s">
        <v>53</v>
      </c>
      <c r="G71913" s="16">
        <v>0</v>
      </c>
    </row>
    <row r="71914" spans="1:7" x14ac:dyDescent="0.3">
      <c r="A71914" s="13" t="s">
        <v>371</v>
      </c>
      <c r="B71914" s="14" t="s">
        <v>1</v>
      </c>
      <c r="C71914" s="14" t="s">
        <v>23</v>
      </c>
      <c r="D71914" s="14" t="s">
        <v>372</v>
      </c>
      <c r="E71914" s="15">
        <v>45385</v>
      </c>
      <c r="F71914" s="14" t="s">
        <v>53</v>
      </c>
      <c r="G71914" s="16">
        <v>7.0851454913775896E-2</v>
      </c>
    </row>
    <row r="71915" spans="1:7" x14ac:dyDescent="0.3">
      <c r="A71915" s="13" t="s">
        <v>371</v>
      </c>
      <c r="B71915" s="14" t="s">
        <v>1</v>
      </c>
      <c r="C71915" s="14" t="s">
        <v>23</v>
      </c>
      <c r="D71915" s="14" t="s">
        <v>372</v>
      </c>
      <c r="E71915" s="15">
        <v>45386</v>
      </c>
      <c r="F71915" s="14" t="s">
        <v>53</v>
      </c>
      <c r="G71915" s="16">
        <v>8.8838137588725261E-2</v>
      </c>
    </row>
    <row r="71916" spans="1:7" x14ac:dyDescent="0.3">
      <c r="A71916" s="13" t="s">
        <v>371</v>
      </c>
      <c r="B71916" s="14" t="s">
        <v>1</v>
      </c>
      <c r="C71916" s="14" t="s">
        <v>23</v>
      </c>
      <c r="D71916" s="14" t="s">
        <v>372</v>
      </c>
      <c r="E71916" s="15">
        <v>45387</v>
      </c>
      <c r="F71916" s="14" t="s">
        <v>53</v>
      </c>
      <c r="G71916" s="16">
        <v>0.11628225399501939</v>
      </c>
    </row>
    <row r="71917" spans="1:7" x14ac:dyDescent="0.3">
      <c r="A71917" s="13" t="s">
        <v>371</v>
      </c>
      <c r="B71917" s="14" t="s">
        <v>1</v>
      </c>
      <c r="C71917" s="14" t="s">
        <v>23</v>
      </c>
      <c r="D71917" s="14" t="s">
        <v>372</v>
      </c>
      <c r="E71917" s="15">
        <v>45388</v>
      </c>
      <c r="F71917" s="14" t="s">
        <v>53</v>
      </c>
      <c r="G71917" s="16">
        <v>0.11628225399501939</v>
      </c>
    </row>
    <row r="71918" spans="1:7" x14ac:dyDescent="0.3">
      <c r="A71918" s="13" t="s">
        <v>371</v>
      </c>
      <c r="B71918" s="14" t="s">
        <v>1</v>
      </c>
      <c r="C71918" s="14" t="s">
        <v>23</v>
      </c>
      <c r="D71918" s="14" t="s">
        <v>372</v>
      </c>
      <c r="E71918" s="15">
        <v>45389</v>
      </c>
      <c r="F71918" s="14" t="s">
        <v>53</v>
      </c>
      <c r="G71918" s="16">
        <v>0.11628225399501939</v>
      </c>
    </row>
    <row r="71919" spans="1:7" x14ac:dyDescent="0.3">
      <c r="A71919" s="13" t="s">
        <v>371</v>
      </c>
      <c r="B71919" s="14" t="s">
        <v>1</v>
      </c>
      <c r="C71919" s="14" t="s">
        <v>23</v>
      </c>
      <c r="D71919" s="14" t="s">
        <v>372</v>
      </c>
      <c r="E71919" s="15">
        <v>45390</v>
      </c>
      <c r="F71919" s="14" t="s">
        <v>53</v>
      </c>
      <c r="G71919" s="16">
        <v>0.13167075458048258</v>
      </c>
    </row>
    <row r="71920" spans="1:7" x14ac:dyDescent="0.3">
      <c r="A71920" s="13" t="s">
        <v>371</v>
      </c>
      <c r="B71920" s="14" t="s">
        <v>1</v>
      </c>
      <c r="C71920" s="14" t="s">
        <v>23</v>
      </c>
      <c r="D71920" s="14" t="s">
        <v>372</v>
      </c>
      <c r="E71920" s="15">
        <v>45391</v>
      </c>
      <c r="F71920" s="14" t="s">
        <v>53</v>
      </c>
      <c r="G71920" s="16">
        <v>0.17768217307645953</v>
      </c>
    </row>
    <row r="71921" spans="1:7" x14ac:dyDescent="0.3">
      <c r="A71921" s="13" t="s">
        <v>371</v>
      </c>
      <c r="B71921" s="14" t="s">
        <v>1</v>
      </c>
      <c r="C71921" s="14" t="s">
        <v>23</v>
      </c>
      <c r="D71921" s="14" t="s">
        <v>372</v>
      </c>
      <c r="E71921" s="15">
        <v>45392</v>
      </c>
      <c r="F71921" s="14" t="s">
        <v>53</v>
      </c>
      <c r="G71921" s="16">
        <v>0.19771135992979133</v>
      </c>
    </row>
    <row r="71922" spans="1:7" x14ac:dyDescent="0.3">
      <c r="A71922" s="13" t="s">
        <v>371</v>
      </c>
      <c r="B71922" s="14" t="s">
        <v>1</v>
      </c>
      <c r="C71922" s="14" t="s">
        <v>23</v>
      </c>
      <c r="D71922" s="14" t="s">
        <v>372</v>
      </c>
      <c r="E71922" s="15">
        <v>45393</v>
      </c>
      <c r="F71922" s="14" t="s">
        <v>53</v>
      </c>
      <c r="G71922" s="16">
        <v>0.21474034499280917</v>
      </c>
    </row>
    <row r="71923" spans="1:7" x14ac:dyDescent="0.3">
      <c r="A71923" s="13" t="s">
        <v>371</v>
      </c>
      <c r="B71923" s="14" t="s">
        <v>1</v>
      </c>
      <c r="C71923" s="14" t="s">
        <v>23</v>
      </c>
      <c r="D71923" s="14" t="s">
        <v>372</v>
      </c>
      <c r="E71923" s="15">
        <v>45394</v>
      </c>
      <c r="F71923" s="14" t="s">
        <v>53</v>
      </c>
      <c r="G71923" s="16">
        <v>0.23230909841318184</v>
      </c>
    </row>
    <row r="71924" spans="1:7" x14ac:dyDescent="0.3">
      <c r="A71924" s="13" t="s">
        <v>371</v>
      </c>
      <c r="B71924" s="14" t="s">
        <v>1</v>
      </c>
      <c r="C71924" s="14" t="s">
        <v>23</v>
      </c>
      <c r="D71924" s="14" t="s">
        <v>372</v>
      </c>
      <c r="E71924" s="15">
        <v>45395</v>
      </c>
      <c r="F71924" s="14" t="s">
        <v>53</v>
      </c>
      <c r="G71924" s="16">
        <v>0.23230909841318184</v>
      </c>
    </row>
    <row r="71925" spans="1:7" x14ac:dyDescent="0.3">
      <c r="A71925" s="13" t="s">
        <v>371</v>
      </c>
      <c r="B71925" s="14" t="s">
        <v>1</v>
      </c>
      <c r="C71925" s="14" t="s">
        <v>23</v>
      </c>
      <c r="D71925" s="14" t="s">
        <v>372</v>
      </c>
      <c r="E71925" s="15">
        <v>45396</v>
      </c>
      <c r="F71925" s="14" t="s">
        <v>53</v>
      </c>
      <c r="G71925" s="16">
        <v>0.23230909841318184</v>
      </c>
    </row>
    <row r="71926" spans="1:7" x14ac:dyDescent="0.3">
      <c r="A71926" s="13" t="s">
        <v>371</v>
      </c>
      <c r="B71926" s="14" t="s">
        <v>1</v>
      </c>
      <c r="C71926" s="14" t="s">
        <v>23</v>
      </c>
      <c r="D71926" s="14" t="s">
        <v>372</v>
      </c>
      <c r="E71926" s="15">
        <v>45397</v>
      </c>
      <c r="F71926" s="14" t="s">
        <v>53</v>
      </c>
      <c r="G71926" s="16">
        <v>0.24899422496852128</v>
      </c>
    </row>
    <row r="71927" spans="1:7" x14ac:dyDescent="0.3">
      <c r="A71927" s="13" t="s">
        <v>371</v>
      </c>
      <c r="B71927" s="14" t="s">
        <v>1</v>
      </c>
      <c r="C71927" s="14" t="s">
        <v>23</v>
      </c>
      <c r="D71927" s="14" t="s">
        <v>372</v>
      </c>
      <c r="E71927" s="15">
        <v>45398</v>
      </c>
      <c r="F71927" s="14" t="s">
        <v>53</v>
      </c>
      <c r="G71927" s="16">
        <v>0.29337877600131712</v>
      </c>
    </row>
    <row r="71928" spans="1:7" x14ac:dyDescent="0.3">
      <c r="A71928" s="13" t="s">
        <v>371</v>
      </c>
      <c r="B71928" s="14" t="s">
        <v>1</v>
      </c>
      <c r="C71928" s="14" t="s">
        <v>23</v>
      </c>
      <c r="D71928" s="14" t="s">
        <v>372</v>
      </c>
      <c r="E71928" s="15">
        <v>45399</v>
      </c>
      <c r="F71928" s="14" t="s">
        <v>53</v>
      </c>
      <c r="G71928" s="16">
        <v>0.30770485240770951</v>
      </c>
    </row>
    <row r="71929" spans="1:7" x14ac:dyDescent="0.3">
      <c r="A71929" s="13" t="s">
        <v>371</v>
      </c>
      <c r="B71929" s="14" t="s">
        <v>1</v>
      </c>
      <c r="C71929" s="14" t="s">
        <v>23</v>
      </c>
      <c r="D71929" s="14" t="s">
        <v>372</v>
      </c>
      <c r="E71929" s="15">
        <v>45400</v>
      </c>
      <c r="F71929" s="14" t="s">
        <v>53</v>
      </c>
      <c r="G71929" s="16">
        <v>0.32320979508226561</v>
      </c>
    </row>
    <row r="71930" spans="1:7" x14ac:dyDescent="0.3">
      <c r="A71930" s="13" t="s">
        <v>371</v>
      </c>
      <c r="B71930" s="14" t="s">
        <v>1</v>
      </c>
      <c r="C71930" s="14" t="s">
        <v>23</v>
      </c>
      <c r="D71930" s="14" t="s">
        <v>372</v>
      </c>
      <c r="E71930" s="15">
        <v>45401</v>
      </c>
      <c r="F71930" s="14" t="s">
        <v>53</v>
      </c>
      <c r="G71930" s="16">
        <v>0.33989892103985048</v>
      </c>
    </row>
    <row r="71931" spans="1:7" x14ac:dyDescent="0.3">
      <c r="A71931" s="13" t="s">
        <v>371</v>
      </c>
      <c r="B71931" s="14" t="s">
        <v>1</v>
      </c>
      <c r="C71931" s="14" t="s">
        <v>23</v>
      </c>
      <c r="D71931" s="14" t="s">
        <v>372</v>
      </c>
      <c r="E71931" s="15">
        <v>45402</v>
      </c>
      <c r="F71931" s="14" t="s">
        <v>53</v>
      </c>
      <c r="G71931" s="16">
        <v>0.33989892103985048</v>
      </c>
    </row>
    <row r="71932" spans="1:7" x14ac:dyDescent="0.3">
      <c r="A71932" s="13" t="s">
        <v>371</v>
      </c>
      <c r="B71932" s="14" t="s">
        <v>1</v>
      </c>
      <c r="C71932" s="14" t="s">
        <v>23</v>
      </c>
      <c r="D71932" s="14" t="s">
        <v>372</v>
      </c>
      <c r="E71932" s="15">
        <v>45403</v>
      </c>
      <c r="F71932" s="14" t="s">
        <v>53</v>
      </c>
      <c r="G71932" s="16">
        <v>0.33989892103985048</v>
      </c>
    </row>
    <row r="71933" spans="1:7" x14ac:dyDescent="0.3">
      <c r="A71933" s="13" t="s">
        <v>371</v>
      </c>
      <c r="B71933" s="14" t="s">
        <v>1</v>
      </c>
      <c r="C71933" s="14" t="s">
        <v>23</v>
      </c>
      <c r="D71933" s="14" t="s">
        <v>372</v>
      </c>
      <c r="E71933" s="15">
        <v>45404</v>
      </c>
      <c r="F71933" s="14" t="s">
        <v>53</v>
      </c>
      <c r="G71933" s="16">
        <v>0.36216068222169162</v>
      </c>
    </row>
    <row r="71934" spans="1:7" x14ac:dyDescent="0.3">
      <c r="A71934" s="13" t="s">
        <v>371</v>
      </c>
      <c r="B71934" s="14" t="s">
        <v>1</v>
      </c>
      <c r="C71934" s="14" t="s">
        <v>23</v>
      </c>
      <c r="D71934" s="14" t="s">
        <v>372</v>
      </c>
      <c r="E71934" s="15">
        <v>45405</v>
      </c>
      <c r="F71934" s="14" t="s">
        <v>53</v>
      </c>
      <c r="G71934" s="16">
        <v>0.39828965355454476</v>
      </c>
    </row>
    <row r="71935" spans="1:7" x14ac:dyDescent="0.3">
      <c r="A71935" s="13" t="s">
        <v>371</v>
      </c>
      <c r="B71935" s="14" t="s">
        <v>1</v>
      </c>
      <c r="C71935" s="14" t="s">
        <v>23</v>
      </c>
      <c r="D71935" s="14" t="s">
        <v>372</v>
      </c>
      <c r="E71935" s="15">
        <v>45406</v>
      </c>
      <c r="F71935" s="14" t="s">
        <v>53</v>
      </c>
      <c r="G71935" s="16">
        <v>0.40960571443849197</v>
      </c>
    </row>
    <row r="71936" spans="1:7" x14ac:dyDescent="0.3">
      <c r="A71936" s="13" t="s">
        <v>371</v>
      </c>
      <c r="B71936" s="14" t="s">
        <v>1</v>
      </c>
      <c r="C71936" s="14" t="s">
        <v>23</v>
      </c>
      <c r="D71936" s="14" t="s">
        <v>372</v>
      </c>
      <c r="E71936" s="15">
        <v>45407</v>
      </c>
      <c r="F71936" s="14" t="s">
        <v>53</v>
      </c>
      <c r="G71936" s="16">
        <v>0.37494327144244233</v>
      </c>
    </row>
    <row r="71937" spans="1:7" x14ac:dyDescent="0.3">
      <c r="A71937" s="13" t="s">
        <v>371</v>
      </c>
      <c r="B71937" s="14" t="s">
        <v>1</v>
      </c>
      <c r="C71937" s="14" t="s">
        <v>23</v>
      </c>
      <c r="D71937" s="14" t="s">
        <v>372</v>
      </c>
      <c r="E71937" s="15">
        <v>45408</v>
      </c>
      <c r="F71937" s="14" t="s">
        <v>53</v>
      </c>
      <c r="G71937" s="16">
        <v>0.38893705769900283</v>
      </c>
    </row>
    <row r="71938" spans="1:7" x14ac:dyDescent="0.3">
      <c r="A71938" s="13" t="s">
        <v>371</v>
      </c>
      <c r="B71938" s="14" t="s">
        <v>1</v>
      </c>
      <c r="C71938" s="14" t="s">
        <v>23</v>
      </c>
      <c r="D71938" s="14" t="s">
        <v>372</v>
      </c>
      <c r="E71938" s="15">
        <v>45409</v>
      </c>
      <c r="F71938" s="14" t="s">
        <v>53</v>
      </c>
      <c r="G71938" s="16">
        <v>0.38893705769900283</v>
      </c>
    </row>
    <row r="71939" spans="1:7" x14ac:dyDescent="0.3">
      <c r="A71939" s="13" t="s">
        <v>371</v>
      </c>
      <c r="B71939" s="14" t="s">
        <v>1</v>
      </c>
      <c r="C71939" s="14" t="s">
        <v>23</v>
      </c>
      <c r="D71939" s="14" t="s">
        <v>372</v>
      </c>
      <c r="E71939" s="15">
        <v>45410</v>
      </c>
      <c r="F71939" s="14" t="s">
        <v>53</v>
      </c>
      <c r="G71939" s="16">
        <v>0.38893705769900283</v>
      </c>
    </row>
    <row r="71940" spans="1:7" x14ac:dyDescent="0.3">
      <c r="A71940" s="13" t="s">
        <v>371</v>
      </c>
      <c r="B71940" s="14" t="s">
        <v>1</v>
      </c>
      <c r="C71940" s="14" t="s">
        <v>23</v>
      </c>
      <c r="D71940" s="14" t="s">
        <v>372</v>
      </c>
      <c r="E71940" s="15">
        <v>45411</v>
      </c>
      <c r="F71940" s="14" t="s">
        <v>53</v>
      </c>
      <c r="G71940" s="16">
        <v>0.40239991231537642</v>
      </c>
    </row>
    <row r="71941" spans="1:7" x14ac:dyDescent="0.3">
      <c r="A71941" s="13" t="s">
        <v>371</v>
      </c>
      <c r="B71941" s="14" t="s">
        <v>1</v>
      </c>
      <c r="C71941" s="14" t="s">
        <v>23</v>
      </c>
      <c r="D71941" s="14" t="s">
        <v>372</v>
      </c>
      <c r="E71941" s="15">
        <v>45412</v>
      </c>
      <c r="F71941" s="14" t="s">
        <v>53</v>
      </c>
      <c r="G71941" s="16">
        <v>0.45168511170533032</v>
      </c>
    </row>
    <row r="71942" spans="1:7" x14ac:dyDescent="0.3">
      <c r="A71942" s="13" t="s">
        <v>371</v>
      </c>
      <c r="B71942" s="14" t="s">
        <v>1</v>
      </c>
      <c r="C71942" s="14" t="s">
        <v>23</v>
      </c>
      <c r="D71942" s="14" t="s">
        <v>372</v>
      </c>
      <c r="E71942" s="15">
        <v>45413</v>
      </c>
      <c r="F71942" s="14" t="s">
        <v>53</v>
      </c>
      <c r="G71942" s="16">
        <v>0.46614047617187176</v>
      </c>
    </row>
    <row r="71943" spans="1:7" x14ac:dyDescent="0.3">
      <c r="A71943" s="13" t="s">
        <v>371</v>
      </c>
      <c r="B71943" s="14" t="s">
        <v>1</v>
      </c>
      <c r="C71943" s="14" t="s">
        <v>23</v>
      </c>
      <c r="D71943" s="14" t="s">
        <v>372</v>
      </c>
      <c r="E71943" s="15">
        <v>45414</v>
      </c>
      <c r="F71943" s="14" t="s">
        <v>53</v>
      </c>
      <c r="G71943" s="16">
        <v>0.48141469347381455</v>
      </c>
    </row>
    <row r="71944" spans="1:7" x14ac:dyDescent="0.3">
      <c r="A71944" s="13" t="s">
        <v>371</v>
      </c>
      <c r="B71944" s="14" t="s">
        <v>1</v>
      </c>
      <c r="C71944" s="14" t="s">
        <v>23</v>
      </c>
      <c r="D71944" s="14" t="s">
        <v>372</v>
      </c>
      <c r="E71944" s="15">
        <v>45415</v>
      </c>
      <c r="F71944" s="14" t="s">
        <v>53</v>
      </c>
      <c r="G71944" s="16">
        <v>0.49666138301458379</v>
      </c>
    </row>
    <row r="71945" spans="1:7" x14ac:dyDescent="0.3">
      <c r="A71945" s="13" t="s">
        <v>371</v>
      </c>
      <c r="B71945" s="14" t="s">
        <v>1</v>
      </c>
      <c r="C71945" s="14" t="s">
        <v>23</v>
      </c>
      <c r="D71945" s="14" t="s">
        <v>372</v>
      </c>
      <c r="E71945" s="15">
        <v>45416</v>
      </c>
      <c r="F71945" s="14" t="s">
        <v>53</v>
      </c>
      <c r="G71945" s="16">
        <v>0.49666138301458379</v>
      </c>
    </row>
    <row r="71946" spans="1:7" x14ac:dyDescent="0.3">
      <c r="A71946" s="13" t="s">
        <v>371</v>
      </c>
      <c r="B71946" s="14" t="s">
        <v>1</v>
      </c>
      <c r="C71946" s="14" t="s">
        <v>23</v>
      </c>
      <c r="D71946" s="14" t="s">
        <v>372</v>
      </c>
      <c r="E71946" s="15">
        <v>45417</v>
      </c>
      <c r="F71946" s="14" t="s">
        <v>53</v>
      </c>
      <c r="G71946" s="16">
        <v>0.49666138301458379</v>
      </c>
    </row>
    <row r="71947" spans="1:7" x14ac:dyDescent="0.3">
      <c r="A71947" s="13" t="s">
        <v>371</v>
      </c>
      <c r="B71947" s="14" t="s">
        <v>1</v>
      </c>
      <c r="C71947" s="14" t="s">
        <v>23</v>
      </c>
      <c r="D71947" s="14" t="s">
        <v>372</v>
      </c>
      <c r="E71947" s="15">
        <v>45418</v>
      </c>
      <c r="F71947" s="14" t="s">
        <v>53</v>
      </c>
      <c r="G71947" s="16">
        <v>0.49666138301458379</v>
      </c>
    </row>
    <row r="71948" spans="1:7" x14ac:dyDescent="0.3">
      <c r="A71948" s="13" t="s">
        <v>371</v>
      </c>
      <c r="B71948" s="14" t="s">
        <v>1</v>
      </c>
      <c r="C71948" s="14" t="s">
        <v>23</v>
      </c>
      <c r="D71948" s="14" t="s">
        <v>372</v>
      </c>
      <c r="E71948" s="15">
        <v>45419</v>
      </c>
      <c r="F71948" s="14" t="s">
        <v>53</v>
      </c>
      <c r="G71948" s="16">
        <v>0.51313843912141066</v>
      </c>
    </row>
    <row r="71949" spans="1:7" x14ac:dyDescent="0.3">
      <c r="A71949" s="13" t="s">
        <v>371</v>
      </c>
      <c r="B71949" s="14" t="s">
        <v>1</v>
      </c>
      <c r="C71949" s="14" t="s">
        <v>23</v>
      </c>
      <c r="D71949" s="14" t="s">
        <v>372</v>
      </c>
      <c r="E71949" s="15">
        <v>45420</v>
      </c>
      <c r="F71949" s="14" t="s">
        <v>53</v>
      </c>
      <c r="G71949" s="16">
        <v>0.59012748776613799</v>
      </c>
    </row>
    <row r="71950" spans="1:7" x14ac:dyDescent="0.3">
      <c r="A71950" s="13" t="s">
        <v>371</v>
      </c>
      <c r="B71950" s="14" t="s">
        <v>1</v>
      </c>
      <c r="C71950" s="14" t="s">
        <v>23</v>
      </c>
      <c r="D71950" s="14" t="s">
        <v>372</v>
      </c>
      <c r="E71950" s="15">
        <v>45421</v>
      </c>
      <c r="F71950" s="14" t="s">
        <v>53</v>
      </c>
      <c r="G71950" s="16">
        <v>0.60449658954612706</v>
      </c>
    </row>
    <row r="71951" spans="1:7" x14ac:dyDescent="0.3">
      <c r="A71951" s="13" t="s">
        <v>371</v>
      </c>
      <c r="B71951" s="14" t="s">
        <v>1</v>
      </c>
      <c r="C71951" s="14" t="s">
        <v>23</v>
      </c>
      <c r="D71951" s="14" t="s">
        <v>372</v>
      </c>
      <c r="E71951" s="15">
        <v>45422</v>
      </c>
      <c r="F71951" s="14" t="s">
        <v>53</v>
      </c>
      <c r="G71951" s="16">
        <v>0.62027100147466985</v>
      </c>
    </row>
    <row r="71952" spans="1:7" x14ac:dyDescent="0.3">
      <c r="A71952" s="13" t="s">
        <v>371</v>
      </c>
      <c r="B71952" s="14" t="s">
        <v>1</v>
      </c>
      <c r="C71952" s="14" t="s">
        <v>23</v>
      </c>
      <c r="D71952" s="14" t="s">
        <v>372</v>
      </c>
      <c r="E71952" s="15">
        <v>45423</v>
      </c>
      <c r="F71952" s="14" t="s">
        <v>53</v>
      </c>
      <c r="G71952" s="16">
        <v>0.62027100147466985</v>
      </c>
    </row>
    <row r="71953" spans="1:7" x14ac:dyDescent="0.3">
      <c r="A71953" s="13" t="s">
        <v>371</v>
      </c>
      <c r="B71953" s="14" t="s">
        <v>1</v>
      </c>
      <c r="C71953" s="14" t="s">
        <v>23</v>
      </c>
      <c r="D71953" s="14" t="s">
        <v>372</v>
      </c>
      <c r="E71953" s="15">
        <v>45424</v>
      </c>
      <c r="F71953" s="14" t="s">
        <v>53</v>
      </c>
      <c r="G71953" s="16">
        <v>0.62027100147466985</v>
      </c>
    </row>
    <row r="71954" spans="1:7" x14ac:dyDescent="0.3">
      <c r="A71954" s="13" t="s">
        <v>371</v>
      </c>
      <c r="B71954" s="14" t="s">
        <v>1</v>
      </c>
      <c r="C71954" s="14" t="s">
        <v>23</v>
      </c>
      <c r="D71954" s="14" t="s">
        <v>372</v>
      </c>
      <c r="E71954" s="15">
        <v>45425</v>
      </c>
      <c r="F71954" s="14" t="s">
        <v>53</v>
      </c>
      <c r="G71954" s="16">
        <v>0.63421726892654295</v>
      </c>
    </row>
    <row r="71955" spans="1:7" x14ac:dyDescent="0.3">
      <c r="A71955" s="13" t="s">
        <v>371</v>
      </c>
      <c r="B71955" s="14" t="s">
        <v>1</v>
      </c>
      <c r="C71955" s="14" t="s">
        <v>23</v>
      </c>
      <c r="D71955" s="14" t="s">
        <v>372</v>
      </c>
      <c r="E71955" s="15">
        <v>45426</v>
      </c>
      <c r="F71955" s="14" t="s">
        <v>53</v>
      </c>
      <c r="G71955" s="16">
        <v>0.68054529876658287</v>
      </c>
    </row>
    <row r="71956" spans="1:7" x14ac:dyDescent="0.3">
      <c r="A71956" s="13" t="s">
        <v>371</v>
      </c>
      <c r="B71956" s="14" t="s">
        <v>1</v>
      </c>
      <c r="C71956" s="14" t="s">
        <v>23</v>
      </c>
      <c r="D71956" s="14" t="s">
        <v>372</v>
      </c>
      <c r="E71956" s="15">
        <v>45427</v>
      </c>
      <c r="F71956" s="14" t="s">
        <v>53</v>
      </c>
      <c r="G71956" s="16">
        <v>0.69124497427978493</v>
      </c>
    </row>
    <row r="71957" spans="1:7" x14ac:dyDescent="0.3">
      <c r="A71957" s="13" t="s">
        <v>371</v>
      </c>
      <c r="B71957" s="14" t="s">
        <v>1</v>
      </c>
      <c r="C71957" s="14" t="s">
        <v>23</v>
      </c>
      <c r="D71957" s="14" t="s">
        <v>372</v>
      </c>
      <c r="E71957" s="15">
        <v>45428</v>
      </c>
      <c r="F71957" s="14" t="s">
        <v>53</v>
      </c>
      <c r="G71957" s="16">
        <v>0.70746230471561289</v>
      </c>
    </row>
    <row r="71958" spans="1:7" x14ac:dyDescent="0.3">
      <c r="A71958" s="13" t="s">
        <v>371</v>
      </c>
      <c r="B71958" s="14" t="s">
        <v>1</v>
      </c>
      <c r="C71958" s="14" t="s">
        <v>23</v>
      </c>
      <c r="D71958" s="14" t="s">
        <v>372</v>
      </c>
      <c r="E71958" s="15">
        <v>45429</v>
      </c>
      <c r="F71958" s="14" t="s">
        <v>53</v>
      </c>
      <c r="G71958" s="16">
        <v>0.7212373393317898</v>
      </c>
    </row>
    <row r="71959" spans="1:7" x14ac:dyDescent="0.3">
      <c r="A71959" s="13" t="s">
        <v>371</v>
      </c>
      <c r="B71959" s="14" t="s">
        <v>1</v>
      </c>
      <c r="C71959" s="14" t="s">
        <v>23</v>
      </c>
      <c r="D71959" s="14" t="s">
        <v>372</v>
      </c>
      <c r="E71959" s="15">
        <v>45430</v>
      </c>
      <c r="F71959" s="14" t="s">
        <v>53</v>
      </c>
      <c r="G71959" s="16">
        <v>0.7212373393317898</v>
      </c>
    </row>
    <row r="71960" spans="1:7" x14ac:dyDescent="0.3">
      <c r="A71960" s="13" t="s">
        <v>371</v>
      </c>
      <c r="B71960" s="14" t="s">
        <v>1</v>
      </c>
      <c r="C71960" s="14" t="s">
        <v>23</v>
      </c>
      <c r="D71960" s="14" t="s">
        <v>372</v>
      </c>
      <c r="E71960" s="15">
        <v>45431</v>
      </c>
      <c r="F71960" s="14" t="s">
        <v>53</v>
      </c>
      <c r="G71960" s="16">
        <v>0.7212373393317898</v>
      </c>
    </row>
    <row r="71961" spans="1:7" x14ac:dyDescent="0.3">
      <c r="A71961" s="13" t="s">
        <v>371</v>
      </c>
      <c r="B71961" s="14" t="s">
        <v>1</v>
      </c>
      <c r="C71961" s="14" t="s">
        <v>23</v>
      </c>
      <c r="D71961" s="14" t="s">
        <v>372</v>
      </c>
      <c r="E71961" s="15">
        <v>45432</v>
      </c>
      <c r="F71961" s="14" t="s">
        <v>53</v>
      </c>
      <c r="G71961" s="16">
        <v>0.73643504558903861</v>
      </c>
    </row>
    <row r="71962" spans="1:7" x14ac:dyDescent="0.3">
      <c r="A71962" s="13" t="s">
        <v>371</v>
      </c>
      <c r="B71962" s="14" t="s">
        <v>1</v>
      </c>
      <c r="C71962" s="14" t="s">
        <v>23</v>
      </c>
      <c r="D71962" s="14" t="s">
        <v>372</v>
      </c>
      <c r="E71962" s="15">
        <v>45433</v>
      </c>
      <c r="F71962" s="14" t="s">
        <v>53</v>
      </c>
      <c r="G71962" s="16">
        <v>0.78318450736863432</v>
      </c>
    </row>
    <row r="71963" spans="1:7" x14ac:dyDescent="0.3">
      <c r="A71963" s="13" t="s">
        <v>371</v>
      </c>
      <c r="B71963" s="14" t="s">
        <v>1</v>
      </c>
      <c r="C71963" s="14" t="s">
        <v>23</v>
      </c>
      <c r="D71963" s="14" t="s">
        <v>372</v>
      </c>
      <c r="E71963" s="15">
        <v>45434</v>
      </c>
      <c r="F71963" s="14" t="s">
        <v>53</v>
      </c>
      <c r="G71963" s="16">
        <v>0.79814554586480813</v>
      </c>
    </row>
    <row r="71964" spans="1:7" x14ac:dyDescent="0.3">
      <c r="A71964" s="13" t="s">
        <v>371</v>
      </c>
      <c r="B71964" s="14" t="s">
        <v>1</v>
      </c>
      <c r="C71964" s="14" t="s">
        <v>23</v>
      </c>
      <c r="D71964" s="14" t="s">
        <v>372</v>
      </c>
      <c r="E71964" s="15">
        <v>45435</v>
      </c>
      <c r="F71964" s="14" t="s">
        <v>53</v>
      </c>
      <c r="G71964" s="16">
        <v>0.81710459241985245</v>
      </c>
    </row>
    <row r="71965" spans="1:7" x14ac:dyDescent="0.3">
      <c r="A71965" s="13" t="s">
        <v>371</v>
      </c>
      <c r="B71965" s="14" t="s">
        <v>1</v>
      </c>
      <c r="C71965" s="14" t="s">
        <v>23</v>
      </c>
      <c r="D71965" s="14" t="s">
        <v>372</v>
      </c>
      <c r="E71965" s="15">
        <v>45436</v>
      </c>
      <c r="F71965" s="14" t="s">
        <v>53</v>
      </c>
      <c r="G71965" s="16">
        <v>0.83004697897676527</v>
      </c>
    </row>
    <row r="71966" spans="1:7" x14ac:dyDescent="0.3">
      <c r="A71966" s="13" t="s">
        <v>371</v>
      </c>
      <c r="B71966" s="14" t="s">
        <v>1</v>
      </c>
      <c r="C71966" s="14" t="s">
        <v>23</v>
      </c>
      <c r="D71966" s="14" t="s">
        <v>372</v>
      </c>
      <c r="E71966" s="15">
        <v>45437</v>
      </c>
      <c r="F71966" s="14" t="s">
        <v>53</v>
      </c>
      <c r="G71966" s="16">
        <v>0.83004697897676527</v>
      </c>
    </row>
    <row r="71967" spans="1:7" x14ac:dyDescent="0.3">
      <c r="A71967" s="13" t="s">
        <v>371</v>
      </c>
      <c r="B71967" s="14" t="s">
        <v>1</v>
      </c>
      <c r="C71967" s="14" t="s">
        <v>23</v>
      </c>
      <c r="D71967" s="14" t="s">
        <v>372</v>
      </c>
      <c r="E71967" s="15">
        <v>45438</v>
      </c>
      <c r="F71967" s="14" t="s">
        <v>53</v>
      </c>
      <c r="G71967" s="16">
        <v>0.83004697897676527</v>
      </c>
    </row>
    <row r="71968" spans="1:7" x14ac:dyDescent="0.3">
      <c r="A71968" s="13" t="s">
        <v>371</v>
      </c>
      <c r="B71968" s="14" t="s">
        <v>1</v>
      </c>
      <c r="C71968" s="14" t="s">
        <v>23</v>
      </c>
      <c r="D71968" s="14" t="s">
        <v>372</v>
      </c>
      <c r="E71968" s="15">
        <v>45439</v>
      </c>
      <c r="F71968" s="14" t="s">
        <v>53</v>
      </c>
      <c r="G71968" s="16">
        <v>0.83004697897676527</v>
      </c>
    </row>
    <row r="71969" spans="1:7" x14ac:dyDescent="0.3">
      <c r="A71969" s="13" t="s">
        <v>371</v>
      </c>
      <c r="B71969" s="14" t="s">
        <v>1</v>
      </c>
      <c r="C71969" s="14" t="s">
        <v>23</v>
      </c>
      <c r="D71969" s="14" t="s">
        <v>372</v>
      </c>
      <c r="E71969" s="15">
        <v>45440</v>
      </c>
      <c r="F71969" s="14" t="s">
        <v>53</v>
      </c>
      <c r="G71969" s="16">
        <v>0.84397216672722053</v>
      </c>
    </row>
    <row r="71970" spans="1:7" x14ac:dyDescent="0.3">
      <c r="A71970" s="13" t="s">
        <v>371</v>
      </c>
      <c r="B71970" s="14" t="s">
        <v>1</v>
      </c>
      <c r="C71970" s="14" t="s">
        <v>23</v>
      </c>
      <c r="D71970" s="14" t="s">
        <v>372</v>
      </c>
      <c r="E71970" s="15">
        <v>45441</v>
      </c>
      <c r="F71970" s="14" t="s">
        <v>53</v>
      </c>
      <c r="G71970" s="16">
        <v>0.9043706073106188</v>
      </c>
    </row>
    <row r="71971" spans="1:7" x14ac:dyDescent="0.3">
      <c r="A71971" s="13" t="s">
        <v>371</v>
      </c>
      <c r="B71971" s="14" t="s">
        <v>1</v>
      </c>
      <c r="C71971" s="14" t="s">
        <v>23</v>
      </c>
      <c r="D71971" s="14" t="s">
        <v>372</v>
      </c>
      <c r="E71971" s="15">
        <v>45442</v>
      </c>
      <c r="F71971" s="14" t="s">
        <v>53</v>
      </c>
      <c r="G71971" s="16">
        <v>0.91931656073295809</v>
      </c>
    </row>
    <row r="71972" spans="1:7" x14ac:dyDescent="0.3">
      <c r="A71972" s="13" t="s">
        <v>371</v>
      </c>
      <c r="B71972" s="14" t="s">
        <v>1</v>
      </c>
      <c r="C71972" s="14" t="s">
        <v>23</v>
      </c>
      <c r="D71972" s="14" t="s">
        <v>372</v>
      </c>
      <c r="E71972" s="15">
        <v>45443</v>
      </c>
      <c r="F71972" s="14" t="s">
        <v>53</v>
      </c>
      <c r="G71972" s="16">
        <v>0.92909989863236042</v>
      </c>
    </row>
    <row r="71973" spans="1:7" x14ac:dyDescent="0.3">
      <c r="A71973" s="13" t="s">
        <v>371</v>
      </c>
      <c r="B71973" s="14" t="s">
        <v>1</v>
      </c>
      <c r="C71973" s="14" t="s">
        <v>23</v>
      </c>
      <c r="D71973" s="14" t="s">
        <v>372</v>
      </c>
      <c r="E71973" s="15">
        <v>45444</v>
      </c>
      <c r="F71973" s="14" t="s">
        <v>53</v>
      </c>
      <c r="G71973" s="16">
        <v>0.92909989863236042</v>
      </c>
    </row>
    <row r="71974" spans="1:7" x14ac:dyDescent="0.3">
      <c r="A71974" s="13" t="s">
        <v>371</v>
      </c>
      <c r="B71974" s="14" t="s">
        <v>1</v>
      </c>
      <c r="C71974" s="14" t="s">
        <v>23</v>
      </c>
      <c r="D71974" s="14" t="s">
        <v>372</v>
      </c>
      <c r="E71974" s="15">
        <v>45445</v>
      </c>
      <c r="F71974" s="14" t="s">
        <v>53</v>
      </c>
      <c r="G71974" s="16">
        <v>0.92909989863236042</v>
      </c>
    </row>
    <row r="71975" spans="1:7" x14ac:dyDescent="0.3">
      <c r="A71975" s="13" t="s">
        <v>371</v>
      </c>
      <c r="B71975" s="14" t="s">
        <v>1</v>
      </c>
      <c r="C71975" s="14" t="s">
        <v>23</v>
      </c>
      <c r="D71975" s="14" t="s">
        <v>372</v>
      </c>
      <c r="E71975" s="15">
        <v>45446</v>
      </c>
      <c r="F71975" s="14" t="s">
        <v>53</v>
      </c>
      <c r="G71975" s="16">
        <v>0.92909989863236042</v>
      </c>
    </row>
    <row r="71976" spans="1:7" x14ac:dyDescent="0.3">
      <c r="A71976" s="13" t="s">
        <v>371</v>
      </c>
      <c r="B71976" s="14" t="s">
        <v>1</v>
      </c>
      <c r="C71976" s="14" t="s">
        <v>23</v>
      </c>
      <c r="D71976" s="14" t="s">
        <v>372</v>
      </c>
      <c r="E71976" s="15">
        <v>45447</v>
      </c>
      <c r="F71976" s="14" t="s">
        <v>53</v>
      </c>
      <c r="G71976" s="16">
        <v>0.94531215981567662</v>
      </c>
    </row>
    <row r="71977" spans="1:7" x14ac:dyDescent="0.3">
      <c r="A71977" s="13" t="s">
        <v>371</v>
      </c>
      <c r="B71977" s="14" t="s">
        <v>1</v>
      </c>
      <c r="C71977" s="14" t="s">
        <v>23</v>
      </c>
      <c r="D71977" s="14" t="s">
        <v>372</v>
      </c>
      <c r="E71977" s="15">
        <v>45448</v>
      </c>
      <c r="F71977" s="14" t="s">
        <v>53</v>
      </c>
      <c r="G71977" s="16">
        <v>1.0090384484617807</v>
      </c>
    </row>
    <row r="71978" spans="1:7" x14ac:dyDescent="0.3">
      <c r="A71978" s="13" t="s">
        <v>371</v>
      </c>
      <c r="B71978" s="14" t="s">
        <v>1</v>
      </c>
      <c r="C71978" s="14" t="s">
        <v>23</v>
      </c>
      <c r="D71978" s="14" t="s">
        <v>372</v>
      </c>
      <c r="E71978" s="15">
        <v>45449</v>
      </c>
      <c r="F71978" s="14" t="s">
        <v>53</v>
      </c>
      <c r="G71978" s="16">
        <v>1.023368971435509</v>
      </c>
    </row>
    <row r="71979" spans="1:7" x14ac:dyDescent="0.3">
      <c r="A71979" s="13" t="s">
        <v>371</v>
      </c>
      <c r="B71979" s="14" t="s">
        <v>1</v>
      </c>
      <c r="C71979" s="14" t="s">
        <v>23</v>
      </c>
      <c r="D71979" s="14" t="s">
        <v>372</v>
      </c>
      <c r="E71979" s="15">
        <v>45450</v>
      </c>
      <c r="F71979" s="14" t="s">
        <v>53</v>
      </c>
      <c r="G71979" s="16">
        <v>1.0631819412720089</v>
      </c>
    </row>
    <row r="71980" spans="1:7" x14ac:dyDescent="0.3">
      <c r="A71980" s="13" t="s">
        <v>371</v>
      </c>
      <c r="B71980" s="14" t="s">
        <v>1</v>
      </c>
      <c r="C71980" s="14" t="s">
        <v>23</v>
      </c>
      <c r="D71980" s="14" t="s">
        <v>372</v>
      </c>
      <c r="E71980" s="15">
        <v>45451</v>
      </c>
      <c r="F71980" s="14" t="s">
        <v>53</v>
      </c>
      <c r="G71980" s="16">
        <v>1.0631819412720089</v>
      </c>
    </row>
    <row r="71981" spans="1:7" x14ac:dyDescent="0.3">
      <c r="A71981" s="13" t="s">
        <v>371</v>
      </c>
      <c r="B71981" s="14" t="s">
        <v>1</v>
      </c>
      <c r="C71981" s="14" t="s">
        <v>23</v>
      </c>
      <c r="D71981" s="14" t="s">
        <v>372</v>
      </c>
      <c r="E71981" s="15">
        <v>45452</v>
      </c>
      <c r="F71981" s="14" t="s">
        <v>53</v>
      </c>
      <c r="G71981" s="16">
        <v>1.0631819412720089</v>
      </c>
    </row>
    <row r="71982" spans="1:7" x14ac:dyDescent="0.3">
      <c r="A71982" s="13" t="s">
        <v>371</v>
      </c>
      <c r="B71982" s="14" t="s">
        <v>1</v>
      </c>
      <c r="C71982" s="14" t="s">
        <v>23</v>
      </c>
      <c r="D71982" s="14" t="s">
        <v>372</v>
      </c>
      <c r="E71982" s="15">
        <v>45453</v>
      </c>
      <c r="F71982" s="14" t="s">
        <v>53</v>
      </c>
      <c r="G71982" s="16">
        <v>1.0771632048429021</v>
      </c>
    </row>
    <row r="71983" spans="1:7" x14ac:dyDescent="0.3">
      <c r="A71983" s="13" t="s">
        <v>371</v>
      </c>
      <c r="B71983" s="14" t="s">
        <v>1</v>
      </c>
      <c r="C71983" s="14" t="s">
        <v>23</v>
      </c>
      <c r="D71983" s="14" t="s">
        <v>372</v>
      </c>
      <c r="E71983" s="15">
        <v>45454</v>
      </c>
      <c r="F71983" s="14" t="s">
        <v>53</v>
      </c>
      <c r="G71983" s="16">
        <v>1.1190969764736489</v>
      </c>
    </row>
    <row r="71984" spans="1:7" x14ac:dyDescent="0.3">
      <c r="A71984" s="13" t="s">
        <v>371</v>
      </c>
      <c r="B71984" s="14" t="s">
        <v>1</v>
      </c>
      <c r="C71984" s="14" t="s">
        <v>23</v>
      </c>
      <c r="D71984" s="14" t="s">
        <v>372</v>
      </c>
      <c r="E71984" s="15">
        <v>45455</v>
      </c>
      <c r="F71984" s="14" t="s">
        <v>53</v>
      </c>
      <c r="G71984" s="16">
        <v>1.1288292361660204</v>
      </c>
    </row>
    <row r="71985" spans="1:7" x14ac:dyDescent="0.3">
      <c r="A71985" s="13" t="s">
        <v>371</v>
      </c>
      <c r="B71985" s="14" t="s">
        <v>1</v>
      </c>
      <c r="C71985" s="14" t="s">
        <v>23</v>
      </c>
      <c r="D71985" s="14" t="s">
        <v>372</v>
      </c>
      <c r="E71985" s="15">
        <v>45456</v>
      </c>
      <c r="F71985" s="14" t="s">
        <v>53</v>
      </c>
      <c r="G71985" s="16">
        <v>1.1458465307798371</v>
      </c>
    </row>
    <row r="71986" spans="1:7" x14ac:dyDescent="0.3">
      <c r="A71986" s="13" t="s">
        <v>371</v>
      </c>
      <c r="B71986" s="14" t="s">
        <v>1</v>
      </c>
      <c r="C71986" s="14" t="s">
        <v>23</v>
      </c>
      <c r="D71986" s="14" t="s">
        <v>372</v>
      </c>
      <c r="E71986" s="15">
        <v>45457</v>
      </c>
      <c r="F71986" s="14" t="s">
        <v>53</v>
      </c>
      <c r="G71986" s="16">
        <v>1.1687098501680213</v>
      </c>
    </row>
    <row r="71987" spans="1:7" x14ac:dyDescent="0.3">
      <c r="A71987" s="13" t="s">
        <v>371</v>
      </c>
      <c r="B71987" s="14" t="s">
        <v>1</v>
      </c>
      <c r="C71987" s="14" t="s">
        <v>23</v>
      </c>
      <c r="D71987" s="14" t="s">
        <v>372</v>
      </c>
      <c r="E71987" s="15">
        <v>45458</v>
      </c>
      <c r="F71987" s="14" t="s">
        <v>53</v>
      </c>
      <c r="G71987" s="16">
        <v>1.1687098501680213</v>
      </c>
    </row>
    <row r="71988" spans="1:7" x14ac:dyDescent="0.3">
      <c r="A71988" s="13" t="s">
        <v>371</v>
      </c>
      <c r="B71988" s="14" t="s">
        <v>1</v>
      </c>
      <c r="C71988" s="14" t="s">
        <v>23</v>
      </c>
      <c r="D71988" s="14" t="s">
        <v>372</v>
      </c>
      <c r="E71988" s="15">
        <v>45459</v>
      </c>
      <c r="F71988" s="14" t="s">
        <v>53</v>
      </c>
      <c r="G71988" s="16">
        <v>1.1687098501680213</v>
      </c>
    </row>
    <row r="71989" spans="1:7" x14ac:dyDescent="0.3">
      <c r="A71989" s="13" t="s">
        <v>371</v>
      </c>
      <c r="B71989" s="14" t="s">
        <v>1</v>
      </c>
      <c r="C71989" s="14" t="s">
        <v>23</v>
      </c>
      <c r="D71989" s="14" t="s">
        <v>372</v>
      </c>
      <c r="E71989" s="15">
        <v>45460</v>
      </c>
      <c r="F71989" s="14" t="s">
        <v>53</v>
      </c>
      <c r="G71989" s="16">
        <v>1.1819142501572049</v>
      </c>
    </row>
    <row r="71990" spans="1:7" x14ac:dyDescent="0.3">
      <c r="A71990" s="13" t="s">
        <v>371</v>
      </c>
      <c r="B71990" s="14" t="s">
        <v>1</v>
      </c>
      <c r="C71990" s="14" t="s">
        <v>23</v>
      </c>
      <c r="D71990" s="14" t="s">
        <v>372</v>
      </c>
      <c r="E71990" s="15">
        <v>45461</v>
      </c>
      <c r="F71990" s="14" t="s">
        <v>53</v>
      </c>
      <c r="G71990" s="16">
        <v>1.2260402465637938</v>
      </c>
    </row>
    <row r="71991" spans="1:7" x14ac:dyDescent="0.3">
      <c r="A71991" s="13" t="s">
        <v>371</v>
      </c>
      <c r="B71991" s="14" t="s">
        <v>1</v>
      </c>
      <c r="C71991" s="14" t="s">
        <v>23</v>
      </c>
      <c r="D71991" s="14" t="s">
        <v>372</v>
      </c>
      <c r="E71991" s="15">
        <v>45462</v>
      </c>
      <c r="F71991" s="14" t="s">
        <v>53</v>
      </c>
      <c r="G71991" s="16">
        <v>1.2260402465637938</v>
      </c>
    </row>
    <row r="71992" spans="1:7" x14ac:dyDescent="0.3">
      <c r="A71992" s="13" t="s">
        <v>371</v>
      </c>
      <c r="B71992" s="14" t="s">
        <v>1</v>
      </c>
      <c r="C71992" s="14" t="s">
        <v>23</v>
      </c>
      <c r="D71992" s="14" t="s">
        <v>372</v>
      </c>
      <c r="E71992" s="15">
        <v>45463</v>
      </c>
      <c r="F71992" s="14" t="s">
        <v>53</v>
      </c>
      <c r="G71992" s="16">
        <v>1.2459266859526663</v>
      </c>
    </row>
    <row r="71993" spans="1:7" x14ac:dyDescent="0.3">
      <c r="A71993" s="13" t="s">
        <v>371</v>
      </c>
      <c r="B71993" s="14" t="s">
        <v>1</v>
      </c>
      <c r="C71993" s="14" t="s">
        <v>23</v>
      </c>
      <c r="D71993" s="14" t="s">
        <v>372</v>
      </c>
      <c r="E71993" s="15">
        <v>45464</v>
      </c>
      <c r="F71993" s="14" t="s">
        <v>53</v>
      </c>
      <c r="G71993" s="16">
        <v>1.2782302793734321</v>
      </c>
    </row>
    <row r="71994" spans="1:7" x14ac:dyDescent="0.3">
      <c r="A71994" s="13" t="s">
        <v>371</v>
      </c>
      <c r="B71994" s="14" t="s">
        <v>1</v>
      </c>
      <c r="C71994" s="14" t="s">
        <v>23</v>
      </c>
      <c r="D71994" s="14" t="s">
        <v>372</v>
      </c>
      <c r="E71994" s="15">
        <v>45465</v>
      </c>
      <c r="F71994" s="14" t="s">
        <v>53</v>
      </c>
      <c r="G71994" s="16">
        <v>1.2782302793734321</v>
      </c>
    </row>
    <row r="71995" spans="1:7" x14ac:dyDescent="0.3">
      <c r="A71995" s="13" t="s">
        <v>371</v>
      </c>
      <c r="B71995" s="14" t="s">
        <v>1</v>
      </c>
      <c r="C71995" s="14" t="s">
        <v>23</v>
      </c>
      <c r="D71995" s="14" t="s">
        <v>372</v>
      </c>
      <c r="E71995" s="15">
        <v>45466</v>
      </c>
      <c r="F71995" s="14" t="s">
        <v>53</v>
      </c>
      <c r="G71995" s="16">
        <v>1.2782302793734321</v>
      </c>
    </row>
    <row r="71996" spans="1:7" x14ac:dyDescent="0.3">
      <c r="A71996" s="13" t="s">
        <v>371</v>
      </c>
      <c r="B71996" s="14" t="s">
        <v>1</v>
      </c>
      <c r="C71996" s="14" t="s">
        <v>23</v>
      </c>
      <c r="D71996" s="14" t="s">
        <v>372</v>
      </c>
      <c r="E71996" s="15">
        <v>45467</v>
      </c>
      <c r="F71996" s="14" t="s">
        <v>53</v>
      </c>
      <c r="G71996" s="16">
        <v>1.2887328351848235</v>
      </c>
    </row>
    <row r="71997" spans="1:7" x14ac:dyDescent="0.3">
      <c r="A71997" s="13" t="s">
        <v>371</v>
      </c>
      <c r="B71997" s="14" t="s">
        <v>1</v>
      </c>
      <c r="C71997" s="14" t="s">
        <v>23</v>
      </c>
      <c r="D71997" s="14" t="s">
        <v>372</v>
      </c>
      <c r="E71997" s="15">
        <v>45468</v>
      </c>
      <c r="F71997" s="14" t="s">
        <v>53</v>
      </c>
      <c r="G71997" s="16">
        <v>1.3368742542775718</v>
      </c>
    </row>
    <row r="71998" spans="1:7" x14ac:dyDescent="0.3">
      <c r="A71998" s="13" t="s">
        <v>371</v>
      </c>
      <c r="B71998" s="14" t="s">
        <v>1</v>
      </c>
      <c r="C71998" s="14" t="s">
        <v>23</v>
      </c>
      <c r="D71998" s="14" t="s">
        <v>372</v>
      </c>
      <c r="E71998" s="15">
        <v>45469</v>
      </c>
      <c r="F71998" s="14" t="s">
        <v>53</v>
      </c>
      <c r="G71998" s="16">
        <v>1.3574796990388605</v>
      </c>
    </row>
    <row r="71999" spans="1:7" x14ac:dyDescent="0.3">
      <c r="A71999" s="13" t="s">
        <v>371</v>
      </c>
      <c r="B71999" s="14" t="s">
        <v>1</v>
      </c>
      <c r="C71999" s="14" t="s">
        <v>23</v>
      </c>
      <c r="D71999" s="14" t="s">
        <v>372</v>
      </c>
      <c r="E71999" s="15">
        <v>45470</v>
      </c>
      <c r="F71999" s="14" t="s">
        <v>53</v>
      </c>
      <c r="G71999" s="16">
        <v>1.3703567336550375</v>
      </c>
    </row>
    <row r="72000" spans="1:7" x14ac:dyDescent="0.3">
      <c r="A72000" s="13" t="s">
        <v>371</v>
      </c>
      <c r="B72000" s="14" t="s">
        <v>1</v>
      </c>
      <c r="C72000" s="14" t="s">
        <v>23</v>
      </c>
      <c r="D72000" s="14" t="s">
        <v>372</v>
      </c>
      <c r="E72000" s="15">
        <v>45471</v>
      </c>
      <c r="F72000" s="14" t="s">
        <v>53</v>
      </c>
      <c r="G72000" s="16">
        <v>1.3847686990167358</v>
      </c>
    </row>
    <row r="72001" spans="1:7" x14ac:dyDescent="0.3">
      <c r="A72001" s="13" t="s">
        <v>371</v>
      </c>
      <c r="B72001" s="14" t="s">
        <v>1</v>
      </c>
      <c r="C72001" s="14" t="s">
        <v>23</v>
      </c>
      <c r="D72001" s="14" t="s">
        <v>372</v>
      </c>
      <c r="E72001" s="15">
        <v>45472</v>
      </c>
      <c r="F72001" s="14" t="s">
        <v>53</v>
      </c>
      <c r="G72001" s="16">
        <v>1.3847686990167358</v>
      </c>
    </row>
    <row r="72002" spans="1:7" x14ac:dyDescent="0.3">
      <c r="A72002" s="13" t="s">
        <v>371</v>
      </c>
      <c r="B72002" s="14" t="s">
        <v>1</v>
      </c>
      <c r="C72002" s="14" t="s">
        <v>23</v>
      </c>
      <c r="D72002" s="14" t="s">
        <v>372</v>
      </c>
      <c r="E72002" s="15">
        <v>45473</v>
      </c>
      <c r="F72002" s="14" t="s">
        <v>53</v>
      </c>
      <c r="G72002" s="16">
        <v>1.3847686990167358</v>
      </c>
    </row>
    <row r="72003" spans="1:7" x14ac:dyDescent="0.3">
      <c r="A72003" s="13" t="s">
        <v>371</v>
      </c>
      <c r="B72003" s="14" t="s">
        <v>1</v>
      </c>
      <c r="C72003" s="14" t="s">
        <v>23</v>
      </c>
      <c r="D72003" s="14" t="s">
        <v>372</v>
      </c>
      <c r="E72003" s="15">
        <v>45474</v>
      </c>
      <c r="F72003" s="14" t="s">
        <v>53</v>
      </c>
      <c r="G72003" s="16">
        <v>1.3988192470651837</v>
      </c>
    </row>
    <row r="72004" spans="1:7" x14ac:dyDescent="0.3">
      <c r="A72004" s="13" t="s">
        <v>371</v>
      </c>
      <c r="B72004" s="14" t="s">
        <v>1</v>
      </c>
      <c r="C72004" s="14" t="s">
        <v>23</v>
      </c>
      <c r="D72004" s="14" t="s">
        <v>372</v>
      </c>
      <c r="E72004" s="15">
        <v>45475</v>
      </c>
      <c r="F72004" s="14" t="s">
        <v>53</v>
      </c>
      <c r="G72004" s="16">
        <v>1.4403755019809263</v>
      </c>
    </row>
    <row r="72005" spans="1:7" x14ac:dyDescent="0.3">
      <c r="A72005" s="13" t="s">
        <v>371</v>
      </c>
      <c r="B72005" s="14" t="s">
        <v>1</v>
      </c>
      <c r="C72005" s="14" t="s">
        <v>23</v>
      </c>
      <c r="D72005" s="14" t="s">
        <v>372</v>
      </c>
      <c r="E72005" s="15">
        <v>45476</v>
      </c>
      <c r="F72005" s="14" t="s">
        <v>53</v>
      </c>
      <c r="G72005" s="16">
        <v>1.4494088285397073</v>
      </c>
    </row>
    <row r="72006" spans="1:7" x14ac:dyDescent="0.3">
      <c r="A72006" s="13" t="s">
        <v>371</v>
      </c>
      <c r="B72006" s="14" t="s">
        <v>1</v>
      </c>
      <c r="C72006" s="14" t="s">
        <v>23</v>
      </c>
      <c r="D72006" s="14" t="s">
        <v>372</v>
      </c>
      <c r="E72006" s="15">
        <v>45477</v>
      </c>
      <c r="F72006" s="14" t="s">
        <v>53</v>
      </c>
      <c r="G72006" s="16">
        <v>1.4494088285397073</v>
      </c>
    </row>
    <row r="72007" spans="1:7" x14ac:dyDescent="0.3">
      <c r="A72007" s="13" t="s">
        <v>371</v>
      </c>
      <c r="B72007" s="14" t="s">
        <v>1</v>
      </c>
      <c r="C72007" s="14" t="s">
        <v>23</v>
      </c>
      <c r="D72007" s="14" t="s">
        <v>372</v>
      </c>
      <c r="E72007" s="15">
        <v>45478</v>
      </c>
      <c r="F72007" s="14" t="s">
        <v>53</v>
      </c>
      <c r="G72007" s="16">
        <v>1.4562510921145333</v>
      </c>
    </row>
    <row r="72008" spans="1:7" x14ac:dyDescent="0.3">
      <c r="A72008" s="13" t="s">
        <v>371</v>
      </c>
      <c r="B72008" s="14" t="s">
        <v>1</v>
      </c>
      <c r="C72008" s="14" t="s">
        <v>23</v>
      </c>
      <c r="D72008" s="14" t="s">
        <v>372</v>
      </c>
      <c r="E72008" s="15">
        <v>45479</v>
      </c>
      <c r="F72008" s="14" t="s">
        <v>53</v>
      </c>
      <c r="G72008" s="16">
        <v>1.4562510921145333</v>
      </c>
    </row>
    <row r="72009" spans="1:7" x14ac:dyDescent="0.3">
      <c r="A72009" s="13" t="s">
        <v>371</v>
      </c>
      <c r="B72009" s="14" t="s">
        <v>1</v>
      </c>
      <c r="C72009" s="14" t="s">
        <v>23</v>
      </c>
      <c r="D72009" s="14" t="s">
        <v>372</v>
      </c>
      <c r="E72009" s="15">
        <v>45480</v>
      </c>
      <c r="F72009" s="14" t="s">
        <v>53</v>
      </c>
      <c r="G72009" s="16">
        <v>1.4562510921145333</v>
      </c>
    </row>
    <row r="72010" spans="1:7" x14ac:dyDescent="0.3">
      <c r="A72010" s="13" t="s">
        <v>371</v>
      </c>
      <c r="B72010" s="14" t="s">
        <v>1</v>
      </c>
      <c r="C72010" s="14" t="s">
        <v>23</v>
      </c>
      <c r="D72010" s="14" t="s">
        <v>372</v>
      </c>
      <c r="E72010" s="15">
        <v>45481</v>
      </c>
      <c r="F72010" s="14" t="s">
        <v>53</v>
      </c>
      <c r="G72010" s="16">
        <v>1.5123437598638085</v>
      </c>
    </row>
    <row r="72011" spans="1:7" x14ac:dyDescent="0.3">
      <c r="A72011" s="13" t="s">
        <v>371</v>
      </c>
      <c r="B72011" s="14" t="s">
        <v>1</v>
      </c>
      <c r="C72011" s="14" t="s">
        <v>23</v>
      </c>
      <c r="D72011" s="14" t="s">
        <v>372</v>
      </c>
      <c r="E72011" s="15">
        <v>45482</v>
      </c>
      <c r="F72011" s="14" t="s">
        <v>53</v>
      </c>
      <c r="G72011" s="16">
        <v>1.560730750000366</v>
      </c>
    </row>
    <row r="72012" spans="1:7" x14ac:dyDescent="0.3">
      <c r="A72012" s="13" t="s">
        <v>371</v>
      </c>
      <c r="B72012" s="14" t="s">
        <v>1</v>
      </c>
      <c r="C72012" s="14" t="s">
        <v>23</v>
      </c>
      <c r="D72012" s="14" t="s">
        <v>372</v>
      </c>
      <c r="E72012" s="15">
        <v>45483</v>
      </c>
      <c r="F72012" s="14" t="s">
        <v>53</v>
      </c>
      <c r="G72012" s="16">
        <v>1.5692233028283922</v>
      </c>
    </row>
    <row r="72013" spans="1:7" x14ac:dyDescent="0.3">
      <c r="A72013" s="13" t="s">
        <v>371</v>
      </c>
      <c r="B72013" s="14" t="s">
        <v>1</v>
      </c>
      <c r="C72013" s="14" t="s">
        <v>23</v>
      </c>
      <c r="D72013" s="14" t="s">
        <v>372</v>
      </c>
      <c r="E72013" s="15">
        <v>45484</v>
      </c>
      <c r="F72013" s="14" t="s">
        <v>53</v>
      </c>
      <c r="G72013" s="16">
        <v>1.5765808792387177</v>
      </c>
    </row>
    <row r="72014" spans="1:7" x14ac:dyDescent="0.3">
      <c r="A72014" s="13" t="s">
        <v>371</v>
      </c>
      <c r="B72014" s="14" t="s">
        <v>1</v>
      </c>
      <c r="C72014" s="14" t="s">
        <v>23</v>
      </c>
      <c r="D72014" s="14" t="s">
        <v>372</v>
      </c>
      <c r="E72014" s="15">
        <v>45485</v>
      </c>
      <c r="F72014" s="14" t="s">
        <v>53</v>
      </c>
      <c r="G72014" s="16">
        <v>1.5829097365454787</v>
      </c>
    </row>
    <row r="72015" spans="1:7" x14ac:dyDescent="0.3">
      <c r="A72015" s="13" t="s">
        <v>371</v>
      </c>
      <c r="B72015" s="14" t="s">
        <v>1</v>
      </c>
      <c r="C72015" s="14" t="s">
        <v>23</v>
      </c>
      <c r="D72015" s="14" t="s">
        <v>372</v>
      </c>
      <c r="E72015" s="15">
        <v>45486</v>
      </c>
      <c r="F72015" s="14" t="s">
        <v>53</v>
      </c>
      <c r="G72015" s="16">
        <v>1.5829097365454787</v>
      </c>
    </row>
    <row r="72016" spans="1:7" x14ac:dyDescent="0.3">
      <c r="A72016" s="13" t="s">
        <v>371</v>
      </c>
      <c r="B72016" s="14" t="s">
        <v>1</v>
      </c>
      <c r="C72016" s="14" t="s">
        <v>23</v>
      </c>
      <c r="D72016" s="14" t="s">
        <v>372</v>
      </c>
      <c r="E72016" s="15">
        <v>45487</v>
      </c>
      <c r="F72016" s="14" t="s">
        <v>53</v>
      </c>
      <c r="G72016" s="16">
        <v>1.5829097365454787</v>
      </c>
    </row>
    <row r="72017" spans="1:7" x14ac:dyDescent="0.3">
      <c r="A72017" s="13" t="s">
        <v>371</v>
      </c>
      <c r="B72017" s="14" t="s">
        <v>1</v>
      </c>
      <c r="C72017" s="14" t="s">
        <v>23</v>
      </c>
      <c r="D72017" s="14" t="s">
        <v>372</v>
      </c>
      <c r="E72017" s="15">
        <v>45488</v>
      </c>
      <c r="F72017" s="14" t="s">
        <v>53</v>
      </c>
      <c r="G72017" s="16">
        <v>1.6011552619058005</v>
      </c>
    </row>
    <row r="72018" spans="1:7" x14ac:dyDescent="0.3">
      <c r="A72018" s="13" t="s">
        <v>371</v>
      </c>
      <c r="B72018" s="14" t="s">
        <v>1</v>
      </c>
      <c r="C72018" s="14" t="s">
        <v>23</v>
      </c>
      <c r="D72018" s="14" t="s">
        <v>372</v>
      </c>
      <c r="E72018" s="15">
        <v>45489</v>
      </c>
      <c r="F72018" s="14" t="s">
        <v>53</v>
      </c>
      <c r="G72018" s="16">
        <v>1.646597732043636</v>
      </c>
    </row>
    <row r="72019" spans="1:7" x14ac:dyDescent="0.3">
      <c r="A72019" s="13" t="s">
        <v>371</v>
      </c>
      <c r="B72019" s="14" t="s">
        <v>1</v>
      </c>
      <c r="C72019" s="14" t="s">
        <v>23</v>
      </c>
      <c r="D72019" s="14" t="s">
        <v>372</v>
      </c>
      <c r="E72019" s="15">
        <v>45490</v>
      </c>
      <c r="F72019" s="14" t="s">
        <v>53</v>
      </c>
      <c r="G72019" s="16">
        <v>1.6563720027811923</v>
      </c>
    </row>
    <row r="72020" spans="1:7" x14ac:dyDescent="0.3">
      <c r="A72020" s="13" t="s">
        <v>371</v>
      </c>
      <c r="B72020" s="14" t="s">
        <v>1</v>
      </c>
      <c r="C72020" s="14" t="s">
        <v>23</v>
      </c>
      <c r="D72020" s="14" t="s">
        <v>372</v>
      </c>
      <c r="E72020" s="15">
        <v>45491</v>
      </c>
      <c r="F72020" s="14" t="s">
        <v>53</v>
      </c>
      <c r="G72020" s="16">
        <v>1.6799661260493732</v>
      </c>
    </row>
    <row r="72021" spans="1:7" x14ac:dyDescent="0.3">
      <c r="A72021" s="13" t="s">
        <v>371</v>
      </c>
      <c r="B72021" s="14" t="s">
        <v>1</v>
      </c>
      <c r="C72021" s="14" t="s">
        <v>23</v>
      </c>
      <c r="D72021" s="14" t="s">
        <v>372</v>
      </c>
      <c r="E72021" s="15">
        <v>45492</v>
      </c>
      <c r="F72021" s="14" t="s">
        <v>53</v>
      </c>
      <c r="G72021" s="16">
        <v>1.6980082403650012</v>
      </c>
    </row>
    <row r="72022" spans="1:7" x14ac:dyDescent="0.3">
      <c r="A72022" s="13" t="s">
        <v>371</v>
      </c>
      <c r="B72022" s="14" t="s">
        <v>1</v>
      </c>
      <c r="C72022" s="14" t="s">
        <v>23</v>
      </c>
      <c r="D72022" s="14" t="s">
        <v>372</v>
      </c>
      <c r="E72022" s="15">
        <v>45493</v>
      </c>
      <c r="F72022" s="14" t="s">
        <v>53</v>
      </c>
      <c r="G72022" s="16">
        <v>1.6980082403650012</v>
      </c>
    </row>
    <row r="72023" spans="1:7" x14ac:dyDescent="0.3">
      <c r="A72023" s="13" t="s">
        <v>371</v>
      </c>
      <c r="B72023" s="14" t="s">
        <v>1</v>
      </c>
      <c r="C72023" s="14" t="s">
        <v>23</v>
      </c>
      <c r="D72023" s="14" t="s">
        <v>372</v>
      </c>
      <c r="E72023" s="15">
        <v>45494</v>
      </c>
      <c r="F72023" s="14" t="s">
        <v>53</v>
      </c>
      <c r="G72023" s="16">
        <v>1.6980082403650012</v>
      </c>
    </row>
    <row r="72024" spans="1:7" x14ac:dyDescent="0.3">
      <c r="A72024" s="13" t="s">
        <v>371</v>
      </c>
      <c r="B72024" s="14" t="s">
        <v>1</v>
      </c>
      <c r="C72024" s="14" t="s">
        <v>23</v>
      </c>
      <c r="D72024" s="14" t="s">
        <v>372</v>
      </c>
      <c r="E72024" s="15">
        <v>45495</v>
      </c>
      <c r="F72024" s="14" t="s">
        <v>53</v>
      </c>
      <c r="G72024" s="16">
        <v>1.7118948039363855</v>
      </c>
    </row>
    <row r="72025" spans="1:7" x14ac:dyDescent="0.3">
      <c r="A72025" s="13" t="s">
        <v>371</v>
      </c>
      <c r="B72025" s="14" t="s">
        <v>1</v>
      </c>
      <c r="C72025" s="14" t="s">
        <v>23</v>
      </c>
      <c r="D72025" s="14" t="s">
        <v>372</v>
      </c>
      <c r="E72025" s="15">
        <v>45496</v>
      </c>
      <c r="F72025" s="14" t="s">
        <v>53</v>
      </c>
      <c r="G72025" s="16">
        <v>1.7591124454159244</v>
      </c>
    </row>
    <row r="72026" spans="1:7" x14ac:dyDescent="0.3">
      <c r="A72026" s="13" t="s">
        <v>371</v>
      </c>
      <c r="B72026" s="14" t="s">
        <v>1</v>
      </c>
      <c r="C72026" s="14" t="s">
        <v>23</v>
      </c>
      <c r="D72026" s="14" t="s">
        <v>372</v>
      </c>
      <c r="E72026" s="15">
        <v>45497</v>
      </c>
      <c r="F72026" s="14" t="s">
        <v>53</v>
      </c>
      <c r="G72026" s="16">
        <v>1.7758945286881367</v>
      </c>
    </row>
    <row r="72027" spans="1:7" x14ac:dyDescent="0.3">
      <c r="A72027" s="13" t="s">
        <v>371</v>
      </c>
      <c r="B72027" s="14" t="s">
        <v>1</v>
      </c>
      <c r="C72027" s="14" t="s">
        <v>23</v>
      </c>
      <c r="D72027" s="14" t="s">
        <v>372</v>
      </c>
      <c r="E72027" s="15">
        <v>45498</v>
      </c>
      <c r="F72027" s="14" t="s">
        <v>53</v>
      </c>
      <c r="G72027" s="16">
        <v>1.7982100032997901</v>
      </c>
    </row>
    <row r="72028" spans="1:7" x14ac:dyDescent="0.3">
      <c r="A72028" s="13" t="s">
        <v>371</v>
      </c>
      <c r="B72028" s="14" t="s">
        <v>1</v>
      </c>
      <c r="C72028" s="14" t="s">
        <v>23</v>
      </c>
      <c r="D72028" s="14" t="s">
        <v>372</v>
      </c>
      <c r="E72028" s="15">
        <v>45499</v>
      </c>
      <c r="F72028" s="14" t="s">
        <v>53</v>
      </c>
      <c r="G72028" s="16">
        <v>1.8099358122449682</v>
      </c>
    </row>
    <row r="72029" spans="1:7" x14ac:dyDescent="0.3">
      <c r="A72029" s="13" t="s">
        <v>371</v>
      </c>
      <c r="B72029" s="14" t="s">
        <v>1</v>
      </c>
      <c r="C72029" s="14" t="s">
        <v>23</v>
      </c>
      <c r="D72029" s="14" t="s">
        <v>372</v>
      </c>
      <c r="E72029" s="15">
        <v>45500</v>
      </c>
      <c r="F72029" s="14" t="s">
        <v>53</v>
      </c>
      <c r="G72029" s="16">
        <v>1.8099358122449682</v>
      </c>
    </row>
    <row r="72030" spans="1:7" x14ac:dyDescent="0.3">
      <c r="A72030" s="13" t="s">
        <v>371</v>
      </c>
      <c r="B72030" s="14" t="s">
        <v>1</v>
      </c>
      <c r="C72030" s="14" t="s">
        <v>23</v>
      </c>
      <c r="D72030" s="14" t="s">
        <v>372</v>
      </c>
      <c r="E72030" s="15">
        <v>45501</v>
      </c>
      <c r="F72030" s="14" t="s">
        <v>53</v>
      </c>
      <c r="G72030" s="16">
        <v>1.8099358122449682</v>
      </c>
    </row>
    <row r="72031" spans="1:7" x14ac:dyDescent="0.3">
      <c r="A72031" s="13" t="s">
        <v>371</v>
      </c>
      <c r="B72031" s="14" t="s">
        <v>1</v>
      </c>
      <c r="C72031" s="14" t="s">
        <v>23</v>
      </c>
      <c r="D72031" s="14" t="s">
        <v>372</v>
      </c>
      <c r="E72031" s="15">
        <v>45502</v>
      </c>
      <c r="F72031" s="14" t="s">
        <v>53</v>
      </c>
      <c r="G72031" s="16">
        <v>1.8256090295464191</v>
      </c>
    </row>
    <row r="72032" spans="1:7" x14ac:dyDescent="0.3">
      <c r="A72032" s="13" t="s">
        <v>371</v>
      </c>
      <c r="B72032" s="14" t="s">
        <v>1</v>
      </c>
      <c r="C72032" s="14" t="s">
        <v>23</v>
      </c>
      <c r="D72032" s="14" t="s">
        <v>372</v>
      </c>
      <c r="E72032" s="15">
        <v>45503</v>
      </c>
      <c r="F72032" s="14" t="s">
        <v>53</v>
      </c>
      <c r="G72032" s="16">
        <v>1.8719486259510416</v>
      </c>
    </row>
    <row r="72033" spans="1:7" x14ac:dyDescent="0.3">
      <c r="A72033" s="13" t="s">
        <v>371</v>
      </c>
      <c r="B72033" s="14" t="s">
        <v>1</v>
      </c>
      <c r="C72033" s="14" t="s">
        <v>23</v>
      </c>
      <c r="D72033" s="14" t="s">
        <v>372</v>
      </c>
      <c r="E72033" s="15">
        <v>45504</v>
      </c>
      <c r="F72033" s="14" t="s">
        <v>53</v>
      </c>
      <c r="G72033" s="16">
        <v>1.8843586456425281</v>
      </c>
    </row>
    <row r="72034" spans="1:7" x14ac:dyDescent="0.3">
      <c r="A72034" s="13" t="s">
        <v>371</v>
      </c>
      <c r="B72034" s="14" t="s">
        <v>1</v>
      </c>
      <c r="C72034" s="14" t="s">
        <v>23</v>
      </c>
      <c r="D72034" s="14" t="s">
        <v>372</v>
      </c>
      <c r="E72034" s="15">
        <v>45505</v>
      </c>
      <c r="F72034" s="14" t="s">
        <v>53</v>
      </c>
      <c r="G72034" s="16">
        <v>1.9083589993539112</v>
      </c>
    </row>
    <row r="72035" spans="1:7" x14ac:dyDescent="0.3">
      <c r="A72035" s="13" t="s">
        <v>371</v>
      </c>
      <c r="B72035" s="14" t="s">
        <v>1</v>
      </c>
      <c r="C72035" s="14" t="s">
        <v>23</v>
      </c>
      <c r="D72035" s="14" t="s">
        <v>372</v>
      </c>
      <c r="E72035" s="15">
        <v>45506</v>
      </c>
      <c r="F72035" s="14" t="s">
        <v>53</v>
      </c>
      <c r="G72035" s="16">
        <v>1.9061303309886899</v>
      </c>
    </row>
    <row r="72036" spans="1:7" x14ac:dyDescent="0.3">
      <c r="A72036" s="13" t="s">
        <v>371</v>
      </c>
      <c r="B72036" s="14" t="s">
        <v>1</v>
      </c>
      <c r="C72036" s="14" t="s">
        <v>23</v>
      </c>
      <c r="D72036" s="14" t="s">
        <v>372</v>
      </c>
      <c r="E72036" s="15">
        <v>45507</v>
      </c>
      <c r="F72036" s="14" t="s">
        <v>53</v>
      </c>
      <c r="G72036" s="16">
        <v>1.9061303309886899</v>
      </c>
    </row>
    <row r="72037" spans="1:7" x14ac:dyDescent="0.3">
      <c r="A72037" s="13" t="s">
        <v>371</v>
      </c>
      <c r="B72037" s="14" t="s">
        <v>1</v>
      </c>
      <c r="C72037" s="14" t="s">
        <v>23</v>
      </c>
      <c r="D72037" s="14" t="s">
        <v>372</v>
      </c>
      <c r="E72037" s="15">
        <v>45508</v>
      </c>
      <c r="F72037" s="14" t="s">
        <v>53</v>
      </c>
      <c r="G72037" s="16">
        <v>1.9061303309886899</v>
      </c>
    </row>
    <row r="72038" spans="1:7" x14ac:dyDescent="0.3">
      <c r="A72038" s="13" t="s">
        <v>371</v>
      </c>
      <c r="B72038" s="14" t="s">
        <v>1</v>
      </c>
      <c r="C72038" s="14" t="s">
        <v>23</v>
      </c>
      <c r="D72038" s="14" t="s">
        <v>372</v>
      </c>
      <c r="E72038" s="15">
        <v>45509</v>
      </c>
      <c r="F72038" s="14" t="s">
        <v>53</v>
      </c>
      <c r="G72038" s="16">
        <v>1.9061303309886899</v>
      </c>
    </row>
    <row r="72039" spans="1:7" x14ac:dyDescent="0.3">
      <c r="A72039" s="13" t="s">
        <v>371</v>
      </c>
      <c r="B72039" s="14" t="s">
        <v>1</v>
      </c>
      <c r="C72039" s="14" t="s">
        <v>23</v>
      </c>
      <c r="D72039" s="14" t="s">
        <v>372</v>
      </c>
      <c r="E72039" s="15">
        <v>45510</v>
      </c>
      <c r="F72039" s="14" t="s">
        <v>53</v>
      </c>
      <c r="G72039" s="16">
        <v>1.9361490151481924</v>
      </c>
    </row>
    <row r="72040" spans="1:7" x14ac:dyDescent="0.3">
      <c r="A72040" s="13" t="s">
        <v>371</v>
      </c>
      <c r="B72040" s="14" t="s">
        <v>1</v>
      </c>
      <c r="C72040" s="14" t="s">
        <v>23</v>
      </c>
      <c r="D72040" s="14" t="s">
        <v>372</v>
      </c>
      <c r="E72040" s="15">
        <v>45511</v>
      </c>
      <c r="F72040" s="14" t="s">
        <v>53</v>
      </c>
      <c r="G72040" s="16">
        <v>2.0094037124499384</v>
      </c>
    </row>
    <row r="72041" spans="1:7" x14ac:dyDescent="0.3">
      <c r="A72041" s="13" t="s">
        <v>371</v>
      </c>
      <c r="B72041" s="14" t="s">
        <v>1</v>
      </c>
      <c r="C72041" s="14" t="s">
        <v>23</v>
      </c>
      <c r="D72041" s="14" t="s">
        <v>372</v>
      </c>
      <c r="E72041" s="15">
        <v>45512</v>
      </c>
      <c r="F72041" s="14" t="s">
        <v>53</v>
      </c>
      <c r="G72041" s="16">
        <v>2.0085852754279934</v>
      </c>
    </row>
    <row r="72042" spans="1:7" x14ac:dyDescent="0.3">
      <c r="A72042" s="13" t="s">
        <v>371</v>
      </c>
      <c r="B72042" s="14" t="s">
        <v>1</v>
      </c>
      <c r="C72042" s="14" t="s">
        <v>23</v>
      </c>
      <c r="D72042" s="14" t="s">
        <v>372</v>
      </c>
      <c r="E72042" s="15">
        <v>45513</v>
      </c>
      <c r="F72042" s="14" t="s">
        <v>53</v>
      </c>
      <c r="G72042" s="16">
        <v>2.0190761667610433</v>
      </c>
    </row>
    <row r="72043" spans="1:7" x14ac:dyDescent="0.3">
      <c r="A72043" s="13" t="s">
        <v>371</v>
      </c>
      <c r="B72043" s="14" t="s">
        <v>1</v>
      </c>
      <c r="C72043" s="14" t="s">
        <v>23</v>
      </c>
      <c r="D72043" s="14" t="s">
        <v>372</v>
      </c>
      <c r="E72043" s="15">
        <v>45514</v>
      </c>
      <c r="F72043" s="14" t="s">
        <v>53</v>
      </c>
      <c r="G72043" s="16">
        <v>2.0190761667610433</v>
      </c>
    </row>
    <row r="72044" spans="1:7" x14ac:dyDescent="0.3">
      <c r="A72044" s="13" t="s">
        <v>371</v>
      </c>
      <c r="B72044" s="14" t="s">
        <v>1</v>
      </c>
      <c r="C72044" s="14" t="s">
        <v>23</v>
      </c>
      <c r="D72044" s="14" t="s">
        <v>372</v>
      </c>
      <c r="E72044" s="15">
        <v>45515</v>
      </c>
      <c r="F72044" s="14" t="s">
        <v>53</v>
      </c>
      <c r="G72044" s="16">
        <v>2.0190761667610433</v>
      </c>
    </row>
    <row r="72045" spans="1:7" x14ac:dyDescent="0.3">
      <c r="A72045" s="13" t="s">
        <v>371</v>
      </c>
      <c r="B72045" s="14" t="s">
        <v>1</v>
      </c>
      <c r="C72045" s="14" t="s">
        <v>23</v>
      </c>
      <c r="D72045" s="14" t="s">
        <v>372</v>
      </c>
      <c r="E72045" s="15">
        <v>45516</v>
      </c>
      <c r="F72045" s="14" t="s">
        <v>53</v>
      </c>
      <c r="G72045" s="16">
        <v>2.0329113491376067</v>
      </c>
    </row>
    <row r="72046" spans="1:7" x14ac:dyDescent="0.3">
      <c r="A72046" s="13" t="s">
        <v>371</v>
      </c>
      <c r="B72046" s="14" t="s">
        <v>1</v>
      </c>
      <c r="C72046" s="14" t="s">
        <v>23</v>
      </c>
      <c r="D72046" s="14" t="s">
        <v>372</v>
      </c>
      <c r="E72046" s="15">
        <v>45517</v>
      </c>
      <c r="F72046" s="14" t="s">
        <v>53</v>
      </c>
      <c r="G72046" s="16">
        <v>2.0600937548054592</v>
      </c>
    </row>
    <row r="72047" spans="1:7" x14ac:dyDescent="0.3">
      <c r="A72047" s="13" t="s">
        <v>371</v>
      </c>
      <c r="B72047" s="14" t="s">
        <v>1</v>
      </c>
      <c r="C72047" s="14" t="s">
        <v>23</v>
      </c>
      <c r="D72047" s="14" t="s">
        <v>372</v>
      </c>
      <c r="E72047" s="15">
        <v>45518</v>
      </c>
      <c r="F72047" s="14" t="s">
        <v>53</v>
      </c>
      <c r="G72047" s="16">
        <v>2.080206275089783</v>
      </c>
    </row>
    <row r="72048" spans="1:7" x14ac:dyDescent="0.3">
      <c r="A72048" s="13" t="s">
        <v>371</v>
      </c>
      <c r="B72048" s="14" t="s">
        <v>1</v>
      </c>
      <c r="C72048" s="14" t="s">
        <v>23</v>
      </c>
      <c r="D72048" s="14" t="s">
        <v>372</v>
      </c>
      <c r="E72048" s="15">
        <v>45519</v>
      </c>
      <c r="F72048" s="14" t="s">
        <v>53</v>
      </c>
      <c r="G72048" s="16">
        <v>2.0850088520954055</v>
      </c>
    </row>
    <row r="72049" spans="1:7" x14ac:dyDescent="0.3">
      <c r="A72049" s="13" t="s">
        <v>371</v>
      </c>
      <c r="B72049" s="14" t="s">
        <v>1</v>
      </c>
      <c r="C72049" s="14" t="s">
        <v>23</v>
      </c>
      <c r="D72049" s="14" t="s">
        <v>372</v>
      </c>
      <c r="E72049" s="15">
        <v>45520</v>
      </c>
      <c r="F72049" s="14" t="s">
        <v>53</v>
      </c>
      <c r="G72049" s="16">
        <v>2.0846822365690265</v>
      </c>
    </row>
    <row r="72050" spans="1:7" x14ac:dyDescent="0.3">
      <c r="A72050" s="13" t="s">
        <v>371</v>
      </c>
      <c r="B72050" s="14" t="s">
        <v>1</v>
      </c>
      <c r="C72050" s="14" t="s">
        <v>23</v>
      </c>
      <c r="D72050" s="14" t="s">
        <v>372</v>
      </c>
      <c r="E72050" s="15">
        <v>45521</v>
      </c>
      <c r="F72050" s="14" t="s">
        <v>53</v>
      </c>
      <c r="G72050" s="16">
        <v>2.0846822365690265</v>
      </c>
    </row>
    <row r="72051" spans="1:7" x14ac:dyDescent="0.3">
      <c r="A72051" s="13" t="s">
        <v>371</v>
      </c>
      <c r="B72051" s="14" t="s">
        <v>1</v>
      </c>
      <c r="C72051" s="14" t="s">
        <v>23</v>
      </c>
      <c r="D72051" s="14" t="s">
        <v>372</v>
      </c>
      <c r="E72051" s="15">
        <v>45522</v>
      </c>
      <c r="F72051" s="14" t="s">
        <v>53</v>
      </c>
      <c r="G72051" s="16">
        <v>2.0846822365690265</v>
      </c>
    </row>
    <row r="72052" spans="1:7" x14ac:dyDescent="0.3">
      <c r="A72052" s="13" t="s">
        <v>371</v>
      </c>
      <c r="B72052" s="14" t="s">
        <v>1</v>
      </c>
      <c r="C72052" s="14" t="s">
        <v>23</v>
      </c>
      <c r="D72052" s="14" t="s">
        <v>372</v>
      </c>
      <c r="E72052" s="15">
        <v>45523</v>
      </c>
      <c r="F72052" s="14" t="s">
        <v>53</v>
      </c>
      <c r="G72052" s="16">
        <v>2.0914879320839006</v>
      </c>
    </row>
    <row r="72053" spans="1:7" x14ac:dyDescent="0.3">
      <c r="A72053" s="13" t="s">
        <v>371</v>
      </c>
      <c r="B72053" s="14" t="s">
        <v>1</v>
      </c>
      <c r="C72053" s="14" t="s">
        <v>23</v>
      </c>
      <c r="D72053" s="14" t="s">
        <v>372</v>
      </c>
      <c r="E72053" s="15">
        <v>45524</v>
      </c>
      <c r="F72053" s="14" t="s">
        <v>53</v>
      </c>
      <c r="G72053" s="16">
        <v>2.1278823750612674</v>
      </c>
    </row>
    <row r="72054" spans="1:7" x14ac:dyDescent="0.3">
      <c r="A72054" s="13" t="s">
        <v>371</v>
      </c>
      <c r="B72054" s="14" t="s">
        <v>1</v>
      </c>
      <c r="C72054" s="14" t="s">
        <v>23</v>
      </c>
      <c r="D72054" s="14" t="s">
        <v>372</v>
      </c>
      <c r="E72054" s="15">
        <v>45525</v>
      </c>
      <c r="F72054" s="14" t="s">
        <v>53</v>
      </c>
      <c r="G72054" s="16">
        <v>2.1291614034128203</v>
      </c>
    </row>
    <row r="72055" spans="1:7" x14ac:dyDescent="0.3">
      <c r="A72055" s="13" t="s">
        <v>371</v>
      </c>
      <c r="B72055" s="14" t="s">
        <v>1</v>
      </c>
      <c r="C72055" s="14" t="s">
        <v>23</v>
      </c>
      <c r="D72055" s="14" t="s">
        <v>372</v>
      </c>
      <c r="E72055" s="15">
        <v>45526</v>
      </c>
      <c r="F72055" s="14" t="s">
        <v>53</v>
      </c>
      <c r="G72055" s="16">
        <v>2.1441777971329556</v>
      </c>
    </row>
    <row r="72056" spans="1:7" x14ac:dyDescent="0.3">
      <c r="A72056" s="13" t="s">
        <v>371</v>
      </c>
      <c r="B72056" s="14" t="s">
        <v>1</v>
      </c>
      <c r="C72056" s="14" t="s">
        <v>23</v>
      </c>
      <c r="D72056" s="14" t="s">
        <v>372</v>
      </c>
      <c r="E72056" s="15">
        <v>45527</v>
      </c>
      <c r="F72056" s="14" t="s">
        <v>53</v>
      </c>
      <c r="G72056" s="16">
        <v>2.1394032266839513</v>
      </c>
    </row>
    <row r="72057" spans="1:7" x14ac:dyDescent="0.3">
      <c r="A72057" s="13" t="s">
        <v>371</v>
      </c>
      <c r="B72057" s="14" t="s">
        <v>1</v>
      </c>
      <c r="C72057" s="14" t="s">
        <v>23</v>
      </c>
      <c r="D72057" s="14" t="s">
        <v>372</v>
      </c>
      <c r="E72057" s="15">
        <v>45528</v>
      </c>
      <c r="F72057" s="14" t="s">
        <v>53</v>
      </c>
      <c r="G72057" s="16">
        <v>2.1394032266839513</v>
      </c>
    </row>
    <row r="72058" spans="1:7" x14ac:dyDescent="0.3">
      <c r="A72058" s="13" t="s">
        <v>371</v>
      </c>
      <c r="B72058" s="14" t="s">
        <v>1</v>
      </c>
      <c r="C72058" s="14" t="s">
        <v>23</v>
      </c>
      <c r="D72058" s="14" t="s">
        <v>372</v>
      </c>
      <c r="E72058" s="15">
        <v>45529</v>
      </c>
      <c r="F72058" s="14" t="s">
        <v>53</v>
      </c>
      <c r="G72058" s="16">
        <v>2.1394032266839513</v>
      </c>
    </row>
    <row r="72059" spans="1:7" x14ac:dyDescent="0.3">
      <c r="A72059" s="13" t="s">
        <v>371</v>
      </c>
      <c r="B72059" s="14" t="s">
        <v>1</v>
      </c>
      <c r="C72059" s="14" t="s">
        <v>23</v>
      </c>
      <c r="D72059" s="14" t="s">
        <v>372</v>
      </c>
      <c r="E72059" s="15">
        <v>45530</v>
      </c>
      <c r="F72059" s="14" t="s">
        <v>53</v>
      </c>
      <c r="G72059" s="16">
        <v>2.1582677021932195</v>
      </c>
    </row>
    <row r="72060" spans="1:7" x14ac:dyDescent="0.3">
      <c r="A72060" s="13" t="s">
        <v>371</v>
      </c>
      <c r="B72060" s="14" t="s">
        <v>1</v>
      </c>
      <c r="C72060" s="14" t="s">
        <v>23</v>
      </c>
      <c r="D72060" s="14" t="s">
        <v>372</v>
      </c>
      <c r="E72060" s="15">
        <v>45531</v>
      </c>
      <c r="F72060" s="14" t="s">
        <v>53</v>
      </c>
      <c r="G72060" s="16">
        <v>2.1900729003970061</v>
      </c>
    </row>
    <row r="72061" spans="1:7" x14ac:dyDescent="0.3">
      <c r="A72061" s="13" t="s">
        <v>371</v>
      </c>
      <c r="B72061" s="14" t="s">
        <v>1</v>
      </c>
      <c r="C72061" s="14" t="s">
        <v>23</v>
      </c>
      <c r="D72061" s="14" t="s">
        <v>372</v>
      </c>
      <c r="E72061" s="15">
        <v>45532</v>
      </c>
      <c r="F72061" s="14" t="s">
        <v>53</v>
      </c>
      <c r="G72061" s="16">
        <v>2.217353640678577</v>
      </c>
    </row>
    <row r="72062" spans="1:7" x14ac:dyDescent="0.3">
      <c r="A72062" s="13" t="s">
        <v>371</v>
      </c>
      <c r="B72062" s="14" t="s">
        <v>1</v>
      </c>
      <c r="C72062" s="14" t="s">
        <v>23</v>
      </c>
      <c r="D72062" s="14" t="s">
        <v>372</v>
      </c>
      <c r="E72062" s="15">
        <v>45533</v>
      </c>
      <c r="F72062" s="14" t="s">
        <v>53</v>
      </c>
      <c r="G72062" s="16">
        <v>2.2356214609638845</v>
      </c>
    </row>
    <row r="72063" spans="1:7" x14ac:dyDescent="0.3">
      <c r="A72063" s="13" t="s">
        <v>371</v>
      </c>
      <c r="B72063" s="14" t="s">
        <v>1</v>
      </c>
      <c r="C72063" s="14" t="s">
        <v>23</v>
      </c>
      <c r="D72063" s="14" t="s">
        <v>372</v>
      </c>
      <c r="E72063" s="15">
        <v>45534</v>
      </c>
      <c r="F72063" s="14" t="s">
        <v>53</v>
      </c>
      <c r="G72063" s="16">
        <v>2.2564804931885512</v>
      </c>
    </row>
    <row r="72064" spans="1:7" x14ac:dyDescent="0.3">
      <c r="A72064" s="13" t="s">
        <v>371</v>
      </c>
      <c r="B72064" s="14" t="s">
        <v>1</v>
      </c>
      <c r="C72064" s="14" t="s">
        <v>23</v>
      </c>
      <c r="D72064" s="14" t="s">
        <v>372</v>
      </c>
      <c r="E72064" s="15">
        <v>45535</v>
      </c>
      <c r="F72064" s="14" t="s">
        <v>53</v>
      </c>
      <c r="G72064" s="16">
        <v>2.2564804931885512</v>
      </c>
    </row>
    <row r="72065" spans="1:7" x14ac:dyDescent="0.3">
      <c r="A72065" s="13" t="s">
        <v>371</v>
      </c>
      <c r="B72065" s="14" t="s">
        <v>1</v>
      </c>
      <c r="C72065" s="14" t="s">
        <v>23</v>
      </c>
      <c r="D72065" s="14" t="s">
        <v>372</v>
      </c>
      <c r="E72065" s="15">
        <v>45536</v>
      </c>
      <c r="F72065" s="14" t="s">
        <v>53</v>
      </c>
      <c r="G72065" s="16">
        <v>2.2564804931885512</v>
      </c>
    </row>
    <row r="72066" spans="1:7" x14ac:dyDescent="0.3">
      <c r="A72066" s="13" t="s">
        <v>371</v>
      </c>
      <c r="B72066" s="14" t="s">
        <v>1</v>
      </c>
      <c r="C72066" s="14" t="s">
        <v>23</v>
      </c>
      <c r="D72066" s="14" t="s">
        <v>372</v>
      </c>
      <c r="E72066" s="15">
        <v>45537</v>
      </c>
      <c r="F72066" s="14" t="s">
        <v>53</v>
      </c>
      <c r="G72066" s="16">
        <v>2.2564804931885512</v>
      </c>
    </row>
    <row r="72067" spans="1:7" x14ac:dyDescent="0.3">
      <c r="A72067" s="13" t="s">
        <v>371</v>
      </c>
      <c r="B72067" s="14" t="s">
        <v>1</v>
      </c>
      <c r="C72067" s="14" t="s">
        <v>23</v>
      </c>
      <c r="D72067" s="14" t="s">
        <v>372</v>
      </c>
      <c r="E72067" s="15">
        <v>45538</v>
      </c>
      <c r="F72067" s="14" t="s">
        <v>53</v>
      </c>
      <c r="G72067" s="16">
        <v>2.2744349194445217</v>
      </c>
    </row>
    <row r="72068" spans="1:7" x14ac:dyDescent="0.3">
      <c r="A72068" s="13" t="s">
        <v>371</v>
      </c>
      <c r="B72068" s="14" t="s">
        <v>1</v>
      </c>
      <c r="C72068" s="14" t="s">
        <v>23</v>
      </c>
      <c r="D72068" s="14" t="s">
        <v>372</v>
      </c>
      <c r="E72068" s="15">
        <v>45539</v>
      </c>
      <c r="F72068" s="14" t="s">
        <v>53</v>
      </c>
      <c r="G72068" s="16">
        <v>2.3187032048093665</v>
      </c>
    </row>
    <row r="72069" spans="1:7" x14ac:dyDescent="0.3">
      <c r="A72069" s="13" t="s">
        <v>371</v>
      </c>
      <c r="B72069" s="14" t="s">
        <v>1</v>
      </c>
      <c r="C72069" s="14" t="s">
        <v>23</v>
      </c>
      <c r="D72069" s="14" t="s">
        <v>372</v>
      </c>
      <c r="E72069" s="15">
        <v>45540</v>
      </c>
      <c r="F72069" s="14" t="s">
        <v>53</v>
      </c>
      <c r="G72069" s="16">
        <v>2.3281332301741138</v>
      </c>
    </row>
    <row r="72070" spans="1:7" x14ac:dyDescent="0.3">
      <c r="A72070" s="13" t="s">
        <v>371</v>
      </c>
      <c r="B72070" s="14" t="s">
        <v>1</v>
      </c>
      <c r="C72070" s="14" t="s">
        <v>23</v>
      </c>
      <c r="D72070" s="14" t="s">
        <v>372</v>
      </c>
      <c r="E72070" s="15">
        <v>45541</v>
      </c>
      <c r="F72070" s="14" t="s">
        <v>53</v>
      </c>
      <c r="G72070" s="16">
        <v>2.3530777447851774</v>
      </c>
    </row>
    <row r="72071" spans="1:7" x14ac:dyDescent="0.3">
      <c r="A72071" s="13" t="s">
        <v>371</v>
      </c>
      <c r="B72071" s="14" t="s">
        <v>1</v>
      </c>
      <c r="C72071" s="14" t="s">
        <v>23</v>
      </c>
      <c r="D72071" s="14" t="s">
        <v>372</v>
      </c>
      <c r="E72071" s="15">
        <v>45542</v>
      </c>
      <c r="F72071" s="14" t="s">
        <v>53</v>
      </c>
      <c r="G72071" s="16">
        <v>2.3530777447851774</v>
      </c>
    </row>
    <row r="72072" spans="1:7" x14ac:dyDescent="0.3">
      <c r="A72072" s="13" t="s">
        <v>371</v>
      </c>
      <c r="B72072" s="14" t="s">
        <v>1</v>
      </c>
      <c r="C72072" s="14" t="s">
        <v>23</v>
      </c>
      <c r="D72072" s="14" t="s">
        <v>372</v>
      </c>
      <c r="E72072" s="15">
        <v>45543</v>
      </c>
      <c r="F72072" s="14" t="s">
        <v>53</v>
      </c>
      <c r="G72072" s="16">
        <v>2.3530777447851774</v>
      </c>
    </row>
    <row r="72073" spans="1:7" x14ac:dyDescent="0.3">
      <c r="A72073" s="13" t="s">
        <v>371</v>
      </c>
      <c r="B72073" s="14" t="s">
        <v>1</v>
      </c>
      <c r="C72073" s="14" t="s">
        <v>23</v>
      </c>
      <c r="D72073" s="14" t="s">
        <v>372</v>
      </c>
      <c r="E72073" s="15">
        <v>45544</v>
      </c>
      <c r="F72073" s="14" t="s">
        <v>53</v>
      </c>
      <c r="G72073" s="16">
        <v>2.4052252262616673</v>
      </c>
    </row>
    <row r="72074" spans="1:7" x14ac:dyDescent="0.3">
      <c r="A72074" s="13" t="s">
        <v>371</v>
      </c>
      <c r="B72074" s="14" t="s">
        <v>1</v>
      </c>
      <c r="C72074" s="14" t="s">
        <v>23</v>
      </c>
      <c r="D72074" s="14" t="s">
        <v>372</v>
      </c>
      <c r="E72074" s="15">
        <v>45545</v>
      </c>
      <c r="F72074" s="14" t="s">
        <v>53</v>
      </c>
      <c r="G72074" s="16">
        <v>2.4445423778927093</v>
      </c>
    </row>
    <row r="72075" spans="1:7" x14ac:dyDescent="0.3">
      <c r="A72075" s="13" t="s">
        <v>371</v>
      </c>
      <c r="B72075" s="14" t="s">
        <v>1</v>
      </c>
      <c r="C72075" s="14" t="s">
        <v>23</v>
      </c>
      <c r="D72075" s="14" t="s">
        <v>372</v>
      </c>
      <c r="E72075" s="15">
        <v>45546</v>
      </c>
      <c r="F72075" s="14" t="s">
        <v>53</v>
      </c>
      <c r="G72075" s="16">
        <v>2.4640308907139508</v>
      </c>
    </row>
    <row r="72076" spans="1:7" x14ac:dyDescent="0.3">
      <c r="A72076" s="13" t="s">
        <v>371</v>
      </c>
      <c r="B72076" s="14" t="s">
        <v>1</v>
      </c>
      <c r="C72076" s="14" t="s">
        <v>23</v>
      </c>
      <c r="D72076" s="14" t="s">
        <v>372</v>
      </c>
      <c r="E72076" s="15">
        <v>45547</v>
      </c>
      <c r="F72076" s="14" t="s">
        <v>53</v>
      </c>
      <c r="G72076" s="16">
        <v>2.4639049972774516</v>
      </c>
    </row>
    <row r="72077" spans="1:7" x14ac:dyDescent="0.3">
      <c r="A72077" s="13" t="s">
        <v>371</v>
      </c>
      <c r="B72077" s="14" t="s">
        <v>1</v>
      </c>
      <c r="C72077" s="14" t="s">
        <v>23</v>
      </c>
      <c r="D72077" s="14" t="s">
        <v>372</v>
      </c>
      <c r="E72077" s="15">
        <v>45548</v>
      </c>
      <c r="F72077" s="14" t="s">
        <v>53</v>
      </c>
      <c r="G72077" s="16">
        <v>2.4788859981617923</v>
      </c>
    </row>
    <row r="72078" spans="1:7" x14ac:dyDescent="0.3">
      <c r="A72078" s="13" t="s">
        <v>371</v>
      </c>
      <c r="B72078" s="14" t="s">
        <v>1</v>
      </c>
      <c r="C72078" s="14" t="s">
        <v>23</v>
      </c>
      <c r="D72078" s="14" t="s">
        <v>372</v>
      </c>
      <c r="E72078" s="15">
        <v>45549</v>
      </c>
      <c r="F72078" s="14" t="s">
        <v>53</v>
      </c>
      <c r="G72078" s="16">
        <v>2.4788859981617923</v>
      </c>
    </row>
    <row r="72079" spans="1:7" x14ac:dyDescent="0.3">
      <c r="A72079" s="13" t="s">
        <v>371</v>
      </c>
      <c r="B72079" s="14" t="s">
        <v>1</v>
      </c>
      <c r="C72079" s="14" t="s">
        <v>23</v>
      </c>
      <c r="D72079" s="14" t="s">
        <v>372</v>
      </c>
      <c r="E72079" s="15">
        <v>45550</v>
      </c>
      <c r="F72079" s="14" t="s">
        <v>53</v>
      </c>
      <c r="G72079" s="16">
        <v>2.4788859981617923</v>
      </c>
    </row>
    <row r="72080" spans="1:7" x14ac:dyDescent="0.3">
      <c r="A72080" s="13" t="s">
        <v>371</v>
      </c>
      <c r="B72080" s="14" t="s">
        <v>1</v>
      </c>
      <c r="C72080" s="14" t="s">
        <v>23</v>
      </c>
      <c r="D72080" s="14" t="s">
        <v>372</v>
      </c>
      <c r="E72080" s="15">
        <v>45551</v>
      </c>
      <c r="F72080" s="14" t="s">
        <v>53</v>
      </c>
      <c r="G72080" s="16">
        <v>2.4765189283085762</v>
      </c>
    </row>
    <row r="72081" spans="1:7" x14ac:dyDescent="0.3">
      <c r="A72081" s="13" t="s">
        <v>371</v>
      </c>
      <c r="B72081" s="14" t="s">
        <v>1</v>
      </c>
      <c r="C72081" s="14" t="s">
        <v>23</v>
      </c>
      <c r="D72081" s="14" t="s">
        <v>372</v>
      </c>
      <c r="E72081" s="15">
        <v>45552</v>
      </c>
      <c r="F72081" s="14" t="s">
        <v>53</v>
      </c>
      <c r="G72081" s="16">
        <v>2.5323249444115676</v>
      </c>
    </row>
    <row r="72082" spans="1:7" x14ac:dyDescent="0.3">
      <c r="A72082" s="13" t="s">
        <v>371</v>
      </c>
      <c r="B72082" s="14" t="s">
        <v>1</v>
      </c>
      <c r="C72082" s="14" t="s">
        <v>23</v>
      </c>
      <c r="D72082" s="14" t="s">
        <v>372</v>
      </c>
      <c r="E72082" s="15">
        <v>45553</v>
      </c>
      <c r="F72082" s="14" t="s">
        <v>53</v>
      </c>
      <c r="G72082" s="16">
        <v>2.5379638148531969</v>
      </c>
    </row>
    <row r="72083" spans="1:7" x14ac:dyDescent="0.3">
      <c r="A72083" s="13" t="s">
        <v>371</v>
      </c>
      <c r="B72083" s="14" t="s">
        <v>1</v>
      </c>
      <c r="C72083" s="14" t="s">
        <v>23</v>
      </c>
      <c r="D72083" s="14" t="s">
        <v>372</v>
      </c>
      <c r="E72083" s="15">
        <v>45554</v>
      </c>
      <c r="F72083" s="14" t="s">
        <v>53</v>
      </c>
      <c r="G72083" s="16">
        <v>2.539351700221975</v>
      </c>
    </row>
    <row r="72084" spans="1:7" x14ac:dyDescent="0.3">
      <c r="A72084" s="13" t="s">
        <v>371</v>
      </c>
      <c r="B72084" s="14" t="s">
        <v>1</v>
      </c>
      <c r="C72084" s="14" t="s">
        <v>23</v>
      </c>
      <c r="D72084" s="14" t="s">
        <v>372</v>
      </c>
      <c r="E72084" s="15">
        <v>45555</v>
      </c>
      <c r="F72084" s="14" t="s">
        <v>53</v>
      </c>
      <c r="G72084" s="16">
        <v>2.5474400530504928</v>
      </c>
    </row>
    <row r="72085" spans="1:7" x14ac:dyDescent="0.3">
      <c r="A72085" s="13" t="s">
        <v>371</v>
      </c>
      <c r="B72085" s="14" t="s">
        <v>1</v>
      </c>
      <c r="C72085" s="14" t="s">
        <v>23</v>
      </c>
      <c r="D72085" s="14" t="s">
        <v>372</v>
      </c>
      <c r="E72085" s="15">
        <v>45556</v>
      </c>
      <c r="F72085" s="14" t="s">
        <v>53</v>
      </c>
      <c r="G72085" s="16">
        <v>2.5474400530504928</v>
      </c>
    </row>
    <row r="72086" spans="1:7" x14ac:dyDescent="0.3">
      <c r="A72086" s="13" t="s">
        <v>371</v>
      </c>
      <c r="B72086" s="14" t="s">
        <v>1</v>
      </c>
      <c r="C72086" s="14" t="s">
        <v>23</v>
      </c>
      <c r="D72086" s="14" t="s">
        <v>372</v>
      </c>
      <c r="E72086" s="15">
        <v>45557</v>
      </c>
      <c r="F72086" s="14" t="s">
        <v>53</v>
      </c>
      <c r="G72086" s="16">
        <v>2.5474400530504928</v>
      </c>
    </row>
    <row r="72087" spans="1:7" x14ac:dyDescent="0.3">
      <c r="A72087" s="13" t="s">
        <v>371</v>
      </c>
      <c r="B72087" s="14" t="s">
        <v>1</v>
      </c>
      <c r="C72087" s="14" t="s">
        <v>23</v>
      </c>
      <c r="D72087" s="14" t="s">
        <v>372</v>
      </c>
      <c r="E72087" s="15">
        <v>45558</v>
      </c>
      <c r="F72087" s="14" t="s">
        <v>53</v>
      </c>
      <c r="G72087" s="16">
        <v>2.5581691175194923</v>
      </c>
    </row>
    <row r="72088" spans="1:7" x14ac:dyDescent="0.3">
      <c r="A72088" s="13" t="s">
        <v>371</v>
      </c>
      <c r="B72088" s="14" t="s">
        <v>1</v>
      </c>
      <c r="C72088" s="14" t="s">
        <v>23</v>
      </c>
      <c r="D72088" s="14" t="s">
        <v>372</v>
      </c>
      <c r="E72088" s="15">
        <v>45559</v>
      </c>
      <c r="F72088" s="14" t="s">
        <v>53</v>
      </c>
      <c r="G72088" s="16">
        <v>2.6026873733358</v>
      </c>
    </row>
    <row r="72089" spans="1:7" x14ac:dyDescent="0.3">
      <c r="A72089" s="13" t="s">
        <v>371</v>
      </c>
      <c r="B72089" s="14" t="s">
        <v>1</v>
      </c>
      <c r="C72089" s="14" t="s">
        <v>23</v>
      </c>
      <c r="D72089" s="14" t="s">
        <v>372</v>
      </c>
      <c r="E72089" s="15">
        <v>45560</v>
      </c>
      <c r="F72089" s="14" t="s">
        <v>53</v>
      </c>
      <c r="G72089" s="16">
        <v>2.6356507046594091</v>
      </c>
    </row>
    <row r="72090" spans="1:7" x14ac:dyDescent="0.3">
      <c r="A72090" s="13" t="s">
        <v>371</v>
      </c>
      <c r="B72090" s="14" t="s">
        <v>1</v>
      </c>
      <c r="C72090" s="14" t="s">
        <v>23</v>
      </c>
      <c r="D72090" s="14" t="s">
        <v>372</v>
      </c>
      <c r="E72090" s="15">
        <v>45561</v>
      </c>
      <c r="F72090" s="14" t="s">
        <v>53</v>
      </c>
      <c r="G72090" s="16">
        <v>2.6331421867469285</v>
      </c>
    </row>
    <row r="72091" spans="1:7" x14ac:dyDescent="0.3">
      <c r="A72091" s="13" t="s">
        <v>371</v>
      </c>
      <c r="B72091" s="14" t="s">
        <v>1</v>
      </c>
      <c r="C72091" s="14" t="s">
        <v>23</v>
      </c>
      <c r="D72091" s="14" t="s">
        <v>372</v>
      </c>
      <c r="E72091" s="15">
        <v>45562</v>
      </c>
      <c r="F72091" s="14" t="s">
        <v>53</v>
      </c>
      <c r="G72091" s="16">
        <v>2.6593515604634259</v>
      </c>
    </row>
    <row r="72092" spans="1:7" x14ac:dyDescent="0.3">
      <c r="A72092" s="13" t="s">
        <v>371</v>
      </c>
      <c r="B72092" s="14" t="s">
        <v>1</v>
      </c>
      <c r="C72092" s="14" t="s">
        <v>23</v>
      </c>
      <c r="D72092" s="14" t="s">
        <v>372</v>
      </c>
      <c r="E72092" s="15">
        <v>45563</v>
      </c>
      <c r="F72092" s="14" t="s">
        <v>53</v>
      </c>
      <c r="G72092" s="16">
        <v>2.6593515604634259</v>
      </c>
    </row>
    <row r="72093" spans="1:7" x14ac:dyDescent="0.3">
      <c r="A72093" s="13" t="s">
        <v>371</v>
      </c>
      <c r="B72093" s="14" t="s">
        <v>1</v>
      </c>
      <c r="C72093" s="14" t="s">
        <v>23</v>
      </c>
      <c r="D72093" s="14" t="s">
        <v>372</v>
      </c>
      <c r="E72093" s="15">
        <v>45564</v>
      </c>
      <c r="F72093" s="14" t="s">
        <v>53</v>
      </c>
      <c r="G72093" s="16">
        <v>2.6593515604634259</v>
      </c>
    </row>
    <row r="72094" spans="1:7" x14ac:dyDescent="0.3">
      <c r="A72094" s="13" t="s">
        <v>371</v>
      </c>
      <c r="B72094" s="14" t="s">
        <v>1</v>
      </c>
      <c r="C72094" s="14" t="s">
        <v>23</v>
      </c>
      <c r="D72094" s="14" t="s">
        <v>372</v>
      </c>
      <c r="E72094" s="15">
        <v>45565</v>
      </c>
      <c r="F72094" s="14" t="s">
        <v>53</v>
      </c>
      <c r="G72094" s="16">
        <v>2.6740834153781847</v>
      </c>
    </row>
    <row r="72095" spans="1:7" x14ac:dyDescent="0.3">
      <c r="A72095" s="13" t="s">
        <v>371</v>
      </c>
      <c r="B72095" s="14" t="s">
        <v>1</v>
      </c>
      <c r="C72095" s="14" t="s">
        <v>23</v>
      </c>
      <c r="D72095" s="14" t="s">
        <v>372</v>
      </c>
      <c r="E72095" s="15">
        <v>45566</v>
      </c>
      <c r="F72095" s="14" t="s">
        <v>53</v>
      </c>
      <c r="G72095" s="16">
        <v>2.7402122126710808</v>
      </c>
    </row>
    <row r="72096" spans="1:7" x14ac:dyDescent="0.3">
      <c r="A72096" s="13" t="s">
        <v>371</v>
      </c>
      <c r="B72096" s="14" t="s">
        <v>1</v>
      </c>
      <c r="C72096" s="14" t="s">
        <v>23</v>
      </c>
      <c r="D72096" s="14" t="s">
        <v>372</v>
      </c>
      <c r="E72096" s="15">
        <v>45567</v>
      </c>
      <c r="F72096" s="14" t="s">
        <v>53</v>
      </c>
      <c r="G72096" s="16">
        <v>2.7590600726583956</v>
      </c>
    </row>
    <row r="72097" spans="1:7" x14ac:dyDescent="0.3">
      <c r="A72097" s="13" t="s">
        <v>371</v>
      </c>
      <c r="B72097" s="14" t="s">
        <v>1</v>
      </c>
      <c r="C72097" s="14" t="s">
        <v>23</v>
      </c>
      <c r="D72097" s="14" t="s">
        <v>372</v>
      </c>
      <c r="E72097" s="15">
        <v>45568</v>
      </c>
      <c r="F72097" s="14" t="s">
        <v>53</v>
      </c>
      <c r="G72097" s="16">
        <v>2.7952860105425565</v>
      </c>
    </row>
    <row r="72098" spans="1:7" x14ac:dyDescent="0.3">
      <c r="A72098" s="13" t="s">
        <v>371</v>
      </c>
      <c r="B72098" s="14" t="s">
        <v>1</v>
      </c>
      <c r="C72098" s="14" t="s">
        <v>23</v>
      </c>
      <c r="D72098" s="14" t="s">
        <v>372</v>
      </c>
      <c r="E72098" s="15">
        <v>45569</v>
      </c>
      <c r="F72098" s="14" t="s">
        <v>53</v>
      </c>
      <c r="G72098" s="16">
        <v>2.8113978612774582</v>
      </c>
    </row>
    <row r="72099" spans="1:7" x14ac:dyDescent="0.3">
      <c r="A72099" s="13" t="s">
        <v>371</v>
      </c>
      <c r="B72099" s="14" t="s">
        <v>1</v>
      </c>
      <c r="C72099" s="14" t="s">
        <v>23</v>
      </c>
      <c r="D72099" s="14" t="s">
        <v>372</v>
      </c>
      <c r="E72099" s="15">
        <v>45570</v>
      </c>
      <c r="F72099" s="14" t="s">
        <v>53</v>
      </c>
      <c r="G72099" s="16">
        <v>2.8113978612774582</v>
      </c>
    </row>
    <row r="72100" spans="1:7" x14ac:dyDescent="0.3">
      <c r="A72100" s="13" t="s">
        <v>371</v>
      </c>
      <c r="B72100" s="14" t="s">
        <v>1</v>
      </c>
      <c r="C72100" s="14" t="s">
        <v>23</v>
      </c>
      <c r="D72100" s="14" t="s">
        <v>372</v>
      </c>
      <c r="E72100" s="15">
        <v>45571</v>
      </c>
      <c r="F72100" s="14" t="s">
        <v>53</v>
      </c>
      <c r="G72100" s="16">
        <v>2.8113978612774582</v>
      </c>
    </row>
    <row r="72101" spans="1:7" x14ac:dyDescent="0.3">
      <c r="A72101" s="13" t="s">
        <v>371</v>
      </c>
      <c r="B72101" s="14" t="s">
        <v>1</v>
      </c>
      <c r="C72101" s="14" t="s">
        <v>23</v>
      </c>
      <c r="D72101" s="14" t="s">
        <v>372</v>
      </c>
      <c r="E72101" s="15">
        <v>45572</v>
      </c>
      <c r="F72101" s="14" t="s">
        <v>53</v>
      </c>
      <c r="G72101" s="16">
        <v>2.8582311830532192</v>
      </c>
    </row>
    <row r="72102" spans="1:7" x14ac:dyDescent="0.3">
      <c r="A72102" s="13" t="s">
        <v>371</v>
      </c>
      <c r="B72102" s="14" t="s">
        <v>1</v>
      </c>
      <c r="C72102" s="14" t="s">
        <v>23</v>
      </c>
      <c r="D72102" s="14" t="s">
        <v>372</v>
      </c>
      <c r="E72102" s="15">
        <v>45573</v>
      </c>
      <c r="F72102" s="14" t="s">
        <v>53</v>
      </c>
      <c r="G72102" s="16">
        <v>2.9042242018500399</v>
      </c>
    </row>
    <row r="72103" spans="1:7" x14ac:dyDescent="0.3">
      <c r="A72103" s="13" t="s">
        <v>371</v>
      </c>
      <c r="B72103" s="14" t="s">
        <v>1</v>
      </c>
      <c r="C72103" s="14" t="s">
        <v>23</v>
      </c>
      <c r="D72103" s="14" t="s">
        <v>372</v>
      </c>
      <c r="E72103" s="15">
        <v>45574</v>
      </c>
      <c r="F72103" s="14" t="s">
        <v>53</v>
      </c>
      <c r="G72103" s="16">
        <v>2.9276448710887855</v>
      </c>
    </row>
    <row r="72104" spans="1:7" x14ac:dyDescent="0.3">
      <c r="A72104" s="13" t="s">
        <v>371</v>
      </c>
      <c r="B72104" s="14" t="s">
        <v>1</v>
      </c>
      <c r="C72104" s="14" t="s">
        <v>23</v>
      </c>
      <c r="D72104" s="14" t="s">
        <v>372</v>
      </c>
      <c r="E72104" s="15">
        <v>45575</v>
      </c>
      <c r="F72104" s="14" t="s">
        <v>53</v>
      </c>
      <c r="G72104" s="16">
        <v>2.9457621821211886</v>
      </c>
    </row>
    <row r="72105" spans="1:7" x14ac:dyDescent="0.3">
      <c r="A72105" s="13" t="s">
        <v>371</v>
      </c>
      <c r="B72105" s="14" t="s">
        <v>1</v>
      </c>
      <c r="C72105" s="14" t="s">
        <v>23</v>
      </c>
      <c r="D72105" s="14" t="s">
        <v>372</v>
      </c>
      <c r="E72105" s="15">
        <v>45576</v>
      </c>
      <c r="F72105" s="14" t="s">
        <v>53</v>
      </c>
      <c r="G72105" s="16">
        <v>2.9596496952452402</v>
      </c>
    </row>
    <row r="72106" spans="1:7" x14ac:dyDescent="0.3">
      <c r="A72106" s="13" t="s">
        <v>371</v>
      </c>
      <c r="B72106" s="14" t="s">
        <v>1</v>
      </c>
      <c r="C72106" s="14" t="s">
        <v>23</v>
      </c>
      <c r="D72106" s="14" t="s">
        <v>372</v>
      </c>
      <c r="E72106" s="15">
        <v>45577</v>
      </c>
      <c r="F72106" s="14" t="s">
        <v>53</v>
      </c>
      <c r="G72106" s="16">
        <v>2.9596496952452402</v>
      </c>
    </row>
    <row r="72107" spans="1:7" x14ac:dyDescent="0.3">
      <c r="A72107" s="13" t="s">
        <v>371</v>
      </c>
      <c r="B72107" s="14" t="s">
        <v>1</v>
      </c>
      <c r="C72107" s="14" t="s">
        <v>23</v>
      </c>
      <c r="D72107" s="14" t="s">
        <v>372</v>
      </c>
      <c r="E72107" s="15">
        <v>45578</v>
      </c>
      <c r="F72107" s="14" t="s">
        <v>53</v>
      </c>
      <c r="G72107" s="16">
        <v>2.9596496952452402</v>
      </c>
    </row>
    <row r="72108" spans="1:7" x14ac:dyDescent="0.3">
      <c r="A72108" s="13" t="s">
        <v>371</v>
      </c>
      <c r="B72108" s="14" t="s">
        <v>1</v>
      </c>
      <c r="C72108" s="14" t="s">
        <v>23</v>
      </c>
      <c r="D72108" s="14" t="s">
        <v>372</v>
      </c>
      <c r="E72108" s="15">
        <v>45579</v>
      </c>
      <c r="F72108" s="14" t="s">
        <v>53</v>
      </c>
      <c r="G72108" s="16">
        <v>2.9596496952452402</v>
      </c>
    </row>
    <row r="72109" spans="1:7" x14ac:dyDescent="0.3">
      <c r="A72109" s="13" t="s">
        <v>371</v>
      </c>
      <c r="B72109" s="14" t="s">
        <v>1</v>
      </c>
      <c r="C72109" s="14" t="s">
        <v>23</v>
      </c>
      <c r="D72109" s="14" t="s">
        <v>372</v>
      </c>
      <c r="E72109" s="15">
        <v>45580</v>
      </c>
      <c r="F72109" s="14" t="s">
        <v>53</v>
      </c>
      <c r="G72109" s="16">
        <v>2.9742942406077253</v>
      </c>
    </row>
    <row r="72110" spans="1:7" x14ac:dyDescent="0.3">
      <c r="A72110" s="13" t="s">
        <v>371</v>
      </c>
      <c r="B72110" s="14" t="s">
        <v>1</v>
      </c>
      <c r="C72110" s="14" t="s">
        <v>23</v>
      </c>
      <c r="D72110" s="14" t="s">
        <v>372</v>
      </c>
      <c r="E72110" s="15">
        <v>45581</v>
      </c>
      <c r="F72110" s="14" t="s">
        <v>53</v>
      </c>
      <c r="G72110" s="16">
        <v>3.0577513023779792</v>
      </c>
    </row>
    <row r="72111" spans="1:7" x14ac:dyDescent="0.3">
      <c r="A72111" s="13" t="s">
        <v>371</v>
      </c>
      <c r="B72111" s="14" t="s">
        <v>1</v>
      </c>
      <c r="C72111" s="14" t="s">
        <v>23</v>
      </c>
      <c r="D72111" s="14" t="s">
        <v>372</v>
      </c>
      <c r="E72111" s="15">
        <v>45582</v>
      </c>
      <c r="F72111" s="14" t="s">
        <v>53</v>
      </c>
      <c r="G72111" s="16">
        <v>3.0676982984886405</v>
      </c>
    </row>
    <row r="72112" spans="1:7" x14ac:dyDescent="0.3">
      <c r="A72112" s="13" t="s">
        <v>371</v>
      </c>
      <c r="B72112" s="14" t="s">
        <v>1</v>
      </c>
      <c r="C72112" s="14" t="s">
        <v>23</v>
      </c>
      <c r="D72112" s="14" t="s">
        <v>372</v>
      </c>
      <c r="E72112" s="15">
        <v>45583</v>
      </c>
      <c r="F72112" s="14" t="s">
        <v>53</v>
      </c>
      <c r="G72112" s="16">
        <v>3.0735464163927628</v>
      </c>
    </row>
    <row r="72113" spans="1:7" x14ac:dyDescent="0.3">
      <c r="A72113" s="13" t="s">
        <v>371</v>
      </c>
      <c r="B72113" s="14" t="s">
        <v>1</v>
      </c>
      <c r="C72113" s="14" t="s">
        <v>23</v>
      </c>
      <c r="D72113" s="14" t="s">
        <v>372</v>
      </c>
      <c r="E72113" s="15">
        <v>45584</v>
      </c>
      <c r="F72113" s="14" t="s">
        <v>53</v>
      </c>
      <c r="G72113" s="16">
        <v>3.0735464163927628</v>
      </c>
    </row>
    <row r="72114" spans="1:7" x14ac:dyDescent="0.3">
      <c r="A72114" s="13" t="s">
        <v>371</v>
      </c>
      <c r="B72114" s="14" t="s">
        <v>1</v>
      </c>
      <c r="C72114" s="14" t="s">
        <v>23</v>
      </c>
      <c r="D72114" s="14" t="s">
        <v>372</v>
      </c>
      <c r="E72114" s="15">
        <v>45585</v>
      </c>
      <c r="F72114" s="14" t="s">
        <v>53</v>
      </c>
      <c r="G72114" s="16">
        <v>3.0735464163927628</v>
      </c>
    </row>
    <row r="72115" spans="1:7" x14ac:dyDescent="0.3">
      <c r="A72115" s="13" t="s">
        <v>371</v>
      </c>
      <c r="B72115" s="14" t="s">
        <v>1</v>
      </c>
      <c r="C72115" s="14" t="s">
        <v>23</v>
      </c>
      <c r="D72115" s="14" t="s">
        <v>372</v>
      </c>
      <c r="E72115" s="15">
        <v>45586</v>
      </c>
      <c r="F72115" s="14" t="s">
        <v>53</v>
      </c>
      <c r="G72115" s="16">
        <v>3.1051397483136358</v>
      </c>
    </row>
    <row r="72116" spans="1:7" x14ac:dyDescent="0.3">
      <c r="A72116" s="13" t="s">
        <v>371</v>
      </c>
      <c r="B72116" s="14" t="s">
        <v>1</v>
      </c>
      <c r="C72116" s="14" t="s">
        <v>23</v>
      </c>
      <c r="D72116" s="14" t="s">
        <v>372</v>
      </c>
      <c r="E72116" s="15">
        <v>45587</v>
      </c>
      <c r="F72116" s="14" t="s">
        <v>53</v>
      </c>
      <c r="G72116" s="16">
        <v>3.1522653620334755</v>
      </c>
    </row>
    <row r="72117" spans="1:7" x14ac:dyDescent="0.3">
      <c r="A72117" s="13" t="s">
        <v>371</v>
      </c>
      <c r="B72117" s="14" t="s">
        <v>1</v>
      </c>
      <c r="C72117" s="14" t="s">
        <v>23</v>
      </c>
      <c r="D72117" s="14" t="s">
        <v>372</v>
      </c>
      <c r="E72117" s="15">
        <v>45588</v>
      </c>
      <c r="F72117" s="14" t="s">
        <v>53</v>
      </c>
      <c r="G72117" s="16">
        <v>3.1833995309699024</v>
      </c>
    </row>
    <row r="72118" spans="1:7" x14ac:dyDescent="0.3">
      <c r="A72118" s="13" t="s">
        <v>371</v>
      </c>
      <c r="B72118" s="14" t="s">
        <v>1</v>
      </c>
      <c r="C72118" s="14" t="s">
        <v>23</v>
      </c>
      <c r="D72118" s="14" t="s">
        <v>372</v>
      </c>
      <c r="E72118" s="15">
        <v>45589</v>
      </c>
      <c r="F72118" s="14" t="s">
        <v>53</v>
      </c>
      <c r="G72118" s="16">
        <v>3.1861612211143262</v>
      </c>
    </row>
    <row r="72119" spans="1:7" x14ac:dyDescent="0.3">
      <c r="A72119" s="13" t="s">
        <v>371</v>
      </c>
      <c r="B72119" s="14" t="s">
        <v>1</v>
      </c>
      <c r="C72119" s="14" t="s">
        <v>23</v>
      </c>
      <c r="D72119" s="14" t="s">
        <v>372</v>
      </c>
      <c r="E72119" s="15">
        <v>45590</v>
      </c>
      <c r="F72119" s="14" t="s">
        <v>53</v>
      </c>
      <c r="G72119" s="16">
        <v>3.2045788193107367</v>
      </c>
    </row>
    <row r="72120" spans="1:7" x14ac:dyDescent="0.3">
      <c r="A72120" s="13" t="s">
        <v>371</v>
      </c>
      <c r="B72120" s="14" t="s">
        <v>1</v>
      </c>
      <c r="C72120" s="14" t="s">
        <v>23</v>
      </c>
      <c r="D72120" s="14" t="s">
        <v>372</v>
      </c>
      <c r="E72120" s="15">
        <v>45591</v>
      </c>
      <c r="F72120" s="14" t="s">
        <v>53</v>
      </c>
      <c r="G72120" s="16">
        <v>3.2045788193107367</v>
      </c>
    </row>
    <row r="72121" spans="1:7" x14ac:dyDescent="0.3">
      <c r="A72121" s="13" t="s">
        <v>371</v>
      </c>
      <c r="B72121" s="14" t="s">
        <v>1</v>
      </c>
      <c r="C72121" s="14" t="s">
        <v>23</v>
      </c>
      <c r="D72121" s="14" t="s">
        <v>372</v>
      </c>
      <c r="E72121" s="15">
        <v>45592</v>
      </c>
      <c r="F72121" s="14" t="s">
        <v>53</v>
      </c>
      <c r="G72121" s="16">
        <v>3.2045788193107367</v>
      </c>
    </row>
    <row r="72122" spans="1:7" x14ac:dyDescent="0.3">
      <c r="A72122" s="13" t="s">
        <v>371</v>
      </c>
      <c r="B72122" s="14" t="s">
        <v>1</v>
      </c>
      <c r="C72122" s="14" t="s">
        <v>23</v>
      </c>
      <c r="D72122" s="14" t="s">
        <v>372</v>
      </c>
      <c r="E72122" s="15">
        <v>45593</v>
      </c>
      <c r="F72122" s="14" t="s">
        <v>53</v>
      </c>
      <c r="G72122" s="16">
        <v>3.2045788193107367</v>
      </c>
    </row>
    <row r="72123" spans="1:7" x14ac:dyDescent="0.3">
      <c r="A72123" s="13" t="s">
        <v>371</v>
      </c>
      <c r="B72123" s="14" t="s">
        <v>1</v>
      </c>
      <c r="C72123" s="14" t="s">
        <v>23</v>
      </c>
      <c r="D72123" s="14" t="s">
        <v>372</v>
      </c>
      <c r="E72123" s="15">
        <v>45594</v>
      </c>
      <c r="F72123" s="14" t="s">
        <v>53</v>
      </c>
      <c r="G72123" s="16">
        <v>3.2110628330369684</v>
      </c>
    </row>
    <row r="72124" spans="1:7" x14ac:dyDescent="0.3">
      <c r="A72124" s="13" t="s">
        <v>371</v>
      </c>
      <c r="B72124" s="14" t="s">
        <v>1</v>
      </c>
      <c r="C72124" s="14" t="s">
        <v>23</v>
      </c>
      <c r="D72124" s="14" t="s">
        <v>372</v>
      </c>
      <c r="E72124" s="15">
        <v>45595</v>
      </c>
      <c r="F72124" s="14" t="s">
        <v>53</v>
      </c>
      <c r="G72124" s="16">
        <v>3.2854708897356497</v>
      </c>
    </row>
    <row r="72125" spans="1:7" x14ac:dyDescent="0.3">
      <c r="A72125" s="13" t="s">
        <v>371</v>
      </c>
      <c r="B72125" s="14" t="s">
        <v>1</v>
      </c>
      <c r="C72125" s="14" t="s">
        <v>23</v>
      </c>
      <c r="D72125" s="14" t="s">
        <v>372</v>
      </c>
      <c r="E72125" s="15">
        <v>45596</v>
      </c>
      <c r="F72125" s="14" t="s">
        <v>53</v>
      </c>
      <c r="G72125" s="16">
        <v>3.3052699900148621</v>
      </c>
    </row>
    <row r="72126" spans="1:7" x14ac:dyDescent="0.3">
      <c r="A72126" s="13" t="s">
        <v>371</v>
      </c>
      <c r="B72126" s="14" t="s">
        <v>1</v>
      </c>
      <c r="C72126" s="14" t="s">
        <v>23</v>
      </c>
      <c r="D72126" s="14" t="s">
        <v>372</v>
      </c>
      <c r="E72126" s="15">
        <v>45597</v>
      </c>
      <c r="F72126" s="14" t="s">
        <v>53</v>
      </c>
      <c r="G72126" s="16">
        <v>3.3132306789623009</v>
      </c>
    </row>
    <row r="72127" spans="1:7" x14ac:dyDescent="0.3">
      <c r="A72127" s="13" t="s">
        <v>371</v>
      </c>
      <c r="B72127" s="14" t="s">
        <v>1</v>
      </c>
      <c r="C72127" s="14" t="s">
        <v>23</v>
      </c>
      <c r="D72127" s="14" t="s">
        <v>372</v>
      </c>
      <c r="E72127" s="15">
        <v>45598</v>
      </c>
      <c r="F72127" s="14" t="s">
        <v>53</v>
      </c>
      <c r="G72127" s="16">
        <v>3.3132306789623009</v>
      </c>
    </row>
    <row r="72128" spans="1:7" x14ac:dyDescent="0.3">
      <c r="A72128" s="13" t="s">
        <v>371</v>
      </c>
      <c r="B72128" s="14" t="s">
        <v>1</v>
      </c>
      <c r="C72128" s="14" t="s">
        <v>23</v>
      </c>
      <c r="D72128" s="14" t="s">
        <v>372</v>
      </c>
      <c r="E72128" s="15">
        <v>45599</v>
      </c>
      <c r="F72128" s="14" t="s">
        <v>53</v>
      </c>
      <c r="G72128" s="16">
        <v>3.3132306789623009</v>
      </c>
    </row>
    <row r="72129" spans="1:7" x14ac:dyDescent="0.3">
      <c r="A72129" s="13" t="s">
        <v>371</v>
      </c>
      <c r="B72129" s="14" t="s">
        <v>1</v>
      </c>
      <c r="C72129" s="14" t="s">
        <v>23</v>
      </c>
      <c r="D72129" s="14" t="s">
        <v>372</v>
      </c>
      <c r="E72129" s="15">
        <v>45600</v>
      </c>
      <c r="F72129" s="14" t="s">
        <v>53</v>
      </c>
      <c r="G72129" s="16">
        <v>3.3122055058204514</v>
      </c>
    </row>
    <row r="72130" spans="1:7" x14ac:dyDescent="0.3">
      <c r="A72130" s="13" t="s">
        <v>371</v>
      </c>
      <c r="B72130" s="14" t="s">
        <v>1</v>
      </c>
      <c r="C72130" s="14" t="s">
        <v>23</v>
      </c>
      <c r="D72130" s="14" t="s">
        <v>372</v>
      </c>
      <c r="E72130" s="15">
        <v>45601</v>
      </c>
      <c r="F72130" s="14" t="s">
        <v>53</v>
      </c>
      <c r="G72130" s="16">
        <v>3.3372551398496904</v>
      </c>
    </row>
    <row r="72131" spans="1:7" x14ac:dyDescent="0.3">
      <c r="A72131" s="13" t="s">
        <v>371</v>
      </c>
      <c r="B72131" s="14" t="s">
        <v>1</v>
      </c>
      <c r="C72131" s="14" t="s">
        <v>23</v>
      </c>
      <c r="D72131" s="14" t="s">
        <v>372</v>
      </c>
      <c r="E72131" s="15">
        <v>45602</v>
      </c>
      <c r="F72131" s="14" t="s">
        <v>53</v>
      </c>
      <c r="G72131" s="16">
        <v>3.3955193463846749</v>
      </c>
    </row>
    <row r="72132" spans="1:7" x14ac:dyDescent="0.3">
      <c r="A72132" s="13" t="s">
        <v>371</v>
      </c>
      <c r="B72132" s="14" t="s">
        <v>1</v>
      </c>
      <c r="C72132" s="14" t="s">
        <v>23</v>
      </c>
      <c r="D72132" s="14" t="s">
        <v>372</v>
      </c>
      <c r="E72132" s="15">
        <v>45603</v>
      </c>
      <c r="F72132" s="14" t="s">
        <v>53</v>
      </c>
      <c r="G72132" s="16">
        <v>3.3849797595215096</v>
      </c>
    </row>
    <row r="72133" spans="1:7" x14ac:dyDescent="0.3">
      <c r="A72133" s="13" t="s">
        <v>371</v>
      </c>
      <c r="B72133" s="14" t="s">
        <v>1</v>
      </c>
      <c r="C72133" s="14" t="s">
        <v>23</v>
      </c>
      <c r="D72133" s="14" t="s">
        <v>372</v>
      </c>
      <c r="E72133" s="15">
        <v>45604</v>
      </c>
      <c r="F72133" s="14" t="s">
        <v>53</v>
      </c>
      <c r="G72133" s="16">
        <v>3.4180056672633117</v>
      </c>
    </row>
    <row r="72134" spans="1:7" x14ac:dyDescent="0.3">
      <c r="A72134" s="13" t="s">
        <v>371</v>
      </c>
      <c r="B72134" s="14" t="s">
        <v>1</v>
      </c>
      <c r="C72134" s="14" t="s">
        <v>23</v>
      </c>
      <c r="D72134" s="14" t="s">
        <v>372</v>
      </c>
      <c r="E72134" s="15">
        <v>45605</v>
      </c>
      <c r="F72134" s="14" t="s">
        <v>53</v>
      </c>
      <c r="G72134" s="16">
        <v>3.4180056672633117</v>
      </c>
    </row>
    <row r="72135" spans="1:7" x14ac:dyDescent="0.3">
      <c r="A72135" s="13" t="s">
        <v>371</v>
      </c>
      <c r="B72135" s="14" t="s">
        <v>1</v>
      </c>
      <c r="C72135" s="14" t="s">
        <v>23</v>
      </c>
      <c r="D72135" s="14" t="s">
        <v>372</v>
      </c>
      <c r="E72135" s="15">
        <v>45606</v>
      </c>
      <c r="F72135" s="14" t="s">
        <v>53</v>
      </c>
      <c r="G72135" s="16">
        <v>3.4180056672633117</v>
      </c>
    </row>
    <row r="72136" spans="1:7" x14ac:dyDescent="0.3">
      <c r="A72136" s="13" t="s">
        <v>371</v>
      </c>
      <c r="B72136" s="14" t="s">
        <v>1</v>
      </c>
      <c r="C72136" s="14" t="s">
        <v>23</v>
      </c>
      <c r="D72136" s="14" t="s">
        <v>372</v>
      </c>
      <c r="E72136" s="15">
        <v>45607</v>
      </c>
      <c r="F72136" s="14" t="s">
        <v>53</v>
      </c>
      <c r="G72136" s="16">
        <v>3.4180056672633117</v>
      </c>
    </row>
    <row r="72137" spans="1:7" x14ac:dyDescent="0.3">
      <c r="A72137" s="13" t="s">
        <v>371</v>
      </c>
      <c r="B72137" s="14" t="s">
        <v>1</v>
      </c>
      <c r="C72137" s="14" t="s">
        <v>23</v>
      </c>
      <c r="D72137" s="14" t="s">
        <v>372</v>
      </c>
      <c r="E72137" s="15">
        <v>45608</v>
      </c>
      <c r="F72137" s="14" t="s">
        <v>53</v>
      </c>
      <c r="G72137" s="16">
        <v>3.4806988997657147</v>
      </c>
    </row>
    <row r="72138" spans="1:7" x14ac:dyDescent="0.3">
      <c r="A72138" s="13" t="s">
        <v>371</v>
      </c>
      <c r="B72138" s="14" t="s">
        <v>1</v>
      </c>
      <c r="C72138" s="14" t="s">
        <v>23</v>
      </c>
      <c r="D72138" s="14" t="s">
        <v>372</v>
      </c>
      <c r="E72138" s="15">
        <v>45609</v>
      </c>
      <c r="F72138" s="14" t="s">
        <v>53</v>
      </c>
      <c r="G72138" s="16">
        <v>3.5669494621371651</v>
      </c>
    </row>
    <row r="72139" spans="1:7" x14ac:dyDescent="0.3">
      <c r="A72139" s="13" t="s">
        <v>371</v>
      </c>
      <c r="B72139" s="14" t="s">
        <v>1</v>
      </c>
      <c r="C72139" s="14" t="s">
        <v>23</v>
      </c>
      <c r="D72139" s="14" t="s">
        <v>372</v>
      </c>
      <c r="E72139" s="15">
        <v>45610</v>
      </c>
      <c r="F72139" s="14" t="s">
        <v>53</v>
      </c>
      <c r="G72139" s="16">
        <v>3.5943790370447459</v>
      </c>
    </row>
    <row r="72140" spans="1:7" x14ac:dyDescent="0.3">
      <c r="A72140" s="13" t="s">
        <v>371</v>
      </c>
      <c r="B72140" s="14" t="s">
        <v>1</v>
      </c>
      <c r="C72140" s="14" t="s">
        <v>23</v>
      </c>
      <c r="D72140" s="14" t="s">
        <v>372</v>
      </c>
      <c r="E72140" s="15">
        <v>45611</v>
      </c>
      <c r="F72140" s="14" t="s">
        <v>53</v>
      </c>
      <c r="G72140" s="16">
        <v>3.6214559838927678</v>
      </c>
    </row>
    <row r="72141" spans="1:7" x14ac:dyDescent="0.3">
      <c r="A72141" s="13" t="s">
        <v>371</v>
      </c>
      <c r="B72141" s="14" t="s">
        <v>1</v>
      </c>
      <c r="C72141" s="14" t="s">
        <v>23</v>
      </c>
      <c r="D72141" s="14" t="s">
        <v>372</v>
      </c>
      <c r="E72141" s="15">
        <v>45612</v>
      </c>
      <c r="F72141" s="14" t="s">
        <v>53</v>
      </c>
      <c r="G72141" s="16">
        <v>3.6214559838927678</v>
      </c>
    </row>
    <row r="72142" spans="1:7" x14ac:dyDescent="0.3">
      <c r="A72142" s="13" t="s">
        <v>371</v>
      </c>
      <c r="B72142" s="14" t="s">
        <v>1</v>
      </c>
      <c r="C72142" s="14" t="s">
        <v>23</v>
      </c>
      <c r="D72142" s="14" t="s">
        <v>372</v>
      </c>
      <c r="E72142" s="15">
        <v>45613</v>
      </c>
      <c r="F72142" s="14" t="s">
        <v>53</v>
      </c>
      <c r="G72142" s="16">
        <v>3.6214559838927678</v>
      </c>
    </row>
    <row r="72143" spans="1:7" x14ac:dyDescent="0.3">
      <c r="A72143" s="13" t="s">
        <v>371</v>
      </c>
      <c r="B72143" s="14" t="s">
        <v>1</v>
      </c>
      <c r="C72143" s="14" t="s">
        <v>23</v>
      </c>
      <c r="D72143" s="14" t="s">
        <v>372</v>
      </c>
      <c r="E72143" s="15">
        <v>45614</v>
      </c>
      <c r="F72143" s="14" t="s">
        <v>53</v>
      </c>
      <c r="G72143" s="16">
        <v>3.6192573653820417</v>
      </c>
    </row>
    <row r="72144" spans="1:7" x14ac:dyDescent="0.3">
      <c r="A72144" s="13" t="s">
        <v>371</v>
      </c>
      <c r="B72144" s="14" t="s">
        <v>1</v>
      </c>
      <c r="C72144" s="14" t="s">
        <v>23</v>
      </c>
      <c r="D72144" s="14" t="s">
        <v>372</v>
      </c>
      <c r="E72144" s="15">
        <v>45615</v>
      </c>
      <c r="F72144" s="14" t="s">
        <v>53</v>
      </c>
      <c r="G72144" s="16">
        <v>3.6639358937286786</v>
      </c>
    </row>
    <row r="72145" spans="1:7" x14ac:dyDescent="0.3">
      <c r="A72145" s="13" t="s">
        <v>371</v>
      </c>
      <c r="B72145" s="14" t="s">
        <v>1</v>
      </c>
      <c r="C72145" s="14" t="s">
        <v>23</v>
      </c>
      <c r="D72145" s="14" t="s">
        <v>372</v>
      </c>
      <c r="E72145" s="15">
        <v>45616</v>
      </c>
      <c r="F72145" s="14" t="s">
        <v>53</v>
      </c>
      <c r="G72145" s="16">
        <v>3.6878394044592531</v>
      </c>
    </row>
    <row r="72146" spans="1:7" x14ac:dyDescent="0.3">
      <c r="A72146" s="13" t="s">
        <v>371</v>
      </c>
      <c r="B72146" s="14" t="s">
        <v>1</v>
      </c>
      <c r="C72146" s="14" t="s">
        <v>23</v>
      </c>
      <c r="D72146" s="14" t="s">
        <v>372</v>
      </c>
      <c r="E72146" s="15">
        <v>45617</v>
      </c>
      <c r="F72146" s="14" t="s">
        <v>53</v>
      </c>
      <c r="G72146" s="16">
        <v>3.7216543886177726</v>
      </c>
    </row>
    <row r="72147" spans="1:7" x14ac:dyDescent="0.3">
      <c r="A72147" s="13" t="s">
        <v>371</v>
      </c>
      <c r="B72147" s="14" t="s">
        <v>1</v>
      </c>
      <c r="C72147" s="14" t="s">
        <v>23</v>
      </c>
      <c r="D72147" s="14" t="s">
        <v>372</v>
      </c>
      <c r="E72147" s="15">
        <v>45618</v>
      </c>
      <c r="F72147" s="14" t="s">
        <v>53</v>
      </c>
      <c r="G72147" s="16">
        <v>3.7542110303888134</v>
      </c>
    </row>
    <row r="72148" spans="1:7" x14ac:dyDescent="0.3">
      <c r="A72148" s="13" t="s">
        <v>371</v>
      </c>
      <c r="B72148" s="14" t="s">
        <v>1</v>
      </c>
      <c r="C72148" s="14" t="s">
        <v>23</v>
      </c>
      <c r="D72148" s="14" t="s">
        <v>372</v>
      </c>
      <c r="E72148" s="15">
        <v>45619</v>
      </c>
      <c r="F72148" s="14" t="s">
        <v>53</v>
      </c>
      <c r="G72148" s="16">
        <v>3.7542110303888134</v>
      </c>
    </row>
    <row r="72149" spans="1:7" x14ac:dyDescent="0.3">
      <c r="A72149" s="13" t="s">
        <v>371</v>
      </c>
      <c r="B72149" s="14" t="s">
        <v>1</v>
      </c>
      <c r="C72149" s="14" t="s">
        <v>23</v>
      </c>
      <c r="D72149" s="14" t="s">
        <v>372</v>
      </c>
      <c r="E72149" s="15">
        <v>45620</v>
      </c>
      <c r="F72149" s="14" t="s">
        <v>53</v>
      </c>
      <c r="G72149" s="16">
        <v>3.7542110303888134</v>
      </c>
    </row>
    <row r="72150" spans="1:7" x14ac:dyDescent="0.3">
      <c r="A72150" s="13" t="s">
        <v>371</v>
      </c>
      <c r="B72150" s="14" t="s">
        <v>1</v>
      </c>
      <c r="C72150" s="14" t="s">
        <v>23</v>
      </c>
      <c r="D72150" s="14" t="s">
        <v>372</v>
      </c>
      <c r="E72150" s="15">
        <v>45621</v>
      </c>
      <c r="F72150" s="14" t="s">
        <v>53</v>
      </c>
      <c r="G72150" s="16">
        <v>3.7575490440096764</v>
      </c>
    </row>
    <row r="72151" spans="1:7" x14ac:dyDescent="0.3">
      <c r="A72151" s="13" t="s">
        <v>371</v>
      </c>
      <c r="B72151" s="14" t="s">
        <v>1</v>
      </c>
      <c r="C72151" s="14" t="s">
        <v>23</v>
      </c>
      <c r="D72151" s="14" t="s">
        <v>372</v>
      </c>
      <c r="E72151" s="15">
        <v>45622</v>
      </c>
      <c r="F72151" s="14" t="s">
        <v>53</v>
      </c>
      <c r="G72151" s="16">
        <v>3.8032231858633767</v>
      </c>
    </row>
    <row r="72152" spans="1:7" x14ac:dyDescent="0.3">
      <c r="A72152" s="13" t="s">
        <v>371</v>
      </c>
      <c r="B72152" s="14" t="s">
        <v>1</v>
      </c>
      <c r="C72152" s="14" t="s">
        <v>23</v>
      </c>
      <c r="D72152" s="14" t="s">
        <v>372</v>
      </c>
      <c r="E72152" s="15">
        <v>45623</v>
      </c>
      <c r="F72152" s="14" t="s">
        <v>53</v>
      </c>
      <c r="G72152" s="16">
        <v>3.7846487579666621</v>
      </c>
    </row>
    <row r="72153" spans="1:7" x14ac:dyDescent="0.3">
      <c r="A72153" s="13" t="s">
        <v>371</v>
      </c>
      <c r="B72153" s="14" t="s">
        <v>1</v>
      </c>
      <c r="C72153" s="14" t="s">
        <v>23</v>
      </c>
      <c r="D72153" s="14" t="s">
        <v>372</v>
      </c>
      <c r="E72153" s="15">
        <v>45624</v>
      </c>
      <c r="F72153" s="14" t="s">
        <v>53</v>
      </c>
      <c r="G72153" s="16">
        <v>3.7846487579666621</v>
      </c>
    </row>
    <row r="72154" spans="1:7" x14ac:dyDescent="0.3">
      <c r="A72154" s="13" t="s">
        <v>371</v>
      </c>
      <c r="B72154" s="14" t="s">
        <v>1</v>
      </c>
      <c r="C72154" s="14" t="s">
        <v>23</v>
      </c>
      <c r="D72154" s="14" t="s">
        <v>372</v>
      </c>
      <c r="E72154" s="15">
        <v>45625</v>
      </c>
      <c r="F72154" s="14" t="s">
        <v>53</v>
      </c>
      <c r="G72154" s="16">
        <v>3.7867763196591473</v>
      </c>
    </row>
    <row r="72155" spans="1:7" x14ac:dyDescent="0.3">
      <c r="A72155" s="13" t="s">
        <v>371</v>
      </c>
      <c r="B72155" s="14" t="s">
        <v>1</v>
      </c>
      <c r="C72155" s="14" t="s">
        <v>23</v>
      </c>
      <c r="D72155" s="14" t="s">
        <v>372</v>
      </c>
      <c r="E72155" s="15">
        <v>45626</v>
      </c>
      <c r="F72155" s="14" t="s">
        <v>53</v>
      </c>
      <c r="G72155" s="16">
        <v>3.7867763196591473</v>
      </c>
    </row>
    <row r="72156" spans="1:7" x14ac:dyDescent="0.3">
      <c r="A72156" s="13" t="s">
        <v>371</v>
      </c>
      <c r="B72156" s="14" t="s">
        <v>1</v>
      </c>
      <c r="C72156" s="14" t="s">
        <v>23</v>
      </c>
      <c r="D72156" s="14" t="s">
        <v>372</v>
      </c>
      <c r="E72156" s="15">
        <v>45627</v>
      </c>
      <c r="F72156" s="14" t="s">
        <v>53</v>
      </c>
      <c r="G72156" s="16">
        <v>3.7867763196591473</v>
      </c>
    </row>
    <row r="72157" spans="1:7" x14ac:dyDescent="0.3">
      <c r="A72157" s="13" t="s">
        <v>371</v>
      </c>
      <c r="B72157" s="14" t="s">
        <v>1</v>
      </c>
      <c r="C72157" s="14" t="s">
        <v>23</v>
      </c>
      <c r="D72157" s="14" t="s">
        <v>372</v>
      </c>
      <c r="E72157" s="15">
        <v>45628</v>
      </c>
      <c r="F72157" s="14" t="s">
        <v>53</v>
      </c>
      <c r="G72157" s="16">
        <v>3.8421585997427754</v>
      </c>
    </row>
    <row r="72158" spans="1:7" x14ac:dyDescent="0.3">
      <c r="A72158" s="13" t="s">
        <v>371</v>
      </c>
      <c r="B72158" s="14" t="s">
        <v>1</v>
      </c>
      <c r="C72158" s="14" t="s">
        <v>23</v>
      </c>
      <c r="D72158" s="14" t="s">
        <v>372</v>
      </c>
      <c r="E72158" s="15">
        <v>45629</v>
      </c>
      <c r="F72158" s="14" t="s">
        <v>53</v>
      </c>
      <c r="G72158" s="16">
        <v>3.8692632836414944</v>
      </c>
    </row>
    <row r="72159" spans="1:7" x14ac:dyDescent="0.3">
      <c r="A72159" s="13" t="s">
        <v>371</v>
      </c>
      <c r="B72159" s="14" t="s">
        <v>1</v>
      </c>
      <c r="C72159" s="14" t="s">
        <v>23</v>
      </c>
      <c r="D72159" s="14" t="s">
        <v>372</v>
      </c>
      <c r="E72159" s="15">
        <v>45630</v>
      </c>
      <c r="F72159" s="14" t="s">
        <v>53</v>
      </c>
      <c r="G72159" s="16">
        <v>3.8732448025717381</v>
      </c>
    </row>
    <row r="72160" spans="1:7" x14ac:dyDescent="0.3">
      <c r="A72160" s="13" t="s">
        <v>371</v>
      </c>
      <c r="B72160" s="14" t="s">
        <v>1</v>
      </c>
      <c r="C72160" s="14" t="s">
        <v>23</v>
      </c>
      <c r="D72160" s="14" t="s">
        <v>372</v>
      </c>
      <c r="E72160" s="15">
        <v>45631</v>
      </c>
      <c r="F72160" s="14" t="s">
        <v>53</v>
      </c>
      <c r="G72160" s="16">
        <v>3.8722614358906911</v>
      </c>
    </row>
    <row r="72161" spans="1:7" x14ac:dyDescent="0.3">
      <c r="A72161" s="13" t="s">
        <v>371</v>
      </c>
      <c r="B72161" s="14" t="s">
        <v>1</v>
      </c>
      <c r="C72161" s="14" t="s">
        <v>23</v>
      </c>
      <c r="D72161" s="14" t="s">
        <v>372</v>
      </c>
      <c r="E72161" s="15">
        <v>45632</v>
      </c>
      <c r="F72161" s="14" t="s">
        <v>53</v>
      </c>
      <c r="G72161" s="16">
        <v>3.892244800178422</v>
      </c>
    </row>
    <row r="72162" spans="1:7" x14ac:dyDescent="0.3">
      <c r="A72162" s="13" t="s">
        <v>371</v>
      </c>
      <c r="B72162" s="14" t="s">
        <v>1</v>
      </c>
      <c r="C72162" s="14" t="s">
        <v>23</v>
      </c>
      <c r="D72162" s="14" t="s">
        <v>372</v>
      </c>
      <c r="E72162" s="15">
        <v>45633</v>
      </c>
      <c r="F72162" s="14" t="s">
        <v>53</v>
      </c>
      <c r="G72162" s="16">
        <v>3.892244800178422</v>
      </c>
    </row>
    <row r="72163" spans="1:7" x14ac:dyDescent="0.3">
      <c r="A72163" s="13" t="s">
        <v>371</v>
      </c>
      <c r="B72163" s="14" t="s">
        <v>1</v>
      </c>
      <c r="C72163" s="14" t="s">
        <v>23</v>
      </c>
      <c r="D72163" s="14" t="s">
        <v>372</v>
      </c>
      <c r="E72163" s="15">
        <v>45634</v>
      </c>
      <c r="F72163" s="14" t="s">
        <v>53</v>
      </c>
      <c r="G72163" s="16">
        <v>3.892244800178422</v>
      </c>
    </row>
    <row r="72164" spans="1:7" x14ac:dyDescent="0.3">
      <c r="A72164" s="13" t="s">
        <v>371</v>
      </c>
      <c r="B72164" s="14" t="s">
        <v>1</v>
      </c>
      <c r="C72164" s="14" t="s">
        <v>23</v>
      </c>
      <c r="D72164" s="14" t="s">
        <v>372</v>
      </c>
      <c r="E72164" s="15">
        <v>45635</v>
      </c>
      <c r="F72164" s="14" t="s">
        <v>53</v>
      </c>
      <c r="G72164" s="16">
        <v>3.912893082699159</v>
      </c>
    </row>
    <row r="72165" spans="1:7" x14ac:dyDescent="0.3">
      <c r="A72165" s="13" t="s">
        <v>371</v>
      </c>
      <c r="B72165" s="14" t="s">
        <v>1</v>
      </c>
      <c r="C72165" s="14" t="s">
        <v>23</v>
      </c>
      <c r="D72165" s="14" t="s">
        <v>372</v>
      </c>
      <c r="E72165" s="15">
        <v>45636</v>
      </c>
      <c r="F72165" s="14" t="s">
        <v>53</v>
      </c>
      <c r="G72165" s="16">
        <v>3.9508266216520407</v>
      </c>
    </row>
    <row r="72166" spans="1:7" x14ac:dyDescent="0.3">
      <c r="A72166" s="13" t="s">
        <v>371</v>
      </c>
      <c r="B72166" s="14" t="s">
        <v>1</v>
      </c>
      <c r="C72166" s="14" t="s">
        <v>23</v>
      </c>
      <c r="D72166" s="14" t="s">
        <v>372</v>
      </c>
      <c r="E72166" s="15">
        <v>45637</v>
      </c>
      <c r="F72166" s="14" t="s">
        <v>53</v>
      </c>
      <c r="G72166" s="16">
        <v>3.9727514092074827</v>
      </c>
    </row>
    <row r="72167" spans="1:7" x14ac:dyDescent="0.3">
      <c r="A72167" s="13" t="s">
        <v>371</v>
      </c>
      <c r="B72167" s="14" t="s">
        <v>1</v>
      </c>
      <c r="C72167" s="14" t="s">
        <v>23</v>
      </c>
      <c r="D72167" s="14" t="s">
        <v>372</v>
      </c>
      <c r="E72167" s="15">
        <v>45638</v>
      </c>
      <c r="F72167" s="14" t="s">
        <v>53</v>
      </c>
      <c r="G72167" s="16">
        <v>4.0111372128741918</v>
      </c>
    </row>
    <row r="72168" spans="1:7" x14ac:dyDescent="0.3">
      <c r="A72168" s="13" t="s">
        <v>371</v>
      </c>
      <c r="B72168" s="14" t="s">
        <v>1</v>
      </c>
      <c r="C72168" s="14" t="s">
        <v>23</v>
      </c>
      <c r="D72168" s="14" t="s">
        <v>372</v>
      </c>
      <c r="E72168" s="15">
        <v>45639</v>
      </c>
      <c r="F72168" s="14" t="s">
        <v>53</v>
      </c>
      <c r="G72168" s="16">
        <v>4.0448304570148172</v>
      </c>
    </row>
    <row r="72169" spans="1:7" x14ac:dyDescent="0.3">
      <c r="A72169" s="13" t="s">
        <v>371</v>
      </c>
      <c r="B72169" s="14" t="s">
        <v>1</v>
      </c>
      <c r="C72169" s="14" t="s">
        <v>23</v>
      </c>
      <c r="D72169" s="14" t="s">
        <v>372</v>
      </c>
      <c r="E72169" s="15">
        <v>45640</v>
      </c>
      <c r="F72169" s="14" t="s">
        <v>53</v>
      </c>
      <c r="G72169" s="16">
        <v>4.0448304570148172</v>
      </c>
    </row>
    <row r="72170" spans="1:7" x14ac:dyDescent="0.3">
      <c r="A72170" s="13" t="s">
        <v>371</v>
      </c>
      <c r="B72170" s="14" t="s">
        <v>1</v>
      </c>
      <c r="C72170" s="14" t="s">
        <v>23</v>
      </c>
      <c r="D72170" s="14" t="s">
        <v>372</v>
      </c>
      <c r="E72170" s="15">
        <v>45641</v>
      </c>
      <c r="F72170" s="14" t="s">
        <v>53</v>
      </c>
      <c r="G72170" s="16">
        <v>4.0448304570148172</v>
      </c>
    </row>
    <row r="72171" spans="1:7" x14ac:dyDescent="0.3">
      <c r="A72171" s="13" t="s">
        <v>371</v>
      </c>
      <c r="B72171" s="14" t="s">
        <v>1</v>
      </c>
      <c r="C72171" s="14" t="s">
        <v>23</v>
      </c>
      <c r="D72171" s="14" t="s">
        <v>372</v>
      </c>
      <c r="E72171" s="15">
        <v>45642</v>
      </c>
      <c r="F72171" s="14" t="s">
        <v>53</v>
      </c>
      <c r="G72171" s="16">
        <v>4.040879772218835</v>
      </c>
    </row>
    <row r="72172" spans="1:7" x14ac:dyDescent="0.3">
      <c r="A72172" s="13" t="s">
        <v>371</v>
      </c>
      <c r="B72172" s="14" t="s">
        <v>1</v>
      </c>
      <c r="C72172" s="14" t="s">
        <v>23</v>
      </c>
      <c r="D72172" s="14" t="s">
        <v>372</v>
      </c>
      <c r="E72172" s="15">
        <v>45643</v>
      </c>
      <c r="F72172" s="14" t="s">
        <v>53</v>
      </c>
      <c r="G72172" s="16">
        <v>4.0762382050357377</v>
      </c>
    </row>
    <row r="72173" spans="1:7" x14ac:dyDescent="0.3">
      <c r="A72173" s="13" t="s">
        <v>371</v>
      </c>
      <c r="B72173" s="14" t="s">
        <v>1</v>
      </c>
      <c r="C72173" s="14" t="s">
        <v>23</v>
      </c>
      <c r="D72173" s="14" t="s">
        <v>372</v>
      </c>
      <c r="E72173" s="15">
        <v>45644</v>
      </c>
      <c r="F72173" s="14" t="s">
        <v>53</v>
      </c>
      <c r="G72173" s="16">
        <v>4.1362899498976979</v>
      </c>
    </row>
    <row r="72174" spans="1:7" x14ac:dyDescent="0.3">
      <c r="A72174" s="13" t="s">
        <v>371</v>
      </c>
      <c r="B72174" s="14" t="s">
        <v>1</v>
      </c>
      <c r="C72174" s="14" t="s">
        <v>23</v>
      </c>
      <c r="D72174" s="14" t="s">
        <v>372</v>
      </c>
      <c r="E72174" s="15">
        <v>45645</v>
      </c>
      <c r="F72174" s="14" t="s">
        <v>53</v>
      </c>
      <c r="G72174" s="16">
        <v>4.1737019275823197</v>
      </c>
    </row>
    <row r="72175" spans="1:7" x14ac:dyDescent="0.3">
      <c r="A72175" s="13" t="s">
        <v>371</v>
      </c>
      <c r="B72175" s="14" t="s">
        <v>1</v>
      </c>
      <c r="C72175" s="14" t="s">
        <v>23</v>
      </c>
      <c r="D72175" s="14" t="s">
        <v>372</v>
      </c>
      <c r="E72175" s="15">
        <v>45646</v>
      </c>
      <c r="F72175" s="14" t="s">
        <v>53</v>
      </c>
      <c r="G72175" s="16">
        <v>4.1666345457605933</v>
      </c>
    </row>
    <row r="72176" spans="1:7" x14ac:dyDescent="0.3">
      <c r="A72176" s="13" t="s">
        <v>371</v>
      </c>
      <c r="B72176" s="14" t="s">
        <v>1</v>
      </c>
      <c r="C72176" s="14" t="s">
        <v>23</v>
      </c>
      <c r="D72176" s="14" t="s">
        <v>372</v>
      </c>
      <c r="E72176" s="15">
        <v>45647</v>
      </c>
      <c r="F72176" s="14" t="s">
        <v>53</v>
      </c>
      <c r="G72176" s="16">
        <v>4.1666345457605933</v>
      </c>
    </row>
    <row r="72177" spans="1:7" x14ac:dyDescent="0.3">
      <c r="A72177" s="13" t="s">
        <v>371</v>
      </c>
      <c r="B72177" s="14" t="s">
        <v>1</v>
      </c>
      <c r="C72177" s="14" t="s">
        <v>23</v>
      </c>
      <c r="D72177" s="14" t="s">
        <v>372</v>
      </c>
      <c r="E72177" s="15">
        <v>45648</v>
      </c>
      <c r="F72177" s="14" t="s">
        <v>53</v>
      </c>
      <c r="G72177" s="16">
        <v>4.1666345457605933</v>
      </c>
    </row>
    <row r="72178" spans="1:7" x14ac:dyDescent="0.3">
      <c r="A72178" s="13" t="s">
        <v>371</v>
      </c>
      <c r="B72178" s="14" t="s">
        <v>1</v>
      </c>
      <c r="C72178" s="14" t="s">
        <v>23</v>
      </c>
      <c r="D72178" s="14" t="s">
        <v>372</v>
      </c>
      <c r="E72178" s="15">
        <v>45649</v>
      </c>
      <c r="F72178" s="14" t="s">
        <v>53</v>
      </c>
      <c r="G72178" s="16">
        <v>4.1553324164238825</v>
      </c>
    </row>
    <row r="72179" spans="1:7" x14ac:dyDescent="0.3">
      <c r="A72179" s="13" t="s">
        <v>371</v>
      </c>
      <c r="B72179" s="14" t="s">
        <v>1</v>
      </c>
      <c r="C72179" s="14" t="s">
        <v>23</v>
      </c>
      <c r="D72179" s="14" t="s">
        <v>372</v>
      </c>
      <c r="E72179" s="15">
        <v>45650</v>
      </c>
      <c r="F72179" s="14" t="s">
        <v>53</v>
      </c>
      <c r="G72179" s="16">
        <v>4.1913944357934509</v>
      </c>
    </row>
    <row r="72180" spans="1:7" x14ac:dyDescent="0.3">
      <c r="A72180" s="13" t="s">
        <v>371</v>
      </c>
      <c r="B72180" s="14" t="s">
        <v>1</v>
      </c>
      <c r="C72180" s="14" t="s">
        <v>23</v>
      </c>
      <c r="D72180" s="14" t="s">
        <v>372</v>
      </c>
      <c r="E72180" s="15">
        <v>45651</v>
      </c>
      <c r="F72180" s="14" t="s">
        <v>53</v>
      </c>
      <c r="G72180" s="16">
        <v>4.1913944357934509</v>
      </c>
    </row>
    <row r="72181" spans="1:7" x14ac:dyDescent="0.3">
      <c r="A72181" s="13" t="s">
        <v>371</v>
      </c>
      <c r="B72181" s="14" t="s">
        <v>1</v>
      </c>
      <c r="C72181" s="14" t="s">
        <v>23</v>
      </c>
      <c r="D72181" s="14" t="s">
        <v>372</v>
      </c>
      <c r="E72181" s="15">
        <v>45652</v>
      </c>
      <c r="F72181" s="14" t="s">
        <v>53</v>
      </c>
      <c r="G72181" s="16">
        <v>4.1913944357934509</v>
      </c>
    </row>
    <row r="72182" spans="1:7" x14ac:dyDescent="0.3">
      <c r="A72182" s="13" t="s">
        <v>371</v>
      </c>
      <c r="B72182" s="14" t="s">
        <v>1</v>
      </c>
      <c r="C72182" s="14" t="s">
        <v>23</v>
      </c>
      <c r="D72182" s="14" t="s">
        <v>372</v>
      </c>
      <c r="E72182" s="15">
        <v>45653</v>
      </c>
      <c r="F72182" s="14" t="s">
        <v>53</v>
      </c>
      <c r="G72182" s="16">
        <v>4.1913944357934509</v>
      </c>
    </row>
    <row r="72183" spans="1:7" x14ac:dyDescent="0.3">
      <c r="A72183" s="13" t="s">
        <v>371</v>
      </c>
      <c r="B72183" s="14" t="s">
        <v>1</v>
      </c>
      <c r="C72183" s="14" t="s">
        <v>23</v>
      </c>
      <c r="D72183" s="14" t="s">
        <v>372</v>
      </c>
      <c r="E72183" s="15">
        <v>45654</v>
      </c>
      <c r="F72183" s="14" t="s">
        <v>53</v>
      </c>
      <c r="G72183" s="16">
        <v>4.1913944357934509</v>
      </c>
    </row>
    <row r="72184" spans="1:7" x14ac:dyDescent="0.3">
      <c r="A72184" s="13" t="s">
        <v>371</v>
      </c>
      <c r="B72184" s="14" t="s">
        <v>1</v>
      </c>
      <c r="C72184" s="14" t="s">
        <v>23</v>
      </c>
      <c r="D72184" s="14" t="s">
        <v>372</v>
      </c>
      <c r="E72184" s="15">
        <v>45655</v>
      </c>
      <c r="F72184" s="14" t="s">
        <v>53</v>
      </c>
      <c r="G72184" s="16">
        <v>4.1913944357934509</v>
      </c>
    </row>
    <row r="72185" spans="1:7" x14ac:dyDescent="0.3">
      <c r="A72185" s="13" t="s">
        <v>371</v>
      </c>
      <c r="B72185" s="14" t="s">
        <v>1</v>
      </c>
      <c r="C72185" s="14" t="s">
        <v>23</v>
      </c>
      <c r="D72185" s="14" t="s">
        <v>372</v>
      </c>
      <c r="E72185" s="15">
        <v>45656</v>
      </c>
      <c r="F72185" s="14" t="s">
        <v>53</v>
      </c>
      <c r="G72185" s="16">
        <v>4.2060574077613646</v>
      </c>
    </row>
    <row r="72186" spans="1:7" x14ac:dyDescent="0.3">
      <c r="A72186" s="13" t="s">
        <v>371</v>
      </c>
      <c r="B72186" s="14" t="s">
        <v>1</v>
      </c>
      <c r="C72186" s="14" t="s">
        <v>23</v>
      </c>
      <c r="D72186" s="14" t="s">
        <v>372</v>
      </c>
      <c r="E72186" s="15">
        <v>45657</v>
      </c>
      <c r="F72186" s="14" t="s">
        <v>53</v>
      </c>
      <c r="G72186" s="16">
        <v>4.3152318447701159</v>
      </c>
    </row>
    <row r="72187" spans="1:7" x14ac:dyDescent="0.3">
      <c r="A72187" s="13" t="s">
        <v>371</v>
      </c>
      <c r="B72187" s="14" t="s">
        <v>1</v>
      </c>
      <c r="C72187" s="14" t="s">
        <v>23</v>
      </c>
      <c r="D72187" s="14" t="s">
        <v>372</v>
      </c>
      <c r="E72187" s="15">
        <v>45658</v>
      </c>
      <c r="F72187" s="14" t="s">
        <v>53</v>
      </c>
      <c r="G72187" s="16">
        <v>4.3152318447701159</v>
      </c>
    </row>
    <row r="72188" spans="1:7" x14ac:dyDescent="0.3">
      <c r="A72188" s="13" t="s">
        <v>371</v>
      </c>
      <c r="B72188" s="14" t="s">
        <v>1</v>
      </c>
      <c r="C72188" s="14" t="s">
        <v>23</v>
      </c>
      <c r="D72188" s="14" t="s">
        <v>372</v>
      </c>
      <c r="E72188" s="15">
        <v>45659</v>
      </c>
      <c r="F72188" s="14" t="s">
        <v>53</v>
      </c>
      <c r="G72188" s="16">
        <v>4.3765508462784029</v>
      </c>
    </row>
    <row r="72189" spans="1:7" x14ac:dyDescent="0.3">
      <c r="A72189" s="13" t="s">
        <v>371</v>
      </c>
      <c r="B72189" s="14" t="s">
        <v>1</v>
      </c>
      <c r="C72189" s="14" t="s">
        <v>23</v>
      </c>
      <c r="D72189" s="14" t="s">
        <v>372</v>
      </c>
      <c r="E72189" s="15">
        <v>45660</v>
      </c>
      <c r="F72189" s="14" t="s">
        <v>53</v>
      </c>
      <c r="G72189" s="16">
        <v>4.3832204133425376</v>
      </c>
    </row>
    <row r="72190" spans="1:7" x14ac:dyDescent="0.3">
      <c r="A72190" s="13" t="s">
        <v>371</v>
      </c>
      <c r="B72190" s="14" t="s">
        <v>1</v>
      </c>
      <c r="C72190" s="14" t="s">
        <v>23</v>
      </c>
      <c r="D72190" s="14" t="s">
        <v>372</v>
      </c>
      <c r="E72190" s="15">
        <v>45661</v>
      </c>
      <c r="F72190" s="14" t="s">
        <v>53</v>
      </c>
      <c r="G72190" s="16">
        <v>4.3832204133425376</v>
      </c>
    </row>
    <row r="72191" spans="1:7" x14ac:dyDescent="0.3">
      <c r="A72191" s="13" t="s">
        <v>371</v>
      </c>
      <c r="B72191" s="14" t="s">
        <v>1</v>
      </c>
      <c r="C72191" s="14" t="s">
        <v>23</v>
      </c>
      <c r="D72191" s="14" t="s">
        <v>372</v>
      </c>
      <c r="E72191" s="15">
        <v>45662</v>
      </c>
      <c r="F72191" s="14" t="s">
        <v>53</v>
      </c>
      <c r="G72191" s="16">
        <v>4.3832204133425376</v>
      </c>
    </row>
    <row r="72192" spans="1:7" x14ac:dyDescent="0.3">
      <c r="A72192" s="13" t="s">
        <v>371</v>
      </c>
      <c r="B72192" s="14" t="s">
        <v>1</v>
      </c>
      <c r="C72192" s="14" t="s">
        <v>23</v>
      </c>
      <c r="D72192" s="14" t="s">
        <v>372</v>
      </c>
      <c r="E72192" s="15">
        <v>45663</v>
      </c>
      <c r="F72192" s="14" t="s">
        <v>53</v>
      </c>
      <c r="G72192" s="16">
        <v>4.3635697162049718</v>
      </c>
    </row>
    <row r="72193" spans="1:7" x14ac:dyDescent="0.3">
      <c r="A72193" s="13" t="s">
        <v>371</v>
      </c>
      <c r="B72193" s="14" t="s">
        <v>1</v>
      </c>
      <c r="C72193" s="14" t="s">
        <v>23</v>
      </c>
      <c r="D72193" s="14" t="s">
        <v>372</v>
      </c>
      <c r="E72193" s="15">
        <v>45664</v>
      </c>
      <c r="F72193" s="14" t="s">
        <v>53</v>
      </c>
      <c r="G72193" s="16">
        <v>4.4256053509290671</v>
      </c>
    </row>
    <row r="72194" spans="1:7" x14ac:dyDescent="0.3">
      <c r="A72194" s="13" t="s">
        <v>371</v>
      </c>
      <c r="B72194" s="14" t="s">
        <v>1</v>
      </c>
      <c r="C72194" s="14" t="s">
        <v>23</v>
      </c>
      <c r="D72194" s="14" t="s">
        <v>372</v>
      </c>
      <c r="E72194" s="15">
        <v>45665</v>
      </c>
      <c r="F72194" s="14" t="s">
        <v>53</v>
      </c>
      <c r="G72194" s="16">
        <v>4.4853664862397169</v>
      </c>
    </row>
    <row r="72195" spans="1:7" x14ac:dyDescent="0.3">
      <c r="A72195" s="13" t="s">
        <v>371</v>
      </c>
      <c r="B72195" s="14" t="s">
        <v>1</v>
      </c>
      <c r="C72195" s="14" t="s">
        <v>23</v>
      </c>
      <c r="D72195" s="14" t="s">
        <v>372</v>
      </c>
      <c r="E72195" s="15">
        <v>45666</v>
      </c>
      <c r="F72195" s="14" t="s">
        <v>53</v>
      </c>
      <c r="G72195" s="16">
        <v>4.4853664862397169</v>
      </c>
    </row>
    <row r="72196" spans="1:7" x14ac:dyDescent="0.3">
      <c r="A72196" s="13" t="s">
        <v>371</v>
      </c>
      <c r="B72196" s="14" t="s">
        <v>1</v>
      </c>
      <c r="C72196" s="14" t="s">
        <v>23</v>
      </c>
      <c r="D72196" s="14" t="s">
        <v>372</v>
      </c>
      <c r="E72196" s="15">
        <v>45667</v>
      </c>
      <c r="F72196" s="14" t="s">
        <v>53</v>
      </c>
      <c r="G72196" s="16">
        <v>4.5614712490961011</v>
      </c>
    </row>
    <row r="72197" spans="1:7" x14ac:dyDescent="0.3">
      <c r="A72197" s="13" t="s">
        <v>371</v>
      </c>
      <c r="B72197" s="14" t="s">
        <v>1</v>
      </c>
      <c r="C72197" s="14" t="s">
        <v>23</v>
      </c>
      <c r="D72197" s="14" t="s">
        <v>372</v>
      </c>
      <c r="E72197" s="15">
        <v>45668</v>
      </c>
      <c r="F72197" s="14" t="s">
        <v>53</v>
      </c>
      <c r="G72197" s="16">
        <v>4.5614712490961011</v>
      </c>
    </row>
    <row r="72198" spans="1:7" x14ac:dyDescent="0.3">
      <c r="A72198" s="13" t="s">
        <v>371</v>
      </c>
      <c r="B72198" s="14" t="s">
        <v>1</v>
      </c>
      <c r="C72198" s="14" t="s">
        <v>23</v>
      </c>
      <c r="D72198" s="14" t="s">
        <v>372</v>
      </c>
      <c r="E72198" s="15">
        <v>45669</v>
      </c>
      <c r="F72198" s="14" t="s">
        <v>53</v>
      </c>
      <c r="G72198" s="16">
        <v>4.5614712490961011</v>
      </c>
    </row>
    <row r="72199" spans="1:7" x14ac:dyDescent="0.3">
      <c r="A72199" s="13" t="s">
        <v>371</v>
      </c>
      <c r="B72199" s="14" t="s">
        <v>1</v>
      </c>
      <c r="C72199" s="14" t="s">
        <v>23</v>
      </c>
      <c r="D72199" s="14" t="s">
        <v>372</v>
      </c>
      <c r="E72199" s="15">
        <v>45670</v>
      </c>
      <c r="F72199" s="14" t="s">
        <v>53</v>
      </c>
      <c r="G72199" s="16">
        <v>4.598149642643615</v>
      </c>
    </row>
    <row r="72200" spans="1:7" x14ac:dyDescent="0.3">
      <c r="A72200" s="13" t="s">
        <v>371</v>
      </c>
      <c r="B72200" s="14" t="s">
        <v>1</v>
      </c>
      <c r="C72200" s="14" t="s">
        <v>23</v>
      </c>
      <c r="D72200" s="14" t="s">
        <v>372</v>
      </c>
      <c r="E72200" s="15">
        <v>45671</v>
      </c>
      <c r="F72200" s="14" t="s">
        <v>53</v>
      </c>
      <c r="G72200" s="16">
        <v>4.6347309821951992</v>
      </c>
    </row>
    <row r="72201" spans="1:7" x14ac:dyDescent="0.3">
      <c r="A72201" s="13" t="s">
        <v>371</v>
      </c>
      <c r="B72201" s="14" t="s">
        <v>1</v>
      </c>
      <c r="C72201" s="14" t="s">
        <v>23</v>
      </c>
      <c r="D72201" s="14" t="s">
        <v>372</v>
      </c>
      <c r="E72201" s="15">
        <v>45672</v>
      </c>
      <c r="F72201" s="14" t="s">
        <v>53</v>
      </c>
      <c r="G72201" s="16">
        <v>4.6390526019023968</v>
      </c>
    </row>
    <row r="72202" spans="1:7" x14ac:dyDescent="0.3">
      <c r="A72202" s="13" t="s">
        <v>371</v>
      </c>
      <c r="B72202" s="14" t="s">
        <v>1</v>
      </c>
      <c r="C72202" s="14" t="s">
        <v>23</v>
      </c>
      <c r="D72202" s="14" t="s">
        <v>372</v>
      </c>
      <c r="E72202" s="15">
        <v>45673</v>
      </c>
      <c r="F72202" s="14" t="s">
        <v>53</v>
      </c>
      <c r="G72202" s="16">
        <v>4.657005022817839</v>
      </c>
    </row>
    <row r="72203" spans="1:7" x14ac:dyDescent="0.3">
      <c r="A72203" s="13" t="s">
        <v>371</v>
      </c>
      <c r="B72203" s="14" t="s">
        <v>1</v>
      </c>
      <c r="C72203" s="14" t="s">
        <v>23</v>
      </c>
      <c r="D72203" s="14" t="s">
        <v>372</v>
      </c>
      <c r="E72203" s="15">
        <v>45674</v>
      </c>
      <c r="F72203" s="14" t="s">
        <v>53</v>
      </c>
      <c r="G72203" s="16">
        <v>4.6916725040280562</v>
      </c>
    </row>
    <row r="72204" spans="1:7" x14ac:dyDescent="0.3">
      <c r="A72204" s="13" t="s">
        <v>371</v>
      </c>
      <c r="B72204" s="14" t="s">
        <v>1</v>
      </c>
      <c r="C72204" s="14" t="s">
        <v>23</v>
      </c>
      <c r="D72204" s="14" t="s">
        <v>372</v>
      </c>
      <c r="E72204" s="15">
        <v>45675</v>
      </c>
      <c r="F72204" s="14" t="s">
        <v>53</v>
      </c>
      <c r="G72204" s="16">
        <v>4.6916725040280562</v>
      </c>
    </row>
    <row r="72205" spans="1:7" x14ac:dyDescent="0.3">
      <c r="A72205" s="13" t="s">
        <v>371</v>
      </c>
      <c r="B72205" s="14" t="s">
        <v>1</v>
      </c>
      <c r="C72205" s="14" t="s">
        <v>23</v>
      </c>
      <c r="D72205" s="14" t="s">
        <v>372</v>
      </c>
      <c r="E72205" s="15">
        <v>45676</v>
      </c>
      <c r="F72205" s="14" t="s">
        <v>53</v>
      </c>
      <c r="G72205" s="16">
        <v>4.6916725040280562</v>
      </c>
    </row>
    <row r="72206" spans="1:7" x14ac:dyDescent="0.3">
      <c r="A72206" s="13" t="s">
        <v>371</v>
      </c>
      <c r="B72206" s="14" t="s">
        <v>1</v>
      </c>
      <c r="C72206" s="14" t="s">
        <v>23</v>
      </c>
      <c r="D72206" s="14" t="s">
        <v>372</v>
      </c>
      <c r="E72206" s="15">
        <v>45677</v>
      </c>
      <c r="F72206" s="14" t="s">
        <v>53</v>
      </c>
      <c r="G72206" s="16">
        <v>4.6916725040280562</v>
      </c>
    </row>
    <row r="72207" spans="1:7" x14ac:dyDescent="0.3">
      <c r="A72207" s="13" t="s">
        <v>371</v>
      </c>
      <c r="B72207" s="14" t="s">
        <v>1</v>
      </c>
      <c r="C72207" s="14" t="s">
        <v>23</v>
      </c>
      <c r="D72207" s="14" t="s">
        <v>372</v>
      </c>
      <c r="E72207" s="15">
        <v>45678</v>
      </c>
      <c r="F72207" s="14" t="s">
        <v>53</v>
      </c>
      <c r="G72207" s="16">
        <v>4.6369662040599833</v>
      </c>
    </row>
    <row r="72208" spans="1:7" x14ac:dyDescent="0.3">
      <c r="A72208" s="13" t="s">
        <v>371</v>
      </c>
      <c r="B72208" s="14" t="s">
        <v>1</v>
      </c>
      <c r="C72208" s="14" t="s">
        <v>23</v>
      </c>
      <c r="D72208" s="14" t="s">
        <v>372</v>
      </c>
      <c r="E72208" s="15">
        <v>45679</v>
      </c>
      <c r="F72208" s="14" t="s">
        <v>53</v>
      </c>
      <c r="G72208" s="16">
        <v>4.7086287491872669</v>
      </c>
    </row>
    <row r="72209" spans="1:7" x14ac:dyDescent="0.3">
      <c r="A72209" s="13" t="s">
        <v>371</v>
      </c>
      <c r="B72209" s="14" t="s">
        <v>1</v>
      </c>
      <c r="C72209" s="14" t="s">
        <v>23</v>
      </c>
      <c r="D72209" s="14" t="s">
        <v>372</v>
      </c>
      <c r="E72209" s="15">
        <v>45680</v>
      </c>
      <c r="F72209" s="14" t="s">
        <v>53</v>
      </c>
      <c r="G72209" s="16">
        <v>4.7099685935041355</v>
      </c>
    </row>
    <row r="72210" spans="1:7" x14ac:dyDescent="0.3">
      <c r="A72210" s="13" t="s">
        <v>371</v>
      </c>
      <c r="B72210" s="14" t="s">
        <v>1</v>
      </c>
      <c r="C72210" s="14" t="s">
        <v>23</v>
      </c>
      <c r="D72210" s="14" t="s">
        <v>372</v>
      </c>
      <c r="E72210" s="15">
        <v>45681</v>
      </c>
      <c r="F72210" s="14" t="s">
        <v>53</v>
      </c>
      <c r="G72210" s="16">
        <v>4.6743175384183688</v>
      </c>
    </row>
    <row r="72211" spans="1:7" x14ac:dyDescent="0.3">
      <c r="A72211" s="13" t="s">
        <v>371</v>
      </c>
      <c r="B72211" s="14" t="s">
        <v>1</v>
      </c>
      <c r="C72211" s="14" t="s">
        <v>23</v>
      </c>
      <c r="D72211" s="14" t="s">
        <v>372</v>
      </c>
      <c r="E72211" s="15">
        <v>45682</v>
      </c>
      <c r="F72211" s="14" t="s">
        <v>53</v>
      </c>
      <c r="G72211" s="16">
        <v>4.6743175384183688</v>
      </c>
    </row>
    <row r="72212" spans="1:7" x14ac:dyDescent="0.3">
      <c r="A72212" s="13" t="s">
        <v>371</v>
      </c>
      <c r="B72212" s="14" t="s">
        <v>1</v>
      </c>
      <c r="C72212" s="14" t="s">
        <v>23</v>
      </c>
      <c r="D72212" s="14" t="s">
        <v>372</v>
      </c>
      <c r="E72212" s="15">
        <v>45683</v>
      </c>
      <c r="F72212" s="14" t="s">
        <v>53</v>
      </c>
      <c r="G72212" s="16">
        <v>4.6743175384183688</v>
      </c>
    </row>
    <row r="72213" spans="1:7" x14ac:dyDescent="0.3">
      <c r="A72213" s="13" t="s">
        <v>371</v>
      </c>
      <c r="B72213" s="14" t="s">
        <v>1</v>
      </c>
      <c r="C72213" s="14" t="s">
        <v>23</v>
      </c>
      <c r="D72213" s="14" t="s">
        <v>372</v>
      </c>
      <c r="E72213" s="15">
        <v>45684</v>
      </c>
      <c r="F72213" s="14" t="s">
        <v>53</v>
      </c>
      <c r="G72213" s="16">
        <v>4.6851889109761853</v>
      </c>
    </row>
    <row r="72214" spans="1:7" x14ac:dyDescent="0.3">
      <c r="A72214" s="13" t="s">
        <v>371</v>
      </c>
      <c r="B72214" s="14" t="s">
        <v>1</v>
      </c>
      <c r="C72214" s="14" t="s">
        <v>23</v>
      </c>
      <c r="D72214" s="14" t="s">
        <v>372</v>
      </c>
      <c r="E72214" s="15">
        <v>45685</v>
      </c>
      <c r="F72214" s="14" t="s">
        <v>53</v>
      </c>
      <c r="G72214" s="16">
        <v>4.749830476664612</v>
      </c>
    </row>
    <row r="72215" spans="1:7" x14ac:dyDescent="0.3">
      <c r="A72215" s="13" t="s">
        <v>371</v>
      </c>
      <c r="B72215" s="14" t="s">
        <v>1</v>
      </c>
      <c r="C72215" s="14" t="s">
        <v>23</v>
      </c>
      <c r="D72215" s="14" t="s">
        <v>372</v>
      </c>
      <c r="E72215" s="15">
        <v>45686</v>
      </c>
      <c r="F72215" s="14" t="s">
        <v>53</v>
      </c>
      <c r="G72215" s="16">
        <v>4.759854698843327</v>
      </c>
    </row>
    <row r="72216" spans="1:7" x14ac:dyDescent="0.3">
      <c r="A72216" s="13" t="s">
        <v>371</v>
      </c>
      <c r="B72216" s="14" t="s">
        <v>1</v>
      </c>
      <c r="C72216" s="14" t="s">
        <v>23</v>
      </c>
      <c r="D72216" s="14" t="s">
        <v>372</v>
      </c>
      <c r="E72216" s="15">
        <v>45687</v>
      </c>
      <c r="F72216" s="14" t="s">
        <v>53</v>
      </c>
      <c r="G72216" s="16">
        <v>4.7883286449208065</v>
      </c>
    </row>
    <row r="72217" spans="1:7" x14ac:dyDescent="0.3">
      <c r="A72217" s="13" t="s">
        <v>371</v>
      </c>
      <c r="B72217" s="14" t="s">
        <v>1</v>
      </c>
      <c r="C72217" s="14" t="s">
        <v>23</v>
      </c>
      <c r="D72217" s="14" t="s">
        <v>372</v>
      </c>
      <c r="E72217" s="15">
        <v>45688</v>
      </c>
      <c r="F72217" s="14" t="s">
        <v>53</v>
      </c>
      <c r="G72217" s="16">
        <v>4.8130051320202396</v>
      </c>
    </row>
    <row r="72218" spans="1:7" x14ac:dyDescent="0.3">
      <c r="A72218" s="13" t="s">
        <v>371</v>
      </c>
      <c r="B72218" s="14" t="s">
        <v>1</v>
      </c>
      <c r="C72218" s="14" t="s">
        <v>23</v>
      </c>
      <c r="D72218" s="14" t="s">
        <v>372</v>
      </c>
      <c r="E72218" s="15">
        <v>45689</v>
      </c>
      <c r="F72218" s="14" t="s">
        <v>53</v>
      </c>
      <c r="G72218" s="16">
        <v>4.8130051320202396</v>
      </c>
    </row>
    <row r="72219" spans="1:7" x14ac:dyDescent="0.3">
      <c r="A72219" s="13" t="s">
        <v>371</v>
      </c>
      <c r="B72219" s="14" t="s">
        <v>1</v>
      </c>
      <c r="C72219" s="14" t="s">
        <v>23</v>
      </c>
      <c r="D72219" s="14" t="s">
        <v>372</v>
      </c>
      <c r="E72219" s="15">
        <v>45690</v>
      </c>
      <c r="F72219" s="14" t="s">
        <v>53</v>
      </c>
      <c r="G72219" s="16">
        <v>4.8130051320202396</v>
      </c>
    </row>
    <row r="72220" spans="1:7" x14ac:dyDescent="0.3">
      <c r="A72220" s="13" t="s">
        <v>371</v>
      </c>
      <c r="B72220" s="14" t="s">
        <v>1</v>
      </c>
      <c r="C72220" s="14" t="s">
        <v>23</v>
      </c>
      <c r="D72220" s="14" t="s">
        <v>372</v>
      </c>
      <c r="E72220" s="15">
        <v>45691</v>
      </c>
      <c r="F72220" s="14" t="s">
        <v>53</v>
      </c>
      <c r="G72220" s="16">
        <v>4.8130051320202396</v>
      </c>
    </row>
    <row r="72221" spans="1:7" x14ac:dyDescent="0.3">
      <c r="A72221" s="13" t="s">
        <v>371</v>
      </c>
      <c r="B72221" s="14" t="s">
        <v>1</v>
      </c>
      <c r="C72221" s="14" t="s">
        <v>23</v>
      </c>
      <c r="D72221" s="14" t="s">
        <v>372</v>
      </c>
      <c r="E72221" s="15">
        <v>45692</v>
      </c>
      <c r="F72221" s="14" t="s">
        <v>53</v>
      </c>
      <c r="G72221" s="16">
        <v>4.7939601768424076</v>
      </c>
    </row>
    <row r="72222" spans="1:7" x14ac:dyDescent="0.3">
      <c r="A72222" s="13" t="s">
        <v>371</v>
      </c>
      <c r="B72222" s="14" t="s">
        <v>1</v>
      </c>
      <c r="C72222" s="14" t="s">
        <v>23</v>
      </c>
      <c r="D72222" s="14" t="s">
        <v>372</v>
      </c>
      <c r="E72222" s="15">
        <v>45693</v>
      </c>
      <c r="F72222" s="14" t="s">
        <v>53</v>
      </c>
      <c r="G72222" s="16">
        <v>4.8321127967581905</v>
      </c>
    </row>
    <row r="72223" spans="1:7" x14ac:dyDescent="0.3">
      <c r="A72223" s="13" t="s">
        <v>371</v>
      </c>
      <c r="B72223" s="14" t="s">
        <v>1</v>
      </c>
      <c r="C72223" s="14" t="s">
        <v>23</v>
      </c>
      <c r="D72223" s="14" t="s">
        <v>372</v>
      </c>
      <c r="E72223" s="15">
        <v>45694</v>
      </c>
      <c r="F72223" s="14" t="s">
        <v>53</v>
      </c>
      <c r="G72223" s="16">
        <v>4.874314431371789</v>
      </c>
    </row>
    <row r="72224" spans="1:7" x14ac:dyDescent="0.3">
      <c r="A72224" s="13" t="s">
        <v>371</v>
      </c>
      <c r="B72224" s="14" t="s">
        <v>1</v>
      </c>
      <c r="C72224" s="14" t="s">
        <v>23</v>
      </c>
      <c r="D72224" s="14" t="s">
        <v>372</v>
      </c>
      <c r="E72224" s="15">
        <v>45695</v>
      </c>
      <c r="F72224" s="14" t="s">
        <v>53</v>
      </c>
      <c r="G72224" s="16">
        <v>4.8991711800237709</v>
      </c>
    </row>
    <row r="72225" spans="1:7" x14ac:dyDescent="0.3">
      <c r="A72225" s="13" t="s">
        <v>371</v>
      </c>
      <c r="B72225" s="14" t="s">
        <v>1</v>
      </c>
      <c r="C72225" s="14" t="s">
        <v>23</v>
      </c>
      <c r="D72225" s="14" t="s">
        <v>372</v>
      </c>
      <c r="E72225" s="15">
        <v>45696</v>
      </c>
      <c r="F72225" s="14" t="s">
        <v>53</v>
      </c>
      <c r="G72225" s="16">
        <v>4.8991711800237709</v>
      </c>
    </row>
    <row r="72226" spans="1:7" x14ac:dyDescent="0.3">
      <c r="A72226" s="13" t="s">
        <v>371</v>
      </c>
      <c r="B72226" s="14" t="s">
        <v>1</v>
      </c>
      <c r="C72226" s="14" t="s">
        <v>23</v>
      </c>
      <c r="D72226" s="14" t="s">
        <v>372</v>
      </c>
      <c r="E72226" s="15">
        <v>45697</v>
      </c>
      <c r="F72226" s="14" t="s">
        <v>53</v>
      </c>
      <c r="G72226" s="16">
        <v>4.8991711800237709</v>
      </c>
    </row>
    <row r="72227" spans="1:7" x14ac:dyDescent="0.3">
      <c r="A72227" s="13" t="s">
        <v>371</v>
      </c>
      <c r="B72227" s="14" t="s">
        <v>1</v>
      </c>
      <c r="C72227" s="14" t="s">
        <v>23</v>
      </c>
      <c r="D72227" s="14" t="s">
        <v>372</v>
      </c>
      <c r="E72227" s="15">
        <v>45698</v>
      </c>
      <c r="F72227" s="14" t="s">
        <v>53</v>
      </c>
      <c r="G72227" s="16">
        <v>4.937775958622181</v>
      </c>
    </row>
    <row r="72228" spans="1:7" x14ac:dyDescent="0.3">
      <c r="A72228" s="13" t="s">
        <v>371</v>
      </c>
      <c r="B72228" s="14" t="s">
        <v>1</v>
      </c>
      <c r="C72228" s="14" t="s">
        <v>23</v>
      </c>
      <c r="D72228" s="14" t="s">
        <v>372</v>
      </c>
      <c r="E72228" s="15">
        <v>45699</v>
      </c>
      <c r="F72228" s="14" t="s">
        <v>53</v>
      </c>
      <c r="G72228" s="16">
        <v>4.9515408982253089</v>
      </c>
    </row>
    <row r="72229" spans="1:7" x14ac:dyDescent="0.3">
      <c r="A72229" s="13" t="s">
        <v>371</v>
      </c>
      <c r="B72229" s="14" t="s">
        <v>1</v>
      </c>
      <c r="C72229" s="14" t="s">
        <v>23</v>
      </c>
      <c r="D72229" s="14" t="s">
        <v>372</v>
      </c>
      <c r="E72229" s="15">
        <v>45700</v>
      </c>
      <c r="F72229" s="14" t="s">
        <v>53</v>
      </c>
      <c r="G72229" s="16">
        <v>4.9681335603410881</v>
      </c>
    </row>
    <row r="72230" spans="1:7" x14ac:dyDescent="0.3">
      <c r="A72230" s="13" t="s">
        <v>371</v>
      </c>
      <c r="B72230" s="14" t="s">
        <v>1</v>
      </c>
      <c r="C72230" s="14" t="s">
        <v>23</v>
      </c>
      <c r="D72230" s="14" t="s">
        <v>372</v>
      </c>
      <c r="E72230" s="15">
        <v>45701</v>
      </c>
      <c r="F72230" s="14" t="s">
        <v>53</v>
      </c>
      <c r="G72230" s="16">
        <v>4.9351645924403726</v>
      </c>
    </row>
    <row r="72231" spans="1:7" x14ac:dyDescent="0.3">
      <c r="A72231" s="13" t="s">
        <v>371</v>
      </c>
      <c r="B72231" s="14" t="s">
        <v>1</v>
      </c>
      <c r="C72231" s="14" t="s">
        <v>23</v>
      </c>
      <c r="D72231" s="14" t="s">
        <v>372</v>
      </c>
      <c r="E72231" s="15">
        <v>45702</v>
      </c>
      <c r="F72231" s="14" t="s">
        <v>53</v>
      </c>
      <c r="G72231" s="16">
        <v>4.9429307765814583</v>
      </c>
    </row>
    <row r="72232" spans="1:7" x14ac:dyDescent="0.3">
      <c r="A72232" s="13" t="s">
        <v>371</v>
      </c>
      <c r="B72232" s="14" t="s">
        <v>1</v>
      </c>
      <c r="C72232" s="14" t="s">
        <v>23</v>
      </c>
      <c r="D72232" s="14" t="s">
        <v>372</v>
      </c>
      <c r="E72232" s="15">
        <v>45703</v>
      </c>
      <c r="F72232" s="14" t="s">
        <v>53</v>
      </c>
      <c r="G72232" s="16">
        <v>4.9429307765814583</v>
      </c>
    </row>
    <row r="72233" spans="1:7" x14ac:dyDescent="0.3">
      <c r="A72233" s="13" t="s">
        <v>371</v>
      </c>
      <c r="B72233" s="14" t="s">
        <v>1</v>
      </c>
      <c r="C72233" s="14" t="s">
        <v>23</v>
      </c>
      <c r="D72233" s="14" t="s">
        <v>372</v>
      </c>
      <c r="E72233" s="15">
        <v>45704</v>
      </c>
      <c r="F72233" s="14" t="s">
        <v>53</v>
      </c>
      <c r="G72233" s="16">
        <v>4.9429307765814583</v>
      </c>
    </row>
    <row r="72234" spans="1:7" x14ac:dyDescent="0.3">
      <c r="A72234" s="13" t="s">
        <v>371</v>
      </c>
      <c r="B72234" s="14" t="s">
        <v>1</v>
      </c>
      <c r="C72234" s="14" t="s">
        <v>23</v>
      </c>
      <c r="D72234" s="14" t="s">
        <v>372</v>
      </c>
      <c r="E72234" s="15">
        <v>45705</v>
      </c>
      <c r="F72234" s="14" t="s">
        <v>53</v>
      </c>
      <c r="G72234" s="16">
        <v>4.9429307765814583</v>
      </c>
    </row>
    <row r="72235" spans="1:7" x14ac:dyDescent="0.3">
      <c r="A72235" s="13" t="s">
        <v>371</v>
      </c>
      <c r="B72235" s="14" t="s">
        <v>1</v>
      </c>
      <c r="C72235" s="14" t="s">
        <v>23</v>
      </c>
      <c r="D72235" s="14" t="s">
        <v>372</v>
      </c>
      <c r="E72235" s="15">
        <v>45706</v>
      </c>
      <c r="F72235" s="14" t="s">
        <v>53</v>
      </c>
      <c r="G72235" s="16">
        <v>4.9475403118435253</v>
      </c>
    </row>
    <row r="72236" spans="1:7" x14ac:dyDescent="0.3">
      <c r="A72236" s="13" t="s">
        <v>371</v>
      </c>
      <c r="B72236" s="14" t="s">
        <v>1</v>
      </c>
      <c r="C72236" s="14" t="s">
        <v>23</v>
      </c>
      <c r="D72236" s="14" t="s">
        <v>372</v>
      </c>
      <c r="E72236" s="15">
        <v>45707</v>
      </c>
      <c r="F72236" s="14" t="s">
        <v>53</v>
      </c>
      <c r="G72236" s="16">
        <v>5.0174669820952573</v>
      </c>
    </row>
    <row r="72237" spans="1:7" x14ac:dyDescent="0.3">
      <c r="A72237" s="13" t="s">
        <v>371</v>
      </c>
      <c r="B72237" s="14" t="s">
        <v>1</v>
      </c>
      <c r="C72237" s="14" t="s">
        <v>23</v>
      </c>
      <c r="D72237" s="14" t="s">
        <v>372</v>
      </c>
      <c r="E72237" s="15">
        <v>45708</v>
      </c>
      <c r="F72237" s="14" t="s">
        <v>53</v>
      </c>
      <c r="G72237" s="16">
        <v>4.9985392294166751</v>
      </c>
    </row>
    <row r="72238" spans="1:7" x14ac:dyDescent="0.3">
      <c r="A72238" s="13" t="s">
        <v>371</v>
      </c>
      <c r="B72238" s="14" t="s">
        <v>1</v>
      </c>
      <c r="C72238" s="14" t="s">
        <v>23</v>
      </c>
      <c r="D72238" s="14" t="s">
        <v>372</v>
      </c>
      <c r="E72238" s="15">
        <v>45709</v>
      </c>
      <c r="F72238" s="14" t="s">
        <v>53</v>
      </c>
      <c r="G72238" s="16">
        <v>5.0224159065108722</v>
      </c>
    </row>
    <row r="72239" spans="1:7" x14ac:dyDescent="0.3">
      <c r="A72239" s="13" t="s">
        <v>371</v>
      </c>
      <c r="B72239" s="14" t="s">
        <v>1</v>
      </c>
      <c r="C72239" s="14" t="s">
        <v>23</v>
      </c>
      <c r="D72239" s="14" t="s">
        <v>372</v>
      </c>
      <c r="E72239" s="15">
        <v>45710</v>
      </c>
      <c r="F72239" s="14" t="s">
        <v>53</v>
      </c>
      <c r="G72239" s="16">
        <v>5.0224159065108722</v>
      </c>
    </row>
    <row r="72240" spans="1:7" x14ac:dyDescent="0.3">
      <c r="A72240" s="13" t="s">
        <v>371</v>
      </c>
      <c r="B72240" s="14" t="s">
        <v>1</v>
      </c>
      <c r="C72240" s="14" t="s">
        <v>23</v>
      </c>
      <c r="D72240" s="14" t="s">
        <v>372</v>
      </c>
      <c r="E72240" s="15">
        <v>45711</v>
      </c>
      <c r="F72240" s="14" t="s">
        <v>53</v>
      </c>
      <c r="G72240" s="16">
        <v>5.0224159065108722</v>
      </c>
    </row>
    <row r="72241" spans="1:7" x14ac:dyDescent="0.3">
      <c r="A72241" s="13" t="s">
        <v>371</v>
      </c>
      <c r="B72241" s="14" t="s">
        <v>1</v>
      </c>
      <c r="C72241" s="14" t="s">
        <v>23</v>
      </c>
      <c r="D72241" s="14" t="s">
        <v>372</v>
      </c>
      <c r="E72241" s="15">
        <v>45712</v>
      </c>
      <c r="F72241" s="14" t="s">
        <v>53</v>
      </c>
      <c r="G72241" s="16">
        <v>5.0368080177993653</v>
      </c>
    </row>
    <row r="72242" spans="1:7" x14ac:dyDescent="0.3">
      <c r="A72242" s="13" t="s">
        <v>371</v>
      </c>
      <c r="B72242" s="14" t="s">
        <v>1</v>
      </c>
      <c r="C72242" s="14" t="s">
        <v>23</v>
      </c>
      <c r="D72242" s="14" t="s">
        <v>372</v>
      </c>
      <c r="E72242" s="15">
        <v>45713</v>
      </c>
      <c r="F72242" s="14" t="s">
        <v>53</v>
      </c>
      <c r="G72242" s="16">
        <v>5.0628605310380532</v>
      </c>
    </row>
    <row r="72243" spans="1:7" x14ac:dyDescent="0.3">
      <c r="A72243" s="13" t="s">
        <v>371</v>
      </c>
      <c r="B72243" s="14" t="s">
        <v>1</v>
      </c>
      <c r="C72243" s="14" t="s">
        <v>23</v>
      </c>
      <c r="D72243" s="14" t="s">
        <v>372</v>
      </c>
      <c r="E72243" s="15">
        <v>45714</v>
      </c>
      <c r="F72243" s="14" t="s">
        <v>53</v>
      </c>
      <c r="G72243" s="16">
        <v>5.0728252115769106</v>
      </c>
    </row>
    <row r="72244" spans="1:7" x14ac:dyDescent="0.3">
      <c r="A72244" s="13" t="s">
        <v>371</v>
      </c>
      <c r="B72244" s="14" t="s">
        <v>1</v>
      </c>
      <c r="C72244" s="14" t="s">
        <v>23</v>
      </c>
      <c r="D72244" s="14" t="s">
        <v>372</v>
      </c>
      <c r="E72244" s="15">
        <v>45715</v>
      </c>
      <c r="F72244" s="14" t="s">
        <v>53</v>
      </c>
      <c r="G72244" s="16">
        <v>5.1170187195507104</v>
      </c>
    </row>
    <row r="72245" spans="1:7" x14ac:dyDescent="0.3">
      <c r="A72245" s="13" t="s">
        <v>371</v>
      </c>
      <c r="B72245" s="14" t="s">
        <v>1</v>
      </c>
      <c r="C72245" s="14" t="s">
        <v>23</v>
      </c>
      <c r="D72245" s="14" t="s">
        <v>372</v>
      </c>
      <c r="E72245" s="15">
        <v>45716</v>
      </c>
      <c r="F72245" s="14" t="s">
        <v>53</v>
      </c>
      <c r="G72245" s="16">
        <v>5.1408044020540054</v>
      </c>
    </row>
    <row r="72246" spans="1:7" x14ac:dyDescent="0.3">
      <c r="A72246" s="13" t="s">
        <v>371</v>
      </c>
      <c r="B72246" s="14" t="s">
        <v>1</v>
      </c>
      <c r="C72246" s="14" t="s">
        <v>23</v>
      </c>
      <c r="D72246" s="14" t="s">
        <v>372</v>
      </c>
      <c r="E72246" s="15">
        <v>45717</v>
      </c>
      <c r="F72246" s="14" t="s">
        <v>53</v>
      </c>
      <c r="G72246" s="16">
        <v>0</v>
      </c>
    </row>
    <row r="72247" spans="1:7" x14ac:dyDescent="0.3">
      <c r="A72247" s="13" t="s">
        <v>371</v>
      </c>
      <c r="B72247" s="14" t="s">
        <v>1</v>
      </c>
      <c r="C72247" s="14" t="s">
        <v>23</v>
      </c>
      <c r="D72247" s="14" t="s">
        <v>372</v>
      </c>
      <c r="E72247" s="15">
        <v>45718</v>
      </c>
      <c r="F72247" s="14" t="s">
        <v>53</v>
      </c>
      <c r="G72247" s="16">
        <v>0</v>
      </c>
    </row>
    <row r="72248" spans="1:7" x14ac:dyDescent="0.3">
      <c r="A72248" s="13" t="s">
        <v>371</v>
      </c>
      <c r="B72248" s="14" t="s">
        <v>1</v>
      </c>
      <c r="C72248" s="14" t="s">
        <v>23</v>
      </c>
      <c r="D72248" s="14" t="s">
        <v>372</v>
      </c>
      <c r="E72248" s="15">
        <v>45719</v>
      </c>
      <c r="F72248" s="14" t="s">
        <v>53</v>
      </c>
      <c r="G72248" s="16">
        <v>0</v>
      </c>
    </row>
    <row r="72249" spans="1:7" x14ac:dyDescent="0.3">
      <c r="A72249" s="13" t="s">
        <v>371</v>
      </c>
      <c r="B72249" s="14" t="s">
        <v>1</v>
      </c>
      <c r="C72249" s="14" t="s">
        <v>23</v>
      </c>
      <c r="D72249" s="14" t="s">
        <v>372</v>
      </c>
      <c r="E72249" s="15">
        <v>45720</v>
      </c>
      <c r="F72249" s="14" t="s">
        <v>53</v>
      </c>
      <c r="G72249" s="16">
        <v>0</v>
      </c>
    </row>
    <row r="72250" spans="1:7" x14ac:dyDescent="0.3">
      <c r="A72250" s="13" t="s">
        <v>371</v>
      </c>
      <c r="B72250" s="14" t="s">
        <v>1</v>
      </c>
      <c r="C72250" s="14" t="s">
        <v>23</v>
      </c>
      <c r="D72250" s="14" t="s">
        <v>372</v>
      </c>
      <c r="E72250" s="15">
        <v>45721</v>
      </c>
      <c r="F72250" s="14" t="s">
        <v>53</v>
      </c>
      <c r="G72250" s="16">
        <v>0</v>
      </c>
    </row>
    <row r="72251" spans="1:7" x14ac:dyDescent="0.3">
      <c r="A72251" s="13" t="s">
        <v>371</v>
      </c>
      <c r="B72251" s="14" t="s">
        <v>1</v>
      </c>
      <c r="C72251" s="14" t="s">
        <v>23</v>
      </c>
      <c r="D72251" s="14" t="s">
        <v>372</v>
      </c>
      <c r="E72251" s="15">
        <v>45722</v>
      </c>
      <c r="F72251" s="14" t="s">
        <v>53</v>
      </c>
      <c r="G72251" s="16">
        <v>0</v>
      </c>
    </row>
    <row r="72252" spans="1:7" x14ac:dyDescent="0.3">
      <c r="A72252" s="13" t="s">
        <v>371</v>
      </c>
      <c r="B72252" s="14" t="s">
        <v>1</v>
      </c>
      <c r="C72252" s="14" t="s">
        <v>23</v>
      </c>
      <c r="D72252" s="14" t="s">
        <v>372</v>
      </c>
      <c r="E72252" s="15">
        <v>45723</v>
      </c>
      <c r="F72252" s="14" t="s">
        <v>53</v>
      </c>
      <c r="G72252" s="16">
        <v>0</v>
      </c>
    </row>
    <row r="72253" spans="1:7" x14ac:dyDescent="0.3">
      <c r="A72253" s="13" t="s">
        <v>371</v>
      </c>
      <c r="B72253" s="14" t="s">
        <v>1</v>
      </c>
      <c r="C72253" s="14" t="s">
        <v>23</v>
      </c>
      <c r="D72253" s="14" t="s">
        <v>372</v>
      </c>
      <c r="E72253" s="15">
        <v>45724</v>
      </c>
      <c r="F72253" s="14" t="s">
        <v>53</v>
      </c>
      <c r="G72253" s="16">
        <v>0</v>
      </c>
    </row>
    <row r="72254" spans="1:7" x14ac:dyDescent="0.3">
      <c r="A72254" s="13" t="s">
        <v>371</v>
      </c>
      <c r="B72254" s="14" t="s">
        <v>1</v>
      </c>
      <c r="C72254" s="14" t="s">
        <v>23</v>
      </c>
      <c r="D72254" s="14" t="s">
        <v>372</v>
      </c>
      <c r="E72254" s="15">
        <v>45725</v>
      </c>
      <c r="F72254" s="14" t="s">
        <v>53</v>
      </c>
      <c r="G72254" s="16">
        <v>0</v>
      </c>
    </row>
    <row r="72255" spans="1:7" x14ac:dyDescent="0.3">
      <c r="A72255" s="13" t="s">
        <v>371</v>
      </c>
      <c r="B72255" s="14" t="s">
        <v>1</v>
      </c>
      <c r="C72255" s="14" t="s">
        <v>23</v>
      </c>
      <c r="D72255" s="14" t="s">
        <v>372</v>
      </c>
      <c r="E72255" s="15">
        <v>45726</v>
      </c>
      <c r="F72255" s="14" t="s">
        <v>53</v>
      </c>
      <c r="G72255" s="16">
        <v>0</v>
      </c>
    </row>
    <row r="72256" spans="1:7" x14ac:dyDescent="0.3">
      <c r="A72256" s="13" t="s">
        <v>371</v>
      </c>
      <c r="B72256" s="14" t="s">
        <v>1</v>
      </c>
      <c r="C72256" s="14" t="s">
        <v>23</v>
      </c>
      <c r="D72256" s="14" t="s">
        <v>372</v>
      </c>
      <c r="E72256" s="15">
        <v>45727</v>
      </c>
      <c r="F72256" s="14" t="s">
        <v>53</v>
      </c>
      <c r="G72256" s="16">
        <v>0</v>
      </c>
    </row>
    <row r="72257" spans="1:7" x14ac:dyDescent="0.3">
      <c r="A72257" s="13" t="s">
        <v>371</v>
      </c>
      <c r="B72257" s="14" t="s">
        <v>1</v>
      </c>
      <c r="C72257" s="14" t="s">
        <v>23</v>
      </c>
      <c r="D72257" s="14" t="s">
        <v>372</v>
      </c>
      <c r="E72257" s="15">
        <v>45728</v>
      </c>
      <c r="F72257" s="14" t="s">
        <v>53</v>
      </c>
      <c r="G72257" s="16">
        <v>0</v>
      </c>
    </row>
    <row r="72258" spans="1:7" x14ac:dyDescent="0.3">
      <c r="A72258" s="13" t="s">
        <v>371</v>
      </c>
      <c r="B72258" s="14" t="s">
        <v>1</v>
      </c>
      <c r="C72258" s="14" t="s">
        <v>23</v>
      </c>
      <c r="D72258" s="14" t="s">
        <v>372</v>
      </c>
      <c r="E72258" s="15">
        <v>45729</v>
      </c>
      <c r="F72258" s="14" t="s">
        <v>53</v>
      </c>
      <c r="G72258" s="16">
        <v>0</v>
      </c>
    </row>
    <row r="72259" spans="1:7" x14ac:dyDescent="0.3">
      <c r="A72259" s="13" t="s">
        <v>371</v>
      </c>
      <c r="B72259" s="14" t="s">
        <v>1</v>
      </c>
      <c r="C72259" s="14" t="s">
        <v>23</v>
      </c>
      <c r="D72259" s="14" t="s">
        <v>372</v>
      </c>
      <c r="E72259" s="15">
        <v>45730</v>
      </c>
      <c r="F72259" s="14" t="s">
        <v>53</v>
      </c>
      <c r="G72259" s="16">
        <v>0</v>
      </c>
    </row>
    <row r="72260" spans="1:7" x14ac:dyDescent="0.3">
      <c r="A72260" s="13" t="s">
        <v>371</v>
      </c>
      <c r="B72260" s="14" t="s">
        <v>1</v>
      </c>
      <c r="C72260" s="14" t="s">
        <v>23</v>
      </c>
      <c r="D72260" s="14" t="s">
        <v>372</v>
      </c>
      <c r="E72260" s="15">
        <v>45731</v>
      </c>
      <c r="F72260" s="14" t="s">
        <v>53</v>
      </c>
      <c r="G72260" s="16">
        <v>0</v>
      </c>
    </row>
    <row r="72261" spans="1:7" x14ac:dyDescent="0.3">
      <c r="A72261" s="13" t="s">
        <v>371</v>
      </c>
      <c r="B72261" s="14" t="s">
        <v>1</v>
      </c>
      <c r="C72261" s="14" t="s">
        <v>23</v>
      </c>
      <c r="D72261" s="14" t="s">
        <v>372</v>
      </c>
      <c r="E72261" s="15">
        <v>45732</v>
      </c>
      <c r="F72261" s="14" t="s">
        <v>53</v>
      </c>
      <c r="G72261" s="16">
        <v>0</v>
      </c>
    </row>
    <row r="72262" spans="1:7" x14ac:dyDescent="0.3">
      <c r="A72262" s="13" t="s">
        <v>371</v>
      </c>
      <c r="B72262" s="14" t="s">
        <v>1</v>
      </c>
      <c r="C72262" s="14" t="s">
        <v>23</v>
      </c>
      <c r="D72262" s="14" t="s">
        <v>372</v>
      </c>
      <c r="E72262" s="15">
        <v>45733</v>
      </c>
      <c r="F72262" s="14" t="s">
        <v>53</v>
      </c>
      <c r="G72262" s="16">
        <v>0</v>
      </c>
    </row>
    <row r="72263" spans="1:7" x14ac:dyDescent="0.3">
      <c r="A72263" s="13" t="s">
        <v>371</v>
      </c>
      <c r="B72263" s="14" t="s">
        <v>1</v>
      </c>
      <c r="C72263" s="14" t="s">
        <v>23</v>
      </c>
      <c r="D72263" s="14" t="s">
        <v>372</v>
      </c>
      <c r="E72263" s="15">
        <v>45734</v>
      </c>
      <c r="F72263" s="14" t="s">
        <v>53</v>
      </c>
      <c r="G72263" s="16">
        <v>0</v>
      </c>
    </row>
    <row r="72264" spans="1:7" x14ac:dyDescent="0.3">
      <c r="A72264" s="13" t="s">
        <v>371</v>
      </c>
      <c r="B72264" s="14" t="s">
        <v>1</v>
      </c>
      <c r="C72264" s="14" t="s">
        <v>23</v>
      </c>
      <c r="D72264" s="14" t="s">
        <v>372</v>
      </c>
      <c r="E72264" s="15">
        <v>45735</v>
      </c>
      <c r="F72264" s="14" t="s">
        <v>53</v>
      </c>
      <c r="G72264" s="16">
        <v>0</v>
      </c>
    </row>
    <row r="72265" spans="1:7" x14ac:dyDescent="0.3">
      <c r="A72265" s="13" t="s">
        <v>371</v>
      </c>
      <c r="B72265" s="14" t="s">
        <v>1</v>
      </c>
      <c r="C72265" s="14" t="s">
        <v>23</v>
      </c>
      <c r="D72265" s="14" t="s">
        <v>372</v>
      </c>
      <c r="E72265" s="15">
        <v>45736</v>
      </c>
      <c r="F72265" s="14" t="s">
        <v>53</v>
      </c>
      <c r="G72265" s="16">
        <v>0</v>
      </c>
    </row>
    <row r="72266" spans="1:7" x14ac:dyDescent="0.3">
      <c r="A72266" s="13" t="s">
        <v>371</v>
      </c>
      <c r="B72266" s="14" t="s">
        <v>1</v>
      </c>
      <c r="C72266" s="14" t="s">
        <v>23</v>
      </c>
      <c r="D72266" s="14" t="s">
        <v>372</v>
      </c>
      <c r="E72266" s="15">
        <v>45737</v>
      </c>
      <c r="F72266" s="14" t="s">
        <v>53</v>
      </c>
      <c r="G72266" s="16">
        <v>0</v>
      </c>
    </row>
    <row r="72267" spans="1:7" x14ac:dyDescent="0.3">
      <c r="A72267" s="13" t="s">
        <v>371</v>
      </c>
      <c r="B72267" s="14" t="s">
        <v>1</v>
      </c>
      <c r="C72267" s="14" t="s">
        <v>23</v>
      </c>
      <c r="D72267" s="14" t="s">
        <v>372</v>
      </c>
      <c r="E72267" s="15">
        <v>45738</v>
      </c>
      <c r="F72267" s="14" t="s">
        <v>53</v>
      </c>
      <c r="G72267" s="16">
        <v>0</v>
      </c>
    </row>
    <row r="72268" spans="1:7" x14ac:dyDescent="0.3">
      <c r="A72268" s="13" t="s">
        <v>371</v>
      </c>
      <c r="B72268" s="14" t="s">
        <v>1</v>
      </c>
      <c r="C72268" s="14" t="s">
        <v>23</v>
      </c>
      <c r="D72268" s="14" t="s">
        <v>372</v>
      </c>
      <c r="E72268" s="15">
        <v>45739</v>
      </c>
      <c r="F72268" s="14" t="s">
        <v>53</v>
      </c>
      <c r="G72268" s="16">
        <v>0</v>
      </c>
    </row>
    <row r="72269" spans="1:7" x14ac:dyDescent="0.3">
      <c r="A72269" s="13" t="s">
        <v>371</v>
      </c>
      <c r="B72269" s="14" t="s">
        <v>1</v>
      </c>
      <c r="C72269" s="14" t="s">
        <v>23</v>
      </c>
      <c r="D72269" s="14" t="s">
        <v>372</v>
      </c>
      <c r="E72269" s="15">
        <v>45740</v>
      </c>
      <c r="F72269" s="14" t="s">
        <v>53</v>
      </c>
      <c r="G72269" s="16">
        <v>0</v>
      </c>
    </row>
    <row r="72270" spans="1:7" x14ac:dyDescent="0.3">
      <c r="A72270" s="13" t="s">
        <v>371</v>
      </c>
      <c r="B72270" s="14" t="s">
        <v>1</v>
      </c>
      <c r="C72270" s="14" t="s">
        <v>23</v>
      </c>
      <c r="D72270" s="14" t="s">
        <v>372</v>
      </c>
      <c r="E72270" s="15">
        <v>45741</v>
      </c>
      <c r="F72270" s="14" t="s">
        <v>53</v>
      </c>
      <c r="G72270" s="16">
        <v>0</v>
      </c>
    </row>
    <row r="72271" spans="1:7" x14ac:dyDescent="0.3">
      <c r="A72271" s="13" t="s">
        <v>371</v>
      </c>
      <c r="B72271" s="14" t="s">
        <v>1</v>
      </c>
      <c r="C72271" s="14" t="s">
        <v>23</v>
      </c>
      <c r="D72271" s="14" t="s">
        <v>372</v>
      </c>
      <c r="E72271" s="15">
        <v>45742</v>
      </c>
      <c r="F72271" s="14" t="s">
        <v>53</v>
      </c>
      <c r="G72271" s="16">
        <v>0</v>
      </c>
    </row>
    <row r="72272" spans="1:7" x14ac:dyDescent="0.3">
      <c r="A72272" s="13" t="s">
        <v>371</v>
      </c>
      <c r="B72272" s="14" t="s">
        <v>1</v>
      </c>
      <c r="C72272" s="14" t="s">
        <v>23</v>
      </c>
      <c r="D72272" s="14" t="s">
        <v>372</v>
      </c>
      <c r="E72272" s="15">
        <v>45743</v>
      </c>
      <c r="F72272" s="14" t="s">
        <v>53</v>
      </c>
      <c r="G72272" s="16">
        <v>0</v>
      </c>
    </row>
    <row r="72273" spans="1:7" x14ac:dyDescent="0.3">
      <c r="A72273" s="13" t="s">
        <v>371</v>
      </c>
      <c r="B72273" s="14" t="s">
        <v>1</v>
      </c>
      <c r="C72273" s="14" t="s">
        <v>23</v>
      </c>
      <c r="D72273" s="14" t="s">
        <v>372</v>
      </c>
      <c r="E72273" s="15">
        <v>45744</v>
      </c>
      <c r="F72273" s="14" t="s">
        <v>53</v>
      </c>
      <c r="G72273" s="16">
        <v>0</v>
      </c>
    </row>
    <row r="72274" spans="1:7" x14ac:dyDescent="0.3">
      <c r="A72274" s="13" t="s">
        <v>371</v>
      </c>
      <c r="B72274" s="14" t="s">
        <v>1</v>
      </c>
      <c r="C72274" s="14" t="s">
        <v>23</v>
      </c>
      <c r="D72274" s="14" t="s">
        <v>372</v>
      </c>
      <c r="E72274" s="15">
        <v>45745</v>
      </c>
      <c r="F72274" s="14" t="s">
        <v>53</v>
      </c>
      <c r="G72274" s="16">
        <v>0</v>
      </c>
    </row>
    <row r="72275" spans="1:7" x14ac:dyDescent="0.3">
      <c r="A72275" s="13" t="s">
        <v>371</v>
      </c>
      <c r="B72275" s="14" t="s">
        <v>1</v>
      </c>
      <c r="C72275" s="14" t="s">
        <v>23</v>
      </c>
      <c r="D72275" s="14" t="s">
        <v>372</v>
      </c>
      <c r="E72275" s="15">
        <v>45746</v>
      </c>
      <c r="F72275" s="14" t="s">
        <v>53</v>
      </c>
      <c r="G72275" s="16">
        <v>0</v>
      </c>
    </row>
    <row r="72276" spans="1:7" x14ac:dyDescent="0.3">
      <c r="A72276" s="13" t="s">
        <v>371</v>
      </c>
      <c r="B72276" s="14" t="s">
        <v>1</v>
      </c>
      <c r="C72276" s="14" t="s">
        <v>23</v>
      </c>
      <c r="D72276" s="14" t="s">
        <v>372</v>
      </c>
      <c r="E72276" s="15">
        <v>45747</v>
      </c>
      <c r="F72276" s="14" t="s">
        <v>53</v>
      </c>
      <c r="G72276" s="16">
        <v>0</v>
      </c>
    </row>
    <row r="72277" spans="1:7" x14ac:dyDescent="0.3">
      <c r="A72277" s="13" t="s">
        <v>373</v>
      </c>
      <c r="B72277" s="14" t="s">
        <v>1</v>
      </c>
      <c r="C72277" s="14" t="s">
        <v>96</v>
      </c>
      <c r="D72277" s="14" t="s">
        <v>31</v>
      </c>
      <c r="E72277" s="15">
        <v>45383</v>
      </c>
      <c r="F72277" s="14" t="s">
        <v>15</v>
      </c>
      <c r="G72277" s="16">
        <v>0</v>
      </c>
    </row>
    <row r="72278" spans="1:7" x14ac:dyDescent="0.3">
      <c r="A72278" s="13" t="s">
        <v>373</v>
      </c>
      <c r="B72278" s="14" t="s">
        <v>1</v>
      </c>
      <c r="C72278" s="14" t="s">
        <v>96</v>
      </c>
      <c r="D72278" s="14" t="s">
        <v>31</v>
      </c>
      <c r="E72278" s="15">
        <v>45384</v>
      </c>
      <c r="F72278" s="14" t="s">
        <v>15</v>
      </c>
      <c r="G72278" s="16">
        <v>0</v>
      </c>
    </row>
    <row r="72279" spans="1:7" x14ac:dyDescent="0.3">
      <c r="A72279" s="13" t="s">
        <v>373</v>
      </c>
      <c r="B72279" s="14" t="s">
        <v>1</v>
      </c>
      <c r="C72279" s="14" t="s">
        <v>96</v>
      </c>
      <c r="D72279" s="14" t="s">
        <v>31</v>
      </c>
      <c r="E72279" s="15">
        <v>45385</v>
      </c>
      <c r="F72279" s="14" t="s">
        <v>15</v>
      </c>
      <c r="G72279" s="16">
        <v>0</v>
      </c>
    </row>
    <row r="72280" spans="1:7" x14ac:dyDescent="0.3">
      <c r="A72280" s="13" t="s">
        <v>373</v>
      </c>
      <c r="B72280" s="14" t="s">
        <v>1</v>
      </c>
      <c r="C72280" s="14" t="s">
        <v>96</v>
      </c>
      <c r="D72280" s="14" t="s">
        <v>31</v>
      </c>
      <c r="E72280" s="15">
        <v>45386</v>
      </c>
      <c r="F72280" s="14" t="s">
        <v>15</v>
      </c>
      <c r="G72280" s="16">
        <v>0</v>
      </c>
    </row>
    <row r="72281" spans="1:7" x14ac:dyDescent="0.3">
      <c r="A72281" s="13" t="s">
        <v>373</v>
      </c>
      <c r="B72281" s="14" t="s">
        <v>1</v>
      </c>
      <c r="C72281" s="14" t="s">
        <v>96</v>
      </c>
      <c r="D72281" s="14" t="s">
        <v>31</v>
      </c>
      <c r="E72281" s="15">
        <v>45387</v>
      </c>
      <c r="F72281" s="14" t="s">
        <v>15</v>
      </c>
      <c r="G72281" s="16">
        <v>0</v>
      </c>
    </row>
    <row r="72282" spans="1:7" x14ac:dyDescent="0.3">
      <c r="A72282" s="13" t="s">
        <v>373</v>
      </c>
      <c r="B72282" s="14" t="s">
        <v>1</v>
      </c>
      <c r="C72282" s="14" t="s">
        <v>96</v>
      </c>
      <c r="D72282" s="14" t="s">
        <v>31</v>
      </c>
      <c r="E72282" s="15">
        <v>45388</v>
      </c>
      <c r="F72282" s="14" t="s">
        <v>15</v>
      </c>
      <c r="G72282" s="16">
        <v>0</v>
      </c>
    </row>
    <row r="72283" spans="1:7" x14ac:dyDescent="0.3">
      <c r="A72283" s="13" t="s">
        <v>373</v>
      </c>
      <c r="B72283" s="14" t="s">
        <v>1</v>
      </c>
      <c r="C72283" s="14" t="s">
        <v>96</v>
      </c>
      <c r="D72283" s="14" t="s">
        <v>31</v>
      </c>
      <c r="E72283" s="15">
        <v>45389</v>
      </c>
      <c r="F72283" s="14" t="s">
        <v>15</v>
      </c>
      <c r="G72283" s="16">
        <v>0</v>
      </c>
    </row>
    <row r="72284" spans="1:7" x14ac:dyDescent="0.3">
      <c r="A72284" s="13" t="s">
        <v>373</v>
      </c>
      <c r="B72284" s="14" t="s">
        <v>1</v>
      </c>
      <c r="C72284" s="14" t="s">
        <v>96</v>
      </c>
      <c r="D72284" s="14" t="s">
        <v>31</v>
      </c>
      <c r="E72284" s="15">
        <v>45390</v>
      </c>
      <c r="F72284" s="14" t="s">
        <v>15</v>
      </c>
      <c r="G72284" s="16">
        <v>0</v>
      </c>
    </row>
    <row r="72285" spans="1:7" x14ac:dyDescent="0.3">
      <c r="A72285" s="13" t="s">
        <v>373</v>
      </c>
      <c r="B72285" s="14" t="s">
        <v>1</v>
      </c>
      <c r="C72285" s="14" t="s">
        <v>96</v>
      </c>
      <c r="D72285" s="14" t="s">
        <v>31</v>
      </c>
      <c r="E72285" s="15">
        <v>45391</v>
      </c>
      <c r="F72285" s="14" t="s">
        <v>15</v>
      </c>
      <c r="G72285" s="16">
        <v>0</v>
      </c>
    </row>
    <row r="72286" spans="1:7" x14ac:dyDescent="0.3">
      <c r="A72286" s="13" t="s">
        <v>373</v>
      </c>
      <c r="B72286" s="14" t="s">
        <v>1</v>
      </c>
      <c r="C72286" s="14" t="s">
        <v>96</v>
      </c>
      <c r="D72286" s="14" t="s">
        <v>31</v>
      </c>
      <c r="E72286" s="15">
        <v>45392</v>
      </c>
      <c r="F72286" s="14" t="s">
        <v>15</v>
      </c>
      <c r="G72286" s="16">
        <v>0</v>
      </c>
    </row>
    <row r="72287" spans="1:7" x14ac:dyDescent="0.3">
      <c r="A72287" s="13" t="s">
        <v>373</v>
      </c>
      <c r="B72287" s="14" t="s">
        <v>1</v>
      </c>
      <c r="C72287" s="14" t="s">
        <v>96</v>
      </c>
      <c r="D72287" s="14" t="s">
        <v>31</v>
      </c>
      <c r="E72287" s="15">
        <v>45393</v>
      </c>
      <c r="F72287" s="14" t="s">
        <v>15</v>
      </c>
      <c r="G72287" s="16">
        <v>0</v>
      </c>
    </row>
    <row r="72288" spans="1:7" x14ac:dyDescent="0.3">
      <c r="A72288" s="13" t="s">
        <v>373</v>
      </c>
      <c r="B72288" s="14" t="s">
        <v>1</v>
      </c>
      <c r="C72288" s="14" t="s">
        <v>96</v>
      </c>
      <c r="D72288" s="14" t="s">
        <v>31</v>
      </c>
      <c r="E72288" s="15">
        <v>45394</v>
      </c>
      <c r="F72288" s="14" t="s">
        <v>15</v>
      </c>
      <c r="G72288" s="16">
        <v>0</v>
      </c>
    </row>
    <row r="72289" spans="1:7" x14ac:dyDescent="0.3">
      <c r="A72289" s="13" t="s">
        <v>373</v>
      </c>
      <c r="B72289" s="14" t="s">
        <v>1</v>
      </c>
      <c r="C72289" s="14" t="s">
        <v>96</v>
      </c>
      <c r="D72289" s="14" t="s">
        <v>31</v>
      </c>
      <c r="E72289" s="15">
        <v>45395</v>
      </c>
      <c r="F72289" s="14" t="s">
        <v>15</v>
      </c>
      <c r="G72289" s="16">
        <v>0</v>
      </c>
    </row>
    <row r="72290" spans="1:7" x14ac:dyDescent="0.3">
      <c r="A72290" s="13" t="s">
        <v>373</v>
      </c>
      <c r="B72290" s="14" t="s">
        <v>1</v>
      </c>
      <c r="C72290" s="14" t="s">
        <v>96</v>
      </c>
      <c r="D72290" s="14" t="s">
        <v>31</v>
      </c>
      <c r="E72290" s="15">
        <v>45396</v>
      </c>
      <c r="F72290" s="14" t="s">
        <v>15</v>
      </c>
      <c r="G72290" s="16">
        <v>0</v>
      </c>
    </row>
    <row r="72291" spans="1:7" x14ac:dyDescent="0.3">
      <c r="A72291" s="13" t="s">
        <v>373</v>
      </c>
      <c r="B72291" s="14" t="s">
        <v>1</v>
      </c>
      <c r="C72291" s="14" t="s">
        <v>96</v>
      </c>
      <c r="D72291" s="14" t="s">
        <v>31</v>
      </c>
      <c r="E72291" s="15">
        <v>45397</v>
      </c>
      <c r="F72291" s="14" t="s">
        <v>15</v>
      </c>
      <c r="G72291" s="16">
        <v>0</v>
      </c>
    </row>
    <row r="72292" spans="1:7" x14ac:dyDescent="0.3">
      <c r="A72292" s="13" t="s">
        <v>373</v>
      </c>
      <c r="B72292" s="14" t="s">
        <v>1</v>
      </c>
      <c r="C72292" s="14" t="s">
        <v>96</v>
      </c>
      <c r="D72292" s="14" t="s">
        <v>31</v>
      </c>
      <c r="E72292" s="15">
        <v>45398</v>
      </c>
      <c r="F72292" s="14" t="s">
        <v>15</v>
      </c>
      <c r="G72292" s="16">
        <v>0</v>
      </c>
    </row>
    <row r="72293" spans="1:7" x14ac:dyDescent="0.3">
      <c r="A72293" s="13" t="s">
        <v>373</v>
      </c>
      <c r="B72293" s="14" t="s">
        <v>1</v>
      </c>
      <c r="C72293" s="14" t="s">
        <v>96</v>
      </c>
      <c r="D72293" s="14" t="s">
        <v>31</v>
      </c>
      <c r="E72293" s="15">
        <v>45399</v>
      </c>
      <c r="F72293" s="14" t="s">
        <v>15</v>
      </c>
      <c r="G72293" s="16">
        <v>0</v>
      </c>
    </row>
    <row r="72294" spans="1:7" x14ac:dyDescent="0.3">
      <c r="A72294" s="13" t="s">
        <v>373</v>
      </c>
      <c r="B72294" s="14" t="s">
        <v>1</v>
      </c>
      <c r="C72294" s="14" t="s">
        <v>96</v>
      </c>
      <c r="D72294" s="14" t="s">
        <v>31</v>
      </c>
      <c r="E72294" s="15">
        <v>45400</v>
      </c>
      <c r="F72294" s="14" t="s">
        <v>15</v>
      </c>
      <c r="G72294" s="16">
        <v>0</v>
      </c>
    </row>
    <row r="72295" spans="1:7" x14ac:dyDescent="0.3">
      <c r="A72295" s="13" t="s">
        <v>373</v>
      </c>
      <c r="B72295" s="14" t="s">
        <v>1</v>
      </c>
      <c r="C72295" s="14" t="s">
        <v>96</v>
      </c>
      <c r="D72295" s="14" t="s">
        <v>31</v>
      </c>
      <c r="E72295" s="15">
        <v>45401</v>
      </c>
      <c r="F72295" s="14" t="s">
        <v>15</v>
      </c>
      <c r="G72295" s="16">
        <v>0</v>
      </c>
    </row>
    <row r="72296" spans="1:7" x14ac:dyDescent="0.3">
      <c r="A72296" s="13" t="s">
        <v>373</v>
      </c>
      <c r="B72296" s="14" t="s">
        <v>1</v>
      </c>
      <c r="C72296" s="14" t="s">
        <v>96</v>
      </c>
      <c r="D72296" s="14" t="s">
        <v>31</v>
      </c>
      <c r="E72296" s="15">
        <v>45402</v>
      </c>
      <c r="F72296" s="14" t="s">
        <v>15</v>
      </c>
      <c r="G72296" s="16">
        <v>0</v>
      </c>
    </row>
    <row r="72297" spans="1:7" x14ac:dyDescent="0.3">
      <c r="A72297" s="13" t="s">
        <v>373</v>
      </c>
      <c r="B72297" s="14" t="s">
        <v>1</v>
      </c>
      <c r="C72297" s="14" t="s">
        <v>96</v>
      </c>
      <c r="D72297" s="14" t="s">
        <v>31</v>
      </c>
      <c r="E72297" s="15">
        <v>45403</v>
      </c>
      <c r="F72297" s="14" t="s">
        <v>15</v>
      </c>
      <c r="G72297" s="16">
        <v>0</v>
      </c>
    </row>
    <row r="72298" spans="1:7" x14ac:dyDescent="0.3">
      <c r="A72298" s="13" t="s">
        <v>373</v>
      </c>
      <c r="B72298" s="14" t="s">
        <v>1</v>
      </c>
      <c r="C72298" s="14" t="s">
        <v>96</v>
      </c>
      <c r="D72298" s="14" t="s">
        <v>31</v>
      </c>
      <c r="E72298" s="15">
        <v>45404</v>
      </c>
      <c r="F72298" s="14" t="s">
        <v>15</v>
      </c>
      <c r="G72298" s="16">
        <v>0</v>
      </c>
    </row>
    <row r="72299" spans="1:7" x14ac:dyDescent="0.3">
      <c r="A72299" s="13" t="s">
        <v>373</v>
      </c>
      <c r="B72299" s="14" t="s">
        <v>1</v>
      </c>
      <c r="C72299" s="14" t="s">
        <v>96</v>
      </c>
      <c r="D72299" s="14" t="s">
        <v>31</v>
      </c>
      <c r="E72299" s="15">
        <v>45405</v>
      </c>
      <c r="F72299" s="14" t="s">
        <v>15</v>
      </c>
      <c r="G72299" s="16">
        <v>0</v>
      </c>
    </row>
    <row r="72300" spans="1:7" x14ac:dyDescent="0.3">
      <c r="A72300" s="13" t="s">
        <v>373</v>
      </c>
      <c r="B72300" s="14" t="s">
        <v>1</v>
      </c>
      <c r="C72300" s="14" t="s">
        <v>96</v>
      </c>
      <c r="D72300" s="14" t="s">
        <v>31</v>
      </c>
      <c r="E72300" s="15">
        <v>45406</v>
      </c>
      <c r="F72300" s="14" t="s">
        <v>15</v>
      </c>
      <c r="G72300" s="16">
        <v>0</v>
      </c>
    </row>
    <row r="72301" spans="1:7" x14ac:dyDescent="0.3">
      <c r="A72301" s="13" t="s">
        <v>373</v>
      </c>
      <c r="B72301" s="14" t="s">
        <v>1</v>
      </c>
      <c r="C72301" s="14" t="s">
        <v>96</v>
      </c>
      <c r="D72301" s="14" t="s">
        <v>31</v>
      </c>
      <c r="E72301" s="15">
        <v>45407</v>
      </c>
      <c r="F72301" s="14" t="s">
        <v>15</v>
      </c>
      <c r="G72301" s="16">
        <v>0</v>
      </c>
    </row>
    <row r="72302" spans="1:7" x14ac:dyDescent="0.3">
      <c r="A72302" s="13" t="s">
        <v>373</v>
      </c>
      <c r="B72302" s="14" t="s">
        <v>1</v>
      </c>
      <c r="C72302" s="14" t="s">
        <v>96</v>
      </c>
      <c r="D72302" s="14" t="s">
        <v>31</v>
      </c>
      <c r="E72302" s="15">
        <v>45408</v>
      </c>
      <c r="F72302" s="14" t="s">
        <v>15</v>
      </c>
      <c r="G72302" s="16">
        <v>0</v>
      </c>
    </row>
    <row r="72303" spans="1:7" x14ac:dyDescent="0.3">
      <c r="A72303" s="13" t="s">
        <v>373</v>
      </c>
      <c r="B72303" s="14" t="s">
        <v>1</v>
      </c>
      <c r="C72303" s="14" t="s">
        <v>96</v>
      </c>
      <c r="D72303" s="14" t="s">
        <v>31</v>
      </c>
      <c r="E72303" s="15">
        <v>45409</v>
      </c>
      <c r="F72303" s="14" t="s">
        <v>15</v>
      </c>
      <c r="G72303" s="16">
        <v>0</v>
      </c>
    </row>
    <row r="72304" spans="1:7" x14ac:dyDescent="0.3">
      <c r="A72304" s="13" t="s">
        <v>373</v>
      </c>
      <c r="B72304" s="14" t="s">
        <v>1</v>
      </c>
      <c r="C72304" s="14" t="s">
        <v>96</v>
      </c>
      <c r="D72304" s="14" t="s">
        <v>31</v>
      </c>
      <c r="E72304" s="15">
        <v>45410</v>
      </c>
      <c r="F72304" s="14" t="s">
        <v>15</v>
      </c>
      <c r="G72304" s="16">
        <v>0</v>
      </c>
    </row>
    <row r="72305" spans="1:7" x14ac:dyDescent="0.3">
      <c r="A72305" s="13" t="s">
        <v>373</v>
      </c>
      <c r="B72305" s="14" t="s">
        <v>1</v>
      </c>
      <c r="C72305" s="14" t="s">
        <v>96</v>
      </c>
      <c r="D72305" s="14" t="s">
        <v>31</v>
      </c>
      <c r="E72305" s="15">
        <v>45411</v>
      </c>
      <c r="F72305" s="14" t="s">
        <v>15</v>
      </c>
      <c r="G72305" s="16">
        <v>0</v>
      </c>
    </row>
    <row r="72306" spans="1:7" x14ac:dyDescent="0.3">
      <c r="A72306" s="13" t="s">
        <v>373</v>
      </c>
      <c r="B72306" s="14" t="s">
        <v>1</v>
      </c>
      <c r="C72306" s="14" t="s">
        <v>96</v>
      </c>
      <c r="D72306" s="14" t="s">
        <v>31</v>
      </c>
      <c r="E72306" s="15">
        <v>45412</v>
      </c>
      <c r="F72306" s="14" t="s">
        <v>15</v>
      </c>
      <c r="G72306" s="16">
        <v>0</v>
      </c>
    </row>
    <row r="72307" spans="1:7" x14ac:dyDescent="0.3">
      <c r="A72307" s="13" t="s">
        <v>373</v>
      </c>
      <c r="B72307" s="14" t="s">
        <v>1</v>
      </c>
      <c r="C72307" s="14" t="s">
        <v>96</v>
      </c>
      <c r="D72307" s="14" t="s">
        <v>31</v>
      </c>
      <c r="E72307" s="15">
        <v>45413</v>
      </c>
      <c r="F72307" s="14" t="s">
        <v>15</v>
      </c>
      <c r="G72307" s="16">
        <v>0</v>
      </c>
    </row>
    <row r="72308" spans="1:7" x14ac:dyDescent="0.3">
      <c r="A72308" s="13" t="s">
        <v>373</v>
      </c>
      <c r="B72308" s="14" t="s">
        <v>1</v>
      </c>
      <c r="C72308" s="14" t="s">
        <v>96</v>
      </c>
      <c r="D72308" s="14" t="s">
        <v>31</v>
      </c>
      <c r="E72308" s="15">
        <v>45414</v>
      </c>
      <c r="F72308" s="14" t="s">
        <v>15</v>
      </c>
      <c r="G72308" s="16">
        <v>0</v>
      </c>
    </row>
    <row r="72309" spans="1:7" x14ac:dyDescent="0.3">
      <c r="A72309" s="13" t="s">
        <v>373</v>
      </c>
      <c r="B72309" s="14" t="s">
        <v>1</v>
      </c>
      <c r="C72309" s="14" t="s">
        <v>96</v>
      </c>
      <c r="D72309" s="14" t="s">
        <v>31</v>
      </c>
      <c r="E72309" s="15">
        <v>45415</v>
      </c>
      <c r="F72309" s="14" t="s">
        <v>15</v>
      </c>
      <c r="G72309" s="16">
        <v>0</v>
      </c>
    </row>
    <row r="72310" spans="1:7" x14ac:dyDescent="0.3">
      <c r="A72310" s="13" t="s">
        <v>373</v>
      </c>
      <c r="B72310" s="14" t="s">
        <v>1</v>
      </c>
      <c r="C72310" s="14" t="s">
        <v>96</v>
      </c>
      <c r="D72310" s="14" t="s">
        <v>31</v>
      </c>
      <c r="E72310" s="15">
        <v>45416</v>
      </c>
      <c r="F72310" s="14" t="s">
        <v>15</v>
      </c>
      <c r="G72310" s="16">
        <v>0</v>
      </c>
    </row>
    <row r="72311" spans="1:7" x14ac:dyDescent="0.3">
      <c r="A72311" s="13" t="s">
        <v>373</v>
      </c>
      <c r="B72311" s="14" t="s">
        <v>1</v>
      </c>
      <c r="C72311" s="14" t="s">
        <v>96</v>
      </c>
      <c r="D72311" s="14" t="s">
        <v>31</v>
      </c>
      <c r="E72311" s="15">
        <v>45417</v>
      </c>
      <c r="F72311" s="14" t="s">
        <v>15</v>
      </c>
      <c r="G72311" s="16">
        <v>0</v>
      </c>
    </row>
    <row r="72312" spans="1:7" x14ac:dyDescent="0.3">
      <c r="A72312" s="13" t="s">
        <v>373</v>
      </c>
      <c r="B72312" s="14" t="s">
        <v>1</v>
      </c>
      <c r="C72312" s="14" t="s">
        <v>96</v>
      </c>
      <c r="D72312" s="14" t="s">
        <v>31</v>
      </c>
      <c r="E72312" s="15">
        <v>45418</v>
      </c>
      <c r="F72312" s="14" t="s">
        <v>15</v>
      </c>
      <c r="G72312" s="16">
        <v>0</v>
      </c>
    </row>
    <row r="72313" spans="1:7" x14ac:dyDescent="0.3">
      <c r="A72313" s="13" t="s">
        <v>373</v>
      </c>
      <c r="B72313" s="14" t="s">
        <v>1</v>
      </c>
      <c r="C72313" s="14" t="s">
        <v>96</v>
      </c>
      <c r="D72313" s="14" t="s">
        <v>31</v>
      </c>
      <c r="E72313" s="15">
        <v>45419</v>
      </c>
      <c r="F72313" s="14" t="s">
        <v>15</v>
      </c>
      <c r="G72313" s="16">
        <v>0</v>
      </c>
    </row>
    <row r="72314" spans="1:7" x14ac:dyDescent="0.3">
      <c r="A72314" s="13" t="s">
        <v>373</v>
      </c>
      <c r="B72314" s="14" t="s">
        <v>1</v>
      </c>
      <c r="C72314" s="14" t="s">
        <v>96</v>
      </c>
      <c r="D72314" s="14" t="s">
        <v>31</v>
      </c>
      <c r="E72314" s="15">
        <v>45420</v>
      </c>
      <c r="F72314" s="14" t="s">
        <v>15</v>
      </c>
      <c r="G72314" s="16">
        <v>0</v>
      </c>
    </row>
    <row r="72315" spans="1:7" x14ac:dyDescent="0.3">
      <c r="A72315" s="13" t="s">
        <v>373</v>
      </c>
      <c r="B72315" s="14" t="s">
        <v>1</v>
      </c>
      <c r="C72315" s="14" t="s">
        <v>96</v>
      </c>
      <c r="D72315" s="14" t="s">
        <v>31</v>
      </c>
      <c r="E72315" s="15">
        <v>45421</v>
      </c>
      <c r="F72315" s="14" t="s">
        <v>15</v>
      </c>
      <c r="G72315" s="16">
        <v>0</v>
      </c>
    </row>
    <row r="72316" spans="1:7" x14ac:dyDescent="0.3">
      <c r="A72316" s="13" t="s">
        <v>373</v>
      </c>
      <c r="B72316" s="14" t="s">
        <v>1</v>
      </c>
      <c r="C72316" s="14" t="s">
        <v>96</v>
      </c>
      <c r="D72316" s="14" t="s">
        <v>31</v>
      </c>
      <c r="E72316" s="15">
        <v>45422</v>
      </c>
      <c r="F72316" s="14" t="s">
        <v>15</v>
      </c>
      <c r="G72316" s="16">
        <v>0</v>
      </c>
    </row>
    <row r="72317" spans="1:7" x14ac:dyDescent="0.3">
      <c r="A72317" s="13" t="s">
        <v>373</v>
      </c>
      <c r="B72317" s="14" t="s">
        <v>1</v>
      </c>
      <c r="C72317" s="14" t="s">
        <v>96</v>
      </c>
      <c r="D72317" s="14" t="s">
        <v>31</v>
      </c>
      <c r="E72317" s="15">
        <v>45423</v>
      </c>
      <c r="F72317" s="14" t="s">
        <v>15</v>
      </c>
      <c r="G72317" s="16">
        <v>0</v>
      </c>
    </row>
    <row r="72318" spans="1:7" x14ac:dyDescent="0.3">
      <c r="A72318" s="13" t="s">
        <v>373</v>
      </c>
      <c r="B72318" s="14" t="s">
        <v>1</v>
      </c>
      <c r="C72318" s="14" t="s">
        <v>96</v>
      </c>
      <c r="D72318" s="14" t="s">
        <v>31</v>
      </c>
      <c r="E72318" s="15">
        <v>45424</v>
      </c>
      <c r="F72318" s="14" t="s">
        <v>15</v>
      </c>
      <c r="G72318" s="16">
        <v>0</v>
      </c>
    </row>
    <row r="72319" spans="1:7" x14ac:dyDescent="0.3">
      <c r="A72319" s="13" t="s">
        <v>373</v>
      </c>
      <c r="B72319" s="14" t="s">
        <v>1</v>
      </c>
      <c r="C72319" s="14" t="s">
        <v>96</v>
      </c>
      <c r="D72319" s="14" t="s">
        <v>31</v>
      </c>
      <c r="E72319" s="15">
        <v>45425</v>
      </c>
      <c r="F72319" s="14" t="s">
        <v>15</v>
      </c>
      <c r="G72319" s="16">
        <v>0</v>
      </c>
    </row>
    <row r="72320" spans="1:7" x14ac:dyDescent="0.3">
      <c r="A72320" s="13" t="s">
        <v>373</v>
      </c>
      <c r="B72320" s="14" t="s">
        <v>1</v>
      </c>
      <c r="C72320" s="14" t="s">
        <v>96</v>
      </c>
      <c r="D72320" s="14" t="s">
        <v>31</v>
      </c>
      <c r="E72320" s="15">
        <v>45426</v>
      </c>
      <c r="F72320" s="14" t="s">
        <v>15</v>
      </c>
      <c r="G72320" s="16">
        <v>0</v>
      </c>
    </row>
    <row r="72321" spans="1:7" x14ac:dyDescent="0.3">
      <c r="A72321" s="13" t="s">
        <v>373</v>
      </c>
      <c r="B72321" s="14" t="s">
        <v>1</v>
      </c>
      <c r="C72321" s="14" t="s">
        <v>96</v>
      </c>
      <c r="D72321" s="14" t="s">
        <v>31</v>
      </c>
      <c r="E72321" s="15">
        <v>45427</v>
      </c>
      <c r="F72321" s="14" t="s">
        <v>15</v>
      </c>
      <c r="G72321" s="16">
        <v>0</v>
      </c>
    </row>
    <row r="72322" spans="1:7" x14ac:dyDescent="0.3">
      <c r="A72322" s="13" t="s">
        <v>373</v>
      </c>
      <c r="B72322" s="14" t="s">
        <v>1</v>
      </c>
      <c r="C72322" s="14" t="s">
        <v>96</v>
      </c>
      <c r="D72322" s="14" t="s">
        <v>31</v>
      </c>
      <c r="E72322" s="15">
        <v>45428</v>
      </c>
      <c r="F72322" s="14" t="s">
        <v>15</v>
      </c>
      <c r="G72322" s="16">
        <v>0</v>
      </c>
    </row>
    <row r="72323" spans="1:7" x14ac:dyDescent="0.3">
      <c r="A72323" s="13" t="s">
        <v>373</v>
      </c>
      <c r="B72323" s="14" t="s">
        <v>1</v>
      </c>
      <c r="C72323" s="14" t="s">
        <v>96</v>
      </c>
      <c r="D72323" s="14" t="s">
        <v>31</v>
      </c>
      <c r="E72323" s="15">
        <v>45429</v>
      </c>
      <c r="F72323" s="14" t="s">
        <v>15</v>
      </c>
      <c r="G72323" s="16">
        <v>0</v>
      </c>
    </row>
    <row r="72324" spans="1:7" x14ac:dyDescent="0.3">
      <c r="A72324" s="13" t="s">
        <v>373</v>
      </c>
      <c r="B72324" s="14" t="s">
        <v>1</v>
      </c>
      <c r="C72324" s="14" t="s">
        <v>96</v>
      </c>
      <c r="D72324" s="14" t="s">
        <v>31</v>
      </c>
      <c r="E72324" s="15">
        <v>45430</v>
      </c>
      <c r="F72324" s="14" t="s">
        <v>15</v>
      </c>
      <c r="G72324" s="16">
        <v>0</v>
      </c>
    </row>
    <row r="72325" spans="1:7" x14ac:dyDescent="0.3">
      <c r="A72325" s="13" t="s">
        <v>373</v>
      </c>
      <c r="B72325" s="14" t="s">
        <v>1</v>
      </c>
      <c r="C72325" s="14" t="s">
        <v>96</v>
      </c>
      <c r="D72325" s="14" t="s">
        <v>31</v>
      </c>
      <c r="E72325" s="15">
        <v>45431</v>
      </c>
      <c r="F72325" s="14" t="s">
        <v>15</v>
      </c>
      <c r="G72325" s="16">
        <v>0</v>
      </c>
    </row>
    <row r="72326" spans="1:7" x14ac:dyDescent="0.3">
      <c r="A72326" s="13" t="s">
        <v>373</v>
      </c>
      <c r="B72326" s="14" t="s">
        <v>1</v>
      </c>
      <c r="C72326" s="14" t="s">
        <v>96</v>
      </c>
      <c r="D72326" s="14" t="s">
        <v>31</v>
      </c>
      <c r="E72326" s="15">
        <v>45432</v>
      </c>
      <c r="F72326" s="14" t="s">
        <v>15</v>
      </c>
      <c r="G72326" s="16">
        <v>0</v>
      </c>
    </row>
    <row r="72327" spans="1:7" x14ac:dyDescent="0.3">
      <c r="A72327" s="13" t="s">
        <v>373</v>
      </c>
      <c r="B72327" s="14" t="s">
        <v>1</v>
      </c>
      <c r="C72327" s="14" t="s">
        <v>96</v>
      </c>
      <c r="D72327" s="14" t="s">
        <v>31</v>
      </c>
      <c r="E72327" s="15">
        <v>45433</v>
      </c>
      <c r="F72327" s="14" t="s">
        <v>15</v>
      </c>
      <c r="G72327" s="16">
        <v>0</v>
      </c>
    </row>
    <row r="72328" spans="1:7" x14ac:dyDescent="0.3">
      <c r="A72328" s="13" t="s">
        <v>373</v>
      </c>
      <c r="B72328" s="14" t="s">
        <v>1</v>
      </c>
      <c r="C72328" s="14" t="s">
        <v>96</v>
      </c>
      <c r="D72328" s="14" t="s">
        <v>31</v>
      </c>
      <c r="E72328" s="15">
        <v>45434</v>
      </c>
      <c r="F72328" s="14" t="s">
        <v>15</v>
      </c>
      <c r="G72328" s="16">
        <v>0</v>
      </c>
    </row>
    <row r="72329" spans="1:7" x14ac:dyDescent="0.3">
      <c r="A72329" s="13" t="s">
        <v>373</v>
      </c>
      <c r="B72329" s="14" t="s">
        <v>1</v>
      </c>
      <c r="C72329" s="14" t="s">
        <v>96</v>
      </c>
      <c r="D72329" s="14" t="s">
        <v>31</v>
      </c>
      <c r="E72329" s="15">
        <v>45435</v>
      </c>
      <c r="F72329" s="14" t="s">
        <v>15</v>
      </c>
      <c r="G72329" s="16">
        <v>0</v>
      </c>
    </row>
    <row r="72330" spans="1:7" x14ac:dyDescent="0.3">
      <c r="A72330" s="13" t="s">
        <v>373</v>
      </c>
      <c r="B72330" s="14" t="s">
        <v>1</v>
      </c>
      <c r="C72330" s="14" t="s">
        <v>96</v>
      </c>
      <c r="D72330" s="14" t="s">
        <v>31</v>
      </c>
      <c r="E72330" s="15">
        <v>45436</v>
      </c>
      <c r="F72330" s="14" t="s">
        <v>15</v>
      </c>
      <c r="G72330" s="16">
        <v>0</v>
      </c>
    </row>
    <row r="72331" spans="1:7" x14ac:dyDescent="0.3">
      <c r="A72331" s="13" t="s">
        <v>373</v>
      </c>
      <c r="B72331" s="14" t="s">
        <v>1</v>
      </c>
      <c r="C72331" s="14" t="s">
        <v>96</v>
      </c>
      <c r="D72331" s="14" t="s">
        <v>31</v>
      </c>
      <c r="E72331" s="15">
        <v>45437</v>
      </c>
      <c r="F72331" s="14" t="s">
        <v>15</v>
      </c>
      <c r="G72331" s="16">
        <v>0</v>
      </c>
    </row>
    <row r="72332" spans="1:7" x14ac:dyDescent="0.3">
      <c r="A72332" s="13" t="s">
        <v>373</v>
      </c>
      <c r="B72332" s="14" t="s">
        <v>1</v>
      </c>
      <c r="C72332" s="14" t="s">
        <v>96</v>
      </c>
      <c r="D72332" s="14" t="s">
        <v>31</v>
      </c>
      <c r="E72332" s="15">
        <v>45438</v>
      </c>
      <c r="F72332" s="14" t="s">
        <v>15</v>
      </c>
      <c r="G72332" s="16">
        <v>0</v>
      </c>
    </row>
    <row r="72333" spans="1:7" x14ac:dyDescent="0.3">
      <c r="A72333" s="13" t="s">
        <v>373</v>
      </c>
      <c r="B72333" s="14" t="s">
        <v>1</v>
      </c>
      <c r="C72333" s="14" t="s">
        <v>96</v>
      </c>
      <c r="D72333" s="14" t="s">
        <v>31</v>
      </c>
      <c r="E72333" s="15">
        <v>45439</v>
      </c>
      <c r="F72333" s="14" t="s">
        <v>15</v>
      </c>
      <c r="G72333" s="16">
        <v>0</v>
      </c>
    </row>
    <row r="72334" spans="1:7" x14ac:dyDescent="0.3">
      <c r="A72334" s="13" t="s">
        <v>373</v>
      </c>
      <c r="B72334" s="14" t="s">
        <v>1</v>
      </c>
      <c r="C72334" s="14" t="s">
        <v>96</v>
      </c>
      <c r="D72334" s="14" t="s">
        <v>31</v>
      </c>
      <c r="E72334" s="15">
        <v>45440</v>
      </c>
      <c r="F72334" s="14" t="s">
        <v>15</v>
      </c>
      <c r="G72334" s="16">
        <v>0</v>
      </c>
    </row>
    <row r="72335" spans="1:7" x14ac:dyDescent="0.3">
      <c r="A72335" s="13" t="s">
        <v>373</v>
      </c>
      <c r="B72335" s="14" t="s">
        <v>1</v>
      </c>
      <c r="C72335" s="14" t="s">
        <v>96</v>
      </c>
      <c r="D72335" s="14" t="s">
        <v>31</v>
      </c>
      <c r="E72335" s="15">
        <v>45441</v>
      </c>
      <c r="F72335" s="14" t="s">
        <v>15</v>
      </c>
      <c r="G72335" s="16">
        <v>0</v>
      </c>
    </row>
    <row r="72336" spans="1:7" x14ac:dyDescent="0.3">
      <c r="A72336" s="13" t="s">
        <v>373</v>
      </c>
      <c r="B72336" s="14" t="s">
        <v>1</v>
      </c>
      <c r="C72336" s="14" t="s">
        <v>96</v>
      </c>
      <c r="D72336" s="14" t="s">
        <v>31</v>
      </c>
      <c r="E72336" s="15">
        <v>45442</v>
      </c>
      <c r="F72336" s="14" t="s">
        <v>15</v>
      </c>
      <c r="G72336" s="16">
        <v>0</v>
      </c>
    </row>
    <row r="72337" spans="1:7" x14ac:dyDescent="0.3">
      <c r="A72337" s="13" t="s">
        <v>373</v>
      </c>
      <c r="B72337" s="14" t="s">
        <v>1</v>
      </c>
      <c r="C72337" s="14" t="s">
        <v>96</v>
      </c>
      <c r="D72337" s="14" t="s">
        <v>31</v>
      </c>
      <c r="E72337" s="15">
        <v>45443</v>
      </c>
      <c r="F72337" s="14" t="s">
        <v>15</v>
      </c>
      <c r="G72337" s="16">
        <v>0</v>
      </c>
    </row>
    <row r="72338" spans="1:7" x14ac:dyDescent="0.3">
      <c r="A72338" s="13" t="s">
        <v>373</v>
      </c>
      <c r="B72338" s="14" t="s">
        <v>1</v>
      </c>
      <c r="C72338" s="14" t="s">
        <v>96</v>
      </c>
      <c r="D72338" s="14" t="s">
        <v>31</v>
      </c>
      <c r="E72338" s="15">
        <v>45444</v>
      </c>
      <c r="F72338" s="14" t="s">
        <v>15</v>
      </c>
      <c r="G72338" s="16">
        <v>0</v>
      </c>
    </row>
    <row r="72339" spans="1:7" x14ac:dyDescent="0.3">
      <c r="A72339" s="13" t="s">
        <v>373</v>
      </c>
      <c r="B72339" s="14" t="s">
        <v>1</v>
      </c>
      <c r="C72339" s="14" t="s">
        <v>96</v>
      </c>
      <c r="D72339" s="14" t="s">
        <v>31</v>
      </c>
      <c r="E72339" s="15">
        <v>45445</v>
      </c>
      <c r="F72339" s="14" t="s">
        <v>15</v>
      </c>
      <c r="G72339" s="16">
        <v>0</v>
      </c>
    </row>
    <row r="72340" spans="1:7" x14ac:dyDescent="0.3">
      <c r="A72340" s="13" t="s">
        <v>373</v>
      </c>
      <c r="B72340" s="14" t="s">
        <v>1</v>
      </c>
      <c r="C72340" s="14" t="s">
        <v>96</v>
      </c>
      <c r="D72340" s="14" t="s">
        <v>31</v>
      </c>
      <c r="E72340" s="15">
        <v>45446</v>
      </c>
      <c r="F72340" s="14" t="s">
        <v>15</v>
      </c>
      <c r="G72340" s="16">
        <v>0</v>
      </c>
    </row>
    <row r="72341" spans="1:7" x14ac:dyDescent="0.3">
      <c r="A72341" s="13" t="s">
        <v>373</v>
      </c>
      <c r="B72341" s="14" t="s">
        <v>1</v>
      </c>
      <c r="C72341" s="14" t="s">
        <v>96</v>
      </c>
      <c r="D72341" s="14" t="s">
        <v>31</v>
      </c>
      <c r="E72341" s="15">
        <v>45447</v>
      </c>
      <c r="F72341" s="14" t="s">
        <v>15</v>
      </c>
      <c r="G72341" s="16">
        <v>0</v>
      </c>
    </row>
    <row r="72342" spans="1:7" x14ac:dyDescent="0.3">
      <c r="A72342" s="13" t="s">
        <v>373</v>
      </c>
      <c r="B72342" s="14" t="s">
        <v>1</v>
      </c>
      <c r="C72342" s="14" t="s">
        <v>96</v>
      </c>
      <c r="D72342" s="14" t="s">
        <v>31</v>
      </c>
      <c r="E72342" s="15">
        <v>45448</v>
      </c>
      <c r="F72342" s="14" t="s">
        <v>15</v>
      </c>
      <c r="G72342" s="16">
        <v>0</v>
      </c>
    </row>
    <row r="72343" spans="1:7" x14ac:dyDescent="0.3">
      <c r="A72343" s="13" t="s">
        <v>373</v>
      </c>
      <c r="B72343" s="14" t="s">
        <v>1</v>
      </c>
      <c r="C72343" s="14" t="s">
        <v>96</v>
      </c>
      <c r="D72343" s="14" t="s">
        <v>31</v>
      </c>
      <c r="E72343" s="15">
        <v>45449</v>
      </c>
      <c r="F72343" s="14" t="s">
        <v>15</v>
      </c>
      <c r="G72343" s="16">
        <v>0</v>
      </c>
    </row>
    <row r="72344" spans="1:7" x14ac:dyDescent="0.3">
      <c r="A72344" s="13" t="s">
        <v>373</v>
      </c>
      <c r="B72344" s="14" t="s">
        <v>1</v>
      </c>
      <c r="C72344" s="14" t="s">
        <v>96</v>
      </c>
      <c r="D72344" s="14" t="s">
        <v>31</v>
      </c>
      <c r="E72344" s="15">
        <v>45450</v>
      </c>
      <c r="F72344" s="14" t="s">
        <v>15</v>
      </c>
      <c r="G72344" s="16">
        <v>0</v>
      </c>
    </row>
    <row r="72345" spans="1:7" x14ac:dyDescent="0.3">
      <c r="A72345" s="13" t="s">
        <v>373</v>
      </c>
      <c r="B72345" s="14" t="s">
        <v>1</v>
      </c>
      <c r="C72345" s="14" t="s">
        <v>96</v>
      </c>
      <c r="D72345" s="14" t="s">
        <v>31</v>
      </c>
      <c r="E72345" s="15">
        <v>45451</v>
      </c>
      <c r="F72345" s="14" t="s">
        <v>15</v>
      </c>
      <c r="G72345" s="16">
        <v>0</v>
      </c>
    </row>
    <row r="72346" spans="1:7" x14ac:dyDescent="0.3">
      <c r="A72346" s="13" t="s">
        <v>373</v>
      </c>
      <c r="B72346" s="14" t="s">
        <v>1</v>
      </c>
      <c r="C72346" s="14" t="s">
        <v>96</v>
      </c>
      <c r="D72346" s="14" t="s">
        <v>31</v>
      </c>
      <c r="E72346" s="15">
        <v>45452</v>
      </c>
      <c r="F72346" s="14" t="s">
        <v>15</v>
      </c>
      <c r="G72346" s="16">
        <v>0</v>
      </c>
    </row>
    <row r="72347" spans="1:7" x14ac:dyDescent="0.3">
      <c r="A72347" s="13" t="s">
        <v>373</v>
      </c>
      <c r="B72347" s="14" t="s">
        <v>1</v>
      </c>
      <c r="C72347" s="14" t="s">
        <v>96</v>
      </c>
      <c r="D72347" s="14" t="s">
        <v>31</v>
      </c>
      <c r="E72347" s="15">
        <v>45453</v>
      </c>
      <c r="F72347" s="14" t="s">
        <v>15</v>
      </c>
      <c r="G72347" s="16">
        <v>0</v>
      </c>
    </row>
    <row r="72348" spans="1:7" x14ac:dyDescent="0.3">
      <c r="A72348" s="13" t="s">
        <v>373</v>
      </c>
      <c r="B72348" s="14" t="s">
        <v>1</v>
      </c>
      <c r="C72348" s="14" t="s">
        <v>96</v>
      </c>
      <c r="D72348" s="14" t="s">
        <v>31</v>
      </c>
      <c r="E72348" s="15">
        <v>45454</v>
      </c>
      <c r="F72348" s="14" t="s">
        <v>15</v>
      </c>
      <c r="G72348" s="16">
        <v>0</v>
      </c>
    </row>
    <row r="72349" spans="1:7" x14ac:dyDescent="0.3">
      <c r="A72349" s="13" t="s">
        <v>373</v>
      </c>
      <c r="B72349" s="14" t="s">
        <v>1</v>
      </c>
      <c r="C72349" s="14" t="s">
        <v>96</v>
      </c>
      <c r="D72349" s="14" t="s">
        <v>31</v>
      </c>
      <c r="E72349" s="15">
        <v>45455</v>
      </c>
      <c r="F72349" s="14" t="s">
        <v>15</v>
      </c>
      <c r="G72349" s="16">
        <v>0</v>
      </c>
    </row>
    <row r="72350" spans="1:7" x14ac:dyDescent="0.3">
      <c r="A72350" s="13" t="s">
        <v>373</v>
      </c>
      <c r="B72350" s="14" t="s">
        <v>1</v>
      </c>
      <c r="C72350" s="14" t="s">
        <v>96</v>
      </c>
      <c r="D72350" s="14" t="s">
        <v>31</v>
      </c>
      <c r="E72350" s="15">
        <v>45456</v>
      </c>
      <c r="F72350" s="14" t="s">
        <v>15</v>
      </c>
      <c r="G72350" s="16">
        <v>0</v>
      </c>
    </row>
    <row r="72351" spans="1:7" x14ac:dyDescent="0.3">
      <c r="A72351" s="13" t="s">
        <v>373</v>
      </c>
      <c r="B72351" s="14" t="s">
        <v>1</v>
      </c>
      <c r="C72351" s="14" t="s">
        <v>96</v>
      </c>
      <c r="D72351" s="14" t="s">
        <v>31</v>
      </c>
      <c r="E72351" s="15">
        <v>45457</v>
      </c>
      <c r="F72351" s="14" t="s">
        <v>15</v>
      </c>
      <c r="G72351" s="16">
        <v>0</v>
      </c>
    </row>
    <row r="72352" spans="1:7" x14ac:dyDescent="0.3">
      <c r="A72352" s="13" t="s">
        <v>373</v>
      </c>
      <c r="B72352" s="14" t="s">
        <v>1</v>
      </c>
      <c r="C72352" s="14" t="s">
        <v>96</v>
      </c>
      <c r="D72352" s="14" t="s">
        <v>31</v>
      </c>
      <c r="E72352" s="15">
        <v>45458</v>
      </c>
      <c r="F72352" s="14" t="s">
        <v>15</v>
      </c>
      <c r="G72352" s="16">
        <v>0</v>
      </c>
    </row>
    <row r="72353" spans="1:7" x14ac:dyDescent="0.3">
      <c r="A72353" s="13" t="s">
        <v>373</v>
      </c>
      <c r="B72353" s="14" t="s">
        <v>1</v>
      </c>
      <c r="C72353" s="14" t="s">
        <v>96</v>
      </c>
      <c r="D72353" s="14" t="s">
        <v>31</v>
      </c>
      <c r="E72353" s="15">
        <v>45459</v>
      </c>
      <c r="F72353" s="14" t="s">
        <v>15</v>
      </c>
      <c r="G72353" s="16">
        <v>0</v>
      </c>
    </row>
    <row r="72354" spans="1:7" x14ac:dyDescent="0.3">
      <c r="A72354" s="13" t="s">
        <v>373</v>
      </c>
      <c r="B72354" s="14" t="s">
        <v>1</v>
      </c>
      <c r="C72354" s="14" t="s">
        <v>96</v>
      </c>
      <c r="D72354" s="14" t="s">
        <v>31</v>
      </c>
      <c r="E72354" s="15">
        <v>45460</v>
      </c>
      <c r="F72354" s="14" t="s">
        <v>15</v>
      </c>
      <c r="G72354" s="16">
        <v>0</v>
      </c>
    </row>
    <row r="72355" spans="1:7" x14ac:dyDescent="0.3">
      <c r="A72355" s="13" t="s">
        <v>373</v>
      </c>
      <c r="B72355" s="14" t="s">
        <v>1</v>
      </c>
      <c r="C72355" s="14" t="s">
        <v>96</v>
      </c>
      <c r="D72355" s="14" t="s">
        <v>31</v>
      </c>
      <c r="E72355" s="15">
        <v>45461</v>
      </c>
      <c r="F72355" s="14" t="s">
        <v>15</v>
      </c>
      <c r="G72355" s="16">
        <v>0</v>
      </c>
    </row>
    <row r="72356" spans="1:7" x14ac:dyDescent="0.3">
      <c r="A72356" s="13" t="s">
        <v>373</v>
      </c>
      <c r="B72356" s="14" t="s">
        <v>1</v>
      </c>
      <c r="C72356" s="14" t="s">
        <v>96</v>
      </c>
      <c r="D72356" s="14" t="s">
        <v>31</v>
      </c>
      <c r="E72356" s="15">
        <v>45462</v>
      </c>
      <c r="F72356" s="14" t="s">
        <v>15</v>
      </c>
      <c r="G72356" s="16">
        <v>0</v>
      </c>
    </row>
    <row r="72357" spans="1:7" x14ac:dyDescent="0.3">
      <c r="A72357" s="13" t="s">
        <v>373</v>
      </c>
      <c r="B72357" s="14" t="s">
        <v>1</v>
      </c>
      <c r="C72357" s="14" t="s">
        <v>96</v>
      </c>
      <c r="D72357" s="14" t="s">
        <v>31</v>
      </c>
      <c r="E72357" s="15">
        <v>45463</v>
      </c>
      <c r="F72357" s="14" t="s">
        <v>15</v>
      </c>
      <c r="G72357" s="16">
        <v>0</v>
      </c>
    </row>
    <row r="72358" spans="1:7" x14ac:dyDescent="0.3">
      <c r="A72358" s="13" t="s">
        <v>373</v>
      </c>
      <c r="B72358" s="14" t="s">
        <v>1</v>
      </c>
      <c r="C72358" s="14" t="s">
        <v>96</v>
      </c>
      <c r="D72358" s="14" t="s">
        <v>31</v>
      </c>
      <c r="E72358" s="15">
        <v>45464</v>
      </c>
      <c r="F72358" s="14" t="s">
        <v>15</v>
      </c>
      <c r="G72358" s="16">
        <v>0</v>
      </c>
    </row>
    <row r="72359" spans="1:7" x14ac:dyDescent="0.3">
      <c r="A72359" s="13" t="s">
        <v>373</v>
      </c>
      <c r="B72359" s="14" t="s">
        <v>1</v>
      </c>
      <c r="C72359" s="14" t="s">
        <v>96</v>
      </c>
      <c r="D72359" s="14" t="s">
        <v>31</v>
      </c>
      <c r="E72359" s="15">
        <v>45465</v>
      </c>
      <c r="F72359" s="14" t="s">
        <v>15</v>
      </c>
      <c r="G72359" s="16">
        <v>0</v>
      </c>
    </row>
    <row r="72360" spans="1:7" x14ac:dyDescent="0.3">
      <c r="A72360" s="13" t="s">
        <v>373</v>
      </c>
      <c r="B72360" s="14" t="s">
        <v>1</v>
      </c>
      <c r="C72360" s="14" t="s">
        <v>96</v>
      </c>
      <c r="D72360" s="14" t="s">
        <v>31</v>
      </c>
      <c r="E72360" s="15">
        <v>45466</v>
      </c>
      <c r="F72360" s="14" t="s">
        <v>15</v>
      </c>
      <c r="G72360" s="16">
        <v>0</v>
      </c>
    </row>
    <row r="72361" spans="1:7" x14ac:dyDescent="0.3">
      <c r="A72361" s="13" t="s">
        <v>373</v>
      </c>
      <c r="B72361" s="14" t="s">
        <v>1</v>
      </c>
      <c r="C72361" s="14" t="s">
        <v>96</v>
      </c>
      <c r="D72361" s="14" t="s">
        <v>31</v>
      </c>
      <c r="E72361" s="15">
        <v>45467</v>
      </c>
      <c r="F72361" s="14" t="s">
        <v>15</v>
      </c>
      <c r="G72361" s="16">
        <v>0</v>
      </c>
    </row>
    <row r="72362" spans="1:7" x14ac:dyDescent="0.3">
      <c r="A72362" s="13" t="s">
        <v>373</v>
      </c>
      <c r="B72362" s="14" t="s">
        <v>1</v>
      </c>
      <c r="C72362" s="14" t="s">
        <v>96</v>
      </c>
      <c r="D72362" s="14" t="s">
        <v>31</v>
      </c>
      <c r="E72362" s="15">
        <v>45468</v>
      </c>
      <c r="F72362" s="14" t="s">
        <v>15</v>
      </c>
      <c r="G72362" s="16">
        <v>0</v>
      </c>
    </row>
    <row r="72363" spans="1:7" x14ac:dyDescent="0.3">
      <c r="A72363" s="13" t="s">
        <v>373</v>
      </c>
      <c r="B72363" s="14" t="s">
        <v>1</v>
      </c>
      <c r="C72363" s="14" t="s">
        <v>96</v>
      </c>
      <c r="D72363" s="14" t="s">
        <v>31</v>
      </c>
      <c r="E72363" s="15">
        <v>45469</v>
      </c>
      <c r="F72363" s="14" t="s">
        <v>15</v>
      </c>
      <c r="G72363" s="16">
        <v>0</v>
      </c>
    </row>
    <row r="72364" spans="1:7" x14ac:dyDescent="0.3">
      <c r="A72364" s="13" t="s">
        <v>373</v>
      </c>
      <c r="B72364" s="14" t="s">
        <v>1</v>
      </c>
      <c r="C72364" s="14" t="s">
        <v>96</v>
      </c>
      <c r="D72364" s="14" t="s">
        <v>31</v>
      </c>
      <c r="E72364" s="15">
        <v>45470</v>
      </c>
      <c r="F72364" s="14" t="s">
        <v>15</v>
      </c>
      <c r="G72364" s="16">
        <v>0</v>
      </c>
    </row>
    <row r="72365" spans="1:7" x14ac:dyDescent="0.3">
      <c r="A72365" s="13" t="s">
        <v>373</v>
      </c>
      <c r="B72365" s="14" t="s">
        <v>1</v>
      </c>
      <c r="C72365" s="14" t="s">
        <v>96</v>
      </c>
      <c r="D72365" s="14" t="s">
        <v>31</v>
      </c>
      <c r="E72365" s="15">
        <v>45471</v>
      </c>
      <c r="F72365" s="14" t="s">
        <v>15</v>
      </c>
      <c r="G72365" s="16">
        <v>0</v>
      </c>
    </row>
    <row r="72366" spans="1:7" x14ac:dyDescent="0.3">
      <c r="A72366" s="13" t="s">
        <v>373</v>
      </c>
      <c r="B72366" s="14" t="s">
        <v>1</v>
      </c>
      <c r="C72366" s="14" t="s">
        <v>96</v>
      </c>
      <c r="D72366" s="14" t="s">
        <v>31</v>
      </c>
      <c r="E72366" s="15">
        <v>45472</v>
      </c>
      <c r="F72366" s="14" t="s">
        <v>15</v>
      </c>
      <c r="G72366" s="16">
        <v>0</v>
      </c>
    </row>
    <row r="72367" spans="1:7" x14ac:dyDescent="0.3">
      <c r="A72367" s="13" t="s">
        <v>373</v>
      </c>
      <c r="B72367" s="14" t="s">
        <v>1</v>
      </c>
      <c r="C72367" s="14" t="s">
        <v>96</v>
      </c>
      <c r="D72367" s="14" t="s">
        <v>31</v>
      </c>
      <c r="E72367" s="15">
        <v>45473</v>
      </c>
      <c r="F72367" s="14" t="s">
        <v>15</v>
      </c>
      <c r="G72367" s="16">
        <v>0</v>
      </c>
    </row>
    <row r="72368" spans="1:7" x14ac:dyDescent="0.3">
      <c r="A72368" s="13" t="s">
        <v>373</v>
      </c>
      <c r="B72368" s="14" t="s">
        <v>1</v>
      </c>
      <c r="C72368" s="14" t="s">
        <v>96</v>
      </c>
      <c r="D72368" s="14" t="s">
        <v>31</v>
      </c>
      <c r="E72368" s="15">
        <v>45474</v>
      </c>
      <c r="F72368" s="14" t="s">
        <v>15</v>
      </c>
      <c r="G72368" s="16">
        <v>0</v>
      </c>
    </row>
    <row r="72369" spans="1:7" x14ac:dyDescent="0.3">
      <c r="A72369" s="13" t="s">
        <v>373</v>
      </c>
      <c r="B72369" s="14" t="s">
        <v>1</v>
      </c>
      <c r="C72369" s="14" t="s">
        <v>96</v>
      </c>
      <c r="D72369" s="14" t="s">
        <v>31</v>
      </c>
      <c r="E72369" s="15">
        <v>45475</v>
      </c>
      <c r="F72369" s="14" t="s">
        <v>15</v>
      </c>
      <c r="G72369" s="16">
        <v>0</v>
      </c>
    </row>
    <row r="72370" spans="1:7" x14ac:dyDescent="0.3">
      <c r="A72370" s="13" t="s">
        <v>373</v>
      </c>
      <c r="B72370" s="14" t="s">
        <v>1</v>
      </c>
      <c r="C72370" s="14" t="s">
        <v>96</v>
      </c>
      <c r="D72370" s="14" t="s">
        <v>31</v>
      </c>
      <c r="E72370" s="15">
        <v>45476</v>
      </c>
      <c r="F72370" s="14" t="s">
        <v>15</v>
      </c>
      <c r="G72370" s="16">
        <v>0</v>
      </c>
    </row>
    <row r="72371" spans="1:7" x14ac:dyDescent="0.3">
      <c r="A72371" s="13" t="s">
        <v>373</v>
      </c>
      <c r="B72371" s="14" t="s">
        <v>1</v>
      </c>
      <c r="C72371" s="14" t="s">
        <v>96</v>
      </c>
      <c r="D72371" s="14" t="s">
        <v>31</v>
      </c>
      <c r="E72371" s="15">
        <v>45477</v>
      </c>
      <c r="F72371" s="14" t="s">
        <v>15</v>
      </c>
      <c r="G72371" s="16">
        <v>0</v>
      </c>
    </row>
    <row r="72372" spans="1:7" x14ac:dyDescent="0.3">
      <c r="A72372" s="13" t="s">
        <v>373</v>
      </c>
      <c r="B72372" s="14" t="s">
        <v>1</v>
      </c>
      <c r="C72372" s="14" t="s">
        <v>96</v>
      </c>
      <c r="D72372" s="14" t="s">
        <v>31</v>
      </c>
      <c r="E72372" s="15">
        <v>45478</v>
      </c>
      <c r="F72372" s="14" t="s">
        <v>15</v>
      </c>
      <c r="G72372" s="16">
        <v>0</v>
      </c>
    </row>
    <row r="72373" spans="1:7" x14ac:dyDescent="0.3">
      <c r="A72373" s="13" t="s">
        <v>373</v>
      </c>
      <c r="B72373" s="14" t="s">
        <v>1</v>
      </c>
      <c r="C72373" s="14" t="s">
        <v>96</v>
      </c>
      <c r="D72373" s="14" t="s">
        <v>31</v>
      </c>
      <c r="E72373" s="15">
        <v>45479</v>
      </c>
      <c r="F72373" s="14" t="s">
        <v>15</v>
      </c>
      <c r="G72373" s="16">
        <v>0</v>
      </c>
    </row>
    <row r="72374" spans="1:7" x14ac:dyDescent="0.3">
      <c r="A72374" s="13" t="s">
        <v>373</v>
      </c>
      <c r="B72374" s="14" t="s">
        <v>1</v>
      </c>
      <c r="C72374" s="14" t="s">
        <v>96</v>
      </c>
      <c r="D72374" s="14" t="s">
        <v>31</v>
      </c>
      <c r="E72374" s="15">
        <v>45480</v>
      </c>
      <c r="F72374" s="14" t="s">
        <v>15</v>
      </c>
      <c r="G72374" s="16">
        <v>0</v>
      </c>
    </row>
    <row r="72375" spans="1:7" x14ac:dyDescent="0.3">
      <c r="A72375" s="13" t="s">
        <v>373</v>
      </c>
      <c r="B72375" s="14" t="s">
        <v>1</v>
      </c>
      <c r="C72375" s="14" t="s">
        <v>96</v>
      </c>
      <c r="D72375" s="14" t="s">
        <v>31</v>
      </c>
      <c r="E72375" s="15">
        <v>45481</v>
      </c>
      <c r="F72375" s="14" t="s">
        <v>15</v>
      </c>
      <c r="G72375" s="16">
        <v>0</v>
      </c>
    </row>
    <row r="72376" spans="1:7" x14ac:dyDescent="0.3">
      <c r="A72376" s="13" t="s">
        <v>373</v>
      </c>
      <c r="B72376" s="14" t="s">
        <v>1</v>
      </c>
      <c r="C72376" s="14" t="s">
        <v>96</v>
      </c>
      <c r="D72376" s="14" t="s">
        <v>31</v>
      </c>
      <c r="E72376" s="15">
        <v>45482</v>
      </c>
      <c r="F72376" s="14" t="s">
        <v>15</v>
      </c>
      <c r="G72376" s="16">
        <v>0</v>
      </c>
    </row>
    <row r="72377" spans="1:7" x14ac:dyDescent="0.3">
      <c r="A72377" s="13" t="s">
        <v>373</v>
      </c>
      <c r="B72377" s="14" t="s">
        <v>1</v>
      </c>
      <c r="C72377" s="14" t="s">
        <v>96</v>
      </c>
      <c r="D72377" s="14" t="s">
        <v>31</v>
      </c>
      <c r="E72377" s="15">
        <v>45483</v>
      </c>
      <c r="F72377" s="14" t="s">
        <v>15</v>
      </c>
      <c r="G72377" s="16">
        <v>0</v>
      </c>
    </row>
    <row r="72378" spans="1:7" x14ac:dyDescent="0.3">
      <c r="A72378" s="13" t="s">
        <v>373</v>
      </c>
      <c r="B72378" s="14" t="s">
        <v>1</v>
      </c>
      <c r="C72378" s="14" t="s">
        <v>96</v>
      </c>
      <c r="D72378" s="14" t="s">
        <v>31</v>
      </c>
      <c r="E72378" s="15">
        <v>45484</v>
      </c>
      <c r="F72378" s="14" t="s">
        <v>15</v>
      </c>
      <c r="G72378" s="16">
        <v>0</v>
      </c>
    </row>
    <row r="72379" spans="1:7" x14ac:dyDescent="0.3">
      <c r="A72379" s="13" t="s">
        <v>373</v>
      </c>
      <c r="B72379" s="14" t="s">
        <v>1</v>
      </c>
      <c r="C72379" s="14" t="s">
        <v>96</v>
      </c>
      <c r="D72379" s="14" t="s">
        <v>31</v>
      </c>
      <c r="E72379" s="15">
        <v>45485</v>
      </c>
      <c r="F72379" s="14" t="s">
        <v>15</v>
      </c>
      <c r="G72379" s="16">
        <v>0</v>
      </c>
    </row>
    <row r="72380" spans="1:7" x14ac:dyDescent="0.3">
      <c r="A72380" s="13" t="s">
        <v>373</v>
      </c>
      <c r="B72380" s="14" t="s">
        <v>1</v>
      </c>
      <c r="C72380" s="14" t="s">
        <v>96</v>
      </c>
      <c r="D72380" s="14" t="s">
        <v>31</v>
      </c>
      <c r="E72380" s="15">
        <v>45486</v>
      </c>
      <c r="F72380" s="14" t="s">
        <v>15</v>
      </c>
      <c r="G72380" s="16">
        <v>0</v>
      </c>
    </row>
    <row r="72381" spans="1:7" x14ac:dyDescent="0.3">
      <c r="A72381" s="13" t="s">
        <v>373</v>
      </c>
      <c r="B72381" s="14" t="s">
        <v>1</v>
      </c>
      <c r="C72381" s="14" t="s">
        <v>96</v>
      </c>
      <c r="D72381" s="14" t="s">
        <v>31</v>
      </c>
      <c r="E72381" s="15">
        <v>45487</v>
      </c>
      <c r="F72381" s="14" t="s">
        <v>15</v>
      </c>
      <c r="G72381" s="16">
        <v>0</v>
      </c>
    </row>
    <row r="72382" spans="1:7" x14ac:dyDescent="0.3">
      <c r="A72382" s="13" t="s">
        <v>373</v>
      </c>
      <c r="B72382" s="14" t="s">
        <v>1</v>
      </c>
      <c r="C72382" s="14" t="s">
        <v>96</v>
      </c>
      <c r="D72382" s="14" t="s">
        <v>31</v>
      </c>
      <c r="E72382" s="15">
        <v>45488</v>
      </c>
      <c r="F72382" s="14" t="s">
        <v>15</v>
      </c>
      <c r="G72382" s="16">
        <v>0</v>
      </c>
    </row>
    <row r="72383" spans="1:7" x14ac:dyDescent="0.3">
      <c r="A72383" s="13" t="s">
        <v>373</v>
      </c>
      <c r="B72383" s="14" t="s">
        <v>1</v>
      </c>
      <c r="C72383" s="14" t="s">
        <v>96</v>
      </c>
      <c r="D72383" s="14" t="s">
        <v>31</v>
      </c>
      <c r="E72383" s="15">
        <v>45489</v>
      </c>
      <c r="F72383" s="14" t="s">
        <v>15</v>
      </c>
      <c r="G72383" s="16">
        <v>0</v>
      </c>
    </row>
    <row r="72384" spans="1:7" x14ac:dyDescent="0.3">
      <c r="A72384" s="13" t="s">
        <v>373</v>
      </c>
      <c r="B72384" s="14" t="s">
        <v>1</v>
      </c>
      <c r="C72384" s="14" t="s">
        <v>96</v>
      </c>
      <c r="D72384" s="14" t="s">
        <v>31</v>
      </c>
      <c r="E72384" s="15">
        <v>45490</v>
      </c>
      <c r="F72384" s="14" t="s">
        <v>15</v>
      </c>
      <c r="G72384" s="16">
        <v>0</v>
      </c>
    </row>
    <row r="72385" spans="1:7" x14ac:dyDescent="0.3">
      <c r="A72385" s="13" t="s">
        <v>373</v>
      </c>
      <c r="B72385" s="14" t="s">
        <v>1</v>
      </c>
      <c r="C72385" s="14" t="s">
        <v>96</v>
      </c>
      <c r="D72385" s="14" t="s">
        <v>31</v>
      </c>
      <c r="E72385" s="15">
        <v>45491</v>
      </c>
      <c r="F72385" s="14" t="s">
        <v>15</v>
      </c>
      <c r="G72385" s="16">
        <v>0</v>
      </c>
    </row>
    <row r="72386" spans="1:7" x14ac:dyDescent="0.3">
      <c r="A72386" s="13" t="s">
        <v>373</v>
      </c>
      <c r="B72386" s="14" t="s">
        <v>1</v>
      </c>
      <c r="C72386" s="14" t="s">
        <v>96</v>
      </c>
      <c r="D72386" s="14" t="s">
        <v>31</v>
      </c>
      <c r="E72386" s="15">
        <v>45492</v>
      </c>
      <c r="F72386" s="14" t="s">
        <v>15</v>
      </c>
      <c r="G72386" s="16">
        <v>0</v>
      </c>
    </row>
    <row r="72387" spans="1:7" x14ac:dyDescent="0.3">
      <c r="A72387" s="13" t="s">
        <v>373</v>
      </c>
      <c r="B72387" s="14" t="s">
        <v>1</v>
      </c>
      <c r="C72387" s="14" t="s">
        <v>96</v>
      </c>
      <c r="D72387" s="14" t="s">
        <v>31</v>
      </c>
      <c r="E72387" s="15">
        <v>45493</v>
      </c>
      <c r="F72387" s="14" t="s">
        <v>15</v>
      </c>
      <c r="G72387" s="16">
        <v>0</v>
      </c>
    </row>
    <row r="72388" spans="1:7" x14ac:dyDescent="0.3">
      <c r="A72388" s="13" t="s">
        <v>373</v>
      </c>
      <c r="B72388" s="14" t="s">
        <v>1</v>
      </c>
      <c r="C72388" s="14" t="s">
        <v>96</v>
      </c>
      <c r="D72388" s="14" t="s">
        <v>31</v>
      </c>
      <c r="E72388" s="15">
        <v>45494</v>
      </c>
      <c r="F72388" s="14" t="s">
        <v>15</v>
      </c>
      <c r="G72388" s="16">
        <v>0</v>
      </c>
    </row>
    <row r="72389" spans="1:7" x14ac:dyDescent="0.3">
      <c r="A72389" s="13" t="s">
        <v>373</v>
      </c>
      <c r="B72389" s="14" t="s">
        <v>1</v>
      </c>
      <c r="C72389" s="14" t="s">
        <v>96</v>
      </c>
      <c r="D72389" s="14" t="s">
        <v>31</v>
      </c>
      <c r="E72389" s="15">
        <v>45495</v>
      </c>
      <c r="F72389" s="14" t="s">
        <v>15</v>
      </c>
      <c r="G72389" s="16">
        <v>0</v>
      </c>
    </row>
    <row r="72390" spans="1:7" x14ac:dyDescent="0.3">
      <c r="A72390" s="13" t="s">
        <v>373</v>
      </c>
      <c r="B72390" s="14" t="s">
        <v>1</v>
      </c>
      <c r="C72390" s="14" t="s">
        <v>96</v>
      </c>
      <c r="D72390" s="14" t="s">
        <v>31</v>
      </c>
      <c r="E72390" s="15">
        <v>45496</v>
      </c>
      <c r="F72390" s="14" t="s">
        <v>15</v>
      </c>
      <c r="G72390" s="16">
        <v>0</v>
      </c>
    </row>
    <row r="72391" spans="1:7" x14ac:dyDescent="0.3">
      <c r="A72391" s="13" t="s">
        <v>373</v>
      </c>
      <c r="B72391" s="14" t="s">
        <v>1</v>
      </c>
      <c r="C72391" s="14" t="s">
        <v>96</v>
      </c>
      <c r="D72391" s="14" t="s">
        <v>31</v>
      </c>
      <c r="E72391" s="15">
        <v>45497</v>
      </c>
      <c r="F72391" s="14" t="s">
        <v>15</v>
      </c>
      <c r="G72391" s="16">
        <v>0</v>
      </c>
    </row>
    <row r="72392" spans="1:7" x14ac:dyDescent="0.3">
      <c r="A72392" s="13" t="s">
        <v>373</v>
      </c>
      <c r="B72392" s="14" t="s">
        <v>1</v>
      </c>
      <c r="C72392" s="14" t="s">
        <v>96</v>
      </c>
      <c r="D72392" s="14" t="s">
        <v>31</v>
      </c>
      <c r="E72392" s="15">
        <v>45498</v>
      </c>
      <c r="F72392" s="14" t="s">
        <v>15</v>
      </c>
      <c r="G72392" s="16">
        <v>0</v>
      </c>
    </row>
    <row r="72393" spans="1:7" x14ac:dyDescent="0.3">
      <c r="A72393" s="13" t="s">
        <v>373</v>
      </c>
      <c r="B72393" s="14" t="s">
        <v>1</v>
      </c>
      <c r="C72393" s="14" t="s">
        <v>96</v>
      </c>
      <c r="D72393" s="14" t="s">
        <v>31</v>
      </c>
      <c r="E72393" s="15">
        <v>45499</v>
      </c>
      <c r="F72393" s="14" t="s">
        <v>15</v>
      </c>
      <c r="G72393" s="16">
        <v>0</v>
      </c>
    </row>
    <row r="72394" spans="1:7" x14ac:dyDescent="0.3">
      <c r="A72394" s="13" t="s">
        <v>373</v>
      </c>
      <c r="B72394" s="14" t="s">
        <v>1</v>
      </c>
      <c r="C72394" s="14" t="s">
        <v>96</v>
      </c>
      <c r="D72394" s="14" t="s">
        <v>31</v>
      </c>
      <c r="E72394" s="15">
        <v>45500</v>
      </c>
      <c r="F72394" s="14" t="s">
        <v>15</v>
      </c>
      <c r="G72394" s="16">
        <v>0</v>
      </c>
    </row>
    <row r="72395" spans="1:7" x14ac:dyDescent="0.3">
      <c r="A72395" s="13" t="s">
        <v>373</v>
      </c>
      <c r="B72395" s="14" t="s">
        <v>1</v>
      </c>
      <c r="C72395" s="14" t="s">
        <v>96</v>
      </c>
      <c r="D72395" s="14" t="s">
        <v>31</v>
      </c>
      <c r="E72395" s="15">
        <v>45501</v>
      </c>
      <c r="F72395" s="14" t="s">
        <v>15</v>
      </c>
      <c r="G72395" s="16">
        <v>0</v>
      </c>
    </row>
    <row r="72396" spans="1:7" x14ac:dyDescent="0.3">
      <c r="A72396" s="13" t="s">
        <v>373</v>
      </c>
      <c r="B72396" s="14" t="s">
        <v>1</v>
      </c>
      <c r="C72396" s="14" t="s">
        <v>96</v>
      </c>
      <c r="D72396" s="14" t="s">
        <v>31</v>
      </c>
      <c r="E72396" s="15">
        <v>45502</v>
      </c>
      <c r="F72396" s="14" t="s">
        <v>15</v>
      </c>
      <c r="G72396" s="16">
        <v>0</v>
      </c>
    </row>
    <row r="72397" spans="1:7" x14ac:dyDescent="0.3">
      <c r="A72397" s="13" t="s">
        <v>373</v>
      </c>
      <c r="B72397" s="14" t="s">
        <v>1</v>
      </c>
      <c r="C72397" s="14" t="s">
        <v>96</v>
      </c>
      <c r="D72397" s="14" t="s">
        <v>31</v>
      </c>
      <c r="E72397" s="15">
        <v>45503</v>
      </c>
      <c r="F72397" s="14" t="s">
        <v>15</v>
      </c>
      <c r="G72397" s="16">
        <v>0</v>
      </c>
    </row>
    <row r="72398" spans="1:7" x14ac:dyDescent="0.3">
      <c r="A72398" s="13" t="s">
        <v>373</v>
      </c>
      <c r="B72398" s="14" t="s">
        <v>1</v>
      </c>
      <c r="C72398" s="14" t="s">
        <v>96</v>
      </c>
      <c r="D72398" s="14" t="s">
        <v>31</v>
      </c>
      <c r="E72398" s="15">
        <v>45504</v>
      </c>
      <c r="F72398" s="14" t="s">
        <v>15</v>
      </c>
      <c r="G72398" s="16">
        <v>0</v>
      </c>
    </row>
    <row r="72399" spans="1:7" x14ac:dyDescent="0.3">
      <c r="A72399" s="13" t="s">
        <v>373</v>
      </c>
      <c r="B72399" s="14" t="s">
        <v>1</v>
      </c>
      <c r="C72399" s="14" t="s">
        <v>96</v>
      </c>
      <c r="D72399" s="14" t="s">
        <v>31</v>
      </c>
      <c r="E72399" s="15">
        <v>45505</v>
      </c>
      <c r="F72399" s="14" t="s">
        <v>15</v>
      </c>
      <c r="G72399" s="16">
        <v>0</v>
      </c>
    </row>
    <row r="72400" spans="1:7" x14ac:dyDescent="0.3">
      <c r="A72400" s="13" t="s">
        <v>373</v>
      </c>
      <c r="B72400" s="14" t="s">
        <v>1</v>
      </c>
      <c r="C72400" s="14" t="s">
        <v>96</v>
      </c>
      <c r="D72400" s="14" t="s">
        <v>31</v>
      </c>
      <c r="E72400" s="15">
        <v>45506</v>
      </c>
      <c r="F72400" s="14" t="s">
        <v>15</v>
      </c>
      <c r="G72400" s="16">
        <v>0</v>
      </c>
    </row>
    <row r="72401" spans="1:7" x14ac:dyDescent="0.3">
      <c r="A72401" s="13" t="s">
        <v>373</v>
      </c>
      <c r="B72401" s="14" t="s">
        <v>1</v>
      </c>
      <c r="C72401" s="14" t="s">
        <v>96</v>
      </c>
      <c r="D72401" s="14" t="s">
        <v>31</v>
      </c>
      <c r="E72401" s="15">
        <v>45507</v>
      </c>
      <c r="F72401" s="14" t="s">
        <v>15</v>
      </c>
      <c r="G72401" s="16">
        <v>0</v>
      </c>
    </row>
    <row r="72402" spans="1:7" x14ac:dyDescent="0.3">
      <c r="A72402" s="13" t="s">
        <v>373</v>
      </c>
      <c r="B72402" s="14" t="s">
        <v>1</v>
      </c>
      <c r="C72402" s="14" t="s">
        <v>96</v>
      </c>
      <c r="D72402" s="14" t="s">
        <v>31</v>
      </c>
      <c r="E72402" s="15">
        <v>45508</v>
      </c>
      <c r="F72402" s="14" t="s">
        <v>15</v>
      </c>
      <c r="G72402" s="16">
        <v>0</v>
      </c>
    </row>
    <row r="72403" spans="1:7" x14ac:dyDescent="0.3">
      <c r="A72403" s="13" t="s">
        <v>373</v>
      </c>
      <c r="B72403" s="14" t="s">
        <v>1</v>
      </c>
      <c r="C72403" s="14" t="s">
        <v>96</v>
      </c>
      <c r="D72403" s="14" t="s">
        <v>31</v>
      </c>
      <c r="E72403" s="15">
        <v>45509</v>
      </c>
      <c r="F72403" s="14" t="s">
        <v>15</v>
      </c>
      <c r="G72403" s="16">
        <v>0</v>
      </c>
    </row>
    <row r="72404" spans="1:7" x14ac:dyDescent="0.3">
      <c r="A72404" s="13" t="s">
        <v>373</v>
      </c>
      <c r="B72404" s="14" t="s">
        <v>1</v>
      </c>
      <c r="C72404" s="14" t="s">
        <v>96</v>
      </c>
      <c r="D72404" s="14" t="s">
        <v>31</v>
      </c>
      <c r="E72404" s="15">
        <v>45510</v>
      </c>
      <c r="F72404" s="14" t="s">
        <v>15</v>
      </c>
      <c r="G72404" s="16">
        <v>0</v>
      </c>
    </row>
    <row r="72405" spans="1:7" x14ac:dyDescent="0.3">
      <c r="A72405" s="13" t="s">
        <v>373</v>
      </c>
      <c r="B72405" s="14" t="s">
        <v>1</v>
      </c>
      <c r="C72405" s="14" t="s">
        <v>96</v>
      </c>
      <c r="D72405" s="14" t="s">
        <v>31</v>
      </c>
      <c r="E72405" s="15">
        <v>45511</v>
      </c>
      <c r="F72405" s="14" t="s">
        <v>15</v>
      </c>
      <c r="G72405" s="16">
        <v>0</v>
      </c>
    </row>
    <row r="72406" spans="1:7" x14ac:dyDescent="0.3">
      <c r="A72406" s="13" t="s">
        <v>373</v>
      </c>
      <c r="B72406" s="14" t="s">
        <v>1</v>
      </c>
      <c r="C72406" s="14" t="s">
        <v>96</v>
      </c>
      <c r="D72406" s="14" t="s">
        <v>31</v>
      </c>
      <c r="E72406" s="15">
        <v>45512</v>
      </c>
      <c r="F72406" s="14" t="s">
        <v>15</v>
      </c>
      <c r="G72406" s="16">
        <v>0</v>
      </c>
    </row>
    <row r="72407" spans="1:7" x14ac:dyDescent="0.3">
      <c r="A72407" s="13" t="s">
        <v>373</v>
      </c>
      <c r="B72407" s="14" t="s">
        <v>1</v>
      </c>
      <c r="C72407" s="14" t="s">
        <v>96</v>
      </c>
      <c r="D72407" s="14" t="s">
        <v>31</v>
      </c>
      <c r="E72407" s="15">
        <v>45513</v>
      </c>
      <c r="F72407" s="14" t="s">
        <v>15</v>
      </c>
      <c r="G72407" s="16">
        <v>0</v>
      </c>
    </row>
    <row r="72408" spans="1:7" x14ac:dyDescent="0.3">
      <c r="A72408" s="13" t="s">
        <v>373</v>
      </c>
      <c r="B72408" s="14" t="s">
        <v>1</v>
      </c>
      <c r="C72408" s="14" t="s">
        <v>96</v>
      </c>
      <c r="D72408" s="14" t="s">
        <v>31</v>
      </c>
      <c r="E72408" s="15">
        <v>45514</v>
      </c>
      <c r="F72408" s="14" t="s">
        <v>15</v>
      </c>
      <c r="G72408" s="16">
        <v>0</v>
      </c>
    </row>
    <row r="72409" spans="1:7" x14ac:dyDescent="0.3">
      <c r="A72409" s="13" t="s">
        <v>373</v>
      </c>
      <c r="B72409" s="14" t="s">
        <v>1</v>
      </c>
      <c r="C72409" s="14" t="s">
        <v>96</v>
      </c>
      <c r="D72409" s="14" t="s">
        <v>31</v>
      </c>
      <c r="E72409" s="15">
        <v>45515</v>
      </c>
      <c r="F72409" s="14" t="s">
        <v>15</v>
      </c>
      <c r="G72409" s="16">
        <v>0</v>
      </c>
    </row>
    <row r="72410" spans="1:7" x14ac:dyDescent="0.3">
      <c r="A72410" s="13" t="s">
        <v>373</v>
      </c>
      <c r="B72410" s="14" t="s">
        <v>1</v>
      </c>
      <c r="C72410" s="14" t="s">
        <v>96</v>
      </c>
      <c r="D72410" s="14" t="s">
        <v>31</v>
      </c>
      <c r="E72410" s="15">
        <v>45516</v>
      </c>
      <c r="F72410" s="14" t="s">
        <v>15</v>
      </c>
      <c r="G72410" s="16">
        <v>0</v>
      </c>
    </row>
    <row r="72411" spans="1:7" x14ac:dyDescent="0.3">
      <c r="A72411" s="13" t="s">
        <v>373</v>
      </c>
      <c r="B72411" s="14" t="s">
        <v>1</v>
      </c>
      <c r="C72411" s="14" t="s">
        <v>96</v>
      </c>
      <c r="D72411" s="14" t="s">
        <v>31</v>
      </c>
      <c r="E72411" s="15">
        <v>45517</v>
      </c>
      <c r="F72411" s="14" t="s">
        <v>15</v>
      </c>
      <c r="G72411" s="16">
        <v>0</v>
      </c>
    </row>
    <row r="72412" spans="1:7" x14ac:dyDescent="0.3">
      <c r="A72412" s="13" t="s">
        <v>373</v>
      </c>
      <c r="B72412" s="14" t="s">
        <v>1</v>
      </c>
      <c r="C72412" s="14" t="s">
        <v>96</v>
      </c>
      <c r="D72412" s="14" t="s">
        <v>31</v>
      </c>
      <c r="E72412" s="15">
        <v>45518</v>
      </c>
      <c r="F72412" s="14" t="s">
        <v>15</v>
      </c>
      <c r="G72412" s="16">
        <v>0</v>
      </c>
    </row>
    <row r="72413" spans="1:7" x14ac:dyDescent="0.3">
      <c r="A72413" s="13" t="s">
        <v>373</v>
      </c>
      <c r="B72413" s="14" t="s">
        <v>1</v>
      </c>
      <c r="C72413" s="14" t="s">
        <v>96</v>
      </c>
      <c r="D72413" s="14" t="s">
        <v>31</v>
      </c>
      <c r="E72413" s="15">
        <v>45519</v>
      </c>
      <c r="F72413" s="14" t="s">
        <v>15</v>
      </c>
      <c r="G72413" s="16">
        <v>0</v>
      </c>
    </row>
    <row r="72414" spans="1:7" x14ac:dyDescent="0.3">
      <c r="A72414" s="13" t="s">
        <v>373</v>
      </c>
      <c r="B72414" s="14" t="s">
        <v>1</v>
      </c>
      <c r="C72414" s="14" t="s">
        <v>96</v>
      </c>
      <c r="D72414" s="14" t="s">
        <v>31</v>
      </c>
      <c r="E72414" s="15">
        <v>45520</v>
      </c>
      <c r="F72414" s="14" t="s">
        <v>15</v>
      </c>
      <c r="G72414" s="16">
        <v>0</v>
      </c>
    </row>
    <row r="72415" spans="1:7" x14ac:dyDescent="0.3">
      <c r="A72415" s="13" t="s">
        <v>373</v>
      </c>
      <c r="B72415" s="14" t="s">
        <v>1</v>
      </c>
      <c r="C72415" s="14" t="s">
        <v>96</v>
      </c>
      <c r="D72415" s="14" t="s">
        <v>31</v>
      </c>
      <c r="E72415" s="15">
        <v>45521</v>
      </c>
      <c r="F72415" s="14" t="s">
        <v>15</v>
      </c>
      <c r="G72415" s="16">
        <v>0</v>
      </c>
    </row>
    <row r="72416" spans="1:7" x14ac:dyDescent="0.3">
      <c r="A72416" s="13" t="s">
        <v>373</v>
      </c>
      <c r="B72416" s="14" t="s">
        <v>1</v>
      </c>
      <c r="C72416" s="14" t="s">
        <v>96</v>
      </c>
      <c r="D72416" s="14" t="s">
        <v>31</v>
      </c>
      <c r="E72416" s="15">
        <v>45522</v>
      </c>
      <c r="F72416" s="14" t="s">
        <v>15</v>
      </c>
      <c r="G72416" s="16">
        <v>0</v>
      </c>
    </row>
    <row r="72417" spans="1:7" x14ac:dyDescent="0.3">
      <c r="A72417" s="13" t="s">
        <v>373</v>
      </c>
      <c r="B72417" s="14" t="s">
        <v>1</v>
      </c>
      <c r="C72417" s="14" t="s">
        <v>96</v>
      </c>
      <c r="D72417" s="14" t="s">
        <v>31</v>
      </c>
      <c r="E72417" s="15">
        <v>45523</v>
      </c>
      <c r="F72417" s="14" t="s">
        <v>15</v>
      </c>
      <c r="G72417" s="16">
        <v>0</v>
      </c>
    </row>
    <row r="72418" spans="1:7" x14ac:dyDescent="0.3">
      <c r="A72418" s="13" t="s">
        <v>373</v>
      </c>
      <c r="B72418" s="14" t="s">
        <v>1</v>
      </c>
      <c r="C72418" s="14" t="s">
        <v>96</v>
      </c>
      <c r="D72418" s="14" t="s">
        <v>31</v>
      </c>
      <c r="E72418" s="15">
        <v>45524</v>
      </c>
      <c r="F72418" s="14" t="s">
        <v>15</v>
      </c>
      <c r="G72418" s="16">
        <v>0</v>
      </c>
    </row>
    <row r="72419" spans="1:7" x14ac:dyDescent="0.3">
      <c r="A72419" s="13" t="s">
        <v>373</v>
      </c>
      <c r="B72419" s="14" t="s">
        <v>1</v>
      </c>
      <c r="C72419" s="14" t="s">
        <v>96</v>
      </c>
      <c r="D72419" s="14" t="s">
        <v>31</v>
      </c>
      <c r="E72419" s="15">
        <v>45525</v>
      </c>
      <c r="F72419" s="14" t="s">
        <v>15</v>
      </c>
      <c r="G72419" s="16">
        <v>0</v>
      </c>
    </row>
    <row r="72420" spans="1:7" x14ac:dyDescent="0.3">
      <c r="A72420" s="13" t="s">
        <v>373</v>
      </c>
      <c r="B72420" s="14" t="s">
        <v>1</v>
      </c>
      <c r="C72420" s="14" t="s">
        <v>96</v>
      </c>
      <c r="D72420" s="14" t="s">
        <v>31</v>
      </c>
      <c r="E72420" s="15">
        <v>45526</v>
      </c>
      <c r="F72420" s="14" t="s">
        <v>15</v>
      </c>
      <c r="G72420" s="16">
        <v>0</v>
      </c>
    </row>
    <row r="72421" spans="1:7" x14ac:dyDescent="0.3">
      <c r="A72421" s="13" t="s">
        <v>373</v>
      </c>
      <c r="B72421" s="14" t="s">
        <v>1</v>
      </c>
      <c r="C72421" s="14" t="s">
        <v>96</v>
      </c>
      <c r="D72421" s="14" t="s">
        <v>31</v>
      </c>
      <c r="E72421" s="15">
        <v>45527</v>
      </c>
      <c r="F72421" s="14" t="s">
        <v>15</v>
      </c>
      <c r="G72421" s="16">
        <v>0</v>
      </c>
    </row>
    <row r="72422" spans="1:7" x14ac:dyDescent="0.3">
      <c r="A72422" s="13" t="s">
        <v>373</v>
      </c>
      <c r="B72422" s="14" t="s">
        <v>1</v>
      </c>
      <c r="C72422" s="14" t="s">
        <v>96</v>
      </c>
      <c r="D72422" s="14" t="s">
        <v>31</v>
      </c>
      <c r="E72422" s="15">
        <v>45528</v>
      </c>
      <c r="F72422" s="14" t="s">
        <v>15</v>
      </c>
      <c r="G72422" s="16">
        <v>0</v>
      </c>
    </row>
    <row r="72423" spans="1:7" x14ac:dyDescent="0.3">
      <c r="A72423" s="13" t="s">
        <v>373</v>
      </c>
      <c r="B72423" s="14" t="s">
        <v>1</v>
      </c>
      <c r="C72423" s="14" t="s">
        <v>96</v>
      </c>
      <c r="D72423" s="14" t="s">
        <v>31</v>
      </c>
      <c r="E72423" s="15">
        <v>45529</v>
      </c>
      <c r="F72423" s="14" t="s">
        <v>15</v>
      </c>
      <c r="G72423" s="16">
        <v>0</v>
      </c>
    </row>
    <row r="72424" spans="1:7" x14ac:dyDescent="0.3">
      <c r="A72424" s="13" t="s">
        <v>373</v>
      </c>
      <c r="B72424" s="14" t="s">
        <v>1</v>
      </c>
      <c r="C72424" s="14" t="s">
        <v>96</v>
      </c>
      <c r="D72424" s="14" t="s">
        <v>31</v>
      </c>
      <c r="E72424" s="15">
        <v>45530</v>
      </c>
      <c r="F72424" s="14" t="s">
        <v>15</v>
      </c>
      <c r="G72424" s="16">
        <v>0</v>
      </c>
    </row>
    <row r="72425" spans="1:7" x14ac:dyDescent="0.3">
      <c r="A72425" s="13" t="s">
        <v>373</v>
      </c>
      <c r="B72425" s="14" t="s">
        <v>1</v>
      </c>
      <c r="C72425" s="14" t="s">
        <v>96</v>
      </c>
      <c r="D72425" s="14" t="s">
        <v>31</v>
      </c>
      <c r="E72425" s="15">
        <v>45531</v>
      </c>
      <c r="F72425" s="14" t="s">
        <v>15</v>
      </c>
      <c r="G72425" s="16">
        <v>0</v>
      </c>
    </row>
    <row r="72426" spans="1:7" x14ac:dyDescent="0.3">
      <c r="A72426" s="13" t="s">
        <v>373</v>
      </c>
      <c r="B72426" s="14" t="s">
        <v>1</v>
      </c>
      <c r="C72426" s="14" t="s">
        <v>96</v>
      </c>
      <c r="D72426" s="14" t="s">
        <v>31</v>
      </c>
      <c r="E72426" s="15">
        <v>45532</v>
      </c>
      <c r="F72426" s="14" t="s">
        <v>15</v>
      </c>
      <c r="G72426" s="16">
        <v>0</v>
      </c>
    </row>
    <row r="72427" spans="1:7" x14ac:dyDescent="0.3">
      <c r="A72427" s="13" t="s">
        <v>373</v>
      </c>
      <c r="B72427" s="14" t="s">
        <v>1</v>
      </c>
      <c r="C72427" s="14" t="s">
        <v>96</v>
      </c>
      <c r="D72427" s="14" t="s">
        <v>31</v>
      </c>
      <c r="E72427" s="15">
        <v>45533</v>
      </c>
      <c r="F72427" s="14" t="s">
        <v>15</v>
      </c>
      <c r="G72427" s="16">
        <v>0</v>
      </c>
    </row>
    <row r="72428" spans="1:7" x14ac:dyDescent="0.3">
      <c r="A72428" s="13" t="s">
        <v>373</v>
      </c>
      <c r="B72428" s="14" t="s">
        <v>1</v>
      </c>
      <c r="C72428" s="14" t="s">
        <v>96</v>
      </c>
      <c r="D72428" s="14" t="s">
        <v>31</v>
      </c>
      <c r="E72428" s="15">
        <v>45534</v>
      </c>
      <c r="F72428" s="14" t="s">
        <v>15</v>
      </c>
      <c r="G72428" s="16">
        <v>0</v>
      </c>
    </row>
    <row r="72429" spans="1:7" x14ac:dyDescent="0.3">
      <c r="A72429" s="13" t="s">
        <v>373</v>
      </c>
      <c r="B72429" s="14" t="s">
        <v>1</v>
      </c>
      <c r="C72429" s="14" t="s">
        <v>96</v>
      </c>
      <c r="D72429" s="14" t="s">
        <v>31</v>
      </c>
      <c r="E72429" s="15">
        <v>45535</v>
      </c>
      <c r="F72429" s="14" t="s">
        <v>15</v>
      </c>
      <c r="G72429" s="16">
        <v>0</v>
      </c>
    </row>
    <row r="72430" spans="1:7" x14ac:dyDescent="0.3">
      <c r="A72430" s="13" t="s">
        <v>373</v>
      </c>
      <c r="B72430" s="14" t="s">
        <v>1</v>
      </c>
      <c r="C72430" s="14" t="s">
        <v>96</v>
      </c>
      <c r="D72430" s="14" t="s">
        <v>31</v>
      </c>
      <c r="E72430" s="15">
        <v>45536</v>
      </c>
      <c r="F72430" s="14" t="s">
        <v>15</v>
      </c>
      <c r="G72430" s="16">
        <v>0</v>
      </c>
    </row>
    <row r="72431" spans="1:7" x14ac:dyDescent="0.3">
      <c r="A72431" s="13" t="s">
        <v>373</v>
      </c>
      <c r="B72431" s="14" t="s">
        <v>1</v>
      </c>
      <c r="C72431" s="14" t="s">
        <v>96</v>
      </c>
      <c r="D72431" s="14" t="s">
        <v>31</v>
      </c>
      <c r="E72431" s="15">
        <v>45537</v>
      </c>
      <c r="F72431" s="14" t="s">
        <v>15</v>
      </c>
      <c r="G72431" s="16">
        <v>0</v>
      </c>
    </row>
    <row r="72432" spans="1:7" x14ac:dyDescent="0.3">
      <c r="A72432" s="13" t="s">
        <v>373</v>
      </c>
      <c r="B72432" s="14" t="s">
        <v>1</v>
      </c>
      <c r="C72432" s="14" t="s">
        <v>96</v>
      </c>
      <c r="D72432" s="14" t="s">
        <v>31</v>
      </c>
      <c r="E72432" s="15">
        <v>45538</v>
      </c>
      <c r="F72432" s="14" t="s">
        <v>15</v>
      </c>
      <c r="G72432" s="16">
        <v>0</v>
      </c>
    </row>
    <row r="72433" spans="1:7" x14ac:dyDescent="0.3">
      <c r="A72433" s="13" t="s">
        <v>373</v>
      </c>
      <c r="B72433" s="14" t="s">
        <v>1</v>
      </c>
      <c r="C72433" s="14" t="s">
        <v>96</v>
      </c>
      <c r="D72433" s="14" t="s">
        <v>31</v>
      </c>
      <c r="E72433" s="15">
        <v>45539</v>
      </c>
      <c r="F72433" s="14" t="s">
        <v>15</v>
      </c>
      <c r="G72433" s="16">
        <v>0</v>
      </c>
    </row>
    <row r="72434" spans="1:7" x14ac:dyDescent="0.3">
      <c r="A72434" s="13" t="s">
        <v>373</v>
      </c>
      <c r="B72434" s="14" t="s">
        <v>1</v>
      </c>
      <c r="C72434" s="14" t="s">
        <v>96</v>
      </c>
      <c r="D72434" s="14" t="s">
        <v>31</v>
      </c>
      <c r="E72434" s="15">
        <v>45540</v>
      </c>
      <c r="F72434" s="14" t="s">
        <v>15</v>
      </c>
      <c r="G72434" s="16">
        <v>0</v>
      </c>
    </row>
    <row r="72435" spans="1:7" x14ac:dyDescent="0.3">
      <c r="A72435" s="13" t="s">
        <v>373</v>
      </c>
      <c r="B72435" s="14" t="s">
        <v>1</v>
      </c>
      <c r="C72435" s="14" t="s">
        <v>96</v>
      </c>
      <c r="D72435" s="14" t="s">
        <v>31</v>
      </c>
      <c r="E72435" s="15">
        <v>45541</v>
      </c>
      <c r="F72435" s="14" t="s">
        <v>15</v>
      </c>
      <c r="G72435" s="16">
        <v>0</v>
      </c>
    </row>
    <row r="72436" spans="1:7" x14ac:dyDescent="0.3">
      <c r="A72436" s="13" t="s">
        <v>373</v>
      </c>
      <c r="B72436" s="14" t="s">
        <v>1</v>
      </c>
      <c r="C72436" s="14" t="s">
        <v>96</v>
      </c>
      <c r="D72436" s="14" t="s">
        <v>31</v>
      </c>
      <c r="E72436" s="15">
        <v>45542</v>
      </c>
      <c r="F72436" s="14" t="s">
        <v>15</v>
      </c>
      <c r="G72436" s="16">
        <v>0</v>
      </c>
    </row>
    <row r="72437" spans="1:7" x14ac:dyDescent="0.3">
      <c r="A72437" s="13" t="s">
        <v>373</v>
      </c>
      <c r="B72437" s="14" t="s">
        <v>1</v>
      </c>
      <c r="C72437" s="14" t="s">
        <v>96</v>
      </c>
      <c r="D72437" s="14" t="s">
        <v>31</v>
      </c>
      <c r="E72437" s="15">
        <v>45543</v>
      </c>
      <c r="F72437" s="14" t="s">
        <v>15</v>
      </c>
      <c r="G72437" s="16">
        <v>0</v>
      </c>
    </row>
    <row r="72438" spans="1:7" x14ac:dyDescent="0.3">
      <c r="A72438" s="13" t="s">
        <v>373</v>
      </c>
      <c r="B72438" s="14" t="s">
        <v>1</v>
      </c>
      <c r="C72438" s="14" t="s">
        <v>96</v>
      </c>
      <c r="D72438" s="14" t="s">
        <v>31</v>
      </c>
      <c r="E72438" s="15">
        <v>45544</v>
      </c>
      <c r="F72438" s="14" t="s">
        <v>15</v>
      </c>
      <c r="G72438" s="16">
        <v>0</v>
      </c>
    </row>
    <row r="72439" spans="1:7" x14ac:dyDescent="0.3">
      <c r="A72439" s="13" t="s">
        <v>373</v>
      </c>
      <c r="B72439" s="14" t="s">
        <v>1</v>
      </c>
      <c r="C72439" s="14" t="s">
        <v>96</v>
      </c>
      <c r="D72439" s="14" t="s">
        <v>31</v>
      </c>
      <c r="E72439" s="15">
        <v>45545</v>
      </c>
      <c r="F72439" s="14" t="s">
        <v>15</v>
      </c>
      <c r="G72439" s="16">
        <v>0</v>
      </c>
    </row>
    <row r="72440" spans="1:7" x14ac:dyDescent="0.3">
      <c r="A72440" s="13" t="s">
        <v>373</v>
      </c>
      <c r="B72440" s="14" t="s">
        <v>1</v>
      </c>
      <c r="C72440" s="14" t="s">
        <v>96</v>
      </c>
      <c r="D72440" s="14" t="s">
        <v>31</v>
      </c>
      <c r="E72440" s="15">
        <v>45546</v>
      </c>
      <c r="F72440" s="14" t="s">
        <v>15</v>
      </c>
      <c r="G72440" s="16">
        <v>0</v>
      </c>
    </row>
    <row r="72441" spans="1:7" x14ac:dyDescent="0.3">
      <c r="A72441" s="13" t="s">
        <v>373</v>
      </c>
      <c r="B72441" s="14" t="s">
        <v>1</v>
      </c>
      <c r="C72441" s="14" t="s">
        <v>96</v>
      </c>
      <c r="D72441" s="14" t="s">
        <v>31</v>
      </c>
      <c r="E72441" s="15">
        <v>45547</v>
      </c>
      <c r="F72441" s="14" t="s">
        <v>15</v>
      </c>
      <c r="G72441" s="16">
        <v>0</v>
      </c>
    </row>
    <row r="72442" spans="1:7" x14ac:dyDescent="0.3">
      <c r="A72442" s="13" t="s">
        <v>373</v>
      </c>
      <c r="B72442" s="14" t="s">
        <v>1</v>
      </c>
      <c r="C72442" s="14" t="s">
        <v>96</v>
      </c>
      <c r="D72442" s="14" t="s">
        <v>31</v>
      </c>
      <c r="E72442" s="15">
        <v>45548</v>
      </c>
      <c r="F72442" s="14" t="s">
        <v>15</v>
      </c>
      <c r="G72442" s="16">
        <v>0</v>
      </c>
    </row>
    <row r="72443" spans="1:7" x14ac:dyDescent="0.3">
      <c r="A72443" s="13" t="s">
        <v>373</v>
      </c>
      <c r="B72443" s="14" t="s">
        <v>1</v>
      </c>
      <c r="C72443" s="14" t="s">
        <v>96</v>
      </c>
      <c r="D72443" s="14" t="s">
        <v>31</v>
      </c>
      <c r="E72443" s="15">
        <v>45549</v>
      </c>
      <c r="F72443" s="14" t="s">
        <v>15</v>
      </c>
      <c r="G72443" s="16">
        <v>0</v>
      </c>
    </row>
    <row r="72444" spans="1:7" x14ac:dyDescent="0.3">
      <c r="A72444" s="13" t="s">
        <v>373</v>
      </c>
      <c r="B72444" s="14" t="s">
        <v>1</v>
      </c>
      <c r="C72444" s="14" t="s">
        <v>96</v>
      </c>
      <c r="D72444" s="14" t="s">
        <v>31</v>
      </c>
      <c r="E72444" s="15">
        <v>45550</v>
      </c>
      <c r="F72444" s="14" t="s">
        <v>15</v>
      </c>
      <c r="G72444" s="16">
        <v>0</v>
      </c>
    </row>
    <row r="72445" spans="1:7" x14ac:dyDescent="0.3">
      <c r="A72445" s="13" t="s">
        <v>373</v>
      </c>
      <c r="B72445" s="14" t="s">
        <v>1</v>
      </c>
      <c r="C72445" s="14" t="s">
        <v>96</v>
      </c>
      <c r="D72445" s="14" t="s">
        <v>31</v>
      </c>
      <c r="E72445" s="15">
        <v>45551</v>
      </c>
      <c r="F72445" s="14" t="s">
        <v>15</v>
      </c>
      <c r="G72445" s="16">
        <v>0</v>
      </c>
    </row>
    <row r="72446" spans="1:7" x14ac:dyDescent="0.3">
      <c r="A72446" s="13" t="s">
        <v>373</v>
      </c>
      <c r="B72446" s="14" t="s">
        <v>1</v>
      </c>
      <c r="C72446" s="14" t="s">
        <v>96</v>
      </c>
      <c r="D72446" s="14" t="s">
        <v>31</v>
      </c>
      <c r="E72446" s="15">
        <v>45552</v>
      </c>
      <c r="F72446" s="14" t="s">
        <v>15</v>
      </c>
      <c r="G72446" s="16">
        <v>0</v>
      </c>
    </row>
    <row r="72447" spans="1:7" x14ac:dyDescent="0.3">
      <c r="A72447" s="13" t="s">
        <v>373</v>
      </c>
      <c r="B72447" s="14" t="s">
        <v>1</v>
      </c>
      <c r="C72447" s="14" t="s">
        <v>96</v>
      </c>
      <c r="D72447" s="14" t="s">
        <v>31</v>
      </c>
      <c r="E72447" s="15">
        <v>45553</v>
      </c>
      <c r="F72447" s="14" t="s">
        <v>15</v>
      </c>
      <c r="G72447" s="16">
        <v>0</v>
      </c>
    </row>
    <row r="72448" spans="1:7" x14ac:dyDescent="0.3">
      <c r="A72448" s="13" t="s">
        <v>373</v>
      </c>
      <c r="B72448" s="14" t="s">
        <v>1</v>
      </c>
      <c r="C72448" s="14" t="s">
        <v>96</v>
      </c>
      <c r="D72448" s="14" t="s">
        <v>31</v>
      </c>
      <c r="E72448" s="15">
        <v>45554</v>
      </c>
      <c r="F72448" s="14" t="s">
        <v>15</v>
      </c>
      <c r="G72448" s="16">
        <v>0</v>
      </c>
    </row>
    <row r="72449" spans="1:7" x14ac:dyDescent="0.3">
      <c r="A72449" s="13" t="s">
        <v>373</v>
      </c>
      <c r="B72449" s="14" t="s">
        <v>1</v>
      </c>
      <c r="C72449" s="14" t="s">
        <v>96</v>
      </c>
      <c r="D72449" s="14" t="s">
        <v>31</v>
      </c>
      <c r="E72449" s="15">
        <v>45555</v>
      </c>
      <c r="F72449" s="14" t="s">
        <v>15</v>
      </c>
      <c r="G72449" s="16">
        <v>0</v>
      </c>
    </row>
    <row r="72450" spans="1:7" x14ac:dyDescent="0.3">
      <c r="A72450" s="13" t="s">
        <v>373</v>
      </c>
      <c r="B72450" s="14" t="s">
        <v>1</v>
      </c>
      <c r="C72450" s="14" t="s">
        <v>96</v>
      </c>
      <c r="D72450" s="14" t="s">
        <v>31</v>
      </c>
      <c r="E72450" s="15">
        <v>45556</v>
      </c>
      <c r="F72450" s="14" t="s">
        <v>15</v>
      </c>
      <c r="G72450" s="16">
        <v>0</v>
      </c>
    </row>
    <row r="72451" spans="1:7" x14ac:dyDescent="0.3">
      <c r="A72451" s="13" t="s">
        <v>373</v>
      </c>
      <c r="B72451" s="14" t="s">
        <v>1</v>
      </c>
      <c r="C72451" s="14" t="s">
        <v>96</v>
      </c>
      <c r="D72451" s="14" t="s">
        <v>31</v>
      </c>
      <c r="E72451" s="15">
        <v>45557</v>
      </c>
      <c r="F72451" s="14" t="s">
        <v>15</v>
      </c>
      <c r="G72451" s="16">
        <v>0</v>
      </c>
    </row>
    <row r="72452" spans="1:7" x14ac:dyDescent="0.3">
      <c r="A72452" s="13" t="s">
        <v>373</v>
      </c>
      <c r="B72452" s="14" t="s">
        <v>1</v>
      </c>
      <c r="C72452" s="14" t="s">
        <v>96</v>
      </c>
      <c r="D72452" s="14" t="s">
        <v>31</v>
      </c>
      <c r="E72452" s="15">
        <v>45558</v>
      </c>
      <c r="F72452" s="14" t="s">
        <v>15</v>
      </c>
      <c r="G72452" s="16">
        <v>0</v>
      </c>
    </row>
    <row r="72453" spans="1:7" x14ac:dyDescent="0.3">
      <c r="A72453" s="13" t="s">
        <v>373</v>
      </c>
      <c r="B72453" s="14" t="s">
        <v>1</v>
      </c>
      <c r="C72453" s="14" t="s">
        <v>96</v>
      </c>
      <c r="D72453" s="14" t="s">
        <v>31</v>
      </c>
      <c r="E72453" s="15">
        <v>45559</v>
      </c>
      <c r="F72453" s="14" t="s">
        <v>15</v>
      </c>
      <c r="G72453" s="16">
        <v>0</v>
      </c>
    </row>
    <row r="72454" spans="1:7" x14ac:dyDescent="0.3">
      <c r="A72454" s="13" t="s">
        <v>373</v>
      </c>
      <c r="B72454" s="14" t="s">
        <v>1</v>
      </c>
      <c r="C72454" s="14" t="s">
        <v>96</v>
      </c>
      <c r="D72454" s="14" t="s">
        <v>31</v>
      </c>
      <c r="E72454" s="15">
        <v>45560</v>
      </c>
      <c r="F72454" s="14" t="s">
        <v>15</v>
      </c>
      <c r="G72454" s="16">
        <v>0</v>
      </c>
    </row>
    <row r="72455" spans="1:7" x14ac:dyDescent="0.3">
      <c r="A72455" s="13" t="s">
        <v>373</v>
      </c>
      <c r="B72455" s="14" t="s">
        <v>1</v>
      </c>
      <c r="C72455" s="14" t="s">
        <v>96</v>
      </c>
      <c r="D72455" s="14" t="s">
        <v>31</v>
      </c>
      <c r="E72455" s="15">
        <v>45561</v>
      </c>
      <c r="F72455" s="14" t="s">
        <v>15</v>
      </c>
      <c r="G72455" s="16">
        <v>0</v>
      </c>
    </row>
    <row r="72456" spans="1:7" x14ac:dyDescent="0.3">
      <c r="A72456" s="13" t="s">
        <v>373</v>
      </c>
      <c r="B72456" s="14" t="s">
        <v>1</v>
      </c>
      <c r="C72456" s="14" t="s">
        <v>96</v>
      </c>
      <c r="D72456" s="14" t="s">
        <v>31</v>
      </c>
      <c r="E72456" s="15">
        <v>45562</v>
      </c>
      <c r="F72456" s="14" t="s">
        <v>15</v>
      </c>
      <c r="G72456" s="16">
        <v>0</v>
      </c>
    </row>
    <row r="72457" spans="1:7" x14ac:dyDescent="0.3">
      <c r="A72457" s="13" t="s">
        <v>373</v>
      </c>
      <c r="B72457" s="14" t="s">
        <v>1</v>
      </c>
      <c r="C72457" s="14" t="s">
        <v>96</v>
      </c>
      <c r="D72457" s="14" t="s">
        <v>31</v>
      </c>
      <c r="E72457" s="15">
        <v>45563</v>
      </c>
      <c r="F72457" s="14" t="s">
        <v>15</v>
      </c>
      <c r="G72457" s="16">
        <v>0</v>
      </c>
    </row>
    <row r="72458" spans="1:7" x14ac:dyDescent="0.3">
      <c r="A72458" s="13" t="s">
        <v>373</v>
      </c>
      <c r="B72458" s="14" t="s">
        <v>1</v>
      </c>
      <c r="C72458" s="14" t="s">
        <v>96</v>
      </c>
      <c r="D72458" s="14" t="s">
        <v>31</v>
      </c>
      <c r="E72458" s="15">
        <v>45564</v>
      </c>
      <c r="F72458" s="14" t="s">
        <v>15</v>
      </c>
      <c r="G72458" s="16">
        <v>0</v>
      </c>
    </row>
    <row r="72459" spans="1:7" x14ac:dyDescent="0.3">
      <c r="A72459" s="13" t="s">
        <v>373</v>
      </c>
      <c r="B72459" s="14" t="s">
        <v>1</v>
      </c>
      <c r="C72459" s="14" t="s">
        <v>96</v>
      </c>
      <c r="D72459" s="14" t="s">
        <v>31</v>
      </c>
      <c r="E72459" s="15">
        <v>45565</v>
      </c>
      <c r="F72459" s="14" t="s">
        <v>15</v>
      </c>
      <c r="G72459" s="16">
        <v>0</v>
      </c>
    </row>
    <row r="72460" spans="1:7" x14ac:dyDescent="0.3">
      <c r="A72460" s="13" t="s">
        <v>373</v>
      </c>
      <c r="B72460" s="14" t="s">
        <v>1</v>
      </c>
      <c r="C72460" s="14" t="s">
        <v>96</v>
      </c>
      <c r="D72460" s="14" t="s">
        <v>31</v>
      </c>
      <c r="E72460" s="15">
        <v>45566</v>
      </c>
      <c r="F72460" s="14" t="s">
        <v>15</v>
      </c>
      <c r="G72460" s="16">
        <v>0</v>
      </c>
    </row>
    <row r="72461" spans="1:7" x14ac:dyDescent="0.3">
      <c r="A72461" s="13" t="s">
        <v>373</v>
      </c>
      <c r="B72461" s="14" t="s">
        <v>1</v>
      </c>
      <c r="C72461" s="14" t="s">
        <v>96</v>
      </c>
      <c r="D72461" s="14" t="s">
        <v>31</v>
      </c>
      <c r="E72461" s="15">
        <v>45567</v>
      </c>
      <c r="F72461" s="14" t="s">
        <v>15</v>
      </c>
      <c r="G72461" s="16">
        <v>0</v>
      </c>
    </row>
    <row r="72462" spans="1:7" x14ac:dyDescent="0.3">
      <c r="A72462" s="13" t="s">
        <v>373</v>
      </c>
      <c r="B72462" s="14" t="s">
        <v>1</v>
      </c>
      <c r="C72462" s="14" t="s">
        <v>96</v>
      </c>
      <c r="D72462" s="14" t="s">
        <v>31</v>
      </c>
      <c r="E72462" s="15">
        <v>45568</v>
      </c>
      <c r="F72462" s="14" t="s">
        <v>15</v>
      </c>
      <c r="G72462" s="16">
        <v>0</v>
      </c>
    </row>
    <row r="72463" spans="1:7" x14ac:dyDescent="0.3">
      <c r="A72463" s="13" t="s">
        <v>373</v>
      </c>
      <c r="B72463" s="14" t="s">
        <v>1</v>
      </c>
      <c r="C72463" s="14" t="s">
        <v>96</v>
      </c>
      <c r="D72463" s="14" t="s">
        <v>31</v>
      </c>
      <c r="E72463" s="15">
        <v>45569</v>
      </c>
      <c r="F72463" s="14" t="s">
        <v>15</v>
      </c>
      <c r="G72463" s="16">
        <v>0</v>
      </c>
    </row>
    <row r="72464" spans="1:7" x14ac:dyDescent="0.3">
      <c r="A72464" s="13" t="s">
        <v>373</v>
      </c>
      <c r="B72464" s="14" t="s">
        <v>1</v>
      </c>
      <c r="C72464" s="14" t="s">
        <v>96</v>
      </c>
      <c r="D72464" s="14" t="s">
        <v>31</v>
      </c>
      <c r="E72464" s="15">
        <v>45570</v>
      </c>
      <c r="F72464" s="14" t="s">
        <v>15</v>
      </c>
      <c r="G72464" s="16">
        <v>0</v>
      </c>
    </row>
    <row r="72465" spans="1:7" x14ac:dyDescent="0.3">
      <c r="A72465" s="13" t="s">
        <v>373</v>
      </c>
      <c r="B72465" s="14" t="s">
        <v>1</v>
      </c>
      <c r="C72465" s="14" t="s">
        <v>96</v>
      </c>
      <c r="D72465" s="14" t="s">
        <v>31</v>
      </c>
      <c r="E72465" s="15">
        <v>45571</v>
      </c>
      <c r="F72465" s="14" t="s">
        <v>15</v>
      </c>
      <c r="G72465" s="16">
        <v>0</v>
      </c>
    </row>
    <row r="72466" spans="1:7" x14ac:dyDescent="0.3">
      <c r="A72466" s="13" t="s">
        <v>373</v>
      </c>
      <c r="B72466" s="14" t="s">
        <v>1</v>
      </c>
      <c r="C72466" s="14" t="s">
        <v>96</v>
      </c>
      <c r="D72466" s="14" t="s">
        <v>31</v>
      </c>
      <c r="E72466" s="15">
        <v>45572</v>
      </c>
      <c r="F72466" s="14" t="s">
        <v>15</v>
      </c>
      <c r="G72466" s="16">
        <v>0</v>
      </c>
    </row>
    <row r="72467" spans="1:7" x14ac:dyDescent="0.3">
      <c r="A72467" s="13" t="s">
        <v>373</v>
      </c>
      <c r="B72467" s="14" t="s">
        <v>1</v>
      </c>
      <c r="C72467" s="14" t="s">
        <v>96</v>
      </c>
      <c r="D72467" s="14" t="s">
        <v>31</v>
      </c>
      <c r="E72467" s="15">
        <v>45573</v>
      </c>
      <c r="F72467" s="14" t="s">
        <v>15</v>
      </c>
      <c r="G72467" s="16">
        <v>0</v>
      </c>
    </row>
    <row r="72468" spans="1:7" x14ac:dyDescent="0.3">
      <c r="A72468" s="13" t="s">
        <v>373</v>
      </c>
      <c r="B72468" s="14" t="s">
        <v>1</v>
      </c>
      <c r="C72468" s="14" t="s">
        <v>96</v>
      </c>
      <c r="D72468" s="14" t="s">
        <v>31</v>
      </c>
      <c r="E72468" s="15">
        <v>45574</v>
      </c>
      <c r="F72468" s="14" t="s">
        <v>15</v>
      </c>
      <c r="G72468" s="16">
        <v>0</v>
      </c>
    </row>
    <row r="72469" spans="1:7" x14ac:dyDescent="0.3">
      <c r="A72469" s="13" t="s">
        <v>373</v>
      </c>
      <c r="B72469" s="14" t="s">
        <v>1</v>
      </c>
      <c r="C72469" s="14" t="s">
        <v>96</v>
      </c>
      <c r="D72469" s="14" t="s">
        <v>31</v>
      </c>
      <c r="E72469" s="15">
        <v>45575</v>
      </c>
      <c r="F72469" s="14" t="s">
        <v>15</v>
      </c>
      <c r="G72469" s="16">
        <v>0</v>
      </c>
    </row>
    <row r="72470" spans="1:7" x14ac:dyDescent="0.3">
      <c r="A72470" s="13" t="s">
        <v>373</v>
      </c>
      <c r="B72470" s="14" t="s">
        <v>1</v>
      </c>
      <c r="C72470" s="14" t="s">
        <v>96</v>
      </c>
      <c r="D72470" s="14" t="s">
        <v>31</v>
      </c>
      <c r="E72470" s="15">
        <v>45576</v>
      </c>
      <c r="F72470" s="14" t="s">
        <v>15</v>
      </c>
      <c r="G72470" s="16">
        <v>0</v>
      </c>
    </row>
    <row r="72471" spans="1:7" x14ac:dyDescent="0.3">
      <c r="A72471" s="13" t="s">
        <v>373</v>
      </c>
      <c r="B72471" s="14" t="s">
        <v>1</v>
      </c>
      <c r="C72471" s="14" t="s">
        <v>96</v>
      </c>
      <c r="D72471" s="14" t="s">
        <v>31</v>
      </c>
      <c r="E72471" s="15">
        <v>45577</v>
      </c>
      <c r="F72471" s="14" t="s">
        <v>15</v>
      </c>
      <c r="G72471" s="16">
        <v>0</v>
      </c>
    </row>
    <row r="72472" spans="1:7" x14ac:dyDescent="0.3">
      <c r="A72472" s="13" t="s">
        <v>373</v>
      </c>
      <c r="B72472" s="14" t="s">
        <v>1</v>
      </c>
      <c r="C72472" s="14" t="s">
        <v>96</v>
      </c>
      <c r="D72472" s="14" t="s">
        <v>31</v>
      </c>
      <c r="E72472" s="15">
        <v>45578</v>
      </c>
      <c r="F72472" s="14" t="s">
        <v>15</v>
      </c>
      <c r="G72472" s="16">
        <v>0</v>
      </c>
    </row>
    <row r="72473" spans="1:7" x14ac:dyDescent="0.3">
      <c r="A72473" s="13" t="s">
        <v>373</v>
      </c>
      <c r="B72473" s="14" t="s">
        <v>1</v>
      </c>
      <c r="C72473" s="14" t="s">
        <v>96</v>
      </c>
      <c r="D72473" s="14" t="s">
        <v>31</v>
      </c>
      <c r="E72473" s="15">
        <v>45579</v>
      </c>
      <c r="F72473" s="14" t="s">
        <v>15</v>
      </c>
      <c r="G72473" s="16">
        <v>0</v>
      </c>
    </row>
    <row r="72474" spans="1:7" x14ac:dyDescent="0.3">
      <c r="A72474" s="13" t="s">
        <v>373</v>
      </c>
      <c r="B72474" s="14" t="s">
        <v>1</v>
      </c>
      <c r="C72474" s="14" t="s">
        <v>96</v>
      </c>
      <c r="D72474" s="14" t="s">
        <v>31</v>
      </c>
      <c r="E72474" s="15">
        <v>45580</v>
      </c>
      <c r="F72474" s="14" t="s">
        <v>15</v>
      </c>
      <c r="G72474" s="16">
        <v>0</v>
      </c>
    </row>
    <row r="72475" spans="1:7" x14ac:dyDescent="0.3">
      <c r="A72475" s="13" t="s">
        <v>373</v>
      </c>
      <c r="B72475" s="14" t="s">
        <v>1</v>
      </c>
      <c r="C72475" s="14" t="s">
        <v>96</v>
      </c>
      <c r="D72475" s="14" t="s">
        <v>31</v>
      </c>
      <c r="E72475" s="15">
        <v>45581</v>
      </c>
      <c r="F72475" s="14" t="s">
        <v>15</v>
      </c>
      <c r="G72475" s="16">
        <v>0</v>
      </c>
    </row>
    <row r="72476" spans="1:7" x14ac:dyDescent="0.3">
      <c r="A72476" s="13" t="s">
        <v>373</v>
      </c>
      <c r="B72476" s="14" t="s">
        <v>1</v>
      </c>
      <c r="C72476" s="14" t="s">
        <v>96</v>
      </c>
      <c r="D72476" s="14" t="s">
        <v>31</v>
      </c>
      <c r="E72476" s="15">
        <v>45582</v>
      </c>
      <c r="F72476" s="14" t="s">
        <v>15</v>
      </c>
      <c r="G72476" s="16">
        <v>0</v>
      </c>
    </row>
    <row r="72477" spans="1:7" x14ac:dyDescent="0.3">
      <c r="A72477" s="13" t="s">
        <v>373</v>
      </c>
      <c r="B72477" s="14" t="s">
        <v>1</v>
      </c>
      <c r="C72477" s="14" t="s">
        <v>96</v>
      </c>
      <c r="D72477" s="14" t="s">
        <v>31</v>
      </c>
      <c r="E72477" s="15">
        <v>45583</v>
      </c>
      <c r="F72477" s="14" t="s">
        <v>15</v>
      </c>
      <c r="G72477" s="16">
        <v>0</v>
      </c>
    </row>
    <row r="72478" spans="1:7" x14ac:dyDescent="0.3">
      <c r="A72478" s="13" t="s">
        <v>373</v>
      </c>
      <c r="B72478" s="14" t="s">
        <v>1</v>
      </c>
      <c r="C72478" s="14" t="s">
        <v>96</v>
      </c>
      <c r="D72478" s="14" t="s">
        <v>31</v>
      </c>
      <c r="E72478" s="15">
        <v>45584</v>
      </c>
      <c r="F72478" s="14" t="s">
        <v>15</v>
      </c>
      <c r="G72478" s="16">
        <v>0</v>
      </c>
    </row>
    <row r="72479" spans="1:7" x14ac:dyDescent="0.3">
      <c r="A72479" s="13" t="s">
        <v>373</v>
      </c>
      <c r="B72479" s="14" t="s">
        <v>1</v>
      </c>
      <c r="C72479" s="14" t="s">
        <v>96</v>
      </c>
      <c r="D72479" s="14" t="s">
        <v>31</v>
      </c>
      <c r="E72479" s="15">
        <v>45585</v>
      </c>
      <c r="F72479" s="14" t="s">
        <v>15</v>
      </c>
      <c r="G72479" s="16">
        <v>0</v>
      </c>
    </row>
    <row r="72480" spans="1:7" x14ac:dyDescent="0.3">
      <c r="A72480" s="13" t="s">
        <v>373</v>
      </c>
      <c r="B72480" s="14" t="s">
        <v>1</v>
      </c>
      <c r="C72480" s="14" t="s">
        <v>96</v>
      </c>
      <c r="D72480" s="14" t="s">
        <v>31</v>
      </c>
      <c r="E72480" s="15">
        <v>45586</v>
      </c>
      <c r="F72480" s="14" t="s">
        <v>15</v>
      </c>
      <c r="G72480" s="16">
        <v>0</v>
      </c>
    </row>
    <row r="72481" spans="1:7" x14ac:dyDescent="0.3">
      <c r="A72481" s="13" t="s">
        <v>373</v>
      </c>
      <c r="B72481" s="14" t="s">
        <v>1</v>
      </c>
      <c r="C72481" s="14" t="s">
        <v>96</v>
      </c>
      <c r="D72481" s="14" t="s">
        <v>31</v>
      </c>
      <c r="E72481" s="15">
        <v>45587</v>
      </c>
      <c r="F72481" s="14" t="s">
        <v>15</v>
      </c>
      <c r="G72481" s="16">
        <v>0</v>
      </c>
    </row>
    <row r="72482" spans="1:7" x14ac:dyDescent="0.3">
      <c r="A72482" s="13" t="s">
        <v>373</v>
      </c>
      <c r="B72482" s="14" t="s">
        <v>1</v>
      </c>
      <c r="C72482" s="14" t="s">
        <v>96</v>
      </c>
      <c r="D72482" s="14" t="s">
        <v>31</v>
      </c>
      <c r="E72482" s="15">
        <v>45588</v>
      </c>
      <c r="F72482" s="14" t="s">
        <v>15</v>
      </c>
      <c r="G72482" s="16">
        <v>0</v>
      </c>
    </row>
    <row r="72483" spans="1:7" x14ac:dyDescent="0.3">
      <c r="A72483" s="13" t="s">
        <v>373</v>
      </c>
      <c r="B72483" s="14" t="s">
        <v>1</v>
      </c>
      <c r="C72483" s="14" t="s">
        <v>96</v>
      </c>
      <c r="D72483" s="14" t="s">
        <v>31</v>
      </c>
      <c r="E72483" s="15">
        <v>45589</v>
      </c>
      <c r="F72483" s="14" t="s">
        <v>15</v>
      </c>
      <c r="G72483" s="16">
        <v>0</v>
      </c>
    </row>
    <row r="72484" spans="1:7" x14ac:dyDescent="0.3">
      <c r="A72484" s="13" t="s">
        <v>373</v>
      </c>
      <c r="B72484" s="14" t="s">
        <v>1</v>
      </c>
      <c r="C72484" s="14" t="s">
        <v>96</v>
      </c>
      <c r="D72484" s="14" t="s">
        <v>31</v>
      </c>
      <c r="E72484" s="15">
        <v>45590</v>
      </c>
      <c r="F72484" s="14" t="s">
        <v>15</v>
      </c>
      <c r="G72484" s="16">
        <v>0</v>
      </c>
    </row>
    <row r="72485" spans="1:7" x14ac:dyDescent="0.3">
      <c r="A72485" s="13" t="s">
        <v>373</v>
      </c>
      <c r="B72485" s="14" t="s">
        <v>1</v>
      </c>
      <c r="C72485" s="14" t="s">
        <v>96</v>
      </c>
      <c r="D72485" s="14" t="s">
        <v>31</v>
      </c>
      <c r="E72485" s="15">
        <v>45591</v>
      </c>
      <c r="F72485" s="14" t="s">
        <v>15</v>
      </c>
      <c r="G72485" s="16">
        <v>0</v>
      </c>
    </row>
    <row r="72486" spans="1:7" x14ac:dyDescent="0.3">
      <c r="A72486" s="13" t="s">
        <v>373</v>
      </c>
      <c r="B72486" s="14" t="s">
        <v>1</v>
      </c>
      <c r="C72486" s="14" t="s">
        <v>96</v>
      </c>
      <c r="D72486" s="14" t="s">
        <v>31</v>
      </c>
      <c r="E72486" s="15">
        <v>45592</v>
      </c>
      <c r="F72486" s="14" t="s">
        <v>15</v>
      </c>
      <c r="G72486" s="16">
        <v>0</v>
      </c>
    </row>
    <row r="72487" spans="1:7" x14ac:dyDescent="0.3">
      <c r="A72487" s="13" t="s">
        <v>373</v>
      </c>
      <c r="B72487" s="14" t="s">
        <v>1</v>
      </c>
      <c r="C72487" s="14" t="s">
        <v>96</v>
      </c>
      <c r="D72487" s="14" t="s">
        <v>31</v>
      </c>
      <c r="E72487" s="15">
        <v>45593</v>
      </c>
      <c r="F72487" s="14" t="s">
        <v>15</v>
      </c>
      <c r="G72487" s="16">
        <v>0</v>
      </c>
    </row>
    <row r="72488" spans="1:7" x14ac:dyDescent="0.3">
      <c r="A72488" s="13" t="s">
        <v>373</v>
      </c>
      <c r="B72488" s="14" t="s">
        <v>1</v>
      </c>
      <c r="C72488" s="14" t="s">
        <v>96</v>
      </c>
      <c r="D72488" s="14" t="s">
        <v>31</v>
      </c>
      <c r="E72488" s="15">
        <v>45594</v>
      </c>
      <c r="F72488" s="14" t="s">
        <v>15</v>
      </c>
      <c r="G72488" s="16">
        <v>0</v>
      </c>
    </row>
    <row r="72489" spans="1:7" x14ac:dyDescent="0.3">
      <c r="A72489" s="13" t="s">
        <v>373</v>
      </c>
      <c r="B72489" s="14" t="s">
        <v>1</v>
      </c>
      <c r="C72489" s="14" t="s">
        <v>96</v>
      </c>
      <c r="D72489" s="14" t="s">
        <v>31</v>
      </c>
      <c r="E72489" s="15">
        <v>45595</v>
      </c>
      <c r="F72489" s="14" t="s">
        <v>15</v>
      </c>
      <c r="G72489" s="16">
        <v>0</v>
      </c>
    </row>
    <row r="72490" spans="1:7" x14ac:dyDescent="0.3">
      <c r="A72490" s="13" t="s">
        <v>373</v>
      </c>
      <c r="B72490" s="14" t="s">
        <v>1</v>
      </c>
      <c r="C72490" s="14" t="s">
        <v>96</v>
      </c>
      <c r="D72490" s="14" t="s">
        <v>31</v>
      </c>
      <c r="E72490" s="15">
        <v>45596</v>
      </c>
      <c r="F72490" s="14" t="s">
        <v>15</v>
      </c>
      <c r="G72490" s="16">
        <v>0</v>
      </c>
    </row>
    <row r="72491" spans="1:7" x14ac:dyDescent="0.3">
      <c r="A72491" s="13" t="s">
        <v>373</v>
      </c>
      <c r="B72491" s="14" t="s">
        <v>1</v>
      </c>
      <c r="C72491" s="14" t="s">
        <v>96</v>
      </c>
      <c r="D72491" s="14" t="s">
        <v>31</v>
      </c>
      <c r="E72491" s="15">
        <v>45597</v>
      </c>
      <c r="F72491" s="14" t="s">
        <v>15</v>
      </c>
      <c r="G72491" s="16">
        <v>0</v>
      </c>
    </row>
    <row r="72492" spans="1:7" x14ac:dyDescent="0.3">
      <c r="A72492" s="13" t="s">
        <v>373</v>
      </c>
      <c r="B72492" s="14" t="s">
        <v>1</v>
      </c>
      <c r="C72492" s="14" t="s">
        <v>96</v>
      </c>
      <c r="D72492" s="14" t="s">
        <v>31</v>
      </c>
      <c r="E72492" s="15">
        <v>45598</v>
      </c>
      <c r="F72492" s="14" t="s">
        <v>15</v>
      </c>
      <c r="G72492" s="16">
        <v>0</v>
      </c>
    </row>
    <row r="72493" spans="1:7" x14ac:dyDescent="0.3">
      <c r="A72493" s="13" t="s">
        <v>373</v>
      </c>
      <c r="B72493" s="14" t="s">
        <v>1</v>
      </c>
      <c r="C72493" s="14" t="s">
        <v>96</v>
      </c>
      <c r="D72493" s="14" t="s">
        <v>31</v>
      </c>
      <c r="E72493" s="15">
        <v>45599</v>
      </c>
      <c r="F72493" s="14" t="s">
        <v>15</v>
      </c>
      <c r="G72493" s="16">
        <v>0</v>
      </c>
    </row>
    <row r="72494" spans="1:7" x14ac:dyDescent="0.3">
      <c r="A72494" s="13" t="s">
        <v>373</v>
      </c>
      <c r="B72494" s="14" t="s">
        <v>1</v>
      </c>
      <c r="C72494" s="14" t="s">
        <v>96</v>
      </c>
      <c r="D72494" s="14" t="s">
        <v>31</v>
      </c>
      <c r="E72494" s="15">
        <v>45600</v>
      </c>
      <c r="F72494" s="14" t="s">
        <v>15</v>
      </c>
      <c r="G72494" s="16">
        <v>0</v>
      </c>
    </row>
    <row r="72495" spans="1:7" x14ac:dyDescent="0.3">
      <c r="A72495" s="13" t="s">
        <v>373</v>
      </c>
      <c r="B72495" s="14" t="s">
        <v>1</v>
      </c>
      <c r="C72495" s="14" t="s">
        <v>96</v>
      </c>
      <c r="D72495" s="14" t="s">
        <v>31</v>
      </c>
      <c r="E72495" s="15">
        <v>45601</v>
      </c>
      <c r="F72495" s="14" t="s">
        <v>15</v>
      </c>
      <c r="G72495" s="16">
        <v>0</v>
      </c>
    </row>
    <row r="72496" spans="1:7" x14ac:dyDescent="0.3">
      <c r="A72496" s="13" t="s">
        <v>373</v>
      </c>
      <c r="B72496" s="14" t="s">
        <v>1</v>
      </c>
      <c r="C72496" s="14" t="s">
        <v>96</v>
      </c>
      <c r="D72496" s="14" t="s">
        <v>31</v>
      </c>
      <c r="E72496" s="15">
        <v>45602</v>
      </c>
      <c r="F72496" s="14" t="s">
        <v>15</v>
      </c>
      <c r="G72496" s="16">
        <v>0</v>
      </c>
    </row>
    <row r="72497" spans="1:7" x14ac:dyDescent="0.3">
      <c r="A72497" s="13" t="s">
        <v>373</v>
      </c>
      <c r="B72497" s="14" t="s">
        <v>1</v>
      </c>
      <c r="C72497" s="14" t="s">
        <v>96</v>
      </c>
      <c r="D72497" s="14" t="s">
        <v>31</v>
      </c>
      <c r="E72497" s="15">
        <v>45603</v>
      </c>
      <c r="F72497" s="14" t="s">
        <v>15</v>
      </c>
      <c r="G72497" s="16">
        <v>0</v>
      </c>
    </row>
    <row r="72498" spans="1:7" x14ac:dyDescent="0.3">
      <c r="A72498" s="13" t="s">
        <v>373</v>
      </c>
      <c r="B72498" s="14" t="s">
        <v>1</v>
      </c>
      <c r="C72498" s="14" t="s">
        <v>96</v>
      </c>
      <c r="D72498" s="14" t="s">
        <v>31</v>
      </c>
      <c r="E72498" s="15">
        <v>45604</v>
      </c>
      <c r="F72498" s="14" t="s">
        <v>15</v>
      </c>
      <c r="G72498" s="16">
        <v>0</v>
      </c>
    </row>
    <row r="72499" spans="1:7" x14ac:dyDescent="0.3">
      <c r="A72499" s="13" t="s">
        <v>373</v>
      </c>
      <c r="B72499" s="14" t="s">
        <v>1</v>
      </c>
      <c r="C72499" s="14" t="s">
        <v>96</v>
      </c>
      <c r="D72499" s="14" t="s">
        <v>31</v>
      </c>
      <c r="E72499" s="15">
        <v>45605</v>
      </c>
      <c r="F72499" s="14" t="s">
        <v>15</v>
      </c>
      <c r="G72499" s="16">
        <v>0</v>
      </c>
    </row>
    <row r="72500" spans="1:7" x14ac:dyDescent="0.3">
      <c r="A72500" s="13" t="s">
        <v>373</v>
      </c>
      <c r="B72500" s="14" t="s">
        <v>1</v>
      </c>
      <c r="C72500" s="14" t="s">
        <v>96</v>
      </c>
      <c r="D72500" s="14" t="s">
        <v>31</v>
      </c>
      <c r="E72500" s="15">
        <v>45606</v>
      </c>
      <c r="F72500" s="14" t="s">
        <v>15</v>
      </c>
      <c r="G72500" s="16">
        <v>0</v>
      </c>
    </row>
    <row r="72501" spans="1:7" x14ac:dyDescent="0.3">
      <c r="A72501" s="13" t="s">
        <v>373</v>
      </c>
      <c r="B72501" s="14" t="s">
        <v>1</v>
      </c>
      <c r="C72501" s="14" t="s">
        <v>96</v>
      </c>
      <c r="D72501" s="14" t="s">
        <v>31</v>
      </c>
      <c r="E72501" s="15">
        <v>45607</v>
      </c>
      <c r="F72501" s="14" t="s">
        <v>15</v>
      </c>
      <c r="G72501" s="16">
        <v>0</v>
      </c>
    </row>
    <row r="72502" spans="1:7" x14ac:dyDescent="0.3">
      <c r="A72502" s="13" t="s">
        <v>373</v>
      </c>
      <c r="B72502" s="14" t="s">
        <v>1</v>
      </c>
      <c r="C72502" s="14" t="s">
        <v>96</v>
      </c>
      <c r="D72502" s="14" t="s">
        <v>31</v>
      </c>
      <c r="E72502" s="15">
        <v>45608</v>
      </c>
      <c r="F72502" s="14" t="s">
        <v>15</v>
      </c>
      <c r="G72502" s="16">
        <v>0</v>
      </c>
    </row>
    <row r="72503" spans="1:7" x14ac:dyDescent="0.3">
      <c r="A72503" s="13" t="s">
        <v>373</v>
      </c>
      <c r="B72503" s="14" t="s">
        <v>1</v>
      </c>
      <c r="C72503" s="14" t="s">
        <v>96</v>
      </c>
      <c r="D72503" s="14" t="s">
        <v>31</v>
      </c>
      <c r="E72503" s="15">
        <v>45609</v>
      </c>
      <c r="F72503" s="14" t="s">
        <v>15</v>
      </c>
      <c r="G72503" s="16">
        <v>0</v>
      </c>
    </row>
    <row r="72504" spans="1:7" x14ac:dyDescent="0.3">
      <c r="A72504" s="13" t="s">
        <v>373</v>
      </c>
      <c r="B72504" s="14" t="s">
        <v>1</v>
      </c>
      <c r="C72504" s="14" t="s">
        <v>96</v>
      </c>
      <c r="D72504" s="14" t="s">
        <v>31</v>
      </c>
      <c r="E72504" s="15">
        <v>45610</v>
      </c>
      <c r="F72504" s="14" t="s">
        <v>15</v>
      </c>
      <c r="G72504" s="16">
        <v>0</v>
      </c>
    </row>
    <row r="72505" spans="1:7" x14ac:dyDescent="0.3">
      <c r="A72505" s="13" t="s">
        <v>373</v>
      </c>
      <c r="B72505" s="14" t="s">
        <v>1</v>
      </c>
      <c r="C72505" s="14" t="s">
        <v>96</v>
      </c>
      <c r="D72505" s="14" t="s">
        <v>31</v>
      </c>
      <c r="E72505" s="15">
        <v>45611</v>
      </c>
      <c r="F72505" s="14" t="s">
        <v>15</v>
      </c>
      <c r="G72505" s="16">
        <v>0</v>
      </c>
    </row>
    <row r="72506" spans="1:7" x14ac:dyDescent="0.3">
      <c r="A72506" s="13" t="s">
        <v>373</v>
      </c>
      <c r="B72506" s="14" t="s">
        <v>1</v>
      </c>
      <c r="C72506" s="14" t="s">
        <v>96</v>
      </c>
      <c r="D72506" s="14" t="s">
        <v>31</v>
      </c>
      <c r="E72506" s="15">
        <v>45612</v>
      </c>
      <c r="F72506" s="14" t="s">
        <v>15</v>
      </c>
      <c r="G72506" s="16">
        <v>0</v>
      </c>
    </row>
    <row r="72507" spans="1:7" x14ac:dyDescent="0.3">
      <c r="A72507" s="13" t="s">
        <v>373</v>
      </c>
      <c r="B72507" s="14" t="s">
        <v>1</v>
      </c>
      <c r="C72507" s="14" t="s">
        <v>96</v>
      </c>
      <c r="D72507" s="14" t="s">
        <v>31</v>
      </c>
      <c r="E72507" s="15">
        <v>45613</v>
      </c>
      <c r="F72507" s="14" t="s">
        <v>15</v>
      </c>
      <c r="G72507" s="16">
        <v>0</v>
      </c>
    </row>
    <row r="72508" spans="1:7" x14ac:dyDescent="0.3">
      <c r="A72508" s="13" t="s">
        <v>373</v>
      </c>
      <c r="B72508" s="14" t="s">
        <v>1</v>
      </c>
      <c r="C72508" s="14" t="s">
        <v>96</v>
      </c>
      <c r="D72508" s="14" t="s">
        <v>31</v>
      </c>
      <c r="E72508" s="15">
        <v>45614</v>
      </c>
      <c r="F72508" s="14" t="s">
        <v>15</v>
      </c>
      <c r="G72508" s="16">
        <v>0</v>
      </c>
    </row>
    <row r="72509" spans="1:7" x14ac:dyDescent="0.3">
      <c r="A72509" s="13" t="s">
        <v>373</v>
      </c>
      <c r="B72509" s="14" t="s">
        <v>1</v>
      </c>
      <c r="C72509" s="14" t="s">
        <v>96</v>
      </c>
      <c r="D72509" s="14" t="s">
        <v>31</v>
      </c>
      <c r="E72509" s="15">
        <v>45615</v>
      </c>
      <c r="F72509" s="14" t="s">
        <v>15</v>
      </c>
      <c r="G72509" s="16">
        <v>0</v>
      </c>
    </row>
    <row r="72510" spans="1:7" x14ac:dyDescent="0.3">
      <c r="A72510" s="13" t="s">
        <v>373</v>
      </c>
      <c r="B72510" s="14" t="s">
        <v>1</v>
      </c>
      <c r="C72510" s="14" t="s">
        <v>96</v>
      </c>
      <c r="D72510" s="14" t="s">
        <v>31</v>
      </c>
      <c r="E72510" s="15">
        <v>45616</v>
      </c>
      <c r="F72510" s="14" t="s">
        <v>15</v>
      </c>
      <c r="G72510" s="16">
        <v>0</v>
      </c>
    </row>
    <row r="72511" spans="1:7" x14ac:dyDescent="0.3">
      <c r="A72511" s="13" t="s">
        <v>373</v>
      </c>
      <c r="B72511" s="14" t="s">
        <v>1</v>
      </c>
      <c r="C72511" s="14" t="s">
        <v>96</v>
      </c>
      <c r="D72511" s="14" t="s">
        <v>31</v>
      </c>
      <c r="E72511" s="15">
        <v>45617</v>
      </c>
      <c r="F72511" s="14" t="s">
        <v>15</v>
      </c>
      <c r="G72511" s="16">
        <v>0</v>
      </c>
    </row>
    <row r="72512" spans="1:7" x14ac:dyDescent="0.3">
      <c r="A72512" s="13" t="s">
        <v>373</v>
      </c>
      <c r="B72512" s="14" t="s">
        <v>1</v>
      </c>
      <c r="C72512" s="14" t="s">
        <v>96</v>
      </c>
      <c r="D72512" s="14" t="s">
        <v>31</v>
      </c>
      <c r="E72512" s="15">
        <v>45618</v>
      </c>
      <c r="F72512" s="14" t="s">
        <v>15</v>
      </c>
      <c r="G72512" s="16">
        <v>0</v>
      </c>
    </row>
    <row r="72513" spans="1:7" x14ac:dyDescent="0.3">
      <c r="A72513" s="13" t="s">
        <v>373</v>
      </c>
      <c r="B72513" s="14" t="s">
        <v>1</v>
      </c>
      <c r="C72513" s="14" t="s">
        <v>96</v>
      </c>
      <c r="D72513" s="14" t="s">
        <v>31</v>
      </c>
      <c r="E72513" s="15">
        <v>45619</v>
      </c>
      <c r="F72513" s="14" t="s">
        <v>15</v>
      </c>
      <c r="G72513" s="16">
        <v>0</v>
      </c>
    </row>
    <row r="72514" spans="1:7" x14ac:dyDescent="0.3">
      <c r="A72514" s="13" t="s">
        <v>373</v>
      </c>
      <c r="B72514" s="14" t="s">
        <v>1</v>
      </c>
      <c r="C72514" s="14" t="s">
        <v>96</v>
      </c>
      <c r="D72514" s="14" t="s">
        <v>31</v>
      </c>
      <c r="E72514" s="15">
        <v>45620</v>
      </c>
      <c r="F72514" s="14" t="s">
        <v>15</v>
      </c>
      <c r="G72514" s="16">
        <v>0</v>
      </c>
    </row>
    <row r="72515" spans="1:7" x14ac:dyDescent="0.3">
      <c r="A72515" s="13" t="s">
        <v>373</v>
      </c>
      <c r="B72515" s="14" t="s">
        <v>1</v>
      </c>
      <c r="C72515" s="14" t="s">
        <v>96</v>
      </c>
      <c r="D72515" s="14" t="s">
        <v>31</v>
      </c>
      <c r="E72515" s="15">
        <v>45621</v>
      </c>
      <c r="F72515" s="14" t="s">
        <v>15</v>
      </c>
      <c r="G72515" s="16">
        <v>0</v>
      </c>
    </row>
    <row r="72516" spans="1:7" x14ac:dyDescent="0.3">
      <c r="A72516" s="13" t="s">
        <v>373</v>
      </c>
      <c r="B72516" s="14" t="s">
        <v>1</v>
      </c>
      <c r="C72516" s="14" t="s">
        <v>96</v>
      </c>
      <c r="D72516" s="14" t="s">
        <v>31</v>
      </c>
      <c r="E72516" s="15">
        <v>45622</v>
      </c>
      <c r="F72516" s="14" t="s">
        <v>15</v>
      </c>
      <c r="G72516" s="16">
        <v>0</v>
      </c>
    </row>
    <row r="72517" spans="1:7" x14ac:dyDescent="0.3">
      <c r="A72517" s="13" t="s">
        <v>373</v>
      </c>
      <c r="B72517" s="14" t="s">
        <v>1</v>
      </c>
      <c r="C72517" s="14" t="s">
        <v>96</v>
      </c>
      <c r="D72517" s="14" t="s">
        <v>31</v>
      </c>
      <c r="E72517" s="15">
        <v>45623</v>
      </c>
      <c r="F72517" s="14" t="s">
        <v>15</v>
      </c>
      <c r="G72517" s="16">
        <v>0</v>
      </c>
    </row>
    <row r="72518" spans="1:7" x14ac:dyDescent="0.3">
      <c r="A72518" s="13" t="s">
        <v>373</v>
      </c>
      <c r="B72518" s="14" t="s">
        <v>1</v>
      </c>
      <c r="C72518" s="14" t="s">
        <v>96</v>
      </c>
      <c r="D72518" s="14" t="s">
        <v>31</v>
      </c>
      <c r="E72518" s="15">
        <v>45624</v>
      </c>
      <c r="F72518" s="14" t="s">
        <v>15</v>
      </c>
      <c r="G72518" s="16">
        <v>0</v>
      </c>
    </row>
    <row r="72519" spans="1:7" x14ac:dyDescent="0.3">
      <c r="A72519" s="13" t="s">
        <v>373</v>
      </c>
      <c r="B72519" s="14" t="s">
        <v>1</v>
      </c>
      <c r="C72519" s="14" t="s">
        <v>96</v>
      </c>
      <c r="D72519" s="14" t="s">
        <v>31</v>
      </c>
      <c r="E72519" s="15">
        <v>45625</v>
      </c>
      <c r="F72519" s="14" t="s">
        <v>15</v>
      </c>
      <c r="G72519" s="16">
        <v>0</v>
      </c>
    </row>
    <row r="72520" spans="1:7" x14ac:dyDescent="0.3">
      <c r="A72520" s="13" t="s">
        <v>373</v>
      </c>
      <c r="B72520" s="14" t="s">
        <v>1</v>
      </c>
      <c r="C72520" s="14" t="s">
        <v>96</v>
      </c>
      <c r="D72520" s="14" t="s">
        <v>31</v>
      </c>
      <c r="E72520" s="15">
        <v>45626</v>
      </c>
      <c r="F72520" s="14" t="s">
        <v>15</v>
      </c>
      <c r="G72520" s="16">
        <v>0</v>
      </c>
    </row>
    <row r="72521" spans="1:7" x14ac:dyDescent="0.3">
      <c r="A72521" s="13" t="s">
        <v>373</v>
      </c>
      <c r="B72521" s="14" t="s">
        <v>1</v>
      </c>
      <c r="C72521" s="14" t="s">
        <v>96</v>
      </c>
      <c r="D72521" s="14" t="s">
        <v>31</v>
      </c>
      <c r="E72521" s="15">
        <v>45627</v>
      </c>
      <c r="F72521" s="14" t="s">
        <v>15</v>
      </c>
      <c r="G72521" s="16">
        <v>0</v>
      </c>
    </row>
    <row r="72522" spans="1:7" x14ac:dyDescent="0.3">
      <c r="A72522" s="13" t="s">
        <v>373</v>
      </c>
      <c r="B72522" s="14" t="s">
        <v>1</v>
      </c>
      <c r="C72522" s="14" t="s">
        <v>96</v>
      </c>
      <c r="D72522" s="14" t="s">
        <v>31</v>
      </c>
      <c r="E72522" s="15">
        <v>45628</v>
      </c>
      <c r="F72522" s="14" t="s">
        <v>15</v>
      </c>
      <c r="G72522" s="16">
        <v>0</v>
      </c>
    </row>
    <row r="72523" spans="1:7" x14ac:dyDescent="0.3">
      <c r="A72523" s="13" t="s">
        <v>373</v>
      </c>
      <c r="B72523" s="14" t="s">
        <v>1</v>
      </c>
      <c r="C72523" s="14" t="s">
        <v>96</v>
      </c>
      <c r="D72523" s="14" t="s">
        <v>31</v>
      </c>
      <c r="E72523" s="15">
        <v>45629</v>
      </c>
      <c r="F72523" s="14" t="s">
        <v>15</v>
      </c>
      <c r="G72523" s="16">
        <v>0</v>
      </c>
    </row>
    <row r="72524" spans="1:7" x14ac:dyDescent="0.3">
      <c r="A72524" s="13" t="s">
        <v>373</v>
      </c>
      <c r="B72524" s="14" t="s">
        <v>1</v>
      </c>
      <c r="C72524" s="14" t="s">
        <v>96</v>
      </c>
      <c r="D72524" s="14" t="s">
        <v>31</v>
      </c>
      <c r="E72524" s="15">
        <v>45630</v>
      </c>
      <c r="F72524" s="14" t="s">
        <v>15</v>
      </c>
      <c r="G72524" s="16">
        <v>0</v>
      </c>
    </row>
    <row r="72525" spans="1:7" x14ac:dyDescent="0.3">
      <c r="A72525" s="13" t="s">
        <v>373</v>
      </c>
      <c r="B72525" s="14" t="s">
        <v>1</v>
      </c>
      <c r="C72525" s="14" t="s">
        <v>96</v>
      </c>
      <c r="D72525" s="14" t="s">
        <v>31</v>
      </c>
      <c r="E72525" s="15">
        <v>45631</v>
      </c>
      <c r="F72525" s="14" t="s">
        <v>15</v>
      </c>
      <c r="G72525" s="16">
        <v>0</v>
      </c>
    </row>
    <row r="72526" spans="1:7" x14ac:dyDescent="0.3">
      <c r="A72526" s="13" t="s">
        <v>373</v>
      </c>
      <c r="B72526" s="14" t="s">
        <v>1</v>
      </c>
      <c r="C72526" s="14" t="s">
        <v>96</v>
      </c>
      <c r="D72526" s="14" t="s">
        <v>31</v>
      </c>
      <c r="E72526" s="15">
        <v>45632</v>
      </c>
      <c r="F72526" s="14" t="s">
        <v>15</v>
      </c>
      <c r="G72526" s="16">
        <v>0</v>
      </c>
    </row>
    <row r="72527" spans="1:7" x14ac:dyDescent="0.3">
      <c r="A72527" s="13" t="s">
        <v>373</v>
      </c>
      <c r="B72527" s="14" t="s">
        <v>1</v>
      </c>
      <c r="C72527" s="14" t="s">
        <v>96</v>
      </c>
      <c r="D72527" s="14" t="s">
        <v>31</v>
      </c>
      <c r="E72527" s="15">
        <v>45633</v>
      </c>
      <c r="F72527" s="14" t="s">
        <v>15</v>
      </c>
      <c r="G72527" s="16">
        <v>0</v>
      </c>
    </row>
    <row r="72528" spans="1:7" x14ac:dyDescent="0.3">
      <c r="A72528" s="13" t="s">
        <v>373</v>
      </c>
      <c r="B72528" s="14" t="s">
        <v>1</v>
      </c>
      <c r="C72528" s="14" t="s">
        <v>96</v>
      </c>
      <c r="D72528" s="14" t="s">
        <v>31</v>
      </c>
      <c r="E72528" s="15">
        <v>45634</v>
      </c>
      <c r="F72528" s="14" t="s">
        <v>15</v>
      </c>
      <c r="G72528" s="16">
        <v>0</v>
      </c>
    </row>
    <row r="72529" spans="1:7" x14ac:dyDescent="0.3">
      <c r="A72529" s="13" t="s">
        <v>373</v>
      </c>
      <c r="B72529" s="14" t="s">
        <v>1</v>
      </c>
      <c r="C72529" s="14" t="s">
        <v>96</v>
      </c>
      <c r="D72529" s="14" t="s">
        <v>31</v>
      </c>
      <c r="E72529" s="15">
        <v>45635</v>
      </c>
      <c r="F72529" s="14" t="s">
        <v>15</v>
      </c>
      <c r="G72529" s="16">
        <v>0</v>
      </c>
    </row>
    <row r="72530" spans="1:7" x14ac:dyDescent="0.3">
      <c r="A72530" s="13" t="s">
        <v>373</v>
      </c>
      <c r="B72530" s="14" t="s">
        <v>1</v>
      </c>
      <c r="C72530" s="14" t="s">
        <v>96</v>
      </c>
      <c r="D72530" s="14" t="s">
        <v>31</v>
      </c>
      <c r="E72530" s="15">
        <v>45636</v>
      </c>
      <c r="F72530" s="14" t="s">
        <v>15</v>
      </c>
      <c r="G72530" s="16">
        <v>0</v>
      </c>
    </row>
    <row r="72531" spans="1:7" x14ac:dyDescent="0.3">
      <c r="A72531" s="13" t="s">
        <v>373</v>
      </c>
      <c r="B72531" s="14" t="s">
        <v>1</v>
      </c>
      <c r="C72531" s="14" t="s">
        <v>96</v>
      </c>
      <c r="D72531" s="14" t="s">
        <v>31</v>
      </c>
      <c r="E72531" s="15">
        <v>45637</v>
      </c>
      <c r="F72531" s="14" t="s">
        <v>15</v>
      </c>
      <c r="G72531" s="16">
        <v>0</v>
      </c>
    </row>
    <row r="72532" spans="1:7" x14ac:dyDescent="0.3">
      <c r="A72532" s="13" t="s">
        <v>373</v>
      </c>
      <c r="B72532" s="14" t="s">
        <v>1</v>
      </c>
      <c r="C72532" s="14" t="s">
        <v>96</v>
      </c>
      <c r="D72532" s="14" t="s">
        <v>31</v>
      </c>
      <c r="E72532" s="15">
        <v>45638</v>
      </c>
      <c r="F72532" s="14" t="s">
        <v>15</v>
      </c>
      <c r="G72532" s="16">
        <v>0</v>
      </c>
    </row>
    <row r="72533" spans="1:7" x14ac:dyDescent="0.3">
      <c r="A72533" s="13" t="s">
        <v>373</v>
      </c>
      <c r="B72533" s="14" t="s">
        <v>1</v>
      </c>
      <c r="C72533" s="14" t="s">
        <v>96</v>
      </c>
      <c r="D72533" s="14" t="s">
        <v>31</v>
      </c>
      <c r="E72533" s="15">
        <v>45639</v>
      </c>
      <c r="F72533" s="14" t="s">
        <v>15</v>
      </c>
      <c r="G72533" s="16">
        <v>0</v>
      </c>
    </row>
    <row r="72534" spans="1:7" x14ac:dyDescent="0.3">
      <c r="A72534" s="13" t="s">
        <v>373</v>
      </c>
      <c r="B72534" s="14" t="s">
        <v>1</v>
      </c>
      <c r="C72534" s="14" t="s">
        <v>96</v>
      </c>
      <c r="D72534" s="14" t="s">
        <v>31</v>
      </c>
      <c r="E72534" s="15">
        <v>45640</v>
      </c>
      <c r="F72534" s="14" t="s">
        <v>15</v>
      </c>
      <c r="G72534" s="16">
        <v>0</v>
      </c>
    </row>
    <row r="72535" spans="1:7" x14ac:dyDescent="0.3">
      <c r="A72535" s="13" t="s">
        <v>373</v>
      </c>
      <c r="B72535" s="14" t="s">
        <v>1</v>
      </c>
      <c r="C72535" s="14" t="s">
        <v>96</v>
      </c>
      <c r="D72535" s="14" t="s">
        <v>31</v>
      </c>
      <c r="E72535" s="15">
        <v>45641</v>
      </c>
      <c r="F72535" s="14" t="s">
        <v>15</v>
      </c>
      <c r="G72535" s="16">
        <v>0</v>
      </c>
    </row>
    <row r="72536" spans="1:7" x14ac:dyDescent="0.3">
      <c r="A72536" s="13" t="s">
        <v>373</v>
      </c>
      <c r="B72536" s="14" t="s">
        <v>1</v>
      </c>
      <c r="C72536" s="14" t="s">
        <v>96</v>
      </c>
      <c r="D72536" s="14" t="s">
        <v>31</v>
      </c>
      <c r="E72536" s="15">
        <v>45642</v>
      </c>
      <c r="F72536" s="14" t="s">
        <v>15</v>
      </c>
      <c r="G72536" s="16">
        <v>0</v>
      </c>
    </row>
    <row r="72537" spans="1:7" x14ac:dyDescent="0.3">
      <c r="A72537" s="13" t="s">
        <v>373</v>
      </c>
      <c r="B72537" s="14" t="s">
        <v>1</v>
      </c>
      <c r="C72537" s="14" t="s">
        <v>96</v>
      </c>
      <c r="D72537" s="14" t="s">
        <v>31</v>
      </c>
      <c r="E72537" s="15">
        <v>45643</v>
      </c>
      <c r="F72537" s="14" t="s">
        <v>15</v>
      </c>
      <c r="G72537" s="16">
        <v>0</v>
      </c>
    </row>
    <row r="72538" spans="1:7" x14ac:dyDescent="0.3">
      <c r="A72538" s="13" t="s">
        <v>373</v>
      </c>
      <c r="B72538" s="14" t="s">
        <v>1</v>
      </c>
      <c r="C72538" s="14" t="s">
        <v>96</v>
      </c>
      <c r="D72538" s="14" t="s">
        <v>31</v>
      </c>
      <c r="E72538" s="15">
        <v>45644</v>
      </c>
      <c r="F72538" s="14" t="s">
        <v>15</v>
      </c>
      <c r="G72538" s="16">
        <v>0</v>
      </c>
    </row>
    <row r="72539" spans="1:7" x14ac:dyDescent="0.3">
      <c r="A72539" s="13" t="s">
        <v>373</v>
      </c>
      <c r="B72539" s="14" t="s">
        <v>1</v>
      </c>
      <c r="C72539" s="14" t="s">
        <v>96</v>
      </c>
      <c r="D72539" s="14" t="s">
        <v>31</v>
      </c>
      <c r="E72539" s="15">
        <v>45645</v>
      </c>
      <c r="F72539" s="14" t="s">
        <v>15</v>
      </c>
      <c r="G72539" s="16">
        <v>0</v>
      </c>
    </row>
    <row r="72540" spans="1:7" x14ac:dyDescent="0.3">
      <c r="A72540" s="13" t="s">
        <v>373</v>
      </c>
      <c r="B72540" s="14" t="s">
        <v>1</v>
      </c>
      <c r="C72540" s="14" t="s">
        <v>96</v>
      </c>
      <c r="D72540" s="14" t="s">
        <v>31</v>
      </c>
      <c r="E72540" s="15">
        <v>45646</v>
      </c>
      <c r="F72540" s="14" t="s">
        <v>15</v>
      </c>
      <c r="G72540" s="16">
        <v>0</v>
      </c>
    </row>
    <row r="72541" spans="1:7" x14ac:dyDescent="0.3">
      <c r="A72541" s="13" t="s">
        <v>373</v>
      </c>
      <c r="B72541" s="14" t="s">
        <v>1</v>
      </c>
      <c r="C72541" s="14" t="s">
        <v>96</v>
      </c>
      <c r="D72541" s="14" t="s">
        <v>31</v>
      </c>
      <c r="E72541" s="15">
        <v>45647</v>
      </c>
      <c r="F72541" s="14" t="s">
        <v>15</v>
      </c>
      <c r="G72541" s="16">
        <v>0</v>
      </c>
    </row>
    <row r="72542" spans="1:7" x14ac:dyDescent="0.3">
      <c r="A72542" s="13" t="s">
        <v>373</v>
      </c>
      <c r="B72542" s="14" t="s">
        <v>1</v>
      </c>
      <c r="C72542" s="14" t="s">
        <v>96</v>
      </c>
      <c r="D72542" s="14" t="s">
        <v>31</v>
      </c>
      <c r="E72542" s="15">
        <v>45648</v>
      </c>
      <c r="F72542" s="14" t="s">
        <v>15</v>
      </c>
      <c r="G72542" s="16">
        <v>0</v>
      </c>
    </row>
    <row r="72543" spans="1:7" x14ac:dyDescent="0.3">
      <c r="A72543" s="13" t="s">
        <v>373</v>
      </c>
      <c r="B72543" s="14" t="s">
        <v>1</v>
      </c>
      <c r="C72543" s="14" t="s">
        <v>96</v>
      </c>
      <c r="D72543" s="14" t="s">
        <v>31</v>
      </c>
      <c r="E72543" s="15">
        <v>45649</v>
      </c>
      <c r="F72543" s="14" t="s">
        <v>15</v>
      </c>
      <c r="G72543" s="16">
        <v>0</v>
      </c>
    </row>
    <row r="72544" spans="1:7" x14ac:dyDescent="0.3">
      <c r="A72544" s="13" t="s">
        <v>373</v>
      </c>
      <c r="B72544" s="14" t="s">
        <v>1</v>
      </c>
      <c r="C72544" s="14" t="s">
        <v>96</v>
      </c>
      <c r="D72544" s="14" t="s">
        <v>31</v>
      </c>
      <c r="E72544" s="15">
        <v>45650</v>
      </c>
      <c r="F72544" s="14" t="s">
        <v>15</v>
      </c>
      <c r="G72544" s="16">
        <v>0</v>
      </c>
    </row>
    <row r="72545" spans="1:7" x14ac:dyDescent="0.3">
      <c r="A72545" s="13" t="s">
        <v>373</v>
      </c>
      <c r="B72545" s="14" t="s">
        <v>1</v>
      </c>
      <c r="C72545" s="14" t="s">
        <v>96</v>
      </c>
      <c r="D72545" s="14" t="s">
        <v>31</v>
      </c>
      <c r="E72545" s="15">
        <v>45651</v>
      </c>
      <c r="F72545" s="14" t="s">
        <v>15</v>
      </c>
      <c r="G72545" s="16">
        <v>0</v>
      </c>
    </row>
    <row r="72546" spans="1:7" x14ac:dyDescent="0.3">
      <c r="A72546" s="13" t="s">
        <v>373</v>
      </c>
      <c r="B72546" s="14" t="s">
        <v>1</v>
      </c>
      <c r="C72546" s="14" t="s">
        <v>96</v>
      </c>
      <c r="D72546" s="14" t="s">
        <v>31</v>
      </c>
      <c r="E72546" s="15">
        <v>45652</v>
      </c>
      <c r="F72546" s="14" t="s">
        <v>15</v>
      </c>
      <c r="G72546" s="16">
        <v>0</v>
      </c>
    </row>
    <row r="72547" spans="1:7" x14ac:dyDescent="0.3">
      <c r="A72547" s="13" t="s">
        <v>373</v>
      </c>
      <c r="B72547" s="14" t="s">
        <v>1</v>
      </c>
      <c r="C72547" s="14" t="s">
        <v>96</v>
      </c>
      <c r="D72547" s="14" t="s">
        <v>31</v>
      </c>
      <c r="E72547" s="15">
        <v>45653</v>
      </c>
      <c r="F72547" s="14" t="s">
        <v>15</v>
      </c>
      <c r="G72547" s="16">
        <v>0</v>
      </c>
    </row>
    <row r="72548" spans="1:7" x14ac:dyDescent="0.3">
      <c r="A72548" s="13" t="s">
        <v>373</v>
      </c>
      <c r="B72548" s="14" t="s">
        <v>1</v>
      </c>
      <c r="C72548" s="14" t="s">
        <v>96</v>
      </c>
      <c r="D72548" s="14" t="s">
        <v>31</v>
      </c>
      <c r="E72548" s="15">
        <v>45654</v>
      </c>
      <c r="F72548" s="14" t="s">
        <v>15</v>
      </c>
      <c r="G72548" s="16">
        <v>0</v>
      </c>
    </row>
    <row r="72549" spans="1:7" x14ac:dyDescent="0.3">
      <c r="A72549" s="13" t="s">
        <v>373</v>
      </c>
      <c r="B72549" s="14" t="s">
        <v>1</v>
      </c>
      <c r="C72549" s="14" t="s">
        <v>96</v>
      </c>
      <c r="D72549" s="14" t="s">
        <v>31</v>
      </c>
      <c r="E72549" s="15">
        <v>45655</v>
      </c>
      <c r="F72549" s="14" t="s">
        <v>15</v>
      </c>
      <c r="G72549" s="16">
        <v>0</v>
      </c>
    </row>
    <row r="72550" spans="1:7" x14ac:dyDescent="0.3">
      <c r="A72550" s="13" t="s">
        <v>373</v>
      </c>
      <c r="B72550" s="14" t="s">
        <v>1</v>
      </c>
      <c r="C72550" s="14" t="s">
        <v>96</v>
      </c>
      <c r="D72550" s="14" t="s">
        <v>31</v>
      </c>
      <c r="E72550" s="15">
        <v>45656</v>
      </c>
      <c r="F72550" s="14" t="s">
        <v>15</v>
      </c>
      <c r="G72550" s="16">
        <v>0</v>
      </c>
    </row>
    <row r="72551" spans="1:7" x14ac:dyDescent="0.3">
      <c r="A72551" s="13" t="s">
        <v>373</v>
      </c>
      <c r="B72551" s="14" t="s">
        <v>1</v>
      </c>
      <c r="C72551" s="14" t="s">
        <v>96</v>
      </c>
      <c r="D72551" s="14" t="s">
        <v>31</v>
      </c>
      <c r="E72551" s="15">
        <v>45657</v>
      </c>
      <c r="F72551" s="14" t="s">
        <v>15</v>
      </c>
      <c r="G72551" s="16">
        <v>0</v>
      </c>
    </row>
    <row r="72552" spans="1:7" x14ac:dyDescent="0.3">
      <c r="A72552" s="13" t="s">
        <v>373</v>
      </c>
      <c r="B72552" s="14" t="s">
        <v>1</v>
      </c>
      <c r="C72552" s="14" t="s">
        <v>96</v>
      </c>
      <c r="D72552" s="14" t="s">
        <v>31</v>
      </c>
      <c r="E72552" s="15">
        <v>45658</v>
      </c>
      <c r="F72552" s="14" t="s">
        <v>15</v>
      </c>
      <c r="G72552" s="16">
        <v>0</v>
      </c>
    </row>
    <row r="72553" spans="1:7" x14ac:dyDescent="0.3">
      <c r="A72553" s="13" t="s">
        <v>373</v>
      </c>
      <c r="B72553" s="14" t="s">
        <v>1</v>
      </c>
      <c r="C72553" s="14" t="s">
        <v>96</v>
      </c>
      <c r="D72553" s="14" t="s">
        <v>31</v>
      </c>
      <c r="E72553" s="15">
        <v>45659</v>
      </c>
      <c r="F72553" s="14" t="s">
        <v>15</v>
      </c>
      <c r="G72553" s="16">
        <v>0</v>
      </c>
    </row>
    <row r="72554" spans="1:7" x14ac:dyDescent="0.3">
      <c r="A72554" s="13" t="s">
        <v>373</v>
      </c>
      <c r="B72554" s="14" t="s">
        <v>1</v>
      </c>
      <c r="C72554" s="14" t="s">
        <v>96</v>
      </c>
      <c r="D72554" s="14" t="s">
        <v>31</v>
      </c>
      <c r="E72554" s="15">
        <v>45660</v>
      </c>
      <c r="F72554" s="14" t="s">
        <v>15</v>
      </c>
      <c r="G72554" s="16">
        <v>0</v>
      </c>
    </row>
    <row r="72555" spans="1:7" x14ac:dyDescent="0.3">
      <c r="A72555" s="13" t="s">
        <v>373</v>
      </c>
      <c r="B72555" s="14" t="s">
        <v>1</v>
      </c>
      <c r="C72555" s="14" t="s">
        <v>96</v>
      </c>
      <c r="D72555" s="14" t="s">
        <v>31</v>
      </c>
      <c r="E72555" s="15">
        <v>45661</v>
      </c>
      <c r="F72555" s="14" t="s">
        <v>15</v>
      </c>
      <c r="G72555" s="16">
        <v>0</v>
      </c>
    </row>
    <row r="72556" spans="1:7" x14ac:dyDescent="0.3">
      <c r="A72556" s="13" t="s">
        <v>373</v>
      </c>
      <c r="B72556" s="14" t="s">
        <v>1</v>
      </c>
      <c r="C72556" s="14" t="s">
        <v>96</v>
      </c>
      <c r="D72556" s="14" t="s">
        <v>31</v>
      </c>
      <c r="E72556" s="15">
        <v>45662</v>
      </c>
      <c r="F72556" s="14" t="s">
        <v>15</v>
      </c>
      <c r="G72556" s="16">
        <v>0</v>
      </c>
    </row>
    <row r="72557" spans="1:7" x14ac:dyDescent="0.3">
      <c r="A72557" s="13" t="s">
        <v>373</v>
      </c>
      <c r="B72557" s="14" t="s">
        <v>1</v>
      </c>
      <c r="C72557" s="14" t="s">
        <v>96</v>
      </c>
      <c r="D72557" s="14" t="s">
        <v>31</v>
      </c>
      <c r="E72557" s="15">
        <v>45663</v>
      </c>
      <c r="F72557" s="14" t="s">
        <v>15</v>
      </c>
      <c r="G72557" s="16">
        <v>0</v>
      </c>
    </row>
    <row r="72558" spans="1:7" x14ac:dyDescent="0.3">
      <c r="A72558" s="13" t="s">
        <v>373</v>
      </c>
      <c r="B72558" s="14" t="s">
        <v>1</v>
      </c>
      <c r="C72558" s="14" t="s">
        <v>96</v>
      </c>
      <c r="D72558" s="14" t="s">
        <v>31</v>
      </c>
      <c r="E72558" s="15">
        <v>45664</v>
      </c>
      <c r="F72558" s="14" t="s">
        <v>15</v>
      </c>
      <c r="G72558" s="16">
        <v>0</v>
      </c>
    </row>
    <row r="72559" spans="1:7" x14ac:dyDescent="0.3">
      <c r="A72559" s="13" t="s">
        <v>373</v>
      </c>
      <c r="B72559" s="14" t="s">
        <v>1</v>
      </c>
      <c r="C72559" s="14" t="s">
        <v>96</v>
      </c>
      <c r="D72559" s="14" t="s">
        <v>31</v>
      </c>
      <c r="E72559" s="15">
        <v>45665</v>
      </c>
      <c r="F72559" s="14" t="s">
        <v>15</v>
      </c>
      <c r="G72559" s="16">
        <v>0</v>
      </c>
    </row>
    <row r="72560" spans="1:7" x14ac:dyDescent="0.3">
      <c r="A72560" s="13" t="s">
        <v>373</v>
      </c>
      <c r="B72560" s="14" t="s">
        <v>1</v>
      </c>
      <c r="C72560" s="14" t="s">
        <v>96</v>
      </c>
      <c r="D72560" s="14" t="s">
        <v>31</v>
      </c>
      <c r="E72560" s="15">
        <v>45666</v>
      </c>
      <c r="F72560" s="14" t="s">
        <v>15</v>
      </c>
      <c r="G72560" s="16">
        <v>0</v>
      </c>
    </row>
    <row r="72561" spans="1:7" x14ac:dyDescent="0.3">
      <c r="A72561" s="13" t="s">
        <v>373</v>
      </c>
      <c r="B72561" s="14" t="s">
        <v>1</v>
      </c>
      <c r="C72561" s="14" t="s">
        <v>96</v>
      </c>
      <c r="D72561" s="14" t="s">
        <v>31</v>
      </c>
      <c r="E72561" s="15">
        <v>45667</v>
      </c>
      <c r="F72561" s="14" t="s">
        <v>15</v>
      </c>
      <c r="G72561" s="16">
        <v>0</v>
      </c>
    </row>
    <row r="72562" spans="1:7" x14ac:dyDescent="0.3">
      <c r="A72562" s="13" t="s">
        <v>373</v>
      </c>
      <c r="B72562" s="14" t="s">
        <v>1</v>
      </c>
      <c r="C72562" s="14" t="s">
        <v>96</v>
      </c>
      <c r="D72562" s="14" t="s">
        <v>31</v>
      </c>
      <c r="E72562" s="15">
        <v>45668</v>
      </c>
      <c r="F72562" s="14" t="s">
        <v>15</v>
      </c>
      <c r="G72562" s="16">
        <v>0</v>
      </c>
    </row>
    <row r="72563" spans="1:7" x14ac:dyDescent="0.3">
      <c r="A72563" s="13" t="s">
        <v>373</v>
      </c>
      <c r="B72563" s="14" t="s">
        <v>1</v>
      </c>
      <c r="C72563" s="14" t="s">
        <v>96</v>
      </c>
      <c r="D72563" s="14" t="s">
        <v>31</v>
      </c>
      <c r="E72563" s="15">
        <v>45669</v>
      </c>
      <c r="F72563" s="14" t="s">
        <v>15</v>
      </c>
      <c r="G72563" s="16">
        <v>0</v>
      </c>
    </row>
    <row r="72564" spans="1:7" x14ac:dyDescent="0.3">
      <c r="A72564" s="13" t="s">
        <v>373</v>
      </c>
      <c r="B72564" s="14" t="s">
        <v>1</v>
      </c>
      <c r="C72564" s="14" t="s">
        <v>96</v>
      </c>
      <c r="D72564" s="14" t="s">
        <v>31</v>
      </c>
      <c r="E72564" s="15">
        <v>45670</v>
      </c>
      <c r="F72564" s="14" t="s">
        <v>15</v>
      </c>
      <c r="G72564" s="16">
        <v>0</v>
      </c>
    </row>
    <row r="72565" spans="1:7" x14ac:dyDescent="0.3">
      <c r="A72565" s="13" t="s">
        <v>373</v>
      </c>
      <c r="B72565" s="14" t="s">
        <v>1</v>
      </c>
      <c r="C72565" s="14" t="s">
        <v>96</v>
      </c>
      <c r="D72565" s="14" t="s">
        <v>31</v>
      </c>
      <c r="E72565" s="15">
        <v>45671</v>
      </c>
      <c r="F72565" s="14" t="s">
        <v>15</v>
      </c>
      <c r="G72565" s="16">
        <v>0</v>
      </c>
    </row>
    <row r="72566" spans="1:7" x14ac:dyDescent="0.3">
      <c r="A72566" s="13" t="s">
        <v>373</v>
      </c>
      <c r="B72566" s="14" t="s">
        <v>1</v>
      </c>
      <c r="C72566" s="14" t="s">
        <v>96</v>
      </c>
      <c r="D72566" s="14" t="s">
        <v>31</v>
      </c>
      <c r="E72566" s="15">
        <v>45672</v>
      </c>
      <c r="F72566" s="14" t="s">
        <v>15</v>
      </c>
      <c r="G72566" s="16">
        <v>0</v>
      </c>
    </row>
    <row r="72567" spans="1:7" x14ac:dyDescent="0.3">
      <c r="A72567" s="13" t="s">
        <v>373</v>
      </c>
      <c r="B72567" s="14" t="s">
        <v>1</v>
      </c>
      <c r="C72567" s="14" t="s">
        <v>96</v>
      </c>
      <c r="D72567" s="14" t="s">
        <v>31</v>
      </c>
      <c r="E72567" s="15">
        <v>45673</v>
      </c>
      <c r="F72567" s="14" t="s">
        <v>15</v>
      </c>
      <c r="G72567" s="16">
        <v>0</v>
      </c>
    </row>
    <row r="72568" spans="1:7" x14ac:dyDescent="0.3">
      <c r="A72568" s="13" t="s">
        <v>373</v>
      </c>
      <c r="B72568" s="14" t="s">
        <v>1</v>
      </c>
      <c r="C72568" s="14" t="s">
        <v>96</v>
      </c>
      <c r="D72568" s="14" t="s">
        <v>31</v>
      </c>
      <c r="E72568" s="15">
        <v>45674</v>
      </c>
      <c r="F72568" s="14" t="s">
        <v>15</v>
      </c>
      <c r="G72568" s="16">
        <v>0</v>
      </c>
    </row>
    <row r="72569" spans="1:7" x14ac:dyDescent="0.3">
      <c r="A72569" s="13" t="s">
        <v>373</v>
      </c>
      <c r="B72569" s="14" t="s">
        <v>1</v>
      </c>
      <c r="C72569" s="14" t="s">
        <v>96</v>
      </c>
      <c r="D72569" s="14" t="s">
        <v>31</v>
      </c>
      <c r="E72569" s="15">
        <v>45675</v>
      </c>
      <c r="F72569" s="14" t="s">
        <v>15</v>
      </c>
      <c r="G72569" s="16">
        <v>0</v>
      </c>
    </row>
    <row r="72570" spans="1:7" x14ac:dyDescent="0.3">
      <c r="A72570" s="13" t="s">
        <v>373</v>
      </c>
      <c r="B72570" s="14" t="s">
        <v>1</v>
      </c>
      <c r="C72570" s="14" t="s">
        <v>96</v>
      </c>
      <c r="D72570" s="14" t="s">
        <v>31</v>
      </c>
      <c r="E72570" s="15">
        <v>45676</v>
      </c>
      <c r="F72570" s="14" t="s">
        <v>15</v>
      </c>
      <c r="G72570" s="16">
        <v>0</v>
      </c>
    </row>
    <row r="72571" spans="1:7" x14ac:dyDescent="0.3">
      <c r="A72571" s="13" t="s">
        <v>373</v>
      </c>
      <c r="B72571" s="14" t="s">
        <v>1</v>
      </c>
      <c r="C72571" s="14" t="s">
        <v>96</v>
      </c>
      <c r="D72571" s="14" t="s">
        <v>31</v>
      </c>
      <c r="E72571" s="15">
        <v>45677</v>
      </c>
      <c r="F72571" s="14" t="s">
        <v>15</v>
      </c>
      <c r="G72571" s="16">
        <v>0</v>
      </c>
    </row>
    <row r="72572" spans="1:7" x14ac:dyDescent="0.3">
      <c r="A72572" s="13" t="s">
        <v>373</v>
      </c>
      <c r="B72572" s="14" t="s">
        <v>1</v>
      </c>
      <c r="C72572" s="14" t="s">
        <v>96</v>
      </c>
      <c r="D72572" s="14" t="s">
        <v>31</v>
      </c>
      <c r="E72572" s="15">
        <v>45678</v>
      </c>
      <c r="F72572" s="14" t="s">
        <v>15</v>
      </c>
      <c r="G72572" s="16">
        <v>0</v>
      </c>
    </row>
    <row r="72573" spans="1:7" x14ac:dyDescent="0.3">
      <c r="A72573" s="13" t="s">
        <v>373</v>
      </c>
      <c r="B72573" s="14" t="s">
        <v>1</v>
      </c>
      <c r="C72573" s="14" t="s">
        <v>96</v>
      </c>
      <c r="D72573" s="14" t="s">
        <v>31</v>
      </c>
      <c r="E72573" s="15">
        <v>45679</v>
      </c>
      <c r="F72573" s="14" t="s">
        <v>15</v>
      </c>
      <c r="G72573" s="16">
        <v>0</v>
      </c>
    </row>
    <row r="72574" spans="1:7" x14ac:dyDescent="0.3">
      <c r="A72574" s="13" t="s">
        <v>373</v>
      </c>
      <c r="B72574" s="14" t="s">
        <v>1</v>
      </c>
      <c r="C72574" s="14" t="s">
        <v>96</v>
      </c>
      <c r="D72574" s="14" t="s">
        <v>31</v>
      </c>
      <c r="E72574" s="15">
        <v>45680</v>
      </c>
      <c r="F72574" s="14" t="s">
        <v>15</v>
      </c>
      <c r="G72574" s="16">
        <v>0</v>
      </c>
    </row>
    <row r="72575" spans="1:7" x14ac:dyDescent="0.3">
      <c r="A72575" s="13" t="s">
        <v>373</v>
      </c>
      <c r="B72575" s="14" t="s">
        <v>1</v>
      </c>
      <c r="C72575" s="14" t="s">
        <v>96</v>
      </c>
      <c r="D72575" s="14" t="s">
        <v>31</v>
      </c>
      <c r="E72575" s="15">
        <v>45681</v>
      </c>
      <c r="F72575" s="14" t="s">
        <v>15</v>
      </c>
      <c r="G72575" s="16">
        <v>0</v>
      </c>
    </row>
    <row r="72576" spans="1:7" x14ac:dyDescent="0.3">
      <c r="A72576" s="13" t="s">
        <v>373</v>
      </c>
      <c r="B72576" s="14" t="s">
        <v>1</v>
      </c>
      <c r="C72576" s="14" t="s">
        <v>96</v>
      </c>
      <c r="D72576" s="14" t="s">
        <v>31</v>
      </c>
      <c r="E72576" s="15">
        <v>45682</v>
      </c>
      <c r="F72576" s="14" t="s">
        <v>15</v>
      </c>
      <c r="G72576" s="16">
        <v>0</v>
      </c>
    </row>
    <row r="72577" spans="1:7" x14ac:dyDescent="0.3">
      <c r="A72577" s="13" t="s">
        <v>373</v>
      </c>
      <c r="B72577" s="14" t="s">
        <v>1</v>
      </c>
      <c r="C72577" s="14" t="s">
        <v>96</v>
      </c>
      <c r="D72577" s="14" t="s">
        <v>31</v>
      </c>
      <c r="E72577" s="15">
        <v>45683</v>
      </c>
      <c r="F72577" s="14" t="s">
        <v>15</v>
      </c>
      <c r="G72577" s="16">
        <v>0</v>
      </c>
    </row>
    <row r="72578" spans="1:7" x14ac:dyDescent="0.3">
      <c r="A72578" s="13" t="s">
        <v>373</v>
      </c>
      <c r="B72578" s="14" t="s">
        <v>1</v>
      </c>
      <c r="C72578" s="14" t="s">
        <v>96</v>
      </c>
      <c r="D72578" s="14" t="s">
        <v>31</v>
      </c>
      <c r="E72578" s="15">
        <v>45684</v>
      </c>
      <c r="F72578" s="14" t="s">
        <v>15</v>
      </c>
      <c r="G72578" s="16">
        <v>0</v>
      </c>
    </row>
    <row r="72579" spans="1:7" x14ac:dyDescent="0.3">
      <c r="A72579" s="13" t="s">
        <v>373</v>
      </c>
      <c r="B72579" s="14" t="s">
        <v>1</v>
      </c>
      <c r="C72579" s="14" t="s">
        <v>96</v>
      </c>
      <c r="D72579" s="14" t="s">
        <v>31</v>
      </c>
      <c r="E72579" s="15">
        <v>45685</v>
      </c>
      <c r="F72579" s="14" t="s">
        <v>15</v>
      </c>
      <c r="G72579" s="16">
        <v>0</v>
      </c>
    </row>
    <row r="72580" spans="1:7" x14ac:dyDescent="0.3">
      <c r="A72580" s="13" t="s">
        <v>373</v>
      </c>
      <c r="B72580" s="14" t="s">
        <v>1</v>
      </c>
      <c r="C72580" s="14" t="s">
        <v>96</v>
      </c>
      <c r="D72580" s="14" t="s">
        <v>31</v>
      </c>
      <c r="E72580" s="15">
        <v>45686</v>
      </c>
      <c r="F72580" s="14" t="s">
        <v>15</v>
      </c>
      <c r="G72580" s="16">
        <v>0</v>
      </c>
    </row>
    <row r="72581" spans="1:7" x14ac:dyDescent="0.3">
      <c r="A72581" s="13" t="s">
        <v>373</v>
      </c>
      <c r="B72581" s="14" t="s">
        <v>1</v>
      </c>
      <c r="C72581" s="14" t="s">
        <v>96</v>
      </c>
      <c r="D72581" s="14" t="s">
        <v>31</v>
      </c>
      <c r="E72581" s="15">
        <v>45687</v>
      </c>
      <c r="F72581" s="14" t="s">
        <v>15</v>
      </c>
      <c r="G72581" s="16">
        <v>0</v>
      </c>
    </row>
    <row r="72582" spans="1:7" x14ac:dyDescent="0.3">
      <c r="A72582" s="13" t="s">
        <v>373</v>
      </c>
      <c r="B72582" s="14" t="s">
        <v>1</v>
      </c>
      <c r="C72582" s="14" t="s">
        <v>96</v>
      </c>
      <c r="D72582" s="14" t="s">
        <v>31</v>
      </c>
      <c r="E72582" s="15">
        <v>45688</v>
      </c>
      <c r="F72582" s="14" t="s">
        <v>15</v>
      </c>
      <c r="G72582" s="16">
        <v>0</v>
      </c>
    </row>
    <row r="72583" spans="1:7" x14ac:dyDescent="0.3">
      <c r="A72583" s="13" t="s">
        <v>373</v>
      </c>
      <c r="B72583" s="14" t="s">
        <v>1</v>
      </c>
      <c r="C72583" s="14" t="s">
        <v>96</v>
      </c>
      <c r="D72583" s="14" t="s">
        <v>31</v>
      </c>
      <c r="E72583" s="15">
        <v>45689</v>
      </c>
      <c r="F72583" s="14" t="s">
        <v>15</v>
      </c>
      <c r="G72583" s="16">
        <v>0</v>
      </c>
    </row>
    <row r="72584" spans="1:7" x14ac:dyDescent="0.3">
      <c r="A72584" s="13" t="s">
        <v>373</v>
      </c>
      <c r="B72584" s="14" t="s">
        <v>1</v>
      </c>
      <c r="C72584" s="14" t="s">
        <v>96</v>
      </c>
      <c r="D72584" s="14" t="s">
        <v>31</v>
      </c>
      <c r="E72584" s="15">
        <v>45690</v>
      </c>
      <c r="F72584" s="14" t="s">
        <v>15</v>
      </c>
      <c r="G72584" s="16">
        <v>0</v>
      </c>
    </row>
    <row r="72585" spans="1:7" x14ac:dyDescent="0.3">
      <c r="A72585" s="13" t="s">
        <v>373</v>
      </c>
      <c r="B72585" s="14" t="s">
        <v>1</v>
      </c>
      <c r="C72585" s="14" t="s">
        <v>96</v>
      </c>
      <c r="D72585" s="14" t="s">
        <v>31</v>
      </c>
      <c r="E72585" s="15">
        <v>45691</v>
      </c>
      <c r="F72585" s="14" t="s">
        <v>15</v>
      </c>
      <c r="G72585" s="16">
        <v>0</v>
      </c>
    </row>
    <row r="72586" spans="1:7" x14ac:dyDescent="0.3">
      <c r="A72586" s="13" t="s">
        <v>373</v>
      </c>
      <c r="B72586" s="14" t="s">
        <v>1</v>
      </c>
      <c r="C72586" s="14" t="s">
        <v>96</v>
      </c>
      <c r="D72586" s="14" t="s">
        <v>31</v>
      </c>
      <c r="E72586" s="15">
        <v>45692</v>
      </c>
      <c r="F72586" s="14" t="s">
        <v>15</v>
      </c>
      <c r="G72586" s="16">
        <v>0</v>
      </c>
    </row>
    <row r="72587" spans="1:7" x14ac:dyDescent="0.3">
      <c r="A72587" s="13" t="s">
        <v>373</v>
      </c>
      <c r="B72587" s="14" t="s">
        <v>1</v>
      </c>
      <c r="C72587" s="14" t="s">
        <v>96</v>
      </c>
      <c r="D72587" s="14" t="s">
        <v>31</v>
      </c>
      <c r="E72587" s="15">
        <v>45693</v>
      </c>
      <c r="F72587" s="14" t="s">
        <v>15</v>
      </c>
      <c r="G72587" s="16">
        <v>0</v>
      </c>
    </row>
    <row r="72588" spans="1:7" x14ac:dyDescent="0.3">
      <c r="A72588" s="13" t="s">
        <v>373</v>
      </c>
      <c r="B72588" s="14" t="s">
        <v>1</v>
      </c>
      <c r="C72588" s="14" t="s">
        <v>96</v>
      </c>
      <c r="D72588" s="14" t="s">
        <v>31</v>
      </c>
      <c r="E72588" s="15">
        <v>45694</v>
      </c>
      <c r="F72588" s="14" t="s">
        <v>15</v>
      </c>
      <c r="G72588" s="16">
        <v>0</v>
      </c>
    </row>
    <row r="72589" spans="1:7" x14ac:dyDescent="0.3">
      <c r="A72589" s="13" t="s">
        <v>373</v>
      </c>
      <c r="B72589" s="14" t="s">
        <v>1</v>
      </c>
      <c r="C72589" s="14" t="s">
        <v>96</v>
      </c>
      <c r="D72589" s="14" t="s">
        <v>31</v>
      </c>
      <c r="E72589" s="15">
        <v>45695</v>
      </c>
      <c r="F72589" s="14" t="s">
        <v>15</v>
      </c>
      <c r="G72589" s="16">
        <v>0</v>
      </c>
    </row>
    <row r="72590" spans="1:7" x14ac:dyDescent="0.3">
      <c r="A72590" s="13" t="s">
        <v>373</v>
      </c>
      <c r="B72590" s="14" t="s">
        <v>1</v>
      </c>
      <c r="C72590" s="14" t="s">
        <v>96</v>
      </c>
      <c r="D72590" s="14" t="s">
        <v>31</v>
      </c>
      <c r="E72590" s="15">
        <v>45696</v>
      </c>
      <c r="F72590" s="14" t="s">
        <v>15</v>
      </c>
      <c r="G72590" s="16">
        <v>0</v>
      </c>
    </row>
    <row r="72591" spans="1:7" x14ac:dyDescent="0.3">
      <c r="A72591" s="13" t="s">
        <v>373</v>
      </c>
      <c r="B72591" s="14" t="s">
        <v>1</v>
      </c>
      <c r="C72591" s="14" t="s">
        <v>96</v>
      </c>
      <c r="D72591" s="14" t="s">
        <v>31</v>
      </c>
      <c r="E72591" s="15">
        <v>45697</v>
      </c>
      <c r="F72591" s="14" t="s">
        <v>15</v>
      </c>
      <c r="G72591" s="16">
        <v>0</v>
      </c>
    </row>
    <row r="72592" spans="1:7" x14ac:dyDescent="0.3">
      <c r="A72592" s="13" t="s">
        <v>373</v>
      </c>
      <c r="B72592" s="14" t="s">
        <v>1</v>
      </c>
      <c r="C72592" s="14" t="s">
        <v>96</v>
      </c>
      <c r="D72592" s="14" t="s">
        <v>31</v>
      </c>
      <c r="E72592" s="15">
        <v>45698</v>
      </c>
      <c r="F72592" s="14" t="s">
        <v>15</v>
      </c>
      <c r="G72592" s="16">
        <v>0</v>
      </c>
    </row>
    <row r="72593" spans="1:7" x14ac:dyDescent="0.3">
      <c r="A72593" s="13" t="s">
        <v>373</v>
      </c>
      <c r="B72593" s="14" t="s">
        <v>1</v>
      </c>
      <c r="C72593" s="14" t="s">
        <v>96</v>
      </c>
      <c r="D72593" s="14" t="s">
        <v>31</v>
      </c>
      <c r="E72593" s="15">
        <v>45699</v>
      </c>
      <c r="F72593" s="14" t="s">
        <v>15</v>
      </c>
      <c r="G72593" s="16">
        <v>0</v>
      </c>
    </row>
    <row r="72594" spans="1:7" x14ac:dyDescent="0.3">
      <c r="A72594" s="13" t="s">
        <v>373</v>
      </c>
      <c r="B72594" s="14" t="s">
        <v>1</v>
      </c>
      <c r="C72594" s="14" t="s">
        <v>96</v>
      </c>
      <c r="D72594" s="14" t="s">
        <v>31</v>
      </c>
      <c r="E72594" s="15">
        <v>45700</v>
      </c>
      <c r="F72594" s="14" t="s">
        <v>15</v>
      </c>
      <c r="G72594" s="16">
        <v>0</v>
      </c>
    </row>
    <row r="72595" spans="1:7" x14ac:dyDescent="0.3">
      <c r="A72595" s="13" t="s">
        <v>373</v>
      </c>
      <c r="B72595" s="14" t="s">
        <v>1</v>
      </c>
      <c r="C72595" s="14" t="s">
        <v>96</v>
      </c>
      <c r="D72595" s="14" t="s">
        <v>31</v>
      </c>
      <c r="E72595" s="15">
        <v>45701</v>
      </c>
      <c r="F72595" s="14" t="s">
        <v>15</v>
      </c>
      <c r="G72595" s="16">
        <v>0</v>
      </c>
    </row>
    <row r="72596" spans="1:7" x14ac:dyDescent="0.3">
      <c r="A72596" s="13" t="s">
        <v>373</v>
      </c>
      <c r="B72596" s="14" t="s">
        <v>1</v>
      </c>
      <c r="C72596" s="14" t="s">
        <v>96</v>
      </c>
      <c r="D72596" s="14" t="s">
        <v>31</v>
      </c>
      <c r="E72596" s="15">
        <v>45702</v>
      </c>
      <c r="F72596" s="14" t="s">
        <v>15</v>
      </c>
      <c r="G72596" s="16">
        <v>0</v>
      </c>
    </row>
    <row r="72597" spans="1:7" x14ac:dyDescent="0.3">
      <c r="A72597" s="13" t="s">
        <v>373</v>
      </c>
      <c r="B72597" s="14" t="s">
        <v>1</v>
      </c>
      <c r="C72597" s="14" t="s">
        <v>96</v>
      </c>
      <c r="D72597" s="14" t="s">
        <v>31</v>
      </c>
      <c r="E72597" s="15">
        <v>45703</v>
      </c>
      <c r="F72597" s="14" t="s">
        <v>15</v>
      </c>
      <c r="G72597" s="16">
        <v>0</v>
      </c>
    </row>
    <row r="72598" spans="1:7" x14ac:dyDescent="0.3">
      <c r="A72598" s="13" t="s">
        <v>373</v>
      </c>
      <c r="B72598" s="14" t="s">
        <v>1</v>
      </c>
      <c r="C72598" s="14" t="s">
        <v>96</v>
      </c>
      <c r="D72598" s="14" t="s">
        <v>31</v>
      </c>
      <c r="E72598" s="15">
        <v>45704</v>
      </c>
      <c r="F72598" s="14" t="s">
        <v>15</v>
      </c>
      <c r="G72598" s="16">
        <v>0</v>
      </c>
    </row>
    <row r="72599" spans="1:7" x14ac:dyDescent="0.3">
      <c r="A72599" s="13" t="s">
        <v>373</v>
      </c>
      <c r="B72599" s="14" t="s">
        <v>1</v>
      </c>
      <c r="C72599" s="14" t="s">
        <v>96</v>
      </c>
      <c r="D72599" s="14" t="s">
        <v>31</v>
      </c>
      <c r="E72599" s="15">
        <v>45705</v>
      </c>
      <c r="F72599" s="14" t="s">
        <v>15</v>
      </c>
      <c r="G72599" s="16">
        <v>0</v>
      </c>
    </row>
    <row r="72600" spans="1:7" x14ac:dyDescent="0.3">
      <c r="A72600" s="13" t="s">
        <v>373</v>
      </c>
      <c r="B72600" s="14" t="s">
        <v>1</v>
      </c>
      <c r="C72600" s="14" t="s">
        <v>96</v>
      </c>
      <c r="D72600" s="14" t="s">
        <v>31</v>
      </c>
      <c r="E72600" s="15">
        <v>45706</v>
      </c>
      <c r="F72600" s="14" t="s">
        <v>15</v>
      </c>
      <c r="G72600" s="16">
        <v>0</v>
      </c>
    </row>
    <row r="72601" spans="1:7" x14ac:dyDescent="0.3">
      <c r="A72601" s="13" t="s">
        <v>373</v>
      </c>
      <c r="B72601" s="14" t="s">
        <v>1</v>
      </c>
      <c r="C72601" s="14" t="s">
        <v>96</v>
      </c>
      <c r="D72601" s="14" t="s">
        <v>31</v>
      </c>
      <c r="E72601" s="15">
        <v>45707</v>
      </c>
      <c r="F72601" s="14" t="s">
        <v>15</v>
      </c>
      <c r="G72601" s="16">
        <v>0</v>
      </c>
    </row>
    <row r="72602" spans="1:7" x14ac:dyDescent="0.3">
      <c r="A72602" s="13" t="s">
        <v>373</v>
      </c>
      <c r="B72602" s="14" t="s">
        <v>1</v>
      </c>
      <c r="C72602" s="14" t="s">
        <v>96</v>
      </c>
      <c r="D72602" s="14" t="s">
        <v>31</v>
      </c>
      <c r="E72602" s="15">
        <v>45708</v>
      </c>
      <c r="F72602" s="14" t="s">
        <v>15</v>
      </c>
      <c r="G72602" s="16">
        <v>0</v>
      </c>
    </row>
    <row r="72603" spans="1:7" x14ac:dyDescent="0.3">
      <c r="A72603" s="13" t="s">
        <v>373</v>
      </c>
      <c r="B72603" s="14" t="s">
        <v>1</v>
      </c>
      <c r="C72603" s="14" t="s">
        <v>96</v>
      </c>
      <c r="D72603" s="14" t="s">
        <v>31</v>
      </c>
      <c r="E72603" s="15">
        <v>45709</v>
      </c>
      <c r="F72603" s="14" t="s">
        <v>15</v>
      </c>
      <c r="G72603" s="16">
        <v>0</v>
      </c>
    </row>
    <row r="72604" spans="1:7" x14ac:dyDescent="0.3">
      <c r="A72604" s="13" t="s">
        <v>373</v>
      </c>
      <c r="B72604" s="14" t="s">
        <v>1</v>
      </c>
      <c r="C72604" s="14" t="s">
        <v>96</v>
      </c>
      <c r="D72604" s="14" t="s">
        <v>31</v>
      </c>
      <c r="E72604" s="15">
        <v>45710</v>
      </c>
      <c r="F72604" s="14" t="s">
        <v>15</v>
      </c>
      <c r="G72604" s="16">
        <v>0</v>
      </c>
    </row>
    <row r="72605" spans="1:7" x14ac:dyDescent="0.3">
      <c r="A72605" s="13" t="s">
        <v>373</v>
      </c>
      <c r="B72605" s="14" t="s">
        <v>1</v>
      </c>
      <c r="C72605" s="14" t="s">
        <v>96</v>
      </c>
      <c r="D72605" s="14" t="s">
        <v>31</v>
      </c>
      <c r="E72605" s="15">
        <v>45711</v>
      </c>
      <c r="F72605" s="14" t="s">
        <v>15</v>
      </c>
      <c r="G72605" s="16">
        <v>0</v>
      </c>
    </row>
    <row r="72606" spans="1:7" x14ac:dyDescent="0.3">
      <c r="A72606" s="13" t="s">
        <v>373</v>
      </c>
      <c r="B72606" s="14" t="s">
        <v>1</v>
      </c>
      <c r="C72606" s="14" t="s">
        <v>96</v>
      </c>
      <c r="D72606" s="14" t="s">
        <v>31</v>
      </c>
      <c r="E72606" s="15">
        <v>45712</v>
      </c>
      <c r="F72606" s="14" t="s">
        <v>15</v>
      </c>
      <c r="G72606" s="16">
        <v>0</v>
      </c>
    </row>
    <row r="72607" spans="1:7" x14ac:dyDescent="0.3">
      <c r="A72607" s="13" t="s">
        <v>373</v>
      </c>
      <c r="B72607" s="14" t="s">
        <v>1</v>
      </c>
      <c r="C72607" s="14" t="s">
        <v>96</v>
      </c>
      <c r="D72607" s="14" t="s">
        <v>31</v>
      </c>
      <c r="E72607" s="15">
        <v>45713</v>
      </c>
      <c r="F72607" s="14" t="s">
        <v>15</v>
      </c>
      <c r="G72607" s="16">
        <v>0</v>
      </c>
    </row>
    <row r="72608" spans="1:7" x14ac:dyDescent="0.3">
      <c r="A72608" s="13" t="s">
        <v>373</v>
      </c>
      <c r="B72608" s="14" t="s">
        <v>1</v>
      </c>
      <c r="C72608" s="14" t="s">
        <v>96</v>
      </c>
      <c r="D72608" s="14" t="s">
        <v>31</v>
      </c>
      <c r="E72608" s="15">
        <v>45714</v>
      </c>
      <c r="F72608" s="14" t="s">
        <v>15</v>
      </c>
      <c r="G72608" s="16">
        <v>0</v>
      </c>
    </row>
    <row r="72609" spans="1:7" x14ac:dyDescent="0.3">
      <c r="A72609" s="13" t="s">
        <v>373</v>
      </c>
      <c r="B72609" s="14" t="s">
        <v>1</v>
      </c>
      <c r="C72609" s="14" t="s">
        <v>96</v>
      </c>
      <c r="D72609" s="14" t="s">
        <v>31</v>
      </c>
      <c r="E72609" s="15">
        <v>45715</v>
      </c>
      <c r="F72609" s="14" t="s">
        <v>15</v>
      </c>
      <c r="G72609" s="16">
        <v>0</v>
      </c>
    </row>
    <row r="72610" spans="1:7" x14ac:dyDescent="0.3">
      <c r="A72610" s="13" t="s">
        <v>373</v>
      </c>
      <c r="B72610" s="14" t="s">
        <v>1</v>
      </c>
      <c r="C72610" s="14" t="s">
        <v>96</v>
      </c>
      <c r="D72610" s="14" t="s">
        <v>31</v>
      </c>
      <c r="E72610" s="15">
        <v>45716</v>
      </c>
      <c r="F72610" s="14" t="s">
        <v>15</v>
      </c>
      <c r="G72610" s="16">
        <v>0</v>
      </c>
    </row>
    <row r="72611" spans="1:7" x14ac:dyDescent="0.3">
      <c r="A72611" s="13" t="s">
        <v>373</v>
      </c>
      <c r="B72611" s="14" t="s">
        <v>1</v>
      </c>
      <c r="C72611" s="14" t="s">
        <v>96</v>
      </c>
      <c r="D72611" s="14" t="s">
        <v>31</v>
      </c>
      <c r="E72611" s="15">
        <v>45717</v>
      </c>
      <c r="F72611" s="14" t="s">
        <v>15</v>
      </c>
      <c r="G72611" s="16">
        <v>0</v>
      </c>
    </row>
    <row r="72612" spans="1:7" x14ac:dyDescent="0.3">
      <c r="A72612" s="13" t="s">
        <v>373</v>
      </c>
      <c r="B72612" s="14" t="s">
        <v>1</v>
      </c>
      <c r="C72612" s="14" t="s">
        <v>96</v>
      </c>
      <c r="D72612" s="14" t="s">
        <v>31</v>
      </c>
      <c r="E72612" s="15">
        <v>45718</v>
      </c>
      <c r="F72612" s="14" t="s">
        <v>15</v>
      </c>
      <c r="G72612" s="16">
        <v>0</v>
      </c>
    </row>
    <row r="72613" spans="1:7" x14ac:dyDescent="0.3">
      <c r="A72613" s="13" t="s">
        <v>373</v>
      </c>
      <c r="B72613" s="14" t="s">
        <v>1</v>
      </c>
      <c r="C72613" s="14" t="s">
        <v>96</v>
      </c>
      <c r="D72613" s="14" t="s">
        <v>31</v>
      </c>
      <c r="E72613" s="15">
        <v>45719</v>
      </c>
      <c r="F72613" s="14" t="s">
        <v>15</v>
      </c>
      <c r="G72613" s="16">
        <v>0</v>
      </c>
    </row>
    <row r="72614" spans="1:7" x14ac:dyDescent="0.3">
      <c r="A72614" s="13" t="s">
        <v>373</v>
      </c>
      <c r="B72614" s="14" t="s">
        <v>1</v>
      </c>
      <c r="C72614" s="14" t="s">
        <v>96</v>
      </c>
      <c r="D72614" s="14" t="s">
        <v>31</v>
      </c>
      <c r="E72614" s="15">
        <v>45720</v>
      </c>
      <c r="F72614" s="14" t="s">
        <v>15</v>
      </c>
      <c r="G72614" s="16">
        <v>0</v>
      </c>
    </row>
    <row r="72615" spans="1:7" x14ac:dyDescent="0.3">
      <c r="A72615" s="13" t="s">
        <v>373</v>
      </c>
      <c r="B72615" s="14" t="s">
        <v>1</v>
      </c>
      <c r="C72615" s="14" t="s">
        <v>96</v>
      </c>
      <c r="D72615" s="14" t="s">
        <v>31</v>
      </c>
      <c r="E72615" s="15">
        <v>45721</v>
      </c>
      <c r="F72615" s="14" t="s">
        <v>15</v>
      </c>
      <c r="G72615" s="16">
        <v>0</v>
      </c>
    </row>
    <row r="72616" spans="1:7" x14ac:dyDescent="0.3">
      <c r="A72616" s="13" t="s">
        <v>373</v>
      </c>
      <c r="B72616" s="14" t="s">
        <v>1</v>
      </c>
      <c r="C72616" s="14" t="s">
        <v>96</v>
      </c>
      <c r="D72616" s="14" t="s">
        <v>31</v>
      </c>
      <c r="E72616" s="15">
        <v>45722</v>
      </c>
      <c r="F72616" s="14" t="s">
        <v>15</v>
      </c>
      <c r="G72616" s="16">
        <v>0</v>
      </c>
    </row>
    <row r="72617" spans="1:7" x14ac:dyDescent="0.3">
      <c r="A72617" s="13" t="s">
        <v>373</v>
      </c>
      <c r="B72617" s="14" t="s">
        <v>1</v>
      </c>
      <c r="C72617" s="14" t="s">
        <v>96</v>
      </c>
      <c r="D72617" s="14" t="s">
        <v>31</v>
      </c>
      <c r="E72617" s="15">
        <v>45723</v>
      </c>
      <c r="F72617" s="14" t="s">
        <v>15</v>
      </c>
      <c r="G72617" s="16">
        <v>0</v>
      </c>
    </row>
    <row r="72618" spans="1:7" x14ac:dyDescent="0.3">
      <c r="A72618" s="13" t="s">
        <v>373</v>
      </c>
      <c r="B72618" s="14" t="s">
        <v>1</v>
      </c>
      <c r="C72618" s="14" t="s">
        <v>96</v>
      </c>
      <c r="D72618" s="14" t="s">
        <v>31</v>
      </c>
      <c r="E72618" s="15">
        <v>45724</v>
      </c>
      <c r="F72618" s="14" t="s">
        <v>15</v>
      </c>
      <c r="G72618" s="16">
        <v>0</v>
      </c>
    </row>
    <row r="72619" spans="1:7" x14ac:dyDescent="0.3">
      <c r="A72619" s="13" t="s">
        <v>373</v>
      </c>
      <c r="B72619" s="14" t="s">
        <v>1</v>
      </c>
      <c r="C72619" s="14" t="s">
        <v>96</v>
      </c>
      <c r="D72619" s="14" t="s">
        <v>31</v>
      </c>
      <c r="E72619" s="15">
        <v>45725</v>
      </c>
      <c r="F72619" s="14" t="s">
        <v>15</v>
      </c>
      <c r="G72619" s="16">
        <v>0</v>
      </c>
    </row>
    <row r="72620" spans="1:7" x14ac:dyDescent="0.3">
      <c r="A72620" s="13" t="s">
        <v>373</v>
      </c>
      <c r="B72620" s="14" t="s">
        <v>1</v>
      </c>
      <c r="C72620" s="14" t="s">
        <v>96</v>
      </c>
      <c r="D72620" s="14" t="s">
        <v>31</v>
      </c>
      <c r="E72620" s="15">
        <v>45726</v>
      </c>
      <c r="F72620" s="14" t="s">
        <v>15</v>
      </c>
      <c r="G72620" s="16">
        <v>0</v>
      </c>
    </row>
    <row r="72621" spans="1:7" x14ac:dyDescent="0.3">
      <c r="A72621" s="13" t="s">
        <v>373</v>
      </c>
      <c r="B72621" s="14" t="s">
        <v>1</v>
      </c>
      <c r="C72621" s="14" t="s">
        <v>96</v>
      </c>
      <c r="D72621" s="14" t="s">
        <v>31</v>
      </c>
      <c r="E72621" s="15">
        <v>45727</v>
      </c>
      <c r="F72621" s="14" t="s">
        <v>15</v>
      </c>
      <c r="G72621" s="16">
        <v>0</v>
      </c>
    </row>
    <row r="72622" spans="1:7" x14ac:dyDescent="0.3">
      <c r="A72622" s="13" t="s">
        <v>373</v>
      </c>
      <c r="B72622" s="14" t="s">
        <v>1</v>
      </c>
      <c r="C72622" s="14" t="s">
        <v>96</v>
      </c>
      <c r="D72622" s="14" t="s">
        <v>31</v>
      </c>
      <c r="E72622" s="15">
        <v>45728</v>
      </c>
      <c r="F72622" s="14" t="s">
        <v>15</v>
      </c>
      <c r="G72622" s="16">
        <v>0</v>
      </c>
    </row>
    <row r="72623" spans="1:7" x14ac:dyDescent="0.3">
      <c r="A72623" s="13" t="s">
        <v>373</v>
      </c>
      <c r="B72623" s="14" t="s">
        <v>1</v>
      </c>
      <c r="C72623" s="14" t="s">
        <v>96</v>
      </c>
      <c r="D72623" s="14" t="s">
        <v>31</v>
      </c>
      <c r="E72623" s="15">
        <v>45729</v>
      </c>
      <c r="F72623" s="14" t="s">
        <v>15</v>
      </c>
      <c r="G72623" s="16">
        <v>0</v>
      </c>
    </row>
    <row r="72624" spans="1:7" x14ac:dyDescent="0.3">
      <c r="A72624" s="13" t="s">
        <v>373</v>
      </c>
      <c r="B72624" s="14" t="s">
        <v>1</v>
      </c>
      <c r="C72624" s="14" t="s">
        <v>96</v>
      </c>
      <c r="D72624" s="14" t="s">
        <v>31</v>
      </c>
      <c r="E72624" s="15">
        <v>45730</v>
      </c>
      <c r="F72624" s="14" t="s">
        <v>15</v>
      </c>
      <c r="G72624" s="16">
        <v>0</v>
      </c>
    </row>
    <row r="72625" spans="1:7" x14ac:dyDescent="0.3">
      <c r="A72625" s="13" t="s">
        <v>373</v>
      </c>
      <c r="B72625" s="14" t="s">
        <v>1</v>
      </c>
      <c r="C72625" s="14" t="s">
        <v>96</v>
      </c>
      <c r="D72625" s="14" t="s">
        <v>31</v>
      </c>
      <c r="E72625" s="15">
        <v>45731</v>
      </c>
      <c r="F72625" s="14" t="s">
        <v>15</v>
      </c>
      <c r="G72625" s="16">
        <v>0</v>
      </c>
    </row>
    <row r="72626" spans="1:7" x14ac:dyDescent="0.3">
      <c r="A72626" s="13" t="s">
        <v>373</v>
      </c>
      <c r="B72626" s="14" t="s">
        <v>1</v>
      </c>
      <c r="C72626" s="14" t="s">
        <v>96</v>
      </c>
      <c r="D72626" s="14" t="s">
        <v>31</v>
      </c>
      <c r="E72626" s="15">
        <v>45732</v>
      </c>
      <c r="F72626" s="14" t="s">
        <v>15</v>
      </c>
      <c r="G72626" s="16">
        <v>0</v>
      </c>
    </row>
    <row r="72627" spans="1:7" x14ac:dyDescent="0.3">
      <c r="A72627" s="13" t="s">
        <v>373</v>
      </c>
      <c r="B72627" s="14" t="s">
        <v>1</v>
      </c>
      <c r="C72627" s="14" t="s">
        <v>96</v>
      </c>
      <c r="D72627" s="14" t="s">
        <v>31</v>
      </c>
      <c r="E72627" s="15">
        <v>45733</v>
      </c>
      <c r="F72627" s="14" t="s">
        <v>15</v>
      </c>
      <c r="G72627" s="16">
        <v>0</v>
      </c>
    </row>
    <row r="72628" spans="1:7" x14ac:dyDescent="0.3">
      <c r="A72628" s="13" t="s">
        <v>373</v>
      </c>
      <c r="B72628" s="14" t="s">
        <v>1</v>
      </c>
      <c r="C72628" s="14" t="s">
        <v>96</v>
      </c>
      <c r="D72628" s="14" t="s">
        <v>31</v>
      </c>
      <c r="E72628" s="15">
        <v>45734</v>
      </c>
      <c r="F72628" s="14" t="s">
        <v>15</v>
      </c>
      <c r="G72628" s="16">
        <v>0</v>
      </c>
    </row>
    <row r="72629" spans="1:7" x14ac:dyDescent="0.3">
      <c r="A72629" s="13" t="s">
        <v>373</v>
      </c>
      <c r="B72629" s="14" t="s">
        <v>1</v>
      </c>
      <c r="C72629" s="14" t="s">
        <v>96</v>
      </c>
      <c r="D72629" s="14" t="s">
        <v>31</v>
      </c>
      <c r="E72629" s="15">
        <v>45735</v>
      </c>
      <c r="F72629" s="14" t="s">
        <v>15</v>
      </c>
      <c r="G72629" s="16">
        <v>0</v>
      </c>
    </row>
    <row r="72630" spans="1:7" x14ac:dyDescent="0.3">
      <c r="A72630" s="13" t="s">
        <v>373</v>
      </c>
      <c r="B72630" s="14" t="s">
        <v>1</v>
      </c>
      <c r="C72630" s="14" t="s">
        <v>96</v>
      </c>
      <c r="D72630" s="14" t="s">
        <v>31</v>
      </c>
      <c r="E72630" s="15">
        <v>45736</v>
      </c>
      <c r="F72630" s="14" t="s">
        <v>15</v>
      </c>
      <c r="G72630" s="16">
        <v>0</v>
      </c>
    </row>
    <row r="72631" spans="1:7" x14ac:dyDescent="0.3">
      <c r="A72631" s="13" t="s">
        <v>373</v>
      </c>
      <c r="B72631" s="14" t="s">
        <v>1</v>
      </c>
      <c r="C72631" s="14" t="s">
        <v>96</v>
      </c>
      <c r="D72631" s="14" t="s">
        <v>31</v>
      </c>
      <c r="E72631" s="15">
        <v>45737</v>
      </c>
      <c r="F72631" s="14" t="s">
        <v>15</v>
      </c>
      <c r="G72631" s="16">
        <v>0</v>
      </c>
    </row>
    <row r="72632" spans="1:7" x14ac:dyDescent="0.3">
      <c r="A72632" s="13" t="s">
        <v>373</v>
      </c>
      <c r="B72632" s="14" t="s">
        <v>1</v>
      </c>
      <c r="C72632" s="14" t="s">
        <v>96</v>
      </c>
      <c r="D72632" s="14" t="s">
        <v>31</v>
      </c>
      <c r="E72632" s="15">
        <v>45738</v>
      </c>
      <c r="F72632" s="14" t="s">
        <v>15</v>
      </c>
      <c r="G72632" s="16">
        <v>0</v>
      </c>
    </row>
    <row r="72633" spans="1:7" x14ac:dyDescent="0.3">
      <c r="A72633" s="13" t="s">
        <v>373</v>
      </c>
      <c r="B72633" s="14" t="s">
        <v>1</v>
      </c>
      <c r="C72633" s="14" t="s">
        <v>96</v>
      </c>
      <c r="D72633" s="14" t="s">
        <v>31</v>
      </c>
      <c r="E72633" s="15">
        <v>45739</v>
      </c>
      <c r="F72633" s="14" t="s">
        <v>15</v>
      </c>
      <c r="G72633" s="16">
        <v>0</v>
      </c>
    </row>
    <row r="72634" spans="1:7" x14ac:dyDescent="0.3">
      <c r="A72634" s="13" t="s">
        <v>373</v>
      </c>
      <c r="B72634" s="14" t="s">
        <v>1</v>
      </c>
      <c r="C72634" s="14" t="s">
        <v>96</v>
      </c>
      <c r="D72634" s="14" t="s">
        <v>31</v>
      </c>
      <c r="E72634" s="15">
        <v>45740</v>
      </c>
      <c r="F72634" s="14" t="s">
        <v>15</v>
      </c>
      <c r="G72634" s="16">
        <v>0</v>
      </c>
    </row>
    <row r="72635" spans="1:7" x14ac:dyDescent="0.3">
      <c r="A72635" s="13" t="s">
        <v>373</v>
      </c>
      <c r="B72635" s="14" t="s">
        <v>1</v>
      </c>
      <c r="C72635" s="14" t="s">
        <v>96</v>
      </c>
      <c r="D72635" s="14" t="s">
        <v>31</v>
      </c>
      <c r="E72635" s="15">
        <v>45741</v>
      </c>
      <c r="F72635" s="14" t="s">
        <v>15</v>
      </c>
      <c r="G72635" s="16">
        <v>0</v>
      </c>
    </row>
    <row r="72636" spans="1:7" x14ac:dyDescent="0.3">
      <c r="A72636" s="13" t="s">
        <v>373</v>
      </c>
      <c r="B72636" s="14" t="s">
        <v>1</v>
      </c>
      <c r="C72636" s="14" t="s">
        <v>96</v>
      </c>
      <c r="D72636" s="14" t="s">
        <v>31</v>
      </c>
      <c r="E72636" s="15">
        <v>45742</v>
      </c>
      <c r="F72636" s="14" t="s">
        <v>15</v>
      </c>
      <c r="G72636" s="16">
        <v>1.4577623427820541E-2</v>
      </c>
    </row>
    <row r="72637" spans="1:7" x14ac:dyDescent="0.3">
      <c r="A72637" s="13" t="s">
        <v>373</v>
      </c>
      <c r="B72637" s="14" t="s">
        <v>1</v>
      </c>
      <c r="C72637" s="14" t="s">
        <v>96</v>
      </c>
      <c r="D72637" s="14" t="s">
        <v>31</v>
      </c>
      <c r="E72637" s="15">
        <v>45743</v>
      </c>
      <c r="F72637" s="14" t="s">
        <v>15</v>
      </c>
      <c r="G72637" s="16">
        <v>2.7128016808692722E-2</v>
      </c>
    </row>
    <row r="72638" spans="1:7" x14ac:dyDescent="0.3">
      <c r="A72638" s="13" t="s">
        <v>373</v>
      </c>
      <c r="B72638" s="14" t="s">
        <v>1</v>
      </c>
      <c r="C72638" s="14" t="s">
        <v>96</v>
      </c>
      <c r="D72638" s="14" t="s">
        <v>31</v>
      </c>
      <c r="E72638" s="15">
        <v>45744</v>
      </c>
      <c r="F72638" s="14" t="s">
        <v>15</v>
      </c>
      <c r="G72638" s="16">
        <v>2.0762421090572386E-2</v>
      </c>
    </row>
    <row r="72639" spans="1:7" x14ac:dyDescent="0.3">
      <c r="A72639" s="13" t="s">
        <v>373</v>
      </c>
      <c r="B72639" s="14" t="s">
        <v>1</v>
      </c>
      <c r="C72639" s="14" t="s">
        <v>96</v>
      </c>
      <c r="D72639" s="14" t="s">
        <v>31</v>
      </c>
      <c r="E72639" s="15">
        <v>45745</v>
      </c>
      <c r="F72639" s="14" t="s">
        <v>15</v>
      </c>
      <c r="G72639" s="16">
        <v>2.0762421090572386E-2</v>
      </c>
    </row>
    <row r="72640" spans="1:7" x14ac:dyDescent="0.3">
      <c r="A72640" s="13" t="s">
        <v>373</v>
      </c>
      <c r="B72640" s="14" t="s">
        <v>1</v>
      </c>
      <c r="C72640" s="14" t="s">
        <v>96</v>
      </c>
      <c r="D72640" s="14" t="s">
        <v>31</v>
      </c>
      <c r="E72640" s="15">
        <v>45746</v>
      </c>
      <c r="F72640" s="14" t="s">
        <v>15</v>
      </c>
      <c r="G72640" s="16">
        <v>2.0762421090572386E-2</v>
      </c>
    </row>
    <row r="72641" spans="1:7" x14ac:dyDescent="0.3">
      <c r="A72641" s="13" t="s">
        <v>373</v>
      </c>
      <c r="B72641" s="14" t="s">
        <v>1</v>
      </c>
      <c r="C72641" s="14" t="s">
        <v>96</v>
      </c>
      <c r="D72641" s="14" t="s">
        <v>31</v>
      </c>
      <c r="E72641" s="15">
        <v>45747</v>
      </c>
      <c r="F72641" s="14" t="s">
        <v>15</v>
      </c>
      <c r="G72641" s="16">
        <v>2.0762421090572386E-2</v>
      </c>
    </row>
    <row r="72642" spans="1:7" x14ac:dyDescent="0.3">
      <c r="A72642" s="13" t="s">
        <v>374</v>
      </c>
      <c r="B72642" s="14" t="s">
        <v>1</v>
      </c>
      <c r="C72642" s="14" t="s">
        <v>101</v>
      </c>
      <c r="D72642" s="14" t="s">
        <v>155</v>
      </c>
      <c r="E72642" s="15">
        <v>45383</v>
      </c>
      <c r="F72642" s="14" t="s">
        <v>25</v>
      </c>
      <c r="G72642" s="16">
        <v>0</v>
      </c>
    </row>
    <row r="72643" spans="1:7" x14ac:dyDescent="0.3">
      <c r="A72643" s="13" t="s">
        <v>374</v>
      </c>
      <c r="B72643" s="14" t="s">
        <v>1</v>
      </c>
      <c r="C72643" s="14" t="s">
        <v>101</v>
      </c>
      <c r="D72643" s="14" t="s">
        <v>155</v>
      </c>
      <c r="E72643" s="15">
        <v>45384</v>
      </c>
      <c r="F72643" s="14" t="s">
        <v>25</v>
      </c>
      <c r="G72643" s="16">
        <v>0</v>
      </c>
    </row>
    <row r="72644" spans="1:7" x14ac:dyDescent="0.3">
      <c r="A72644" s="13" t="s">
        <v>374</v>
      </c>
      <c r="B72644" s="14" t="s">
        <v>1</v>
      </c>
      <c r="C72644" s="14" t="s">
        <v>101</v>
      </c>
      <c r="D72644" s="14" t="s">
        <v>155</v>
      </c>
      <c r="E72644" s="15">
        <v>45385</v>
      </c>
      <c r="F72644" s="14" t="s">
        <v>25</v>
      </c>
      <c r="G72644" s="16">
        <v>0</v>
      </c>
    </row>
    <row r="72645" spans="1:7" x14ac:dyDescent="0.3">
      <c r="A72645" s="13" t="s">
        <v>374</v>
      </c>
      <c r="B72645" s="14" t="s">
        <v>1</v>
      </c>
      <c r="C72645" s="14" t="s">
        <v>101</v>
      </c>
      <c r="D72645" s="14" t="s">
        <v>155</v>
      </c>
      <c r="E72645" s="15">
        <v>45386</v>
      </c>
      <c r="F72645" s="14" t="s">
        <v>25</v>
      </c>
      <c r="G72645" s="16">
        <v>0</v>
      </c>
    </row>
    <row r="72646" spans="1:7" x14ac:dyDescent="0.3">
      <c r="A72646" s="13" t="s">
        <v>374</v>
      </c>
      <c r="B72646" s="14" t="s">
        <v>1</v>
      </c>
      <c r="C72646" s="14" t="s">
        <v>101</v>
      </c>
      <c r="D72646" s="14" t="s">
        <v>155</v>
      </c>
      <c r="E72646" s="15">
        <v>45387</v>
      </c>
      <c r="F72646" s="14" t="s">
        <v>25</v>
      </c>
      <c r="G72646" s="16">
        <v>0</v>
      </c>
    </row>
    <row r="72647" spans="1:7" x14ac:dyDescent="0.3">
      <c r="A72647" s="13" t="s">
        <v>374</v>
      </c>
      <c r="B72647" s="14" t="s">
        <v>1</v>
      </c>
      <c r="C72647" s="14" t="s">
        <v>101</v>
      </c>
      <c r="D72647" s="14" t="s">
        <v>155</v>
      </c>
      <c r="E72647" s="15">
        <v>45388</v>
      </c>
      <c r="F72647" s="14" t="s">
        <v>25</v>
      </c>
      <c r="G72647" s="16">
        <v>0</v>
      </c>
    </row>
    <row r="72648" spans="1:7" x14ac:dyDescent="0.3">
      <c r="A72648" s="13" t="s">
        <v>374</v>
      </c>
      <c r="B72648" s="14" t="s">
        <v>1</v>
      </c>
      <c r="C72648" s="14" t="s">
        <v>101</v>
      </c>
      <c r="D72648" s="14" t="s">
        <v>155</v>
      </c>
      <c r="E72648" s="15">
        <v>45389</v>
      </c>
      <c r="F72648" s="14" t="s">
        <v>25</v>
      </c>
      <c r="G72648" s="16">
        <v>0</v>
      </c>
    </row>
    <row r="72649" spans="1:7" x14ac:dyDescent="0.3">
      <c r="A72649" s="13" t="s">
        <v>374</v>
      </c>
      <c r="B72649" s="14" t="s">
        <v>1</v>
      </c>
      <c r="C72649" s="14" t="s">
        <v>101</v>
      </c>
      <c r="D72649" s="14" t="s">
        <v>155</v>
      </c>
      <c r="E72649" s="15">
        <v>45390</v>
      </c>
      <c r="F72649" s="14" t="s">
        <v>25</v>
      </c>
      <c r="G72649" s="16">
        <v>0</v>
      </c>
    </row>
    <row r="72650" spans="1:7" x14ac:dyDescent="0.3">
      <c r="A72650" s="13" t="s">
        <v>374</v>
      </c>
      <c r="B72650" s="14" t="s">
        <v>1</v>
      </c>
      <c r="C72650" s="14" t="s">
        <v>101</v>
      </c>
      <c r="D72650" s="14" t="s">
        <v>155</v>
      </c>
      <c r="E72650" s="15">
        <v>45391</v>
      </c>
      <c r="F72650" s="14" t="s">
        <v>25</v>
      </c>
      <c r="G72650" s="16">
        <v>0</v>
      </c>
    </row>
    <row r="72651" spans="1:7" x14ac:dyDescent="0.3">
      <c r="A72651" s="13" t="s">
        <v>374</v>
      </c>
      <c r="B72651" s="14" t="s">
        <v>1</v>
      </c>
      <c r="C72651" s="14" t="s">
        <v>101</v>
      </c>
      <c r="D72651" s="14" t="s">
        <v>155</v>
      </c>
      <c r="E72651" s="15">
        <v>45392</v>
      </c>
      <c r="F72651" s="14" t="s">
        <v>25</v>
      </c>
      <c r="G72651" s="16">
        <v>0</v>
      </c>
    </row>
    <row r="72652" spans="1:7" x14ac:dyDescent="0.3">
      <c r="A72652" s="13" t="s">
        <v>374</v>
      </c>
      <c r="B72652" s="14" t="s">
        <v>1</v>
      </c>
      <c r="C72652" s="14" t="s">
        <v>101</v>
      </c>
      <c r="D72652" s="14" t="s">
        <v>155</v>
      </c>
      <c r="E72652" s="15">
        <v>45393</v>
      </c>
      <c r="F72652" s="14" t="s">
        <v>25</v>
      </c>
      <c r="G72652" s="16">
        <v>0</v>
      </c>
    </row>
    <row r="72653" spans="1:7" x14ac:dyDescent="0.3">
      <c r="A72653" s="13" t="s">
        <v>374</v>
      </c>
      <c r="B72653" s="14" t="s">
        <v>1</v>
      </c>
      <c r="C72653" s="14" t="s">
        <v>101</v>
      </c>
      <c r="D72653" s="14" t="s">
        <v>155</v>
      </c>
      <c r="E72653" s="15">
        <v>45394</v>
      </c>
      <c r="F72653" s="14" t="s">
        <v>25</v>
      </c>
      <c r="G72653" s="16">
        <v>1.8973173527502361E-2</v>
      </c>
    </row>
    <row r="72654" spans="1:7" x14ac:dyDescent="0.3">
      <c r="A72654" s="13" t="s">
        <v>374</v>
      </c>
      <c r="B72654" s="14" t="s">
        <v>1</v>
      </c>
      <c r="C72654" s="14" t="s">
        <v>101</v>
      </c>
      <c r="D72654" s="14" t="s">
        <v>155</v>
      </c>
      <c r="E72654" s="15">
        <v>45395</v>
      </c>
      <c r="F72654" s="14" t="s">
        <v>25</v>
      </c>
      <c r="G72654" s="16">
        <v>1.8973173527502361E-2</v>
      </c>
    </row>
    <row r="72655" spans="1:7" x14ac:dyDescent="0.3">
      <c r="A72655" s="13" t="s">
        <v>374</v>
      </c>
      <c r="B72655" s="14" t="s">
        <v>1</v>
      </c>
      <c r="C72655" s="14" t="s">
        <v>101</v>
      </c>
      <c r="D72655" s="14" t="s">
        <v>155</v>
      </c>
      <c r="E72655" s="15">
        <v>45396</v>
      </c>
      <c r="F72655" s="14" t="s">
        <v>25</v>
      </c>
      <c r="G72655" s="16">
        <v>1.8973173527502361E-2</v>
      </c>
    </row>
    <row r="72656" spans="1:7" x14ac:dyDescent="0.3">
      <c r="A72656" s="13" t="s">
        <v>374</v>
      </c>
      <c r="B72656" s="14" t="s">
        <v>1</v>
      </c>
      <c r="C72656" s="14" t="s">
        <v>101</v>
      </c>
      <c r="D72656" s="14" t="s">
        <v>155</v>
      </c>
      <c r="E72656" s="15">
        <v>45397</v>
      </c>
      <c r="F72656" s="14" t="s">
        <v>25</v>
      </c>
      <c r="G72656" s="16">
        <v>1.3330249858084954E-2</v>
      </c>
    </row>
    <row r="72657" spans="1:7" x14ac:dyDescent="0.3">
      <c r="A72657" s="13" t="s">
        <v>374</v>
      </c>
      <c r="B72657" s="14" t="s">
        <v>1</v>
      </c>
      <c r="C72657" s="14" t="s">
        <v>101</v>
      </c>
      <c r="D72657" s="14" t="s">
        <v>155</v>
      </c>
      <c r="E72657" s="15">
        <v>45398</v>
      </c>
      <c r="F72657" s="14" t="s">
        <v>25</v>
      </c>
      <c r="G72657" s="16">
        <v>0</v>
      </c>
    </row>
    <row r="72658" spans="1:7" x14ac:dyDescent="0.3">
      <c r="A72658" s="13" t="s">
        <v>374</v>
      </c>
      <c r="B72658" s="14" t="s">
        <v>1</v>
      </c>
      <c r="C72658" s="14" t="s">
        <v>101</v>
      </c>
      <c r="D72658" s="14" t="s">
        <v>155</v>
      </c>
      <c r="E72658" s="15">
        <v>45399</v>
      </c>
      <c r="F72658" s="14" t="s">
        <v>25</v>
      </c>
      <c r="G72658" s="16">
        <v>0</v>
      </c>
    </row>
    <row r="72659" spans="1:7" x14ac:dyDescent="0.3">
      <c r="A72659" s="13" t="s">
        <v>374</v>
      </c>
      <c r="B72659" s="14" t="s">
        <v>1</v>
      </c>
      <c r="C72659" s="14" t="s">
        <v>101</v>
      </c>
      <c r="D72659" s="14" t="s">
        <v>155</v>
      </c>
      <c r="E72659" s="15">
        <v>45400</v>
      </c>
      <c r="F72659" s="14" t="s">
        <v>25</v>
      </c>
      <c r="G72659" s="16">
        <v>0</v>
      </c>
    </row>
    <row r="72660" spans="1:7" x14ac:dyDescent="0.3">
      <c r="A72660" s="13" t="s">
        <v>374</v>
      </c>
      <c r="B72660" s="14" t="s">
        <v>1</v>
      </c>
      <c r="C72660" s="14" t="s">
        <v>101</v>
      </c>
      <c r="D72660" s="14" t="s">
        <v>155</v>
      </c>
      <c r="E72660" s="15">
        <v>45401</v>
      </c>
      <c r="F72660" s="14" t="s">
        <v>25</v>
      </c>
      <c r="G72660" s="16">
        <v>0</v>
      </c>
    </row>
    <row r="72661" spans="1:7" x14ac:dyDescent="0.3">
      <c r="A72661" s="13" t="s">
        <v>374</v>
      </c>
      <c r="B72661" s="14" t="s">
        <v>1</v>
      </c>
      <c r="C72661" s="14" t="s">
        <v>101</v>
      </c>
      <c r="D72661" s="14" t="s">
        <v>155</v>
      </c>
      <c r="E72661" s="15">
        <v>45402</v>
      </c>
      <c r="F72661" s="14" t="s">
        <v>25</v>
      </c>
      <c r="G72661" s="16">
        <v>0</v>
      </c>
    </row>
    <row r="72662" spans="1:7" x14ac:dyDescent="0.3">
      <c r="A72662" s="13" t="s">
        <v>374</v>
      </c>
      <c r="B72662" s="14" t="s">
        <v>1</v>
      </c>
      <c r="C72662" s="14" t="s">
        <v>101</v>
      </c>
      <c r="D72662" s="14" t="s">
        <v>155</v>
      </c>
      <c r="E72662" s="15">
        <v>45403</v>
      </c>
      <c r="F72662" s="14" t="s">
        <v>25</v>
      </c>
      <c r="G72662" s="16">
        <v>0</v>
      </c>
    </row>
    <row r="72663" spans="1:7" x14ac:dyDescent="0.3">
      <c r="A72663" s="13" t="s">
        <v>374</v>
      </c>
      <c r="B72663" s="14" t="s">
        <v>1</v>
      </c>
      <c r="C72663" s="14" t="s">
        <v>101</v>
      </c>
      <c r="D72663" s="14" t="s">
        <v>155</v>
      </c>
      <c r="E72663" s="15">
        <v>45404</v>
      </c>
      <c r="F72663" s="14" t="s">
        <v>25</v>
      </c>
      <c r="G72663" s="16">
        <v>0</v>
      </c>
    </row>
    <row r="72664" spans="1:7" x14ac:dyDescent="0.3">
      <c r="A72664" s="13" t="s">
        <v>374</v>
      </c>
      <c r="B72664" s="14" t="s">
        <v>1</v>
      </c>
      <c r="C72664" s="14" t="s">
        <v>101</v>
      </c>
      <c r="D72664" s="14" t="s">
        <v>155</v>
      </c>
      <c r="E72664" s="15">
        <v>45405</v>
      </c>
      <c r="F72664" s="14" t="s">
        <v>25</v>
      </c>
      <c r="G72664" s="16">
        <v>3.8801402729894005E-2</v>
      </c>
    </row>
    <row r="72665" spans="1:7" x14ac:dyDescent="0.3">
      <c r="A72665" s="13" t="s">
        <v>374</v>
      </c>
      <c r="B72665" s="14" t="s">
        <v>1</v>
      </c>
      <c r="C72665" s="14" t="s">
        <v>101</v>
      </c>
      <c r="D72665" s="14" t="s">
        <v>155</v>
      </c>
      <c r="E72665" s="15">
        <v>45406</v>
      </c>
      <c r="F72665" s="14" t="s">
        <v>25</v>
      </c>
      <c r="G72665" s="16">
        <v>3.7408846869243242E-2</v>
      </c>
    </row>
    <row r="72666" spans="1:7" x14ac:dyDescent="0.3">
      <c r="A72666" s="13" t="s">
        <v>374</v>
      </c>
      <c r="B72666" s="14" t="s">
        <v>1</v>
      </c>
      <c r="C72666" s="14" t="s">
        <v>101</v>
      </c>
      <c r="D72666" s="14" t="s">
        <v>155</v>
      </c>
      <c r="E72666" s="15">
        <v>45407</v>
      </c>
      <c r="F72666" s="14" t="s">
        <v>25</v>
      </c>
      <c r="G72666" s="16">
        <v>2.7837400955022948E-2</v>
      </c>
    </row>
    <row r="72667" spans="1:7" x14ac:dyDescent="0.3">
      <c r="A72667" s="13" t="s">
        <v>374</v>
      </c>
      <c r="B72667" s="14" t="s">
        <v>1</v>
      </c>
      <c r="C72667" s="14" t="s">
        <v>101</v>
      </c>
      <c r="D72667" s="14" t="s">
        <v>155</v>
      </c>
      <c r="E72667" s="15">
        <v>45408</v>
      </c>
      <c r="F72667" s="14" t="s">
        <v>25</v>
      </c>
      <c r="G72667" s="16">
        <v>2.3895197010169397E-2</v>
      </c>
    </row>
    <row r="72668" spans="1:7" x14ac:dyDescent="0.3">
      <c r="A72668" s="13" t="s">
        <v>374</v>
      </c>
      <c r="B72668" s="14" t="s">
        <v>1</v>
      </c>
      <c r="C72668" s="14" t="s">
        <v>101</v>
      </c>
      <c r="D72668" s="14" t="s">
        <v>155</v>
      </c>
      <c r="E72668" s="15">
        <v>45409</v>
      </c>
      <c r="F72668" s="14" t="s">
        <v>25</v>
      </c>
      <c r="G72668" s="16">
        <v>2.3895197010169397E-2</v>
      </c>
    </row>
    <row r="72669" spans="1:7" x14ac:dyDescent="0.3">
      <c r="A72669" s="13" t="s">
        <v>374</v>
      </c>
      <c r="B72669" s="14" t="s">
        <v>1</v>
      </c>
      <c r="C72669" s="14" t="s">
        <v>101</v>
      </c>
      <c r="D72669" s="14" t="s">
        <v>155</v>
      </c>
      <c r="E72669" s="15">
        <v>45410</v>
      </c>
      <c r="F72669" s="14" t="s">
        <v>25</v>
      </c>
      <c r="G72669" s="16">
        <v>2.3895197010169397E-2</v>
      </c>
    </row>
    <row r="72670" spans="1:7" x14ac:dyDescent="0.3">
      <c r="A72670" s="13" t="s">
        <v>374</v>
      </c>
      <c r="B72670" s="14" t="s">
        <v>1</v>
      </c>
      <c r="C72670" s="14" t="s">
        <v>101</v>
      </c>
      <c r="D72670" s="14" t="s">
        <v>155</v>
      </c>
      <c r="E72670" s="15">
        <v>45411</v>
      </c>
      <c r="F72670" s="14" t="s">
        <v>25</v>
      </c>
      <c r="G72670" s="16">
        <v>1.8288424044563181E-2</v>
      </c>
    </row>
    <row r="72671" spans="1:7" x14ac:dyDescent="0.3">
      <c r="A72671" s="13" t="s">
        <v>374</v>
      </c>
      <c r="B72671" s="14" t="s">
        <v>1</v>
      </c>
      <c r="C72671" s="14" t="s">
        <v>101</v>
      </c>
      <c r="D72671" s="14" t="s">
        <v>155</v>
      </c>
      <c r="E72671" s="15">
        <v>45412</v>
      </c>
      <c r="F72671" s="14" t="s">
        <v>25</v>
      </c>
      <c r="G72671" s="16">
        <v>1.0046885434461418E-2</v>
      </c>
    </row>
    <row r="72672" spans="1:7" x14ac:dyDescent="0.3">
      <c r="A72672" s="13" t="s">
        <v>374</v>
      </c>
      <c r="B72672" s="14" t="s">
        <v>1</v>
      </c>
      <c r="C72672" s="14" t="s">
        <v>101</v>
      </c>
      <c r="D72672" s="14" t="s">
        <v>155</v>
      </c>
      <c r="E72672" s="15">
        <v>45413</v>
      </c>
      <c r="F72672" s="14" t="s">
        <v>25</v>
      </c>
      <c r="G72672" s="16">
        <v>0.14300026155582402</v>
      </c>
    </row>
    <row r="72673" spans="1:7" x14ac:dyDescent="0.3">
      <c r="A72673" s="13" t="s">
        <v>374</v>
      </c>
      <c r="B72673" s="14" t="s">
        <v>1</v>
      </c>
      <c r="C72673" s="14" t="s">
        <v>101</v>
      </c>
      <c r="D72673" s="14" t="s">
        <v>155</v>
      </c>
      <c r="E72673" s="15">
        <v>45414</v>
      </c>
      <c r="F72673" s="14" t="s">
        <v>25</v>
      </c>
      <c r="G72673" s="16">
        <v>0.13581378441969802</v>
      </c>
    </row>
    <row r="72674" spans="1:7" x14ac:dyDescent="0.3">
      <c r="A72674" s="13" t="s">
        <v>374</v>
      </c>
      <c r="B72674" s="14" t="s">
        <v>1</v>
      </c>
      <c r="C72674" s="14" t="s">
        <v>101</v>
      </c>
      <c r="D72674" s="14" t="s">
        <v>155</v>
      </c>
      <c r="E72674" s="15">
        <v>45415</v>
      </c>
      <c r="F72674" s="14" t="s">
        <v>25</v>
      </c>
      <c r="G72674" s="16">
        <v>0.12956410069315286</v>
      </c>
    </row>
    <row r="72675" spans="1:7" x14ac:dyDescent="0.3">
      <c r="A72675" s="13" t="s">
        <v>374</v>
      </c>
      <c r="B72675" s="14" t="s">
        <v>1</v>
      </c>
      <c r="C72675" s="14" t="s">
        <v>101</v>
      </c>
      <c r="D72675" s="14" t="s">
        <v>155</v>
      </c>
      <c r="E72675" s="15">
        <v>45416</v>
      </c>
      <c r="F72675" s="14" t="s">
        <v>25</v>
      </c>
      <c r="G72675" s="16">
        <v>0.12956410069315286</v>
      </c>
    </row>
    <row r="72676" spans="1:7" x14ac:dyDescent="0.3">
      <c r="A72676" s="13" t="s">
        <v>374</v>
      </c>
      <c r="B72676" s="14" t="s">
        <v>1</v>
      </c>
      <c r="C72676" s="14" t="s">
        <v>101</v>
      </c>
      <c r="D72676" s="14" t="s">
        <v>155</v>
      </c>
      <c r="E72676" s="15">
        <v>45417</v>
      </c>
      <c r="F72676" s="14" t="s">
        <v>25</v>
      </c>
      <c r="G72676" s="16">
        <v>0.12956410069315286</v>
      </c>
    </row>
    <row r="72677" spans="1:7" x14ac:dyDescent="0.3">
      <c r="A72677" s="13" t="s">
        <v>374</v>
      </c>
      <c r="B72677" s="14" t="s">
        <v>1</v>
      </c>
      <c r="C72677" s="14" t="s">
        <v>101</v>
      </c>
      <c r="D72677" s="14" t="s">
        <v>155</v>
      </c>
      <c r="E72677" s="15">
        <v>45418</v>
      </c>
      <c r="F72677" s="14" t="s">
        <v>25</v>
      </c>
      <c r="G72677" s="16">
        <v>0.12956410069315286</v>
      </c>
    </row>
    <row r="72678" spans="1:7" x14ac:dyDescent="0.3">
      <c r="A72678" s="13" t="s">
        <v>374</v>
      </c>
      <c r="B72678" s="14" t="s">
        <v>1</v>
      </c>
      <c r="C72678" s="14" t="s">
        <v>101</v>
      </c>
      <c r="D72678" s="14" t="s">
        <v>155</v>
      </c>
      <c r="E72678" s="15">
        <v>45419</v>
      </c>
      <c r="F72678" s="14" t="s">
        <v>25</v>
      </c>
      <c r="G72678" s="16">
        <v>0.13963158363761291</v>
      </c>
    </row>
    <row r="72679" spans="1:7" x14ac:dyDescent="0.3">
      <c r="A72679" s="13" t="s">
        <v>374</v>
      </c>
      <c r="B72679" s="14" t="s">
        <v>1</v>
      </c>
      <c r="C72679" s="14" t="s">
        <v>101</v>
      </c>
      <c r="D72679" s="14" t="s">
        <v>155</v>
      </c>
      <c r="E72679" s="15">
        <v>45420</v>
      </c>
      <c r="F72679" s="14" t="s">
        <v>25</v>
      </c>
      <c r="G72679" s="16">
        <v>0.17621979674788751</v>
      </c>
    </row>
    <row r="72680" spans="1:7" x14ac:dyDescent="0.3">
      <c r="A72680" s="13" t="s">
        <v>374</v>
      </c>
      <c r="B72680" s="14" t="s">
        <v>1</v>
      </c>
      <c r="C72680" s="14" t="s">
        <v>101</v>
      </c>
      <c r="D72680" s="14" t="s">
        <v>155</v>
      </c>
      <c r="E72680" s="15">
        <v>45421</v>
      </c>
      <c r="F72680" s="14" t="s">
        <v>25</v>
      </c>
      <c r="G72680" s="16">
        <v>0.22533870655611773</v>
      </c>
    </row>
    <row r="72681" spans="1:7" x14ac:dyDescent="0.3">
      <c r="A72681" s="13" t="s">
        <v>374</v>
      </c>
      <c r="B72681" s="14" t="s">
        <v>1</v>
      </c>
      <c r="C72681" s="14" t="s">
        <v>101</v>
      </c>
      <c r="D72681" s="14" t="s">
        <v>155</v>
      </c>
      <c r="E72681" s="15">
        <v>45422</v>
      </c>
      <c r="F72681" s="14" t="s">
        <v>25</v>
      </c>
      <c r="G72681" s="16">
        <v>0.23533918999279629</v>
      </c>
    </row>
    <row r="72682" spans="1:7" x14ac:dyDescent="0.3">
      <c r="A72682" s="13" t="s">
        <v>374</v>
      </c>
      <c r="B72682" s="14" t="s">
        <v>1</v>
      </c>
      <c r="C72682" s="14" t="s">
        <v>101</v>
      </c>
      <c r="D72682" s="14" t="s">
        <v>155</v>
      </c>
      <c r="E72682" s="15">
        <v>45423</v>
      </c>
      <c r="F72682" s="14" t="s">
        <v>25</v>
      </c>
      <c r="G72682" s="16">
        <v>0.23533918999279629</v>
      </c>
    </row>
    <row r="72683" spans="1:7" x14ac:dyDescent="0.3">
      <c r="A72683" s="13" t="s">
        <v>374</v>
      </c>
      <c r="B72683" s="14" t="s">
        <v>1</v>
      </c>
      <c r="C72683" s="14" t="s">
        <v>101</v>
      </c>
      <c r="D72683" s="14" t="s">
        <v>155</v>
      </c>
      <c r="E72683" s="15">
        <v>45424</v>
      </c>
      <c r="F72683" s="14" t="s">
        <v>25</v>
      </c>
      <c r="G72683" s="16">
        <v>0.23533918999279629</v>
      </c>
    </row>
    <row r="72684" spans="1:7" x14ac:dyDescent="0.3">
      <c r="A72684" s="13" t="s">
        <v>374</v>
      </c>
      <c r="B72684" s="14" t="s">
        <v>1</v>
      </c>
      <c r="C72684" s="14" t="s">
        <v>101</v>
      </c>
      <c r="D72684" s="14" t="s">
        <v>155</v>
      </c>
      <c r="E72684" s="15">
        <v>45425</v>
      </c>
      <c r="F72684" s="14" t="s">
        <v>25</v>
      </c>
      <c r="G72684" s="16">
        <v>0.233032417525496</v>
      </c>
    </row>
    <row r="72685" spans="1:7" x14ac:dyDescent="0.3">
      <c r="A72685" s="13" t="s">
        <v>374</v>
      </c>
      <c r="B72685" s="14" t="s">
        <v>1</v>
      </c>
      <c r="C72685" s="14" t="s">
        <v>101</v>
      </c>
      <c r="D72685" s="14" t="s">
        <v>155</v>
      </c>
      <c r="E72685" s="15">
        <v>45426</v>
      </c>
      <c r="F72685" s="14" t="s">
        <v>25</v>
      </c>
      <c r="G72685" s="16">
        <v>0.21123016564720543</v>
      </c>
    </row>
    <row r="72686" spans="1:7" x14ac:dyDescent="0.3">
      <c r="A72686" s="13" t="s">
        <v>374</v>
      </c>
      <c r="B72686" s="14" t="s">
        <v>1</v>
      </c>
      <c r="C72686" s="14" t="s">
        <v>101</v>
      </c>
      <c r="D72686" s="14" t="s">
        <v>155</v>
      </c>
      <c r="E72686" s="15">
        <v>45427</v>
      </c>
      <c r="F72686" s="14" t="s">
        <v>25</v>
      </c>
      <c r="G72686" s="16">
        <v>0.20452967084483101</v>
      </c>
    </row>
    <row r="72687" spans="1:7" x14ac:dyDescent="0.3">
      <c r="A72687" s="13" t="s">
        <v>374</v>
      </c>
      <c r="B72687" s="14" t="s">
        <v>1</v>
      </c>
      <c r="C72687" s="14" t="s">
        <v>101</v>
      </c>
      <c r="D72687" s="14" t="s">
        <v>155</v>
      </c>
      <c r="E72687" s="15">
        <v>45428</v>
      </c>
      <c r="F72687" s="14" t="s">
        <v>25</v>
      </c>
      <c r="G72687" s="16">
        <v>0.2384058258448962</v>
      </c>
    </row>
    <row r="72688" spans="1:7" x14ac:dyDescent="0.3">
      <c r="A72688" s="13" t="s">
        <v>374</v>
      </c>
      <c r="B72688" s="14" t="s">
        <v>1</v>
      </c>
      <c r="C72688" s="14" t="s">
        <v>101</v>
      </c>
      <c r="D72688" s="14" t="s">
        <v>155</v>
      </c>
      <c r="E72688" s="15">
        <v>45429</v>
      </c>
      <c r="F72688" s="14" t="s">
        <v>25</v>
      </c>
      <c r="G72688" s="16">
        <v>0.2666102713611524</v>
      </c>
    </row>
    <row r="72689" spans="1:7" x14ac:dyDescent="0.3">
      <c r="A72689" s="13" t="s">
        <v>374</v>
      </c>
      <c r="B72689" s="14" t="s">
        <v>1</v>
      </c>
      <c r="C72689" s="14" t="s">
        <v>101</v>
      </c>
      <c r="D72689" s="14" t="s">
        <v>155</v>
      </c>
      <c r="E72689" s="15">
        <v>45430</v>
      </c>
      <c r="F72689" s="14" t="s">
        <v>25</v>
      </c>
      <c r="G72689" s="16">
        <v>0.2666102713611524</v>
      </c>
    </row>
    <row r="72690" spans="1:7" x14ac:dyDescent="0.3">
      <c r="A72690" s="13" t="s">
        <v>374</v>
      </c>
      <c r="B72690" s="14" t="s">
        <v>1</v>
      </c>
      <c r="C72690" s="14" t="s">
        <v>101</v>
      </c>
      <c r="D72690" s="14" t="s">
        <v>155</v>
      </c>
      <c r="E72690" s="15">
        <v>45431</v>
      </c>
      <c r="F72690" s="14" t="s">
        <v>25</v>
      </c>
      <c r="G72690" s="16">
        <v>0.2666102713611524</v>
      </c>
    </row>
    <row r="72691" spans="1:7" x14ac:dyDescent="0.3">
      <c r="A72691" s="13" t="s">
        <v>374</v>
      </c>
      <c r="B72691" s="14" t="s">
        <v>1</v>
      </c>
      <c r="C72691" s="14" t="s">
        <v>101</v>
      </c>
      <c r="D72691" s="14" t="s">
        <v>155</v>
      </c>
      <c r="E72691" s="15">
        <v>45432</v>
      </c>
      <c r="F72691" s="14" t="s">
        <v>25</v>
      </c>
      <c r="G72691" s="16">
        <v>0.26126836522256902</v>
      </c>
    </row>
    <row r="72692" spans="1:7" x14ac:dyDescent="0.3">
      <c r="A72692" s="13" t="s">
        <v>374</v>
      </c>
      <c r="B72692" s="14" t="s">
        <v>1</v>
      </c>
      <c r="C72692" s="14" t="s">
        <v>101</v>
      </c>
      <c r="D72692" s="14" t="s">
        <v>155</v>
      </c>
      <c r="E72692" s="15">
        <v>45433</v>
      </c>
      <c r="F72692" s="14" t="s">
        <v>25</v>
      </c>
      <c r="G72692" s="16">
        <v>0.24627126911109645</v>
      </c>
    </row>
    <row r="72693" spans="1:7" x14ac:dyDescent="0.3">
      <c r="A72693" s="13" t="s">
        <v>374</v>
      </c>
      <c r="B72693" s="14" t="s">
        <v>1</v>
      </c>
      <c r="C72693" s="14" t="s">
        <v>101</v>
      </c>
      <c r="D72693" s="14" t="s">
        <v>155</v>
      </c>
      <c r="E72693" s="15">
        <v>45434</v>
      </c>
      <c r="F72693" s="14" t="s">
        <v>25</v>
      </c>
      <c r="G72693" s="16">
        <v>0.2416998222086798</v>
      </c>
    </row>
    <row r="72694" spans="1:7" x14ac:dyDescent="0.3">
      <c r="A72694" s="13" t="s">
        <v>374</v>
      </c>
      <c r="B72694" s="14" t="s">
        <v>1</v>
      </c>
      <c r="C72694" s="14" t="s">
        <v>101</v>
      </c>
      <c r="D72694" s="14" t="s">
        <v>155</v>
      </c>
      <c r="E72694" s="15">
        <v>45435</v>
      </c>
      <c r="F72694" s="14" t="s">
        <v>25</v>
      </c>
      <c r="G72694" s="16">
        <v>0.2355819902845262</v>
      </c>
    </row>
    <row r="72695" spans="1:7" x14ac:dyDescent="0.3">
      <c r="A72695" s="13" t="s">
        <v>374</v>
      </c>
      <c r="B72695" s="14" t="s">
        <v>1</v>
      </c>
      <c r="C72695" s="14" t="s">
        <v>101</v>
      </c>
      <c r="D72695" s="14" t="s">
        <v>155</v>
      </c>
      <c r="E72695" s="15">
        <v>45436</v>
      </c>
      <c r="F72695" s="14" t="s">
        <v>25</v>
      </c>
      <c r="G72695" s="16">
        <v>0.23856477533162565</v>
      </c>
    </row>
    <row r="72696" spans="1:7" x14ac:dyDescent="0.3">
      <c r="A72696" s="13" t="s">
        <v>374</v>
      </c>
      <c r="B72696" s="14" t="s">
        <v>1</v>
      </c>
      <c r="C72696" s="14" t="s">
        <v>101</v>
      </c>
      <c r="D72696" s="14" t="s">
        <v>155</v>
      </c>
      <c r="E72696" s="15">
        <v>45437</v>
      </c>
      <c r="F72696" s="14" t="s">
        <v>25</v>
      </c>
      <c r="G72696" s="16">
        <v>0.23856477533162565</v>
      </c>
    </row>
    <row r="72697" spans="1:7" x14ac:dyDescent="0.3">
      <c r="A72697" s="13" t="s">
        <v>374</v>
      </c>
      <c r="B72697" s="14" t="s">
        <v>1</v>
      </c>
      <c r="C72697" s="14" t="s">
        <v>101</v>
      </c>
      <c r="D72697" s="14" t="s">
        <v>155</v>
      </c>
      <c r="E72697" s="15">
        <v>45438</v>
      </c>
      <c r="F72697" s="14" t="s">
        <v>25</v>
      </c>
      <c r="G72697" s="16">
        <v>0.23856477533162565</v>
      </c>
    </row>
    <row r="72698" spans="1:7" x14ac:dyDescent="0.3">
      <c r="A72698" s="13" t="s">
        <v>374</v>
      </c>
      <c r="B72698" s="14" t="s">
        <v>1</v>
      </c>
      <c r="C72698" s="14" t="s">
        <v>101</v>
      </c>
      <c r="D72698" s="14" t="s">
        <v>155</v>
      </c>
      <c r="E72698" s="15">
        <v>45439</v>
      </c>
      <c r="F72698" s="14" t="s">
        <v>25</v>
      </c>
      <c r="G72698" s="16">
        <v>0.23258087904831506</v>
      </c>
    </row>
    <row r="72699" spans="1:7" x14ac:dyDescent="0.3">
      <c r="A72699" s="13" t="s">
        <v>374</v>
      </c>
      <c r="B72699" s="14" t="s">
        <v>1</v>
      </c>
      <c r="C72699" s="14" t="s">
        <v>101</v>
      </c>
      <c r="D72699" s="14" t="s">
        <v>155</v>
      </c>
      <c r="E72699" s="15">
        <v>45440</v>
      </c>
      <c r="F72699" s="14" t="s">
        <v>25</v>
      </c>
      <c r="G72699" s="16">
        <v>0.21726008708246786</v>
      </c>
    </row>
    <row r="72700" spans="1:7" x14ac:dyDescent="0.3">
      <c r="A72700" s="13" t="s">
        <v>374</v>
      </c>
      <c r="B72700" s="14" t="s">
        <v>1</v>
      </c>
      <c r="C72700" s="14" t="s">
        <v>101</v>
      </c>
      <c r="D72700" s="14" t="s">
        <v>155</v>
      </c>
      <c r="E72700" s="15">
        <v>45441</v>
      </c>
      <c r="F72700" s="14" t="s">
        <v>25</v>
      </c>
      <c r="G72700" s="16">
        <v>0.24230559973144236</v>
      </c>
    </row>
    <row r="72701" spans="1:7" x14ac:dyDescent="0.3">
      <c r="A72701" s="13" t="s">
        <v>374</v>
      </c>
      <c r="B72701" s="14" t="s">
        <v>1</v>
      </c>
      <c r="C72701" s="14" t="s">
        <v>101</v>
      </c>
      <c r="D72701" s="14" t="s">
        <v>155</v>
      </c>
      <c r="E72701" s="15">
        <v>45442</v>
      </c>
      <c r="F72701" s="14" t="s">
        <v>25</v>
      </c>
      <c r="G72701" s="16">
        <v>0.23397982835721801</v>
      </c>
    </row>
    <row r="72702" spans="1:7" x14ac:dyDescent="0.3">
      <c r="A72702" s="13" t="s">
        <v>374</v>
      </c>
      <c r="B72702" s="14" t="s">
        <v>1</v>
      </c>
      <c r="C72702" s="14" t="s">
        <v>101</v>
      </c>
      <c r="D72702" s="14" t="s">
        <v>155</v>
      </c>
      <c r="E72702" s="15">
        <v>45443</v>
      </c>
      <c r="F72702" s="14" t="s">
        <v>25</v>
      </c>
      <c r="G72702" s="16">
        <v>0.23244467472742369</v>
      </c>
    </row>
    <row r="72703" spans="1:7" x14ac:dyDescent="0.3">
      <c r="A72703" s="13" t="s">
        <v>374</v>
      </c>
      <c r="B72703" s="14" t="s">
        <v>1</v>
      </c>
      <c r="C72703" s="14" t="s">
        <v>101</v>
      </c>
      <c r="D72703" s="14" t="s">
        <v>155</v>
      </c>
      <c r="E72703" s="15">
        <v>45444</v>
      </c>
      <c r="F72703" s="14" t="s">
        <v>25</v>
      </c>
      <c r="G72703" s="16">
        <v>0.23244467472742369</v>
      </c>
    </row>
    <row r="72704" spans="1:7" x14ac:dyDescent="0.3">
      <c r="A72704" s="13" t="s">
        <v>374</v>
      </c>
      <c r="B72704" s="14" t="s">
        <v>1</v>
      </c>
      <c r="C72704" s="14" t="s">
        <v>101</v>
      </c>
      <c r="D72704" s="14" t="s">
        <v>155</v>
      </c>
      <c r="E72704" s="15">
        <v>45445</v>
      </c>
      <c r="F72704" s="14" t="s">
        <v>25</v>
      </c>
      <c r="G72704" s="16">
        <v>0.23244467472742369</v>
      </c>
    </row>
    <row r="72705" spans="1:7" x14ac:dyDescent="0.3">
      <c r="A72705" s="13" t="s">
        <v>374</v>
      </c>
      <c r="B72705" s="14" t="s">
        <v>1</v>
      </c>
      <c r="C72705" s="14" t="s">
        <v>101</v>
      </c>
      <c r="D72705" s="14" t="s">
        <v>155</v>
      </c>
      <c r="E72705" s="15">
        <v>45446</v>
      </c>
      <c r="F72705" s="14" t="s">
        <v>25</v>
      </c>
      <c r="G72705" s="16">
        <v>0.23244467472742369</v>
      </c>
    </row>
    <row r="72706" spans="1:7" x14ac:dyDescent="0.3">
      <c r="A72706" s="13" t="s">
        <v>374</v>
      </c>
      <c r="B72706" s="14" t="s">
        <v>1</v>
      </c>
      <c r="C72706" s="14" t="s">
        <v>101</v>
      </c>
      <c r="D72706" s="14" t="s">
        <v>155</v>
      </c>
      <c r="E72706" s="15">
        <v>45447</v>
      </c>
      <c r="F72706" s="14" t="s">
        <v>25</v>
      </c>
      <c r="G72706" s="16">
        <v>0.25423526490433263</v>
      </c>
    </row>
    <row r="72707" spans="1:7" x14ac:dyDescent="0.3">
      <c r="A72707" s="13" t="s">
        <v>374</v>
      </c>
      <c r="B72707" s="14" t="s">
        <v>1</v>
      </c>
      <c r="C72707" s="14" t="s">
        <v>101</v>
      </c>
      <c r="D72707" s="14" t="s">
        <v>155</v>
      </c>
      <c r="E72707" s="15">
        <v>45448</v>
      </c>
      <c r="F72707" s="14" t="s">
        <v>25</v>
      </c>
      <c r="G72707" s="16">
        <v>0.25034622011561874</v>
      </c>
    </row>
    <row r="72708" spans="1:7" x14ac:dyDescent="0.3">
      <c r="A72708" s="13" t="s">
        <v>374</v>
      </c>
      <c r="B72708" s="14" t="s">
        <v>1</v>
      </c>
      <c r="C72708" s="14" t="s">
        <v>101</v>
      </c>
      <c r="D72708" s="14" t="s">
        <v>155</v>
      </c>
      <c r="E72708" s="15">
        <v>45449</v>
      </c>
      <c r="F72708" s="14" t="s">
        <v>25</v>
      </c>
      <c r="G72708" s="16">
        <v>0.25356548338990698</v>
      </c>
    </row>
    <row r="72709" spans="1:7" x14ac:dyDescent="0.3">
      <c r="A72709" s="13" t="s">
        <v>374</v>
      </c>
      <c r="B72709" s="14" t="s">
        <v>1</v>
      </c>
      <c r="C72709" s="14" t="s">
        <v>101</v>
      </c>
      <c r="D72709" s="14" t="s">
        <v>155</v>
      </c>
      <c r="E72709" s="15">
        <v>45450</v>
      </c>
      <c r="F72709" s="14" t="s">
        <v>25</v>
      </c>
      <c r="G72709" s="16">
        <v>0.25419735080311306</v>
      </c>
    </row>
    <row r="72710" spans="1:7" x14ac:dyDescent="0.3">
      <c r="A72710" s="13" t="s">
        <v>374</v>
      </c>
      <c r="B72710" s="14" t="s">
        <v>1</v>
      </c>
      <c r="C72710" s="14" t="s">
        <v>101</v>
      </c>
      <c r="D72710" s="14" t="s">
        <v>155</v>
      </c>
      <c r="E72710" s="15">
        <v>45451</v>
      </c>
      <c r="F72710" s="14" t="s">
        <v>25</v>
      </c>
      <c r="G72710" s="16">
        <v>0.25419735080311306</v>
      </c>
    </row>
    <row r="72711" spans="1:7" x14ac:dyDescent="0.3">
      <c r="A72711" s="13" t="s">
        <v>374</v>
      </c>
      <c r="B72711" s="14" t="s">
        <v>1</v>
      </c>
      <c r="C72711" s="14" t="s">
        <v>101</v>
      </c>
      <c r="D72711" s="14" t="s">
        <v>155</v>
      </c>
      <c r="E72711" s="15">
        <v>45452</v>
      </c>
      <c r="F72711" s="14" t="s">
        <v>25</v>
      </c>
      <c r="G72711" s="16">
        <v>0.25419735080311306</v>
      </c>
    </row>
    <row r="72712" spans="1:7" x14ac:dyDescent="0.3">
      <c r="A72712" s="13" t="s">
        <v>374</v>
      </c>
      <c r="B72712" s="14" t="s">
        <v>1</v>
      </c>
      <c r="C72712" s="14" t="s">
        <v>101</v>
      </c>
      <c r="D72712" s="14" t="s">
        <v>155</v>
      </c>
      <c r="E72712" s="15">
        <v>45453</v>
      </c>
      <c r="F72712" s="14" t="s">
        <v>25</v>
      </c>
      <c r="G72712" s="16">
        <v>0.2555534954289968</v>
      </c>
    </row>
    <row r="72713" spans="1:7" x14ac:dyDescent="0.3">
      <c r="A72713" s="13" t="s">
        <v>374</v>
      </c>
      <c r="B72713" s="14" t="s">
        <v>1</v>
      </c>
      <c r="C72713" s="14" t="s">
        <v>101</v>
      </c>
      <c r="D72713" s="14" t="s">
        <v>155</v>
      </c>
      <c r="E72713" s="15">
        <v>45454</v>
      </c>
      <c r="F72713" s="14" t="s">
        <v>25</v>
      </c>
      <c r="G72713" s="16">
        <v>0.30167914915052202</v>
      </c>
    </row>
    <row r="72714" spans="1:7" x14ac:dyDescent="0.3">
      <c r="A72714" s="13" t="s">
        <v>374</v>
      </c>
      <c r="B72714" s="14" t="s">
        <v>1</v>
      </c>
      <c r="C72714" s="14" t="s">
        <v>101</v>
      </c>
      <c r="D72714" s="14" t="s">
        <v>155</v>
      </c>
      <c r="E72714" s="15">
        <v>45455</v>
      </c>
      <c r="F72714" s="14" t="s">
        <v>25</v>
      </c>
      <c r="G72714" s="16">
        <v>0.29497328636299125</v>
      </c>
    </row>
    <row r="72715" spans="1:7" x14ac:dyDescent="0.3">
      <c r="A72715" s="13" t="s">
        <v>374</v>
      </c>
      <c r="B72715" s="14" t="s">
        <v>1</v>
      </c>
      <c r="C72715" s="14" t="s">
        <v>101</v>
      </c>
      <c r="D72715" s="14" t="s">
        <v>155</v>
      </c>
      <c r="E72715" s="15">
        <v>45456</v>
      </c>
      <c r="F72715" s="14" t="s">
        <v>25</v>
      </c>
      <c r="G72715" s="16">
        <v>0.28928343377862287</v>
      </c>
    </row>
    <row r="72716" spans="1:7" x14ac:dyDescent="0.3">
      <c r="A72716" s="13" t="s">
        <v>374</v>
      </c>
      <c r="B72716" s="14" t="s">
        <v>1</v>
      </c>
      <c r="C72716" s="14" t="s">
        <v>101</v>
      </c>
      <c r="D72716" s="14" t="s">
        <v>155</v>
      </c>
      <c r="E72716" s="15">
        <v>45457</v>
      </c>
      <c r="F72716" s="14" t="s">
        <v>25</v>
      </c>
      <c r="G72716" s="16">
        <v>0.28737299939619693</v>
      </c>
    </row>
    <row r="72717" spans="1:7" x14ac:dyDescent="0.3">
      <c r="A72717" s="13" t="s">
        <v>374</v>
      </c>
      <c r="B72717" s="14" t="s">
        <v>1</v>
      </c>
      <c r="C72717" s="14" t="s">
        <v>101</v>
      </c>
      <c r="D72717" s="14" t="s">
        <v>155</v>
      </c>
      <c r="E72717" s="15">
        <v>45458</v>
      </c>
      <c r="F72717" s="14" t="s">
        <v>25</v>
      </c>
      <c r="G72717" s="16">
        <v>0.28737299939619693</v>
      </c>
    </row>
    <row r="72718" spans="1:7" x14ac:dyDescent="0.3">
      <c r="A72718" s="13" t="s">
        <v>374</v>
      </c>
      <c r="B72718" s="14" t="s">
        <v>1</v>
      </c>
      <c r="C72718" s="14" t="s">
        <v>101</v>
      </c>
      <c r="D72718" s="14" t="s">
        <v>155</v>
      </c>
      <c r="E72718" s="15">
        <v>45459</v>
      </c>
      <c r="F72718" s="14" t="s">
        <v>25</v>
      </c>
      <c r="G72718" s="16">
        <v>0.28737299939619693</v>
      </c>
    </row>
    <row r="72719" spans="1:7" x14ac:dyDescent="0.3">
      <c r="A72719" s="13" t="s">
        <v>374</v>
      </c>
      <c r="B72719" s="14" t="s">
        <v>1</v>
      </c>
      <c r="C72719" s="14" t="s">
        <v>101</v>
      </c>
      <c r="D72719" s="14" t="s">
        <v>155</v>
      </c>
      <c r="E72719" s="15">
        <v>45460</v>
      </c>
      <c r="F72719" s="14" t="s">
        <v>25</v>
      </c>
      <c r="G72719" s="16">
        <v>0.28347657329573661</v>
      </c>
    </row>
    <row r="72720" spans="1:7" x14ac:dyDescent="0.3">
      <c r="A72720" s="13" t="s">
        <v>374</v>
      </c>
      <c r="B72720" s="14" t="s">
        <v>1</v>
      </c>
      <c r="C72720" s="14" t="s">
        <v>101</v>
      </c>
      <c r="D72720" s="14" t="s">
        <v>155</v>
      </c>
      <c r="E72720" s="15">
        <v>45461</v>
      </c>
      <c r="F72720" s="14" t="s">
        <v>25</v>
      </c>
      <c r="G72720" s="16">
        <v>0.28732890264663119</v>
      </c>
    </row>
    <row r="72721" spans="1:7" x14ac:dyDescent="0.3">
      <c r="A72721" s="13" t="s">
        <v>374</v>
      </c>
      <c r="B72721" s="14" t="s">
        <v>1</v>
      </c>
      <c r="C72721" s="14" t="s">
        <v>101</v>
      </c>
      <c r="D72721" s="14" t="s">
        <v>155</v>
      </c>
      <c r="E72721" s="15">
        <v>45462</v>
      </c>
      <c r="F72721" s="14" t="s">
        <v>25</v>
      </c>
      <c r="G72721" s="16">
        <v>0.28780608533102353</v>
      </c>
    </row>
    <row r="72722" spans="1:7" x14ac:dyDescent="0.3">
      <c r="A72722" s="13" t="s">
        <v>374</v>
      </c>
      <c r="B72722" s="14" t="s">
        <v>1</v>
      </c>
      <c r="C72722" s="14" t="s">
        <v>101</v>
      </c>
      <c r="D72722" s="14" t="s">
        <v>155</v>
      </c>
      <c r="E72722" s="15">
        <v>45463</v>
      </c>
      <c r="F72722" s="14" t="s">
        <v>25</v>
      </c>
      <c r="G72722" s="16">
        <v>0.28439629567858654</v>
      </c>
    </row>
    <row r="72723" spans="1:7" x14ac:dyDescent="0.3">
      <c r="A72723" s="13" t="s">
        <v>374</v>
      </c>
      <c r="B72723" s="14" t="s">
        <v>1</v>
      </c>
      <c r="C72723" s="14" t="s">
        <v>101</v>
      </c>
      <c r="D72723" s="14" t="s">
        <v>155</v>
      </c>
      <c r="E72723" s="15">
        <v>45464</v>
      </c>
      <c r="F72723" s="14" t="s">
        <v>25</v>
      </c>
      <c r="G72723" s="16">
        <v>0.28391824248182429</v>
      </c>
    </row>
    <row r="72724" spans="1:7" x14ac:dyDescent="0.3">
      <c r="A72724" s="13" t="s">
        <v>374</v>
      </c>
      <c r="B72724" s="14" t="s">
        <v>1</v>
      </c>
      <c r="C72724" s="14" t="s">
        <v>101</v>
      </c>
      <c r="D72724" s="14" t="s">
        <v>155</v>
      </c>
      <c r="E72724" s="15">
        <v>45465</v>
      </c>
      <c r="F72724" s="14" t="s">
        <v>25</v>
      </c>
      <c r="G72724" s="16">
        <v>0.28391824248182429</v>
      </c>
    </row>
    <row r="72725" spans="1:7" x14ac:dyDescent="0.3">
      <c r="A72725" s="13" t="s">
        <v>374</v>
      </c>
      <c r="B72725" s="14" t="s">
        <v>1</v>
      </c>
      <c r="C72725" s="14" t="s">
        <v>101</v>
      </c>
      <c r="D72725" s="14" t="s">
        <v>155</v>
      </c>
      <c r="E72725" s="15">
        <v>45466</v>
      </c>
      <c r="F72725" s="14" t="s">
        <v>25</v>
      </c>
      <c r="G72725" s="16">
        <v>0.28391824248182429</v>
      </c>
    </row>
    <row r="72726" spans="1:7" x14ac:dyDescent="0.3">
      <c r="A72726" s="13" t="s">
        <v>374</v>
      </c>
      <c r="B72726" s="14" t="s">
        <v>1</v>
      </c>
      <c r="C72726" s="14" t="s">
        <v>101</v>
      </c>
      <c r="D72726" s="14" t="s">
        <v>155</v>
      </c>
      <c r="E72726" s="15">
        <v>45467</v>
      </c>
      <c r="F72726" s="14" t="s">
        <v>25</v>
      </c>
      <c r="G72726" s="16">
        <v>0.27796352210699554</v>
      </c>
    </row>
    <row r="72727" spans="1:7" x14ac:dyDescent="0.3">
      <c r="A72727" s="13" t="s">
        <v>374</v>
      </c>
      <c r="B72727" s="14" t="s">
        <v>1</v>
      </c>
      <c r="C72727" s="14" t="s">
        <v>101</v>
      </c>
      <c r="D72727" s="14" t="s">
        <v>155</v>
      </c>
      <c r="E72727" s="15">
        <v>45468</v>
      </c>
      <c r="F72727" s="14" t="s">
        <v>25</v>
      </c>
      <c r="G72727" s="16">
        <v>0.26376973698829997</v>
      </c>
    </row>
    <row r="72728" spans="1:7" x14ac:dyDescent="0.3">
      <c r="A72728" s="13" t="s">
        <v>374</v>
      </c>
      <c r="B72728" s="14" t="s">
        <v>1</v>
      </c>
      <c r="C72728" s="14" t="s">
        <v>101</v>
      </c>
      <c r="D72728" s="14" t="s">
        <v>155</v>
      </c>
      <c r="E72728" s="15">
        <v>45469</v>
      </c>
      <c r="F72728" s="14" t="s">
        <v>25</v>
      </c>
      <c r="G72728" s="16">
        <v>0.25888297407594957</v>
      </c>
    </row>
    <row r="72729" spans="1:7" x14ac:dyDescent="0.3">
      <c r="A72729" s="13" t="s">
        <v>374</v>
      </c>
      <c r="B72729" s="14" t="s">
        <v>1</v>
      </c>
      <c r="C72729" s="14" t="s">
        <v>101</v>
      </c>
      <c r="D72729" s="14" t="s">
        <v>155</v>
      </c>
      <c r="E72729" s="15">
        <v>45470</v>
      </c>
      <c r="F72729" s="14" t="s">
        <v>25</v>
      </c>
      <c r="G72729" s="16">
        <v>0.25362920044701837</v>
      </c>
    </row>
    <row r="72730" spans="1:7" x14ac:dyDescent="0.3">
      <c r="A72730" s="13" t="s">
        <v>374</v>
      </c>
      <c r="B72730" s="14" t="s">
        <v>1</v>
      </c>
      <c r="C72730" s="14" t="s">
        <v>101</v>
      </c>
      <c r="D72730" s="14" t="s">
        <v>155</v>
      </c>
      <c r="E72730" s="15">
        <v>45471</v>
      </c>
      <c r="F72730" s="14" t="s">
        <v>25</v>
      </c>
      <c r="G72730" s="16">
        <v>0.26080072092542761</v>
      </c>
    </row>
    <row r="72731" spans="1:7" x14ac:dyDescent="0.3">
      <c r="A72731" s="13" t="s">
        <v>374</v>
      </c>
      <c r="B72731" s="14" t="s">
        <v>1</v>
      </c>
      <c r="C72731" s="14" t="s">
        <v>101</v>
      </c>
      <c r="D72731" s="14" t="s">
        <v>155</v>
      </c>
      <c r="E72731" s="15">
        <v>45472</v>
      </c>
      <c r="F72731" s="14" t="s">
        <v>25</v>
      </c>
      <c r="G72731" s="16">
        <v>0.26080072092542761</v>
      </c>
    </row>
    <row r="72732" spans="1:7" x14ac:dyDescent="0.3">
      <c r="A72732" s="13" t="s">
        <v>374</v>
      </c>
      <c r="B72732" s="14" t="s">
        <v>1</v>
      </c>
      <c r="C72732" s="14" t="s">
        <v>101</v>
      </c>
      <c r="D72732" s="14" t="s">
        <v>155</v>
      </c>
      <c r="E72732" s="15">
        <v>45473</v>
      </c>
      <c r="F72732" s="14" t="s">
        <v>25</v>
      </c>
      <c r="G72732" s="16">
        <v>0.26080072092542761</v>
      </c>
    </row>
    <row r="72733" spans="1:7" x14ac:dyDescent="0.3">
      <c r="A72733" s="13" t="s">
        <v>374</v>
      </c>
      <c r="B72733" s="14" t="s">
        <v>1</v>
      </c>
      <c r="C72733" s="14" t="s">
        <v>101</v>
      </c>
      <c r="D72733" s="14" t="s">
        <v>155</v>
      </c>
      <c r="E72733" s="15">
        <v>45474</v>
      </c>
      <c r="F72733" s="14" t="s">
        <v>25</v>
      </c>
      <c r="G72733" s="16">
        <v>0.26180136213985289</v>
      </c>
    </row>
    <row r="72734" spans="1:7" x14ac:dyDescent="0.3">
      <c r="A72734" s="13" t="s">
        <v>374</v>
      </c>
      <c r="B72734" s="14" t="s">
        <v>1</v>
      </c>
      <c r="C72734" s="14" t="s">
        <v>101</v>
      </c>
      <c r="D72734" s="14" t="s">
        <v>155</v>
      </c>
      <c r="E72734" s="15">
        <v>45475</v>
      </c>
      <c r="F72734" s="14" t="s">
        <v>25</v>
      </c>
      <c r="G72734" s="16">
        <v>0.24745517492667216</v>
      </c>
    </row>
    <row r="72735" spans="1:7" x14ac:dyDescent="0.3">
      <c r="A72735" s="13" t="s">
        <v>374</v>
      </c>
      <c r="B72735" s="14" t="s">
        <v>1</v>
      </c>
      <c r="C72735" s="14" t="s">
        <v>101</v>
      </c>
      <c r="D72735" s="14" t="s">
        <v>155</v>
      </c>
      <c r="E72735" s="15">
        <v>45476</v>
      </c>
      <c r="F72735" s="14" t="s">
        <v>25</v>
      </c>
      <c r="G72735" s="16">
        <v>0.24118439817658729</v>
      </c>
    </row>
    <row r="72736" spans="1:7" x14ac:dyDescent="0.3">
      <c r="A72736" s="13" t="s">
        <v>374</v>
      </c>
      <c r="B72736" s="14" t="s">
        <v>1</v>
      </c>
      <c r="C72736" s="14" t="s">
        <v>101</v>
      </c>
      <c r="D72736" s="14" t="s">
        <v>155</v>
      </c>
      <c r="E72736" s="15">
        <v>45477</v>
      </c>
      <c r="F72736" s="14" t="s">
        <v>25</v>
      </c>
      <c r="G72736" s="16">
        <v>0.23921507150108234</v>
      </c>
    </row>
    <row r="72737" spans="1:7" x14ac:dyDescent="0.3">
      <c r="A72737" s="13" t="s">
        <v>374</v>
      </c>
      <c r="B72737" s="14" t="s">
        <v>1</v>
      </c>
      <c r="C72737" s="14" t="s">
        <v>101</v>
      </c>
      <c r="D72737" s="14" t="s">
        <v>155</v>
      </c>
      <c r="E72737" s="15">
        <v>45478</v>
      </c>
      <c r="F72737" s="14" t="s">
        <v>25</v>
      </c>
      <c r="G72737" s="16">
        <v>0.23242532935519483</v>
      </c>
    </row>
    <row r="72738" spans="1:7" x14ac:dyDescent="0.3">
      <c r="A72738" s="13" t="s">
        <v>374</v>
      </c>
      <c r="B72738" s="14" t="s">
        <v>1</v>
      </c>
      <c r="C72738" s="14" t="s">
        <v>101</v>
      </c>
      <c r="D72738" s="14" t="s">
        <v>155</v>
      </c>
      <c r="E72738" s="15">
        <v>45479</v>
      </c>
      <c r="F72738" s="14" t="s">
        <v>25</v>
      </c>
      <c r="G72738" s="16">
        <v>0.23242532935519483</v>
      </c>
    </row>
    <row r="72739" spans="1:7" x14ac:dyDescent="0.3">
      <c r="A72739" s="13" t="s">
        <v>374</v>
      </c>
      <c r="B72739" s="14" t="s">
        <v>1</v>
      </c>
      <c r="C72739" s="14" t="s">
        <v>101</v>
      </c>
      <c r="D72739" s="14" t="s">
        <v>155</v>
      </c>
      <c r="E72739" s="15">
        <v>45480</v>
      </c>
      <c r="F72739" s="14" t="s">
        <v>25</v>
      </c>
      <c r="G72739" s="16">
        <v>0.23242532935519483</v>
      </c>
    </row>
    <row r="72740" spans="1:7" x14ac:dyDescent="0.3">
      <c r="A72740" s="13" t="s">
        <v>374</v>
      </c>
      <c r="B72740" s="14" t="s">
        <v>1</v>
      </c>
      <c r="C72740" s="14" t="s">
        <v>101</v>
      </c>
      <c r="D72740" s="14" t="s">
        <v>155</v>
      </c>
      <c r="E72740" s="15">
        <v>45481</v>
      </c>
      <c r="F72740" s="14" t="s">
        <v>25</v>
      </c>
      <c r="G72740" s="16">
        <v>0.22812013953833007</v>
      </c>
    </row>
    <row r="72741" spans="1:7" x14ac:dyDescent="0.3">
      <c r="A72741" s="13" t="s">
        <v>374</v>
      </c>
      <c r="B72741" s="14" t="s">
        <v>1</v>
      </c>
      <c r="C72741" s="14" t="s">
        <v>101</v>
      </c>
      <c r="D72741" s="14" t="s">
        <v>155</v>
      </c>
      <c r="E72741" s="15">
        <v>45482</v>
      </c>
      <c r="F72741" s="14" t="s">
        <v>25</v>
      </c>
      <c r="G72741" s="16">
        <v>0.21302241552872889</v>
      </c>
    </row>
    <row r="72742" spans="1:7" x14ac:dyDescent="0.3">
      <c r="A72742" s="13" t="s">
        <v>374</v>
      </c>
      <c r="B72742" s="14" t="s">
        <v>1</v>
      </c>
      <c r="C72742" s="14" t="s">
        <v>101</v>
      </c>
      <c r="D72742" s="14" t="s">
        <v>155</v>
      </c>
      <c r="E72742" s="15">
        <v>45483</v>
      </c>
      <c r="F72742" s="14" t="s">
        <v>25</v>
      </c>
      <c r="G72742" s="16">
        <v>0.20766169063697332</v>
      </c>
    </row>
    <row r="72743" spans="1:7" x14ac:dyDescent="0.3">
      <c r="A72743" s="13" t="s">
        <v>374</v>
      </c>
      <c r="B72743" s="14" t="s">
        <v>1</v>
      </c>
      <c r="C72743" s="14" t="s">
        <v>101</v>
      </c>
      <c r="D72743" s="14" t="s">
        <v>155</v>
      </c>
      <c r="E72743" s="15">
        <v>45484</v>
      </c>
      <c r="F72743" s="14" t="s">
        <v>25</v>
      </c>
      <c r="G72743" s="16">
        <v>0.20121977736232627</v>
      </c>
    </row>
    <row r="72744" spans="1:7" x14ac:dyDescent="0.3">
      <c r="A72744" s="13" t="s">
        <v>374</v>
      </c>
      <c r="B72744" s="14" t="s">
        <v>1</v>
      </c>
      <c r="C72744" s="14" t="s">
        <v>101</v>
      </c>
      <c r="D72744" s="14" t="s">
        <v>155</v>
      </c>
      <c r="E72744" s="15">
        <v>45485</v>
      </c>
      <c r="F72744" s="14" t="s">
        <v>25</v>
      </c>
      <c r="G72744" s="16">
        <v>0.20253046020878127</v>
      </c>
    </row>
    <row r="72745" spans="1:7" x14ac:dyDescent="0.3">
      <c r="A72745" s="13" t="s">
        <v>374</v>
      </c>
      <c r="B72745" s="14" t="s">
        <v>1</v>
      </c>
      <c r="C72745" s="14" t="s">
        <v>101</v>
      </c>
      <c r="D72745" s="14" t="s">
        <v>155</v>
      </c>
      <c r="E72745" s="15">
        <v>45486</v>
      </c>
      <c r="F72745" s="14" t="s">
        <v>25</v>
      </c>
      <c r="G72745" s="16">
        <v>0.20253046020878127</v>
      </c>
    </row>
    <row r="72746" spans="1:7" x14ac:dyDescent="0.3">
      <c r="A72746" s="13" t="s">
        <v>374</v>
      </c>
      <c r="B72746" s="14" t="s">
        <v>1</v>
      </c>
      <c r="C72746" s="14" t="s">
        <v>101</v>
      </c>
      <c r="D72746" s="14" t="s">
        <v>155</v>
      </c>
      <c r="E72746" s="15">
        <v>45487</v>
      </c>
      <c r="F72746" s="14" t="s">
        <v>25</v>
      </c>
      <c r="G72746" s="16">
        <v>0.20253046020878127</v>
      </c>
    </row>
    <row r="72747" spans="1:7" x14ac:dyDescent="0.3">
      <c r="A72747" s="13" t="s">
        <v>374</v>
      </c>
      <c r="B72747" s="14" t="s">
        <v>1</v>
      </c>
      <c r="C72747" s="14" t="s">
        <v>101</v>
      </c>
      <c r="D72747" s="14" t="s">
        <v>155</v>
      </c>
      <c r="E72747" s="15">
        <v>45488</v>
      </c>
      <c r="F72747" s="14" t="s">
        <v>25</v>
      </c>
      <c r="G72747" s="16">
        <v>0.20153405429689611</v>
      </c>
    </row>
    <row r="72748" spans="1:7" x14ac:dyDescent="0.3">
      <c r="A72748" s="13" t="s">
        <v>374</v>
      </c>
      <c r="B72748" s="14" t="s">
        <v>1</v>
      </c>
      <c r="C72748" s="14" t="s">
        <v>101</v>
      </c>
      <c r="D72748" s="14" t="s">
        <v>155</v>
      </c>
      <c r="E72748" s="15">
        <v>45489</v>
      </c>
      <c r="F72748" s="14" t="s">
        <v>25</v>
      </c>
      <c r="G72748" s="16">
        <v>0.18553946073223984</v>
      </c>
    </row>
    <row r="72749" spans="1:7" x14ac:dyDescent="0.3">
      <c r="A72749" s="13" t="s">
        <v>374</v>
      </c>
      <c r="B72749" s="14" t="s">
        <v>1</v>
      </c>
      <c r="C72749" s="14" t="s">
        <v>101</v>
      </c>
      <c r="D72749" s="14" t="s">
        <v>155</v>
      </c>
      <c r="E72749" s="15">
        <v>45490</v>
      </c>
      <c r="F72749" s="14" t="s">
        <v>25</v>
      </c>
      <c r="G72749" s="16">
        <v>0.17765378341190816</v>
      </c>
    </row>
    <row r="72750" spans="1:7" x14ac:dyDescent="0.3">
      <c r="A72750" s="13" t="s">
        <v>374</v>
      </c>
      <c r="B72750" s="14" t="s">
        <v>1</v>
      </c>
      <c r="C72750" s="14" t="s">
        <v>101</v>
      </c>
      <c r="D72750" s="14" t="s">
        <v>155</v>
      </c>
      <c r="E72750" s="15">
        <v>45491</v>
      </c>
      <c r="F72750" s="14" t="s">
        <v>25</v>
      </c>
      <c r="G72750" s="16">
        <v>0.17266829423316624</v>
      </c>
    </row>
    <row r="72751" spans="1:7" x14ac:dyDescent="0.3">
      <c r="A72751" s="13" t="s">
        <v>374</v>
      </c>
      <c r="B72751" s="14" t="s">
        <v>1</v>
      </c>
      <c r="C72751" s="14" t="s">
        <v>101</v>
      </c>
      <c r="D72751" s="14" t="s">
        <v>155</v>
      </c>
      <c r="E72751" s="15">
        <v>45492</v>
      </c>
      <c r="F72751" s="14" t="s">
        <v>25</v>
      </c>
      <c r="G72751" s="16">
        <v>0.17409807087509341</v>
      </c>
    </row>
    <row r="72752" spans="1:7" x14ac:dyDescent="0.3">
      <c r="A72752" s="13" t="s">
        <v>374</v>
      </c>
      <c r="B72752" s="14" t="s">
        <v>1</v>
      </c>
      <c r="C72752" s="14" t="s">
        <v>101</v>
      </c>
      <c r="D72752" s="14" t="s">
        <v>155</v>
      </c>
      <c r="E72752" s="15">
        <v>45493</v>
      </c>
      <c r="F72752" s="14" t="s">
        <v>25</v>
      </c>
      <c r="G72752" s="16">
        <v>0.17409807087509341</v>
      </c>
    </row>
    <row r="72753" spans="1:7" x14ac:dyDescent="0.3">
      <c r="A72753" s="13" t="s">
        <v>374</v>
      </c>
      <c r="B72753" s="14" t="s">
        <v>1</v>
      </c>
      <c r="C72753" s="14" t="s">
        <v>101</v>
      </c>
      <c r="D72753" s="14" t="s">
        <v>155</v>
      </c>
      <c r="E72753" s="15">
        <v>45494</v>
      </c>
      <c r="F72753" s="14" t="s">
        <v>25</v>
      </c>
      <c r="G72753" s="16">
        <v>0.17409807087509341</v>
      </c>
    </row>
    <row r="72754" spans="1:7" x14ac:dyDescent="0.3">
      <c r="A72754" s="13" t="s">
        <v>374</v>
      </c>
      <c r="B72754" s="14" t="s">
        <v>1</v>
      </c>
      <c r="C72754" s="14" t="s">
        <v>101</v>
      </c>
      <c r="D72754" s="14" t="s">
        <v>155</v>
      </c>
      <c r="E72754" s="15">
        <v>45495</v>
      </c>
      <c r="F72754" s="14" t="s">
        <v>25</v>
      </c>
      <c r="G72754" s="16">
        <v>0.16831680606173199</v>
      </c>
    </row>
    <row r="72755" spans="1:7" x14ac:dyDescent="0.3">
      <c r="A72755" s="13" t="s">
        <v>374</v>
      </c>
      <c r="B72755" s="14" t="s">
        <v>1</v>
      </c>
      <c r="C72755" s="14" t="s">
        <v>101</v>
      </c>
      <c r="D72755" s="14" t="s">
        <v>155</v>
      </c>
      <c r="E72755" s="15">
        <v>45496</v>
      </c>
      <c r="F72755" s="14" t="s">
        <v>25</v>
      </c>
      <c r="G72755" s="16">
        <v>0.15319434848905045</v>
      </c>
    </row>
    <row r="72756" spans="1:7" x14ac:dyDescent="0.3">
      <c r="A72756" s="13" t="s">
        <v>374</v>
      </c>
      <c r="B72756" s="14" t="s">
        <v>1</v>
      </c>
      <c r="C72756" s="14" t="s">
        <v>101</v>
      </c>
      <c r="D72756" s="14" t="s">
        <v>155</v>
      </c>
      <c r="E72756" s="15">
        <v>45497</v>
      </c>
      <c r="F72756" s="14" t="s">
        <v>25</v>
      </c>
      <c r="G72756" s="16">
        <v>0.1463548625978183</v>
      </c>
    </row>
    <row r="72757" spans="1:7" x14ac:dyDescent="0.3">
      <c r="A72757" s="13" t="s">
        <v>374</v>
      </c>
      <c r="B72757" s="14" t="s">
        <v>1</v>
      </c>
      <c r="C72757" s="14" t="s">
        <v>101</v>
      </c>
      <c r="D72757" s="14" t="s">
        <v>155</v>
      </c>
      <c r="E72757" s="15">
        <v>45498</v>
      </c>
      <c r="F72757" s="14" t="s">
        <v>25</v>
      </c>
      <c r="G72757" s="16">
        <v>0.13999145466420279</v>
      </c>
    </row>
    <row r="72758" spans="1:7" x14ac:dyDescent="0.3">
      <c r="A72758" s="13" t="s">
        <v>374</v>
      </c>
      <c r="B72758" s="14" t="s">
        <v>1</v>
      </c>
      <c r="C72758" s="14" t="s">
        <v>101</v>
      </c>
      <c r="D72758" s="14" t="s">
        <v>155</v>
      </c>
      <c r="E72758" s="15">
        <v>45499</v>
      </c>
      <c r="F72758" s="14" t="s">
        <v>25</v>
      </c>
      <c r="G72758" s="16">
        <v>0.19220140323525528</v>
      </c>
    </row>
    <row r="72759" spans="1:7" x14ac:dyDescent="0.3">
      <c r="A72759" s="13" t="s">
        <v>374</v>
      </c>
      <c r="B72759" s="14" t="s">
        <v>1</v>
      </c>
      <c r="C72759" s="14" t="s">
        <v>101</v>
      </c>
      <c r="D72759" s="14" t="s">
        <v>155</v>
      </c>
      <c r="E72759" s="15">
        <v>45500</v>
      </c>
      <c r="F72759" s="14" t="s">
        <v>25</v>
      </c>
      <c r="G72759" s="16">
        <v>0.19220140323525528</v>
      </c>
    </row>
    <row r="72760" spans="1:7" x14ac:dyDescent="0.3">
      <c r="A72760" s="13" t="s">
        <v>374</v>
      </c>
      <c r="B72760" s="14" t="s">
        <v>1</v>
      </c>
      <c r="C72760" s="14" t="s">
        <v>101</v>
      </c>
      <c r="D72760" s="14" t="s">
        <v>155</v>
      </c>
      <c r="E72760" s="15">
        <v>45501</v>
      </c>
      <c r="F72760" s="14" t="s">
        <v>25</v>
      </c>
      <c r="G72760" s="16">
        <v>0.19220140323525528</v>
      </c>
    </row>
    <row r="72761" spans="1:7" x14ac:dyDescent="0.3">
      <c r="A72761" s="13" t="s">
        <v>374</v>
      </c>
      <c r="B72761" s="14" t="s">
        <v>1</v>
      </c>
      <c r="C72761" s="14" t="s">
        <v>101</v>
      </c>
      <c r="D72761" s="14" t="s">
        <v>155</v>
      </c>
      <c r="E72761" s="15">
        <v>45502</v>
      </c>
      <c r="F72761" s="14" t="s">
        <v>25</v>
      </c>
      <c r="G72761" s="16">
        <v>0.19377124687306579</v>
      </c>
    </row>
    <row r="72762" spans="1:7" x14ac:dyDescent="0.3">
      <c r="A72762" s="13" t="s">
        <v>374</v>
      </c>
      <c r="B72762" s="14" t="s">
        <v>1</v>
      </c>
      <c r="C72762" s="14" t="s">
        <v>101</v>
      </c>
      <c r="D72762" s="14" t="s">
        <v>155</v>
      </c>
      <c r="E72762" s="15">
        <v>45503</v>
      </c>
      <c r="F72762" s="14" t="s">
        <v>25</v>
      </c>
      <c r="G72762" s="16">
        <v>0.17885841988265813</v>
      </c>
    </row>
    <row r="72763" spans="1:7" x14ac:dyDescent="0.3">
      <c r="A72763" s="13" t="s">
        <v>374</v>
      </c>
      <c r="B72763" s="14" t="s">
        <v>1</v>
      </c>
      <c r="C72763" s="14" t="s">
        <v>101</v>
      </c>
      <c r="D72763" s="14" t="s">
        <v>155</v>
      </c>
      <c r="E72763" s="15">
        <v>45504</v>
      </c>
      <c r="F72763" s="14" t="s">
        <v>25</v>
      </c>
      <c r="G72763" s="16">
        <v>0.17215782487111475</v>
      </c>
    </row>
    <row r="72764" spans="1:7" x14ac:dyDescent="0.3">
      <c r="A72764" s="13" t="s">
        <v>374</v>
      </c>
      <c r="B72764" s="14" t="s">
        <v>1</v>
      </c>
      <c r="C72764" s="14" t="s">
        <v>101</v>
      </c>
      <c r="D72764" s="14" t="s">
        <v>155</v>
      </c>
      <c r="E72764" s="15">
        <v>45505</v>
      </c>
      <c r="F72764" s="14" t="s">
        <v>25</v>
      </c>
      <c r="G72764" s="16">
        <v>0.17440238042687556</v>
      </c>
    </row>
    <row r="72765" spans="1:7" x14ac:dyDescent="0.3">
      <c r="A72765" s="13" t="s">
        <v>374</v>
      </c>
      <c r="B72765" s="14" t="s">
        <v>1</v>
      </c>
      <c r="C72765" s="14" t="s">
        <v>101</v>
      </c>
      <c r="D72765" s="14" t="s">
        <v>155</v>
      </c>
      <c r="E72765" s="15">
        <v>45506</v>
      </c>
      <c r="F72765" s="14" t="s">
        <v>25</v>
      </c>
      <c r="G72765" s="16">
        <v>0.16603457403528352</v>
      </c>
    </row>
    <row r="72766" spans="1:7" x14ac:dyDescent="0.3">
      <c r="A72766" s="13" t="s">
        <v>374</v>
      </c>
      <c r="B72766" s="14" t="s">
        <v>1</v>
      </c>
      <c r="C72766" s="14" t="s">
        <v>101</v>
      </c>
      <c r="D72766" s="14" t="s">
        <v>155</v>
      </c>
      <c r="E72766" s="15">
        <v>45507</v>
      </c>
      <c r="F72766" s="14" t="s">
        <v>25</v>
      </c>
      <c r="G72766" s="16">
        <v>0.16603457403528352</v>
      </c>
    </row>
    <row r="72767" spans="1:7" x14ac:dyDescent="0.3">
      <c r="A72767" s="13" t="s">
        <v>374</v>
      </c>
      <c r="B72767" s="14" t="s">
        <v>1</v>
      </c>
      <c r="C72767" s="14" t="s">
        <v>101</v>
      </c>
      <c r="D72767" s="14" t="s">
        <v>155</v>
      </c>
      <c r="E72767" s="15">
        <v>45508</v>
      </c>
      <c r="F72767" s="14" t="s">
        <v>25</v>
      </c>
      <c r="G72767" s="16">
        <v>0.16603457403528352</v>
      </c>
    </row>
    <row r="72768" spans="1:7" x14ac:dyDescent="0.3">
      <c r="A72768" s="13" t="s">
        <v>374</v>
      </c>
      <c r="B72768" s="14" t="s">
        <v>1</v>
      </c>
      <c r="C72768" s="14" t="s">
        <v>101</v>
      </c>
      <c r="D72768" s="14" t="s">
        <v>155</v>
      </c>
      <c r="E72768" s="15">
        <v>45509</v>
      </c>
      <c r="F72768" s="14" t="s">
        <v>25</v>
      </c>
      <c r="G72768" s="16">
        <v>0.16603457403528352</v>
      </c>
    </row>
    <row r="72769" spans="1:7" x14ac:dyDescent="0.3">
      <c r="A72769" s="13" t="s">
        <v>374</v>
      </c>
      <c r="B72769" s="14" t="s">
        <v>1</v>
      </c>
      <c r="C72769" s="14" t="s">
        <v>101</v>
      </c>
      <c r="D72769" s="14" t="s">
        <v>155</v>
      </c>
      <c r="E72769" s="15">
        <v>45510</v>
      </c>
      <c r="F72769" s="14" t="s">
        <v>25</v>
      </c>
      <c r="G72769" s="16">
        <v>0.15921444912060681</v>
      </c>
    </row>
    <row r="72770" spans="1:7" x14ac:dyDescent="0.3">
      <c r="A72770" s="13" t="s">
        <v>374</v>
      </c>
      <c r="B72770" s="14" t="s">
        <v>1</v>
      </c>
      <c r="C72770" s="14" t="s">
        <v>101</v>
      </c>
      <c r="D72770" s="14" t="s">
        <v>155</v>
      </c>
      <c r="E72770" s="15">
        <v>45511</v>
      </c>
      <c r="F72770" s="14" t="s">
        <v>25</v>
      </c>
      <c r="G72770" s="16">
        <v>0.14185857984665681</v>
      </c>
    </row>
    <row r="72771" spans="1:7" x14ac:dyDescent="0.3">
      <c r="A72771" s="13" t="s">
        <v>374</v>
      </c>
      <c r="B72771" s="14" t="s">
        <v>1</v>
      </c>
      <c r="C72771" s="14" t="s">
        <v>101</v>
      </c>
      <c r="D72771" s="14" t="s">
        <v>155</v>
      </c>
      <c r="E72771" s="15">
        <v>45512</v>
      </c>
      <c r="F72771" s="14" t="s">
        <v>25</v>
      </c>
      <c r="G72771" s="16">
        <v>0.13693186913705591</v>
      </c>
    </row>
    <row r="72772" spans="1:7" x14ac:dyDescent="0.3">
      <c r="A72772" s="13" t="s">
        <v>374</v>
      </c>
      <c r="B72772" s="14" t="s">
        <v>1</v>
      </c>
      <c r="C72772" s="14" t="s">
        <v>101</v>
      </c>
      <c r="D72772" s="14" t="s">
        <v>155</v>
      </c>
      <c r="E72772" s="15">
        <v>45513</v>
      </c>
      <c r="F72772" s="14" t="s">
        <v>25</v>
      </c>
      <c r="G72772" s="16">
        <v>0.13109313310382187</v>
      </c>
    </row>
    <row r="72773" spans="1:7" x14ac:dyDescent="0.3">
      <c r="A72773" s="13" t="s">
        <v>374</v>
      </c>
      <c r="B72773" s="14" t="s">
        <v>1</v>
      </c>
      <c r="C72773" s="14" t="s">
        <v>101</v>
      </c>
      <c r="D72773" s="14" t="s">
        <v>155</v>
      </c>
      <c r="E72773" s="15">
        <v>45514</v>
      </c>
      <c r="F72773" s="14" t="s">
        <v>25</v>
      </c>
      <c r="G72773" s="16">
        <v>0.13109313310382187</v>
      </c>
    </row>
    <row r="72774" spans="1:7" x14ac:dyDescent="0.3">
      <c r="A72774" s="13" t="s">
        <v>374</v>
      </c>
      <c r="B72774" s="14" t="s">
        <v>1</v>
      </c>
      <c r="C72774" s="14" t="s">
        <v>101</v>
      </c>
      <c r="D72774" s="14" t="s">
        <v>155</v>
      </c>
      <c r="E72774" s="15">
        <v>45515</v>
      </c>
      <c r="F72774" s="14" t="s">
        <v>25</v>
      </c>
      <c r="G72774" s="16">
        <v>0.13109313310382187</v>
      </c>
    </row>
    <row r="72775" spans="1:7" x14ac:dyDescent="0.3">
      <c r="A72775" s="13" t="s">
        <v>374</v>
      </c>
      <c r="B72775" s="14" t="s">
        <v>1</v>
      </c>
      <c r="C72775" s="14" t="s">
        <v>101</v>
      </c>
      <c r="D72775" s="14" t="s">
        <v>155</v>
      </c>
      <c r="E72775" s="15">
        <v>45516</v>
      </c>
      <c r="F72775" s="14" t="s">
        <v>25</v>
      </c>
      <c r="G72775" s="16">
        <v>0.12538108956266841</v>
      </c>
    </row>
    <row r="72776" spans="1:7" x14ac:dyDescent="0.3">
      <c r="A72776" s="13" t="s">
        <v>374</v>
      </c>
      <c r="B72776" s="14" t="s">
        <v>1</v>
      </c>
      <c r="C72776" s="14" t="s">
        <v>101</v>
      </c>
      <c r="D72776" s="14" t="s">
        <v>155</v>
      </c>
      <c r="E72776" s="15">
        <v>45517</v>
      </c>
      <c r="F72776" s="14" t="s">
        <v>25</v>
      </c>
      <c r="G72776" s="16">
        <v>0.11025176005796533</v>
      </c>
    </row>
    <row r="72777" spans="1:7" x14ac:dyDescent="0.3">
      <c r="A72777" s="13" t="s">
        <v>374</v>
      </c>
      <c r="B72777" s="14" t="s">
        <v>1</v>
      </c>
      <c r="C72777" s="14" t="s">
        <v>101</v>
      </c>
      <c r="D72777" s="14" t="s">
        <v>155</v>
      </c>
      <c r="E72777" s="15">
        <v>45518</v>
      </c>
      <c r="F72777" s="14" t="s">
        <v>25</v>
      </c>
      <c r="G72777" s="16">
        <v>0.11461504298621948</v>
      </c>
    </row>
    <row r="72778" spans="1:7" x14ac:dyDescent="0.3">
      <c r="A72778" s="13" t="s">
        <v>374</v>
      </c>
      <c r="B72778" s="14" t="s">
        <v>1</v>
      </c>
      <c r="C72778" s="14" t="s">
        <v>101</v>
      </c>
      <c r="D72778" s="14" t="s">
        <v>155</v>
      </c>
      <c r="E72778" s="15">
        <v>45519</v>
      </c>
      <c r="F72778" s="14" t="s">
        <v>25</v>
      </c>
      <c r="G72778" s="16">
        <v>0.10981353393296792</v>
      </c>
    </row>
    <row r="72779" spans="1:7" x14ac:dyDescent="0.3">
      <c r="A72779" s="13" t="s">
        <v>374</v>
      </c>
      <c r="B72779" s="14" t="s">
        <v>1</v>
      </c>
      <c r="C72779" s="14" t="s">
        <v>101</v>
      </c>
      <c r="D72779" s="14" t="s">
        <v>155</v>
      </c>
      <c r="E72779" s="15">
        <v>45520</v>
      </c>
      <c r="F72779" s="14" t="s">
        <v>25</v>
      </c>
      <c r="G72779" s="16">
        <v>0.11957784055429085</v>
      </c>
    </row>
    <row r="72780" spans="1:7" x14ac:dyDescent="0.3">
      <c r="A72780" s="13" t="s">
        <v>374</v>
      </c>
      <c r="B72780" s="14" t="s">
        <v>1</v>
      </c>
      <c r="C72780" s="14" t="s">
        <v>101</v>
      </c>
      <c r="D72780" s="14" t="s">
        <v>155</v>
      </c>
      <c r="E72780" s="15">
        <v>45521</v>
      </c>
      <c r="F72780" s="14" t="s">
        <v>25</v>
      </c>
      <c r="G72780" s="16">
        <v>0.11957784055429085</v>
      </c>
    </row>
    <row r="72781" spans="1:7" x14ac:dyDescent="0.3">
      <c r="A72781" s="13" t="s">
        <v>374</v>
      </c>
      <c r="B72781" s="14" t="s">
        <v>1</v>
      </c>
      <c r="C72781" s="14" t="s">
        <v>101</v>
      </c>
      <c r="D72781" s="14" t="s">
        <v>155</v>
      </c>
      <c r="E72781" s="15">
        <v>45522</v>
      </c>
      <c r="F72781" s="14" t="s">
        <v>25</v>
      </c>
      <c r="G72781" s="16">
        <v>0.11957784055429085</v>
      </c>
    </row>
    <row r="72782" spans="1:7" x14ac:dyDescent="0.3">
      <c r="A72782" s="13" t="s">
        <v>374</v>
      </c>
      <c r="B72782" s="14" t="s">
        <v>1</v>
      </c>
      <c r="C72782" s="14" t="s">
        <v>101</v>
      </c>
      <c r="D72782" s="14" t="s">
        <v>155</v>
      </c>
      <c r="E72782" s="15">
        <v>45523</v>
      </c>
      <c r="F72782" s="14" t="s">
        <v>25</v>
      </c>
      <c r="G72782" s="16">
        <v>0.119545693736339</v>
      </c>
    </row>
    <row r="72783" spans="1:7" x14ac:dyDescent="0.3">
      <c r="A72783" s="13" t="s">
        <v>374</v>
      </c>
      <c r="B72783" s="14" t="s">
        <v>1</v>
      </c>
      <c r="C72783" s="14" t="s">
        <v>101</v>
      </c>
      <c r="D72783" s="14" t="s">
        <v>155</v>
      </c>
      <c r="E72783" s="15">
        <v>45524</v>
      </c>
      <c r="F72783" s="14" t="s">
        <v>25</v>
      </c>
      <c r="G72783" s="16">
        <v>0.1031533936382632</v>
      </c>
    </row>
    <row r="72784" spans="1:7" x14ac:dyDescent="0.3">
      <c r="A72784" s="13" t="s">
        <v>374</v>
      </c>
      <c r="B72784" s="14" t="s">
        <v>1</v>
      </c>
      <c r="C72784" s="14" t="s">
        <v>101</v>
      </c>
      <c r="D72784" s="14" t="s">
        <v>155</v>
      </c>
      <c r="E72784" s="15">
        <v>45525</v>
      </c>
      <c r="F72784" s="14" t="s">
        <v>25</v>
      </c>
      <c r="G72784" s="16">
        <v>9.6707991730368981E-2</v>
      </c>
    </row>
    <row r="72785" spans="1:7" x14ac:dyDescent="0.3">
      <c r="A72785" s="13" t="s">
        <v>374</v>
      </c>
      <c r="B72785" s="14" t="s">
        <v>1</v>
      </c>
      <c r="C72785" s="14" t="s">
        <v>101</v>
      </c>
      <c r="D72785" s="14" t="s">
        <v>155</v>
      </c>
      <c r="E72785" s="15">
        <v>45526</v>
      </c>
      <c r="F72785" s="14" t="s">
        <v>25</v>
      </c>
      <c r="G72785" s="16">
        <v>0.14276397173575889</v>
      </c>
    </row>
    <row r="72786" spans="1:7" x14ac:dyDescent="0.3">
      <c r="A72786" s="13" t="s">
        <v>374</v>
      </c>
      <c r="B72786" s="14" t="s">
        <v>1</v>
      </c>
      <c r="C72786" s="14" t="s">
        <v>101</v>
      </c>
      <c r="D72786" s="14" t="s">
        <v>155</v>
      </c>
      <c r="E72786" s="15">
        <v>45527</v>
      </c>
      <c r="F72786" s="14" t="s">
        <v>25</v>
      </c>
      <c r="G72786" s="16">
        <v>0.13622755473849843</v>
      </c>
    </row>
    <row r="72787" spans="1:7" x14ac:dyDescent="0.3">
      <c r="A72787" s="13" t="s">
        <v>374</v>
      </c>
      <c r="B72787" s="14" t="s">
        <v>1</v>
      </c>
      <c r="C72787" s="14" t="s">
        <v>101</v>
      </c>
      <c r="D72787" s="14" t="s">
        <v>155</v>
      </c>
      <c r="E72787" s="15">
        <v>45528</v>
      </c>
      <c r="F72787" s="14" t="s">
        <v>25</v>
      </c>
      <c r="G72787" s="16">
        <v>0.13622755473849843</v>
      </c>
    </row>
    <row r="72788" spans="1:7" x14ac:dyDescent="0.3">
      <c r="A72788" s="13" t="s">
        <v>374</v>
      </c>
      <c r="B72788" s="14" t="s">
        <v>1</v>
      </c>
      <c r="C72788" s="14" t="s">
        <v>101</v>
      </c>
      <c r="D72788" s="14" t="s">
        <v>155</v>
      </c>
      <c r="E72788" s="15">
        <v>45529</v>
      </c>
      <c r="F72788" s="14" t="s">
        <v>25</v>
      </c>
      <c r="G72788" s="16">
        <v>0.13622755473849843</v>
      </c>
    </row>
    <row r="72789" spans="1:7" x14ac:dyDescent="0.3">
      <c r="A72789" s="13" t="s">
        <v>374</v>
      </c>
      <c r="B72789" s="14" t="s">
        <v>1</v>
      </c>
      <c r="C72789" s="14" t="s">
        <v>101</v>
      </c>
      <c r="D72789" s="14" t="s">
        <v>155</v>
      </c>
      <c r="E72789" s="15">
        <v>45530</v>
      </c>
      <c r="F72789" s="14" t="s">
        <v>25</v>
      </c>
      <c r="G72789" s="16">
        <v>0.1383921951742009</v>
      </c>
    </row>
    <row r="72790" spans="1:7" x14ac:dyDescent="0.3">
      <c r="A72790" s="13" t="s">
        <v>374</v>
      </c>
      <c r="B72790" s="14" t="s">
        <v>1</v>
      </c>
      <c r="C72790" s="14" t="s">
        <v>101</v>
      </c>
      <c r="D72790" s="14" t="s">
        <v>155</v>
      </c>
      <c r="E72790" s="15">
        <v>45531</v>
      </c>
      <c r="F72790" s="14" t="s">
        <v>25</v>
      </c>
      <c r="G72790" s="16">
        <v>0.12182430000253003</v>
      </c>
    </row>
    <row r="72791" spans="1:7" x14ac:dyDescent="0.3">
      <c r="A72791" s="13" t="s">
        <v>374</v>
      </c>
      <c r="B72791" s="14" t="s">
        <v>1</v>
      </c>
      <c r="C72791" s="14" t="s">
        <v>101</v>
      </c>
      <c r="D72791" s="14" t="s">
        <v>155</v>
      </c>
      <c r="E72791" s="15">
        <v>45532</v>
      </c>
      <c r="F72791" s="14" t="s">
        <v>25</v>
      </c>
      <c r="G72791" s="16">
        <v>0.11604365811040605</v>
      </c>
    </row>
    <row r="72792" spans="1:7" x14ac:dyDescent="0.3">
      <c r="A72792" s="13" t="s">
        <v>374</v>
      </c>
      <c r="B72792" s="14" t="s">
        <v>1</v>
      </c>
      <c r="C72792" s="14" t="s">
        <v>101</v>
      </c>
      <c r="D72792" s="14" t="s">
        <v>155</v>
      </c>
      <c r="E72792" s="15">
        <v>45533</v>
      </c>
      <c r="F72792" s="14" t="s">
        <v>25</v>
      </c>
      <c r="G72792" s="16">
        <v>0.11079308727137549</v>
      </c>
    </row>
    <row r="72793" spans="1:7" x14ac:dyDescent="0.3">
      <c r="A72793" s="13" t="s">
        <v>374</v>
      </c>
      <c r="B72793" s="14" t="s">
        <v>1</v>
      </c>
      <c r="C72793" s="14" t="s">
        <v>101</v>
      </c>
      <c r="D72793" s="14" t="s">
        <v>155</v>
      </c>
      <c r="E72793" s="15">
        <v>45534</v>
      </c>
      <c r="F72793" s="14" t="s">
        <v>25</v>
      </c>
      <c r="G72793" s="16">
        <v>0.11085657595316459</v>
      </c>
    </row>
    <row r="72794" spans="1:7" x14ac:dyDescent="0.3">
      <c r="A72794" s="13" t="s">
        <v>374</v>
      </c>
      <c r="B72794" s="14" t="s">
        <v>1</v>
      </c>
      <c r="C72794" s="14" t="s">
        <v>101</v>
      </c>
      <c r="D72794" s="14" t="s">
        <v>155</v>
      </c>
      <c r="E72794" s="15">
        <v>45535</v>
      </c>
      <c r="F72794" s="14" t="s">
        <v>25</v>
      </c>
      <c r="G72794" s="16">
        <v>0.11085657595316459</v>
      </c>
    </row>
    <row r="72795" spans="1:7" x14ac:dyDescent="0.3">
      <c r="A72795" s="13" t="s">
        <v>374</v>
      </c>
      <c r="B72795" s="14" t="s">
        <v>1</v>
      </c>
      <c r="C72795" s="14" t="s">
        <v>101</v>
      </c>
      <c r="D72795" s="14" t="s">
        <v>155</v>
      </c>
      <c r="E72795" s="15">
        <v>45536</v>
      </c>
      <c r="F72795" s="14" t="s">
        <v>25</v>
      </c>
      <c r="G72795" s="16">
        <v>0.11085657595316459</v>
      </c>
    </row>
    <row r="72796" spans="1:7" x14ac:dyDescent="0.3">
      <c r="A72796" s="13" t="s">
        <v>374</v>
      </c>
      <c r="B72796" s="14" t="s">
        <v>1</v>
      </c>
      <c r="C72796" s="14" t="s">
        <v>101</v>
      </c>
      <c r="D72796" s="14" t="s">
        <v>155</v>
      </c>
      <c r="E72796" s="15">
        <v>45537</v>
      </c>
      <c r="F72796" s="14" t="s">
        <v>25</v>
      </c>
      <c r="G72796" s="16">
        <v>0.16243850403564886</v>
      </c>
    </row>
    <row r="72797" spans="1:7" x14ac:dyDescent="0.3">
      <c r="A72797" s="13" t="s">
        <v>374</v>
      </c>
      <c r="B72797" s="14" t="s">
        <v>1</v>
      </c>
      <c r="C72797" s="14" t="s">
        <v>101</v>
      </c>
      <c r="D72797" s="14" t="s">
        <v>155</v>
      </c>
      <c r="E72797" s="15">
        <v>45538</v>
      </c>
      <c r="F72797" s="14" t="s">
        <v>25</v>
      </c>
      <c r="G72797" s="16">
        <v>0.14685628794555572</v>
      </c>
    </row>
    <row r="72798" spans="1:7" x14ac:dyDescent="0.3">
      <c r="A72798" s="13" t="s">
        <v>374</v>
      </c>
      <c r="B72798" s="14" t="s">
        <v>1</v>
      </c>
      <c r="C72798" s="14" t="s">
        <v>101</v>
      </c>
      <c r="D72798" s="14" t="s">
        <v>155</v>
      </c>
      <c r="E72798" s="15">
        <v>45539</v>
      </c>
      <c r="F72798" s="14" t="s">
        <v>25</v>
      </c>
      <c r="G72798" s="16">
        <v>0.14026058252343238</v>
      </c>
    </row>
    <row r="72799" spans="1:7" x14ac:dyDescent="0.3">
      <c r="A72799" s="13" t="s">
        <v>374</v>
      </c>
      <c r="B72799" s="14" t="s">
        <v>1</v>
      </c>
      <c r="C72799" s="14" t="s">
        <v>101</v>
      </c>
      <c r="D72799" s="14" t="s">
        <v>155</v>
      </c>
      <c r="E72799" s="15">
        <v>45540</v>
      </c>
      <c r="F72799" s="14" t="s">
        <v>25</v>
      </c>
      <c r="G72799" s="16">
        <v>0.14694809162197048</v>
      </c>
    </row>
    <row r="72800" spans="1:7" x14ac:dyDescent="0.3">
      <c r="A72800" s="13" t="s">
        <v>374</v>
      </c>
      <c r="B72800" s="14" t="s">
        <v>1</v>
      </c>
      <c r="C72800" s="14" t="s">
        <v>101</v>
      </c>
      <c r="D72800" s="14" t="s">
        <v>155</v>
      </c>
      <c r="E72800" s="15">
        <v>45541</v>
      </c>
      <c r="F72800" s="14" t="s">
        <v>25</v>
      </c>
      <c r="G72800" s="16">
        <v>0.14084781218309517</v>
      </c>
    </row>
    <row r="72801" spans="1:7" x14ac:dyDescent="0.3">
      <c r="A72801" s="13" t="s">
        <v>374</v>
      </c>
      <c r="B72801" s="14" t="s">
        <v>1</v>
      </c>
      <c r="C72801" s="14" t="s">
        <v>101</v>
      </c>
      <c r="D72801" s="14" t="s">
        <v>155</v>
      </c>
      <c r="E72801" s="15">
        <v>45542</v>
      </c>
      <c r="F72801" s="14" t="s">
        <v>25</v>
      </c>
      <c r="G72801" s="16">
        <v>0.14084781218309517</v>
      </c>
    </row>
    <row r="72802" spans="1:7" x14ac:dyDescent="0.3">
      <c r="A72802" s="13" t="s">
        <v>374</v>
      </c>
      <c r="B72802" s="14" t="s">
        <v>1</v>
      </c>
      <c r="C72802" s="14" t="s">
        <v>101</v>
      </c>
      <c r="D72802" s="14" t="s">
        <v>155</v>
      </c>
      <c r="E72802" s="15">
        <v>45543</v>
      </c>
      <c r="F72802" s="14" t="s">
        <v>25</v>
      </c>
      <c r="G72802" s="16">
        <v>0.14084781218309517</v>
      </c>
    </row>
    <row r="72803" spans="1:7" x14ac:dyDescent="0.3">
      <c r="A72803" s="13" t="s">
        <v>374</v>
      </c>
      <c r="B72803" s="14" t="s">
        <v>1</v>
      </c>
      <c r="C72803" s="14" t="s">
        <v>101</v>
      </c>
      <c r="D72803" s="14" t="s">
        <v>155</v>
      </c>
      <c r="E72803" s="15">
        <v>45544</v>
      </c>
      <c r="F72803" s="14" t="s">
        <v>25</v>
      </c>
      <c r="G72803" s="16">
        <v>0.14182580749626003</v>
      </c>
    </row>
    <row r="72804" spans="1:7" x14ac:dyDescent="0.3">
      <c r="A72804" s="13" t="s">
        <v>374</v>
      </c>
      <c r="B72804" s="14" t="s">
        <v>1</v>
      </c>
      <c r="C72804" s="14" t="s">
        <v>101</v>
      </c>
      <c r="D72804" s="14" t="s">
        <v>155</v>
      </c>
      <c r="E72804" s="15">
        <v>45545</v>
      </c>
      <c r="F72804" s="14" t="s">
        <v>25</v>
      </c>
      <c r="G72804" s="16">
        <v>0.12573508599293345</v>
      </c>
    </row>
    <row r="72805" spans="1:7" x14ac:dyDescent="0.3">
      <c r="A72805" s="13" t="s">
        <v>374</v>
      </c>
      <c r="B72805" s="14" t="s">
        <v>1</v>
      </c>
      <c r="C72805" s="14" t="s">
        <v>101</v>
      </c>
      <c r="D72805" s="14" t="s">
        <v>155</v>
      </c>
      <c r="E72805" s="15">
        <v>45546</v>
      </c>
      <c r="F72805" s="14" t="s">
        <v>25</v>
      </c>
      <c r="G72805" s="16">
        <v>0.12057166591339888</v>
      </c>
    </row>
    <row r="72806" spans="1:7" x14ac:dyDescent="0.3">
      <c r="A72806" s="13" t="s">
        <v>374</v>
      </c>
      <c r="B72806" s="14" t="s">
        <v>1</v>
      </c>
      <c r="C72806" s="14" t="s">
        <v>101</v>
      </c>
      <c r="D72806" s="14" t="s">
        <v>155</v>
      </c>
      <c r="E72806" s="15">
        <v>45547</v>
      </c>
      <c r="F72806" s="14" t="s">
        <v>25</v>
      </c>
      <c r="G72806" s="16">
        <v>0.13963298324659643</v>
      </c>
    </row>
    <row r="72807" spans="1:7" x14ac:dyDescent="0.3">
      <c r="A72807" s="13" t="s">
        <v>374</v>
      </c>
      <c r="B72807" s="14" t="s">
        <v>1</v>
      </c>
      <c r="C72807" s="14" t="s">
        <v>101</v>
      </c>
      <c r="D72807" s="14" t="s">
        <v>155</v>
      </c>
      <c r="E72807" s="15">
        <v>45548</v>
      </c>
      <c r="F72807" s="14" t="s">
        <v>25</v>
      </c>
      <c r="G72807" s="16">
        <v>0.13096844269185298</v>
      </c>
    </row>
    <row r="72808" spans="1:7" x14ac:dyDescent="0.3">
      <c r="A72808" s="13" t="s">
        <v>374</v>
      </c>
      <c r="B72808" s="14" t="s">
        <v>1</v>
      </c>
      <c r="C72808" s="14" t="s">
        <v>101</v>
      </c>
      <c r="D72808" s="14" t="s">
        <v>155</v>
      </c>
      <c r="E72808" s="15">
        <v>45549</v>
      </c>
      <c r="F72808" s="14" t="s">
        <v>25</v>
      </c>
      <c r="G72808" s="16">
        <v>0.13096844269185298</v>
      </c>
    </row>
    <row r="72809" spans="1:7" x14ac:dyDescent="0.3">
      <c r="A72809" s="13" t="s">
        <v>374</v>
      </c>
      <c r="B72809" s="14" t="s">
        <v>1</v>
      </c>
      <c r="C72809" s="14" t="s">
        <v>101</v>
      </c>
      <c r="D72809" s="14" t="s">
        <v>155</v>
      </c>
      <c r="E72809" s="15">
        <v>45550</v>
      </c>
      <c r="F72809" s="14" t="s">
        <v>25</v>
      </c>
      <c r="G72809" s="16">
        <v>0.13096844269185298</v>
      </c>
    </row>
    <row r="72810" spans="1:7" x14ac:dyDescent="0.3">
      <c r="A72810" s="13" t="s">
        <v>374</v>
      </c>
      <c r="B72810" s="14" t="s">
        <v>1</v>
      </c>
      <c r="C72810" s="14" t="s">
        <v>101</v>
      </c>
      <c r="D72810" s="14" t="s">
        <v>155</v>
      </c>
      <c r="E72810" s="15">
        <v>45551</v>
      </c>
      <c r="F72810" s="14" t="s">
        <v>25</v>
      </c>
      <c r="G72810" s="16">
        <v>0.13314208498333185</v>
      </c>
    </row>
    <row r="72811" spans="1:7" x14ac:dyDescent="0.3">
      <c r="A72811" s="13" t="s">
        <v>374</v>
      </c>
      <c r="B72811" s="14" t="s">
        <v>1</v>
      </c>
      <c r="C72811" s="14" t="s">
        <v>101</v>
      </c>
      <c r="D72811" s="14" t="s">
        <v>155</v>
      </c>
      <c r="E72811" s="15">
        <v>45552</v>
      </c>
      <c r="F72811" s="14" t="s">
        <v>25</v>
      </c>
      <c r="G72811" s="16">
        <v>0.11757255195948933</v>
      </c>
    </row>
    <row r="72812" spans="1:7" x14ac:dyDescent="0.3">
      <c r="A72812" s="13" t="s">
        <v>374</v>
      </c>
      <c r="B72812" s="14" t="s">
        <v>1</v>
      </c>
      <c r="C72812" s="14" t="s">
        <v>101</v>
      </c>
      <c r="D72812" s="14" t="s">
        <v>155</v>
      </c>
      <c r="E72812" s="15">
        <v>45553</v>
      </c>
      <c r="F72812" s="14" t="s">
        <v>25</v>
      </c>
      <c r="G72812" s="16">
        <v>0.1197608395586473</v>
      </c>
    </row>
    <row r="72813" spans="1:7" x14ac:dyDescent="0.3">
      <c r="A72813" s="13" t="s">
        <v>374</v>
      </c>
      <c r="B72813" s="14" t="s">
        <v>1</v>
      </c>
      <c r="C72813" s="14" t="s">
        <v>101</v>
      </c>
      <c r="D72813" s="14" t="s">
        <v>155</v>
      </c>
      <c r="E72813" s="15">
        <v>45554</v>
      </c>
      <c r="F72813" s="14" t="s">
        <v>25</v>
      </c>
      <c r="G72813" s="16">
        <v>0.11396086997582006</v>
      </c>
    </row>
    <row r="72814" spans="1:7" x14ac:dyDescent="0.3">
      <c r="A72814" s="13" t="s">
        <v>374</v>
      </c>
      <c r="B72814" s="14" t="s">
        <v>1</v>
      </c>
      <c r="C72814" s="14" t="s">
        <v>101</v>
      </c>
      <c r="D72814" s="14" t="s">
        <v>155</v>
      </c>
      <c r="E72814" s="15">
        <v>45555</v>
      </c>
      <c r="F72814" s="14" t="s">
        <v>25</v>
      </c>
      <c r="G72814" s="16">
        <v>0.11426994202030916</v>
      </c>
    </row>
    <row r="72815" spans="1:7" x14ac:dyDescent="0.3">
      <c r="A72815" s="13" t="s">
        <v>374</v>
      </c>
      <c r="B72815" s="14" t="s">
        <v>1</v>
      </c>
      <c r="C72815" s="14" t="s">
        <v>101</v>
      </c>
      <c r="D72815" s="14" t="s">
        <v>155</v>
      </c>
      <c r="E72815" s="15">
        <v>45556</v>
      </c>
      <c r="F72815" s="14" t="s">
        <v>25</v>
      </c>
      <c r="G72815" s="16">
        <v>0.11426994202030916</v>
      </c>
    </row>
    <row r="72816" spans="1:7" x14ac:dyDescent="0.3">
      <c r="A72816" s="13" t="s">
        <v>374</v>
      </c>
      <c r="B72816" s="14" t="s">
        <v>1</v>
      </c>
      <c r="C72816" s="14" t="s">
        <v>101</v>
      </c>
      <c r="D72816" s="14" t="s">
        <v>155</v>
      </c>
      <c r="E72816" s="15">
        <v>45557</v>
      </c>
      <c r="F72816" s="14" t="s">
        <v>25</v>
      </c>
      <c r="G72816" s="16">
        <v>0.11426994202030916</v>
      </c>
    </row>
    <row r="72817" spans="1:7" x14ac:dyDescent="0.3">
      <c r="A72817" s="13" t="s">
        <v>374</v>
      </c>
      <c r="B72817" s="14" t="s">
        <v>1</v>
      </c>
      <c r="C72817" s="14" t="s">
        <v>101</v>
      </c>
      <c r="D72817" s="14" t="s">
        <v>155</v>
      </c>
      <c r="E72817" s="15">
        <v>45558</v>
      </c>
      <c r="F72817" s="14" t="s">
        <v>25</v>
      </c>
      <c r="G72817" s="16">
        <v>0.10786235036337938</v>
      </c>
    </row>
    <row r="72818" spans="1:7" x14ac:dyDescent="0.3">
      <c r="A72818" s="13" t="s">
        <v>374</v>
      </c>
      <c r="B72818" s="14" t="s">
        <v>1</v>
      </c>
      <c r="C72818" s="14" t="s">
        <v>101</v>
      </c>
      <c r="D72818" s="14" t="s">
        <v>155</v>
      </c>
      <c r="E72818" s="15">
        <v>45559</v>
      </c>
      <c r="F72818" s="14" t="s">
        <v>25</v>
      </c>
      <c r="G72818" s="16">
        <v>9.1263432491082125E-2</v>
      </c>
    </row>
    <row r="72819" spans="1:7" x14ac:dyDescent="0.3">
      <c r="A72819" s="13" t="s">
        <v>374</v>
      </c>
      <c r="B72819" s="14" t="s">
        <v>1</v>
      </c>
      <c r="C72819" s="14" t="s">
        <v>101</v>
      </c>
      <c r="D72819" s="14" t="s">
        <v>155</v>
      </c>
      <c r="E72819" s="15">
        <v>45560</v>
      </c>
      <c r="F72819" s="14" t="s">
        <v>25</v>
      </c>
      <c r="G72819" s="16">
        <v>9.8614136054122198E-2</v>
      </c>
    </row>
    <row r="72820" spans="1:7" x14ac:dyDescent="0.3">
      <c r="A72820" s="13" t="s">
        <v>374</v>
      </c>
      <c r="B72820" s="14" t="s">
        <v>1</v>
      </c>
      <c r="C72820" s="14" t="s">
        <v>101</v>
      </c>
      <c r="D72820" s="14" t="s">
        <v>155</v>
      </c>
      <c r="E72820" s="15">
        <v>45561</v>
      </c>
      <c r="F72820" s="14" t="s">
        <v>25</v>
      </c>
      <c r="G72820" s="16">
        <v>9.2014608492175409E-2</v>
      </c>
    </row>
    <row r="72821" spans="1:7" x14ac:dyDescent="0.3">
      <c r="A72821" s="13" t="s">
        <v>374</v>
      </c>
      <c r="B72821" s="14" t="s">
        <v>1</v>
      </c>
      <c r="C72821" s="14" t="s">
        <v>101</v>
      </c>
      <c r="D72821" s="14" t="s">
        <v>155</v>
      </c>
      <c r="E72821" s="15">
        <v>45562</v>
      </c>
      <c r="F72821" s="14" t="s">
        <v>25</v>
      </c>
      <c r="G72821" s="16">
        <v>8.5375218446607434E-2</v>
      </c>
    </row>
    <row r="72822" spans="1:7" x14ac:dyDescent="0.3">
      <c r="A72822" s="13" t="s">
        <v>374</v>
      </c>
      <c r="B72822" s="14" t="s">
        <v>1</v>
      </c>
      <c r="C72822" s="14" t="s">
        <v>101</v>
      </c>
      <c r="D72822" s="14" t="s">
        <v>155</v>
      </c>
      <c r="E72822" s="15">
        <v>45563</v>
      </c>
      <c r="F72822" s="14" t="s">
        <v>25</v>
      </c>
      <c r="G72822" s="16">
        <v>8.5375218446607434E-2</v>
      </c>
    </row>
    <row r="72823" spans="1:7" x14ac:dyDescent="0.3">
      <c r="A72823" s="13" t="s">
        <v>374</v>
      </c>
      <c r="B72823" s="14" t="s">
        <v>1</v>
      </c>
      <c r="C72823" s="14" t="s">
        <v>101</v>
      </c>
      <c r="D72823" s="14" t="s">
        <v>155</v>
      </c>
      <c r="E72823" s="15">
        <v>45564</v>
      </c>
      <c r="F72823" s="14" t="s">
        <v>25</v>
      </c>
      <c r="G72823" s="16">
        <v>8.5375218446607434E-2</v>
      </c>
    </row>
    <row r="72824" spans="1:7" x14ac:dyDescent="0.3">
      <c r="A72824" s="13" t="s">
        <v>374</v>
      </c>
      <c r="B72824" s="14" t="s">
        <v>1</v>
      </c>
      <c r="C72824" s="14" t="s">
        <v>101</v>
      </c>
      <c r="D72824" s="14" t="s">
        <v>155</v>
      </c>
      <c r="E72824" s="15">
        <v>45565</v>
      </c>
      <c r="F72824" s="14" t="s">
        <v>25</v>
      </c>
      <c r="G72824" s="16">
        <v>0.17272979770802668</v>
      </c>
    </row>
    <row r="72825" spans="1:7" x14ac:dyDescent="0.3">
      <c r="A72825" s="13" t="s">
        <v>374</v>
      </c>
      <c r="B72825" s="14" t="s">
        <v>1</v>
      </c>
      <c r="C72825" s="14" t="s">
        <v>101</v>
      </c>
      <c r="D72825" s="14" t="s">
        <v>155</v>
      </c>
      <c r="E72825" s="15">
        <v>45566</v>
      </c>
      <c r="F72825" s="14" t="s">
        <v>25</v>
      </c>
      <c r="G72825" s="16">
        <v>0.16019160700031107</v>
      </c>
    </row>
    <row r="72826" spans="1:7" x14ac:dyDescent="0.3">
      <c r="A72826" s="13" t="s">
        <v>374</v>
      </c>
      <c r="B72826" s="14" t="s">
        <v>1</v>
      </c>
      <c r="C72826" s="14" t="s">
        <v>101</v>
      </c>
      <c r="D72826" s="14" t="s">
        <v>155</v>
      </c>
      <c r="E72826" s="15">
        <v>45567</v>
      </c>
      <c r="F72826" s="14" t="s">
        <v>25</v>
      </c>
      <c r="G72826" s="16">
        <v>0.15405098803682074</v>
      </c>
    </row>
    <row r="72827" spans="1:7" x14ac:dyDescent="0.3">
      <c r="A72827" s="13" t="s">
        <v>374</v>
      </c>
      <c r="B72827" s="14" t="s">
        <v>1</v>
      </c>
      <c r="C72827" s="14" t="s">
        <v>101</v>
      </c>
      <c r="D72827" s="14" t="s">
        <v>155</v>
      </c>
      <c r="E72827" s="15">
        <v>45568</v>
      </c>
      <c r="F72827" s="14" t="s">
        <v>25</v>
      </c>
      <c r="G72827" s="16">
        <v>0.14617685664007718</v>
      </c>
    </row>
    <row r="72828" spans="1:7" x14ac:dyDescent="0.3">
      <c r="A72828" s="13" t="s">
        <v>374</v>
      </c>
      <c r="B72828" s="14" t="s">
        <v>1</v>
      </c>
      <c r="C72828" s="14" t="s">
        <v>101</v>
      </c>
      <c r="D72828" s="14" t="s">
        <v>155</v>
      </c>
      <c r="E72828" s="15">
        <v>45569</v>
      </c>
      <c r="F72828" s="14" t="s">
        <v>25</v>
      </c>
      <c r="G72828" s="16">
        <v>0.14091094348306255</v>
      </c>
    </row>
    <row r="72829" spans="1:7" x14ac:dyDescent="0.3">
      <c r="A72829" s="13" t="s">
        <v>374</v>
      </c>
      <c r="B72829" s="14" t="s">
        <v>1</v>
      </c>
      <c r="C72829" s="14" t="s">
        <v>101</v>
      </c>
      <c r="D72829" s="14" t="s">
        <v>155</v>
      </c>
      <c r="E72829" s="15">
        <v>45570</v>
      </c>
      <c r="F72829" s="14" t="s">
        <v>25</v>
      </c>
      <c r="G72829" s="16">
        <v>0.14091094348306255</v>
      </c>
    </row>
    <row r="72830" spans="1:7" x14ac:dyDescent="0.3">
      <c r="A72830" s="13" t="s">
        <v>374</v>
      </c>
      <c r="B72830" s="14" t="s">
        <v>1</v>
      </c>
      <c r="C72830" s="14" t="s">
        <v>101</v>
      </c>
      <c r="D72830" s="14" t="s">
        <v>155</v>
      </c>
      <c r="E72830" s="15">
        <v>45571</v>
      </c>
      <c r="F72830" s="14" t="s">
        <v>25</v>
      </c>
      <c r="G72830" s="16">
        <v>0.14091094348306255</v>
      </c>
    </row>
    <row r="72831" spans="1:7" x14ac:dyDescent="0.3">
      <c r="A72831" s="13" t="s">
        <v>374</v>
      </c>
      <c r="B72831" s="14" t="s">
        <v>1</v>
      </c>
      <c r="C72831" s="14" t="s">
        <v>101</v>
      </c>
      <c r="D72831" s="14" t="s">
        <v>155</v>
      </c>
      <c r="E72831" s="15">
        <v>45572</v>
      </c>
      <c r="F72831" s="14" t="s">
        <v>25</v>
      </c>
      <c r="G72831" s="16">
        <v>0.13836012337626066</v>
      </c>
    </row>
    <row r="72832" spans="1:7" x14ac:dyDescent="0.3">
      <c r="A72832" s="13" t="s">
        <v>374</v>
      </c>
      <c r="B72832" s="14" t="s">
        <v>1</v>
      </c>
      <c r="C72832" s="14" t="s">
        <v>101</v>
      </c>
      <c r="D72832" s="14" t="s">
        <v>155</v>
      </c>
      <c r="E72832" s="15">
        <v>45573</v>
      </c>
      <c r="F72832" s="14" t="s">
        <v>25</v>
      </c>
      <c r="G72832" s="16">
        <v>0.12258245352312103</v>
      </c>
    </row>
    <row r="72833" spans="1:7" x14ac:dyDescent="0.3">
      <c r="A72833" s="13" t="s">
        <v>374</v>
      </c>
      <c r="B72833" s="14" t="s">
        <v>1</v>
      </c>
      <c r="C72833" s="14" t="s">
        <v>101</v>
      </c>
      <c r="D72833" s="14" t="s">
        <v>155</v>
      </c>
      <c r="E72833" s="15">
        <v>45574</v>
      </c>
      <c r="F72833" s="14" t="s">
        <v>25</v>
      </c>
      <c r="G72833" s="16">
        <v>0.11705675158868431</v>
      </c>
    </row>
    <row r="72834" spans="1:7" x14ac:dyDescent="0.3">
      <c r="A72834" s="13" t="s">
        <v>374</v>
      </c>
      <c r="B72834" s="14" t="s">
        <v>1</v>
      </c>
      <c r="C72834" s="14" t="s">
        <v>101</v>
      </c>
      <c r="D72834" s="14" t="s">
        <v>155</v>
      </c>
      <c r="E72834" s="15">
        <v>45575</v>
      </c>
      <c r="F72834" s="14" t="s">
        <v>25</v>
      </c>
      <c r="G72834" s="16">
        <v>0.11044206100593171</v>
      </c>
    </row>
    <row r="72835" spans="1:7" x14ac:dyDescent="0.3">
      <c r="A72835" s="13" t="s">
        <v>374</v>
      </c>
      <c r="B72835" s="14" t="s">
        <v>1</v>
      </c>
      <c r="C72835" s="14" t="s">
        <v>101</v>
      </c>
      <c r="D72835" s="14" t="s">
        <v>155</v>
      </c>
      <c r="E72835" s="15">
        <v>45576</v>
      </c>
      <c r="F72835" s="14" t="s">
        <v>25</v>
      </c>
      <c r="G72835" s="16">
        <v>0.11354375583960052</v>
      </c>
    </row>
    <row r="72836" spans="1:7" x14ac:dyDescent="0.3">
      <c r="A72836" s="13" t="s">
        <v>374</v>
      </c>
      <c r="B72836" s="14" t="s">
        <v>1</v>
      </c>
      <c r="C72836" s="14" t="s">
        <v>101</v>
      </c>
      <c r="D72836" s="14" t="s">
        <v>155</v>
      </c>
      <c r="E72836" s="15">
        <v>45577</v>
      </c>
      <c r="F72836" s="14" t="s">
        <v>25</v>
      </c>
      <c r="G72836" s="16">
        <v>0.11354375583960052</v>
      </c>
    </row>
    <row r="72837" spans="1:7" x14ac:dyDescent="0.3">
      <c r="A72837" s="13" t="s">
        <v>374</v>
      </c>
      <c r="B72837" s="14" t="s">
        <v>1</v>
      </c>
      <c r="C72837" s="14" t="s">
        <v>101</v>
      </c>
      <c r="D72837" s="14" t="s">
        <v>155</v>
      </c>
      <c r="E72837" s="15">
        <v>45578</v>
      </c>
      <c r="F72837" s="14" t="s">
        <v>25</v>
      </c>
      <c r="G72837" s="16">
        <v>0.11354375583960052</v>
      </c>
    </row>
    <row r="72838" spans="1:7" x14ac:dyDescent="0.3">
      <c r="A72838" s="13" t="s">
        <v>374</v>
      </c>
      <c r="B72838" s="14" t="s">
        <v>1</v>
      </c>
      <c r="C72838" s="14" t="s">
        <v>101</v>
      </c>
      <c r="D72838" s="14" t="s">
        <v>155</v>
      </c>
      <c r="E72838" s="15">
        <v>45579</v>
      </c>
      <c r="F72838" s="14" t="s">
        <v>25</v>
      </c>
      <c r="G72838" s="16">
        <v>0.1127299514485877</v>
      </c>
    </row>
    <row r="72839" spans="1:7" x14ac:dyDescent="0.3">
      <c r="A72839" s="13" t="s">
        <v>374</v>
      </c>
      <c r="B72839" s="14" t="s">
        <v>1</v>
      </c>
      <c r="C72839" s="14" t="s">
        <v>101</v>
      </c>
      <c r="D72839" s="14" t="s">
        <v>155</v>
      </c>
      <c r="E72839" s="15">
        <v>45580</v>
      </c>
      <c r="F72839" s="14" t="s">
        <v>25</v>
      </c>
      <c r="G72839" s="16">
        <v>9.6426976891287111E-2</v>
      </c>
    </row>
    <row r="72840" spans="1:7" x14ac:dyDescent="0.3">
      <c r="A72840" s="13" t="s">
        <v>374</v>
      </c>
      <c r="B72840" s="14" t="s">
        <v>1</v>
      </c>
      <c r="C72840" s="14" t="s">
        <v>101</v>
      </c>
      <c r="D72840" s="14" t="s">
        <v>155</v>
      </c>
      <c r="E72840" s="15">
        <v>45581</v>
      </c>
      <c r="F72840" s="14" t="s">
        <v>25</v>
      </c>
      <c r="G72840" s="16">
        <v>9.0781100798678641E-2</v>
      </c>
    </row>
    <row r="72841" spans="1:7" x14ac:dyDescent="0.3">
      <c r="A72841" s="13" t="s">
        <v>374</v>
      </c>
      <c r="B72841" s="14" t="s">
        <v>1</v>
      </c>
      <c r="C72841" s="14" t="s">
        <v>101</v>
      </c>
      <c r="D72841" s="14" t="s">
        <v>155</v>
      </c>
      <c r="E72841" s="15">
        <v>45582</v>
      </c>
      <c r="F72841" s="14" t="s">
        <v>25</v>
      </c>
      <c r="G72841" s="16">
        <v>8.4749653094887939E-2</v>
      </c>
    </row>
    <row r="72842" spans="1:7" x14ac:dyDescent="0.3">
      <c r="A72842" s="13" t="s">
        <v>374</v>
      </c>
      <c r="B72842" s="14" t="s">
        <v>1</v>
      </c>
      <c r="C72842" s="14" t="s">
        <v>101</v>
      </c>
      <c r="D72842" s="14" t="s">
        <v>155</v>
      </c>
      <c r="E72842" s="15">
        <v>45583</v>
      </c>
      <c r="F72842" s="14" t="s">
        <v>25</v>
      </c>
      <c r="G72842" s="16">
        <v>7.8609617821318895E-2</v>
      </c>
    </row>
    <row r="72843" spans="1:7" x14ac:dyDescent="0.3">
      <c r="A72843" s="13" t="s">
        <v>374</v>
      </c>
      <c r="B72843" s="14" t="s">
        <v>1</v>
      </c>
      <c r="C72843" s="14" t="s">
        <v>101</v>
      </c>
      <c r="D72843" s="14" t="s">
        <v>155</v>
      </c>
      <c r="E72843" s="15">
        <v>45584</v>
      </c>
      <c r="F72843" s="14" t="s">
        <v>25</v>
      </c>
      <c r="G72843" s="16">
        <v>7.8609617821318895E-2</v>
      </c>
    </row>
    <row r="72844" spans="1:7" x14ac:dyDescent="0.3">
      <c r="A72844" s="13" t="s">
        <v>374</v>
      </c>
      <c r="B72844" s="14" t="s">
        <v>1</v>
      </c>
      <c r="C72844" s="14" t="s">
        <v>101</v>
      </c>
      <c r="D72844" s="14" t="s">
        <v>155</v>
      </c>
      <c r="E72844" s="15">
        <v>45585</v>
      </c>
      <c r="F72844" s="14" t="s">
        <v>25</v>
      </c>
      <c r="G72844" s="16">
        <v>7.8609617821318895E-2</v>
      </c>
    </row>
    <row r="72845" spans="1:7" x14ac:dyDescent="0.3">
      <c r="A72845" s="13" t="s">
        <v>374</v>
      </c>
      <c r="B72845" s="14" t="s">
        <v>1</v>
      </c>
      <c r="C72845" s="14" t="s">
        <v>101</v>
      </c>
      <c r="D72845" s="14" t="s">
        <v>155</v>
      </c>
      <c r="E72845" s="15">
        <v>45586</v>
      </c>
      <c r="F72845" s="14" t="s">
        <v>25</v>
      </c>
      <c r="G72845" s="16">
        <v>7.3724474789762864E-2</v>
      </c>
    </row>
    <row r="72846" spans="1:7" x14ac:dyDescent="0.3">
      <c r="A72846" s="13" t="s">
        <v>374</v>
      </c>
      <c r="B72846" s="14" t="s">
        <v>1</v>
      </c>
      <c r="C72846" s="14" t="s">
        <v>101</v>
      </c>
      <c r="D72846" s="14" t="s">
        <v>155</v>
      </c>
      <c r="E72846" s="15">
        <v>45587</v>
      </c>
      <c r="F72846" s="14" t="s">
        <v>25</v>
      </c>
      <c r="G72846" s="16">
        <v>5.7516411460079228E-2</v>
      </c>
    </row>
    <row r="72847" spans="1:7" x14ac:dyDescent="0.3">
      <c r="A72847" s="13" t="s">
        <v>374</v>
      </c>
      <c r="B72847" s="14" t="s">
        <v>1</v>
      </c>
      <c r="C72847" s="14" t="s">
        <v>101</v>
      </c>
      <c r="D72847" s="14" t="s">
        <v>155</v>
      </c>
      <c r="E72847" s="15">
        <v>45588</v>
      </c>
      <c r="F72847" s="14" t="s">
        <v>25</v>
      </c>
      <c r="G72847" s="16">
        <v>5.1549115970847575E-2</v>
      </c>
    </row>
    <row r="72848" spans="1:7" x14ac:dyDescent="0.3">
      <c r="A72848" s="13" t="s">
        <v>374</v>
      </c>
      <c r="B72848" s="14" t="s">
        <v>1</v>
      </c>
      <c r="C72848" s="14" t="s">
        <v>101</v>
      </c>
      <c r="D72848" s="14" t="s">
        <v>155</v>
      </c>
      <c r="E72848" s="15">
        <v>45589</v>
      </c>
      <c r="F72848" s="14" t="s">
        <v>25</v>
      </c>
      <c r="G72848" s="16">
        <v>4.5719910905054867E-2</v>
      </c>
    </row>
    <row r="72849" spans="1:7" x14ac:dyDescent="0.3">
      <c r="A72849" s="13" t="s">
        <v>374</v>
      </c>
      <c r="B72849" s="14" t="s">
        <v>1</v>
      </c>
      <c r="C72849" s="14" t="s">
        <v>101</v>
      </c>
      <c r="D72849" s="14" t="s">
        <v>155</v>
      </c>
      <c r="E72849" s="15">
        <v>45590</v>
      </c>
      <c r="F72849" s="14" t="s">
        <v>25</v>
      </c>
      <c r="G72849" s="16">
        <v>3.9812819126718822E-2</v>
      </c>
    </row>
    <row r="72850" spans="1:7" x14ac:dyDescent="0.3">
      <c r="A72850" s="13" t="s">
        <v>374</v>
      </c>
      <c r="B72850" s="14" t="s">
        <v>1</v>
      </c>
      <c r="C72850" s="14" t="s">
        <v>101</v>
      </c>
      <c r="D72850" s="14" t="s">
        <v>155</v>
      </c>
      <c r="E72850" s="15">
        <v>45591</v>
      </c>
      <c r="F72850" s="14" t="s">
        <v>25</v>
      </c>
      <c r="G72850" s="16">
        <v>3.9812819126718822E-2</v>
      </c>
    </row>
    <row r="72851" spans="1:7" x14ac:dyDescent="0.3">
      <c r="A72851" s="13" t="s">
        <v>374</v>
      </c>
      <c r="B72851" s="14" t="s">
        <v>1</v>
      </c>
      <c r="C72851" s="14" t="s">
        <v>101</v>
      </c>
      <c r="D72851" s="14" t="s">
        <v>155</v>
      </c>
      <c r="E72851" s="15">
        <v>45592</v>
      </c>
      <c r="F72851" s="14" t="s">
        <v>25</v>
      </c>
      <c r="G72851" s="16">
        <v>3.9812819126718822E-2</v>
      </c>
    </row>
    <row r="72852" spans="1:7" x14ac:dyDescent="0.3">
      <c r="A72852" s="13" t="s">
        <v>374</v>
      </c>
      <c r="B72852" s="14" t="s">
        <v>1</v>
      </c>
      <c r="C72852" s="14" t="s">
        <v>101</v>
      </c>
      <c r="D72852" s="14" t="s">
        <v>155</v>
      </c>
      <c r="E72852" s="15">
        <v>45593</v>
      </c>
      <c r="F72852" s="14" t="s">
        <v>25</v>
      </c>
      <c r="G72852" s="16">
        <v>3.9812819126718822E-2</v>
      </c>
    </row>
    <row r="72853" spans="1:7" x14ac:dyDescent="0.3">
      <c r="A72853" s="13" t="s">
        <v>374</v>
      </c>
      <c r="B72853" s="14" t="s">
        <v>1</v>
      </c>
      <c r="C72853" s="14" t="s">
        <v>101</v>
      </c>
      <c r="D72853" s="14" t="s">
        <v>155</v>
      </c>
      <c r="E72853" s="15">
        <v>45594</v>
      </c>
      <c r="F72853" s="14" t="s">
        <v>25</v>
      </c>
      <c r="G72853" s="16">
        <v>3.4846944476564522E-2</v>
      </c>
    </row>
    <row r="72854" spans="1:7" x14ac:dyDescent="0.3">
      <c r="A72854" s="13" t="s">
        <v>374</v>
      </c>
      <c r="B72854" s="14" t="s">
        <v>1</v>
      </c>
      <c r="C72854" s="14" t="s">
        <v>101</v>
      </c>
      <c r="D72854" s="14" t="s">
        <v>155</v>
      </c>
      <c r="E72854" s="15">
        <v>45595</v>
      </c>
      <c r="F72854" s="14" t="s">
        <v>25</v>
      </c>
      <c r="G72854" s="16">
        <v>1.3924055313394629E-2</v>
      </c>
    </row>
    <row r="72855" spans="1:7" x14ac:dyDescent="0.3">
      <c r="A72855" s="13" t="s">
        <v>374</v>
      </c>
      <c r="B72855" s="14" t="s">
        <v>1</v>
      </c>
      <c r="C72855" s="14" t="s">
        <v>101</v>
      </c>
      <c r="D72855" s="14" t="s">
        <v>155</v>
      </c>
      <c r="E72855" s="15">
        <v>45596</v>
      </c>
      <c r="F72855" s="14" t="s">
        <v>25</v>
      </c>
      <c r="G72855" s="16">
        <v>7.9262477643026776E-3</v>
      </c>
    </row>
    <row r="72856" spans="1:7" x14ac:dyDescent="0.3">
      <c r="A72856" s="13" t="s">
        <v>374</v>
      </c>
      <c r="B72856" s="14" t="s">
        <v>1</v>
      </c>
      <c r="C72856" s="14" t="s">
        <v>101</v>
      </c>
      <c r="D72856" s="14" t="s">
        <v>155</v>
      </c>
      <c r="E72856" s="15">
        <v>45597</v>
      </c>
      <c r="F72856" s="14" t="s">
        <v>25</v>
      </c>
      <c r="G72856" s="16">
        <v>1.4891730087973872E-2</v>
      </c>
    </row>
    <row r="72857" spans="1:7" x14ac:dyDescent="0.3">
      <c r="A72857" s="13" t="s">
        <v>374</v>
      </c>
      <c r="B72857" s="14" t="s">
        <v>1</v>
      </c>
      <c r="C72857" s="14" t="s">
        <v>101</v>
      </c>
      <c r="D72857" s="14" t="s">
        <v>155</v>
      </c>
      <c r="E72857" s="15">
        <v>45598</v>
      </c>
      <c r="F72857" s="14" t="s">
        <v>25</v>
      </c>
      <c r="G72857" s="16">
        <v>1.4891730087973872E-2</v>
      </c>
    </row>
    <row r="72858" spans="1:7" x14ac:dyDescent="0.3">
      <c r="A72858" s="13" t="s">
        <v>374</v>
      </c>
      <c r="B72858" s="14" t="s">
        <v>1</v>
      </c>
      <c r="C72858" s="14" t="s">
        <v>101</v>
      </c>
      <c r="D72858" s="14" t="s">
        <v>155</v>
      </c>
      <c r="E72858" s="15">
        <v>45599</v>
      </c>
      <c r="F72858" s="14" t="s">
        <v>25</v>
      </c>
      <c r="G72858" s="16">
        <v>1.4891730087973872E-2</v>
      </c>
    </row>
    <row r="72859" spans="1:7" x14ac:dyDescent="0.3">
      <c r="A72859" s="13" t="s">
        <v>374</v>
      </c>
      <c r="B72859" s="14" t="s">
        <v>1</v>
      </c>
      <c r="C72859" s="14" t="s">
        <v>101</v>
      </c>
      <c r="D72859" s="14" t="s">
        <v>155</v>
      </c>
      <c r="E72859" s="15">
        <v>45600</v>
      </c>
      <c r="F72859" s="14" t="s">
        <v>25</v>
      </c>
      <c r="G72859" s="16">
        <v>9.4302742061811839E-3</v>
      </c>
    </row>
    <row r="72860" spans="1:7" x14ac:dyDescent="0.3">
      <c r="A72860" s="13" t="s">
        <v>374</v>
      </c>
      <c r="B72860" s="14" t="s">
        <v>1</v>
      </c>
      <c r="C72860" s="14" t="s">
        <v>101</v>
      </c>
      <c r="D72860" s="14" t="s">
        <v>155</v>
      </c>
      <c r="E72860" s="15">
        <v>45601</v>
      </c>
      <c r="F72860" s="14" t="s">
        <v>25</v>
      </c>
      <c r="G72860" s="16">
        <v>0</v>
      </c>
    </row>
    <row r="72861" spans="1:7" x14ac:dyDescent="0.3">
      <c r="A72861" s="13" t="s">
        <v>374</v>
      </c>
      <c r="B72861" s="14" t="s">
        <v>1</v>
      </c>
      <c r="C72861" s="14" t="s">
        <v>101</v>
      </c>
      <c r="D72861" s="14" t="s">
        <v>155</v>
      </c>
      <c r="E72861" s="15">
        <v>45602</v>
      </c>
      <c r="F72861" s="14" t="s">
        <v>25</v>
      </c>
      <c r="G72861" s="16">
        <v>0</v>
      </c>
    </row>
    <row r="72862" spans="1:7" x14ac:dyDescent="0.3">
      <c r="A72862" s="13" t="s">
        <v>374</v>
      </c>
      <c r="B72862" s="14" t="s">
        <v>1</v>
      </c>
      <c r="C72862" s="14" t="s">
        <v>101</v>
      </c>
      <c r="D72862" s="14" t="s">
        <v>155</v>
      </c>
      <c r="E72862" s="15">
        <v>45603</v>
      </c>
      <c r="F72862" s="14" t="s">
        <v>25</v>
      </c>
      <c r="G72862" s="16">
        <v>0</v>
      </c>
    </row>
    <row r="72863" spans="1:7" x14ac:dyDescent="0.3">
      <c r="A72863" s="13" t="s">
        <v>374</v>
      </c>
      <c r="B72863" s="14" t="s">
        <v>1</v>
      </c>
      <c r="C72863" s="14" t="s">
        <v>101</v>
      </c>
      <c r="D72863" s="14" t="s">
        <v>155</v>
      </c>
      <c r="E72863" s="15">
        <v>45604</v>
      </c>
      <c r="F72863" s="14" t="s">
        <v>25</v>
      </c>
      <c r="G72863" s="16">
        <v>0</v>
      </c>
    </row>
    <row r="72864" spans="1:7" x14ac:dyDescent="0.3">
      <c r="A72864" s="13" t="s">
        <v>374</v>
      </c>
      <c r="B72864" s="14" t="s">
        <v>1</v>
      </c>
      <c r="C72864" s="14" t="s">
        <v>101</v>
      </c>
      <c r="D72864" s="14" t="s">
        <v>155</v>
      </c>
      <c r="E72864" s="15">
        <v>45605</v>
      </c>
      <c r="F72864" s="14" t="s">
        <v>25</v>
      </c>
      <c r="G72864" s="16">
        <v>0</v>
      </c>
    </row>
    <row r="72865" spans="1:7" x14ac:dyDescent="0.3">
      <c r="A72865" s="13" t="s">
        <v>374</v>
      </c>
      <c r="B72865" s="14" t="s">
        <v>1</v>
      </c>
      <c r="C72865" s="14" t="s">
        <v>101</v>
      </c>
      <c r="D72865" s="14" t="s">
        <v>155</v>
      </c>
      <c r="E72865" s="15">
        <v>45606</v>
      </c>
      <c r="F72865" s="14" t="s">
        <v>25</v>
      </c>
      <c r="G72865" s="16">
        <v>0</v>
      </c>
    </row>
    <row r="72866" spans="1:7" x14ac:dyDescent="0.3">
      <c r="A72866" s="13" t="s">
        <v>374</v>
      </c>
      <c r="B72866" s="14" t="s">
        <v>1</v>
      </c>
      <c r="C72866" s="14" t="s">
        <v>101</v>
      </c>
      <c r="D72866" s="14" t="s">
        <v>155</v>
      </c>
      <c r="E72866" s="15">
        <v>45607</v>
      </c>
      <c r="F72866" s="14" t="s">
        <v>25</v>
      </c>
      <c r="G72866" s="16">
        <v>0</v>
      </c>
    </row>
    <row r="72867" spans="1:7" x14ac:dyDescent="0.3">
      <c r="A72867" s="13" t="s">
        <v>374</v>
      </c>
      <c r="B72867" s="14" t="s">
        <v>1</v>
      </c>
      <c r="C72867" s="14" t="s">
        <v>101</v>
      </c>
      <c r="D72867" s="14" t="s">
        <v>155</v>
      </c>
      <c r="E72867" s="15">
        <v>45608</v>
      </c>
      <c r="F72867" s="14" t="s">
        <v>25</v>
      </c>
      <c r="G72867" s="16">
        <v>0</v>
      </c>
    </row>
    <row r="72868" spans="1:7" x14ac:dyDescent="0.3">
      <c r="A72868" s="13" t="s">
        <v>374</v>
      </c>
      <c r="B72868" s="14" t="s">
        <v>1</v>
      </c>
      <c r="C72868" s="14" t="s">
        <v>101</v>
      </c>
      <c r="D72868" s="14" t="s">
        <v>155</v>
      </c>
      <c r="E72868" s="15">
        <v>45609</v>
      </c>
      <c r="F72868" s="14" t="s">
        <v>25</v>
      </c>
      <c r="G72868" s="16">
        <v>0</v>
      </c>
    </row>
    <row r="72869" spans="1:7" x14ac:dyDescent="0.3">
      <c r="A72869" s="13" t="s">
        <v>374</v>
      </c>
      <c r="B72869" s="14" t="s">
        <v>1</v>
      </c>
      <c r="C72869" s="14" t="s">
        <v>101</v>
      </c>
      <c r="D72869" s="14" t="s">
        <v>155</v>
      </c>
      <c r="E72869" s="15">
        <v>45610</v>
      </c>
      <c r="F72869" s="14" t="s">
        <v>25</v>
      </c>
      <c r="G72869" s="16">
        <v>0</v>
      </c>
    </row>
    <row r="72870" spans="1:7" x14ac:dyDescent="0.3">
      <c r="A72870" s="13" t="s">
        <v>374</v>
      </c>
      <c r="B72870" s="14" t="s">
        <v>1</v>
      </c>
      <c r="C72870" s="14" t="s">
        <v>101</v>
      </c>
      <c r="D72870" s="14" t="s">
        <v>155</v>
      </c>
      <c r="E72870" s="15">
        <v>45611</v>
      </c>
      <c r="F72870" s="14" t="s">
        <v>25</v>
      </c>
      <c r="G72870" s="16">
        <v>0</v>
      </c>
    </row>
    <row r="72871" spans="1:7" x14ac:dyDescent="0.3">
      <c r="A72871" s="13" t="s">
        <v>374</v>
      </c>
      <c r="B72871" s="14" t="s">
        <v>1</v>
      </c>
      <c r="C72871" s="14" t="s">
        <v>101</v>
      </c>
      <c r="D72871" s="14" t="s">
        <v>155</v>
      </c>
      <c r="E72871" s="15">
        <v>45612</v>
      </c>
      <c r="F72871" s="14" t="s">
        <v>25</v>
      </c>
      <c r="G72871" s="16">
        <v>0</v>
      </c>
    </row>
    <row r="72872" spans="1:7" x14ac:dyDescent="0.3">
      <c r="A72872" s="13" t="s">
        <v>374</v>
      </c>
      <c r="B72872" s="14" t="s">
        <v>1</v>
      </c>
      <c r="C72872" s="14" t="s">
        <v>101</v>
      </c>
      <c r="D72872" s="14" t="s">
        <v>155</v>
      </c>
      <c r="E72872" s="15">
        <v>45613</v>
      </c>
      <c r="F72872" s="14" t="s">
        <v>25</v>
      </c>
      <c r="G72872" s="16">
        <v>0</v>
      </c>
    </row>
    <row r="72873" spans="1:7" x14ac:dyDescent="0.3">
      <c r="A72873" s="13" t="s">
        <v>374</v>
      </c>
      <c r="B72873" s="14" t="s">
        <v>1</v>
      </c>
      <c r="C72873" s="14" t="s">
        <v>101</v>
      </c>
      <c r="D72873" s="14" t="s">
        <v>155</v>
      </c>
      <c r="E72873" s="15">
        <v>45614</v>
      </c>
      <c r="F72873" s="14" t="s">
        <v>25</v>
      </c>
      <c r="G72873" s="16">
        <v>0</v>
      </c>
    </row>
    <row r="72874" spans="1:7" x14ac:dyDescent="0.3">
      <c r="A72874" s="13" t="s">
        <v>374</v>
      </c>
      <c r="B72874" s="14" t="s">
        <v>1</v>
      </c>
      <c r="C72874" s="14" t="s">
        <v>101</v>
      </c>
      <c r="D72874" s="14" t="s">
        <v>155</v>
      </c>
      <c r="E72874" s="15">
        <v>45615</v>
      </c>
      <c r="F72874" s="14" t="s">
        <v>25</v>
      </c>
      <c r="G72874" s="16">
        <v>0</v>
      </c>
    </row>
    <row r="72875" spans="1:7" x14ac:dyDescent="0.3">
      <c r="A72875" s="13" t="s">
        <v>374</v>
      </c>
      <c r="B72875" s="14" t="s">
        <v>1</v>
      </c>
      <c r="C72875" s="14" t="s">
        <v>101</v>
      </c>
      <c r="D72875" s="14" t="s">
        <v>155</v>
      </c>
      <c r="E72875" s="15">
        <v>45616</v>
      </c>
      <c r="F72875" s="14" t="s">
        <v>25</v>
      </c>
      <c r="G72875" s="16">
        <v>0</v>
      </c>
    </row>
    <row r="72876" spans="1:7" x14ac:dyDescent="0.3">
      <c r="A72876" s="13" t="s">
        <v>374</v>
      </c>
      <c r="B72876" s="14" t="s">
        <v>1</v>
      </c>
      <c r="C72876" s="14" t="s">
        <v>101</v>
      </c>
      <c r="D72876" s="14" t="s">
        <v>155</v>
      </c>
      <c r="E72876" s="15">
        <v>45617</v>
      </c>
      <c r="F72876" s="14" t="s">
        <v>25</v>
      </c>
      <c r="G72876" s="16">
        <v>0</v>
      </c>
    </row>
    <row r="72877" spans="1:7" x14ac:dyDescent="0.3">
      <c r="A72877" s="13" t="s">
        <v>374</v>
      </c>
      <c r="B72877" s="14" t="s">
        <v>1</v>
      </c>
      <c r="C72877" s="14" t="s">
        <v>101</v>
      </c>
      <c r="D72877" s="14" t="s">
        <v>155</v>
      </c>
      <c r="E72877" s="15">
        <v>45618</v>
      </c>
      <c r="F72877" s="14" t="s">
        <v>25</v>
      </c>
      <c r="G72877" s="16">
        <v>0</v>
      </c>
    </row>
    <row r="72878" spans="1:7" x14ac:dyDescent="0.3">
      <c r="A72878" s="13" t="s">
        <v>374</v>
      </c>
      <c r="B72878" s="14" t="s">
        <v>1</v>
      </c>
      <c r="C72878" s="14" t="s">
        <v>101</v>
      </c>
      <c r="D72878" s="14" t="s">
        <v>155</v>
      </c>
      <c r="E72878" s="15">
        <v>45619</v>
      </c>
      <c r="F72878" s="14" t="s">
        <v>25</v>
      </c>
      <c r="G72878" s="16">
        <v>0</v>
      </c>
    </row>
    <row r="72879" spans="1:7" x14ac:dyDescent="0.3">
      <c r="A72879" s="13" t="s">
        <v>374</v>
      </c>
      <c r="B72879" s="14" t="s">
        <v>1</v>
      </c>
      <c r="C72879" s="14" t="s">
        <v>101</v>
      </c>
      <c r="D72879" s="14" t="s">
        <v>155</v>
      </c>
      <c r="E72879" s="15">
        <v>45620</v>
      </c>
      <c r="F72879" s="14" t="s">
        <v>25</v>
      </c>
      <c r="G72879" s="16">
        <v>0</v>
      </c>
    </row>
    <row r="72880" spans="1:7" x14ac:dyDescent="0.3">
      <c r="A72880" s="13" t="s">
        <v>374</v>
      </c>
      <c r="B72880" s="14" t="s">
        <v>1</v>
      </c>
      <c r="C72880" s="14" t="s">
        <v>101</v>
      </c>
      <c r="D72880" s="14" t="s">
        <v>155</v>
      </c>
      <c r="E72880" s="15">
        <v>45621</v>
      </c>
      <c r="F72880" s="14" t="s">
        <v>25</v>
      </c>
      <c r="G72880" s="16">
        <v>0</v>
      </c>
    </row>
    <row r="72881" spans="1:7" x14ac:dyDescent="0.3">
      <c r="A72881" s="13" t="s">
        <v>374</v>
      </c>
      <c r="B72881" s="14" t="s">
        <v>1</v>
      </c>
      <c r="C72881" s="14" t="s">
        <v>101</v>
      </c>
      <c r="D72881" s="14" t="s">
        <v>155</v>
      </c>
      <c r="E72881" s="15">
        <v>45622</v>
      </c>
      <c r="F72881" s="14" t="s">
        <v>25</v>
      </c>
      <c r="G72881" s="16">
        <v>0</v>
      </c>
    </row>
    <row r="72882" spans="1:7" x14ac:dyDescent="0.3">
      <c r="A72882" s="13" t="s">
        <v>374</v>
      </c>
      <c r="B72882" s="14" t="s">
        <v>1</v>
      </c>
      <c r="C72882" s="14" t="s">
        <v>101</v>
      </c>
      <c r="D72882" s="14" t="s">
        <v>155</v>
      </c>
      <c r="E72882" s="15">
        <v>45623</v>
      </c>
      <c r="F72882" s="14" t="s">
        <v>25</v>
      </c>
      <c r="G72882" s="16">
        <v>0</v>
      </c>
    </row>
    <row r="72883" spans="1:7" x14ac:dyDescent="0.3">
      <c r="A72883" s="13" t="s">
        <v>374</v>
      </c>
      <c r="B72883" s="14" t="s">
        <v>1</v>
      </c>
      <c r="C72883" s="14" t="s">
        <v>101</v>
      </c>
      <c r="D72883" s="14" t="s">
        <v>155</v>
      </c>
      <c r="E72883" s="15">
        <v>45624</v>
      </c>
      <c r="F72883" s="14" t="s">
        <v>25</v>
      </c>
      <c r="G72883" s="16">
        <v>0</v>
      </c>
    </row>
    <row r="72884" spans="1:7" x14ac:dyDescent="0.3">
      <c r="A72884" s="13" t="s">
        <v>374</v>
      </c>
      <c r="B72884" s="14" t="s">
        <v>1</v>
      </c>
      <c r="C72884" s="14" t="s">
        <v>101</v>
      </c>
      <c r="D72884" s="14" t="s">
        <v>155</v>
      </c>
      <c r="E72884" s="15">
        <v>45625</v>
      </c>
      <c r="F72884" s="14" t="s">
        <v>25</v>
      </c>
      <c r="G72884" s="16">
        <v>0</v>
      </c>
    </row>
    <row r="72885" spans="1:7" x14ac:dyDescent="0.3">
      <c r="A72885" s="13" t="s">
        <v>374</v>
      </c>
      <c r="B72885" s="14" t="s">
        <v>1</v>
      </c>
      <c r="C72885" s="14" t="s">
        <v>101</v>
      </c>
      <c r="D72885" s="14" t="s">
        <v>155</v>
      </c>
      <c r="E72885" s="15">
        <v>45626</v>
      </c>
      <c r="F72885" s="14" t="s">
        <v>25</v>
      </c>
      <c r="G72885" s="16">
        <v>0</v>
      </c>
    </row>
    <row r="72886" spans="1:7" x14ac:dyDescent="0.3">
      <c r="A72886" s="13" t="s">
        <v>374</v>
      </c>
      <c r="B72886" s="14" t="s">
        <v>1</v>
      </c>
      <c r="C72886" s="14" t="s">
        <v>101</v>
      </c>
      <c r="D72886" s="14" t="s">
        <v>155</v>
      </c>
      <c r="E72886" s="15">
        <v>45627</v>
      </c>
      <c r="F72886" s="14" t="s">
        <v>25</v>
      </c>
      <c r="G72886" s="16">
        <v>0</v>
      </c>
    </row>
    <row r="72887" spans="1:7" x14ac:dyDescent="0.3">
      <c r="A72887" s="13" t="s">
        <v>374</v>
      </c>
      <c r="B72887" s="14" t="s">
        <v>1</v>
      </c>
      <c r="C72887" s="14" t="s">
        <v>101</v>
      </c>
      <c r="D72887" s="14" t="s">
        <v>155</v>
      </c>
      <c r="E72887" s="15">
        <v>45628</v>
      </c>
      <c r="F72887" s="14" t="s">
        <v>25</v>
      </c>
      <c r="G72887" s="16">
        <v>0</v>
      </c>
    </row>
    <row r="72888" spans="1:7" x14ac:dyDescent="0.3">
      <c r="A72888" s="13" t="s">
        <v>374</v>
      </c>
      <c r="B72888" s="14" t="s">
        <v>1</v>
      </c>
      <c r="C72888" s="14" t="s">
        <v>101</v>
      </c>
      <c r="D72888" s="14" t="s">
        <v>155</v>
      </c>
      <c r="E72888" s="15">
        <v>45629</v>
      </c>
      <c r="F72888" s="14" t="s">
        <v>25</v>
      </c>
      <c r="G72888" s="16">
        <v>0</v>
      </c>
    </row>
    <row r="72889" spans="1:7" x14ac:dyDescent="0.3">
      <c r="A72889" s="13" t="s">
        <v>374</v>
      </c>
      <c r="B72889" s="14" t="s">
        <v>1</v>
      </c>
      <c r="C72889" s="14" t="s">
        <v>101</v>
      </c>
      <c r="D72889" s="14" t="s">
        <v>155</v>
      </c>
      <c r="E72889" s="15">
        <v>45630</v>
      </c>
      <c r="F72889" s="14" t="s">
        <v>25</v>
      </c>
      <c r="G72889" s="16">
        <v>0</v>
      </c>
    </row>
    <row r="72890" spans="1:7" x14ac:dyDescent="0.3">
      <c r="A72890" s="13" t="s">
        <v>374</v>
      </c>
      <c r="B72890" s="14" t="s">
        <v>1</v>
      </c>
      <c r="C72890" s="14" t="s">
        <v>101</v>
      </c>
      <c r="D72890" s="14" t="s">
        <v>155</v>
      </c>
      <c r="E72890" s="15">
        <v>45631</v>
      </c>
      <c r="F72890" s="14" t="s">
        <v>25</v>
      </c>
      <c r="G72890" s="16">
        <v>0</v>
      </c>
    </row>
    <row r="72891" spans="1:7" x14ac:dyDescent="0.3">
      <c r="A72891" s="13" t="s">
        <v>374</v>
      </c>
      <c r="B72891" s="14" t="s">
        <v>1</v>
      </c>
      <c r="C72891" s="14" t="s">
        <v>101</v>
      </c>
      <c r="D72891" s="14" t="s">
        <v>155</v>
      </c>
      <c r="E72891" s="15">
        <v>45632</v>
      </c>
      <c r="F72891" s="14" t="s">
        <v>25</v>
      </c>
      <c r="G72891" s="16">
        <v>0</v>
      </c>
    </row>
    <row r="72892" spans="1:7" x14ac:dyDescent="0.3">
      <c r="A72892" s="13" t="s">
        <v>374</v>
      </c>
      <c r="B72892" s="14" t="s">
        <v>1</v>
      </c>
      <c r="C72892" s="14" t="s">
        <v>101</v>
      </c>
      <c r="D72892" s="14" t="s">
        <v>155</v>
      </c>
      <c r="E72892" s="15">
        <v>45633</v>
      </c>
      <c r="F72892" s="14" t="s">
        <v>25</v>
      </c>
      <c r="G72892" s="16">
        <v>0</v>
      </c>
    </row>
    <row r="72893" spans="1:7" x14ac:dyDescent="0.3">
      <c r="A72893" s="13" t="s">
        <v>374</v>
      </c>
      <c r="B72893" s="14" t="s">
        <v>1</v>
      </c>
      <c r="C72893" s="14" t="s">
        <v>101</v>
      </c>
      <c r="D72893" s="14" t="s">
        <v>155</v>
      </c>
      <c r="E72893" s="15">
        <v>45634</v>
      </c>
      <c r="F72893" s="14" t="s">
        <v>25</v>
      </c>
      <c r="G72893" s="16">
        <v>0</v>
      </c>
    </row>
    <row r="72894" spans="1:7" x14ac:dyDescent="0.3">
      <c r="A72894" s="13" t="s">
        <v>374</v>
      </c>
      <c r="B72894" s="14" t="s">
        <v>1</v>
      </c>
      <c r="C72894" s="14" t="s">
        <v>101</v>
      </c>
      <c r="D72894" s="14" t="s">
        <v>155</v>
      </c>
      <c r="E72894" s="15">
        <v>45635</v>
      </c>
      <c r="F72894" s="14" t="s">
        <v>25</v>
      </c>
      <c r="G72894" s="16">
        <v>0</v>
      </c>
    </row>
    <row r="72895" spans="1:7" x14ac:dyDescent="0.3">
      <c r="A72895" s="13" t="s">
        <v>374</v>
      </c>
      <c r="B72895" s="14" t="s">
        <v>1</v>
      </c>
      <c r="C72895" s="14" t="s">
        <v>101</v>
      </c>
      <c r="D72895" s="14" t="s">
        <v>155</v>
      </c>
      <c r="E72895" s="15">
        <v>45636</v>
      </c>
      <c r="F72895" s="14" t="s">
        <v>25</v>
      </c>
      <c r="G72895" s="16">
        <v>0</v>
      </c>
    </row>
    <row r="72896" spans="1:7" x14ac:dyDescent="0.3">
      <c r="A72896" s="13" t="s">
        <v>374</v>
      </c>
      <c r="B72896" s="14" t="s">
        <v>1</v>
      </c>
      <c r="C72896" s="14" t="s">
        <v>101</v>
      </c>
      <c r="D72896" s="14" t="s">
        <v>155</v>
      </c>
      <c r="E72896" s="15">
        <v>45637</v>
      </c>
      <c r="F72896" s="14" t="s">
        <v>25</v>
      </c>
      <c r="G72896" s="16">
        <v>0</v>
      </c>
    </row>
    <row r="72897" spans="1:7" x14ac:dyDescent="0.3">
      <c r="A72897" s="13" t="s">
        <v>374</v>
      </c>
      <c r="B72897" s="14" t="s">
        <v>1</v>
      </c>
      <c r="C72897" s="14" t="s">
        <v>101</v>
      </c>
      <c r="D72897" s="14" t="s">
        <v>155</v>
      </c>
      <c r="E72897" s="15">
        <v>45638</v>
      </c>
      <c r="F72897" s="14" t="s">
        <v>25</v>
      </c>
      <c r="G72897" s="16">
        <v>0</v>
      </c>
    </row>
    <row r="72898" spans="1:7" x14ac:dyDescent="0.3">
      <c r="A72898" s="13" t="s">
        <v>374</v>
      </c>
      <c r="B72898" s="14" t="s">
        <v>1</v>
      </c>
      <c r="C72898" s="14" t="s">
        <v>101</v>
      </c>
      <c r="D72898" s="14" t="s">
        <v>155</v>
      </c>
      <c r="E72898" s="15">
        <v>45639</v>
      </c>
      <c r="F72898" s="14" t="s">
        <v>25</v>
      </c>
      <c r="G72898" s="16">
        <v>0</v>
      </c>
    </row>
    <row r="72899" spans="1:7" x14ac:dyDescent="0.3">
      <c r="A72899" s="13" t="s">
        <v>374</v>
      </c>
      <c r="B72899" s="14" t="s">
        <v>1</v>
      </c>
      <c r="C72899" s="14" t="s">
        <v>101</v>
      </c>
      <c r="D72899" s="14" t="s">
        <v>155</v>
      </c>
      <c r="E72899" s="15">
        <v>45640</v>
      </c>
      <c r="F72899" s="14" t="s">
        <v>25</v>
      </c>
      <c r="G72899" s="16">
        <v>0</v>
      </c>
    </row>
    <row r="72900" spans="1:7" x14ac:dyDescent="0.3">
      <c r="A72900" s="13" t="s">
        <v>374</v>
      </c>
      <c r="B72900" s="14" t="s">
        <v>1</v>
      </c>
      <c r="C72900" s="14" t="s">
        <v>101</v>
      </c>
      <c r="D72900" s="14" t="s">
        <v>155</v>
      </c>
      <c r="E72900" s="15">
        <v>45641</v>
      </c>
      <c r="F72900" s="14" t="s">
        <v>25</v>
      </c>
      <c r="G72900" s="16">
        <v>0</v>
      </c>
    </row>
    <row r="72901" spans="1:7" x14ac:dyDescent="0.3">
      <c r="A72901" s="13" t="s">
        <v>374</v>
      </c>
      <c r="B72901" s="14" t="s">
        <v>1</v>
      </c>
      <c r="C72901" s="14" t="s">
        <v>101</v>
      </c>
      <c r="D72901" s="14" t="s">
        <v>155</v>
      </c>
      <c r="E72901" s="15">
        <v>45642</v>
      </c>
      <c r="F72901" s="14" t="s">
        <v>25</v>
      </c>
      <c r="G72901" s="16">
        <v>0</v>
      </c>
    </row>
    <row r="72902" spans="1:7" x14ac:dyDescent="0.3">
      <c r="A72902" s="13" t="s">
        <v>374</v>
      </c>
      <c r="B72902" s="14" t="s">
        <v>1</v>
      </c>
      <c r="C72902" s="14" t="s">
        <v>101</v>
      </c>
      <c r="D72902" s="14" t="s">
        <v>155</v>
      </c>
      <c r="E72902" s="15">
        <v>45643</v>
      </c>
      <c r="F72902" s="14" t="s">
        <v>25</v>
      </c>
      <c r="G72902" s="16">
        <v>0</v>
      </c>
    </row>
    <row r="72903" spans="1:7" x14ac:dyDescent="0.3">
      <c r="A72903" s="13" t="s">
        <v>374</v>
      </c>
      <c r="B72903" s="14" t="s">
        <v>1</v>
      </c>
      <c r="C72903" s="14" t="s">
        <v>101</v>
      </c>
      <c r="D72903" s="14" t="s">
        <v>155</v>
      </c>
      <c r="E72903" s="15">
        <v>45644</v>
      </c>
      <c r="F72903" s="14" t="s">
        <v>25</v>
      </c>
      <c r="G72903" s="16">
        <v>0</v>
      </c>
    </row>
    <row r="72904" spans="1:7" x14ac:dyDescent="0.3">
      <c r="A72904" s="13" t="s">
        <v>374</v>
      </c>
      <c r="B72904" s="14" t="s">
        <v>1</v>
      </c>
      <c r="C72904" s="14" t="s">
        <v>101</v>
      </c>
      <c r="D72904" s="14" t="s">
        <v>155</v>
      </c>
      <c r="E72904" s="15">
        <v>45645</v>
      </c>
      <c r="F72904" s="14" t="s">
        <v>25</v>
      </c>
      <c r="G72904" s="16">
        <v>0</v>
      </c>
    </row>
    <row r="72905" spans="1:7" x14ac:dyDescent="0.3">
      <c r="A72905" s="13" t="s">
        <v>374</v>
      </c>
      <c r="B72905" s="14" t="s">
        <v>1</v>
      </c>
      <c r="C72905" s="14" t="s">
        <v>101</v>
      </c>
      <c r="D72905" s="14" t="s">
        <v>155</v>
      </c>
      <c r="E72905" s="15">
        <v>45646</v>
      </c>
      <c r="F72905" s="14" t="s">
        <v>25</v>
      </c>
      <c r="G72905" s="16">
        <v>0</v>
      </c>
    </row>
    <row r="72906" spans="1:7" x14ac:dyDescent="0.3">
      <c r="A72906" s="13" t="s">
        <v>374</v>
      </c>
      <c r="B72906" s="14" t="s">
        <v>1</v>
      </c>
      <c r="C72906" s="14" t="s">
        <v>101</v>
      </c>
      <c r="D72906" s="14" t="s">
        <v>155</v>
      </c>
      <c r="E72906" s="15">
        <v>45647</v>
      </c>
      <c r="F72906" s="14" t="s">
        <v>25</v>
      </c>
      <c r="G72906" s="16">
        <v>0</v>
      </c>
    </row>
    <row r="72907" spans="1:7" x14ac:dyDescent="0.3">
      <c r="A72907" s="13" t="s">
        <v>374</v>
      </c>
      <c r="B72907" s="14" t="s">
        <v>1</v>
      </c>
      <c r="C72907" s="14" t="s">
        <v>101</v>
      </c>
      <c r="D72907" s="14" t="s">
        <v>155</v>
      </c>
      <c r="E72907" s="15">
        <v>45648</v>
      </c>
      <c r="F72907" s="14" t="s">
        <v>25</v>
      </c>
      <c r="G72907" s="16">
        <v>0</v>
      </c>
    </row>
    <row r="72908" spans="1:7" x14ac:dyDescent="0.3">
      <c r="A72908" s="13" t="s">
        <v>374</v>
      </c>
      <c r="B72908" s="14" t="s">
        <v>1</v>
      </c>
      <c r="C72908" s="14" t="s">
        <v>101</v>
      </c>
      <c r="D72908" s="14" t="s">
        <v>155</v>
      </c>
      <c r="E72908" s="15">
        <v>45649</v>
      </c>
      <c r="F72908" s="14" t="s">
        <v>25</v>
      </c>
      <c r="G72908" s="16">
        <v>0</v>
      </c>
    </row>
    <row r="72909" spans="1:7" x14ac:dyDescent="0.3">
      <c r="A72909" s="13" t="s">
        <v>374</v>
      </c>
      <c r="B72909" s="14" t="s">
        <v>1</v>
      </c>
      <c r="C72909" s="14" t="s">
        <v>101</v>
      </c>
      <c r="D72909" s="14" t="s">
        <v>155</v>
      </c>
      <c r="E72909" s="15">
        <v>45650</v>
      </c>
      <c r="F72909" s="14" t="s">
        <v>25</v>
      </c>
      <c r="G72909" s="16">
        <v>0</v>
      </c>
    </row>
    <row r="72910" spans="1:7" x14ac:dyDescent="0.3">
      <c r="A72910" s="13" t="s">
        <v>374</v>
      </c>
      <c r="B72910" s="14" t="s">
        <v>1</v>
      </c>
      <c r="C72910" s="14" t="s">
        <v>101</v>
      </c>
      <c r="D72910" s="14" t="s">
        <v>155</v>
      </c>
      <c r="E72910" s="15">
        <v>45651</v>
      </c>
      <c r="F72910" s="14" t="s">
        <v>25</v>
      </c>
      <c r="G72910" s="16">
        <v>0</v>
      </c>
    </row>
    <row r="72911" spans="1:7" x14ac:dyDescent="0.3">
      <c r="A72911" s="13" t="s">
        <v>374</v>
      </c>
      <c r="B72911" s="14" t="s">
        <v>1</v>
      </c>
      <c r="C72911" s="14" t="s">
        <v>101</v>
      </c>
      <c r="D72911" s="14" t="s">
        <v>155</v>
      </c>
      <c r="E72911" s="15">
        <v>45652</v>
      </c>
      <c r="F72911" s="14" t="s">
        <v>25</v>
      </c>
      <c r="G72911" s="16">
        <v>0</v>
      </c>
    </row>
    <row r="72912" spans="1:7" x14ac:dyDescent="0.3">
      <c r="A72912" s="13" t="s">
        <v>374</v>
      </c>
      <c r="B72912" s="14" t="s">
        <v>1</v>
      </c>
      <c r="C72912" s="14" t="s">
        <v>101</v>
      </c>
      <c r="D72912" s="14" t="s">
        <v>155</v>
      </c>
      <c r="E72912" s="15">
        <v>45653</v>
      </c>
      <c r="F72912" s="14" t="s">
        <v>25</v>
      </c>
      <c r="G72912" s="16">
        <v>0</v>
      </c>
    </row>
    <row r="72913" spans="1:7" x14ac:dyDescent="0.3">
      <c r="A72913" s="13" t="s">
        <v>374</v>
      </c>
      <c r="B72913" s="14" t="s">
        <v>1</v>
      </c>
      <c r="C72913" s="14" t="s">
        <v>101</v>
      </c>
      <c r="D72913" s="14" t="s">
        <v>155</v>
      </c>
      <c r="E72913" s="15">
        <v>45654</v>
      </c>
      <c r="F72913" s="14" t="s">
        <v>25</v>
      </c>
      <c r="G72913" s="16">
        <v>0</v>
      </c>
    </row>
    <row r="72914" spans="1:7" x14ac:dyDescent="0.3">
      <c r="A72914" s="13" t="s">
        <v>374</v>
      </c>
      <c r="B72914" s="14" t="s">
        <v>1</v>
      </c>
      <c r="C72914" s="14" t="s">
        <v>101</v>
      </c>
      <c r="D72914" s="14" t="s">
        <v>155</v>
      </c>
      <c r="E72914" s="15">
        <v>45655</v>
      </c>
      <c r="F72914" s="14" t="s">
        <v>25</v>
      </c>
      <c r="G72914" s="16">
        <v>0</v>
      </c>
    </row>
    <row r="72915" spans="1:7" x14ac:dyDescent="0.3">
      <c r="A72915" s="13" t="s">
        <v>374</v>
      </c>
      <c r="B72915" s="14" t="s">
        <v>1</v>
      </c>
      <c r="C72915" s="14" t="s">
        <v>101</v>
      </c>
      <c r="D72915" s="14" t="s">
        <v>155</v>
      </c>
      <c r="E72915" s="15">
        <v>45656</v>
      </c>
      <c r="F72915" s="14" t="s">
        <v>25</v>
      </c>
      <c r="G72915" s="16">
        <v>0</v>
      </c>
    </row>
    <row r="72916" spans="1:7" x14ac:dyDescent="0.3">
      <c r="A72916" s="13" t="s">
        <v>374</v>
      </c>
      <c r="B72916" s="14" t="s">
        <v>1</v>
      </c>
      <c r="C72916" s="14" t="s">
        <v>101</v>
      </c>
      <c r="D72916" s="14" t="s">
        <v>155</v>
      </c>
      <c r="E72916" s="15">
        <v>45657</v>
      </c>
      <c r="F72916" s="14" t="s">
        <v>25</v>
      </c>
      <c r="G72916" s="16">
        <v>0</v>
      </c>
    </row>
    <row r="72917" spans="1:7" x14ac:dyDescent="0.3">
      <c r="A72917" s="13" t="s">
        <v>374</v>
      </c>
      <c r="B72917" s="14" t="s">
        <v>1</v>
      </c>
      <c r="C72917" s="14" t="s">
        <v>101</v>
      </c>
      <c r="D72917" s="14" t="s">
        <v>155</v>
      </c>
      <c r="E72917" s="15">
        <v>45658</v>
      </c>
      <c r="F72917" s="14" t="s">
        <v>25</v>
      </c>
      <c r="G72917" s="16">
        <v>0</v>
      </c>
    </row>
    <row r="72918" spans="1:7" x14ac:dyDescent="0.3">
      <c r="A72918" s="13" t="s">
        <v>374</v>
      </c>
      <c r="B72918" s="14" t="s">
        <v>1</v>
      </c>
      <c r="C72918" s="14" t="s">
        <v>101</v>
      </c>
      <c r="D72918" s="14" t="s">
        <v>155</v>
      </c>
      <c r="E72918" s="15">
        <v>45659</v>
      </c>
      <c r="F72918" s="14" t="s">
        <v>25</v>
      </c>
      <c r="G72918" s="16">
        <v>0</v>
      </c>
    </row>
    <row r="72919" spans="1:7" x14ac:dyDescent="0.3">
      <c r="A72919" s="13" t="s">
        <v>374</v>
      </c>
      <c r="B72919" s="14" t="s">
        <v>1</v>
      </c>
      <c r="C72919" s="14" t="s">
        <v>101</v>
      </c>
      <c r="D72919" s="14" t="s">
        <v>155</v>
      </c>
      <c r="E72919" s="15">
        <v>45660</v>
      </c>
      <c r="F72919" s="14" t="s">
        <v>25</v>
      </c>
      <c r="G72919" s="16">
        <v>0</v>
      </c>
    </row>
    <row r="72920" spans="1:7" x14ac:dyDescent="0.3">
      <c r="A72920" s="13" t="s">
        <v>374</v>
      </c>
      <c r="B72920" s="14" t="s">
        <v>1</v>
      </c>
      <c r="C72920" s="14" t="s">
        <v>101</v>
      </c>
      <c r="D72920" s="14" t="s">
        <v>155</v>
      </c>
      <c r="E72920" s="15">
        <v>45661</v>
      </c>
      <c r="F72920" s="14" t="s">
        <v>25</v>
      </c>
      <c r="G72920" s="16">
        <v>0</v>
      </c>
    </row>
    <row r="72921" spans="1:7" x14ac:dyDescent="0.3">
      <c r="A72921" s="13" t="s">
        <v>374</v>
      </c>
      <c r="B72921" s="14" t="s">
        <v>1</v>
      </c>
      <c r="C72921" s="14" t="s">
        <v>101</v>
      </c>
      <c r="D72921" s="14" t="s">
        <v>155</v>
      </c>
      <c r="E72921" s="15">
        <v>45662</v>
      </c>
      <c r="F72921" s="14" t="s">
        <v>25</v>
      </c>
      <c r="G72921" s="16">
        <v>0</v>
      </c>
    </row>
    <row r="72922" spans="1:7" x14ac:dyDescent="0.3">
      <c r="A72922" s="13" t="s">
        <v>374</v>
      </c>
      <c r="B72922" s="14" t="s">
        <v>1</v>
      </c>
      <c r="C72922" s="14" t="s">
        <v>101</v>
      </c>
      <c r="D72922" s="14" t="s">
        <v>155</v>
      </c>
      <c r="E72922" s="15">
        <v>45663</v>
      </c>
      <c r="F72922" s="14" t="s">
        <v>25</v>
      </c>
      <c r="G72922" s="16">
        <v>0</v>
      </c>
    </row>
    <row r="72923" spans="1:7" x14ac:dyDescent="0.3">
      <c r="A72923" s="13" t="s">
        <v>374</v>
      </c>
      <c r="B72923" s="14" t="s">
        <v>1</v>
      </c>
      <c r="C72923" s="14" t="s">
        <v>101</v>
      </c>
      <c r="D72923" s="14" t="s">
        <v>155</v>
      </c>
      <c r="E72923" s="15">
        <v>45664</v>
      </c>
      <c r="F72923" s="14" t="s">
        <v>25</v>
      </c>
      <c r="G72923" s="16">
        <v>0</v>
      </c>
    </row>
    <row r="72924" spans="1:7" x14ac:dyDescent="0.3">
      <c r="A72924" s="13" t="s">
        <v>374</v>
      </c>
      <c r="B72924" s="14" t="s">
        <v>1</v>
      </c>
      <c r="C72924" s="14" t="s">
        <v>101</v>
      </c>
      <c r="D72924" s="14" t="s">
        <v>155</v>
      </c>
      <c r="E72924" s="15">
        <v>45665</v>
      </c>
      <c r="F72924" s="14" t="s">
        <v>25</v>
      </c>
      <c r="G72924" s="16">
        <v>0</v>
      </c>
    </row>
    <row r="72925" spans="1:7" x14ac:dyDescent="0.3">
      <c r="A72925" s="13" t="s">
        <v>374</v>
      </c>
      <c r="B72925" s="14" t="s">
        <v>1</v>
      </c>
      <c r="C72925" s="14" t="s">
        <v>101</v>
      </c>
      <c r="D72925" s="14" t="s">
        <v>155</v>
      </c>
      <c r="E72925" s="15">
        <v>45666</v>
      </c>
      <c r="F72925" s="14" t="s">
        <v>25</v>
      </c>
      <c r="G72925" s="16">
        <v>0</v>
      </c>
    </row>
    <row r="72926" spans="1:7" x14ac:dyDescent="0.3">
      <c r="A72926" s="13" t="s">
        <v>374</v>
      </c>
      <c r="B72926" s="14" t="s">
        <v>1</v>
      </c>
      <c r="C72926" s="14" t="s">
        <v>101</v>
      </c>
      <c r="D72926" s="14" t="s">
        <v>155</v>
      </c>
      <c r="E72926" s="15">
        <v>45667</v>
      </c>
      <c r="F72926" s="14" t="s">
        <v>25</v>
      </c>
      <c r="G72926" s="16">
        <v>0</v>
      </c>
    </row>
    <row r="72927" spans="1:7" x14ac:dyDescent="0.3">
      <c r="A72927" s="13" t="s">
        <v>374</v>
      </c>
      <c r="B72927" s="14" t="s">
        <v>1</v>
      </c>
      <c r="C72927" s="14" t="s">
        <v>101</v>
      </c>
      <c r="D72927" s="14" t="s">
        <v>155</v>
      </c>
      <c r="E72927" s="15">
        <v>45668</v>
      </c>
      <c r="F72927" s="14" t="s">
        <v>25</v>
      </c>
      <c r="G72927" s="16">
        <v>0</v>
      </c>
    </row>
    <row r="72928" spans="1:7" x14ac:dyDescent="0.3">
      <c r="A72928" s="13" t="s">
        <v>374</v>
      </c>
      <c r="B72928" s="14" t="s">
        <v>1</v>
      </c>
      <c r="C72928" s="14" t="s">
        <v>101</v>
      </c>
      <c r="D72928" s="14" t="s">
        <v>155</v>
      </c>
      <c r="E72928" s="15">
        <v>45669</v>
      </c>
      <c r="F72928" s="14" t="s">
        <v>25</v>
      </c>
      <c r="G72928" s="16">
        <v>0</v>
      </c>
    </row>
    <row r="72929" spans="1:7" x14ac:dyDescent="0.3">
      <c r="A72929" s="13" t="s">
        <v>374</v>
      </c>
      <c r="B72929" s="14" t="s">
        <v>1</v>
      </c>
      <c r="C72929" s="14" t="s">
        <v>101</v>
      </c>
      <c r="D72929" s="14" t="s">
        <v>155</v>
      </c>
      <c r="E72929" s="15">
        <v>45670</v>
      </c>
      <c r="F72929" s="14" t="s">
        <v>25</v>
      </c>
      <c r="G72929" s="16">
        <v>0</v>
      </c>
    </row>
    <row r="72930" spans="1:7" x14ac:dyDescent="0.3">
      <c r="A72930" s="13" t="s">
        <v>374</v>
      </c>
      <c r="B72930" s="14" t="s">
        <v>1</v>
      </c>
      <c r="C72930" s="14" t="s">
        <v>101</v>
      </c>
      <c r="D72930" s="14" t="s">
        <v>155</v>
      </c>
      <c r="E72930" s="15">
        <v>45671</v>
      </c>
      <c r="F72930" s="14" t="s">
        <v>25</v>
      </c>
      <c r="G72930" s="16">
        <v>0</v>
      </c>
    </row>
    <row r="72931" spans="1:7" x14ac:dyDescent="0.3">
      <c r="A72931" s="13" t="s">
        <v>374</v>
      </c>
      <c r="B72931" s="14" t="s">
        <v>1</v>
      </c>
      <c r="C72931" s="14" t="s">
        <v>101</v>
      </c>
      <c r="D72931" s="14" t="s">
        <v>155</v>
      </c>
      <c r="E72931" s="15">
        <v>45672</v>
      </c>
      <c r="F72931" s="14" t="s">
        <v>25</v>
      </c>
      <c r="G72931" s="16">
        <v>0</v>
      </c>
    </row>
    <row r="72932" spans="1:7" x14ac:dyDescent="0.3">
      <c r="A72932" s="13" t="s">
        <v>374</v>
      </c>
      <c r="B72932" s="14" t="s">
        <v>1</v>
      </c>
      <c r="C72932" s="14" t="s">
        <v>101</v>
      </c>
      <c r="D72932" s="14" t="s">
        <v>155</v>
      </c>
      <c r="E72932" s="15">
        <v>45673</v>
      </c>
      <c r="F72932" s="14" t="s">
        <v>25</v>
      </c>
      <c r="G72932" s="16">
        <v>0</v>
      </c>
    </row>
    <row r="72933" spans="1:7" x14ac:dyDescent="0.3">
      <c r="A72933" s="13" t="s">
        <v>374</v>
      </c>
      <c r="B72933" s="14" t="s">
        <v>1</v>
      </c>
      <c r="C72933" s="14" t="s">
        <v>101</v>
      </c>
      <c r="D72933" s="14" t="s">
        <v>155</v>
      </c>
      <c r="E72933" s="15">
        <v>45674</v>
      </c>
      <c r="F72933" s="14" t="s">
        <v>25</v>
      </c>
      <c r="G72933" s="16">
        <v>0</v>
      </c>
    </row>
    <row r="72934" spans="1:7" x14ac:dyDescent="0.3">
      <c r="A72934" s="13" t="s">
        <v>374</v>
      </c>
      <c r="B72934" s="14" t="s">
        <v>1</v>
      </c>
      <c r="C72934" s="14" t="s">
        <v>101</v>
      </c>
      <c r="D72934" s="14" t="s">
        <v>155</v>
      </c>
      <c r="E72934" s="15">
        <v>45675</v>
      </c>
      <c r="F72934" s="14" t="s">
        <v>25</v>
      </c>
      <c r="G72934" s="16">
        <v>0</v>
      </c>
    </row>
    <row r="72935" spans="1:7" x14ac:dyDescent="0.3">
      <c r="A72935" s="13" t="s">
        <v>374</v>
      </c>
      <c r="B72935" s="14" t="s">
        <v>1</v>
      </c>
      <c r="C72935" s="14" t="s">
        <v>101</v>
      </c>
      <c r="D72935" s="14" t="s">
        <v>155</v>
      </c>
      <c r="E72935" s="15">
        <v>45676</v>
      </c>
      <c r="F72935" s="14" t="s">
        <v>25</v>
      </c>
      <c r="G72935" s="16">
        <v>0</v>
      </c>
    </row>
    <row r="72936" spans="1:7" x14ac:dyDescent="0.3">
      <c r="A72936" s="13" t="s">
        <v>374</v>
      </c>
      <c r="B72936" s="14" t="s">
        <v>1</v>
      </c>
      <c r="C72936" s="14" t="s">
        <v>101</v>
      </c>
      <c r="D72936" s="14" t="s">
        <v>155</v>
      </c>
      <c r="E72936" s="15">
        <v>45677</v>
      </c>
      <c r="F72936" s="14" t="s">
        <v>25</v>
      </c>
      <c r="G72936" s="16">
        <v>0</v>
      </c>
    </row>
    <row r="72937" spans="1:7" x14ac:dyDescent="0.3">
      <c r="A72937" s="13" t="s">
        <v>374</v>
      </c>
      <c r="B72937" s="14" t="s">
        <v>1</v>
      </c>
      <c r="C72937" s="14" t="s">
        <v>101</v>
      </c>
      <c r="D72937" s="14" t="s">
        <v>155</v>
      </c>
      <c r="E72937" s="15">
        <v>45678</v>
      </c>
      <c r="F72937" s="14" t="s">
        <v>25</v>
      </c>
      <c r="G72937" s="16">
        <v>0</v>
      </c>
    </row>
    <row r="72938" spans="1:7" x14ac:dyDescent="0.3">
      <c r="A72938" s="13" t="s">
        <v>374</v>
      </c>
      <c r="B72938" s="14" t="s">
        <v>1</v>
      </c>
      <c r="C72938" s="14" t="s">
        <v>101</v>
      </c>
      <c r="D72938" s="14" t="s">
        <v>155</v>
      </c>
      <c r="E72938" s="15">
        <v>45679</v>
      </c>
      <c r="F72938" s="14" t="s">
        <v>25</v>
      </c>
      <c r="G72938" s="16">
        <v>0</v>
      </c>
    </row>
    <row r="72939" spans="1:7" x14ac:dyDescent="0.3">
      <c r="A72939" s="13" t="s">
        <v>374</v>
      </c>
      <c r="B72939" s="14" t="s">
        <v>1</v>
      </c>
      <c r="C72939" s="14" t="s">
        <v>101</v>
      </c>
      <c r="D72939" s="14" t="s">
        <v>155</v>
      </c>
      <c r="E72939" s="15">
        <v>45680</v>
      </c>
      <c r="F72939" s="14" t="s">
        <v>25</v>
      </c>
      <c r="G72939" s="16">
        <v>0</v>
      </c>
    </row>
    <row r="72940" spans="1:7" x14ac:dyDescent="0.3">
      <c r="A72940" s="13" t="s">
        <v>374</v>
      </c>
      <c r="B72940" s="14" t="s">
        <v>1</v>
      </c>
      <c r="C72940" s="14" t="s">
        <v>101</v>
      </c>
      <c r="D72940" s="14" t="s">
        <v>155</v>
      </c>
      <c r="E72940" s="15">
        <v>45681</v>
      </c>
      <c r="F72940" s="14" t="s">
        <v>25</v>
      </c>
      <c r="G72940" s="16">
        <v>0</v>
      </c>
    </row>
    <row r="72941" spans="1:7" x14ac:dyDescent="0.3">
      <c r="A72941" s="13" t="s">
        <v>374</v>
      </c>
      <c r="B72941" s="14" t="s">
        <v>1</v>
      </c>
      <c r="C72941" s="14" t="s">
        <v>101</v>
      </c>
      <c r="D72941" s="14" t="s">
        <v>155</v>
      </c>
      <c r="E72941" s="15">
        <v>45682</v>
      </c>
      <c r="F72941" s="14" t="s">
        <v>25</v>
      </c>
      <c r="G72941" s="16">
        <v>0</v>
      </c>
    </row>
    <row r="72942" spans="1:7" x14ac:dyDescent="0.3">
      <c r="A72942" s="13" t="s">
        <v>374</v>
      </c>
      <c r="B72942" s="14" t="s">
        <v>1</v>
      </c>
      <c r="C72942" s="14" t="s">
        <v>101</v>
      </c>
      <c r="D72942" s="14" t="s">
        <v>155</v>
      </c>
      <c r="E72942" s="15">
        <v>45683</v>
      </c>
      <c r="F72942" s="14" t="s">
        <v>25</v>
      </c>
      <c r="G72942" s="16">
        <v>0</v>
      </c>
    </row>
    <row r="72943" spans="1:7" x14ac:dyDescent="0.3">
      <c r="A72943" s="13" t="s">
        <v>374</v>
      </c>
      <c r="B72943" s="14" t="s">
        <v>1</v>
      </c>
      <c r="C72943" s="14" t="s">
        <v>101</v>
      </c>
      <c r="D72943" s="14" t="s">
        <v>155</v>
      </c>
      <c r="E72943" s="15">
        <v>45684</v>
      </c>
      <c r="F72943" s="14" t="s">
        <v>25</v>
      </c>
      <c r="G72943" s="16">
        <v>0</v>
      </c>
    </row>
    <row r="72944" spans="1:7" x14ac:dyDescent="0.3">
      <c r="A72944" s="13" t="s">
        <v>374</v>
      </c>
      <c r="B72944" s="14" t="s">
        <v>1</v>
      </c>
      <c r="C72944" s="14" t="s">
        <v>101</v>
      </c>
      <c r="D72944" s="14" t="s">
        <v>155</v>
      </c>
      <c r="E72944" s="15">
        <v>45685</v>
      </c>
      <c r="F72944" s="14" t="s">
        <v>25</v>
      </c>
      <c r="G72944" s="16">
        <v>0</v>
      </c>
    </row>
    <row r="72945" spans="1:7" x14ac:dyDescent="0.3">
      <c r="A72945" s="13" t="s">
        <v>374</v>
      </c>
      <c r="B72945" s="14" t="s">
        <v>1</v>
      </c>
      <c r="C72945" s="14" t="s">
        <v>101</v>
      </c>
      <c r="D72945" s="14" t="s">
        <v>155</v>
      </c>
      <c r="E72945" s="15">
        <v>45686</v>
      </c>
      <c r="F72945" s="14" t="s">
        <v>25</v>
      </c>
      <c r="G72945" s="16">
        <v>0</v>
      </c>
    </row>
    <row r="72946" spans="1:7" x14ac:dyDescent="0.3">
      <c r="A72946" s="13" t="s">
        <v>374</v>
      </c>
      <c r="B72946" s="14" t="s">
        <v>1</v>
      </c>
      <c r="C72946" s="14" t="s">
        <v>101</v>
      </c>
      <c r="D72946" s="14" t="s">
        <v>155</v>
      </c>
      <c r="E72946" s="15">
        <v>45687</v>
      </c>
      <c r="F72946" s="14" t="s">
        <v>25</v>
      </c>
      <c r="G72946" s="16">
        <v>0</v>
      </c>
    </row>
    <row r="72947" spans="1:7" x14ac:dyDescent="0.3">
      <c r="A72947" s="13" t="s">
        <v>374</v>
      </c>
      <c r="B72947" s="14" t="s">
        <v>1</v>
      </c>
      <c r="C72947" s="14" t="s">
        <v>101</v>
      </c>
      <c r="D72947" s="14" t="s">
        <v>155</v>
      </c>
      <c r="E72947" s="15">
        <v>45688</v>
      </c>
      <c r="F72947" s="14" t="s">
        <v>25</v>
      </c>
      <c r="G72947" s="16">
        <v>0</v>
      </c>
    </row>
    <row r="72948" spans="1:7" x14ac:dyDescent="0.3">
      <c r="A72948" s="13" t="s">
        <v>374</v>
      </c>
      <c r="B72948" s="14" t="s">
        <v>1</v>
      </c>
      <c r="C72948" s="14" t="s">
        <v>101</v>
      </c>
      <c r="D72948" s="14" t="s">
        <v>155</v>
      </c>
      <c r="E72948" s="15">
        <v>45689</v>
      </c>
      <c r="F72948" s="14" t="s">
        <v>25</v>
      </c>
      <c r="G72948" s="16">
        <v>0</v>
      </c>
    </row>
    <row r="72949" spans="1:7" x14ac:dyDescent="0.3">
      <c r="A72949" s="13" t="s">
        <v>374</v>
      </c>
      <c r="B72949" s="14" t="s">
        <v>1</v>
      </c>
      <c r="C72949" s="14" t="s">
        <v>101</v>
      </c>
      <c r="D72949" s="14" t="s">
        <v>155</v>
      </c>
      <c r="E72949" s="15">
        <v>45690</v>
      </c>
      <c r="F72949" s="14" t="s">
        <v>25</v>
      </c>
      <c r="G72949" s="16">
        <v>0</v>
      </c>
    </row>
    <row r="72950" spans="1:7" x14ac:dyDescent="0.3">
      <c r="A72950" s="13" t="s">
        <v>374</v>
      </c>
      <c r="B72950" s="14" t="s">
        <v>1</v>
      </c>
      <c r="C72950" s="14" t="s">
        <v>101</v>
      </c>
      <c r="D72950" s="14" t="s">
        <v>155</v>
      </c>
      <c r="E72950" s="15">
        <v>45691</v>
      </c>
      <c r="F72950" s="14" t="s">
        <v>25</v>
      </c>
      <c r="G72950" s="16">
        <v>0</v>
      </c>
    </row>
    <row r="72951" spans="1:7" x14ac:dyDescent="0.3">
      <c r="A72951" s="13" t="s">
        <v>374</v>
      </c>
      <c r="B72951" s="14" t="s">
        <v>1</v>
      </c>
      <c r="C72951" s="14" t="s">
        <v>101</v>
      </c>
      <c r="D72951" s="14" t="s">
        <v>155</v>
      </c>
      <c r="E72951" s="15">
        <v>45692</v>
      </c>
      <c r="F72951" s="14" t="s">
        <v>25</v>
      </c>
      <c r="G72951" s="16">
        <v>0</v>
      </c>
    </row>
    <row r="72952" spans="1:7" x14ac:dyDescent="0.3">
      <c r="A72952" s="13" t="s">
        <v>374</v>
      </c>
      <c r="B72952" s="14" t="s">
        <v>1</v>
      </c>
      <c r="C72952" s="14" t="s">
        <v>101</v>
      </c>
      <c r="D72952" s="14" t="s">
        <v>155</v>
      </c>
      <c r="E72952" s="15">
        <v>45693</v>
      </c>
      <c r="F72952" s="14" t="s">
        <v>25</v>
      </c>
      <c r="G72952" s="16">
        <v>0</v>
      </c>
    </row>
    <row r="72953" spans="1:7" x14ac:dyDescent="0.3">
      <c r="A72953" s="13" t="s">
        <v>374</v>
      </c>
      <c r="B72953" s="14" t="s">
        <v>1</v>
      </c>
      <c r="C72953" s="14" t="s">
        <v>101</v>
      </c>
      <c r="D72953" s="14" t="s">
        <v>155</v>
      </c>
      <c r="E72953" s="15">
        <v>45694</v>
      </c>
      <c r="F72953" s="14" t="s">
        <v>25</v>
      </c>
      <c r="G72953" s="16">
        <v>0</v>
      </c>
    </row>
    <row r="72954" spans="1:7" x14ac:dyDescent="0.3">
      <c r="A72954" s="13" t="s">
        <v>374</v>
      </c>
      <c r="B72954" s="14" t="s">
        <v>1</v>
      </c>
      <c r="C72954" s="14" t="s">
        <v>101</v>
      </c>
      <c r="D72954" s="14" t="s">
        <v>155</v>
      </c>
      <c r="E72954" s="15">
        <v>45695</v>
      </c>
      <c r="F72954" s="14" t="s">
        <v>25</v>
      </c>
      <c r="G72954" s="16">
        <v>0</v>
      </c>
    </row>
    <row r="72955" spans="1:7" x14ac:dyDescent="0.3">
      <c r="A72955" s="13" t="s">
        <v>374</v>
      </c>
      <c r="B72955" s="14" t="s">
        <v>1</v>
      </c>
      <c r="C72955" s="14" t="s">
        <v>101</v>
      </c>
      <c r="D72955" s="14" t="s">
        <v>155</v>
      </c>
      <c r="E72955" s="15">
        <v>45696</v>
      </c>
      <c r="F72955" s="14" t="s">
        <v>25</v>
      </c>
      <c r="G72955" s="16">
        <v>0</v>
      </c>
    </row>
    <row r="72956" spans="1:7" x14ac:dyDescent="0.3">
      <c r="A72956" s="13" t="s">
        <v>374</v>
      </c>
      <c r="B72956" s="14" t="s">
        <v>1</v>
      </c>
      <c r="C72956" s="14" t="s">
        <v>101</v>
      </c>
      <c r="D72956" s="14" t="s">
        <v>155</v>
      </c>
      <c r="E72956" s="15">
        <v>45697</v>
      </c>
      <c r="F72956" s="14" t="s">
        <v>25</v>
      </c>
      <c r="G72956" s="16">
        <v>0</v>
      </c>
    </row>
    <row r="72957" spans="1:7" x14ac:dyDescent="0.3">
      <c r="A72957" s="13" t="s">
        <v>374</v>
      </c>
      <c r="B72957" s="14" t="s">
        <v>1</v>
      </c>
      <c r="C72957" s="14" t="s">
        <v>101</v>
      </c>
      <c r="D72957" s="14" t="s">
        <v>155</v>
      </c>
      <c r="E72957" s="15">
        <v>45698</v>
      </c>
      <c r="F72957" s="14" t="s">
        <v>25</v>
      </c>
      <c r="G72957" s="16">
        <v>0</v>
      </c>
    </row>
    <row r="72958" spans="1:7" x14ac:dyDescent="0.3">
      <c r="A72958" s="13" t="s">
        <v>374</v>
      </c>
      <c r="B72958" s="14" t="s">
        <v>1</v>
      </c>
      <c r="C72958" s="14" t="s">
        <v>101</v>
      </c>
      <c r="D72958" s="14" t="s">
        <v>155</v>
      </c>
      <c r="E72958" s="15">
        <v>45699</v>
      </c>
      <c r="F72958" s="14" t="s">
        <v>25</v>
      </c>
      <c r="G72958" s="16">
        <v>0</v>
      </c>
    </row>
    <row r="72959" spans="1:7" x14ac:dyDescent="0.3">
      <c r="A72959" s="13" t="s">
        <v>374</v>
      </c>
      <c r="B72959" s="14" t="s">
        <v>1</v>
      </c>
      <c r="C72959" s="14" t="s">
        <v>101</v>
      </c>
      <c r="D72959" s="14" t="s">
        <v>155</v>
      </c>
      <c r="E72959" s="15">
        <v>45700</v>
      </c>
      <c r="F72959" s="14" t="s">
        <v>25</v>
      </c>
      <c r="G72959" s="16">
        <v>0</v>
      </c>
    </row>
    <row r="72960" spans="1:7" x14ac:dyDescent="0.3">
      <c r="A72960" s="13" t="s">
        <v>374</v>
      </c>
      <c r="B72960" s="14" t="s">
        <v>1</v>
      </c>
      <c r="C72960" s="14" t="s">
        <v>101</v>
      </c>
      <c r="D72960" s="14" t="s">
        <v>155</v>
      </c>
      <c r="E72960" s="15">
        <v>45701</v>
      </c>
      <c r="F72960" s="14" t="s">
        <v>25</v>
      </c>
      <c r="G72960" s="16">
        <v>0</v>
      </c>
    </row>
    <row r="72961" spans="1:7" x14ac:dyDescent="0.3">
      <c r="A72961" s="13" t="s">
        <v>374</v>
      </c>
      <c r="B72961" s="14" t="s">
        <v>1</v>
      </c>
      <c r="C72961" s="14" t="s">
        <v>101</v>
      </c>
      <c r="D72961" s="14" t="s">
        <v>155</v>
      </c>
      <c r="E72961" s="15">
        <v>45702</v>
      </c>
      <c r="F72961" s="14" t="s">
        <v>25</v>
      </c>
      <c r="G72961" s="16">
        <v>0</v>
      </c>
    </row>
    <row r="72962" spans="1:7" x14ac:dyDescent="0.3">
      <c r="A72962" s="13" t="s">
        <v>374</v>
      </c>
      <c r="B72962" s="14" t="s">
        <v>1</v>
      </c>
      <c r="C72962" s="14" t="s">
        <v>101</v>
      </c>
      <c r="D72962" s="14" t="s">
        <v>155</v>
      </c>
      <c r="E72962" s="15">
        <v>45703</v>
      </c>
      <c r="F72962" s="14" t="s">
        <v>25</v>
      </c>
      <c r="G72962" s="16">
        <v>0</v>
      </c>
    </row>
    <row r="72963" spans="1:7" x14ac:dyDescent="0.3">
      <c r="A72963" s="13" t="s">
        <v>374</v>
      </c>
      <c r="B72963" s="14" t="s">
        <v>1</v>
      </c>
      <c r="C72963" s="14" t="s">
        <v>101</v>
      </c>
      <c r="D72963" s="14" t="s">
        <v>155</v>
      </c>
      <c r="E72963" s="15">
        <v>45704</v>
      </c>
      <c r="F72963" s="14" t="s">
        <v>25</v>
      </c>
      <c r="G72963" s="16">
        <v>0</v>
      </c>
    </row>
    <row r="72964" spans="1:7" x14ac:dyDescent="0.3">
      <c r="A72964" s="13" t="s">
        <v>374</v>
      </c>
      <c r="B72964" s="14" t="s">
        <v>1</v>
      </c>
      <c r="C72964" s="14" t="s">
        <v>101</v>
      </c>
      <c r="D72964" s="14" t="s">
        <v>155</v>
      </c>
      <c r="E72964" s="15">
        <v>45705</v>
      </c>
      <c r="F72964" s="14" t="s">
        <v>25</v>
      </c>
      <c r="G72964" s="16">
        <v>0</v>
      </c>
    </row>
    <row r="72965" spans="1:7" x14ac:dyDescent="0.3">
      <c r="A72965" s="13" t="s">
        <v>374</v>
      </c>
      <c r="B72965" s="14" t="s">
        <v>1</v>
      </c>
      <c r="C72965" s="14" t="s">
        <v>101</v>
      </c>
      <c r="D72965" s="14" t="s">
        <v>155</v>
      </c>
      <c r="E72965" s="15">
        <v>45706</v>
      </c>
      <c r="F72965" s="14" t="s">
        <v>25</v>
      </c>
      <c r="G72965" s="16">
        <v>0</v>
      </c>
    </row>
    <row r="72966" spans="1:7" x14ac:dyDescent="0.3">
      <c r="A72966" s="13" t="s">
        <v>374</v>
      </c>
      <c r="B72966" s="14" t="s">
        <v>1</v>
      </c>
      <c r="C72966" s="14" t="s">
        <v>101</v>
      </c>
      <c r="D72966" s="14" t="s">
        <v>155</v>
      </c>
      <c r="E72966" s="15">
        <v>45707</v>
      </c>
      <c r="F72966" s="14" t="s">
        <v>25</v>
      </c>
      <c r="G72966" s="16">
        <v>0</v>
      </c>
    </row>
    <row r="72967" spans="1:7" x14ac:dyDescent="0.3">
      <c r="A72967" s="13" t="s">
        <v>374</v>
      </c>
      <c r="B72967" s="14" t="s">
        <v>1</v>
      </c>
      <c r="C72967" s="14" t="s">
        <v>101</v>
      </c>
      <c r="D72967" s="14" t="s">
        <v>155</v>
      </c>
      <c r="E72967" s="15">
        <v>45708</v>
      </c>
      <c r="F72967" s="14" t="s">
        <v>25</v>
      </c>
      <c r="G72967" s="16">
        <v>0</v>
      </c>
    </row>
    <row r="72968" spans="1:7" x14ac:dyDescent="0.3">
      <c r="A72968" s="13" t="s">
        <v>374</v>
      </c>
      <c r="B72968" s="14" t="s">
        <v>1</v>
      </c>
      <c r="C72968" s="14" t="s">
        <v>101</v>
      </c>
      <c r="D72968" s="14" t="s">
        <v>155</v>
      </c>
      <c r="E72968" s="15">
        <v>45709</v>
      </c>
      <c r="F72968" s="14" t="s">
        <v>25</v>
      </c>
      <c r="G72968" s="16">
        <v>0</v>
      </c>
    </row>
    <row r="72969" spans="1:7" x14ac:dyDescent="0.3">
      <c r="A72969" s="13" t="s">
        <v>374</v>
      </c>
      <c r="B72969" s="14" t="s">
        <v>1</v>
      </c>
      <c r="C72969" s="14" t="s">
        <v>101</v>
      </c>
      <c r="D72969" s="14" t="s">
        <v>155</v>
      </c>
      <c r="E72969" s="15">
        <v>45710</v>
      </c>
      <c r="F72969" s="14" t="s">
        <v>25</v>
      </c>
      <c r="G72969" s="16">
        <v>0</v>
      </c>
    </row>
    <row r="72970" spans="1:7" x14ac:dyDescent="0.3">
      <c r="A72970" s="13" t="s">
        <v>374</v>
      </c>
      <c r="B72970" s="14" t="s">
        <v>1</v>
      </c>
      <c r="C72970" s="14" t="s">
        <v>101</v>
      </c>
      <c r="D72970" s="14" t="s">
        <v>155</v>
      </c>
      <c r="E72970" s="15">
        <v>45711</v>
      </c>
      <c r="F72970" s="14" t="s">
        <v>25</v>
      </c>
      <c r="G72970" s="16">
        <v>0</v>
      </c>
    </row>
    <row r="72971" spans="1:7" x14ac:dyDescent="0.3">
      <c r="A72971" s="13" t="s">
        <v>374</v>
      </c>
      <c r="B72971" s="14" t="s">
        <v>1</v>
      </c>
      <c r="C72971" s="14" t="s">
        <v>101</v>
      </c>
      <c r="D72971" s="14" t="s">
        <v>155</v>
      </c>
      <c r="E72971" s="15">
        <v>45712</v>
      </c>
      <c r="F72971" s="14" t="s">
        <v>25</v>
      </c>
      <c r="G72971" s="16">
        <v>0</v>
      </c>
    </row>
    <row r="72972" spans="1:7" x14ac:dyDescent="0.3">
      <c r="A72972" s="13" t="s">
        <v>374</v>
      </c>
      <c r="B72972" s="14" t="s">
        <v>1</v>
      </c>
      <c r="C72972" s="14" t="s">
        <v>101</v>
      </c>
      <c r="D72972" s="14" t="s">
        <v>155</v>
      </c>
      <c r="E72972" s="15">
        <v>45713</v>
      </c>
      <c r="F72972" s="14" t="s">
        <v>25</v>
      </c>
      <c r="G72972" s="16">
        <v>0</v>
      </c>
    </row>
    <row r="72973" spans="1:7" x14ac:dyDescent="0.3">
      <c r="A72973" s="13" t="s">
        <v>374</v>
      </c>
      <c r="B72973" s="14" t="s">
        <v>1</v>
      </c>
      <c r="C72973" s="14" t="s">
        <v>101</v>
      </c>
      <c r="D72973" s="14" t="s">
        <v>155</v>
      </c>
      <c r="E72973" s="15">
        <v>45714</v>
      </c>
      <c r="F72973" s="14" t="s">
        <v>25</v>
      </c>
      <c r="G72973" s="16">
        <v>0</v>
      </c>
    </row>
    <row r="72974" spans="1:7" x14ac:dyDescent="0.3">
      <c r="A72974" s="13" t="s">
        <v>374</v>
      </c>
      <c r="B72974" s="14" t="s">
        <v>1</v>
      </c>
      <c r="C72974" s="14" t="s">
        <v>101</v>
      </c>
      <c r="D72974" s="14" t="s">
        <v>155</v>
      </c>
      <c r="E72974" s="15">
        <v>45715</v>
      </c>
      <c r="F72974" s="14" t="s">
        <v>25</v>
      </c>
      <c r="G72974" s="16">
        <v>0</v>
      </c>
    </row>
    <row r="72975" spans="1:7" x14ac:dyDescent="0.3">
      <c r="A72975" s="13" t="s">
        <v>374</v>
      </c>
      <c r="B72975" s="14" t="s">
        <v>1</v>
      </c>
      <c r="C72975" s="14" t="s">
        <v>101</v>
      </c>
      <c r="D72975" s="14" t="s">
        <v>155</v>
      </c>
      <c r="E72975" s="15">
        <v>45716</v>
      </c>
      <c r="F72975" s="14" t="s">
        <v>25</v>
      </c>
      <c r="G72975" s="16">
        <v>0</v>
      </c>
    </row>
    <row r="72976" spans="1:7" x14ac:dyDescent="0.3">
      <c r="A72976" s="13" t="s">
        <v>374</v>
      </c>
      <c r="B72976" s="14" t="s">
        <v>1</v>
      </c>
      <c r="C72976" s="14" t="s">
        <v>101</v>
      </c>
      <c r="D72976" s="14" t="s">
        <v>155</v>
      </c>
      <c r="E72976" s="15">
        <v>45717</v>
      </c>
      <c r="F72976" s="14" t="s">
        <v>25</v>
      </c>
      <c r="G72976" s="16">
        <v>0</v>
      </c>
    </row>
    <row r="72977" spans="1:7" x14ac:dyDescent="0.3">
      <c r="A72977" s="13" t="s">
        <v>374</v>
      </c>
      <c r="B72977" s="14" t="s">
        <v>1</v>
      </c>
      <c r="C72977" s="14" t="s">
        <v>101</v>
      </c>
      <c r="D72977" s="14" t="s">
        <v>155</v>
      </c>
      <c r="E72977" s="15">
        <v>45718</v>
      </c>
      <c r="F72977" s="14" t="s">
        <v>25</v>
      </c>
      <c r="G72977" s="16">
        <v>0</v>
      </c>
    </row>
    <row r="72978" spans="1:7" x14ac:dyDescent="0.3">
      <c r="A72978" s="13" t="s">
        <v>374</v>
      </c>
      <c r="B72978" s="14" t="s">
        <v>1</v>
      </c>
      <c r="C72978" s="14" t="s">
        <v>101</v>
      </c>
      <c r="D72978" s="14" t="s">
        <v>155</v>
      </c>
      <c r="E72978" s="15">
        <v>45719</v>
      </c>
      <c r="F72978" s="14" t="s">
        <v>25</v>
      </c>
      <c r="G72978" s="16">
        <v>0</v>
      </c>
    </row>
    <row r="72979" spans="1:7" x14ac:dyDescent="0.3">
      <c r="A72979" s="13" t="s">
        <v>374</v>
      </c>
      <c r="B72979" s="14" t="s">
        <v>1</v>
      </c>
      <c r="C72979" s="14" t="s">
        <v>101</v>
      </c>
      <c r="D72979" s="14" t="s">
        <v>155</v>
      </c>
      <c r="E72979" s="15">
        <v>45720</v>
      </c>
      <c r="F72979" s="14" t="s">
        <v>25</v>
      </c>
      <c r="G72979" s="16">
        <v>0</v>
      </c>
    </row>
    <row r="72980" spans="1:7" x14ac:dyDescent="0.3">
      <c r="A72980" s="13" t="s">
        <v>374</v>
      </c>
      <c r="B72980" s="14" t="s">
        <v>1</v>
      </c>
      <c r="C72980" s="14" t="s">
        <v>101</v>
      </c>
      <c r="D72980" s="14" t="s">
        <v>155</v>
      </c>
      <c r="E72980" s="15">
        <v>45721</v>
      </c>
      <c r="F72980" s="14" t="s">
        <v>25</v>
      </c>
      <c r="G72980" s="16">
        <v>0</v>
      </c>
    </row>
    <row r="72981" spans="1:7" x14ac:dyDescent="0.3">
      <c r="A72981" s="13" t="s">
        <v>374</v>
      </c>
      <c r="B72981" s="14" t="s">
        <v>1</v>
      </c>
      <c r="C72981" s="14" t="s">
        <v>101</v>
      </c>
      <c r="D72981" s="14" t="s">
        <v>155</v>
      </c>
      <c r="E72981" s="15">
        <v>45722</v>
      </c>
      <c r="F72981" s="14" t="s">
        <v>25</v>
      </c>
      <c r="G72981" s="16">
        <v>0</v>
      </c>
    </row>
    <row r="72982" spans="1:7" x14ac:dyDescent="0.3">
      <c r="A72982" s="13" t="s">
        <v>374</v>
      </c>
      <c r="B72982" s="14" t="s">
        <v>1</v>
      </c>
      <c r="C72982" s="14" t="s">
        <v>101</v>
      </c>
      <c r="D72982" s="14" t="s">
        <v>155</v>
      </c>
      <c r="E72982" s="15">
        <v>45723</v>
      </c>
      <c r="F72982" s="14" t="s">
        <v>25</v>
      </c>
      <c r="G72982" s="16">
        <v>0</v>
      </c>
    </row>
    <row r="72983" spans="1:7" x14ac:dyDescent="0.3">
      <c r="A72983" s="13" t="s">
        <v>374</v>
      </c>
      <c r="B72983" s="14" t="s">
        <v>1</v>
      </c>
      <c r="C72983" s="14" t="s">
        <v>101</v>
      </c>
      <c r="D72983" s="14" t="s">
        <v>155</v>
      </c>
      <c r="E72983" s="15">
        <v>45724</v>
      </c>
      <c r="F72983" s="14" t="s">
        <v>25</v>
      </c>
      <c r="G72983" s="16">
        <v>0</v>
      </c>
    </row>
    <row r="72984" spans="1:7" x14ac:dyDescent="0.3">
      <c r="A72984" s="13" t="s">
        <v>374</v>
      </c>
      <c r="B72984" s="14" t="s">
        <v>1</v>
      </c>
      <c r="C72984" s="14" t="s">
        <v>101</v>
      </c>
      <c r="D72984" s="14" t="s">
        <v>155</v>
      </c>
      <c r="E72984" s="15">
        <v>45725</v>
      </c>
      <c r="F72984" s="14" t="s">
        <v>25</v>
      </c>
      <c r="G72984" s="16">
        <v>0</v>
      </c>
    </row>
    <row r="72985" spans="1:7" x14ac:dyDescent="0.3">
      <c r="A72985" s="13" t="s">
        <v>374</v>
      </c>
      <c r="B72985" s="14" t="s">
        <v>1</v>
      </c>
      <c r="C72985" s="14" t="s">
        <v>101</v>
      </c>
      <c r="D72985" s="14" t="s">
        <v>155</v>
      </c>
      <c r="E72985" s="15">
        <v>45726</v>
      </c>
      <c r="F72985" s="14" t="s">
        <v>25</v>
      </c>
      <c r="G72985" s="16">
        <v>0</v>
      </c>
    </row>
    <row r="72986" spans="1:7" x14ac:dyDescent="0.3">
      <c r="A72986" s="13" t="s">
        <v>374</v>
      </c>
      <c r="B72986" s="14" t="s">
        <v>1</v>
      </c>
      <c r="C72986" s="14" t="s">
        <v>101</v>
      </c>
      <c r="D72986" s="14" t="s">
        <v>155</v>
      </c>
      <c r="E72986" s="15">
        <v>45727</v>
      </c>
      <c r="F72986" s="14" t="s">
        <v>25</v>
      </c>
      <c r="G72986" s="16">
        <v>0</v>
      </c>
    </row>
    <row r="72987" spans="1:7" x14ac:dyDescent="0.3">
      <c r="A72987" s="13" t="s">
        <v>374</v>
      </c>
      <c r="B72987" s="14" t="s">
        <v>1</v>
      </c>
      <c r="C72987" s="14" t="s">
        <v>101</v>
      </c>
      <c r="D72987" s="14" t="s">
        <v>155</v>
      </c>
      <c r="E72987" s="15">
        <v>45728</v>
      </c>
      <c r="F72987" s="14" t="s">
        <v>25</v>
      </c>
      <c r="G72987" s="16">
        <v>0</v>
      </c>
    </row>
    <row r="72988" spans="1:7" x14ac:dyDescent="0.3">
      <c r="A72988" s="13" t="s">
        <v>374</v>
      </c>
      <c r="B72988" s="14" t="s">
        <v>1</v>
      </c>
      <c r="C72988" s="14" t="s">
        <v>101</v>
      </c>
      <c r="D72988" s="14" t="s">
        <v>155</v>
      </c>
      <c r="E72988" s="15">
        <v>45729</v>
      </c>
      <c r="F72988" s="14" t="s">
        <v>25</v>
      </c>
      <c r="G72988" s="16">
        <v>0</v>
      </c>
    </row>
    <row r="72989" spans="1:7" x14ac:dyDescent="0.3">
      <c r="A72989" s="13" t="s">
        <v>374</v>
      </c>
      <c r="B72989" s="14" t="s">
        <v>1</v>
      </c>
      <c r="C72989" s="14" t="s">
        <v>101</v>
      </c>
      <c r="D72989" s="14" t="s">
        <v>155</v>
      </c>
      <c r="E72989" s="15">
        <v>45730</v>
      </c>
      <c r="F72989" s="14" t="s">
        <v>25</v>
      </c>
      <c r="G72989" s="16">
        <v>0</v>
      </c>
    </row>
    <row r="72990" spans="1:7" x14ac:dyDescent="0.3">
      <c r="A72990" s="13" t="s">
        <v>374</v>
      </c>
      <c r="B72990" s="14" t="s">
        <v>1</v>
      </c>
      <c r="C72990" s="14" t="s">
        <v>101</v>
      </c>
      <c r="D72990" s="14" t="s">
        <v>155</v>
      </c>
      <c r="E72990" s="15">
        <v>45731</v>
      </c>
      <c r="F72990" s="14" t="s">
        <v>25</v>
      </c>
      <c r="G72990" s="16">
        <v>0</v>
      </c>
    </row>
    <row r="72991" spans="1:7" x14ac:dyDescent="0.3">
      <c r="A72991" s="13" t="s">
        <v>374</v>
      </c>
      <c r="B72991" s="14" t="s">
        <v>1</v>
      </c>
      <c r="C72991" s="14" t="s">
        <v>101</v>
      </c>
      <c r="D72991" s="14" t="s">
        <v>155</v>
      </c>
      <c r="E72991" s="15">
        <v>45732</v>
      </c>
      <c r="F72991" s="14" t="s">
        <v>25</v>
      </c>
      <c r="G72991" s="16">
        <v>0</v>
      </c>
    </row>
    <row r="72992" spans="1:7" x14ac:dyDescent="0.3">
      <c r="A72992" s="13" t="s">
        <v>374</v>
      </c>
      <c r="B72992" s="14" t="s">
        <v>1</v>
      </c>
      <c r="C72992" s="14" t="s">
        <v>101</v>
      </c>
      <c r="D72992" s="14" t="s">
        <v>155</v>
      </c>
      <c r="E72992" s="15">
        <v>45733</v>
      </c>
      <c r="F72992" s="14" t="s">
        <v>25</v>
      </c>
      <c r="G72992" s="16">
        <v>0</v>
      </c>
    </row>
    <row r="72993" spans="1:7" x14ac:dyDescent="0.3">
      <c r="A72993" s="13" t="s">
        <v>374</v>
      </c>
      <c r="B72993" s="14" t="s">
        <v>1</v>
      </c>
      <c r="C72993" s="14" t="s">
        <v>101</v>
      </c>
      <c r="D72993" s="14" t="s">
        <v>155</v>
      </c>
      <c r="E72993" s="15">
        <v>45734</v>
      </c>
      <c r="F72993" s="14" t="s">
        <v>25</v>
      </c>
      <c r="G72993" s="16">
        <v>0</v>
      </c>
    </row>
    <row r="72994" spans="1:7" x14ac:dyDescent="0.3">
      <c r="A72994" s="13" t="s">
        <v>374</v>
      </c>
      <c r="B72994" s="14" t="s">
        <v>1</v>
      </c>
      <c r="C72994" s="14" t="s">
        <v>101</v>
      </c>
      <c r="D72994" s="14" t="s">
        <v>155</v>
      </c>
      <c r="E72994" s="15">
        <v>45735</v>
      </c>
      <c r="F72994" s="14" t="s">
        <v>25</v>
      </c>
      <c r="G72994" s="16">
        <v>0</v>
      </c>
    </row>
    <row r="72995" spans="1:7" x14ac:dyDescent="0.3">
      <c r="A72995" s="13" t="s">
        <v>374</v>
      </c>
      <c r="B72995" s="14" t="s">
        <v>1</v>
      </c>
      <c r="C72995" s="14" t="s">
        <v>101</v>
      </c>
      <c r="D72995" s="14" t="s">
        <v>155</v>
      </c>
      <c r="E72995" s="15">
        <v>45736</v>
      </c>
      <c r="F72995" s="14" t="s">
        <v>25</v>
      </c>
      <c r="G72995" s="16">
        <v>0</v>
      </c>
    </row>
    <row r="72996" spans="1:7" x14ac:dyDescent="0.3">
      <c r="A72996" s="13" t="s">
        <v>374</v>
      </c>
      <c r="B72996" s="14" t="s">
        <v>1</v>
      </c>
      <c r="C72996" s="14" t="s">
        <v>101</v>
      </c>
      <c r="D72996" s="14" t="s">
        <v>155</v>
      </c>
      <c r="E72996" s="15">
        <v>45737</v>
      </c>
      <c r="F72996" s="14" t="s">
        <v>25</v>
      </c>
      <c r="G72996" s="16">
        <v>0</v>
      </c>
    </row>
    <row r="72997" spans="1:7" x14ac:dyDescent="0.3">
      <c r="A72997" s="13" t="s">
        <v>374</v>
      </c>
      <c r="B72997" s="14" t="s">
        <v>1</v>
      </c>
      <c r="C72997" s="14" t="s">
        <v>101</v>
      </c>
      <c r="D72997" s="14" t="s">
        <v>155</v>
      </c>
      <c r="E72997" s="15">
        <v>45738</v>
      </c>
      <c r="F72997" s="14" t="s">
        <v>25</v>
      </c>
      <c r="G72997" s="16">
        <v>0</v>
      </c>
    </row>
    <row r="72998" spans="1:7" x14ac:dyDescent="0.3">
      <c r="A72998" s="13" t="s">
        <v>374</v>
      </c>
      <c r="B72998" s="14" t="s">
        <v>1</v>
      </c>
      <c r="C72998" s="14" t="s">
        <v>101</v>
      </c>
      <c r="D72998" s="14" t="s">
        <v>155</v>
      </c>
      <c r="E72998" s="15">
        <v>45739</v>
      </c>
      <c r="F72998" s="14" t="s">
        <v>25</v>
      </c>
      <c r="G72998" s="16">
        <v>0</v>
      </c>
    </row>
    <row r="72999" spans="1:7" x14ac:dyDescent="0.3">
      <c r="A72999" s="13" t="s">
        <v>374</v>
      </c>
      <c r="B72999" s="14" t="s">
        <v>1</v>
      </c>
      <c r="C72999" s="14" t="s">
        <v>101</v>
      </c>
      <c r="D72999" s="14" t="s">
        <v>155</v>
      </c>
      <c r="E72999" s="15">
        <v>45740</v>
      </c>
      <c r="F72999" s="14" t="s">
        <v>25</v>
      </c>
      <c r="G72999" s="16">
        <v>0</v>
      </c>
    </row>
    <row r="73000" spans="1:7" x14ac:dyDescent="0.3">
      <c r="A73000" s="13" t="s">
        <v>374</v>
      </c>
      <c r="B73000" s="14" t="s">
        <v>1</v>
      </c>
      <c r="C73000" s="14" t="s">
        <v>101</v>
      </c>
      <c r="D73000" s="14" t="s">
        <v>155</v>
      </c>
      <c r="E73000" s="15">
        <v>45741</v>
      </c>
      <c r="F73000" s="14" t="s">
        <v>25</v>
      </c>
      <c r="G73000" s="16">
        <v>0</v>
      </c>
    </row>
    <row r="73001" spans="1:7" x14ac:dyDescent="0.3">
      <c r="A73001" s="13" t="s">
        <v>374</v>
      </c>
      <c r="B73001" s="14" t="s">
        <v>1</v>
      </c>
      <c r="C73001" s="14" t="s">
        <v>101</v>
      </c>
      <c r="D73001" s="14" t="s">
        <v>155</v>
      </c>
      <c r="E73001" s="15">
        <v>45742</v>
      </c>
      <c r="F73001" s="14" t="s">
        <v>25</v>
      </c>
      <c r="G73001" s="16">
        <v>0</v>
      </c>
    </row>
    <row r="73002" spans="1:7" x14ac:dyDescent="0.3">
      <c r="A73002" s="13" t="s">
        <v>374</v>
      </c>
      <c r="B73002" s="14" t="s">
        <v>1</v>
      </c>
      <c r="C73002" s="14" t="s">
        <v>101</v>
      </c>
      <c r="D73002" s="14" t="s">
        <v>155</v>
      </c>
      <c r="E73002" s="15">
        <v>45743</v>
      </c>
      <c r="F73002" s="14" t="s">
        <v>25</v>
      </c>
      <c r="G73002" s="16">
        <v>0</v>
      </c>
    </row>
    <row r="73003" spans="1:7" x14ac:dyDescent="0.3">
      <c r="A73003" s="13" t="s">
        <v>374</v>
      </c>
      <c r="B73003" s="14" t="s">
        <v>1</v>
      </c>
      <c r="C73003" s="14" t="s">
        <v>101</v>
      </c>
      <c r="D73003" s="14" t="s">
        <v>155</v>
      </c>
      <c r="E73003" s="15">
        <v>45744</v>
      </c>
      <c r="F73003" s="14" t="s">
        <v>25</v>
      </c>
      <c r="G73003" s="16">
        <v>0</v>
      </c>
    </row>
    <row r="73004" spans="1:7" x14ac:dyDescent="0.3">
      <c r="A73004" s="13" t="s">
        <v>374</v>
      </c>
      <c r="B73004" s="14" t="s">
        <v>1</v>
      </c>
      <c r="C73004" s="14" t="s">
        <v>101</v>
      </c>
      <c r="D73004" s="14" t="s">
        <v>155</v>
      </c>
      <c r="E73004" s="15">
        <v>45745</v>
      </c>
      <c r="F73004" s="14" t="s">
        <v>25</v>
      </c>
      <c r="G73004" s="16">
        <v>0</v>
      </c>
    </row>
    <row r="73005" spans="1:7" x14ac:dyDescent="0.3">
      <c r="A73005" s="13" t="s">
        <v>374</v>
      </c>
      <c r="B73005" s="14" t="s">
        <v>1</v>
      </c>
      <c r="C73005" s="14" t="s">
        <v>101</v>
      </c>
      <c r="D73005" s="14" t="s">
        <v>155</v>
      </c>
      <c r="E73005" s="15">
        <v>45746</v>
      </c>
      <c r="F73005" s="14" t="s">
        <v>25</v>
      </c>
      <c r="G73005" s="16">
        <v>0</v>
      </c>
    </row>
    <row r="73006" spans="1:7" x14ac:dyDescent="0.3">
      <c r="A73006" s="13" t="s">
        <v>374</v>
      </c>
      <c r="B73006" s="14" t="s">
        <v>1</v>
      </c>
      <c r="C73006" s="14" t="s">
        <v>101</v>
      </c>
      <c r="D73006" s="14" t="s">
        <v>155</v>
      </c>
      <c r="E73006" s="15">
        <v>45747</v>
      </c>
      <c r="F73006" s="14" t="s">
        <v>25</v>
      </c>
      <c r="G73006" s="16">
        <v>0</v>
      </c>
    </row>
    <row r="73007" spans="1:7" x14ac:dyDescent="0.3">
      <c r="A73007" s="13" t="s">
        <v>375</v>
      </c>
      <c r="B73007" s="14" t="s">
        <v>1</v>
      </c>
      <c r="C73007" s="14" t="s">
        <v>51</v>
      </c>
      <c r="D73007" s="14" t="s">
        <v>376</v>
      </c>
      <c r="E73007" s="15">
        <v>45383</v>
      </c>
      <c r="F73007" s="14" t="s">
        <v>61</v>
      </c>
      <c r="G73007" s="16">
        <v>0</v>
      </c>
    </row>
    <row r="73008" spans="1:7" x14ac:dyDescent="0.3">
      <c r="A73008" s="13" t="s">
        <v>375</v>
      </c>
      <c r="B73008" s="14" t="s">
        <v>1</v>
      </c>
      <c r="C73008" s="14" t="s">
        <v>51</v>
      </c>
      <c r="D73008" s="14" t="s">
        <v>376</v>
      </c>
      <c r="E73008" s="15">
        <v>45384</v>
      </c>
      <c r="F73008" s="14" t="s">
        <v>61</v>
      </c>
      <c r="G73008" s="16">
        <v>0</v>
      </c>
    </row>
    <row r="73009" spans="1:7" x14ac:dyDescent="0.3">
      <c r="A73009" s="13" t="s">
        <v>375</v>
      </c>
      <c r="B73009" s="14" t="s">
        <v>1</v>
      </c>
      <c r="C73009" s="14" t="s">
        <v>51</v>
      </c>
      <c r="D73009" s="14" t="s">
        <v>376</v>
      </c>
      <c r="E73009" s="15">
        <v>45385</v>
      </c>
      <c r="F73009" s="14" t="s">
        <v>61</v>
      </c>
      <c r="G73009" s="16">
        <v>0</v>
      </c>
    </row>
    <row r="73010" spans="1:7" x14ac:dyDescent="0.3">
      <c r="A73010" s="13" t="s">
        <v>375</v>
      </c>
      <c r="B73010" s="14" t="s">
        <v>1</v>
      </c>
      <c r="C73010" s="14" t="s">
        <v>51</v>
      </c>
      <c r="D73010" s="14" t="s">
        <v>376</v>
      </c>
      <c r="E73010" s="15">
        <v>45386</v>
      </c>
      <c r="F73010" s="14" t="s">
        <v>61</v>
      </c>
      <c r="G73010" s="16">
        <v>0</v>
      </c>
    </row>
    <row r="73011" spans="1:7" x14ac:dyDescent="0.3">
      <c r="A73011" s="13" t="s">
        <v>375</v>
      </c>
      <c r="B73011" s="14" t="s">
        <v>1</v>
      </c>
      <c r="C73011" s="14" t="s">
        <v>51</v>
      </c>
      <c r="D73011" s="14" t="s">
        <v>376</v>
      </c>
      <c r="E73011" s="15">
        <v>45387</v>
      </c>
      <c r="F73011" s="14" t="s">
        <v>61</v>
      </c>
      <c r="G73011" s="16">
        <v>0</v>
      </c>
    </row>
    <row r="73012" spans="1:7" x14ac:dyDescent="0.3">
      <c r="A73012" s="13" t="s">
        <v>375</v>
      </c>
      <c r="B73012" s="14" t="s">
        <v>1</v>
      </c>
      <c r="C73012" s="14" t="s">
        <v>51</v>
      </c>
      <c r="D73012" s="14" t="s">
        <v>376</v>
      </c>
      <c r="E73012" s="15">
        <v>45388</v>
      </c>
      <c r="F73012" s="14" t="s">
        <v>61</v>
      </c>
      <c r="G73012" s="16">
        <v>0</v>
      </c>
    </row>
    <row r="73013" spans="1:7" x14ac:dyDescent="0.3">
      <c r="A73013" s="13" t="s">
        <v>375</v>
      </c>
      <c r="B73013" s="14" t="s">
        <v>1</v>
      </c>
      <c r="C73013" s="14" t="s">
        <v>51</v>
      </c>
      <c r="D73013" s="14" t="s">
        <v>376</v>
      </c>
      <c r="E73013" s="15">
        <v>45389</v>
      </c>
      <c r="F73013" s="14" t="s">
        <v>61</v>
      </c>
      <c r="G73013" s="16">
        <v>0</v>
      </c>
    </row>
    <row r="73014" spans="1:7" x14ac:dyDescent="0.3">
      <c r="A73014" s="13" t="s">
        <v>375</v>
      </c>
      <c r="B73014" s="14" t="s">
        <v>1</v>
      </c>
      <c r="C73014" s="14" t="s">
        <v>51</v>
      </c>
      <c r="D73014" s="14" t="s">
        <v>376</v>
      </c>
      <c r="E73014" s="15">
        <v>45390</v>
      </c>
      <c r="F73014" s="14" t="s">
        <v>61</v>
      </c>
      <c r="G73014" s="16">
        <v>0</v>
      </c>
    </row>
    <row r="73015" spans="1:7" x14ac:dyDescent="0.3">
      <c r="A73015" s="13" t="s">
        <v>375</v>
      </c>
      <c r="B73015" s="14" t="s">
        <v>1</v>
      </c>
      <c r="C73015" s="14" t="s">
        <v>51</v>
      </c>
      <c r="D73015" s="14" t="s">
        <v>376</v>
      </c>
      <c r="E73015" s="15">
        <v>45391</v>
      </c>
      <c r="F73015" s="14" t="s">
        <v>61</v>
      </c>
      <c r="G73015" s="16">
        <v>0</v>
      </c>
    </row>
    <row r="73016" spans="1:7" x14ac:dyDescent="0.3">
      <c r="A73016" s="13" t="s">
        <v>375</v>
      </c>
      <c r="B73016" s="14" t="s">
        <v>1</v>
      </c>
      <c r="C73016" s="14" t="s">
        <v>51</v>
      </c>
      <c r="D73016" s="14" t="s">
        <v>376</v>
      </c>
      <c r="E73016" s="15">
        <v>45392</v>
      </c>
      <c r="F73016" s="14" t="s">
        <v>61</v>
      </c>
      <c r="G73016" s="16">
        <v>0</v>
      </c>
    </row>
    <row r="73017" spans="1:7" x14ac:dyDescent="0.3">
      <c r="A73017" s="13" t="s">
        <v>375</v>
      </c>
      <c r="B73017" s="14" t="s">
        <v>1</v>
      </c>
      <c r="C73017" s="14" t="s">
        <v>51</v>
      </c>
      <c r="D73017" s="14" t="s">
        <v>376</v>
      </c>
      <c r="E73017" s="15">
        <v>45393</v>
      </c>
      <c r="F73017" s="14" t="s">
        <v>61</v>
      </c>
      <c r="G73017" s="16">
        <v>0</v>
      </c>
    </row>
    <row r="73018" spans="1:7" x14ac:dyDescent="0.3">
      <c r="A73018" s="13" t="s">
        <v>375</v>
      </c>
      <c r="B73018" s="14" t="s">
        <v>1</v>
      </c>
      <c r="C73018" s="14" t="s">
        <v>51</v>
      </c>
      <c r="D73018" s="14" t="s">
        <v>376</v>
      </c>
      <c r="E73018" s="15">
        <v>45394</v>
      </c>
      <c r="F73018" s="14" t="s">
        <v>61</v>
      </c>
      <c r="G73018" s="16">
        <v>0</v>
      </c>
    </row>
    <row r="73019" spans="1:7" x14ac:dyDescent="0.3">
      <c r="A73019" s="13" t="s">
        <v>375</v>
      </c>
      <c r="B73019" s="14" t="s">
        <v>1</v>
      </c>
      <c r="C73019" s="14" t="s">
        <v>51</v>
      </c>
      <c r="D73019" s="14" t="s">
        <v>376</v>
      </c>
      <c r="E73019" s="15">
        <v>45395</v>
      </c>
      <c r="F73019" s="14" t="s">
        <v>61</v>
      </c>
      <c r="G73019" s="16">
        <v>0</v>
      </c>
    </row>
    <row r="73020" spans="1:7" x14ac:dyDescent="0.3">
      <c r="A73020" s="13" t="s">
        <v>375</v>
      </c>
      <c r="B73020" s="14" t="s">
        <v>1</v>
      </c>
      <c r="C73020" s="14" t="s">
        <v>51</v>
      </c>
      <c r="D73020" s="14" t="s">
        <v>376</v>
      </c>
      <c r="E73020" s="15">
        <v>45396</v>
      </c>
      <c r="F73020" s="14" t="s">
        <v>61</v>
      </c>
      <c r="G73020" s="16">
        <v>0</v>
      </c>
    </row>
    <row r="73021" spans="1:7" x14ac:dyDescent="0.3">
      <c r="A73021" s="13" t="s">
        <v>375</v>
      </c>
      <c r="B73021" s="14" t="s">
        <v>1</v>
      </c>
      <c r="C73021" s="14" t="s">
        <v>51</v>
      </c>
      <c r="D73021" s="14" t="s">
        <v>376</v>
      </c>
      <c r="E73021" s="15">
        <v>45397</v>
      </c>
      <c r="F73021" s="14" t="s">
        <v>61</v>
      </c>
      <c r="G73021" s="16">
        <v>0</v>
      </c>
    </row>
    <row r="73022" spans="1:7" x14ac:dyDescent="0.3">
      <c r="A73022" s="13" t="s">
        <v>375</v>
      </c>
      <c r="B73022" s="14" t="s">
        <v>1</v>
      </c>
      <c r="C73022" s="14" t="s">
        <v>51</v>
      </c>
      <c r="D73022" s="14" t="s">
        <v>376</v>
      </c>
      <c r="E73022" s="15">
        <v>45398</v>
      </c>
      <c r="F73022" s="14" t="s">
        <v>61</v>
      </c>
      <c r="G73022" s="16">
        <v>0</v>
      </c>
    </row>
    <row r="73023" spans="1:7" x14ac:dyDescent="0.3">
      <c r="A73023" s="13" t="s">
        <v>375</v>
      </c>
      <c r="B73023" s="14" t="s">
        <v>1</v>
      </c>
      <c r="C73023" s="14" t="s">
        <v>51</v>
      </c>
      <c r="D73023" s="14" t="s">
        <v>376</v>
      </c>
      <c r="E73023" s="15">
        <v>45399</v>
      </c>
      <c r="F73023" s="14" t="s">
        <v>61</v>
      </c>
      <c r="G73023" s="16">
        <v>0</v>
      </c>
    </row>
    <row r="73024" spans="1:7" x14ac:dyDescent="0.3">
      <c r="A73024" s="13" t="s">
        <v>375</v>
      </c>
      <c r="B73024" s="14" t="s">
        <v>1</v>
      </c>
      <c r="C73024" s="14" t="s">
        <v>51</v>
      </c>
      <c r="D73024" s="14" t="s">
        <v>376</v>
      </c>
      <c r="E73024" s="15">
        <v>45400</v>
      </c>
      <c r="F73024" s="14" t="s">
        <v>61</v>
      </c>
      <c r="G73024" s="16">
        <v>0</v>
      </c>
    </row>
    <row r="73025" spans="1:7" x14ac:dyDescent="0.3">
      <c r="A73025" s="13" t="s">
        <v>375</v>
      </c>
      <c r="B73025" s="14" t="s">
        <v>1</v>
      </c>
      <c r="C73025" s="14" t="s">
        <v>51</v>
      </c>
      <c r="D73025" s="14" t="s">
        <v>376</v>
      </c>
      <c r="E73025" s="15">
        <v>45401</v>
      </c>
      <c r="F73025" s="14" t="s">
        <v>61</v>
      </c>
      <c r="G73025" s="16">
        <v>0</v>
      </c>
    </row>
    <row r="73026" spans="1:7" x14ac:dyDescent="0.3">
      <c r="A73026" s="13" t="s">
        <v>375</v>
      </c>
      <c r="B73026" s="14" t="s">
        <v>1</v>
      </c>
      <c r="C73026" s="14" t="s">
        <v>51</v>
      </c>
      <c r="D73026" s="14" t="s">
        <v>376</v>
      </c>
      <c r="E73026" s="15">
        <v>45402</v>
      </c>
      <c r="F73026" s="14" t="s">
        <v>61</v>
      </c>
      <c r="G73026" s="16">
        <v>0</v>
      </c>
    </row>
    <row r="73027" spans="1:7" x14ac:dyDescent="0.3">
      <c r="A73027" s="13" t="s">
        <v>375</v>
      </c>
      <c r="B73027" s="14" t="s">
        <v>1</v>
      </c>
      <c r="C73027" s="14" t="s">
        <v>51</v>
      </c>
      <c r="D73027" s="14" t="s">
        <v>376</v>
      </c>
      <c r="E73027" s="15">
        <v>45403</v>
      </c>
      <c r="F73027" s="14" t="s">
        <v>61</v>
      </c>
      <c r="G73027" s="16">
        <v>0</v>
      </c>
    </row>
    <row r="73028" spans="1:7" x14ac:dyDescent="0.3">
      <c r="A73028" s="13" t="s">
        <v>375</v>
      </c>
      <c r="B73028" s="14" t="s">
        <v>1</v>
      </c>
      <c r="C73028" s="14" t="s">
        <v>51</v>
      </c>
      <c r="D73028" s="14" t="s">
        <v>376</v>
      </c>
      <c r="E73028" s="15">
        <v>45404</v>
      </c>
      <c r="F73028" s="14" t="s">
        <v>61</v>
      </c>
      <c r="G73028" s="16">
        <v>0</v>
      </c>
    </row>
    <row r="73029" spans="1:7" x14ac:dyDescent="0.3">
      <c r="A73029" s="13" t="s">
        <v>375</v>
      </c>
      <c r="B73029" s="14" t="s">
        <v>1</v>
      </c>
      <c r="C73029" s="14" t="s">
        <v>51</v>
      </c>
      <c r="D73029" s="14" t="s">
        <v>376</v>
      </c>
      <c r="E73029" s="15">
        <v>45405</v>
      </c>
      <c r="F73029" s="14" t="s">
        <v>61</v>
      </c>
      <c r="G73029" s="16">
        <v>0</v>
      </c>
    </row>
    <row r="73030" spans="1:7" x14ac:dyDescent="0.3">
      <c r="A73030" s="13" t="s">
        <v>375</v>
      </c>
      <c r="B73030" s="14" t="s">
        <v>1</v>
      </c>
      <c r="C73030" s="14" t="s">
        <v>51</v>
      </c>
      <c r="D73030" s="14" t="s">
        <v>376</v>
      </c>
      <c r="E73030" s="15">
        <v>45406</v>
      </c>
      <c r="F73030" s="14" t="s">
        <v>61</v>
      </c>
      <c r="G73030" s="16">
        <v>0</v>
      </c>
    </row>
    <row r="73031" spans="1:7" x14ac:dyDescent="0.3">
      <c r="A73031" s="13" t="s">
        <v>375</v>
      </c>
      <c r="B73031" s="14" t="s">
        <v>1</v>
      </c>
      <c r="C73031" s="14" t="s">
        <v>51</v>
      </c>
      <c r="D73031" s="14" t="s">
        <v>376</v>
      </c>
      <c r="E73031" s="15">
        <v>45407</v>
      </c>
      <c r="F73031" s="14" t="s">
        <v>61</v>
      </c>
      <c r="G73031" s="16">
        <v>0</v>
      </c>
    </row>
    <row r="73032" spans="1:7" x14ac:dyDescent="0.3">
      <c r="A73032" s="13" t="s">
        <v>375</v>
      </c>
      <c r="B73032" s="14" t="s">
        <v>1</v>
      </c>
      <c r="C73032" s="14" t="s">
        <v>51</v>
      </c>
      <c r="D73032" s="14" t="s">
        <v>376</v>
      </c>
      <c r="E73032" s="15">
        <v>45408</v>
      </c>
      <c r="F73032" s="14" t="s">
        <v>61</v>
      </c>
      <c r="G73032" s="16">
        <v>0</v>
      </c>
    </row>
    <row r="73033" spans="1:7" x14ac:dyDescent="0.3">
      <c r="A73033" s="13" t="s">
        <v>375</v>
      </c>
      <c r="B73033" s="14" t="s">
        <v>1</v>
      </c>
      <c r="C73033" s="14" t="s">
        <v>51</v>
      </c>
      <c r="D73033" s="14" t="s">
        <v>376</v>
      </c>
      <c r="E73033" s="15">
        <v>45409</v>
      </c>
      <c r="F73033" s="14" t="s">
        <v>61</v>
      </c>
      <c r="G73033" s="16">
        <v>0</v>
      </c>
    </row>
    <row r="73034" spans="1:7" x14ac:dyDescent="0.3">
      <c r="A73034" s="13" t="s">
        <v>375</v>
      </c>
      <c r="B73034" s="14" t="s">
        <v>1</v>
      </c>
      <c r="C73034" s="14" t="s">
        <v>51</v>
      </c>
      <c r="D73034" s="14" t="s">
        <v>376</v>
      </c>
      <c r="E73034" s="15">
        <v>45410</v>
      </c>
      <c r="F73034" s="14" t="s">
        <v>61</v>
      </c>
      <c r="G73034" s="16">
        <v>0</v>
      </c>
    </row>
    <row r="73035" spans="1:7" x14ac:dyDescent="0.3">
      <c r="A73035" s="13" t="s">
        <v>375</v>
      </c>
      <c r="B73035" s="14" t="s">
        <v>1</v>
      </c>
      <c r="C73035" s="14" t="s">
        <v>51</v>
      </c>
      <c r="D73035" s="14" t="s">
        <v>376</v>
      </c>
      <c r="E73035" s="15">
        <v>45411</v>
      </c>
      <c r="F73035" s="14" t="s">
        <v>61</v>
      </c>
      <c r="G73035" s="16">
        <v>0</v>
      </c>
    </row>
    <row r="73036" spans="1:7" x14ac:dyDescent="0.3">
      <c r="A73036" s="13" t="s">
        <v>375</v>
      </c>
      <c r="B73036" s="14" t="s">
        <v>1</v>
      </c>
      <c r="C73036" s="14" t="s">
        <v>51</v>
      </c>
      <c r="D73036" s="14" t="s">
        <v>376</v>
      </c>
      <c r="E73036" s="15">
        <v>45412</v>
      </c>
      <c r="F73036" s="14" t="s">
        <v>61</v>
      </c>
      <c r="G73036" s="16">
        <v>0</v>
      </c>
    </row>
    <row r="73037" spans="1:7" x14ac:dyDescent="0.3">
      <c r="A73037" s="13" t="s">
        <v>375</v>
      </c>
      <c r="B73037" s="14" t="s">
        <v>1</v>
      </c>
      <c r="C73037" s="14" t="s">
        <v>51</v>
      </c>
      <c r="D73037" s="14" t="s">
        <v>376</v>
      </c>
      <c r="E73037" s="15">
        <v>45413</v>
      </c>
      <c r="F73037" s="14" t="s">
        <v>61</v>
      </c>
      <c r="G73037" s="16">
        <v>0</v>
      </c>
    </row>
    <row r="73038" spans="1:7" x14ac:dyDescent="0.3">
      <c r="A73038" s="13" t="s">
        <v>375</v>
      </c>
      <c r="B73038" s="14" t="s">
        <v>1</v>
      </c>
      <c r="C73038" s="14" t="s">
        <v>51</v>
      </c>
      <c r="D73038" s="14" t="s">
        <v>376</v>
      </c>
      <c r="E73038" s="15">
        <v>45414</v>
      </c>
      <c r="F73038" s="14" t="s">
        <v>61</v>
      </c>
      <c r="G73038" s="16">
        <v>0</v>
      </c>
    </row>
    <row r="73039" spans="1:7" x14ac:dyDescent="0.3">
      <c r="A73039" s="13" t="s">
        <v>375</v>
      </c>
      <c r="B73039" s="14" t="s">
        <v>1</v>
      </c>
      <c r="C73039" s="14" t="s">
        <v>51</v>
      </c>
      <c r="D73039" s="14" t="s">
        <v>376</v>
      </c>
      <c r="E73039" s="15">
        <v>45415</v>
      </c>
      <c r="F73039" s="14" t="s">
        <v>61</v>
      </c>
      <c r="G73039" s="16">
        <v>0</v>
      </c>
    </row>
    <row r="73040" spans="1:7" x14ac:dyDescent="0.3">
      <c r="A73040" s="13" t="s">
        <v>375</v>
      </c>
      <c r="B73040" s="14" t="s">
        <v>1</v>
      </c>
      <c r="C73040" s="14" t="s">
        <v>51</v>
      </c>
      <c r="D73040" s="14" t="s">
        <v>376</v>
      </c>
      <c r="E73040" s="15">
        <v>45416</v>
      </c>
      <c r="F73040" s="14" t="s">
        <v>61</v>
      </c>
      <c r="G73040" s="16">
        <v>0</v>
      </c>
    </row>
    <row r="73041" spans="1:7" x14ac:dyDescent="0.3">
      <c r="A73041" s="13" t="s">
        <v>375</v>
      </c>
      <c r="B73041" s="14" t="s">
        <v>1</v>
      </c>
      <c r="C73041" s="14" t="s">
        <v>51</v>
      </c>
      <c r="D73041" s="14" t="s">
        <v>376</v>
      </c>
      <c r="E73041" s="15">
        <v>45417</v>
      </c>
      <c r="F73041" s="14" t="s">
        <v>61</v>
      </c>
      <c r="G73041" s="16">
        <v>0</v>
      </c>
    </row>
    <row r="73042" spans="1:7" x14ac:dyDescent="0.3">
      <c r="A73042" s="13" t="s">
        <v>375</v>
      </c>
      <c r="B73042" s="14" t="s">
        <v>1</v>
      </c>
      <c r="C73042" s="14" t="s">
        <v>51</v>
      </c>
      <c r="D73042" s="14" t="s">
        <v>376</v>
      </c>
      <c r="E73042" s="15">
        <v>45418</v>
      </c>
      <c r="F73042" s="14" t="s">
        <v>61</v>
      </c>
      <c r="G73042" s="16">
        <v>0</v>
      </c>
    </row>
    <row r="73043" spans="1:7" x14ac:dyDescent="0.3">
      <c r="A73043" s="13" t="s">
        <v>375</v>
      </c>
      <c r="B73043" s="14" t="s">
        <v>1</v>
      </c>
      <c r="C73043" s="14" t="s">
        <v>51</v>
      </c>
      <c r="D73043" s="14" t="s">
        <v>376</v>
      </c>
      <c r="E73043" s="15">
        <v>45419</v>
      </c>
      <c r="F73043" s="14" t="s">
        <v>61</v>
      </c>
      <c r="G73043" s="16">
        <v>0</v>
      </c>
    </row>
    <row r="73044" spans="1:7" x14ac:dyDescent="0.3">
      <c r="A73044" s="13" t="s">
        <v>375</v>
      </c>
      <c r="B73044" s="14" t="s">
        <v>1</v>
      </c>
      <c r="C73044" s="14" t="s">
        <v>51</v>
      </c>
      <c r="D73044" s="14" t="s">
        <v>376</v>
      </c>
      <c r="E73044" s="15">
        <v>45420</v>
      </c>
      <c r="F73044" s="14" t="s">
        <v>61</v>
      </c>
      <c r="G73044" s="16">
        <v>0</v>
      </c>
    </row>
    <row r="73045" spans="1:7" x14ac:dyDescent="0.3">
      <c r="A73045" s="13" t="s">
        <v>375</v>
      </c>
      <c r="B73045" s="14" t="s">
        <v>1</v>
      </c>
      <c r="C73045" s="14" t="s">
        <v>51</v>
      </c>
      <c r="D73045" s="14" t="s">
        <v>376</v>
      </c>
      <c r="E73045" s="15">
        <v>45421</v>
      </c>
      <c r="F73045" s="14" t="s">
        <v>61</v>
      </c>
      <c r="G73045" s="16">
        <v>0</v>
      </c>
    </row>
    <row r="73046" spans="1:7" x14ac:dyDescent="0.3">
      <c r="A73046" s="13" t="s">
        <v>375</v>
      </c>
      <c r="B73046" s="14" t="s">
        <v>1</v>
      </c>
      <c r="C73046" s="14" t="s">
        <v>51</v>
      </c>
      <c r="D73046" s="14" t="s">
        <v>376</v>
      </c>
      <c r="E73046" s="15">
        <v>45422</v>
      </c>
      <c r="F73046" s="14" t="s">
        <v>61</v>
      </c>
      <c r="G73046" s="16">
        <v>0</v>
      </c>
    </row>
    <row r="73047" spans="1:7" x14ac:dyDescent="0.3">
      <c r="A73047" s="13" t="s">
        <v>375</v>
      </c>
      <c r="B73047" s="14" t="s">
        <v>1</v>
      </c>
      <c r="C73047" s="14" t="s">
        <v>51</v>
      </c>
      <c r="D73047" s="14" t="s">
        <v>376</v>
      </c>
      <c r="E73047" s="15">
        <v>45423</v>
      </c>
      <c r="F73047" s="14" t="s">
        <v>61</v>
      </c>
      <c r="G73047" s="16">
        <v>0</v>
      </c>
    </row>
    <row r="73048" spans="1:7" x14ac:dyDescent="0.3">
      <c r="A73048" s="13" t="s">
        <v>375</v>
      </c>
      <c r="B73048" s="14" t="s">
        <v>1</v>
      </c>
      <c r="C73048" s="14" t="s">
        <v>51</v>
      </c>
      <c r="D73048" s="14" t="s">
        <v>376</v>
      </c>
      <c r="E73048" s="15">
        <v>45424</v>
      </c>
      <c r="F73048" s="14" t="s">
        <v>61</v>
      </c>
      <c r="G73048" s="16">
        <v>0</v>
      </c>
    </row>
    <row r="73049" spans="1:7" x14ac:dyDescent="0.3">
      <c r="A73049" s="13" t="s">
        <v>375</v>
      </c>
      <c r="B73049" s="14" t="s">
        <v>1</v>
      </c>
      <c r="C73049" s="14" t="s">
        <v>51</v>
      </c>
      <c r="D73049" s="14" t="s">
        <v>376</v>
      </c>
      <c r="E73049" s="15">
        <v>45425</v>
      </c>
      <c r="F73049" s="14" t="s">
        <v>61</v>
      </c>
      <c r="G73049" s="16">
        <v>0</v>
      </c>
    </row>
    <row r="73050" spans="1:7" x14ac:dyDescent="0.3">
      <c r="A73050" s="13" t="s">
        <v>375</v>
      </c>
      <c r="B73050" s="14" t="s">
        <v>1</v>
      </c>
      <c r="C73050" s="14" t="s">
        <v>51</v>
      </c>
      <c r="D73050" s="14" t="s">
        <v>376</v>
      </c>
      <c r="E73050" s="15">
        <v>45426</v>
      </c>
      <c r="F73050" s="14" t="s">
        <v>61</v>
      </c>
      <c r="G73050" s="16">
        <v>0</v>
      </c>
    </row>
    <row r="73051" spans="1:7" x14ac:dyDescent="0.3">
      <c r="A73051" s="13" t="s">
        <v>375</v>
      </c>
      <c r="B73051" s="14" t="s">
        <v>1</v>
      </c>
      <c r="C73051" s="14" t="s">
        <v>51</v>
      </c>
      <c r="D73051" s="14" t="s">
        <v>376</v>
      </c>
      <c r="E73051" s="15">
        <v>45427</v>
      </c>
      <c r="F73051" s="14" t="s">
        <v>61</v>
      </c>
      <c r="G73051" s="16">
        <v>0</v>
      </c>
    </row>
    <row r="73052" spans="1:7" x14ac:dyDescent="0.3">
      <c r="A73052" s="13" t="s">
        <v>375</v>
      </c>
      <c r="B73052" s="14" t="s">
        <v>1</v>
      </c>
      <c r="C73052" s="14" t="s">
        <v>51</v>
      </c>
      <c r="D73052" s="14" t="s">
        <v>376</v>
      </c>
      <c r="E73052" s="15">
        <v>45428</v>
      </c>
      <c r="F73052" s="14" t="s">
        <v>61</v>
      </c>
      <c r="G73052" s="16">
        <v>0</v>
      </c>
    </row>
    <row r="73053" spans="1:7" x14ac:dyDescent="0.3">
      <c r="A73053" s="13" t="s">
        <v>375</v>
      </c>
      <c r="B73053" s="14" t="s">
        <v>1</v>
      </c>
      <c r="C73053" s="14" t="s">
        <v>51</v>
      </c>
      <c r="D73053" s="14" t="s">
        <v>376</v>
      </c>
      <c r="E73053" s="15">
        <v>45429</v>
      </c>
      <c r="F73053" s="14" t="s">
        <v>61</v>
      </c>
      <c r="G73053" s="16">
        <v>0</v>
      </c>
    </row>
    <row r="73054" spans="1:7" x14ac:dyDescent="0.3">
      <c r="A73054" s="13" t="s">
        <v>375</v>
      </c>
      <c r="B73054" s="14" t="s">
        <v>1</v>
      </c>
      <c r="C73054" s="14" t="s">
        <v>51</v>
      </c>
      <c r="D73054" s="14" t="s">
        <v>376</v>
      </c>
      <c r="E73054" s="15">
        <v>45430</v>
      </c>
      <c r="F73054" s="14" t="s">
        <v>61</v>
      </c>
      <c r="G73054" s="16">
        <v>0</v>
      </c>
    </row>
    <row r="73055" spans="1:7" x14ac:dyDescent="0.3">
      <c r="A73055" s="13" t="s">
        <v>375</v>
      </c>
      <c r="B73055" s="14" t="s">
        <v>1</v>
      </c>
      <c r="C73055" s="14" t="s">
        <v>51</v>
      </c>
      <c r="D73055" s="14" t="s">
        <v>376</v>
      </c>
      <c r="E73055" s="15">
        <v>45431</v>
      </c>
      <c r="F73055" s="14" t="s">
        <v>61</v>
      </c>
      <c r="G73055" s="16">
        <v>0</v>
      </c>
    </row>
    <row r="73056" spans="1:7" x14ac:dyDescent="0.3">
      <c r="A73056" s="13" t="s">
        <v>375</v>
      </c>
      <c r="B73056" s="14" t="s">
        <v>1</v>
      </c>
      <c r="C73056" s="14" t="s">
        <v>51</v>
      </c>
      <c r="D73056" s="14" t="s">
        <v>376</v>
      </c>
      <c r="E73056" s="15">
        <v>45432</v>
      </c>
      <c r="F73056" s="14" t="s">
        <v>61</v>
      </c>
      <c r="G73056" s="16">
        <v>0</v>
      </c>
    </row>
    <row r="73057" spans="1:7" x14ac:dyDescent="0.3">
      <c r="A73057" s="13" t="s">
        <v>375</v>
      </c>
      <c r="B73057" s="14" t="s">
        <v>1</v>
      </c>
      <c r="C73057" s="14" t="s">
        <v>51</v>
      </c>
      <c r="D73057" s="14" t="s">
        <v>376</v>
      </c>
      <c r="E73057" s="15">
        <v>45433</v>
      </c>
      <c r="F73057" s="14" t="s">
        <v>61</v>
      </c>
      <c r="G73057" s="16">
        <v>0</v>
      </c>
    </row>
    <row r="73058" spans="1:7" x14ac:dyDescent="0.3">
      <c r="A73058" s="13" t="s">
        <v>375</v>
      </c>
      <c r="B73058" s="14" t="s">
        <v>1</v>
      </c>
      <c r="C73058" s="14" t="s">
        <v>51</v>
      </c>
      <c r="D73058" s="14" t="s">
        <v>376</v>
      </c>
      <c r="E73058" s="15">
        <v>45434</v>
      </c>
      <c r="F73058" s="14" t="s">
        <v>61</v>
      </c>
      <c r="G73058" s="16">
        <v>0</v>
      </c>
    </row>
    <row r="73059" spans="1:7" x14ac:dyDescent="0.3">
      <c r="A73059" s="13" t="s">
        <v>375</v>
      </c>
      <c r="B73059" s="14" t="s">
        <v>1</v>
      </c>
      <c r="C73059" s="14" t="s">
        <v>51</v>
      </c>
      <c r="D73059" s="14" t="s">
        <v>376</v>
      </c>
      <c r="E73059" s="15">
        <v>45435</v>
      </c>
      <c r="F73059" s="14" t="s">
        <v>61</v>
      </c>
      <c r="G73059" s="16">
        <v>0</v>
      </c>
    </row>
    <row r="73060" spans="1:7" x14ac:dyDescent="0.3">
      <c r="A73060" s="13" t="s">
        <v>375</v>
      </c>
      <c r="B73060" s="14" t="s">
        <v>1</v>
      </c>
      <c r="C73060" s="14" t="s">
        <v>51</v>
      </c>
      <c r="D73060" s="14" t="s">
        <v>376</v>
      </c>
      <c r="E73060" s="15">
        <v>45436</v>
      </c>
      <c r="F73060" s="14" t="s">
        <v>61</v>
      </c>
      <c r="G73060" s="16">
        <v>0</v>
      </c>
    </row>
    <row r="73061" spans="1:7" x14ac:dyDescent="0.3">
      <c r="A73061" s="13" t="s">
        <v>375</v>
      </c>
      <c r="B73061" s="14" t="s">
        <v>1</v>
      </c>
      <c r="C73061" s="14" t="s">
        <v>51</v>
      </c>
      <c r="D73061" s="14" t="s">
        <v>376</v>
      </c>
      <c r="E73061" s="15">
        <v>45437</v>
      </c>
      <c r="F73061" s="14" t="s">
        <v>61</v>
      </c>
      <c r="G73061" s="16">
        <v>0</v>
      </c>
    </row>
    <row r="73062" spans="1:7" x14ac:dyDescent="0.3">
      <c r="A73062" s="13" t="s">
        <v>375</v>
      </c>
      <c r="B73062" s="14" t="s">
        <v>1</v>
      </c>
      <c r="C73062" s="14" t="s">
        <v>51</v>
      </c>
      <c r="D73062" s="14" t="s">
        <v>376</v>
      </c>
      <c r="E73062" s="15">
        <v>45438</v>
      </c>
      <c r="F73062" s="14" t="s">
        <v>61</v>
      </c>
      <c r="G73062" s="16">
        <v>0</v>
      </c>
    </row>
    <row r="73063" spans="1:7" x14ac:dyDescent="0.3">
      <c r="A73063" s="13" t="s">
        <v>375</v>
      </c>
      <c r="B73063" s="14" t="s">
        <v>1</v>
      </c>
      <c r="C73063" s="14" t="s">
        <v>51</v>
      </c>
      <c r="D73063" s="14" t="s">
        <v>376</v>
      </c>
      <c r="E73063" s="15">
        <v>45439</v>
      </c>
      <c r="F73063" s="14" t="s">
        <v>61</v>
      </c>
      <c r="G73063" s="16">
        <v>0</v>
      </c>
    </row>
    <row r="73064" spans="1:7" x14ac:dyDescent="0.3">
      <c r="A73064" s="13" t="s">
        <v>375</v>
      </c>
      <c r="B73064" s="14" t="s">
        <v>1</v>
      </c>
      <c r="C73064" s="14" t="s">
        <v>51</v>
      </c>
      <c r="D73064" s="14" t="s">
        <v>376</v>
      </c>
      <c r="E73064" s="15">
        <v>45440</v>
      </c>
      <c r="F73064" s="14" t="s">
        <v>61</v>
      </c>
      <c r="G73064" s="16">
        <v>0</v>
      </c>
    </row>
    <row r="73065" spans="1:7" x14ac:dyDescent="0.3">
      <c r="A73065" s="13" t="s">
        <v>375</v>
      </c>
      <c r="B73065" s="14" t="s">
        <v>1</v>
      </c>
      <c r="C73065" s="14" t="s">
        <v>51</v>
      </c>
      <c r="D73065" s="14" t="s">
        <v>376</v>
      </c>
      <c r="E73065" s="15">
        <v>45441</v>
      </c>
      <c r="F73065" s="14" t="s">
        <v>61</v>
      </c>
      <c r="G73065" s="16">
        <v>0</v>
      </c>
    </row>
    <row r="73066" spans="1:7" x14ac:dyDescent="0.3">
      <c r="A73066" s="13" t="s">
        <v>375</v>
      </c>
      <c r="B73066" s="14" t="s">
        <v>1</v>
      </c>
      <c r="C73066" s="14" t="s">
        <v>51</v>
      </c>
      <c r="D73066" s="14" t="s">
        <v>376</v>
      </c>
      <c r="E73066" s="15">
        <v>45442</v>
      </c>
      <c r="F73066" s="14" t="s">
        <v>61</v>
      </c>
      <c r="G73066" s="16">
        <v>0</v>
      </c>
    </row>
    <row r="73067" spans="1:7" x14ac:dyDescent="0.3">
      <c r="A73067" s="13" t="s">
        <v>375</v>
      </c>
      <c r="B73067" s="14" t="s">
        <v>1</v>
      </c>
      <c r="C73067" s="14" t="s">
        <v>51</v>
      </c>
      <c r="D73067" s="14" t="s">
        <v>376</v>
      </c>
      <c r="E73067" s="15">
        <v>45443</v>
      </c>
      <c r="F73067" s="14" t="s">
        <v>61</v>
      </c>
      <c r="G73067" s="16">
        <v>0</v>
      </c>
    </row>
    <row r="73068" spans="1:7" x14ac:dyDescent="0.3">
      <c r="A73068" s="13" t="s">
        <v>375</v>
      </c>
      <c r="B73068" s="14" t="s">
        <v>1</v>
      </c>
      <c r="C73068" s="14" t="s">
        <v>51</v>
      </c>
      <c r="D73068" s="14" t="s">
        <v>376</v>
      </c>
      <c r="E73068" s="15">
        <v>45444</v>
      </c>
      <c r="F73068" s="14" t="s">
        <v>61</v>
      </c>
      <c r="G73068" s="16">
        <v>0</v>
      </c>
    </row>
    <row r="73069" spans="1:7" x14ac:dyDescent="0.3">
      <c r="A73069" s="13" t="s">
        <v>375</v>
      </c>
      <c r="B73069" s="14" t="s">
        <v>1</v>
      </c>
      <c r="C73069" s="14" t="s">
        <v>51</v>
      </c>
      <c r="D73069" s="14" t="s">
        <v>376</v>
      </c>
      <c r="E73069" s="15">
        <v>45445</v>
      </c>
      <c r="F73069" s="14" t="s">
        <v>61</v>
      </c>
      <c r="G73069" s="16">
        <v>0</v>
      </c>
    </row>
    <row r="73070" spans="1:7" x14ac:dyDescent="0.3">
      <c r="A73070" s="13" t="s">
        <v>375</v>
      </c>
      <c r="B73070" s="14" t="s">
        <v>1</v>
      </c>
      <c r="C73070" s="14" t="s">
        <v>51</v>
      </c>
      <c r="D73070" s="14" t="s">
        <v>376</v>
      </c>
      <c r="E73070" s="15">
        <v>45446</v>
      </c>
      <c r="F73070" s="14" t="s">
        <v>61</v>
      </c>
      <c r="G73070" s="16">
        <v>0</v>
      </c>
    </row>
    <row r="73071" spans="1:7" x14ac:dyDescent="0.3">
      <c r="A73071" s="13" t="s">
        <v>375</v>
      </c>
      <c r="B73071" s="14" t="s">
        <v>1</v>
      </c>
      <c r="C73071" s="14" t="s">
        <v>51</v>
      </c>
      <c r="D73071" s="14" t="s">
        <v>376</v>
      </c>
      <c r="E73071" s="15">
        <v>45447</v>
      </c>
      <c r="F73071" s="14" t="s">
        <v>61</v>
      </c>
      <c r="G73071" s="16">
        <v>0</v>
      </c>
    </row>
    <row r="73072" spans="1:7" x14ac:dyDescent="0.3">
      <c r="A73072" s="13" t="s">
        <v>375</v>
      </c>
      <c r="B73072" s="14" t="s">
        <v>1</v>
      </c>
      <c r="C73072" s="14" t="s">
        <v>51</v>
      </c>
      <c r="D73072" s="14" t="s">
        <v>376</v>
      </c>
      <c r="E73072" s="15">
        <v>45448</v>
      </c>
      <c r="F73072" s="14" t="s">
        <v>61</v>
      </c>
      <c r="G73072" s="16">
        <v>0</v>
      </c>
    </row>
    <row r="73073" spans="1:7" x14ac:dyDescent="0.3">
      <c r="A73073" s="13" t="s">
        <v>375</v>
      </c>
      <c r="B73073" s="14" t="s">
        <v>1</v>
      </c>
      <c r="C73073" s="14" t="s">
        <v>51</v>
      </c>
      <c r="D73073" s="14" t="s">
        <v>376</v>
      </c>
      <c r="E73073" s="15">
        <v>45449</v>
      </c>
      <c r="F73073" s="14" t="s">
        <v>61</v>
      </c>
      <c r="G73073" s="16">
        <v>0</v>
      </c>
    </row>
    <row r="73074" spans="1:7" x14ac:dyDescent="0.3">
      <c r="A73074" s="13" t="s">
        <v>375</v>
      </c>
      <c r="B73074" s="14" t="s">
        <v>1</v>
      </c>
      <c r="C73074" s="14" t="s">
        <v>51</v>
      </c>
      <c r="D73074" s="14" t="s">
        <v>376</v>
      </c>
      <c r="E73074" s="15">
        <v>45450</v>
      </c>
      <c r="F73074" s="14" t="s">
        <v>61</v>
      </c>
      <c r="G73074" s="16">
        <v>0</v>
      </c>
    </row>
    <row r="73075" spans="1:7" x14ac:dyDescent="0.3">
      <c r="A73075" s="13" t="s">
        <v>375</v>
      </c>
      <c r="B73075" s="14" t="s">
        <v>1</v>
      </c>
      <c r="C73075" s="14" t="s">
        <v>51</v>
      </c>
      <c r="D73075" s="14" t="s">
        <v>376</v>
      </c>
      <c r="E73075" s="15">
        <v>45451</v>
      </c>
      <c r="F73075" s="14" t="s">
        <v>61</v>
      </c>
      <c r="G73075" s="16">
        <v>0</v>
      </c>
    </row>
    <row r="73076" spans="1:7" x14ac:dyDescent="0.3">
      <c r="A73076" s="13" t="s">
        <v>375</v>
      </c>
      <c r="B73076" s="14" t="s">
        <v>1</v>
      </c>
      <c r="C73076" s="14" t="s">
        <v>51</v>
      </c>
      <c r="D73076" s="14" t="s">
        <v>376</v>
      </c>
      <c r="E73076" s="15">
        <v>45452</v>
      </c>
      <c r="F73076" s="14" t="s">
        <v>61</v>
      </c>
      <c r="G73076" s="16">
        <v>0</v>
      </c>
    </row>
    <row r="73077" spans="1:7" x14ac:dyDescent="0.3">
      <c r="A73077" s="13" t="s">
        <v>375</v>
      </c>
      <c r="B73077" s="14" t="s">
        <v>1</v>
      </c>
      <c r="C73077" s="14" t="s">
        <v>51</v>
      </c>
      <c r="D73077" s="14" t="s">
        <v>376</v>
      </c>
      <c r="E73077" s="15">
        <v>45453</v>
      </c>
      <c r="F73077" s="14" t="s">
        <v>61</v>
      </c>
      <c r="G73077" s="16">
        <v>0</v>
      </c>
    </row>
    <row r="73078" spans="1:7" x14ac:dyDescent="0.3">
      <c r="A73078" s="13" t="s">
        <v>375</v>
      </c>
      <c r="B73078" s="14" t="s">
        <v>1</v>
      </c>
      <c r="C73078" s="14" t="s">
        <v>51</v>
      </c>
      <c r="D73078" s="14" t="s">
        <v>376</v>
      </c>
      <c r="E73078" s="15">
        <v>45454</v>
      </c>
      <c r="F73078" s="14" t="s">
        <v>61</v>
      </c>
      <c r="G73078" s="16">
        <v>0</v>
      </c>
    </row>
    <row r="73079" spans="1:7" x14ac:dyDescent="0.3">
      <c r="A73079" s="13" t="s">
        <v>375</v>
      </c>
      <c r="B73079" s="14" t="s">
        <v>1</v>
      </c>
      <c r="C73079" s="14" t="s">
        <v>51</v>
      </c>
      <c r="D73079" s="14" t="s">
        <v>376</v>
      </c>
      <c r="E73079" s="15">
        <v>45455</v>
      </c>
      <c r="F73079" s="14" t="s">
        <v>61</v>
      </c>
      <c r="G73079" s="16">
        <v>0</v>
      </c>
    </row>
    <row r="73080" spans="1:7" x14ac:dyDescent="0.3">
      <c r="A73080" s="13" t="s">
        <v>375</v>
      </c>
      <c r="B73080" s="14" t="s">
        <v>1</v>
      </c>
      <c r="C73080" s="14" t="s">
        <v>51</v>
      </c>
      <c r="D73080" s="14" t="s">
        <v>376</v>
      </c>
      <c r="E73080" s="15">
        <v>45456</v>
      </c>
      <c r="F73080" s="14" t="s">
        <v>61</v>
      </c>
      <c r="G73080" s="16">
        <v>0</v>
      </c>
    </row>
    <row r="73081" spans="1:7" x14ac:dyDescent="0.3">
      <c r="A73081" s="13" t="s">
        <v>375</v>
      </c>
      <c r="B73081" s="14" t="s">
        <v>1</v>
      </c>
      <c r="C73081" s="14" t="s">
        <v>51</v>
      </c>
      <c r="D73081" s="14" t="s">
        <v>376</v>
      </c>
      <c r="E73081" s="15">
        <v>45457</v>
      </c>
      <c r="F73081" s="14" t="s">
        <v>61</v>
      </c>
      <c r="G73081" s="16">
        <v>0</v>
      </c>
    </row>
    <row r="73082" spans="1:7" x14ac:dyDescent="0.3">
      <c r="A73082" s="13" t="s">
        <v>375</v>
      </c>
      <c r="B73082" s="14" t="s">
        <v>1</v>
      </c>
      <c r="C73082" s="14" t="s">
        <v>51</v>
      </c>
      <c r="D73082" s="14" t="s">
        <v>376</v>
      </c>
      <c r="E73082" s="15">
        <v>45458</v>
      </c>
      <c r="F73082" s="14" t="s">
        <v>61</v>
      </c>
      <c r="G73082" s="16">
        <v>0</v>
      </c>
    </row>
    <row r="73083" spans="1:7" x14ac:dyDescent="0.3">
      <c r="A73083" s="13" t="s">
        <v>375</v>
      </c>
      <c r="B73083" s="14" t="s">
        <v>1</v>
      </c>
      <c r="C73083" s="14" t="s">
        <v>51</v>
      </c>
      <c r="D73083" s="14" t="s">
        <v>376</v>
      </c>
      <c r="E73083" s="15">
        <v>45459</v>
      </c>
      <c r="F73083" s="14" t="s">
        <v>61</v>
      </c>
      <c r="G73083" s="16">
        <v>0</v>
      </c>
    </row>
    <row r="73084" spans="1:7" x14ac:dyDescent="0.3">
      <c r="A73084" s="13" t="s">
        <v>375</v>
      </c>
      <c r="B73084" s="14" t="s">
        <v>1</v>
      </c>
      <c r="C73084" s="14" t="s">
        <v>51</v>
      </c>
      <c r="D73084" s="14" t="s">
        <v>376</v>
      </c>
      <c r="E73084" s="15">
        <v>45460</v>
      </c>
      <c r="F73084" s="14" t="s">
        <v>61</v>
      </c>
      <c r="G73084" s="16">
        <v>0</v>
      </c>
    </row>
    <row r="73085" spans="1:7" x14ac:dyDescent="0.3">
      <c r="A73085" s="13" t="s">
        <v>375</v>
      </c>
      <c r="B73085" s="14" t="s">
        <v>1</v>
      </c>
      <c r="C73085" s="14" t="s">
        <v>51</v>
      </c>
      <c r="D73085" s="14" t="s">
        <v>376</v>
      </c>
      <c r="E73085" s="15">
        <v>45461</v>
      </c>
      <c r="F73085" s="14" t="s">
        <v>61</v>
      </c>
      <c r="G73085" s="16">
        <v>0</v>
      </c>
    </row>
    <row r="73086" spans="1:7" x14ac:dyDescent="0.3">
      <c r="A73086" s="13" t="s">
        <v>375</v>
      </c>
      <c r="B73086" s="14" t="s">
        <v>1</v>
      </c>
      <c r="C73086" s="14" t="s">
        <v>51</v>
      </c>
      <c r="D73086" s="14" t="s">
        <v>376</v>
      </c>
      <c r="E73086" s="15">
        <v>45462</v>
      </c>
      <c r="F73086" s="14" t="s">
        <v>61</v>
      </c>
      <c r="G73086" s="16">
        <v>0</v>
      </c>
    </row>
    <row r="73087" spans="1:7" x14ac:dyDescent="0.3">
      <c r="A73087" s="13" t="s">
        <v>375</v>
      </c>
      <c r="B73087" s="14" t="s">
        <v>1</v>
      </c>
      <c r="C73087" s="14" t="s">
        <v>51</v>
      </c>
      <c r="D73087" s="14" t="s">
        <v>376</v>
      </c>
      <c r="E73087" s="15">
        <v>45463</v>
      </c>
      <c r="F73087" s="14" t="s">
        <v>61</v>
      </c>
      <c r="G73087" s="16">
        <v>0</v>
      </c>
    </row>
    <row r="73088" spans="1:7" x14ac:dyDescent="0.3">
      <c r="A73088" s="13" t="s">
        <v>375</v>
      </c>
      <c r="B73088" s="14" t="s">
        <v>1</v>
      </c>
      <c r="C73088" s="14" t="s">
        <v>51</v>
      </c>
      <c r="D73088" s="14" t="s">
        <v>376</v>
      </c>
      <c r="E73088" s="15">
        <v>45464</v>
      </c>
      <c r="F73088" s="14" t="s">
        <v>61</v>
      </c>
      <c r="G73088" s="16">
        <v>0</v>
      </c>
    </row>
    <row r="73089" spans="1:7" x14ac:dyDescent="0.3">
      <c r="A73089" s="13" t="s">
        <v>375</v>
      </c>
      <c r="B73089" s="14" t="s">
        <v>1</v>
      </c>
      <c r="C73089" s="14" t="s">
        <v>51</v>
      </c>
      <c r="D73089" s="14" t="s">
        <v>376</v>
      </c>
      <c r="E73089" s="15">
        <v>45465</v>
      </c>
      <c r="F73089" s="14" t="s">
        <v>61</v>
      </c>
      <c r="G73089" s="16">
        <v>0</v>
      </c>
    </row>
    <row r="73090" spans="1:7" x14ac:dyDescent="0.3">
      <c r="A73090" s="13" t="s">
        <v>375</v>
      </c>
      <c r="B73090" s="14" t="s">
        <v>1</v>
      </c>
      <c r="C73090" s="14" t="s">
        <v>51</v>
      </c>
      <c r="D73090" s="14" t="s">
        <v>376</v>
      </c>
      <c r="E73090" s="15">
        <v>45466</v>
      </c>
      <c r="F73090" s="14" t="s">
        <v>61</v>
      </c>
      <c r="G73090" s="16">
        <v>0</v>
      </c>
    </row>
    <row r="73091" spans="1:7" x14ac:dyDescent="0.3">
      <c r="A73091" s="13" t="s">
        <v>375</v>
      </c>
      <c r="B73091" s="14" t="s">
        <v>1</v>
      </c>
      <c r="C73091" s="14" t="s">
        <v>51</v>
      </c>
      <c r="D73091" s="14" t="s">
        <v>376</v>
      </c>
      <c r="E73091" s="15">
        <v>45467</v>
      </c>
      <c r="F73091" s="14" t="s">
        <v>61</v>
      </c>
      <c r="G73091" s="16">
        <v>0</v>
      </c>
    </row>
    <row r="73092" spans="1:7" x14ac:dyDescent="0.3">
      <c r="A73092" s="13" t="s">
        <v>375</v>
      </c>
      <c r="B73092" s="14" t="s">
        <v>1</v>
      </c>
      <c r="C73092" s="14" t="s">
        <v>51</v>
      </c>
      <c r="D73092" s="14" t="s">
        <v>376</v>
      </c>
      <c r="E73092" s="15">
        <v>45468</v>
      </c>
      <c r="F73092" s="14" t="s">
        <v>61</v>
      </c>
      <c r="G73092" s="16">
        <v>0</v>
      </c>
    </row>
    <row r="73093" spans="1:7" x14ac:dyDescent="0.3">
      <c r="A73093" s="13" t="s">
        <v>375</v>
      </c>
      <c r="B73093" s="14" t="s">
        <v>1</v>
      </c>
      <c r="C73093" s="14" t="s">
        <v>51</v>
      </c>
      <c r="D73093" s="14" t="s">
        <v>376</v>
      </c>
      <c r="E73093" s="15">
        <v>45469</v>
      </c>
      <c r="F73093" s="14" t="s">
        <v>61</v>
      </c>
      <c r="G73093" s="16">
        <v>0</v>
      </c>
    </row>
    <row r="73094" spans="1:7" x14ac:dyDescent="0.3">
      <c r="A73094" s="13" t="s">
        <v>375</v>
      </c>
      <c r="B73094" s="14" t="s">
        <v>1</v>
      </c>
      <c r="C73094" s="14" t="s">
        <v>51</v>
      </c>
      <c r="D73094" s="14" t="s">
        <v>376</v>
      </c>
      <c r="E73094" s="15">
        <v>45470</v>
      </c>
      <c r="F73094" s="14" t="s">
        <v>61</v>
      </c>
      <c r="G73094" s="16">
        <v>0</v>
      </c>
    </row>
    <row r="73095" spans="1:7" x14ac:dyDescent="0.3">
      <c r="A73095" s="13" t="s">
        <v>375</v>
      </c>
      <c r="B73095" s="14" t="s">
        <v>1</v>
      </c>
      <c r="C73095" s="14" t="s">
        <v>51</v>
      </c>
      <c r="D73095" s="14" t="s">
        <v>376</v>
      </c>
      <c r="E73095" s="15">
        <v>45471</v>
      </c>
      <c r="F73095" s="14" t="s">
        <v>61</v>
      </c>
      <c r="G73095" s="16">
        <v>0</v>
      </c>
    </row>
    <row r="73096" spans="1:7" x14ac:dyDescent="0.3">
      <c r="A73096" s="13" t="s">
        <v>375</v>
      </c>
      <c r="B73096" s="14" t="s">
        <v>1</v>
      </c>
      <c r="C73096" s="14" t="s">
        <v>51</v>
      </c>
      <c r="D73096" s="14" t="s">
        <v>376</v>
      </c>
      <c r="E73096" s="15">
        <v>45472</v>
      </c>
      <c r="F73096" s="14" t="s">
        <v>61</v>
      </c>
      <c r="G73096" s="16">
        <v>0</v>
      </c>
    </row>
    <row r="73097" spans="1:7" x14ac:dyDescent="0.3">
      <c r="A73097" s="13" t="s">
        <v>375</v>
      </c>
      <c r="B73097" s="14" t="s">
        <v>1</v>
      </c>
      <c r="C73097" s="14" t="s">
        <v>51</v>
      </c>
      <c r="D73097" s="14" t="s">
        <v>376</v>
      </c>
      <c r="E73097" s="15">
        <v>45473</v>
      </c>
      <c r="F73097" s="14" t="s">
        <v>61</v>
      </c>
      <c r="G73097" s="16">
        <v>0</v>
      </c>
    </row>
    <row r="73098" spans="1:7" x14ac:dyDescent="0.3">
      <c r="A73098" s="13" t="s">
        <v>375</v>
      </c>
      <c r="B73098" s="14" t="s">
        <v>1</v>
      </c>
      <c r="C73098" s="14" t="s">
        <v>51</v>
      </c>
      <c r="D73098" s="14" t="s">
        <v>376</v>
      </c>
      <c r="E73098" s="15">
        <v>45474</v>
      </c>
      <c r="F73098" s="14" t="s">
        <v>61</v>
      </c>
      <c r="G73098" s="16">
        <v>0</v>
      </c>
    </row>
    <row r="73099" spans="1:7" x14ac:dyDescent="0.3">
      <c r="A73099" s="13" t="s">
        <v>375</v>
      </c>
      <c r="B73099" s="14" t="s">
        <v>1</v>
      </c>
      <c r="C73099" s="14" t="s">
        <v>51</v>
      </c>
      <c r="D73099" s="14" t="s">
        <v>376</v>
      </c>
      <c r="E73099" s="15">
        <v>45475</v>
      </c>
      <c r="F73099" s="14" t="s">
        <v>61</v>
      </c>
      <c r="G73099" s="16">
        <v>0</v>
      </c>
    </row>
    <row r="73100" spans="1:7" x14ac:dyDescent="0.3">
      <c r="A73100" s="13" t="s">
        <v>375</v>
      </c>
      <c r="B73100" s="14" t="s">
        <v>1</v>
      </c>
      <c r="C73100" s="14" t="s">
        <v>51</v>
      </c>
      <c r="D73100" s="14" t="s">
        <v>376</v>
      </c>
      <c r="E73100" s="15">
        <v>45476</v>
      </c>
      <c r="F73100" s="14" t="s">
        <v>61</v>
      </c>
      <c r="G73100" s="16">
        <v>0</v>
      </c>
    </row>
    <row r="73101" spans="1:7" x14ac:dyDescent="0.3">
      <c r="A73101" s="13" t="s">
        <v>375</v>
      </c>
      <c r="B73101" s="14" t="s">
        <v>1</v>
      </c>
      <c r="C73101" s="14" t="s">
        <v>51</v>
      </c>
      <c r="D73101" s="14" t="s">
        <v>376</v>
      </c>
      <c r="E73101" s="15">
        <v>45477</v>
      </c>
      <c r="F73101" s="14" t="s">
        <v>61</v>
      </c>
      <c r="G73101" s="16">
        <v>0</v>
      </c>
    </row>
    <row r="73102" spans="1:7" x14ac:dyDescent="0.3">
      <c r="A73102" s="13" t="s">
        <v>375</v>
      </c>
      <c r="B73102" s="14" t="s">
        <v>1</v>
      </c>
      <c r="C73102" s="14" t="s">
        <v>51</v>
      </c>
      <c r="D73102" s="14" t="s">
        <v>376</v>
      </c>
      <c r="E73102" s="15">
        <v>45478</v>
      </c>
      <c r="F73102" s="14" t="s">
        <v>61</v>
      </c>
      <c r="G73102" s="16">
        <v>0</v>
      </c>
    </row>
    <row r="73103" spans="1:7" x14ac:dyDescent="0.3">
      <c r="A73103" s="13" t="s">
        <v>375</v>
      </c>
      <c r="B73103" s="14" t="s">
        <v>1</v>
      </c>
      <c r="C73103" s="14" t="s">
        <v>51</v>
      </c>
      <c r="D73103" s="14" t="s">
        <v>376</v>
      </c>
      <c r="E73103" s="15">
        <v>45479</v>
      </c>
      <c r="F73103" s="14" t="s">
        <v>61</v>
      </c>
      <c r="G73103" s="16">
        <v>0</v>
      </c>
    </row>
    <row r="73104" spans="1:7" x14ac:dyDescent="0.3">
      <c r="A73104" s="13" t="s">
        <v>375</v>
      </c>
      <c r="B73104" s="14" t="s">
        <v>1</v>
      </c>
      <c r="C73104" s="14" t="s">
        <v>51</v>
      </c>
      <c r="D73104" s="14" t="s">
        <v>376</v>
      </c>
      <c r="E73104" s="15">
        <v>45480</v>
      </c>
      <c r="F73104" s="14" t="s">
        <v>61</v>
      </c>
      <c r="G73104" s="16">
        <v>0</v>
      </c>
    </row>
    <row r="73105" spans="1:7" x14ac:dyDescent="0.3">
      <c r="A73105" s="13" t="s">
        <v>375</v>
      </c>
      <c r="B73105" s="14" t="s">
        <v>1</v>
      </c>
      <c r="C73105" s="14" t="s">
        <v>51</v>
      </c>
      <c r="D73105" s="14" t="s">
        <v>376</v>
      </c>
      <c r="E73105" s="15">
        <v>45481</v>
      </c>
      <c r="F73105" s="14" t="s">
        <v>61</v>
      </c>
      <c r="G73105" s="16">
        <v>0</v>
      </c>
    </row>
    <row r="73106" spans="1:7" x14ac:dyDescent="0.3">
      <c r="A73106" s="13" t="s">
        <v>375</v>
      </c>
      <c r="B73106" s="14" t="s">
        <v>1</v>
      </c>
      <c r="C73106" s="14" t="s">
        <v>51</v>
      </c>
      <c r="D73106" s="14" t="s">
        <v>376</v>
      </c>
      <c r="E73106" s="15">
        <v>45482</v>
      </c>
      <c r="F73106" s="14" t="s">
        <v>61</v>
      </c>
      <c r="G73106" s="16">
        <v>0</v>
      </c>
    </row>
    <row r="73107" spans="1:7" x14ac:dyDescent="0.3">
      <c r="A73107" s="13" t="s">
        <v>375</v>
      </c>
      <c r="B73107" s="14" t="s">
        <v>1</v>
      </c>
      <c r="C73107" s="14" t="s">
        <v>51</v>
      </c>
      <c r="D73107" s="14" t="s">
        <v>376</v>
      </c>
      <c r="E73107" s="15">
        <v>45483</v>
      </c>
      <c r="F73107" s="14" t="s">
        <v>61</v>
      </c>
      <c r="G73107" s="16">
        <v>0</v>
      </c>
    </row>
    <row r="73108" spans="1:7" x14ac:dyDescent="0.3">
      <c r="A73108" s="13" t="s">
        <v>375</v>
      </c>
      <c r="B73108" s="14" t="s">
        <v>1</v>
      </c>
      <c r="C73108" s="14" t="s">
        <v>51</v>
      </c>
      <c r="D73108" s="14" t="s">
        <v>376</v>
      </c>
      <c r="E73108" s="15">
        <v>45484</v>
      </c>
      <c r="F73108" s="14" t="s">
        <v>61</v>
      </c>
      <c r="G73108" s="16">
        <v>0</v>
      </c>
    </row>
    <row r="73109" spans="1:7" x14ac:dyDescent="0.3">
      <c r="A73109" s="13" t="s">
        <v>375</v>
      </c>
      <c r="B73109" s="14" t="s">
        <v>1</v>
      </c>
      <c r="C73109" s="14" t="s">
        <v>51</v>
      </c>
      <c r="D73109" s="14" t="s">
        <v>376</v>
      </c>
      <c r="E73109" s="15">
        <v>45485</v>
      </c>
      <c r="F73109" s="14" t="s">
        <v>61</v>
      </c>
      <c r="G73109" s="16">
        <v>0</v>
      </c>
    </row>
    <row r="73110" spans="1:7" x14ac:dyDescent="0.3">
      <c r="A73110" s="13" t="s">
        <v>375</v>
      </c>
      <c r="B73110" s="14" t="s">
        <v>1</v>
      </c>
      <c r="C73110" s="14" t="s">
        <v>51</v>
      </c>
      <c r="D73110" s="14" t="s">
        <v>376</v>
      </c>
      <c r="E73110" s="15">
        <v>45486</v>
      </c>
      <c r="F73110" s="14" t="s">
        <v>61</v>
      </c>
      <c r="G73110" s="16">
        <v>0</v>
      </c>
    </row>
    <row r="73111" spans="1:7" x14ac:dyDescent="0.3">
      <c r="A73111" s="13" t="s">
        <v>375</v>
      </c>
      <c r="B73111" s="14" t="s">
        <v>1</v>
      </c>
      <c r="C73111" s="14" t="s">
        <v>51</v>
      </c>
      <c r="D73111" s="14" t="s">
        <v>376</v>
      </c>
      <c r="E73111" s="15">
        <v>45487</v>
      </c>
      <c r="F73111" s="14" t="s">
        <v>61</v>
      </c>
      <c r="G73111" s="16">
        <v>0</v>
      </c>
    </row>
    <row r="73112" spans="1:7" x14ac:dyDescent="0.3">
      <c r="A73112" s="13" t="s">
        <v>375</v>
      </c>
      <c r="B73112" s="14" t="s">
        <v>1</v>
      </c>
      <c r="C73112" s="14" t="s">
        <v>51</v>
      </c>
      <c r="D73112" s="14" t="s">
        <v>376</v>
      </c>
      <c r="E73112" s="15">
        <v>45488</v>
      </c>
      <c r="F73112" s="14" t="s">
        <v>61</v>
      </c>
      <c r="G73112" s="16">
        <v>0</v>
      </c>
    </row>
    <row r="73113" spans="1:7" x14ac:dyDescent="0.3">
      <c r="A73113" s="13" t="s">
        <v>375</v>
      </c>
      <c r="B73113" s="14" t="s">
        <v>1</v>
      </c>
      <c r="C73113" s="14" t="s">
        <v>51</v>
      </c>
      <c r="D73113" s="14" t="s">
        <v>376</v>
      </c>
      <c r="E73113" s="15">
        <v>45489</v>
      </c>
      <c r="F73113" s="14" t="s">
        <v>61</v>
      </c>
      <c r="G73113" s="16">
        <v>0</v>
      </c>
    </row>
    <row r="73114" spans="1:7" x14ac:dyDescent="0.3">
      <c r="A73114" s="13" t="s">
        <v>375</v>
      </c>
      <c r="B73114" s="14" t="s">
        <v>1</v>
      </c>
      <c r="C73114" s="14" t="s">
        <v>51</v>
      </c>
      <c r="D73114" s="14" t="s">
        <v>376</v>
      </c>
      <c r="E73114" s="15">
        <v>45490</v>
      </c>
      <c r="F73114" s="14" t="s">
        <v>61</v>
      </c>
      <c r="G73114" s="16">
        <v>0</v>
      </c>
    </row>
    <row r="73115" spans="1:7" x14ac:dyDescent="0.3">
      <c r="A73115" s="13" t="s">
        <v>375</v>
      </c>
      <c r="B73115" s="14" t="s">
        <v>1</v>
      </c>
      <c r="C73115" s="14" t="s">
        <v>51</v>
      </c>
      <c r="D73115" s="14" t="s">
        <v>376</v>
      </c>
      <c r="E73115" s="15">
        <v>45491</v>
      </c>
      <c r="F73115" s="14" t="s">
        <v>61</v>
      </c>
      <c r="G73115" s="16">
        <v>0</v>
      </c>
    </row>
    <row r="73116" spans="1:7" x14ac:dyDescent="0.3">
      <c r="A73116" s="13" t="s">
        <v>375</v>
      </c>
      <c r="B73116" s="14" t="s">
        <v>1</v>
      </c>
      <c r="C73116" s="14" t="s">
        <v>51</v>
      </c>
      <c r="D73116" s="14" t="s">
        <v>376</v>
      </c>
      <c r="E73116" s="15">
        <v>45492</v>
      </c>
      <c r="F73116" s="14" t="s">
        <v>61</v>
      </c>
      <c r="G73116" s="16">
        <v>0</v>
      </c>
    </row>
    <row r="73117" spans="1:7" x14ac:dyDescent="0.3">
      <c r="A73117" s="13" t="s">
        <v>375</v>
      </c>
      <c r="B73117" s="14" t="s">
        <v>1</v>
      </c>
      <c r="C73117" s="14" t="s">
        <v>51</v>
      </c>
      <c r="D73117" s="14" t="s">
        <v>376</v>
      </c>
      <c r="E73117" s="15">
        <v>45493</v>
      </c>
      <c r="F73117" s="14" t="s">
        <v>61</v>
      </c>
      <c r="G73117" s="16">
        <v>0</v>
      </c>
    </row>
    <row r="73118" spans="1:7" x14ac:dyDescent="0.3">
      <c r="A73118" s="13" t="s">
        <v>375</v>
      </c>
      <c r="B73118" s="14" t="s">
        <v>1</v>
      </c>
      <c r="C73118" s="14" t="s">
        <v>51</v>
      </c>
      <c r="D73118" s="14" t="s">
        <v>376</v>
      </c>
      <c r="E73118" s="15">
        <v>45494</v>
      </c>
      <c r="F73118" s="14" t="s">
        <v>61</v>
      </c>
      <c r="G73118" s="16">
        <v>0</v>
      </c>
    </row>
    <row r="73119" spans="1:7" x14ac:dyDescent="0.3">
      <c r="A73119" s="13" t="s">
        <v>375</v>
      </c>
      <c r="B73119" s="14" t="s">
        <v>1</v>
      </c>
      <c r="C73119" s="14" t="s">
        <v>51</v>
      </c>
      <c r="D73119" s="14" t="s">
        <v>376</v>
      </c>
      <c r="E73119" s="15">
        <v>45495</v>
      </c>
      <c r="F73119" s="14" t="s">
        <v>61</v>
      </c>
      <c r="G73119" s="16">
        <v>0</v>
      </c>
    </row>
    <row r="73120" spans="1:7" x14ac:dyDescent="0.3">
      <c r="A73120" s="13" t="s">
        <v>375</v>
      </c>
      <c r="B73120" s="14" t="s">
        <v>1</v>
      </c>
      <c r="C73120" s="14" t="s">
        <v>51</v>
      </c>
      <c r="D73120" s="14" t="s">
        <v>376</v>
      </c>
      <c r="E73120" s="15">
        <v>45496</v>
      </c>
      <c r="F73120" s="14" t="s">
        <v>61</v>
      </c>
      <c r="G73120" s="16">
        <v>0</v>
      </c>
    </row>
    <row r="73121" spans="1:7" x14ac:dyDescent="0.3">
      <c r="A73121" s="13" t="s">
        <v>375</v>
      </c>
      <c r="B73121" s="14" t="s">
        <v>1</v>
      </c>
      <c r="C73121" s="14" t="s">
        <v>51</v>
      </c>
      <c r="D73121" s="14" t="s">
        <v>376</v>
      </c>
      <c r="E73121" s="15">
        <v>45497</v>
      </c>
      <c r="F73121" s="14" t="s">
        <v>61</v>
      </c>
      <c r="G73121" s="16">
        <v>0</v>
      </c>
    </row>
    <row r="73122" spans="1:7" x14ac:dyDescent="0.3">
      <c r="A73122" s="13" t="s">
        <v>375</v>
      </c>
      <c r="B73122" s="14" t="s">
        <v>1</v>
      </c>
      <c r="C73122" s="14" t="s">
        <v>51</v>
      </c>
      <c r="D73122" s="14" t="s">
        <v>376</v>
      </c>
      <c r="E73122" s="15">
        <v>45498</v>
      </c>
      <c r="F73122" s="14" t="s">
        <v>61</v>
      </c>
      <c r="G73122" s="16">
        <v>0</v>
      </c>
    </row>
    <row r="73123" spans="1:7" x14ac:dyDescent="0.3">
      <c r="A73123" s="13" t="s">
        <v>375</v>
      </c>
      <c r="B73123" s="14" t="s">
        <v>1</v>
      </c>
      <c r="C73123" s="14" t="s">
        <v>51</v>
      </c>
      <c r="D73123" s="14" t="s">
        <v>376</v>
      </c>
      <c r="E73123" s="15">
        <v>45499</v>
      </c>
      <c r="F73123" s="14" t="s">
        <v>61</v>
      </c>
      <c r="G73123" s="16">
        <v>0</v>
      </c>
    </row>
    <row r="73124" spans="1:7" x14ac:dyDescent="0.3">
      <c r="A73124" s="13" t="s">
        <v>375</v>
      </c>
      <c r="B73124" s="14" t="s">
        <v>1</v>
      </c>
      <c r="C73124" s="14" t="s">
        <v>51</v>
      </c>
      <c r="D73124" s="14" t="s">
        <v>376</v>
      </c>
      <c r="E73124" s="15">
        <v>45500</v>
      </c>
      <c r="F73124" s="14" t="s">
        <v>61</v>
      </c>
      <c r="G73124" s="16">
        <v>0</v>
      </c>
    </row>
    <row r="73125" spans="1:7" x14ac:dyDescent="0.3">
      <c r="A73125" s="13" t="s">
        <v>375</v>
      </c>
      <c r="B73125" s="14" t="s">
        <v>1</v>
      </c>
      <c r="C73125" s="14" t="s">
        <v>51</v>
      </c>
      <c r="D73125" s="14" t="s">
        <v>376</v>
      </c>
      <c r="E73125" s="15">
        <v>45501</v>
      </c>
      <c r="F73125" s="14" t="s">
        <v>61</v>
      </c>
      <c r="G73125" s="16">
        <v>0</v>
      </c>
    </row>
    <row r="73126" spans="1:7" x14ac:dyDescent="0.3">
      <c r="A73126" s="13" t="s">
        <v>375</v>
      </c>
      <c r="B73126" s="14" t="s">
        <v>1</v>
      </c>
      <c r="C73126" s="14" t="s">
        <v>51</v>
      </c>
      <c r="D73126" s="14" t="s">
        <v>376</v>
      </c>
      <c r="E73126" s="15">
        <v>45502</v>
      </c>
      <c r="F73126" s="14" t="s">
        <v>61</v>
      </c>
      <c r="G73126" s="16">
        <v>0</v>
      </c>
    </row>
    <row r="73127" spans="1:7" x14ac:dyDescent="0.3">
      <c r="A73127" s="13" t="s">
        <v>375</v>
      </c>
      <c r="B73127" s="14" t="s">
        <v>1</v>
      </c>
      <c r="C73127" s="14" t="s">
        <v>51</v>
      </c>
      <c r="D73127" s="14" t="s">
        <v>376</v>
      </c>
      <c r="E73127" s="15">
        <v>45503</v>
      </c>
      <c r="F73127" s="14" t="s">
        <v>61</v>
      </c>
      <c r="G73127" s="16">
        <v>0</v>
      </c>
    </row>
    <row r="73128" spans="1:7" x14ac:dyDescent="0.3">
      <c r="A73128" s="13" t="s">
        <v>375</v>
      </c>
      <c r="B73128" s="14" t="s">
        <v>1</v>
      </c>
      <c r="C73128" s="14" t="s">
        <v>51</v>
      </c>
      <c r="D73128" s="14" t="s">
        <v>376</v>
      </c>
      <c r="E73128" s="15">
        <v>45504</v>
      </c>
      <c r="F73128" s="14" t="s">
        <v>61</v>
      </c>
      <c r="G73128" s="16">
        <v>0</v>
      </c>
    </row>
    <row r="73129" spans="1:7" x14ac:dyDescent="0.3">
      <c r="A73129" s="13" t="s">
        <v>375</v>
      </c>
      <c r="B73129" s="14" t="s">
        <v>1</v>
      </c>
      <c r="C73129" s="14" t="s">
        <v>51</v>
      </c>
      <c r="D73129" s="14" t="s">
        <v>376</v>
      </c>
      <c r="E73129" s="15">
        <v>45505</v>
      </c>
      <c r="F73129" s="14" t="s">
        <v>61</v>
      </c>
      <c r="G73129" s="16">
        <v>0</v>
      </c>
    </row>
    <row r="73130" spans="1:7" x14ac:dyDescent="0.3">
      <c r="A73130" s="13" t="s">
        <v>375</v>
      </c>
      <c r="B73130" s="14" t="s">
        <v>1</v>
      </c>
      <c r="C73130" s="14" t="s">
        <v>51</v>
      </c>
      <c r="D73130" s="14" t="s">
        <v>376</v>
      </c>
      <c r="E73130" s="15">
        <v>45506</v>
      </c>
      <c r="F73130" s="14" t="s">
        <v>61</v>
      </c>
      <c r="G73130" s="16">
        <v>0</v>
      </c>
    </row>
    <row r="73131" spans="1:7" x14ac:dyDescent="0.3">
      <c r="A73131" s="13" t="s">
        <v>375</v>
      </c>
      <c r="B73131" s="14" t="s">
        <v>1</v>
      </c>
      <c r="C73131" s="14" t="s">
        <v>51</v>
      </c>
      <c r="D73131" s="14" t="s">
        <v>376</v>
      </c>
      <c r="E73131" s="15">
        <v>45507</v>
      </c>
      <c r="F73131" s="14" t="s">
        <v>61</v>
      </c>
      <c r="G73131" s="16">
        <v>0</v>
      </c>
    </row>
    <row r="73132" spans="1:7" x14ac:dyDescent="0.3">
      <c r="A73132" s="13" t="s">
        <v>375</v>
      </c>
      <c r="B73132" s="14" t="s">
        <v>1</v>
      </c>
      <c r="C73132" s="14" t="s">
        <v>51</v>
      </c>
      <c r="D73132" s="14" t="s">
        <v>376</v>
      </c>
      <c r="E73132" s="15">
        <v>45508</v>
      </c>
      <c r="F73132" s="14" t="s">
        <v>61</v>
      </c>
      <c r="G73132" s="16">
        <v>0</v>
      </c>
    </row>
    <row r="73133" spans="1:7" x14ac:dyDescent="0.3">
      <c r="A73133" s="13" t="s">
        <v>375</v>
      </c>
      <c r="B73133" s="14" t="s">
        <v>1</v>
      </c>
      <c r="C73133" s="14" t="s">
        <v>51</v>
      </c>
      <c r="D73133" s="14" t="s">
        <v>376</v>
      </c>
      <c r="E73133" s="15">
        <v>45509</v>
      </c>
      <c r="F73133" s="14" t="s">
        <v>61</v>
      </c>
      <c r="G73133" s="16">
        <v>0</v>
      </c>
    </row>
    <row r="73134" spans="1:7" x14ac:dyDescent="0.3">
      <c r="A73134" s="13" t="s">
        <v>375</v>
      </c>
      <c r="B73134" s="14" t="s">
        <v>1</v>
      </c>
      <c r="C73134" s="14" t="s">
        <v>51</v>
      </c>
      <c r="D73134" s="14" t="s">
        <v>376</v>
      </c>
      <c r="E73134" s="15">
        <v>45510</v>
      </c>
      <c r="F73134" s="14" t="s">
        <v>61</v>
      </c>
      <c r="G73134" s="16">
        <v>0</v>
      </c>
    </row>
    <row r="73135" spans="1:7" x14ac:dyDescent="0.3">
      <c r="A73135" s="13" t="s">
        <v>375</v>
      </c>
      <c r="B73135" s="14" t="s">
        <v>1</v>
      </c>
      <c r="C73135" s="14" t="s">
        <v>51</v>
      </c>
      <c r="D73135" s="14" t="s">
        <v>376</v>
      </c>
      <c r="E73135" s="15">
        <v>45511</v>
      </c>
      <c r="F73135" s="14" t="s">
        <v>61</v>
      </c>
      <c r="G73135" s="16">
        <v>0</v>
      </c>
    </row>
    <row r="73136" spans="1:7" x14ac:dyDescent="0.3">
      <c r="A73136" s="13" t="s">
        <v>375</v>
      </c>
      <c r="B73136" s="14" t="s">
        <v>1</v>
      </c>
      <c r="C73136" s="14" t="s">
        <v>51</v>
      </c>
      <c r="D73136" s="14" t="s">
        <v>376</v>
      </c>
      <c r="E73136" s="15">
        <v>45512</v>
      </c>
      <c r="F73136" s="14" t="s">
        <v>61</v>
      </c>
      <c r="G73136" s="16">
        <v>0</v>
      </c>
    </row>
    <row r="73137" spans="1:7" x14ac:dyDescent="0.3">
      <c r="A73137" s="13" t="s">
        <v>375</v>
      </c>
      <c r="B73137" s="14" t="s">
        <v>1</v>
      </c>
      <c r="C73137" s="14" t="s">
        <v>51</v>
      </c>
      <c r="D73137" s="14" t="s">
        <v>376</v>
      </c>
      <c r="E73137" s="15">
        <v>45513</v>
      </c>
      <c r="F73137" s="14" t="s">
        <v>61</v>
      </c>
      <c r="G73137" s="16">
        <v>0</v>
      </c>
    </row>
    <row r="73138" spans="1:7" x14ac:dyDescent="0.3">
      <c r="A73138" s="13" t="s">
        <v>375</v>
      </c>
      <c r="B73138" s="14" t="s">
        <v>1</v>
      </c>
      <c r="C73138" s="14" t="s">
        <v>51</v>
      </c>
      <c r="D73138" s="14" t="s">
        <v>376</v>
      </c>
      <c r="E73138" s="15">
        <v>45514</v>
      </c>
      <c r="F73138" s="14" t="s">
        <v>61</v>
      </c>
      <c r="G73138" s="16">
        <v>0</v>
      </c>
    </row>
    <row r="73139" spans="1:7" x14ac:dyDescent="0.3">
      <c r="A73139" s="13" t="s">
        <v>375</v>
      </c>
      <c r="B73139" s="14" t="s">
        <v>1</v>
      </c>
      <c r="C73139" s="14" t="s">
        <v>51</v>
      </c>
      <c r="D73139" s="14" t="s">
        <v>376</v>
      </c>
      <c r="E73139" s="15">
        <v>45515</v>
      </c>
      <c r="F73139" s="14" t="s">
        <v>61</v>
      </c>
      <c r="G73139" s="16">
        <v>0</v>
      </c>
    </row>
    <row r="73140" spans="1:7" x14ac:dyDescent="0.3">
      <c r="A73140" s="13" t="s">
        <v>375</v>
      </c>
      <c r="B73140" s="14" t="s">
        <v>1</v>
      </c>
      <c r="C73140" s="14" t="s">
        <v>51</v>
      </c>
      <c r="D73140" s="14" t="s">
        <v>376</v>
      </c>
      <c r="E73140" s="15">
        <v>45516</v>
      </c>
      <c r="F73140" s="14" t="s">
        <v>61</v>
      </c>
      <c r="G73140" s="16">
        <v>0</v>
      </c>
    </row>
    <row r="73141" spans="1:7" x14ac:dyDescent="0.3">
      <c r="A73141" s="13" t="s">
        <v>375</v>
      </c>
      <c r="B73141" s="14" t="s">
        <v>1</v>
      </c>
      <c r="C73141" s="14" t="s">
        <v>51</v>
      </c>
      <c r="D73141" s="14" t="s">
        <v>376</v>
      </c>
      <c r="E73141" s="15">
        <v>45517</v>
      </c>
      <c r="F73141" s="14" t="s">
        <v>61</v>
      </c>
      <c r="G73141" s="16">
        <v>0</v>
      </c>
    </row>
    <row r="73142" spans="1:7" x14ac:dyDescent="0.3">
      <c r="A73142" s="13" t="s">
        <v>375</v>
      </c>
      <c r="B73142" s="14" t="s">
        <v>1</v>
      </c>
      <c r="C73142" s="14" t="s">
        <v>51</v>
      </c>
      <c r="D73142" s="14" t="s">
        <v>376</v>
      </c>
      <c r="E73142" s="15">
        <v>45518</v>
      </c>
      <c r="F73142" s="14" t="s">
        <v>61</v>
      </c>
      <c r="G73142" s="16">
        <v>0</v>
      </c>
    </row>
    <row r="73143" spans="1:7" x14ac:dyDescent="0.3">
      <c r="A73143" s="13" t="s">
        <v>375</v>
      </c>
      <c r="B73143" s="14" t="s">
        <v>1</v>
      </c>
      <c r="C73143" s="14" t="s">
        <v>51</v>
      </c>
      <c r="D73143" s="14" t="s">
        <v>376</v>
      </c>
      <c r="E73143" s="15">
        <v>45519</v>
      </c>
      <c r="F73143" s="14" t="s">
        <v>61</v>
      </c>
      <c r="G73143" s="16">
        <v>0</v>
      </c>
    </row>
    <row r="73144" spans="1:7" x14ac:dyDescent="0.3">
      <c r="A73144" s="13" t="s">
        <v>375</v>
      </c>
      <c r="B73144" s="14" t="s">
        <v>1</v>
      </c>
      <c r="C73144" s="14" t="s">
        <v>51</v>
      </c>
      <c r="D73144" s="14" t="s">
        <v>376</v>
      </c>
      <c r="E73144" s="15">
        <v>45520</v>
      </c>
      <c r="F73144" s="14" t="s">
        <v>61</v>
      </c>
      <c r="G73144" s="16">
        <v>0</v>
      </c>
    </row>
    <row r="73145" spans="1:7" x14ac:dyDescent="0.3">
      <c r="A73145" s="13" t="s">
        <v>375</v>
      </c>
      <c r="B73145" s="14" t="s">
        <v>1</v>
      </c>
      <c r="C73145" s="14" t="s">
        <v>51</v>
      </c>
      <c r="D73145" s="14" t="s">
        <v>376</v>
      </c>
      <c r="E73145" s="15">
        <v>45521</v>
      </c>
      <c r="F73145" s="14" t="s">
        <v>61</v>
      </c>
      <c r="G73145" s="16">
        <v>0</v>
      </c>
    </row>
    <row r="73146" spans="1:7" x14ac:dyDescent="0.3">
      <c r="A73146" s="13" t="s">
        <v>375</v>
      </c>
      <c r="B73146" s="14" t="s">
        <v>1</v>
      </c>
      <c r="C73146" s="14" t="s">
        <v>51</v>
      </c>
      <c r="D73146" s="14" t="s">
        <v>376</v>
      </c>
      <c r="E73146" s="15">
        <v>45522</v>
      </c>
      <c r="F73146" s="14" t="s">
        <v>61</v>
      </c>
      <c r="G73146" s="16">
        <v>0</v>
      </c>
    </row>
    <row r="73147" spans="1:7" x14ac:dyDescent="0.3">
      <c r="A73147" s="13" t="s">
        <v>375</v>
      </c>
      <c r="B73147" s="14" t="s">
        <v>1</v>
      </c>
      <c r="C73147" s="14" t="s">
        <v>51</v>
      </c>
      <c r="D73147" s="14" t="s">
        <v>376</v>
      </c>
      <c r="E73147" s="15">
        <v>45523</v>
      </c>
      <c r="F73147" s="14" t="s">
        <v>61</v>
      </c>
      <c r="G73147" s="16">
        <v>0</v>
      </c>
    </row>
    <row r="73148" spans="1:7" x14ac:dyDescent="0.3">
      <c r="A73148" s="13" t="s">
        <v>375</v>
      </c>
      <c r="B73148" s="14" t="s">
        <v>1</v>
      </c>
      <c r="C73148" s="14" t="s">
        <v>51</v>
      </c>
      <c r="D73148" s="14" t="s">
        <v>376</v>
      </c>
      <c r="E73148" s="15">
        <v>45524</v>
      </c>
      <c r="F73148" s="14" t="s">
        <v>61</v>
      </c>
      <c r="G73148" s="16">
        <v>0</v>
      </c>
    </row>
    <row r="73149" spans="1:7" x14ac:dyDescent="0.3">
      <c r="A73149" s="13" t="s">
        <v>375</v>
      </c>
      <c r="B73149" s="14" t="s">
        <v>1</v>
      </c>
      <c r="C73149" s="14" t="s">
        <v>51</v>
      </c>
      <c r="D73149" s="14" t="s">
        <v>376</v>
      </c>
      <c r="E73149" s="15">
        <v>45525</v>
      </c>
      <c r="F73149" s="14" t="s">
        <v>61</v>
      </c>
      <c r="G73149" s="16">
        <v>0</v>
      </c>
    </row>
    <row r="73150" spans="1:7" x14ac:dyDescent="0.3">
      <c r="A73150" s="13" t="s">
        <v>375</v>
      </c>
      <c r="B73150" s="14" t="s">
        <v>1</v>
      </c>
      <c r="C73150" s="14" t="s">
        <v>51</v>
      </c>
      <c r="D73150" s="14" t="s">
        <v>376</v>
      </c>
      <c r="E73150" s="15">
        <v>45526</v>
      </c>
      <c r="F73150" s="14" t="s">
        <v>61</v>
      </c>
      <c r="G73150" s="16">
        <v>0</v>
      </c>
    </row>
    <row r="73151" spans="1:7" x14ac:dyDescent="0.3">
      <c r="A73151" s="13" t="s">
        <v>375</v>
      </c>
      <c r="B73151" s="14" t="s">
        <v>1</v>
      </c>
      <c r="C73151" s="14" t="s">
        <v>51</v>
      </c>
      <c r="D73151" s="14" t="s">
        <v>376</v>
      </c>
      <c r="E73151" s="15">
        <v>45527</v>
      </c>
      <c r="F73151" s="14" t="s">
        <v>61</v>
      </c>
      <c r="G73151" s="16">
        <v>0</v>
      </c>
    </row>
    <row r="73152" spans="1:7" x14ac:dyDescent="0.3">
      <c r="A73152" s="13" t="s">
        <v>375</v>
      </c>
      <c r="B73152" s="14" t="s">
        <v>1</v>
      </c>
      <c r="C73152" s="14" t="s">
        <v>51</v>
      </c>
      <c r="D73152" s="14" t="s">
        <v>376</v>
      </c>
      <c r="E73152" s="15">
        <v>45528</v>
      </c>
      <c r="F73152" s="14" t="s">
        <v>61</v>
      </c>
      <c r="G73152" s="16">
        <v>0</v>
      </c>
    </row>
    <row r="73153" spans="1:7" x14ac:dyDescent="0.3">
      <c r="A73153" s="13" t="s">
        <v>375</v>
      </c>
      <c r="B73153" s="14" t="s">
        <v>1</v>
      </c>
      <c r="C73153" s="14" t="s">
        <v>51</v>
      </c>
      <c r="D73153" s="14" t="s">
        <v>376</v>
      </c>
      <c r="E73153" s="15">
        <v>45529</v>
      </c>
      <c r="F73153" s="14" t="s">
        <v>61</v>
      </c>
      <c r="G73153" s="16">
        <v>0</v>
      </c>
    </row>
    <row r="73154" spans="1:7" x14ac:dyDescent="0.3">
      <c r="A73154" s="13" t="s">
        <v>375</v>
      </c>
      <c r="B73154" s="14" t="s">
        <v>1</v>
      </c>
      <c r="C73154" s="14" t="s">
        <v>51</v>
      </c>
      <c r="D73154" s="14" t="s">
        <v>376</v>
      </c>
      <c r="E73154" s="15">
        <v>45530</v>
      </c>
      <c r="F73154" s="14" t="s">
        <v>61</v>
      </c>
      <c r="G73154" s="16">
        <v>0</v>
      </c>
    </row>
    <row r="73155" spans="1:7" x14ac:dyDescent="0.3">
      <c r="A73155" s="13" t="s">
        <v>375</v>
      </c>
      <c r="B73155" s="14" t="s">
        <v>1</v>
      </c>
      <c r="C73155" s="14" t="s">
        <v>51</v>
      </c>
      <c r="D73155" s="14" t="s">
        <v>376</v>
      </c>
      <c r="E73155" s="15">
        <v>45531</v>
      </c>
      <c r="F73155" s="14" t="s">
        <v>61</v>
      </c>
      <c r="G73155" s="16">
        <v>0</v>
      </c>
    </row>
    <row r="73156" spans="1:7" x14ac:dyDescent="0.3">
      <c r="A73156" s="13" t="s">
        <v>375</v>
      </c>
      <c r="B73156" s="14" t="s">
        <v>1</v>
      </c>
      <c r="C73156" s="14" t="s">
        <v>51</v>
      </c>
      <c r="D73156" s="14" t="s">
        <v>376</v>
      </c>
      <c r="E73156" s="15">
        <v>45532</v>
      </c>
      <c r="F73156" s="14" t="s">
        <v>61</v>
      </c>
      <c r="G73156" s="16">
        <v>0</v>
      </c>
    </row>
    <row r="73157" spans="1:7" x14ac:dyDescent="0.3">
      <c r="A73157" s="13" t="s">
        <v>375</v>
      </c>
      <c r="B73157" s="14" t="s">
        <v>1</v>
      </c>
      <c r="C73157" s="14" t="s">
        <v>51</v>
      </c>
      <c r="D73157" s="14" t="s">
        <v>376</v>
      </c>
      <c r="E73157" s="15">
        <v>45533</v>
      </c>
      <c r="F73157" s="14" t="s">
        <v>61</v>
      </c>
      <c r="G73157" s="16">
        <v>0</v>
      </c>
    </row>
    <row r="73158" spans="1:7" x14ac:dyDescent="0.3">
      <c r="A73158" s="13" t="s">
        <v>375</v>
      </c>
      <c r="B73158" s="14" t="s">
        <v>1</v>
      </c>
      <c r="C73158" s="14" t="s">
        <v>51</v>
      </c>
      <c r="D73158" s="14" t="s">
        <v>376</v>
      </c>
      <c r="E73158" s="15">
        <v>45534</v>
      </c>
      <c r="F73158" s="14" t="s">
        <v>61</v>
      </c>
      <c r="G73158" s="16">
        <v>0</v>
      </c>
    </row>
    <row r="73159" spans="1:7" x14ac:dyDescent="0.3">
      <c r="A73159" s="13" t="s">
        <v>375</v>
      </c>
      <c r="B73159" s="14" t="s">
        <v>1</v>
      </c>
      <c r="C73159" s="14" t="s">
        <v>51</v>
      </c>
      <c r="D73159" s="14" t="s">
        <v>376</v>
      </c>
      <c r="E73159" s="15">
        <v>45535</v>
      </c>
      <c r="F73159" s="14" t="s">
        <v>61</v>
      </c>
      <c r="G73159" s="16">
        <v>0</v>
      </c>
    </row>
    <row r="73160" spans="1:7" x14ac:dyDescent="0.3">
      <c r="A73160" s="13" t="s">
        <v>375</v>
      </c>
      <c r="B73160" s="14" t="s">
        <v>1</v>
      </c>
      <c r="C73160" s="14" t="s">
        <v>51</v>
      </c>
      <c r="D73160" s="14" t="s">
        <v>376</v>
      </c>
      <c r="E73160" s="15">
        <v>45536</v>
      </c>
      <c r="F73160" s="14" t="s">
        <v>61</v>
      </c>
      <c r="G73160" s="16">
        <v>0</v>
      </c>
    </row>
    <row r="73161" spans="1:7" x14ac:dyDescent="0.3">
      <c r="A73161" s="13" t="s">
        <v>375</v>
      </c>
      <c r="B73161" s="14" t="s">
        <v>1</v>
      </c>
      <c r="C73161" s="14" t="s">
        <v>51</v>
      </c>
      <c r="D73161" s="14" t="s">
        <v>376</v>
      </c>
      <c r="E73161" s="15">
        <v>45537</v>
      </c>
      <c r="F73161" s="14" t="s">
        <v>61</v>
      </c>
      <c r="G73161" s="16">
        <v>0</v>
      </c>
    </row>
    <row r="73162" spans="1:7" x14ac:dyDescent="0.3">
      <c r="A73162" s="13" t="s">
        <v>375</v>
      </c>
      <c r="B73162" s="14" t="s">
        <v>1</v>
      </c>
      <c r="C73162" s="14" t="s">
        <v>51</v>
      </c>
      <c r="D73162" s="14" t="s">
        <v>376</v>
      </c>
      <c r="E73162" s="15">
        <v>45538</v>
      </c>
      <c r="F73162" s="14" t="s">
        <v>61</v>
      </c>
      <c r="G73162" s="16">
        <v>0</v>
      </c>
    </row>
    <row r="73163" spans="1:7" x14ac:dyDescent="0.3">
      <c r="A73163" s="13" t="s">
        <v>375</v>
      </c>
      <c r="B73163" s="14" t="s">
        <v>1</v>
      </c>
      <c r="C73163" s="14" t="s">
        <v>51</v>
      </c>
      <c r="D73163" s="14" t="s">
        <v>376</v>
      </c>
      <c r="E73163" s="15">
        <v>45539</v>
      </c>
      <c r="F73163" s="14" t="s">
        <v>61</v>
      </c>
      <c r="G73163" s="16">
        <v>0</v>
      </c>
    </row>
    <row r="73164" spans="1:7" x14ac:dyDescent="0.3">
      <c r="A73164" s="13" t="s">
        <v>375</v>
      </c>
      <c r="B73164" s="14" t="s">
        <v>1</v>
      </c>
      <c r="C73164" s="14" t="s">
        <v>51</v>
      </c>
      <c r="D73164" s="14" t="s">
        <v>376</v>
      </c>
      <c r="E73164" s="15">
        <v>45540</v>
      </c>
      <c r="F73164" s="14" t="s">
        <v>61</v>
      </c>
      <c r="G73164" s="16">
        <v>0</v>
      </c>
    </row>
    <row r="73165" spans="1:7" x14ac:dyDescent="0.3">
      <c r="A73165" s="13" t="s">
        <v>375</v>
      </c>
      <c r="B73165" s="14" t="s">
        <v>1</v>
      </c>
      <c r="C73165" s="14" t="s">
        <v>51</v>
      </c>
      <c r="D73165" s="14" t="s">
        <v>376</v>
      </c>
      <c r="E73165" s="15">
        <v>45541</v>
      </c>
      <c r="F73165" s="14" t="s">
        <v>61</v>
      </c>
      <c r="G73165" s="16">
        <v>0</v>
      </c>
    </row>
    <row r="73166" spans="1:7" x14ac:dyDescent="0.3">
      <c r="A73166" s="13" t="s">
        <v>375</v>
      </c>
      <c r="B73166" s="14" t="s">
        <v>1</v>
      </c>
      <c r="C73166" s="14" t="s">
        <v>51</v>
      </c>
      <c r="D73166" s="14" t="s">
        <v>376</v>
      </c>
      <c r="E73166" s="15">
        <v>45542</v>
      </c>
      <c r="F73166" s="14" t="s">
        <v>61</v>
      </c>
      <c r="G73166" s="16">
        <v>0</v>
      </c>
    </row>
    <row r="73167" spans="1:7" x14ac:dyDescent="0.3">
      <c r="A73167" s="13" t="s">
        <v>375</v>
      </c>
      <c r="B73167" s="14" t="s">
        <v>1</v>
      </c>
      <c r="C73167" s="14" t="s">
        <v>51</v>
      </c>
      <c r="D73167" s="14" t="s">
        <v>376</v>
      </c>
      <c r="E73167" s="15">
        <v>45543</v>
      </c>
      <c r="F73167" s="14" t="s">
        <v>61</v>
      </c>
      <c r="G73167" s="16">
        <v>0</v>
      </c>
    </row>
    <row r="73168" spans="1:7" x14ac:dyDescent="0.3">
      <c r="A73168" s="13" t="s">
        <v>375</v>
      </c>
      <c r="B73168" s="14" t="s">
        <v>1</v>
      </c>
      <c r="C73168" s="14" t="s">
        <v>51</v>
      </c>
      <c r="D73168" s="14" t="s">
        <v>376</v>
      </c>
      <c r="E73168" s="15">
        <v>45544</v>
      </c>
      <c r="F73168" s="14" t="s">
        <v>61</v>
      </c>
      <c r="G73168" s="16">
        <v>0</v>
      </c>
    </row>
    <row r="73169" spans="1:7" x14ac:dyDescent="0.3">
      <c r="A73169" s="13" t="s">
        <v>375</v>
      </c>
      <c r="B73169" s="14" t="s">
        <v>1</v>
      </c>
      <c r="C73169" s="14" t="s">
        <v>51</v>
      </c>
      <c r="D73169" s="14" t="s">
        <v>376</v>
      </c>
      <c r="E73169" s="15">
        <v>45545</v>
      </c>
      <c r="F73169" s="14" t="s">
        <v>61</v>
      </c>
      <c r="G73169" s="16">
        <v>0</v>
      </c>
    </row>
    <row r="73170" spans="1:7" x14ac:dyDescent="0.3">
      <c r="A73170" s="13" t="s">
        <v>375</v>
      </c>
      <c r="B73170" s="14" t="s">
        <v>1</v>
      </c>
      <c r="C73170" s="14" t="s">
        <v>51</v>
      </c>
      <c r="D73170" s="14" t="s">
        <v>376</v>
      </c>
      <c r="E73170" s="15">
        <v>45546</v>
      </c>
      <c r="F73170" s="14" t="s">
        <v>61</v>
      </c>
      <c r="G73170" s="16">
        <v>0</v>
      </c>
    </row>
    <row r="73171" spans="1:7" x14ac:dyDescent="0.3">
      <c r="A73171" s="13" t="s">
        <v>375</v>
      </c>
      <c r="B73171" s="14" t="s">
        <v>1</v>
      </c>
      <c r="C73171" s="14" t="s">
        <v>51</v>
      </c>
      <c r="D73171" s="14" t="s">
        <v>376</v>
      </c>
      <c r="E73171" s="15">
        <v>45547</v>
      </c>
      <c r="F73171" s="14" t="s">
        <v>61</v>
      </c>
      <c r="G73171" s="16">
        <v>0</v>
      </c>
    </row>
    <row r="73172" spans="1:7" x14ac:dyDescent="0.3">
      <c r="A73172" s="13" t="s">
        <v>375</v>
      </c>
      <c r="B73172" s="14" t="s">
        <v>1</v>
      </c>
      <c r="C73172" s="14" t="s">
        <v>51</v>
      </c>
      <c r="D73172" s="14" t="s">
        <v>376</v>
      </c>
      <c r="E73172" s="15">
        <v>45548</v>
      </c>
      <c r="F73172" s="14" t="s">
        <v>61</v>
      </c>
      <c r="G73172" s="16">
        <v>0</v>
      </c>
    </row>
    <row r="73173" spans="1:7" x14ac:dyDescent="0.3">
      <c r="A73173" s="13" t="s">
        <v>375</v>
      </c>
      <c r="B73173" s="14" t="s">
        <v>1</v>
      </c>
      <c r="C73173" s="14" t="s">
        <v>51</v>
      </c>
      <c r="D73173" s="14" t="s">
        <v>376</v>
      </c>
      <c r="E73173" s="15">
        <v>45549</v>
      </c>
      <c r="F73173" s="14" t="s">
        <v>61</v>
      </c>
      <c r="G73173" s="16">
        <v>0</v>
      </c>
    </row>
    <row r="73174" spans="1:7" x14ac:dyDescent="0.3">
      <c r="A73174" s="13" t="s">
        <v>375</v>
      </c>
      <c r="B73174" s="14" t="s">
        <v>1</v>
      </c>
      <c r="C73174" s="14" t="s">
        <v>51</v>
      </c>
      <c r="D73174" s="14" t="s">
        <v>376</v>
      </c>
      <c r="E73174" s="15">
        <v>45550</v>
      </c>
      <c r="F73174" s="14" t="s">
        <v>61</v>
      </c>
      <c r="G73174" s="16">
        <v>0</v>
      </c>
    </row>
    <row r="73175" spans="1:7" x14ac:dyDescent="0.3">
      <c r="A73175" s="13" t="s">
        <v>375</v>
      </c>
      <c r="B73175" s="14" t="s">
        <v>1</v>
      </c>
      <c r="C73175" s="14" t="s">
        <v>51</v>
      </c>
      <c r="D73175" s="14" t="s">
        <v>376</v>
      </c>
      <c r="E73175" s="15">
        <v>45551</v>
      </c>
      <c r="F73175" s="14" t="s">
        <v>61</v>
      </c>
      <c r="G73175" s="16">
        <v>0</v>
      </c>
    </row>
    <row r="73176" spans="1:7" x14ac:dyDescent="0.3">
      <c r="A73176" s="13" t="s">
        <v>375</v>
      </c>
      <c r="B73176" s="14" t="s">
        <v>1</v>
      </c>
      <c r="C73176" s="14" t="s">
        <v>51</v>
      </c>
      <c r="D73176" s="14" t="s">
        <v>376</v>
      </c>
      <c r="E73176" s="15">
        <v>45552</v>
      </c>
      <c r="F73176" s="14" t="s">
        <v>61</v>
      </c>
      <c r="G73176" s="16">
        <v>0</v>
      </c>
    </row>
    <row r="73177" spans="1:7" x14ac:dyDescent="0.3">
      <c r="A73177" s="13" t="s">
        <v>375</v>
      </c>
      <c r="B73177" s="14" t="s">
        <v>1</v>
      </c>
      <c r="C73177" s="14" t="s">
        <v>51</v>
      </c>
      <c r="D73177" s="14" t="s">
        <v>376</v>
      </c>
      <c r="E73177" s="15">
        <v>45553</v>
      </c>
      <c r="F73177" s="14" t="s">
        <v>61</v>
      </c>
      <c r="G73177" s="16">
        <v>0</v>
      </c>
    </row>
    <row r="73178" spans="1:7" x14ac:dyDescent="0.3">
      <c r="A73178" s="13" t="s">
        <v>375</v>
      </c>
      <c r="B73178" s="14" t="s">
        <v>1</v>
      </c>
      <c r="C73178" s="14" t="s">
        <v>51</v>
      </c>
      <c r="D73178" s="14" t="s">
        <v>376</v>
      </c>
      <c r="E73178" s="15">
        <v>45554</v>
      </c>
      <c r="F73178" s="14" t="s">
        <v>61</v>
      </c>
      <c r="G73178" s="16">
        <v>0</v>
      </c>
    </row>
    <row r="73179" spans="1:7" x14ac:dyDescent="0.3">
      <c r="A73179" s="13" t="s">
        <v>375</v>
      </c>
      <c r="B73179" s="14" t="s">
        <v>1</v>
      </c>
      <c r="C73179" s="14" t="s">
        <v>51</v>
      </c>
      <c r="D73179" s="14" t="s">
        <v>376</v>
      </c>
      <c r="E73179" s="15">
        <v>45555</v>
      </c>
      <c r="F73179" s="14" t="s">
        <v>61</v>
      </c>
      <c r="G73179" s="16">
        <v>0</v>
      </c>
    </row>
    <row r="73180" spans="1:7" x14ac:dyDescent="0.3">
      <c r="A73180" s="13" t="s">
        <v>375</v>
      </c>
      <c r="B73180" s="14" t="s">
        <v>1</v>
      </c>
      <c r="C73180" s="14" t="s">
        <v>51</v>
      </c>
      <c r="D73180" s="14" t="s">
        <v>376</v>
      </c>
      <c r="E73180" s="15">
        <v>45556</v>
      </c>
      <c r="F73180" s="14" t="s">
        <v>61</v>
      </c>
      <c r="G73180" s="16">
        <v>0</v>
      </c>
    </row>
    <row r="73181" spans="1:7" x14ac:dyDescent="0.3">
      <c r="A73181" s="13" t="s">
        <v>375</v>
      </c>
      <c r="B73181" s="14" t="s">
        <v>1</v>
      </c>
      <c r="C73181" s="14" t="s">
        <v>51</v>
      </c>
      <c r="D73181" s="14" t="s">
        <v>376</v>
      </c>
      <c r="E73181" s="15">
        <v>45557</v>
      </c>
      <c r="F73181" s="14" t="s">
        <v>61</v>
      </c>
      <c r="G73181" s="16">
        <v>0</v>
      </c>
    </row>
    <row r="73182" spans="1:7" x14ac:dyDescent="0.3">
      <c r="A73182" s="13" t="s">
        <v>375</v>
      </c>
      <c r="B73182" s="14" t="s">
        <v>1</v>
      </c>
      <c r="C73182" s="14" t="s">
        <v>51</v>
      </c>
      <c r="D73182" s="14" t="s">
        <v>376</v>
      </c>
      <c r="E73182" s="15">
        <v>45558</v>
      </c>
      <c r="F73182" s="14" t="s">
        <v>61</v>
      </c>
      <c r="G73182" s="16">
        <v>0</v>
      </c>
    </row>
    <row r="73183" spans="1:7" x14ac:dyDescent="0.3">
      <c r="A73183" s="13" t="s">
        <v>375</v>
      </c>
      <c r="B73183" s="14" t="s">
        <v>1</v>
      </c>
      <c r="C73183" s="14" t="s">
        <v>51</v>
      </c>
      <c r="D73183" s="14" t="s">
        <v>376</v>
      </c>
      <c r="E73183" s="15">
        <v>45559</v>
      </c>
      <c r="F73183" s="14" t="s">
        <v>61</v>
      </c>
      <c r="G73183" s="16">
        <v>0</v>
      </c>
    </row>
    <row r="73184" spans="1:7" x14ac:dyDescent="0.3">
      <c r="A73184" s="13" t="s">
        <v>375</v>
      </c>
      <c r="B73184" s="14" t="s">
        <v>1</v>
      </c>
      <c r="C73184" s="14" t="s">
        <v>51</v>
      </c>
      <c r="D73184" s="14" t="s">
        <v>376</v>
      </c>
      <c r="E73184" s="15">
        <v>45560</v>
      </c>
      <c r="F73184" s="14" t="s">
        <v>61</v>
      </c>
      <c r="G73184" s="16">
        <v>0</v>
      </c>
    </row>
    <row r="73185" spans="1:7" x14ac:dyDescent="0.3">
      <c r="A73185" s="13" t="s">
        <v>375</v>
      </c>
      <c r="B73185" s="14" t="s">
        <v>1</v>
      </c>
      <c r="C73185" s="14" t="s">
        <v>51</v>
      </c>
      <c r="D73185" s="14" t="s">
        <v>376</v>
      </c>
      <c r="E73185" s="15">
        <v>45561</v>
      </c>
      <c r="F73185" s="14" t="s">
        <v>61</v>
      </c>
      <c r="G73185" s="16">
        <v>0</v>
      </c>
    </row>
    <row r="73186" spans="1:7" x14ac:dyDescent="0.3">
      <c r="A73186" s="13" t="s">
        <v>375</v>
      </c>
      <c r="B73186" s="14" t="s">
        <v>1</v>
      </c>
      <c r="C73186" s="14" t="s">
        <v>51</v>
      </c>
      <c r="D73186" s="14" t="s">
        <v>376</v>
      </c>
      <c r="E73186" s="15">
        <v>45562</v>
      </c>
      <c r="F73186" s="14" t="s">
        <v>61</v>
      </c>
      <c r="G73186" s="16">
        <v>0</v>
      </c>
    </row>
    <row r="73187" spans="1:7" x14ac:dyDescent="0.3">
      <c r="A73187" s="13" t="s">
        <v>375</v>
      </c>
      <c r="B73187" s="14" t="s">
        <v>1</v>
      </c>
      <c r="C73187" s="14" t="s">
        <v>51</v>
      </c>
      <c r="D73187" s="14" t="s">
        <v>376</v>
      </c>
      <c r="E73187" s="15">
        <v>45563</v>
      </c>
      <c r="F73187" s="14" t="s">
        <v>61</v>
      </c>
      <c r="G73187" s="16">
        <v>0</v>
      </c>
    </row>
    <row r="73188" spans="1:7" x14ac:dyDescent="0.3">
      <c r="A73188" s="13" t="s">
        <v>375</v>
      </c>
      <c r="B73188" s="14" t="s">
        <v>1</v>
      </c>
      <c r="C73188" s="14" t="s">
        <v>51</v>
      </c>
      <c r="D73188" s="14" t="s">
        <v>376</v>
      </c>
      <c r="E73188" s="15">
        <v>45564</v>
      </c>
      <c r="F73188" s="14" t="s">
        <v>61</v>
      </c>
      <c r="G73188" s="16">
        <v>0</v>
      </c>
    </row>
    <row r="73189" spans="1:7" x14ac:dyDescent="0.3">
      <c r="A73189" s="13" t="s">
        <v>375</v>
      </c>
      <c r="B73189" s="14" t="s">
        <v>1</v>
      </c>
      <c r="C73189" s="14" t="s">
        <v>51</v>
      </c>
      <c r="D73189" s="14" t="s">
        <v>376</v>
      </c>
      <c r="E73189" s="15">
        <v>45565</v>
      </c>
      <c r="F73189" s="14" t="s">
        <v>61</v>
      </c>
      <c r="G73189" s="16">
        <v>0</v>
      </c>
    </row>
    <row r="73190" spans="1:7" x14ac:dyDescent="0.3">
      <c r="A73190" s="13" t="s">
        <v>375</v>
      </c>
      <c r="B73190" s="14" t="s">
        <v>1</v>
      </c>
      <c r="C73190" s="14" t="s">
        <v>51</v>
      </c>
      <c r="D73190" s="14" t="s">
        <v>376</v>
      </c>
      <c r="E73190" s="15">
        <v>45566</v>
      </c>
      <c r="F73190" s="14" t="s">
        <v>61</v>
      </c>
      <c r="G73190" s="16">
        <v>0</v>
      </c>
    </row>
    <row r="73191" spans="1:7" x14ac:dyDescent="0.3">
      <c r="A73191" s="13" t="s">
        <v>375</v>
      </c>
      <c r="B73191" s="14" t="s">
        <v>1</v>
      </c>
      <c r="C73191" s="14" t="s">
        <v>51</v>
      </c>
      <c r="D73191" s="14" t="s">
        <v>376</v>
      </c>
      <c r="E73191" s="15">
        <v>45567</v>
      </c>
      <c r="F73191" s="14" t="s">
        <v>61</v>
      </c>
      <c r="G73191" s="16">
        <v>0</v>
      </c>
    </row>
    <row r="73192" spans="1:7" x14ac:dyDescent="0.3">
      <c r="A73192" s="13" t="s">
        <v>375</v>
      </c>
      <c r="B73192" s="14" t="s">
        <v>1</v>
      </c>
      <c r="C73192" s="14" t="s">
        <v>51</v>
      </c>
      <c r="D73192" s="14" t="s">
        <v>376</v>
      </c>
      <c r="E73192" s="15">
        <v>45568</v>
      </c>
      <c r="F73192" s="14" t="s">
        <v>61</v>
      </c>
      <c r="G73192" s="16">
        <v>0</v>
      </c>
    </row>
    <row r="73193" spans="1:7" x14ac:dyDescent="0.3">
      <c r="A73193" s="13" t="s">
        <v>375</v>
      </c>
      <c r="B73193" s="14" t="s">
        <v>1</v>
      </c>
      <c r="C73193" s="14" t="s">
        <v>51</v>
      </c>
      <c r="D73193" s="14" t="s">
        <v>376</v>
      </c>
      <c r="E73193" s="15">
        <v>45569</v>
      </c>
      <c r="F73193" s="14" t="s">
        <v>61</v>
      </c>
      <c r="G73193" s="16">
        <v>0</v>
      </c>
    </row>
    <row r="73194" spans="1:7" x14ac:dyDescent="0.3">
      <c r="A73194" s="13" t="s">
        <v>375</v>
      </c>
      <c r="B73194" s="14" t="s">
        <v>1</v>
      </c>
      <c r="C73194" s="14" t="s">
        <v>51</v>
      </c>
      <c r="D73194" s="14" t="s">
        <v>376</v>
      </c>
      <c r="E73194" s="15">
        <v>45570</v>
      </c>
      <c r="F73194" s="14" t="s">
        <v>61</v>
      </c>
      <c r="G73194" s="16">
        <v>0</v>
      </c>
    </row>
    <row r="73195" spans="1:7" x14ac:dyDescent="0.3">
      <c r="A73195" s="13" t="s">
        <v>375</v>
      </c>
      <c r="B73195" s="14" t="s">
        <v>1</v>
      </c>
      <c r="C73195" s="14" t="s">
        <v>51</v>
      </c>
      <c r="D73195" s="14" t="s">
        <v>376</v>
      </c>
      <c r="E73195" s="15">
        <v>45571</v>
      </c>
      <c r="F73195" s="14" t="s">
        <v>61</v>
      </c>
      <c r="G73195" s="16">
        <v>0</v>
      </c>
    </row>
    <row r="73196" spans="1:7" x14ac:dyDescent="0.3">
      <c r="A73196" s="13" t="s">
        <v>375</v>
      </c>
      <c r="B73196" s="14" t="s">
        <v>1</v>
      </c>
      <c r="C73196" s="14" t="s">
        <v>51</v>
      </c>
      <c r="D73196" s="14" t="s">
        <v>376</v>
      </c>
      <c r="E73196" s="15">
        <v>45572</v>
      </c>
      <c r="F73196" s="14" t="s">
        <v>61</v>
      </c>
      <c r="G73196" s="16">
        <v>0</v>
      </c>
    </row>
    <row r="73197" spans="1:7" x14ac:dyDescent="0.3">
      <c r="A73197" s="13" t="s">
        <v>375</v>
      </c>
      <c r="B73197" s="14" t="s">
        <v>1</v>
      </c>
      <c r="C73197" s="14" t="s">
        <v>51</v>
      </c>
      <c r="D73197" s="14" t="s">
        <v>376</v>
      </c>
      <c r="E73197" s="15">
        <v>45573</v>
      </c>
      <c r="F73197" s="14" t="s">
        <v>61</v>
      </c>
      <c r="G73197" s="16">
        <v>0</v>
      </c>
    </row>
    <row r="73198" spans="1:7" x14ac:dyDescent="0.3">
      <c r="A73198" s="13" t="s">
        <v>375</v>
      </c>
      <c r="B73198" s="14" t="s">
        <v>1</v>
      </c>
      <c r="C73198" s="14" t="s">
        <v>51</v>
      </c>
      <c r="D73198" s="14" t="s">
        <v>376</v>
      </c>
      <c r="E73198" s="15">
        <v>45574</v>
      </c>
      <c r="F73198" s="14" t="s">
        <v>61</v>
      </c>
      <c r="G73198" s="16">
        <v>0</v>
      </c>
    </row>
    <row r="73199" spans="1:7" x14ac:dyDescent="0.3">
      <c r="A73199" s="13" t="s">
        <v>375</v>
      </c>
      <c r="B73199" s="14" t="s">
        <v>1</v>
      </c>
      <c r="C73199" s="14" t="s">
        <v>51</v>
      </c>
      <c r="D73199" s="14" t="s">
        <v>376</v>
      </c>
      <c r="E73199" s="15">
        <v>45575</v>
      </c>
      <c r="F73199" s="14" t="s">
        <v>61</v>
      </c>
      <c r="G73199" s="16">
        <v>0</v>
      </c>
    </row>
    <row r="73200" spans="1:7" x14ac:dyDescent="0.3">
      <c r="A73200" s="13" t="s">
        <v>375</v>
      </c>
      <c r="B73200" s="14" t="s">
        <v>1</v>
      </c>
      <c r="C73200" s="14" t="s">
        <v>51</v>
      </c>
      <c r="D73200" s="14" t="s">
        <v>376</v>
      </c>
      <c r="E73200" s="15">
        <v>45576</v>
      </c>
      <c r="F73200" s="14" t="s">
        <v>61</v>
      </c>
      <c r="G73200" s="16">
        <v>0</v>
      </c>
    </row>
    <row r="73201" spans="1:7" x14ac:dyDescent="0.3">
      <c r="A73201" s="13" t="s">
        <v>375</v>
      </c>
      <c r="B73201" s="14" t="s">
        <v>1</v>
      </c>
      <c r="C73201" s="14" t="s">
        <v>51</v>
      </c>
      <c r="D73201" s="14" t="s">
        <v>376</v>
      </c>
      <c r="E73201" s="15">
        <v>45577</v>
      </c>
      <c r="F73201" s="14" t="s">
        <v>61</v>
      </c>
      <c r="G73201" s="16">
        <v>0</v>
      </c>
    </row>
    <row r="73202" spans="1:7" x14ac:dyDescent="0.3">
      <c r="A73202" s="13" t="s">
        <v>375</v>
      </c>
      <c r="B73202" s="14" t="s">
        <v>1</v>
      </c>
      <c r="C73202" s="14" t="s">
        <v>51</v>
      </c>
      <c r="D73202" s="14" t="s">
        <v>376</v>
      </c>
      <c r="E73202" s="15">
        <v>45578</v>
      </c>
      <c r="F73202" s="14" t="s">
        <v>61</v>
      </c>
      <c r="G73202" s="16">
        <v>0</v>
      </c>
    </row>
    <row r="73203" spans="1:7" x14ac:dyDescent="0.3">
      <c r="A73203" s="13" t="s">
        <v>375</v>
      </c>
      <c r="B73203" s="14" t="s">
        <v>1</v>
      </c>
      <c r="C73203" s="14" t="s">
        <v>51</v>
      </c>
      <c r="D73203" s="14" t="s">
        <v>376</v>
      </c>
      <c r="E73203" s="15">
        <v>45579</v>
      </c>
      <c r="F73203" s="14" t="s">
        <v>61</v>
      </c>
      <c r="G73203" s="16">
        <v>0</v>
      </c>
    </row>
    <row r="73204" spans="1:7" x14ac:dyDescent="0.3">
      <c r="A73204" s="13" t="s">
        <v>375</v>
      </c>
      <c r="B73204" s="14" t="s">
        <v>1</v>
      </c>
      <c r="C73204" s="14" t="s">
        <v>51</v>
      </c>
      <c r="D73204" s="14" t="s">
        <v>376</v>
      </c>
      <c r="E73204" s="15">
        <v>45580</v>
      </c>
      <c r="F73204" s="14" t="s">
        <v>61</v>
      </c>
      <c r="G73204" s="16">
        <v>0</v>
      </c>
    </row>
    <row r="73205" spans="1:7" x14ac:dyDescent="0.3">
      <c r="A73205" s="13" t="s">
        <v>375</v>
      </c>
      <c r="B73205" s="14" t="s">
        <v>1</v>
      </c>
      <c r="C73205" s="14" t="s">
        <v>51</v>
      </c>
      <c r="D73205" s="14" t="s">
        <v>376</v>
      </c>
      <c r="E73205" s="15">
        <v>45581</v>
      </c>
      <c r="F73205" s="14" t="s">
        <v>61</v>
      </c>
      <c r="G73205" s="16">
        <v>0</v>
      </c>
    </row>
    <row r="73206" spans="1:7" x14ac:dyDescent="0.3">
      <c r="A73206" s="13" t="s">
        <v>375</v>
      </c>
      <c r="B73206" s="14" t="s">
        <v>1</v>
      </c>
      <c r="C73206" s="14" t="s">
        <v>51</v>
      </c>
      <c r="D73206" s="14" t="s">
        <v>376</v>
      </c>
      <c r="E73206" s="15">
        <v>45582</v>
      </c>
      <c r="F73206" s="14" t="s">
        <v>61</v>
      </c>
      <c r="G73206" s="16">
        <v>0</v>
      </c>
    </row>
    <row r="73207" spans="1:7" x14ac:dyDescent="0.3">
      <c r="A73207" s="13" t="s">
        <v>375</v>
      </c>
      <c r="B73207" s="14" t="s">
        <v>1</v>
      </c>
      <c r="C73207" s="14" t="s">
        <v>51</v>
      </c>
      <c r="D73207" s="14" t="s">
        <v>376</v>
      </c>
      <c r="E73207" s="15">
        <v>45583</v>
      </c>
      <c r="F73207" s="14" t="s">
        <v>61</v>
      </c>
      <c r="G73207" s="16">
        <v>0</v>
      </c>
    </row>
    <row r="73208" spans="1:7" x14ac:dyDescent="0.3">
      <c r="A73208" s="13" t="s">
        <v>375</v>
      </c>
      <c r="B73208" s="14" t="s">
        <v>1</v>
      </c>
      <c r="C73208" s="14" t="s">
        <v>51</v>
      </c>
      <c r="D73208" s="14" t="s">
        <v>376</v>
      </c>
      <c r="E73208" s="15">
        <v>45584</v>
      </c>
      <c r="F73208" s="14" t="s">
        <v>61</v>
      </c>
      <c r="G73208" s="16">
        <v>0</v>
      </c>
    </row>
    <row r="73209" spans="1:7" x14ac:dyDescent="0.3">
      <c r="A73209" s="13" t="s">
        <v>375</v>
      </c>
      <c r="B73209" s="14" t="s">
        <v>1</v>
      </c>
      <c r="C73209" s="14" t="s">
        <v>51</v>
      </c>
      <c r="D73209" s="14" t="s">
        <v>376</v>
      </c>
      <c r="E73209" s="15">
        <v>45585</v>
      </c>
      <c r="F73209" s="14" t="s">
        <v>61</v>
      </c>
      <c r="G73209" s="16">
        <v>0</v>
      </c>
    </row>
    <row r="73210" spans="1:7" x14ac:dyDescent="0.3">
      <c r="A73210" s="13" t="s">
        <v>375</v>
      </c>
      <c r="B73210" s="14" t="s">
        <v>1</v>
      </c>
      <c r="C73210" s="14" t="s">
        <v>51</v>
      </c>
      <c r="D73210" s="14" t="s">
        <v>376</v>
      </c>
      <c r="E73210" s="15">
        <v>45586</v>
      </c>
      <c r="F73210" s="14" t="s">
        <v>61</v>
      </c>
      <c r="G73210" s="16">
        <v>0</v>
      </c>
    </row>
    <row r="73211" spans="1:7" x14ac:dyDescent="0.3">
      <c r="A73211" s="13" t="s">
        <v>375</v>
      </c>
      <c r="B73211" s="14" t="s">
        <v>1</v>
      </c>
      <c r="C73211" s="14" t="s">
        <v>51</v>
      </c>
      <c r="D73211" s="14" t="s">
        <v>376</v>
      </c>
      <c r="E73211" s="15">
        <v>45587</v>
      </c>
      <c r="F73211" s="14" t="s">
        <v>61</v>
      </c>
      <c r="G73211" s="16">
        <v>0</v>
      </c>
    </row>
    <row r="73212" spans="1:7" x14ac:dyDescent="0.3">
      <c r="A73212" s="13" t="s">
        <v>375</v>
      </c>
      <c r="B73212" s="14" t="s">
        <v>1</v>
      </c>
      <c r="C73212" s="14" t="s">
        <v>51</v>
      </c>
      <c r="D73212" s="14" t="s">
        <v>376</v>
      </c>
      <c r="E73212" s="15">
        <v>45588</v>
      </c>
      <c r="F73212" s="14" t="s">
        <v>61</v>
      </c>
      <c r="G73212" s="16">
        <v>0</v>
      </c>
    </row>
    <row r="73213" spans="1:7" x14ac:dyDescent="0.3">
      <c r="A73213" s="13" t="s">
        <v>375</v>
      </c>
      <c r="B73213" s="14" t="s">
        <v>1</v>
      </c>
      <c r="C73213" s="14" t="s">
        <v>51</v>
      </c>
      <c r="D73213" s="14" t="s">
        <v>376</v>
      </c>
      <c r="E73213" s="15">
        <v>45589</v>
      </c>
      <c r="F73213" s="14" t="s">
        <v>61</v>
      </c>
      <c r="G73213" s="16">
        <v>0</v>
      </c>
    </row>
    <row r="73214" spans="1:7" x14ac:dyDescent="0.3">
      <c r="A73214" s="13" t="s">
        <v>375</v>
      </c>
      <c r="B73214" s="14" t="s">
        <v>1</v>
      </c>
      <c r="C73214" s="14" t="s">
        <v>51</v>
      </c>
      <c r="D73214" s="14" t="s">
        <v>376</v>
      </c>
      <c r="E73214" s="15">
        <v>45590</v>
      </c>
      <c r="F73214" s="14" t="s">
        <v>61</v>
      </c>
      <c r="G73214" s="16">
        <v>0</v>
      </c>
    </row>
    <row r="73215" spans="1:7" x14ac:dyDescent="0.3">
      <c r="A73215" s="13" t="s">
        <v>375</v>
      </c>
      <c r="B73215" s="14" t="s">
        <v>1</v>
      </c>
      <c r="C73215" s="14" t="s">
        <v>51</v>
      </c>
      <c r="D73215" s="14" t="s">
        <v>376</v>
      </c>
      <c r="E73215" s="15">
        <v>45591</v>
      </c>
      <c r="F73215" s="14" t="s">
        <v>61</v>
      </c>
      <c r="G73215" s="16">
        <v>0</v>
      </c>
    </row>
    <row r="73216" spans="1:7" x14ac:dyDescent="0.3">
      <c r="A73216" s="13" t="s">
        <v>375</v>
      </c>
      <c r="B73216" s="14" t="s">
        <v>1</v>
      </c>
      <c r="C73216" s="14" t="s">
        <v>51</v>
      </c>
      <c r="D73216" s="14" t="s">
        <v>376</v>
      </c>
      <c r="E73216" s="15">
        <v>45592</v>
      </c>
      <c r="F73216" s="14" t="s">
        <v>61</v>
      </c>
      <c r="G73216" s="16">
        <v>0</v>
      </c>
    </row>
    <row r="73217" spans="1:7" x14ac:dyDescent="0.3">
      <c r="A73217" s="13" t="s">
        <v>375</v>
      </c>
      <c r="B73217" s="14" t="s">
        <v>1</v>
      </c>
      <c r="C73217" s="14" t="s">
        <v>51</v>
      </c>
      <c r="D73217" s="14" t="s">
        <v>376</v>
      </c>
      <c r="E73217" s="15">
        <v>45593</v>
      </c>
      <c r="F73217" s="14" t="s">
        <v>61</v>
      </c>
      <c r="G73217" s="16">
        <v>0</v>
      </c>
    </row>
    <row r="73218" spans="1:7" x14ac:dyDescent="0.3">
      <c r="A73218" s="13" t="s">
        <v>375</v>
      </c>
      <c r="B73218" s="14" t="s">
        <v>1</v>
      </c>
      <c r="C73218" s="14" t="s">
        <v>51</v>
      </c>
      <c r="D73218" s="14" t="s">
        <v>376</v>
      </c>
      <c r="E73218" s="15">
        <v>45594</v>
      </c>
      <c r="F73218" s="14" t="s">
        <v>61</v>
      </c>
      <c r="G73218" s="16">
        <v>0</v>
      </c>
    </row>
    <row r="73219" spans="1:7" x14ac:dyDescent="0.3">
      <c r="A73219" s="13" t="s">
        <v>375</v>
      </c>
      <c r="B73219" s="14" t="s">
        <v>1</v>
      </c>
      <c r="C73219" s="14" t="s">
        <v>51</v>
      </c>
      <c r="D73219" s="14" t="s">
        <v>376</v>
      </c>
      <c r="E73219" s="15">
        <v>45595</v>
      </c>
      <c r="F73219" s="14" t="s">
        <v>61</v>
      </c>
      <c r="G73219" s="16">
        <v>0</v>
      </c>
    </row>
    <row r="73220" spans="1:7" x14ac:dyDescent="0.3">
      <c r="A73220" s="13" t="s">
        <v>375</v>
      </c>
      <c r="B73220" s="14" t="s">
        <v>1</v>
      </c>
      <c r="C73220" s="14" t="s">
        <v>51</v>
      </c>
      <c r="D73220" s="14" t="s">
        <v>376</v>
      </c>
      <c r="E73220" s="15">
        <v>45596</v>
      </c>
      <c r="F73220" s="14" t="s">
        <v>61</v>
      </c>
      <c r="G73220" s="16">
        <v>0</v>
      </c>
    </row>
    <row r="73221" spans="1:7" x14ac:dyDescent="0.3">
      <c r="A73221" s="13" t="s">
        <v>375</v>
      </c>
      <c r="B73221" s="14" t="s">
        <v>1</v>
      </c>
      <c r="C73221" s="14" t="s">
        <v>51</v>
      </c>
      <c r="D73221" s="14" t="s">
        <v>376</v>
      </c>
      <c r="E73221" s="15">
        <v>45597</v>
      </c>
      <c r="F73221" s="14" t="s">
        <v>61</v>
      </c>
      <c r="G73221" s="16">
        <v>0</v>
      </c>
    </row>
    <row r="73222" spans="1:7" x14ac:dyDescent="0.3">
      <c r="A73222" s="13" t="s">
        <v>375</v>
      </c>
      <c r="B73222" s="14" t="s">
        <v>1</v>
      </c>
      <c r="C73222" s="14" t="s">
        <v>51</v>
      </c>
      <c r="D73222" s="14" t="s">
        <v>376</v>
      </c>
      <c r="E73222" s="15">
        <v>45598</v>
      </c>
      <c r="F73222" s="14" t="s">
        <v>61</v>
      </c>
      <c r="G73222" s="16">
        <v>0</v>
      </c>
    </row>
    <row r="73223" spans="1:7" x14ac:dyDescent="0.3">
      <c r="A73223" s="13" t="s">
        <v>375</v>
      </c>
      <c r="B73223" s="14" t="s">
        <v>1</v>
      </c>
      <c r="C73223" s="14" t="s">
        <v>51</v>
      </c>
      <c r="D73223" s="14" t="s">
        <v>376</v>
      </c>
      <c r="E73223" s="15">
        <v>45599</v>
      </c>
      <c r="F73223" s="14" t="s">
        <v>61</v>
      </c>
      <c r="G73223" s="16">
        <v>0</v>
      </c>
    </row>
    <row r="73224" spans="1:7" x14ac:dyDescent="0.3">
      <c r="A73224" s="13" t="s">
        <v>375</v>
      </c>
      <c r="B73224" s="14" t="s">
        <v>1</v>
      </c>
      <c r="C73224" s="14" t="s">
        <v>51</v>
      </c>
      <c r="D73224" s="14" t="s">
        <v>376</v>
      </c>
      <c r="E73224" s="15">
        <v>45600</v>
      </c>
      <c r="F73224" s="14" t="s">
        <v>61</v>
      </c>
      <c r="G73224" s="16">
        <v>0</v>
      </c>
    </row>
    <row r="73225" spans="1:7" x14ac:dyDescent="0.3">
      <c r="A73225" s="13" t="s">
        <v>375</v>
      </c>
      <c r="B73225" s="14" t="s">
        <v>1</v>
      </c>
      <c r="C73225" s="14" t="s">
        <v>51</v>
      </c>
      <c r="D73225" s="14" t="s">
        <v>376</v>
      </c>
      <c r="E73225" s="15">
        <v>45601</v>
      </c>
      <c r="F73225" s="14" t="s">
        <v>61</v>
      </c>
      <c r="G73225" s="16">
        <v>0</v>
      </c>
    </row>
    <row r="73226" spans="1:7" x14ac:dyDescent="0.3">
      <c r="A73226" s="13" t="s">
        <v>375</v>
      </c>
      <c r="B73226" s="14" t="s">
        <v>1</v>
      </c>
      <c r="C73226" s="14" t="s">
        <v>51</v>
      </c>
      <c r="D73226" s="14" t="s">
        <v>376</v>
      </c>
      <c r="E73226" s="15">
        <v>45602</v>
      </c>
      <c r="F73226" s="14" t="s">
        <v>61</v>
      </c>
      <c r="G73226" s="16">
        <v>0</v>
      </c>
    </row>
    <row r="73227" spans="1:7" x14ac:dyDescent="0.3">
      <c r="A73227" s="13" t="s">
        <v>375</v>
      </c>
      <c r="B73227" s="14" t="s">
        <v>1</v>
      </c>
      <c r="C73227" s="14" t="s">
        <v>51</v>
      </c>
      <c r="D73227" s="14" t="s">
        <v>376</v>
      </c>
      <c r="E73227" s="15">
        <v>45603</v>
      </c>
      <c r="F73227" s="14" t="s">
        <v>61</v>
      </c>
      <c r="G73227" s="16">
        <v>0</v>
      </c>
    </row>
    <row r="73228" spans="1:7" x14ac:dyDescent="0.3">
      <c r="A73228" s="13" t="s">
        <v>375</v>
      </c>
      <c r="B73228" s="14" t="s">
        <v>1</v>
      </c>
      <c r="C73228" s="14" t="s">
        <v>51</v>
      </c>
      <c r="D73228" s="14" t="s">
        <v>376</v>
      </c>
      <c r="E73228" s="15">
        <v>45604</v>
      </c>
      <c r="F73228" s="14" t="s">
        <v>61</v>
      </c>
      <c r="G73228" s="16">
        <v>0</v>
      </c>
    </row>
    <row r="73229" spans="1:7" x14ac:dyDescent="0.3">
      <c r="A73229" s="13" t="s">
        <v>375</v>
      </c>
      <c r="B73229" s="14" t="s">
        <v>1</v>
      </c>
      <c r="C73229" s="14" t="s">
        <v>51</v>
      </c>
      <c r="D73229" s="14" t="s">
        <v>376</v>
      </c>
      <c r="E73229" s="15">
        <v>45605</v>
      </c>
      <c r="F73229" s="14" t="s">
        <v>61</v>
      </c>
      <c r="G73229" s="16">
        <v>0</v>
      </c>
    </row>
    <row r="73230" spans="1:7" x14ac:dyDescent="0.3">
      <c r="A73230" s="13" t="s">
        <v>375</v>
      </c>
      <c r="B73230" s="14" t="s">
        <v>1</v>
      </c>
      <c r="C73230" s="14" t="s">
        <v>51</v>
      </c>
      <c r="D73230" s="14" t="s">
        <v>376</v>
      </c>
      <c r="E73230" s="15">
        <v>45606</v>
      </c>
      <c r="F73230" s="14" t="s">
        <v>61</v>
      </c>
      <c r="G73230" s="16">
        <v>0</v>
      </c>
    </row>
    <row r="73231" spans="1:7" x14ac:dyDescent="0.3">
      <c r="A73231" s="13" t="s">
        <v>375</v>
      </c>
      <c r="B73231" s="14" t="s">
        <v>1</v>
      </c>
      <c r="C73231" s="14" t="s">
        <v>51</v>
      </c>
      <c r="D73231" s="14" t="s">
        <v>376</v>
      </c>
      <c r="E73231" s="15">
        <v>45607</v>
      </c>
      <c r="F73231" s="14" t="s">
        <v>61</v>
      </c>
      <c r="G73231" s="16">
        <v>0</v>
      </c>
    </row>
    <row r="73232" spans="1:7" x14ac:dyDescent="0.3">
      <c r="A73232" s="13" t="s">
        <v>375</v>
      </c>
      <c r="B73232" s="14" t="s">
        <v>1</v>
      </c>
      <c r="C73232" s="14" t="s">
        <v>51</v>
      </c>
      <c r="D73232" s="14" t="s">
        <v>376</v>
      </c>
      <c r="E73232" s="15">
        <v>45608</v>
      </c>
      <c r="F73232" s="14" t="s">
        <v>61</v>
      </c>
      <c r="G73232" s="16">
        <v>0</v>
      </c>
    </row>
    <row r="73233" spans="1:7" x14ac:dyDescent="0.3">
      <c r="A73233" s="13" t="s">
        <v>375</v>
      </c>
      <c r="B73233" s="14" t="s">
        <v>1</v>
      </c>
      <c r="C73233" s="14" t="s">
        <v>51</v>
      </c>
      <c r="D73233" s="14" t="s">
        <v>376</v>
      </c>
      <c r="E73233" s="15">
        <v>45609</v>
      </c>
      <c r="F73233" s="14" t="s">
        <v>61</v>
      </c>
      <c r="G73233" s="16">
        <v>0</v>
      </c>
    </row>
    <row r="73234" spans="1:7" x14ac:dyDescent="0.3">
      <c r="A73234" s="13" t="s">
        <v>375</v>
      </c>
      <c r="B73234" s="14" t="s">
        <v>1</v>
      </c>
      <c r="C73234" s="14" t="s">
        <v>51</v>
      </c>
      <c r="D73234" s="14" t="s">
        <v>376</v>
      </c>
      <c r="E73234" s="15">
        <v>45610</v>
      </c>
      <c r="F73234" s="14" t="s">
        <v>61</v>
      </c>
      <c r="G73234" s="16">
        <v>0</v>
      </c>
    </row>
    <row r="73235" spans="1:7" x14ac:dyDescent="0.3">
      <c r="A73235" s="13" t="s">
        <v>375</v>
      </c>
      <c r="B73235" s="14" t="s">
        <v>1</v>
      </c>
      <c r="C73235" s="14" t="s">
        <v>51</v>
      </c>
      <c r="D73235" s="14" t="s">
        <v>376</v>
      </c>
      <c r="E73235" s="15">
        <v>45611</v>
      </c>
      <c r="F73235" s="14" t="s">
        <v>61</v>
      </c>
      <c r="G73235" s="16">
        <v>0</v>
      </c>
    </row>
    <row r="73236" spans="1:7" x14ac:dyDescent="0.3">
      <c r="A73236" s="13" t="s">
        <v>375</v>
      </c>
      <c r="B73236" s="14" t="s">
        <v>1</v>
      </c>
      <c r="C73236" s="14" t="s">
        <v>51</v>
      </c>
      <c r="D73236" s="14" t="s">
        <v>376</v>
      </c>
      <c r="E73236" s="15">
        <v>45612</v>
      </c>
      <c r="F73236" s="14" t="s">
        <v>61</v>
      </c>
      <c r="G73236" s="16">
        <v>0</v>
      </c>
    </row>
    <row r="73237" spans="1:7" x14ac:dyDescent="0.3">
      <c r="A73237" s="13" t="s">
        <v>375</v>
      </c>
      <c r="B73237" s="14" t="s">
        <v>1</v>
      </c>
      <c r="C73237" s="14" t="s">
        <v>51</v>
      </c>
      <c r="D73237" s="14" t="s">
        <v>376</v>
      </c>
      <c r="E73237" s="15">
        <v>45613</v>
      </c>
      <c r="F73237" s="14" t="s">
        <v>61</v>
      </c>
      <c r="G73237" s="16">
        <v>0</v>
      </c>
    </row>
    <row r="73238" spans="1:7" x14ac:dyDescent="0.3">
      <c r="A73238" s="13" t="s">
        <v>375</v>
      </c>
      <c r="B73238" s="14" t="s">
        <v>1</v>
      </c>
      <c r="C73238" s="14" t="s">
        <v>51</v>
      </c>
      <c r="D73238" s="14" t="s">
        <v>376</v>
      </c>
      <c r="E73238" s="15">
        <v>45614</v>
      </c>
      <c r="F73238" s="14" t="s">
        <v>61</v>
      </c>
      <c r="G73238" s="16">
        <v>0</v>
      </c>
    </row>
    <row r="73239" spans="1:7" x14ac:dyDescent="0.3">
      <c r="A73239" s="13" t="s">
        <v>375</v>
      </c>
      <c r="B73239" s="14" t="s">
        <v>1</v>
      </c>
      <c r="C73239" s="14" t="s">
        <v>51</v>
      </c>
      <c r="D73239" s="14" t="s">
        <v>376</v>
      </c>
      <c r="E73239" s="15">
        <v>45615</v>
      </c>
      <c r="F73239" s="14" t="s">
        <v>61</v>
      </c>
      <c r="G73239" s="16">
        <v>0</v>
      </c>
    </row>
    <row r="73240" spans="1:7" x14ac:dyDescent="0.3">
      <c r="A73240" s="13" t="s">
        <v>375</v>
      </c>
      <c r="B73240" s="14" t="s">
        <v>1</v>
      </c>
      <c r="C73240" s="14" t="s">
        <v>51</v>
      </c>
      <c r="D73240" s="14" t="s">
        <v>376</v>
      </c>
      <c r="E73240" s="15">
        <v>45616</v>
      </c>
      <c r="F73240" s="14" t="s">
        <v>61</v>
      </c>
      <c r="G73240" s="16">
        <v>0</v>
      </c>
    </row>
    <row r="73241" spans="1:7" x14ac:dyDescent="0.3">
      <c r="A73241" s="13" t="s">
        <v>375</v>
      </c>
      <c r="B73241" s="14" t="s">
        <v>1</v>
      </c>
      <c r="C73241" s="14" t="s">
        <v>51</v>
      </c>
      <c r="D73241" s="14" t="s">
        <v>376</v>
      </c>
      <c r="E73241" s="15">
        <v>45617</v>
      </c>
      <c r="F73241" s="14" t="s">
        <v>61</v>
      </c>
      <c r="G73241" s="16">
        <v>0</v>
      </c>
    </row>
    <row r="73242" spans="1:7" x14ac:dyDescent="0.3">
      <c r="A73242" s="13" t="s">
        <v>375</v>
      </c>
      <c r="B73242" s="14" t="s">
        <v>1</v>
      </c>
      <c r="C73242" s="14" t="s">
        <v>51</v>
      </c>
      <c r="D73242" s="14" t="s">
        <v>376</v>
      </c>
      <c r="E73242" s="15">
        <v>45618</v>
      </c>
      <c r="F73242" s="14" t="s">
        <v>61</v>
      </c>
      <c r="G73242" s="16">
        <v>0</v>
      </c>
    </row>
    <row r="73243" spans="1:7" x14ac:dyDescent="0.3">
      <c r="A73243" s="13" t="s">
        <v>375</v>
      </c>
      <c r="B73243" s="14" t="s">
        <v>1</v>
      </c>
      <c r="C73243" s="14" t="s">
        <v>51</v>
      </c>
      <c r="D73243" s="14" t="s">
        <v>376</v>
      </c>
      <c r="E73243" s="15">
        <v>45619</v>
      </c>
      <c r="F73243" s="14" t="s">
        <v>61</v>
      </c>
      <c r="G73243" s="16">
        <v>0</v>
      </c>
    </row>
    <row r="73244" spans="1:7" x14ac:dyDescent="0.3">
      <c r="A73244" s="13" t="s">
        <v>375</v>
      </c>
      <c r="B73244" s="14" t="s">
        <v>1</v>
      </c>
      <c r="C73244" s="14" t="s">
        <v>51</v>
      </c>
      <c r="D73244" s="14" t="s">
        <v>376</v>
      </c>
      <c r="E73244" s="15">
        <v>45620</v>
      </c>
      <c r="F73244" s="14" t="s">
        <v>61</v>
      </c>
      <c r="G73244" s="16">
        <v>0</v>
      </c>
    </row>
    <row r="73245" spans="1:7" x14ac:dyDescent="0.3">
      <c r="A73245" s="13" t="s">
        <v>375</v>
      </c>
      <c r="B73245" s="14" t="s">
        <v>1</v>
      </c>
      <c r="C73245" s="14" t="s">
        <v>51</v>
      </c>
      <c r="D73245" s="14" t="s">
        <v>376</v>
      </c>
      <c r="E73245" s="15">
        <v>45621</v>
      </c>
      <c r="F73245" s="14" t="s">
        <v>61</v>
      </c>
      <c r="G73245" s="16">
        <v>0</v>
      </c>
    </row>
    <row r="73246" spans="1:7" x14ac:dyDescent="0.3">
      <c r="A73246" s="13" t="s">
        <v>375</v>
      </c>
      <c r="B73246" s="14" t="s">
        <v>1</v>
      </c>
      <c r="C73246" s="14" t="s">
        <v>51</v>
      </c>
      <c r="D73246" s="14" t="s">
        <v>376</v>
      </c>
      <c r="E73246" s="15">
        <v>45622</v>
      </c>
      <c r="F73246" s="14" t="s">
        <v>61</v>
      </c>
      <c r="G73246" s="16">
        <v>0</v>
      </c>
    </row>
    <row r="73247" spans="1:7" x14ac:dyDescent="0.3">
      <c r="A73247" s="13" t="s">
        <v>375</v>
      </c>
      <c r="B73247" s="14" t="s">
        <v>1</v>
      </c>
      <c r="C73247" s="14" t="s">
        <v>51</v>
      </c>
      <c r="D73247" s="14" t="s">
        <v>376</v>
      </c>
      <c r="E73247" s="15">
        <v>45623</v>
      </c>
      <c r="F73247" s="14" t="s">
        <v>61</v>
      </c>
      <c r="G73247" s="16">
        <v>0</v>
      </c>
    </row>
    <row r="73248" spans="1:7" x14ac:dyDescent="0.3">
      <c r="A73248" s="13" t="s">
        <v>375</v>
      </c>
      <c r="B73248" s="14" t="s">
        <v>1</v>
      </c>
      <c r="C73248" s="14" t="s">
        <v>51</v>
      </c>
      <c r="D73248" s="14" t="s">
        <v>376</v>
      </c>
      <c r="E73248" s="15">
        <v>45624</v>
      </c>
      <c r="F73248" s="14" t="s">
        <v>61</v>
      </c>
      <c r="G73248" s="16">
        <v>0</v>
      </c>
    </row>
    <row r="73249" spans="1:7" x14ac:dyDescent="0.3">
      <c r="A73249" s="13" t="s">
        <v>375</v>
      </c>
      <c r="B73249" s="14" t="s">
        <v>1</v>
      </c>
      <c r="C73249" s="14" t="s">
        <v>51</v>
      </c>
      <c r="D73249" s="14" t="s">
        <v>376</v>
      </c>
      <c r="E73249" s="15">
        <v>45625</v>
      </c>
      <c r="F73249" s="14" t="s">
        <v>61</v>
      </c>
      <c r="G73249" s="16">
        <v>0</v>
      </c>
    </row>
    <row r="73250" spans="1:7" x14ac:dyDescent="0.3">
      <c r="A73250" s="13" t="s">
        <v>375</v>
      </c>
      <c r="B73250" s="14" t="s">
        <v>1</v>
      </c>
      <c r="C73250" s="14" t="s">
        <v>51</v>
      </c>
      <c r="D73250" s="14" t="s">
        <v>376</v>
      </c>
      <c r="E73250" s="15">
        <v>45626</v>
      </c>
      <c r="F73250" s="14" t="s">
        <v>61</v>
      </c>
      <c r="G73250" s="16">
        <v>0</v>
      </c>
    </row>
    <row r="73251" spans="1:7" x14ac:dyDescent="0.3">
      <c r="A73251" s="13" t="s">
        <v>375</v>
      </c>
      <c r="B73251" s="14" t="s">
        <v>1</v>
      </c>
      <c r="C73251" s="14" t="s">
        <v>51</v>
      </c>
      <c r="D73251" s="14" t="s">
        <v>376</v>
      </c>
      <c r="E73251" s="15">
        <v>45627</v>
      </c>
      <c r="F73251" s="14" t="s">
        <v>61</v>
      </c>
      <c r="G73251" s="16">
        <v>0</v>
      </c>
    </row>
    <row r="73252" spans="1:7" x14ac:dyDescent="0.3">
      <c r="A73252" s="13" t="s">
        <v>375</v>
      </c>
      <c r="B73252" s="14" t="s">
        <v>1</v>
      </c>
      <c r="C73252" s="14" t="s">
        <v>51</v>
      </c>
      <c r="D73252" s="14" t="s">
        <v>376</v>
      </c>
      <c r="E73252" s="15">
        <v>45628</v>
      </c>
      <c r="F73252" s="14" t="s">
        <v>61</v>
      </c>
      <c r="G73252" s="16">
        <v>0</v>
      </c>
    </row>
    <row r="73253" spans="1:7" x14ac:dyDescent="0.3">
      <c r="A73253" s="13" t="s">
        <v>375</v>
      </c>
      <c r="B73253" s="14" t="s">
        <v>1</v>
      </c>
      <c r="C73253" s="14" t="s">
        <v>51</v>
      </c>
      <c r="D73253" s="14" t="s">
        <v>376</v>
      </c>
      <c r="E73253" s="15">
        <v>45629</v>
      </c>
      <c r="F73253" s="14" t="s">
        <v>61</v>
      </c>
      <c r="G73253" s="16">
        <v>0</v>
      </c>
    </row>
    <row r="73254" spans="1:7" x14ac:dyDescent="0.3">
      <c r="A73254" s="13" t="s">
        <v>375</v>
      </c>
      <c r="B73254" s="14" t="s">
        <v>1</v>
      </c>
      <c r="C73254" s="14" t="s">
        <v>51</v>
      </c>
      <c r="D73254" s="14" t="s">
        <v>376</v>
      </c>
      <c r="E73254" s="15">
        <v>45630</v>
      </c>
      <c r="F73254" s="14" t="s">
        <v>61</v>
      </c>
      <c r="G73254" s="16">
        <v>0</v>
      </c>
    </row>
    <row r="73255" spans="1:7" x14ac:dyDescent="0.3">
      <c r="A73255" s="13" t="s">
        <v>375</v>
      </c>
      <c r="B73255" s="14" t="s">
        <v>1</v>
      </c>
      <c r="C73255" s="14" t="s">
        <v>51</v>
      </c>
      <c r="D73255" s="14" t="s">
        <v>376</v>
      </c>
      <c r="E73255" s="15">
        <v>45631</v>
      </c>
      <c r="F73255" s="14" t="s">
        <v>61</v>
      </c>
      <c r="G73255" s="16">
        <v>0</v>
      </c>
    </row>
    <row r="73256" spans="1:7" x14ac:dyDescent="0.3">
      <c r="A73256" s="13" t="s">
        <v>375</v>
      </c>
      <c r="B73256" s="14" t="s">
        <v>1</v>
      </c>
      <c r="C73256" s="14" t="s">
        <v>51</v>
      </c>
      <c r="D73256" s="14" t="s">
        <v>376</v>
      </c>
      <c r="E73256" s="15">
        <v>45632</v>
      </c>
      <c r="F73256" s="14" t="s">
        <v>61</v>
      </c>
      <c r="G73256" s="16">
        <v>0</v>
      </c>
    </row>
    <row r="73257" spans="1:7" x14ac:dyDescent="0.3">
      <c r="A73257" s="13" t="s">
        <v>375</v>
      </c>
      <c r="B73257" s="14" t="s">
        <v>1</v>
      </c>
      <c r="C73257" s="14" t="s">
        <v>51</v>
      </c>
      <c r="D73257" s="14" t="s">
        <v>376</v>
      </c>
      <c r="E73257" s="15">
        <v>45633</v>
      </c>
      <c r="F73257" s="14" t="s">
        <v>61</v>
      </c>
      <c r="G73257" s="16">
        <v>0</v>
      </c>
    </row>
    <row r="73258" spans="1:7" x14ac:dyDescent="0.3">
      <c r="A73258" s="13" t="s">
        <v>375</v>
      </c>
      <c r="B73258" s="14" t="s">
        <v>1</v>
      </c>
      <c r="C73258" s="14" t="s">
        <v>51</v>
      </c>
      <c r="D73258" s="14" t="s">
        <v>376</v>
      </c>
      <c r="E73258" s="15">
        <v>45634</v>
      </c>
      <c r="F73258" s="14" t="s">
        <v>61</v>
      </c>
      <c r="G73258" s="16">
        <v>0</v>
      </c>
    </row>
    <row r="73259" spans="1:7" x14ac:dyDescent="0.3">
      <c r="A73259" s="13" t="s">
        <v>375</v>
      </c>
      <c r="B73259" s="14" t="s">
        <v>1</v>
      </c>
      <c r="C73259" s="14" t="s">
        <v>51</v>
      </c>
      <c r="D73259" s="14" t="s">
        <v>376</v>
      </c>
      <c r="E73259" s="15">
        <v>45635</v>
      </c>
      <c r="F73259" s="14" t="s">
        <v>61</v>
      </c>
      <c r="G73259" s="16">
        <v>5.4888316274233281E-3</v>
      </c>
    </row>
    <row r="73260" spans="1:7" x14ac:dyDescent="0.3">
      <c r="A73260" s="13" t="s">
        <v>375</v>
      </c>
      <c r="B73260" s="14" t="s">
        <v>1</v>
      </c>
      <c r="C73260" s="14" t="s">
        <v>51</v>
      </c>
      <c r="D73260" s="14" t="s">
        <v>376</v>
      </c>
      <c r="E73260" s="15">
        <v>45636</v>
      </c>
      <c r="F73260" s="14" t="s">
        <v>61</v>
      </c>
      <c r="G73260" s="16">
        <v>0</v>
      </c>
    </row>
    <row r="73261" spans="1:7" x14ac:dyDescent="0.3">
      <c r="A73261" s="13" t="s">
        <v>375</v>
      </c>
      <c r="B73261" s="14" t="s">
        <v>1</v>
      </c>
      <c r="C73261" s="14" t="s">
        <v>51</v>
      </c>
      <c r="D73261" s="14" t="s">
        <v>376</v>
      </c>
      <c r="E73261" s="15">
        <v>45637</v>
      </c>
      <c r="F73261" s="14" t="s">
        <v>61</v>
      </c>
      <c r="G73261" s="16">
        <v>0</v>
      </c>
    </row>
    <row r="73262" spans="1:7" x14ac:dyDescent="0.3">
      <c r="A73262" s="13" t="s">
        <v>375</v>
      </c>
      <c r="B73262" s="14" t="s">
        <v>1</v>
      </c>
      <c r="C73262" s="14" t="s">
        <v>51</v>
      </c>
      <c r="D73262" s="14" t="s">
        <v>376</v>
      </c>
      <c r="E73262" s="15">
        <v>45638</v>
      </c>
      <c r="F73262" s="14" t="s">
        <v>61</v>
      </c>
      <c r="G73262" s="16">
        <v>0</v>
      </c>
    </row>
    <row r="73263" spans="1:7" x14ac:dyDescent="0.3">
      <c r="A73263" s="13" t="s">
        <v>375</v>
      </c>
      <c r="B73263" s="14" t="s">
        <v>1</v>
      </c>
      <c r="C73263" s="14" t="s">
        <v>51</v>
      </c>
      <c r="D73263" s="14" t="s">
        <v>376</v>
      </c>
      <c r="E73263" s="15">
        <v>45639</v>
      </c>
      <c r="F73263" s="14" t="s">
        <v>61</v>
      </c>
      <c r="G73263" s="16">
        <v>0</v>
      </c>
    </row>
    <row r="73264" spans="1:7" x14ac:dyDescent="0.3">
      <c r="A73264" s="13" t="s">
        <v>375</v>
      </c>
      <c r="B73264" s="14" t="s">
        <v>1</v>
      </c>
      <c r="C73264" s="14" t="s">
        <v>51</v>
      </c>
      <c r="D73264" s="14" t="s">
        <v>376</v>
      </c>
      <c r="E73264" s="15">
        <v>45640</v>
      </c>
      <c r="F73264" s="14" t="s">
        <v>61</v>
      </c>
      <c r="G73264" s="16">
        <v>0</v>
      </c>
    </row>
    <row r="73265" spans="1:7" x14ac:dyDescent="0.3">
      <c r="A73265" s="13" t="s">
        <v>375</v>
      </c>
      <c r="B73265" s="14" t="s">
        <v>1</v>
      </c>
      <c r="C73265" s="14" t="s">
        <v>51</v>
      </c>
      <c r="D73265" s="14" t="s">
        <v>376</v>
      </c>
      <c r="E73265" s="15">
        <v>45641</v>
      </c>
      <c r="F73265" s="14" t="s">
        <v>61</v>
      </c>
      <c r="G73265" s="16">
        <v>0</v>
      </c>
    </row>
    <row r="73266" spans="1:7" x14ac:dyDescent="0.3">
      <c r="A73266" s="13" t="s">
        <v>375</v>
      </c>
      <c r="B73266" s="14" t="s">
        <v>1</v>
      </c>
      <c r="C73266" s="14" t="s">
        <v>51</v>
      </c>
      <c r="D73266" s="14" t="s">
        <v>376</v>
      </c>
      <c r="E73266" s="15">
        <v>45642</v>
      </c>
      <c r="F73266" s="14" t="s">
        <v>61</v>
      </c>
      <c r="G73266" s="16">
        <v>0</v>
      </c>
    </row>
    <row r="73267" spans="1:7" x14ac:dyDescent="0.3">
      <c r="A73267" s="13" t="s">
        <v>375</v>
      </c>
      <c r="B73267" s="14" t="s">
        <v>1</v>
      </c>
      <c r="C73267" s="14" t="s">
        <v>51</v>
      </c>
      <c r="D73267" s="14" t="s">
        <v>376</v>
      </c>
      <c r="E73267" s="15">
        <v>45643</v>
      </c>
      <c r="F73267" s="14" t="s">
        <v>61</v>
      </c>
      <c r="G73267" s="16">
        <v>0</v>
      </c>
    </row>
    <row r="73268" spans="1:7" x14ac:dyDescent="0.3">
      <c r="A73268" s="13" t="s">
        <v>375</v>
      </c>
      <c r="B73268" s="14" t="s">
        <v>1</v>
      </c>
      <c r="C73268" s="14" t="s">
        <v>51</v>
      </c>
      <c r="D73268" s="14" t="s">
        <v>376</v>
      </c>
      <c r="E73268" s="15">
        <v>45644</v>
      </c>
      <c r="F73268" s="14" t="s">
        <v>61</v>
      </c>
      <c r="G73268" s="16">
        <v>0</v>
      </c>
    </row>
    <row r="73269" spans="1:7" x14ac:dyDescent="0.3">
      <c r="A73269" s="13" t="s">
        <v>375</v>
      </c>
      <c r="B73269" s="14" t="s">
        <v>1</v>
      </c>
      <c r="C73269" s="14" t="s">
        <v>51</v>
      </c>
      <c r="D73269" s="14" t="s">
        <v>376</v>
      </c>
      <c r="E73269" s="15">
        <v>45645</v>
      </c>
      <c r="F73269" s="14" t="s">
        <v>61</v>
      </c>
      <c r="G73269" s="16">
        <v>0</v>
      </c>
    </row>
    <row r="73270" spans="1:7" x14ac:dyDescent="0.3">
      <c r="A73270" s="13" t="s">
        <v>375</v>
      </c>
      <c r="B73270" s="14" t="s">
        <v>1</v>
      </c>
      <c r="C73270" s="14" t="s">
        <v>51</v>
      </c>
      <c r="D73270" s="14" t="s">
        <v>376</v>
      </c>
      <c r="E73270" s="15">
        <v>45646</v>
      </c>
      <c r="F73270" s="14" t="s">
        <v>61</v>
      </c>
      <c r="G73270" s="16">
        <v>0</v>
      </c>
    </row>
    <row r="73271" spans="1:7" x14ac:dyDescent="0.3">
      <c r="A73271" s="13" t="s">
        <v>375</v>
      </c>
      <c r="B73271" s="14" t="s">
        <v>1</v>
      </c>
      <c r="C73271" s="14" t="s">
        <v>51</v>
      </c>
      <c r="D73271" s="14" t="s">
        <v>376</v>
      </c>
      <c r="E73271" s="15">
        <v>45647</v>
      </c>
      <c r="F73271" s="14" t="s">
        <v>61</v>
      </c>
      <c r="G73271" s="16">
        <v>0</v>
      </c>
    </row>
    <row r="73272" spans="1:7" x14ac:dyDescent="0.3">
      <c r="A73272" s="13" t="s">
        <v>375</v>
      </c>
      <c r="B73272" s="14" t="s">
        <v>1</v>
      </c>
      <c r="C73272" s="14" t="s">
        <v>51</v>
      </c>
      <c r="D73272" s="14" t="s">
        <v>376</v>
      </c>
      <c r="E73272" s="15">
        <v>45648</v>
      </c>
      <c r="F73272" s="14" t="s">
        <v>61</v>
      </c>
      <c r="G73272" s="16">
        <v>0</v>
      </c>
    </row>
    <row r="73273" spans="1:7" x14ac:dyDescent="0.3">
      <c r="A73273" s="13" t="s">
        <v>375</v>
      </c>
      <c r="B73273" s="14" t="s">
        <v>1</v>
      </c>
      <c r="C73273" s="14" t="s">
        <v>51</v>
      </c>
      <c r="D73273" s="14" t="s">
        <v>376</v>
      </c>
      <c r="E73273" s="15">
        <v>45649</v>
      </c>
      <c r="F73273" s="14" t="s">
        <v>61</v>
      </c>
      <c r="G73273" s="16">
        <v>0</v>
      </c>
    </row>
    <row r="73274" spans="1:7" x14ac:dyDescent="0.3">
      <c r="A73274" s="13" t="s">
        <v>375</v>
      </c>
      <c r="B73274" s="14" t="s">
        <v>1</v>
      </c>
      <c r="C73274" s="14" t="s">
        <v>51</v>
      </c>
      <c r="D73274" s="14" t="s">
        <v>376</v>
      </c>
      <c r="E73274" s="15">
        <v>45650</v>
      </c>
      <c r="F73274" s="14" t="s">
        <v>61</v>
      </c>
      <c r="G73274" s="16">
        <v>0</v>
      </c>
    </row>
    <row r="73275" spans="1:7" x14ac:dyDescent="0.3">
      <c r="A73275" s="13" t="s">
        <v>375</v>
      </c>
      <c r="B73275" s="14" t="s">
        <v>1</v>
      </c>
      <c r="C73275" s="14" t="s">
        <v>51</v>
      </c>
      <c r="D73275" s="14" t="s">
        <v>376</v>
      </c>
      <c r="E73275" s="15">
        <v>45651</v>
      </c>
      <c r="F73275" s="14" t="s">
        <v>61</v>
      </c>
      <c r="G73275" s="16">
        <v>0</v>
      </c>
    </row>
    <row r="73276" spans="1:7" x14ac:dyDescent="0.3">
      <c r="A73276" s="13" t="s">
        <v>375</v>
      </c>
      <c r="B73276" s="14" t="s">
        <v>1</v>
      </c>
      <c r="C73276" s="14" t="s">
        <v>51</v>
      </c>
      <c r="D73276" s="14" t="s">
        <v>376</v>
      </c>
      <c r="E73276" s="15">
        <v>45652</v>
      </c>
      <c r="F73276" s="14" t="s">
        <v>61</v>
      </c>
      <c r="G73276" s="16">
        <v>0</v>
      </c>
    </row>
    <row r="73277" spans="1:7" x14ac:dyDescent="0.3">
      <c r="A73277" s="13" t="s">
        <v>375</v>
      </c>
      <c r="B73277" s="14" t="s">
        <v>1</v>
      </c>
      <c r="C73277" s="14" t="s">
        <v>51</v>
      </c>
      <c r="D73277" s="14" t="s">
        <v>376</v>
      </c>
      <c r="E73277" s="15">
        <v>45653</v>
      </c>
      <c r="F73277" s="14" t="s">
        <v>61</v>
      </c>
      <c r="G73277" s="16">
        <v>0</v>
      </c>
    </row>
    <row r="73278" spans="1:7" x14ac:dyDescent="0.3">
      <c r="A73278" s="13" t="s">
        <v>375</v>
      </c>
      <c r="B73278" s="14" t="s">
        <v>1</v>
      </c>
      <c r="C73278" s="14" t="s">
        <v>51</v>
      </c>
      <c r="D73278" s="14" t="s">
        <v>376</v>
      </c>
      <c r="E73278" s="15">
        <v>45654</v>
      </c>
      <c r="F73278" s="14" t="s">
        <v>61</v>
      </c>
      <c r="G73278" s="16">
        <v>0</v>
      </c>
    </row>
    <row r="73279" spans="1:7" x14ac:dyDescent="0.3">
      <c r="A73279" s="13" t="s">
        <v>375</v>
      </c>
      <c r="B73279" s="14" t="s">
        <v>1</v>
      </c>
      <c r="C73279" s="14" t="s">
        <v>51</v>
      </c>
      <c r="D73279" s="14" t="s">
        <v>376</v>
      </c>
      <c r="E73279" s="15">
        <v>45655</v>
      </c>
      <c r="F73279" s="14" t="s">
        <v>61</v>
      </c>
      <c r="G73279" s="16">
        <v>0</v>
      </c>
    </row>
    <row r="73280" spans="1:7" x14ac:dyDescent="0.3">
      <c r="A73280" s="13" t="s">
        <v>375</v>
      </c>
      <c r="B73280" s="14" t="s">
        <v>1</v>
      </c>
      <c r="C73280" s="14" t="s">
        <v>51</v>
      </c>
      <c r="D73280" s="14" t="s">
        <v>376</v>
      </c>
      <c r="E73280" s="15">
        <v>45656</v>
      </c>
      <c r="F73280" s="14" t="s">
        <v>61</v>
      </c>
      <c r="G73280" s="16">
        <v>0</v>
      </c>
    </row>
    <row r="73281" spans="1:7" x14ac:dyDescent="0.3">
      <c r="A73281" s="13" t="s">
        <v>375</v>
      </c>
      <c r="B73281" s="14" t="s">
        <v>1</v>
      </c>
      <c r="C73281" s="14" t="s">
        <v>51</v>
      </c>
      <c r="D73281" s="14" t="s">
        <v>376</v>
      </c>
      <c r="E73281" s="15">
        <v>45657</v>
      </c>
      <c r="F73281" s="14" t="s">
        <v>61</v>
      </c>
      <c r="G73281" s="16">
        <v>0</v>
      </c>
    </row>
    <row r="73282" spans="1:7" x14ac:dyDescent="0.3">
      <c r="A73282" s="13" t="s">
        <v>375</v>
      </c>
      <c r="B73282" s="14" t="s">
        <v>1</v>
      </c>
      <c r="C73282" s="14" t="s">
        <v>51</v>
      </c>
      <c r="D73282" s="14" t="s">
        <v>376</v>
      </c>
      <c r="E73282" s="15">
        <v>45658</v>
      </c>
      <c r="F73282" s="14" t="s">
        <v>61</v>
      </c>
      <c r="G73282" s="16">
        <v>0</v>
      </c>
    </row>
    <row r="73283" spans="1:7" x14ac:dyDescent="0.3">
      <c r="A73283" s="13" t="s">
        <v>375</v>
      </c>
      <c r="B73283" s="14" t="s">
        <v>1</v>
      </c>
      <c r="C73283" s="14" t="s">
        <v>51</v>
      </c>
      <c r="D73283" s="14" t="s">
        <v>376</v>
      </c>
      <c r="E73283" s="15">
        <v>45659</v>
      </c>
      <c r="F73283" s="14" t="s">
        <v>61</v>
      </c>
      <c r="G73283" s="16">
        <v>0</v>
      </c>
    </row>
    <row r="73284" spans="1:7" x14ac:dyDescent="0.3">
      <c r="A73284" s="13" t="s">
        <v>375</v>
      </c>
      <c r="B73284" s="14" t="s">
        <v>1</v>
      </c>
      <c r="C73284" s="14" t="s">
        <v>51</v>
      </c>
      <c r="D73284" s="14" t="s">
        <v>376</v>
      </c>
      <c r="E73284" s="15">
        <v>45660</v>
      </c>
      <c r="F73284" s="14" t="s">
        <v>61</v>
      </c>
      <c r="G73284" s="16">
        <v>0</v>
      </c>
    </row>
    <row r="73285" spans="1:7" x14ac:dyDescent="0.3">
      <c r="A73285" s="13" t="s">
        <v>375</v>
      </c>
      <c r="B73285" s="14" t="s">
        <v>1</v>
      </c>
      <c r="C73285" s="14" t="s">
        <v>51</v>
      </c>
      <c r="D73285" s="14" t="s">
        <v>376</v>
      </c>
      <c r="E73285" s="15">
        <v>45661</v>
      </c>
      <c r="F73285" s="14" t="s">
        <v>61</v>
      </c>
      <c r="G73285" s="16">
        <v>0</v>
      </c>
    </row>
    <row r="73286" spans="1:7" x14ac:dyDescent="0.3">
      <c r="A73286" s="13" t="s">
        <v>375</v>
      </c>
      <c r="B73286" s="14" t="s">
        <v>1</v>
      </c>
      <c r="C73286" s="14" t="s">
        <v>51</v>
      </c>
      <c r="D73286" s="14" t="s">
        <v>376</v>
      </c>
      <c r="E73286" s="15">
        <v>45662</v>
      </c>
      <c r="F73286" s="14" t="s">
        <v>61</v>
      </c>
      <c r="G73286" s="16">
        <v>0</v>
      </c>
    </row>
    <row r="73287" spans="1:7" x14ac:dyDescent="0.3">
      <c r="A73287" s="13" t="s">
        <v>375</v>
      </c>
      <c r="B73287" s="14" t="s">
        <v>1</v>
      </c>
      <c r="C73287" s="14" t="s">
        <v>51</v>
      </c>
      <c r="D73287" s="14" t="s">
        <v>376</v>
      </c>
      <c r="E73287" s="15">
        <v>45663</v>
      </c>
      <c r="F73287" s="14" t="s">
        <v>61</v>
      </c>
      <c r="G73287" s="16">
        <v>0</v>
      </c>
    </row>
    <row r="73288" spans="1:7" x14ac:dyDescent="0.3">
      <c r="A73288" s="13" t="s">
        <v>375</v>
      </c>
      <c r="B73288" s="14" t="s">
        <v>1</v>
      </c>
      <c r="C73288" s="14" t="s">
        <v>51</v>
      </c>
      <c r="D73288" s="14" t="s">
        <v>376</v>
      </c>
      <c r="E73288" s="15">
        <v>45664</v>
      </c>
      <c r="F73288" s="14" t="s">
        <v>61</v>
      </c>
      <c r="G73288" s="16">
        <v>0</v>
      </c>
    </row>
    <row r="73289" spans="1:7" x14ac:dyDescent="0.3">
      <c r="A73289" s="13" t="s">
        <v>375</v>
      </c>
      <c r="B73289" s="14" t="s">
        <v>1</v>
      </c>
      <c r="C73289" s="14" t="s">
        <v>51</v>
      </c>
      <c r="D73289" s="14" t="s">
        <v>376</v>
      </c>
      <c r="E73289" s="15">
        <v>45665</v>
      </c>
      <c r="F73289" s="14" t="s">
        <v>61</v>
      </c>
      <c r="G73289" s="16">
        <v>0</v>
      </c>
    </row>
    <row r="73290" spans="1:7" x14ac:dyDescent="0.3">
      <c r="A73290" s="13" t="s">
        <v>375</v>
      </c>
      <c r="B73290" s="14" t="s">
        <v>1</v>
      </c>
      <c r="C73290" s="14" t="s">
        <v>51</v>
      </c>
      <c r="D73290" s="14" t="s">
        <v>376</v>
      </c>
      <c r="E73290" s="15">
        <v>45666</v>
      </c>
      <c r="F73290" s="14" t="s">
        <v>61</v>
      </c>
      <c r="G73290" s="16">
        <v>0</v>
      </c>
    </row>
    <row r="73291" spans="1:7" x14ac:dyDescent="0.3">
      <c r="A73291" s="13" t="s">
        <v>375</v>
      </c>
      <c r="B73291" s="14" t="s">
        <v>1</v>
      </c>
      <c r="C73291" s="14" t="s">
        <v>51</v>
      </c>
      <c r="D73291" s="14" t="s">
        <v>376</v>
      </c>
      <c r="E73291" s="15">
        <v>45667</v>
      </c>
      <c r="F73291" s="14" t="s">
        <v>61</v>
      </c>
      <c r="G73291" s="16">
        <v>0</v>
      </c>
    </row>
    <row r="73292" spans="1:7" x14ac:dyDescent="0.3">
      <c r="A73292" s="13" t="s">
        <v>375</v>
      </c>
      <c r="B73292" s="14" t="s">
        <v>1</v>
      </c>
      <c r="C73292" s="14" t="s">
        <v>51</v>
      </c>
      <c r="D73292" s="14" t="s">
        <v>376</v>
      </c>
      <c r="E73292" s="15">
        <v>45668</v>
      </c>
      <c r="F73292" s="14" t="s">
        <v>61</v>
      </c>
      <c r="G73292" s="16">
        <v>0</v>
      </c>
    </row>
    <row r="73293" spans="1:7" x14ac:dyDescent="0.3">
      <c r="A73293" s="13" t="s">
        <v>375</v>
      </c>
      <c r="B73293" s="14" t="s">
        <v>1</v>
      </c>
      <c r="C73293" s="14" t="s">
        <v>51</v>
      </c>
      <c r="D73293" s="14" t="s">
        <v>376</v>
      </c>
      <c r="E73293" s="15">
        <v>45669</v>
      </c>
      <c r="F73293" s="14" t="s">
        <v>61</v>
      </c>
      <c r="G73293" s="16">
        <v>0</v>
      </c>
    </row>
    <row r="73294" spans="1:7" x14ac:dyDescent="0.3">
      <c r="A73294" s="13" t="s">
        <v>375</v>
      </c>
      <c r="B73294" s="14" t="s">
        <v>1</v>
      </c>
      <c r="C73294" s="14" t="s">
        <v>51</v>
      </c>
      <c r="D73294" s="14" t="s">
        <v>376</v>
      </c>
      <c r="E73294" s="15">
        <v>45670</v>
      </c>
      <c r="F73294" s="14" t="s">
        <v>61</v>
      </c>
      <c r="G73294" s="16">
        <v>0</v>
      </c>
    </row>
    <row r="73295" spans="1:7" x14ac:dyDescent="0.3">
      <c r="A73295" s="13" t="s">
        <v>375</v>
      </c>
      <c r="B73295" s="14" t="s">
        <v>1</v>
      </c>
      <c r="C73295" s="14" t="s">
        <v>51</v>
      </c>
      <c r="D73295" s="14" t="s">
        <v>376</v>
      </c>
      <c r="E73295" s="15">
        <v>45671</v>
      </c>
      <c r="F73295" s="14" t="s">
        <v>61</v>
      </c>
      <c r="G73295" s="16">
        <v>0</v>
      </c>
    </row>
    <row r="73296" spans="1:7" x14ac:dyDescent="0.3">
      <c r="A73296" s="13" t="s">
        <v>375</v>
      </c>
      <c r="B73296" s="14" t="s">
        <v>1</v>
      </c>
      <c r="C73296" s="14" t="s">
        <v>51</v>
      </c>
      <c r="D73296" s="14" t="s">
        <v>376</v>
      </c>
      <c r="E73296" s="15">
        <v>45672</v>
      </c>
      <c r="F73296" s="14" t="s">
        <v>61</v>
      </c>
      <c r="G73296" s="16">
        <v>0</v>
      </c>
    </row>
    <row r="73297" spans="1:7" x14ac:dyDescent="0.3">
      <c r="A73297" s="13" t="s">
        <v>375</v>
      </c>
      <c r="B73297" s="14" t="s">
        <v>1</v>
      </c>
      <c r="C73297" s="14" t="s">
        <v>51</v>
      </c>
      <c r="D73297" s="14" t="s">
        <v>376</v>
      </c>
      <c r="E73297" s="15">
        <v>45673</v>
      </c>
      <c r="F73297" s="14" t="s">
        <v>61</v>
      </c>
      <c r="G73297" s="16">
        <v>0</v>
      </c>
    </row>
    <row r="73298" spans="1:7" x14ac:dyDescent="0.3">
      <c r="A73298" s="13" t="s">
        <v>375</v>
      </c>
      <c r="B73298" s="14" t="s">
        <v>1</v>
      </c>
      <c r="C73298" s="14" t="s">
        <v>51</v>
      </c>
      <c r="D73298" s="14" t="s">
        <v>376</v>
      </c>
      <c r="E73298" s="15">
        <v>45674</v>
      </c>
      <c r="F73298" s="14" t="s">
        <v>61</v>
      </c>
      <c r="G73298" s="16">
        <v>0</v>
      </c>
    </row>
    <row r="73299" spans="1:7" x14ac:dyDescent="0.3">
      <c r="A73299" s="13" t="s">
        <v>375</v>
      </c>
      <c r="B73299" s="14" t="s">
        <v>1</v>
      </c>
      <c r="C73299" s="14" t="s">
        <v>51</v>
      </c>
      <c r="D73299" s="14" t="s">
        <v>376</v>
      </c>
      <c r="E73299" s="15">
        <v>45675</v>
      </c>
      <c r="F73299" s="14" t="s">
        <v>61</v>
      </c>
      <c r="G73299" s="16">
        <v>0</v>
      </c>
    </row>
    <row r="73300" spans="1:7" x14ac:dyDescent="0.3">
      <c r="A73300" s="13" t="s">
        <v>375</v>
      </c>
      <c r="B73300" s="14" t="s">
        <v>1</v>
      </c>
      <c r="C73300" s="14" t="s">
        <v>51</v>
      </c>
      <c r="D73300" s="14" t="s">
        <v>376</v>
      </c>
      <c r="E73300" s="15">
        <v>45676</v>
      </c>
      <c r="F73300" s="14" t="s">
        <v>61</v>
      </c>
      <c r="G73300" s="16">
        <v>0</v>
      </c>
    </row>
    <row r="73301" spans="1:7" x14ac:dyDescent="0.3">
      <c r="A73301" s="13" t="s">
        <v>375</v>
      </c>
      <c r="B73301" s="14" t="s">
        <v>1</v>
      </c>
      <c r="C73301" s="14" t="s">
        <v>51</v>
      </c>
      <c r="D73301" s="14" t="s">
        <v>376</v>
      </c>
      <c r="E73301" s="15">
        <v>45677</v>
      </c>
      <c r="F73301" s="14" t="s">
        <v>61</v>
      </c>
      <c r="G73301" s="16">
        <v>0</v>
      </c>
    </row>
    <row r="73302" spans="1:7" x14ac:dyDescent="0.3">
      <c r="A73302" s="13" t="s">
        <v>375</v>
      </c>
      <c r="B73302" s="14" t="s">
        <v>1</v>
      </c>
      <c r="C73302" s="14" t="s">
        <v>51</v>
      </c>
      <c r="D73302" s="14" t="s">
        <v>376</v>
      </c>
      <c r="E73302" s="15">
        <v>45678</v>
      </c>
      <c r="F73302" s="14" t="s">
        <v>61</v>
      </c>
      <c r="G73302" s="16">
        <v>0</v>
      </c>
    </row>
    <row r="73303" spans="1:7" x14ac:dyDescent="0.3">
      <c r="A73303" s="13" t="s">
        <v>375</v>
      </c>
      <c r="B73303" s="14" t="s">
        <v>1</v>
      </c>
      <c r="C73303" s="14" t="s">
        <v>51</v>
      </c>
      <c r="D73303" s="14" t="s">
        <v>376</v>
      </c>
      <c r="E73303" s="15">
        <v>45679</v>
      </c>
      <c r="F73303" s="14" t="s">
        <v>61</v>
      </c>
      <c r="G73303" s="16">
        <v>0</v>
      </c>
    </row>
    <row r="73304" spans="1:7" x14ac:dyDescent="0.3">
      <c r="A73304" s="13" t="s">
        <v>375</v>
      </c>
      <c r="B73304" s="14" t="s">
        <v>1</v>
      </c>
      <c r="C73304" s="14" t="s">
        <v>51</v>
      </c>
      <c r="D73304" s="14" t="s">
        <v>376</v>
      </c>
      <c r="E73304" s="15">
        <v>45680</v>
      </c>
      <c r="F73304" s="14" t="s">
        <v>61</v>
      </c>
      <c r="G73304" s="16">
        <v>0</v>
      </c>
    </row>
    <row r="73305" spans="1:7" x14ac:dyDescent="0.3">
      <c r="A73305" s="13" t="s">
        <v>375</v>
      </c>
      <c r="B73305" s="14" t="s">
        <v>1</v>
      </c>
      <c r="C73305" s="14" t="s">
        <v>51</v>
      </c>
      <c r="D73305" s="14" t="s">
        <v>376</v>
      </c>
      <c r="E73305" s="15">
        <v>45681</v>
      </c>
      <c r="F73305" s="14" t="s">
        <v>61</v>
      </c>
      <c r="G73305" s="16">
        <v>0</v>
      </c>
    </row>
    <row r="73306" spans="1:7" x14ac:dyDescent="0.3">
      <c r="A73306" s="13" t="s">
        <v>375</v>
      </c>
      <c r="B73306" s="14" t="s">
        <v>1</v>
      </c>
      <c r="C73306" s="14" t="s">
        <v>51</v>
      </c>
      <c r="D73306" s="14" t="s">
        <v>376</v>
      </c>
      <c r="E73306" s="15">
        <v>45682</v>
      </c>
      <c r="F73306" s="14" t="s">
        <v>61</v>
      </c>
      <c r="G73306" s="16">
        <v>0</v>
      </c>
    </row>
    <row r="73307" spans="1:7" x14ac:dyDescent="0.3">
      <c r="A73307" s="13" t="s">
        <v>375</v>
      </c>
      <c r="B73307" s="14" t="s">
        <v>1</v>
      </c>
      <c r="C73307" s="14" t="s">
        <v>51</v>
      </c>
      <c r="D73307" s="14" t="s">
        <v>376</v>
      </c>
      <c r="E73307" s="15">
        <v>45683</v>
      </c>
      <c r="F73307" s="14" t="s">
        <v>61</v>
      </c>
      <c r="G73307" s="16">
        <v>0</v>
      </c>
    </row>
    <row r="73308" spans="1:7" x14ac:dyDescent="0.3">
      <c r="A73308" s="13" t="s">
        <v>375</v>
      </c>
      <c r="B73308" s="14" t="s">
        <v>1</v>
      </c>
      <c r="C73308" s="14" t="s">
        <v>51</v>
      </c>
      <c r="D73308" s="14" t="s">
        <v>376</v>
      </c>
      <c r="E73308" s="15">
        <v>45684</v>
      </c>
      <c r="F73308" s="14" t="s">
        <v>61</v>
      </c>
      <c r="G73308" s="16">
        <v>0</v>
      </c>
    </row>
    <row r="73309" spans="1:7" x14ac:dyDescent="0.3">
      <c r="A73309" s="13" t="s">
        <v>375</v>
      </c>
      <c r="B73309" s="14" t="s">
        <v>1</v>
      </c>
      <c r="C73309" s="14" t="s">
        <v>51</v>
      </c>
      <c r="D73309" s="14" t="s">
        <v>376</v>
      </c>
      <c r="E73309" s="15">
        <v>45685</v>
      </c>
      <c r="F73309" s="14" t="s">
        <v>61</v>
      </c>
      <c r="G73309" s="16">
        <v>0</v>
      </c>
    </row>
    <row r="73310" spans="1:7" x14ac:dyDescent="0.3">
      <c r="A73310" s="13" t="s">
        <v>375</v>
      </c>
      <c r="B73310" s="14" t="s">
        <v>1</v>
      </c>
      <c r="C73310" s="14" t="s">
        <v>51</v>
      </c>
      <c r="D73310" s="14" t="s">
        <v>376</v>
      </c>
      <c r="E73310" s="15">
        <v>45686</v>
      </c>
      <c r="F73310" s="14" t="s">
        <v>61</v>
      </c>
      <c r="G73310" s="16">
        <v>0</v>
      </c>
    </row>
    <row r="73311" spans="1:7" x14ac:dyDescent="0.3">
      <c r="A73311" s="13" t="s">
        <v>375</v>
      </c>
      <c r="B73311" s="14" t="s">
        <v>1</v>
      </c>
      <c r="C73311" s="14" t="s">
        <v>51</v>
      </c>
      <c r="D73311" s="14" t="s">
        <v>376</v>
      </c>
      <c r="E73311" s="15">
        <v>45687</v>
      </c>
      <c r="F73311" s="14" t="s">
        <v>61</v>
      </c>
      <c r="G73311" s="16">
        <v>0</v>
      </c>
    </row>
    <row r="73312" spans="1:7" x14ac:dyDescent="0.3">
      <c r="A73312" s="13" t="s">
        <v>375</v>
      </c>
      <c r="B73312" s="14" t="s">
        <v>1</v>
      </c>
      <c r="C73312" s="14" t="s">
        <v>51</v>
      </c>
      <c r="D73312" s="14" t="s">
        <v>376</v>
      </c>
      <c r="E73312" s="15">
        <v>45688</v>
      </c>
      <c r="F73312" s="14" t="s">
        <v>61</v>
      </c>
      <c r="G73312" s="16">
        <v>0</v>
      </c>
    </row>
    <row r="73313" spans="1:7" x14ac:dyDescent="0.3">
      <c r="A73313" s="13" t="s">
        <v>375</v>
      </c>
      <c r="B73313" s="14" t="s">
        <v>1</v>
      </c>
      <c r="C73313" s="14" t="s">
        <v>51</v>
      </c>
      <c r="D73313" s="14" t="s">
        <v>376</v>
      </c>
      <c r="E73313" s="15">
        <v>45689</v>
      </c>
      <c r="F73313" s="14" t="s">
        <v>61</v>
      </c>
      <c r="G73313" s="16">
        <v>0</v>
      </c>
    </row>
    <row r="73314" spans="1:7" x14ac:dyDescent="0.3">
      <c r="A73314" s="13" t="s">
        <v>375</v>
      </c>
      <c r="B73314" s="14" t="s">
        <v>1</v>
      </c>
      <c r="C73314" s="14" t="s">
        <v>51</v>
      </c>
      <c r="D73314" s="14" t="s">
        <v>376</v>
      </c>
      <c r="E73314" s="15">
        <v>45690</v>
      </c>
      <c r="F73314" s="14" t="s">
        <v>61</v>
      </c>
      <c r="G73314" s="16">
        <v>0</v>
      </c>
    </row>
    <row r="73315" spans="1:7" x14ac:dyDescent="0.3">
      <c r="A73315" s="13" t="s">
        <v>375</v>
      </c>
      <c r="B73315" s="14" t="s">
        <v>1</v>
      </c>
      <c r="C73315" s="14" t="s">
        <v>51</v>
      </c>
      <c r="D73315" s="14" t="s">
        <v>376</v>
      </c>
      <c r="E73315" s="15">
        <v>45691</v>
      </c>
      <c r="F73315" s="14" t="s">
        <v>61</v>
      </c>
      <c r="G73315" s="16">
        <v>0</v>
      </c>
    </row>
    <row r="73316" spans="1:7" x14ac:dyDescent="0.3">
      <c r="A73316" s="13" t="s">
        <v>375</v>
      </c>
      <c r="B73316" s="14" t="s">
        <v>1</v>
      </c>
      <c r="C73316" s="14" t="s">
        <v>51</v>
      </c>
      <c r="D73316" s="14" t="s">
        <v>376</v>
      </c>
      <c r="E73316" s="15">
        <v>45692</v>
      </c>
      <c r="F73316" s="14" t="s">
        <v>61</v>
      </c>
      <c r="G73316" s="16">
        <v>0</v>
      </c>
    </row>
    <row r="73317" spans="1:7" x14ac:dyDescent="0.3">
      <c r="A73317" s="13" t="s">
        <v>375</v>
      </c>
      <c r="B73317" s="14" t="s">
        <v>1</v>
      </c>
      <c r="C73317" s="14" t="s">
        <v>51</v>
      </c>
      <c r="D73317" s="14" t="s">
        <v>376</v>
      </c>
      <c r="E73317" s="15">
        <v>45693</v>
      </c>
      <c r="F73317" s="14" t="s">
        <v>61</v>
      </c>
      <c r="G73317" s="16">
        <v>0</v>
      </c>
    </row>
    <row r="73318" spans="1:7" x14ac:dyDescent="0.3">
      <c r="A73318" s="13" t="s">
        <v>375</v>
      </c>
      <c r="B73318" s="14" t="s">
        <v>1</v>
      </c>
      <c r="C73318" s="14" t="s">
        <v>51</v>
      </c>
      <c r="D73318" s="14" t="s">
        <v>376</v>
      </c>
      <c r="E73318" s="15">
        <v>45694</v>
      </c>
      <c r="F73318" s="14" t="s">
        <v>61</v>
      </c>
      <c r="G73318" s="16">
        <v>0</v>
      </c>
    </row>
    <row r="73319" spans="1:7" x14ac:dyDescent="0.3">
      <c r="A73319" s="13" t="s">
        <v>375</v>
      </c>
      <c r="B73319" s="14" t="s">
        <v>1</v>
      </c>
      <c r="C73319" s="14" t="s">
        <v>51</v>
      </c>
      <c r="D73319" s="14" t="s">
        <v>376</v>
      </c>
      <c r="E73319" s="15">
        <v>45695</v>
      </c>
      <c r="F73319" s="14" t="s">
        <v>61</v>
      </c>
      <c r="G73319" s="16">
        <v>0</v>
      </c>
    </row>
    <row r="73320" spans="1:7" x14ac:dyDescent="0.3">
      <c r="A73320" s="13" t="s">
        <v>375</v>
      </c>
      <c r="B73320" s="14" t="s">
        <v>1</v>
      </c>
      <c r="C73320" s="14" t="s">
        <v>51</v>
      </c>
      <c r="D73320" s="14" t="s">
        <v>376</v>
      </c>
      <c r="E73320" s="15">
        <v>45696</v>
      </c>
      <c r="F73320" s="14" t="s">
        <v>61</v>
      </c>
      <c r="G73320" s="16">
        <v>0</v>
      </c>
    </row>
    <row r="73321" spans="1:7" x14ac:dyDescent="0.3">
      <c r="A73321" s="13" t="s">
        <v>375</v>
      </c>
      <c r="B73321" s="14" t="s">
        <v>1</v>
      </c>
      <c r="C73321" s="14" t="s">
        <v>51</v>
      </c>
      <c r="D73321" s="14" t="s">
        <v>376</v>
      </c>
      <c r="E73321" s="15">
        <v>45697</v>
      </c>
      <c r="F73321" s="14" t="s">
        <v>61</v>
      </c>
      <c r="G73321" s="16">
        <v>0</v>
      </c>
    </row>
    <row r="73322" spans="1:7" x14ac:dyDescent="0.3">
      <c r="A73322" s="13" t="s">
        <v>375</v>
      </c>
      <c r="B73322" s="14" t="s">
        <v>1</v>
      </c>
      <c r="C73322" s="14" t="s">
        <v>51</v>
      </c>
      <c r="D73322" s="14" t="s">
        <v>376</v>
      </c>
      <c r="E73322" s="15">
        <v>45698</v>
      </c>
      <c r="F73322" s="14" t="s">
        <v>61</v>
      </c>
      <c r="G73322" s="16">
        <v>0</v>
      </c>
    </row>
    <row r="73323" spans="1:7" x14ac:dyDescent="0.3">
      <c r="A73323" s="13" t="s">
        <v>375</v>
      </c>
      <c r="B73323" s="14" t="s">
        <v>1</v>
      </c>
      <c r="C73323" s="14" t="s">
        <v>51</v>
      </c>
      <c r="D73323" s="14" t="s">
        <v>376</v>
      </c>
      <c r="E73323" s="15">
        <v>45699</v>
      </c>
      <c r="F73323" s="14" t="s">
        <v>61</v>
      </c>
      <c r="G73323" s="16">
        <v>0</v>
      </c>
    </row>
    <row r="73324" spans="1:7" x14ac:dyDescent="0.3">
      <c r="A73324" s="13" t="s">
        <v>375</v>
      </c>
      <c r="B73324" s="14" t="s">
        <v>1</v>
      </c>
      <c r="C73324" s="14" t="s">
        <v>51</v>
      </c>
      <c r="D73324" s="14" t="s">
        <v>376</v>
      </c>
      <c r="E73324" s="15">
        <v>45700</v>
      </c>
      <c r="F73324" s="14" t="s">
        <v>61</v>
      </c>
      <c r="G73324" s="16">
        <v>0</v>
      </c>
    </row>
    <row r="73325" spans="1:7" x14ac:dyDescent="0.3">
      <c r="A73325" s="13" t="s">
        <v>375</v>
      </c>
      <c r="B73325" s="14" t="s">
        <v>1</v>
      </c>
      <c r="C73325" s="14" t="s">
        <v>51</v>
      </c>
      <c r="D73325" s="14" t="s">
        <v>376</v>
      </c>
      <c r="E73325" s="15">
        <v>45701</v>
      </c>
      <c r="F73325" s="14" t="s">
        <v>61</v>
      </c>
      <c r="G73325" s="16">
        <v>0</v>
      </c>
    </row>
    <row r="73326" spans="1:7" x14ac:dyDescent="0.3">
      <c r="A73326" s="13" t="s">
        <v>375</v>
      </c>
      <c r="B73326" s="14" t="s">
        <v>1</v>
      </c>
      <c r="C73326" s="14" t="s">
        <v>51</v>
      </c>
      <c r="D73326" s="14" t="s">
        <v>376</v>
      </c>
      <c r="E73326" s="15">
        <v>45702</v>
      </c>
      <c r="F73326" s="14" t="s">
        <v>61</v>
      </c>
      <c r="G73326" s="16">
        <v>0</v>
      </c>
    </row>
    <row r="73327" spans="1:7" x14ac:dyDescent="0.3">
      <c r="A73327" s="13" t="s">
        <v>375</v>
      </c>
      <c r="B73327" s="14" t="s">
        <v>1</v>
      </c>
      <c r="C73327" s="14" t="s">
        <v>51</v>
      </c>
      <c r="D73327" s="14" t="s">
        <v>376</v>
      </c>
      <c r="E73327" s="15">
        <v>45703</v>
      </c>
      <c r="F73327" s="14" t="s">
        <v>61</v>
      </c>
      <c r="G73327" s="16">
        <v>0</v>
      </c>
    </row>
    <row r="73328" spans="1:7" x14ac:dyDescent="0.3">
      <c r="A73328" s="13" t="s">
        <v>375</v>
      </c>
      <c r="B73328" s="14" t="s">
        <v>1</v>
      </c>
      <c r="C73328" s="14" t="s">
        <v>51</v>
      </c>
      <c r="D73328" s="14" t="s">
        <v>376</v>
      </c>
      <c r="E73328" s="15">
        <v>45704</v>
      </c>
      <c r="F73328" s="14" t="s">
        <v>61</v>
      </c>
      <c r="G73328" s="16">
        <v>0</v>
      </c>
    </row>
    <row r="73329" spans="1:7" x14ac:dyDescent="0.3">
      <c r="A73329" s="13" t="s">
        <v>375</v>
      </c>
      <c r="B73329" s="14" t="s">
        <v>1</v>
      </c>
      <c r="C73329" s="14" t="s">
        <v>51</v>
      </c>
      <c r="D73329" s="14" t="s">
        <v>376</v>
      </c>
      <c r="E73329" s="15">
        <v>45705</v>
      </c>
      <c r="F73329" s="14" t="s">
        <v>61</v>
      </c>
      <c r="G73329" s="16">
        <v>0</v>
      </c>
    </row>
    <row r="73330" spans="1:7" x14ac:dyDescent="0.3">
      <c r="A73330" s="13" t="s">
        <v>375</v>
      </c>
      <c r="B73330" s="14" t="s">
        <v>1</v>
      </c>
      <c r="C73330" s="14" t="s">
        <v>51</v>
      </c>
      <c r="D73330" s="14" t="s">
        <v>376</v>
      </c>
      <c r="E73330" s="15">
        <v>45706</v>
      </c>
      <c r="F73330" s="14" t="s">
        <v>61</v>
      </c>
      <c r="G73330" s="16">
        <v>0</v>
      </c>
    </row>
    <row r="73331" spans="1:7" x14ac:dyDescent="0.3">
      <c r="A73331" s="13" t="s">
        <v>375</v>
      </c>
      <c r="B73331" s="14" t="s">
        <v>1</v>
      </c>
      <c r="C73331" s="14" t="s">
        <v>51</v>
      </c>
      <c r="D73331" s="14" t="s">
        <v>376</v>
      </c>
      <c r="E73331" s="15">
        <v>45707</v>
      </c>
      <c r="F73331" s="14" t="s">
        <v>61</v>
      </c>
      <c r="G73331" s="16">
        <v>0</v>
      </c>
    </row>
    <row r="73332" spans="1:7" x14ac:dyDescent="0.3">
      <c r="A73332" s="13" t="s">
        <v>375</v>
      </c>
      <c r="B73332" s="14" t="s">
        <v>1</v>
      </c>
      <c r="C73332" s="14" t="s">
        <v>51</v>
      </c>
      <c r="D73332" s="14" t="s">
        <v>376</v>
      </c>
      <c r="E73332" s="15">
        <v>45708</v>
      </c>
      <c r="F73332" s="14" t="s">
        <v>61</v>
      </c>
      <c r="G73332" s="16">
        <v>0</v>
      </c>
    </row>
    <row r="73333" spans="1:7" x14ac:dyDescent="0.3">
      <c r="A73333" s="13" t="s">
        <v>375</v>
      </c>
      <c r="B73333" s="14" t="s">
        <v>1</v>
      </c>
      <c r="C73333" s="14" t="s">
        <v>51</v>
      </c>
      <c r="D73333" s="14" t="s">
        <v>376</v>
      </c>
      <c r="E73333" s="15">
        <v>45709</v>
      </c>
      <c r="F73333" s="14" t="s">
        <v>61</v>
      </c>
      <c r="G73333" s="16">
        <v>0</v>
      </c>
    </row>
    <row r="73334" spans="1:7" x14ac:dyDescent="0.3">
      <c r="A73334" s="13" t="s">
        <v>375</v>
      </c>
      <c r="B73334" s="14" t="s">
        <v>1</v>
      </c>
      <c r="C73334" s="14" t="s">
        <v>51</v>
      </c>
      <c r="D73334" s="14" t="s">
        <v>376</v>
      </c>
      <c r="E73334" s="15">
        <v>45710</v>
      </c>
      <c r="F73334" s="14" t="s">
        <v>61</v>
      </c>
      <c r="G73334" s="16">
        <v>0</v>
      </c>
    </row>
    <row r="73335" spans="1:7" x14ac:dyDescent="0.3">
      <c r="A73335" s="13" t="s">
        <v>375</v>
      </c>
      <c r="B73335" s="14" t="s">
        <v>1</v>
      </c>
      <c r="C73335" s="14" t="s">
        <v>51</v>
      </c>
      <c r="D73335" s="14" t="s">
        <v>376</v>
      </c>
      <c r="E73335" s="15">
        <v>45711</v>
      </c>
      <c r="F73335" s="14" t="s">
        <v>61</v>
      </c>
      <c r="G73335" s="16">
        <v>0</v>
      </c>
    </row>
    <row r="73336" spans="1:7" x14ac:dyDescent="0.3">
      <c r="A73336" s="13" t="s">
        <v>375</v>
      </c>
      <c r="B73336" s="14" t="s">
        <v>1</v>
      </c>
      <c r="C73336" s="14" t="s">
        <v>51</v>
      </c>
      <c r="D73336" s="14" t="s">
        <v>376</v>
      </c>
      <c r="E73336" s="15">
        <v>45712</v>
      </c>
      <c r="F73336" s="14" t="s">
        <v>61</v>
      </c>
      <c r="G73336" s="16">
        <v>0</v>
      </c>
    </row>
    <row r="73337" spans="1:7" x14ac:dyDescent="0.3">
      <c r="A73337" s="13" t="s">
        <v>375</v>
      </c>
      <c r="B73337" s="14" t="s">
        <v>1</v>
      </c>
      <c r="C73337" s="14" t="s">
        <v>51</v>
      </c>
      <c r="D73337" s="14" t="s">
        <v>376</v>
      </c>
      <c r="E73337" s="15">
        <v>45713</v>
      </c>
      <c r="F73337" s="14" t="s">
        <v>61</v>
      </c>
      <c r="G73337" s="16">
        <v>0</v>
      </c>
    </row>
    <row r="73338" spans="1:7" x14ac:dyDescent="0.3">
      <c r="A73338" s="13" t="s">
        <v>375</v>
      </c>
      <c r="B73338" s="14" t="s">
        <v>1</v>
      </c>
      <c r="C73338" s="14" t="s">
        <v>51</v>
      </c>
      <c r="D73338" s="14" t="s">
        <v>376</v>
      </c>
      <c r="E73338" s="15">
        <v>45714</v>
      </c>
      <c r="F73338" s="14" t="s">
        <v>61</v>
      </c>
      <c r="G73338" s="16">
        <v>0</v>
      </c>
    </row>
    <row r="73339" spans="1:7" x14ac:dyDescent="0.3">
      <c r="A73339" s="13" t="s">
        <v>375</v>
      </c>
      <c r="B73339" s="14" t="s">
        <v>1</v>
      </c>
      <c r="C73339" s="14" t="s">
        <v>51</v>
      </c>
      <c r="D73339" s="14" t="s">
        <v>376</v>
      </c>
      <c r="E73339" s="15">
        <v>45715</v>
      </c>
      <c r="F73339" s="14" t="s">
        <v>61</v>
      </c>
      <c r="G73339" s="16">
        <v>0</v>
      </c>
    </row>
    <row r="73340" spans="1:7" x14ac:dyDescent="0.3">
      <c r="A73340" s="13" t="s">
        <v>375</v>
      </c>
      <c r="B73340" s="14" t="s">
        <v>1</v>
      </c>
      <c r="C73340" s="14" t="s">
        <v>51</v>
      </c>
      <c r="D73340" s="14" t="s">
        <v>376</v>
      </c>
      <c r="E73340" s="15">
        <v>45716</v>
      </c>
      <c r="F73340" s="14" t="s">
        <v>61</v>
      </c>
      <c r="G73340" s="16">
        <v>0</v>
      </c>
    </row>
    <row r="73341" spans="1:7" x14ac:dyDescent="0.3">
      <c r="A73341" s="13" t="s">
        <v>375</v>
      </c>
      <c r="B73341" s="14" t="s">
        <v>1</v>
      </c>
      <c r="C73341" s="14" t="s">
        <v>51</v>
      </c>
      <c r="D73341" s="14" t="s">
        <v>376</v>
      </c>
      <c r="E73341" s="15">
        <v>45717</v>
      </c>
      <c r="F73341" s="14" t="s">
        <v>61</v>
      </c>
      <c r="G73341" s="16">
        <v>0</v>
      </c>
    </row>
    <row r="73342" spans="1:7" x14ac:dyDescent="0.3">
      <c r="A73342" s="13" t="s">
        <v>375</v>
      </c>
      <c r="B73342" s="14" t="s">
        <v>1</v>
      </c>
      <c r="C73342" s="14" t="s">
        <v>51</v>
      </c>
      <c r="D73342" s="14" t="s">
        <v>376</v>
      </c>
      <c r="E73342" s="15">
        <v>45718</v>
      </c>
      <c r="F73342" s="14" t="s">
        <v>61</v>
      </c>
      <c r="G73342" s="16">
        <v>0</v>
      </c>
    </row>
    <row r="73343" spans="1:7" x14ac:dyDescent="0.3">
      <c r="A73343" s="13" t="s">
        <v>375</v>
      </c>
      <c r="B73343" s="14" t="s">
        <v>1</v>
      </c>
      <c r="C73343" s="14" t="s">
        <v>51</v>
      </c>
      <c r="D73343" s="14" t="s">
        <v>376</v>
      </c>
      <c r="E73343" s="15">
        <v>45719</v>
      </c>
      <c r="F73343" s="14" t="s">
        <v>61</v>
      </c>
      <c r="G73343" s="16">
        <v>0</v>
      </c>
    </row>
    <row r="73344" spans="1:7" x14ac:dyDescent="0.3">
      <c r="A73344" s="13" t="s">
        <v>375</v>
      </c>
      <c r="B73344" s="14" t="s">
        <v>1</v>
      </c>
      <c r="C73344" s="14" t="s">
        <v>51</v>
      </c>
      <c r="D73344" s="14" t="s">
        <v>376</v>
      </c>
      <c r="E73344" s="15">
        <v>45720</v>
      </c>
      <c r="F73344" s="14" t="s">
        <v>61</v>
      </c>
      <c r="G73344" s="16">
        <v>0</v>
      </c>
    </row>
    <row r="73345" spans="1:7" x14ac:dyDescent="0.3">
      <c r="A73345" s="13" t="s">
        <v>375</v>
      </c>
      <c r="B73345" s="14" t="s">
        <v>1</v>
      </c>
      <c r="C73345" s="14" t="s">
        <v>51</v>
      </c>
      <c r="D73345" s="14" t="s">
        <v>376</v>
      </c>
      <c r="E73345" s="15">
        <v>45721</v>
      </c>
      <c r="F73345" s="14" t="s">
        <v>61</v>
      </c>
      <c r="G73345" s="16">
        <v>0</v>
      </c>
    </row>
    <row r="73346" spans="1:7" x14ac:dyDescent="0.3">
      <c r="A73346" s="13" t="s">
        <v>375</v>
      </c>
      <c r="B73346" s="14" t="s">
        <v>1</v>
      </c>
      <c r="C73346" s="14" t="s">
        <v>51</v>
      </c>
      <c r="D73346" s="14" t="s">
        <v>376</v>
      </c>
      <c r="E73346" s="15">
        <v>45722</v>
      </c>
      <c r="F73346" s="14" t="s">
        <v>61</v>
      </c>
      <c r="G73346" s="16">
        <v>0</v>
      </c>
    </row>
    <row r="73347" spans="1:7" x14ac:dyDescent="0.3">
      <c r="A73347" s="13" t="s">
        <v>375</v>
      </c>
      <c r="B73347" s="14" t="s">
        <v>1</v>
      </c>
      <c r="C73347" s="14" t="s">
        <v>51</v>
      </c>
      <c r="D73347" s="14" t="s">
        <v>376</v>
      </c>
      <c r="E73347" s="15">
        <v>45723</v>
      </c>
      <c r="F73347" s="14" t="s">
        <v>61</v>
      </c>
      <c r="G73347" s="16">
        <v>0</v>
      </c>
    </row>
    <row r="73348" spans="1:7" x14ac:dyDescent="0.3">
      <c r="A73348" s="13" t="s">
        <v>375</v>
      </c>
      <c r="B73348" s="14" t="s">
        <v>1</v>
      </c>
      <c r="C73348" s="14" t="s">
        <v>51</v>
      </c>
      <c r="D73348" s="14" t="s">
        <v>376</v>
      </c>
      <c r="E73348" s="15">
        <v>45724</v>
      </c>
      <c r="F73348" s="14" t="s">
        <v>61</v>
      </c>
      <c r="G73348" s="16">
        <v>0</v>
      </c>
    </row>
    <row r="73349" spans="1:7" x14ac:dyDescent="0.3">
      <c r="A73349" s="13" t="s">
        <v>375</v>
      </c>
      <c r="B73349" s="14" t="s">
        <v>1</v>
      </c>
      <c r="C73349" s="14" t="s">
        <v>51</v>
      </c>
      <c r="D73349" s="14" t="s">
        <v>376</v>
      </c>
      <c r="E73349" s="15">
        <v>45725</v>
      </c>
      <c r="F73349" s="14" t="s">
        <v>61</v>
      </c>
      <c r="G73349" s="16">
        <v>0</v>
      </c>
    </row>
    <row r="73350" spans="1:7" x14ac:dyDescent="0.3">
      <c r="A73350" s="13" t="s">
        <v>375</v>
      </c>
      <c r="B73350" s="14" t="s">
        <v>1</v>
      </c>
      <c r="C73350" s="14" t="s">
        <v>51</v>
      </c>
      <c r="D73350" s="14" t="s">
        <v>376</v>
      </c>
      <c r="E73350" s="15">
        <v>45726</v>
      </c>
      <c r="F73350" s="14" t="s">
        <v>61</v>
      </c>
      <c r="G73350" s="16">
        <v>0</v>
      </c>
    </row>
    <row r="73351" spans="1:7" x14ac:dyDescent="0.3">
      <c r="A73351" s="13" t="s">
        <v>375</v>
      </c>
      <c r="B73351" s="14" t="s">
        <v>1</v>
      </c>
      <c r="C73351" s="14" t="s">
        <v>51</v>
      </c>
      <c r="D73351" s="14" t="s">
        <v>376</v>
      </c>
      <c r="E73351" s="15">
        <v>45727</v>
      </c>
      <c r="F73351" s="14" t="s">
        <v>61</v>
      </c>
      <c r="G73351" s="16">
        <v>0</v>
      </c>
    </row>
    <row r="73352" spans="1:7" x14ac:dyDescent="0.3">
      <c r="A73352" s="13" t="s">
        <v>375</v>
      </c>
      <c r="B73352" s="14" t="s">
        <v>1</v>
      </c>
      <c r="C73352" s="14" t="s">
        <v>51</v>
      </c>
      <c r="D73352" s="14" t="s">
        <v>376</v>
      </c>
      <c r="E73352" s="15">
        <v>45728</v>
      </c>
      <c r="F73352" s="14" t="s">
        <v>61</v>
      </c>
      <c r="G73352" s="16">
        <v>0</v>
      </c>
    </row>
    <row r="73353" spans="1:7" x14ac:dyDescent="0.3">
      <c r="A73353" s="13" t="s">
        <v>375</v>
      </c>
      <c r="B73353" s="14" t="s">
        <v>1</v>
      </c>
      <c r="C73353" s="14" t="s">
        <v>51</v>
      </c>
      <c r="D73353" s="14" t="s">
        <v>376</v>
      </c>
      <c r="E73353" s="15">
        <v>45729</v>
      </c>
      <c r="F73353" s="14" t="s">
        <v>61</v>
      </c>
      <c r="G73353" s="16">
        <v>0</v>
      </c>
    </row>
    <row r="73354" spans="1:7" x14ac:dyDescent="0.3">
      <c r="A73354" s="13" t="s">
        <v>375</v>
      </c>
      <c r="B73354" s="14" t="s">
        <v>1</v>
      </c>
      <c r="C73354" s="14" t="s">
        <v>51</v>
      </c>
      <c r="D73354" s="14" t="s">
        <v>376</v>
      </c>
      <c r="E73354" s="15">
        <v>45730</v>
      </c>
      <c r="F73354" s="14" t="s">
        <v>61</v>
      </c>
      <c r="G73354" s="16">
        <v>0</v>
      </c>
    </row>
    <row r="73355" spans="1:7" x14ac:dyDescent="0.3">
      <c r="A73355" s="13" t="s">
        <v>375</v>
      </c>
      <c r="B73355" s="14" t="s">
        <v>1</v>
      </c>
      <c r="C73355" s="14" t="s">
        <v>51</v>
      </c>
      <c r="D73355" s="14" t="s">
        <v>376</v>
      </c>
      <c r="E73355" s="15">
        <v>45731</v>
      </c>
      <c r="F73355" s="14" t="s">
        <v>61</v>
      </c>
      <c r="G73355" s="16">
        <v>0</v>
      </c>
    </row>
    <row r="73356" spans="1:7" x14ac:dyDescent="0.3">
      <c r="A73356" s="13" t="s">
        <v>375</v>
      </c>
      <c r="B73356" s="14" t="s">
        <v>1</v>
      </c>
      <c r="C73356" s="14" t="s">
        <v>51</v>
      </c>
      <c r="D73356" s="14" t="s">
        <v>376</v>
      </c>
      <c r="E73356" s="15">
        <v>45732</v>
      </c>
      <c r="F73356" s="14" t="s">
        <v>61</v>
      </c>
      <c r="G73356" s="16">
        <v>0</v>
      </c>
    </row>
    <row r="73357" spans="1:7" x14ac:dyDescent="0.3">
      <c r="A73357" s="13" t="s">
        <v>375</v>
      </c>
      <c r="B73357" s="14" t="s">
        <v>1</v>
      </c>
      <c r="C73357" s="14" t="s">
        <v>51</v>
      </c>
      <c r="D73357" s="14" t="s">
        <v>376</v>
      </c>
      <c r="E73357" s="15">
        <v>45733</v>
      </c>
      <c r="F73357" s="14" t="s">
        <v>61</v>
      </c>
      <c r="G73357" s="16">
        <v>0</v>
      </c>
    </row>
    <row r="73358" spans="1:7" x14ac:dyDescent="0.3">
      <c r="A73358" s="13" t="s">
        <v>375</v>
      </c>
      <c r="B73358" s="14" t="s">
        <v>1</v>
      </c>
      <c r="C73358" s="14" t="s">
        <v>51</v>
      </c>
      <c r="D73358" s="14" t="s">
        <v>376</v>
      </c>
      <c r="E73358" s="15">
        <v>45734</v>
      </c>
      <c r="F73358" s="14" t="s">
        <v>61</v>
      </c>
      <c r="G73358" s="16">
        <v>0</v>
      </c>
    </row>
    <row r="73359" spans="1:7" x14ac:dyDescent="0.3">
      <c r="A73359" s="13" t="s">
        <v>375</v>
      </c>
      <c r="B73359" s="14" t="s">
        <v>1</v>
      </c>
      <c r="C73359" s="14" t="s">
        <v>51</v>
      </c>
      <c r="D73359" s="14" t="s">
        <v>376</v>
      </c>
      <c r="E73359" s="15">
        <v>45735</v>
      </c>
      <c r="F73359" s="14" t="s">
        <v>61</v>
      </c>
      <c r="G73359" s="16">
        <v>0</v>
      </c>
    </row>
    <row r="73360" spans="1:7" x14ac:dyDescent="0.3">
      <c r="A73360" s="13" t="s">
        <v>375</v>
      </c>
      <c r="B73360" s="14" t="s">
        <v>1</v>
      </c>
      <c r="C73360" s="14" t="s">
        <v>51</v>
      </c>
      <c r="D73360" s="14" t="s">
        <v>376</v>
      </c>
      <c r="E73360" s="15">
        <v>45736</v>
      </c>
      <c r="F73360" s="14" t="s">
        <v>61</v>
      </c>
      <c r="G73360" s="16">
        <v>0</v>
      </c>
    </row>
    <row r="73361" spans="1:7" x14ac:dyDescent="0.3">
      <c r="A73361" s="13" t="s">
        <v>375</v>
      </c>
      <c r="B73361" s="14" t="s">
        <v>1</v>
      </c>
      <c r="C73361" s="14" t="s">
        <v>51</v>
      </c>
      <c r="D73361" s="14" t="s">
        <v>376</v>
      </c>
      <c r="E73361" s="15">
        <v>45737</v>
      </c>
      <c r="F73361" s="14" t="s">
        <v>61</v>
      </c>
      <c r="G73361" s="16">
        <v>0</v>
      </c>
    </row>
    <row r="73362" spans="1:7" x14ac:dyDescent="0.3">
      <c r="A73362" s="13" t="s">
        <v>375</v>
      </c>
      <c r="B73362" s="14" t="s">
        <v>1</v>
      </c>
      <c r="C73362" s="14" t="s">
        <v>51</v>
      </c>
      <c r="D73362" s="14" t="s">
        <v>376</v>
      </c>
      <c r="E73362" s="15">
        <v>45738</v>
      </c>
      <c r="F73362" s="14" t="s">
        <v>61</v>
      </c>
      <c r="G73362" s="16">
        <v>0</v>
      </c>
    </row>
    <row r="73363" spans="1:7" x14ac:dyDescent="0.3">
      <c r="A73363" s="13" t="s">
        <v>375</v>
      </c>
      <c r="B73363" s="14" t="s">
        <v>1</v>
      </c>
      <c r="C73363" s="14" t="s">
        <v>51</v>
      </c>
      <c r="D73363" s="14" t="s">
        <v>376</v>
      </c>
      <c r="E73363" s="15">
        <v>45739</v>
      </c>
      <c r="F73363" s="14" t="s">
        <v>61</v>
      </c>
      <c r="G73363" s="16">
        <v>0</v>
      </c>
    </row>
    <row r="73364" spans="1:7" x14ac:dyDescent="0.3">
      <c r="A73364" s="13" t="s">
        <v>375</v>
      </c>
      <c r="B73364" s="14" t="s">
        <v>1</v>
      </c>
      <c r="C73364" s="14" t="s">
        <v>51</v>
      </c>
      <c r="D73364" s="14" t="s">
        <v>376</v>
      </c>
      <c r="E73364" s="15">
        <v>45740</v>
      </c>
      <c r="F73364" s="14" t="s">
        <v>61</v>
      </c>
      <c r="G73364" s="16">
        <v>0</v>
      </c>
    </row>
    <row r="73365" spans="1:7" x14ac:dyDescent="0.3">
      <c r="A73365" s="13" t="s">
        <v>375</v>
      </c>
      <c r="B73365" s="14" t="s">
        <v>1</v>
      </c>
      <c r="C73365" s="14" t="s">
        <v>51</v>
      </c>
      <c r="D73365" s="14" t="s">
        <v>376</v>
      </c>
      <c r="E73365" s="15">
        <v>45741</v>
      </c>
      <c r="F73365" s="14" t="s">
        <v>61</v>
      </c>
      <c r="G73365" s="16">
        <v>0</v>
      </c>
    </row>
    <row r="73366" spans="1:7" x14ac:dyDescent="0.3">
      <c r="A73366" s="13" t="s">
        <v>375</v>
      </c>
      <c r="B73366" s="14" t="s">
        <v>1</v>
      </c>
      <c r="C73366" s="14" t="s">
        <v>51</v>
      </c>
      <c r="D73366" s="14" t="s">
        <v>376</v>
      </c>
      <c r="E73366" s="15">
        <v>45742</v>
      </c>
      <c r="F73366" s="14" t="s">
        <v>61</v>
      </c>
      <c r="G73366" s="16">
        <v>0</v>
      </c>
    </row>
    <row r="73367" spans="1:7" x14ac:dyDescent="0.3">
      <c r="A73367" s="13" t="s">
        <v>375</v>
      </c>
      <c r="B73367" s="14" t="s">
        <v>1</v>
      </c>
      <c r="C73367" s="14" t="s">
        <v>51</v>
      </c>
      <c r="D73367" s="14" t="s">
        <v>376</v>
      </c>
      <c r="E73367" s="15">
        <v>45743</v>
      </c>
      <c r="F73367" s="14" t="s">
        <v>61</v>
      </c>
      <c r="G73367" s="16">
        <v>0</v>
      </c>
    </row>
    <row r="73368" spans="1:7" x14ac:dyDescent="0.3">
      <c r="A73368" s="13" t="s">
        <v>375</v>
      </c>
      <c r="B73368" s="14" t="s">
        <v>1</v>
      </c>
      <c r="C73368" s="14" t="s">
        <v>51</v>
      </c>
      <c r="D73368" s="14" t="s">
        <v>376</v>
      </c>
      <c r="E73368" s="15">
        <v>45744</v>
      </c>
      <c r="F73368" s="14" t="s">
        <v>61</v>
      </c>
      <c r="G73368" s="16">
        <v>0</v>
      </c>
    </row>
    <row r="73369" spans="1:7" x14ac:dyDescent="0.3">
      <c r="A73369" s="13" t="s">
        <v>375</v>
      </c>
      <c r="B73369" s="14" t="s">
        <v>1</v>
      </c>
      <c r="C73369" s="14" t="s">
        <v>51</v>
      </c>
      <c r="D73369" s="14" t="s">
        <v>376</v>
      </c>
      <c r="E73369" s="15">
        <v>45745</v>
      </c>
      <c r="F73369" s="14" t="s">
        <v>61</v>
      </c>
      <c r="G73369" s="16">
        <v>0</v>
      </c>
    </row>
    <row r="73370" spans="1:7" x14ac:dyDescent="0.3">
      <c r="A73370" s="13" t="s">
        <v>375</v>
      </c>
      <c r="B73370" s="14" t="s">
        <v>1</v>
      </c>
      <c r="C73370" s="14" t="s">
        <v>51</v>
      </c>
      <c r="D73370" s="14" t="s">
        <v>376</v>
      </c>
      <c r="E73370" s="15">
        <v>45746</v>
      </c>
      <c r="F73370" s="14" t="s">
        <v>61</v>
      </c>
      <c r="G73370" s="16">
        <v>0</v>
      </c>
    </row>
    <row r="73371" spans="1:7" x14ac:dyDescent="0.3">
      <c r="A73371" s="13" t="s">
        <v>375</v>
      </c>
      <c r="B73371" s="14" t="s">
        <v>1</v>
      </c>
      <c r="C73371" s="14" t="s">
        <v>51</v>
      </c>
      <c r="D73371" s="14" t="s">
        <v>376</v>
      </c>
      <c r="E73371" s="15">
        <v>45747</v>
      </c>
      <c r="F73371" s="14" t="s">
        <v>61</v>
      </c>
      <c r="G73371" s="16">
        <v>0</v>
      </c>
    </row>
    <row r="73372" spans="1:7" x14ac:dyDescent="0.3">
      <c r="A73372" s="13" t="s">
        <v>377</v>
      </c>
      <c r="B73372" s="14" t="s">
        <v>1</v>
      </c>
      <c r="C73372" s="14" t="s">
        <v>47</v>
      </c>
      <c r="D73372" s="14" t="s">
        <v>378</v>
      </c>
      <c r="E73372" s="15">
        <v>45383</v>
      </c>
      <c r="F73372" s="14" t="s">
        <v>61</v>
      </c>
      <c r="G73372" s="16">
        <v>0</v>
      </c>
    </row>
    <row r="73373" spans="1:7" x14ac:dyDescent="0.3">
      <c r="A73373" s="13" t="s">
        <v>377</v>
      </c>
      <c r="B73373" s="14" t="s">
        <v>1</v>
      </c>
      <c r="C73373" s="14" t="s">
        <v>47</v>
      </c>
      <c r="D73373" s="14" t="s">
        <v>378</v>
      </c>
      <c r="E73373" s="15">
        <v>45384</v>
      </c>
      <c r="F73373" s="14" t="s">
        <v>61</v>
      </c>
      <c r="G73373" s="16">
        <v>0</v>
      </c>
    </row>
    <row r="73374" spans="1:7" x14ac:dyDescent="0.3">
      <c r="A73374" s="13" t="s">
        <v>377</v>
      </c>
      <c r="B73374" s="14" t="s">
        <v>1</v>
      </c>
      <c r="C73374" s="14" t="s">
        <v>47</v>
      </c>
      <c r="D73374" s="14" t="s">
        <v>378</v>
      </c>
      <c r="E73374" s="15">
        <v>45385</v>
      </c>
      <c r="F73374" s="14" t="s">
        <v>61</v>
      </c>
      <c r="G73374" s="16">
        <v>0</v>
      </c>
    </row>
    <row r="73375" spans="1:7" x14ac:dyDescent="0.3">
      <c r="A73375" s="13" t="s">
        <v>377</v>
      </c>
      <c r="B73375" s="14" t="s">
        <v>1</v>
      </c>
      <c r="C73375" s="14" t="s">
        <v>47</v>
      </c>
      <c r="D73375" s="14" t="s">
        <v>378</v>
      </c>
      <c r="E73375" s="15">
        <v>45386</v>
      </c>
      <c r="F73375" s="14" t="s">
        <v>61</v>
      </c>
      <c r="G73375" s="16">
        <v>0</v>
      </c>
    </row>
    <row r="73376" spans="1:7" x14ac:dyDescent="0.3">
      <c r="A73376" s="13" t="s">
        <v>377</v>
      </c>
      <c r="B73376" s="14" t="s">
        <v>1</v>
      </c>
      <c r="C73376" s="14" t="s">
        <v>47</v>
      </c>
      <c r="D73376" s="14" t="s">
        <v>378</v>
      </c>
      <c r="E73376" s="15">
        <v>45387</v>
      </c>
      <c r="F73376" s="14" t="s">
        <v>61</v>
      </c>
      <c r="G73376" s="16">
        <v>0</v>
      </c>
    </row>
    <row r="73377" spans="1:7" x14ac:dyDescent="0.3">
      <c r="A73377" s="13" t="s">
        <v>377</v>
      </c>
      <c r="B73377" s="14" t="s">
        <v>1</v>
      </c>
      <c r="C73377" s="14" t="s">
        <v>47</v>
      </c>
      <c r="D73377" s="14" t="s">
        <v>378</v>
      </c>
      <c r="E73377" s="15">
        <v>45388</v>
      </c>
      <c r="F73377" s="14" t="s">
        <v>61</v>
      </c>
      <c r="G73377" s="16">
        <v>0</v>
      </c>
    </row>
    <row r="73378" spans="1:7" x14ac:dyDescent="0.3">
      <c r="A73378" s="13" t="s">
        <v>377</v>
      </c>
      <c r="B73378" s="14" t="s">
        <v>1</v>
      </c>
      <c r="C73378" s="14" t="s">
        <v>47</v>
      </c>
      <c r="D73378" s="14" t="s">
        <v>378</v>
      </c>
      <c r="E73378" s="15">
        <v>45389</v>
      </c>
      <c r="F73378" s="14" t="s">
        <v>61</v>
      </c>
      <c r="G73378" s="16">
        <v>0</v>
      </c>
    </row>
    <row r="73379" spans="1:7" x14ac:dyDescent="0.3">
      <c r="A73379" s="13" t="s">
        <v>377</v>
      </c>
      <c r="B73379" s="14" t="s">
        <v>1</v>
      </c>
      <c r="C73379" s="14" t="s">
        <v>47</v>
      </c>
      <c r="D73379" s="14" t="s">
        <v>378</v>
      </c>
      <c r="E73379" s="15">
        <v>45390</v>
      </c>
      <c r="F73379" s="14" t="s">
        <v>61</v>
      </c>
      <c r="G73379" s="16">
        <v>0</v>
      </c>
    </row>
    <row r="73380" spans="1:7" x14ac:dyDescent="0.3">
      <c r="A73380" s="13" t="s">
        <v>377</v>
      </c>
      <c r="B73380" s="14" t="s">
        <v>1</v>
      </c>
      <c r="C73380" s="14" t="s">
        <v>47</v>
      </c>
      <c r="D73380" s="14" t="s">
        <v>378</v>
      </c>
      <c r="E73380" s="15">
        <v>45391</v>
      </c>
      <c r="F73380" s="14" t="s">
        <v>61</v>
      </c>
      <c r="G73380" s="16">
        <v>0</v>
      </c>
    </row>
    <row r="73381" spans="1:7" x14ac:dyDescent="0.3">
      <c r="A73381" s="13" t="s">
        <v>377</v>
      </c>
      <c r="B73381" s="14" t="s">
        <v>1</v>
      </c>
      <c r="C73381" s="14" t="s">
        <v>47</v>
      </c>
      <c r="D73381" s="14" t="s">
        <v>378</v>
      </c>
      <c r="E73381" s="15">
        <v>45392</v>
      </c>
      <c r="F73381" s="14" t="s">
        <v>61</v>
      </c>
      <c r="G73381" s="16">
        <v>0</v>
      </c>
    </row>
    <row r="73382" spans="1:7" x14ac:dyDescent="0.3">
      <c r="A73382" s="13" t="s">
        <v>377</v>
      </c>
      <c r="B73382" s="14" t="s">
        <v>1</v>
      </c>
      <c r="C73382" s="14" t="s">
        <v>47</v>
      </c>
      <c r="D73382" s="14" t="s">
        <v>378</v>
      </c>
      <c r="E73382" s="15">
        <v>45393</v>
      </c>
      <c r="F73382" s="14" t="s">
        <v>61</v>
      </c>
      <c r="G73382" s="16">
        <v>0</v>
      </c>
    </row>
    <row r="73383" spans="1:7" x14ac:dyDescent="0.3">
      <c r="A73383" s="13" t="s">
        <v>377</v>
      </c>
      <c r="B73383" s="14" t="s">
        <v>1</v>
      </c>
      <c r="C73383" s="14" t="s">
        <v>47</v>
      </c>
      <c r="D73383" s="14" t="s">
        <v>378</v>
      </c>
      <c r="E73383" s="15">
        <v>45394</v>
      </c>
      <c r="F73383" s="14" t="s">
        <v>61</v>
      </c>
      <c r="G73383" s="16">
        <v>0</v>
      </c>
    </row>
    <row r="73384" spans="1:7" x14ac:dyDescent="0.3">
      <c r="A73384" s="13" t="s">
        <v>377</v>
      </c>
      <c r="B73384" s="14" t="s">
        <v>1</v>
      </c>
      <c r="C73384" s="14" t="s">
        <v>47</v>
      </c>
      <c r="D73384" s="14" t="s">
        <v>378</v>
      </c>
      <c r="E73384" s="15">
        <v>45395</v>
      </c>
      <c r="F73384" s="14" t="s">
        <v>61</v>
      </c>
      <c r="G73384" s="16">
        <v>0</v>
      </c>
    </row>
    <row r="73385" spans="1:7" x14ac:dyDescent="0.3">
      <c r="A73385" s="13" t="s">
        <v>377</v>
      </c>
      <c r="B73385" s="14" t="s">
        <v>1</v>
      </c>
      <c r="C73385" s="14" t="s">
        <v>47</v>
      </c>
      <c r="D73385" s="14" t="s">
        <v>378</v>
      </c>
      <c r="E73385" s="15">
        <v>45396</v>
      </c>
      <c r="F73385" s="14" t="s">
        <v>61</v>
      </c>
      <c r="G73385" s="16">
        <v>0</v>
      </c>
    </row>
    <row r="73386" spans="1:7" x14ac:dyDescent="0.3">
      <c r="A73386" s="13" t="s">
        <v>377</v>
      </c>
      <c r="B73386" s="14" t="s">
        <v>1</v>
      </c>
      <c r="C73386" s="14" t="s">
        <v>47</v>
      </c>
      <c r="D73386" s="14" t="s">
        <v>378</v>
      </c>
      <c r="E73386" s="15">
        <v>45397</v>
      </c>
      <c r="F73386" s="14" t="s">
        <v>61</v>
      </c>
      <c r="G73386" s="16">
        <v>0</v>
      </c>
    </row>
    <row r="73387" spans="1:7" x14ac:dyDescent="0.3">
      <c r="A73387" s="13" t="s">
        <v>377</v>
      </c>
      <c r="B73387" s="14" t="s">
        <v>1</v>
      </c>
      <c r="C73387" s="14" t="s">
        <v>47</v>
      </c>
      <c r="D73387" s="14" t="s">
        <v>378</v>
      </c>
      <c r="E73387" s="15">
        <v>45398</v>
      </c>
      <c r="F73387" s="14" t="s">
        <v>61</v>
      </c>
      <c r="G73387" s="16">
        <v>0</v>
      </c>
    </row>
    <row r="73388" spans="1:7" x14ac:dyDescent="0.3">
      <c r="A73388" s="13" t="s">
        <v>377</v>
      </c>
      <c r="B73388" s="14" t="s">
        <v>1</v>
      </c>
      <c r="C73388" s="14" t="s">
        <v>47</v>
      </c>
      <c r="D73388" s="14" t="s">
        <v>378</v>
      </c>
      <c r="E73388" s="15">
        <v>45399</v>
      </c>
      <c r="F73388" s="14" t="s">
        <v>61</v>
      </c>
      <c r="G73388" s="16">
        <v>0</v>
      </c>
    </row>
    <row r="73389" spans="1:7" x14ac:dyDescent="0.3">
      <c r="A73389" s="13" t="s">
        <v>377</v>
      </c>
      <c r="B73389" s="14" t="s">
        <v>1</v>
      </c>
      <c r="C73389" s="14" t="s">
        <v>47</v>
      </c>
      <c r="D73389" s="14" t="s">
        <v>378</v>
      </c>
      <c r="E73389" s="15">
        <v>45400</v>
      </c>
      <c r="F73389" s="14" t="s">
        <v>61</v>
      </c>
      <c r="G73389" s="16">
        <v>0</v>
      </c>
    </row>
    <row r="73390" spans="1:7" x14ac:dyDescent="0.3">
      <c r="A73390" s="13" t="s">
        <v>377</v>
      </c>
      <c r="B73390" s="14" t="s">
        <v>1</v>
      </c>
      <c r="C73390" s="14" t="s">
        <v>47</v>
      </c>
      <c r="D73390" s="14" t="s">
        <v>378</v>
      </c>
      <c r="E73390" s="15">
        <v>45401</v>
      </c>
      <c r="F73390" s="14" t="s">
        <v>61</v>
      </c>
      <c r="G73390" s="16">
        <v>0</v>
      </c>
    </row>
    <row r="73391" spans="1:7" x14ac:dyDescent="0.3">
      <c r="A73391" s="13" t="s">
        <v>377</v>
      </c>
      <c r="B73391" s="14" t="s">
        <v>1</v>
      </c>
      <c r="C73391" s="14" t="s">
        <v>47</v>
      </c>
      <c r="D73391" s="14" t="s">
        <v>378</v>
      </c>
      <c r="E73391" s="15">
        <v>45402</v>
      </c>
      <c r="F73391" s="14" t="s">
        <v>61</v>
      </c>
      <c r="G73391" s="16">
        <v>0</v>
      </c>
    </row>
    <row r="73392" spans="1:7" x14ac:dyDescent="0.3">
      <c r="A73392" s="13" t="s">
        <v>377</v>
      </c>
      <c r="B73392" s="14" t="s">
        <v>1</v>
      </c>
      <c r="C73392" s="14" t="s">
        <v>47</v>
      </c>
      <c r="D73392" s="14" t="s">
        <v>378</v>
      </c>
      <c r="E73392" s="15">
        <v>45403</v>
      </c>
      <c r="F73392" s="14" t="s">
        <v>61</v>
      </c>
      <c r="G73392" s="16">
        <v>0</v>
      </c>
    </row>
    <row r="73393" spans="1:7" x14ac:dyDescent="0.3">
      <c r="A73393" s="13" t="s">
        <v>377</v>
      </c>
      <c r="B73393" s="14" t="s">
        <v>1</v>
      </c>
      <c r="C73393" s="14" t="s">
        <v>47</v>
      </c>
      <c r="D73393" s="14" t="s">
        <v>378</v>
      </c>
      <c r="E73393" s="15">
        <v>45404</v>
      </c>
      <c r="F73393" s="14" t="s">
        <v>61</v>
      </c>
      <c r="G73393" s="16">
        <v>0</v>
      </c>
    </row>
    <row r="73394" spans="1:7" x14ac:dyDescent="0.3">
      <c r="A73394" s="13" t="s">
        <v>377</v>
      </c>
      <c r="B73394" s="14" t="s">
        <v>1</v>
      </c>
      <c r="C73394" s="14" t="s">
        <v>47</v>
      </c>
      <c r="D73394" s="14" t="s">
        <v>378</v>
      </c>
      <c r="E73394" s="15">
        <v>45405</v>
      </c>
      <c r="F73394" s="14" t="s">
        <v>61</v>
      </c>
      <c r="G73394" s="16">
        <v>0</v>
      </c>
    </row>
    <row r="73395" spans="1:7" x14ac:dyDescent="0.3">
      <c r="A73395" s="13" t="s">
        <v>377</v>
      </c>
      <c r="B73395" s="14" t="s">
        <v>1</v>
      </c>
      <c r="C73395" s="14" t="s">
        <v>47</v>
      </c>
      <c r="D73395" s="14" t="s">
        <v>378</v>
      </c>
      <c r="E73395" s="15">
        <v>45406</v>
      </c>
      <c r="F73395" s="14" t="s">
        <v>61</v>
      </c>
      <c r="G73395" s="16">
        <v>0</v>
      </c>
    </row>
    <row r="73396" spans="1:7" x14ac:dyDescent="0.3">
      <c r="A73396" s="13" t="s">
        <v>377</v>
      </c>
      <c r="B73396" s="14" t="s">
        <v>1</v>
      </c>
      <c r="C73396" s="14" t="s">
        <v>47</v>
      </c>
      <c r="D73396" s="14" t="s">
        <v>378</v>
      </c>
      <c r="E73396" s="15">
        <v>45407</v>
      </c>
      <c r="F73396" s="14" t="s">
        <v>61</v>
      </c>
      <c r="G73396" s="16">
        <v>0</v>
      </c>
    </row>
    <row r="73397" spans="1:7" x14ac:dyDescent="0.3">
      <c r="A73397" s="13" t="s">
        <v>377</v>
      </c>
      <c r="B73397" s="14" t="s">
        <v>1</v>
      </c>
      <c r="C73397" s="14" t="s">
        <v>47</v>
      </c>
      <c r="D73397" s="14" t="s">
        <v>378</v>
      </c>
      <c r="E73397" s="15">
        <v>45408</v>
      </c>
      <c r="F73397" s="14" t="s">
        <v>61</v>
      </c>
      <c r="G73397" s="16">
        <v>0</v>
      </c>
    </row>
    <row r="73398" spans="1:7" x14ac:dyDescent="0.3">
      <c r="A73398" s="13" t="s">
        <v>377</v>
      </c>
      <c r="B73398" s="14" t="s">
        <v>1</v>
      </c>
      <c r="C73398" s="14" t="s">
        <v>47</v>
      </c>
      <c r="D73398" s="14" t="s">
        <v>378</v>
      </c>
      <c r="E73398" s="15">
        <v>45409</v>
      </c>
      <c r="F73398" s="14" t="s">
        <v>61</v>
      </c>
      <c r="G73398" s="16">
        <v>0</v>
      </c>
    </row>
    <row r="73399" spans="1:7" x14ac:dyDescent="0.3">
      <c r="A73399" s="13" t="s">
        <v>377</v>
      </c>
      <c r="B73399" s="14" t="s">
        <v>1</v>
      </c>
      <c r="C73399" s="14" t="s">
        <v>47</v>
      </c>
      <c r="D73399" s="14" t="s">
        <v>378</v>
      </c>
      <c r="E73399" s="15">
        <v>45410</v>
      </c>
      <c r="F73399" s="14" t="s">
        <v>61</v>
      </c>
      <c r="G73399" s="16">
        <v>0</v>
      </c>
    </row>
    <row r="73400" spans="1:7" x14ac:dyDescent="0.3">
      <c r="A73400" s="13" t="s">
        <v>377</v>
      </c>
      <c r="B73400" s="14" t="s">
        <v>1</v>
      </c>
      <c r="C73400" s="14" t="s">
        <v>47</v>
      </c>
      <c r="D73400" s="14" t="s">
        <v>378</v>
      </c>
      <c r="E73400" s="15">
        <v>45411</v>
      </c>
      <c r="F73400" s="14" t="s">
        <v>61</v>
      </c>
      <c r="G73400" s="16">
        <v>0</v>
      </c>
    </row>
    <row r="73401" spans="1:7" x14ac:dyDescent="0.3">
      <c r="A73401" s="13" t="s">
        <v>377</v>
      </c>
      <c r="B73401" s="14" t="s">
        <v>1</v>
      </c>
      <c r="C73401" s="14" t="s">
        <v>47</v>
      </c>
      <c r="D73401" s="14" t="s">
        <v>378</v>
      </c>
      <c r="E73401" s="15">
        <v>45412</v>
      </c>
      <c r="F73401" s="14" t="s">
        <v>61</v>
      </c>
      <c r="G73401" s="16">
        <v>0</v>
      </c>
    </row>
    <row r="73402" spans="1:7" x14ac:dyDescent="0.3">
      <c r="A73402" s="13" t="s">
        <v>377</v>
      </c>
      <c r="B73402" s="14" t="s">
        <v>1</v>
      </c>
      <c r="C73402" s="14" t="s">
        <v>47</v>
      </c>
      <c r="D73402" s="14" t="s">
        <v>378</v>
      </c>
      <c r="E73402" s="15">
        <v>45413</v>
      </c>
      <c r="F73402" s="14" t="s">
        <v>61</v>
      </c>
      <c r="G73402" s="16">
        <v>0</v>
      </c>
    </row>
    <row r="73403" spans="1:7" x14ac:dyDescent="0.3">
      <c r="A73403" s="13" t="s">
        <v>377</v>
      </c>
      <c r="B73403" s="14" t="s">
        <v>1</v>
      </c>
      <c r="C73403" s="14" t="s">
        <v>47</v>
      </c>
      <c r="D73403" s="14" t="s">
        <v>378</v>
      </c>
      <c r="E73403" s="15">
        <v>45414</v>
      </c>
      <c r="F73403" s="14" t="s">
        <v>61</v>
      </c>
      <c r="G73403" s="16">
        <v>0</v>
      </c>
    </row>
    <row r="73404" spans="1:7" x14ac:dyDescent="0.3">
      <c r="A73404" s="13" t="s">
        <v>377</v>
      </c>
      <c r="B73404" s="14" t="s">
        <v>1</v>
      </c>
      <c r="C73404" s="14" t="s">
        <v>47</v>
      </c>
      <c r="D73404" s="14" t="s">
        <v>378</v>
      </c>
      <c r="E73404" s="15">
        <v>45415</v>
      </c>
      <c r="F73404" s="14" t="s">
        <v>61</v>
      </c>
      <c r="G73404" s="16">
        <v>0</v>
      </c>
    </row>
    <row r="73405" spans="1:7" x14ac:dyDescent="0.3">
      <c r="A73405" s="13" t="s">
        <v>377</v>
      </c>
      <c r="B73405" s="14" t="s">
        <v>1</v>
      </c>
      <c r="C73405" s="14" t="s">
        <v>47</v>
      </c>
      <c r="D73405" s="14" t="s">
        <v>378</v>
      </c>
      <c r="E73405" s="15">
        <v>45416</v>
      </c>
      <c r="F73405" s="14" t="s">
        <v>61</v>
      </c>
      <c r="G73405" s="16">
        <v>0</v>
      </c>
    </row>
    <row r="73406" spans="1:7" x14ac:dyDescent="0.3">
      <c r="A73406" s="13" t="s">
        <v>377</v>
      </c>
      <c r="B73406" s="14" t="s">
        <v>1</v>
      </c>
      <c r="C73406" s="14" t="s">
        <v>47</v>
      </c>
      <c r="D73406" s="14" t="s">
        <v>378</v>
      </c>
      <c r="E73406" s="15">
        <v>45417</v>
      </c>
      <c r="F73406" s="14" t="s">
        <v>61</v>
      </c>
      <c r="G73406" s="16">
        <v>0</v>
      </c>
    </row>
    <row r="73407" spans="1:7" x14ac:dyDescent="0.3">
      <c r="A73407" s="13" t="s">
        <v>377</v>
      </c>
      <c r="B73407" s="14" t="s">
        <v>1</v>
      </c>
      <c r="C73407" s="14" t="s">
        <v>47</v>
      </c>
      <c r="D73407" s="14" t="s">
        <v>378</v>
      </c>
      <c r="E73407" s="15">
        <v>45418</v>
      </c>
      <c r="F73407" s="14" t="s">
        <v>61</v>
      </c>
      <c r="G73407" s="16">
        <v>0</v>
      </c>
    </row>
    <row r="73408" spans="1:7" x14ac:dyDescent="0.3">
      <c r="A73408" s="13" t="s">
        <v>377</v>
      </c>
      <c r="B73408" s="14" t="s">
        <v>1</v>
      </c>
      <c r="C73408" s="14" t="s">
        <v>47</v>
      </c>
      <c r="D73408" s="14" t="s">
        <v>378</v>
      </c>
      <c r="E73408" s="15">
        <v>45419</v>
      </c>
      <c r="F73408" s="14" t="s">
        <v>61</v>
      </c>
      <c r="G73408" s="16">
        <v>0</v>
      </c>
    </row>
    <row r="73409" spans="1:7" x14ac:dyDescent="0.3">
      <c r="A73409" s="13" t="s">
        <v>377</v>
      </c>
      <c r="B73409" s="14" t="s">
        <v>1</v>
      </c>
      <c r="C73409" s="14" t="s">
        <v>47</v>
      </c>
      <c r="D73409" s="14" t="s">
        <v>378</v>
      </c>
      <c r="E73409" s="15">
        <v>45420</v>
      </c>
      <c r="F73409" s="14" t="s">
        <v>61</v>
      </c>
      <c r="G73409" s="16">
        <v>0</v>
      </c>
    </row>
    <row r="73410" spans="1:7" x14ac:dyDescent="0.3">
      <c r="A73410" s="13" t="s">
        <v>377</v>
      </c>
      <c r="B73410" s="14" t="s">
        <v>1</v>
      </c>
      <c r="C73410" s="14" t="s">
        <v>47</v>
      </c>
      <c r="D73410" s="14" t="s">
        <v>378</v>
      </c>
      <c r="E73410" s="15">
        <v>45421</v>
      </c>
      <c r="F73410" s="14" t="s">
        <v>61</v>
      </c>
      <c r="G73410" s="16">
        <v>0</v>
      </c>
    </row>
    <row r="73411" spans="1:7" x14ac:dyDescent="0.3">
      <c r="A73411" s="13" t="s">
        <v>377</v>
      </c>
      <c r="B73411" s="14" t="s">
        <v>1</v>
      </c>
      <c r="C73411" s="14" t="s">
        <v>47</v>
      </c>
      <c r="D73411" s="14" t="s">
        <v>378</v>
      </c>
      <c r="E73411" s="15">
        <v>45422</v>
      </c>
      <c r="F73411" s="14" t="s">
        <v>61</v>
      </c>
      <c r="G73411" s="16">
        <v>0</v>
      </c>
    </row>
    <row r="73412" spans="1:7" x14ac:dyDescent="0.3">
      <c r="A73412" s="13" t="s">
        <v>377</v>
      </c>
      <c r="B73412" s="14" t="s">
        <v>1</v>
      </c>
      <c r="C73412" s="14" t="s">
        <v>47</v>
      </c>
      <c r="D73412" s="14" t="s">
        <v>378</v>
      </c>
      <c r="E73412" s="15">
        <v>45423</v>
      </c>
      <c r="F73412" s="14" t="s">
        <v>61</v>
      </c>
      <c r="G73412" s="16">
        <v>0</v>
      </c>
    </row>
    <row r="73413" spans="1:7" x14ac:dyDescent="0.3">
      <c r="A73413" s="13" t="s">
        <v>377</v>
      </c>
      <c r="B73413" s="14" t="s">
        <v>1</v>
      </c>
      <c r="C73413" s="14" t="s">
        <v>47</v>
      </c>
      <c r="D73413" s="14" t="s">
        <v>378</v>
      </c>
      <c r="E73413" s="15">
        <v>45424</v>
      </c>
      <c r="F73413" s="14" t="s">
        <v>61</v>
      </c>
      <c r="G73413" s="16">
        <v>0</v>
      </c>
    </row>
    <row r="73414" spans="1:7" x14ac:dyDescent="0.3">
      <c r="A73414" s="13" t="s">
        <v>377</v>
      </c>
      <c r="B73414" s="14" t="s">
        <v>1</v>
      </c>
      <c r="C73414" s="14" t="s">
        <v>47</v>
      </c>
      <c r="D73414" s="14" t="s">
        <v>378</v>
      </c>
      <c r="E73414" s="15">
        <v>45425</v>
      </c>
      <c r="F73414" s="14" t="s">
        <v>61</v>
      </c>
      <c r="G73414" s="16">
        <v>0</v>
      </c>
    </row>
    <row r="73415" spans="1:7" x14ac:dyDescent="0.3">
      <c r="A73415" s="13" t="s">
        <v>377</v>
      </c>
      <c r="B73415" s="14" t="s">
        <v>1</v>
      </c>
      <c r="C73415" s="14" t="s">
        <v>47</v>
      </c>
      <c r="D73415" s="14" t="s">
        <v>378</v>
      </c>
      <c r="E73415" s="15">
        <v>45426</v>
      </c>
      <c r="F73415" s="14" t="s">
        <v>61</v>
      </c>
      <c r="G73415" s="16">
        <v>0</v>
      </c>
    </row>
    <row r="73416" spans="1:7" x14ac:dyDescent="0.3">
      <c r="A73416" s="13" t="s">
        <v>377</v>
      </c>
      <c r="B73416" s="14" t="s">
        <v>1</v>
      </c>
      <c r="C73416" s="14" t="s">
        <v>47</v>
      </c>
      <c r="D73416" s="14" t="s">
        <v>378</v>
      </c>
      <c r="E73416" s="15">
        <v>45427</v>
      </c>
      <c r="F73416" s="14" t="s">
        <v>61</v>
      </c>
      <c r="G73416" s="16">
        <v>0</v>
      </c>
    </row>
    <row r="73417" spans="1:7" x14ac:dyDescent="0.3">
      <c r="A73417" s="13" t="s">
        <v>377</v>
      </c>
      <c r="B73417" s="14" t="s">
        <v>1</v>
      </c>
      <c r="C73417" s="14" t="s">
        <v>47</v>
      </c>
      <c r="D73417" s="14" t="s">
        <v>378</v>
      </c>
      <c r="E73417" s="15">
        <v>45428</v>
      </c>
      <c r="F73417" s="14" t="s">
        <v>61</v>
      </c>
      <c r="G73417" s="16">
        <v>0</v>
      </c>
    </row>
    <row r="73418" spans="1:7" x14ac:dyDescent="0.3">
      <c r="A73418" s="13" t="s">
        <v>377</v>
      </c>
      <c r="B73418" s="14" t="s">
        <v>1</v>
      </c>
      <c r="C73418" s="14" t="s">
        <v>47</v>
      </c>
      <c r="D73418" s="14" t="s">
        <v>378</v>
      </c>
      <c r="E73418" s="15">
        <v>45429</v>
      </c>
      <c r="F73418" s="14" t="s">
        <v>61</v>
      </c>
      <c r="G73418" s="16">
        <v>0</v>
      </c>
    </row>
    <row r="73419" spans="1:7" x14ac:dyDescent="0.3">
      <c r="A73419" s="13" t="s">
        <v>377</v>
      </c>
      <c r="B73419" s="14" t="s">
        <v>1</v>
      </c>
      <c r="C73419" s="14" t="s">
        <v>47</v>
      </c>
      <c r="D73419" s="14" t="s">
        <v>378</v>
      </c>
      <c r="E73419" s="15">
        <v>45430</v>
      </c>
      <c r="F73419" s="14" t="s">
        <v>61</v>
      </c>
      <c r="G73419" s="16">
        <v>0</v>
      </c>
    </row>
    <row r="73420" spans="1:7" x14ac:dyDescent="0.3">
      <c r="A73420" s="13" t="s">
        <v>377</v>
      </c>
      <c r="B73420" s="14" t="s">
        <v>1</v>
      </c>
      <c r="C73420" s="14" t="s">
        <v>47</v>
      </c>
      <c r="D73420" s="14" t="s">
        <v>378</v>
      </c>
      <c r="E73420" s="15">
        <v>45431</v>
      </c>
      <c r="F73420" s="14" t="s">
        <v>61</v>
      </c>
      <c r="G73420" s="16">
        <v>0</v>
      </c>
    </row>
    <row r="73421" spans="1:7" x14ac:dyDescent="0.3">
      <c r="A73421" s="13" t="s">
        <v>377</v>
      </c>
      <c r="B73421" s="14" t="s">
        <v>1</v>
      </c>
      <c r="C73421" s="14" t="s">
        <v>47</v>
      </c>
      <c r="D73421" s="14" t="s">
        <v>378</v>
      </c>
      <c r="E73421" s="15">
        <v>45432</v>
      </c>
      <c r="F73421" s="14" t="s">
        <v>61</v>
      </c>
      <c r="G73421" s="16">
        <v>0</v>
      </c>
    </row>
    <row r="73422" spans="1:7" x14ac:dyDescent="0.3">
      <c r="A73422" s="13" t="s">
        <v>377</v>
      </c>
      <c r="B73422" s="14" t="s">
        <v>1</v>
      </c>
      <c r="C73422" s="14" t="s">
        <v>47</v>
      </c>
      <c r="D73422" s="14" t="s">
        <v>378</v>
      </c>
      <c r="E73422" s="15">
        <v>45433</v>
      </c>
      <c r="F73422" s="14" t="s">
        <v>61</v>
      </c>
      <c r="G73422" s="16">
        <v>0</v>
      </c>
    </row>
    <row r="73423" spans="1:7" x14ac:dyDescent="0.3">
      <c r="A73423" s="13" t="s">
        <v>377</v>
      </c>
      <c r="B73423" s="14" t="s">
        <v>1</v>
      </c>
      <c r="C73423" s="14" t="s">
        <v>47</v>
      </c>
      <c r="D73423" s="14" t="s">
        <v>378</v>
      </c>
      <c r="E73423" s="15">
        <v>45434</v>
      </c>
      <c r="F73423" s="14" t="s">
        <v>61</v>
      </c>
      <c r="G73423" s="16">
        <v>0</v>
      </c>
    </row>
    <row r="73424" spans="1:7" x14ac:dyDescent="0.3">
      <c r="A73424" s="13" t="s">
        <v>377</v>
      </c>
      <c r="B73424" s="14" t="s">
        <v>1</v>
      </c>
      <c r="C73424" s="14" t="s">
        <v>47</v>
      </c>
      <c r="D73424" s="14" t="s">
        <v>378</v>
      </c>
      <c r="E73424" s="15">
        <v>45435</v>
      </c>
      <c r="F73424" s="14" t="s">
        <v>61</v>
      </c>
      <c r="G73424" s="16">
        <v>0</v>
      </c>
    </row>
    <row r="73425" spans="1:7" x14ac:dyDescent="0.3">
      <c r="A73425" s="13" t="s">
        <v>377</v>
      </c>
      <c r="B73425" s="14" t="s">
        <v>1</v>
      </c>
      <c r="C73425" s="14" t="s">
        <v>47</v>
      </c>
      <c r="D73425" s="14" t="s">
        <v>378</v>
      </c>
      <c r="E73425" s="15">
        <v>45436</v>
      </c>
      <c r="F73425" s="14" t="s">
        <v>61</v>
      </c>
      <c r="G73425" s="16">
        <v>0</v>
      </c>
    </row>
    <row r="73426" spans="1:7" x14ac:dyDescent="0.3">
      <c r="A73426" s="13" t="s">
        <v>377</v>
      </c>
      <c r="B73426" s="14" t="s">
        <v>1</v>
      </c>
      <c r="C73426" s="14" t="s">
        <v>47</v>
      </c>
      <c r="D73426" s="14" t="s">
        <v>378</v>
      </c>
      <c r="E73426" s="15">
        <v>45437</v>
      </c>
      <c r="F73426" s="14" t="s">
        <v>61</v>
      </c>
      <c r="G73426" s="16">
        <v>0</v>
      </c>
    </row>
    <row r="73427" spans="1:7" x14ac:dyDescent="0.3">
      <c r="A73427" s="13" t="s">
        <v>377</v>
      </c>
      <c r="B73427" s="14" t="s">
        <v>1</v>
      </c>
      <c r="C73427" s="14" t="s">
        <v>47</v>
      </c>
      <c r="D73427" s="14" t="s">
        <v>378</v>
      </c>
      <c r="E73427" s="15">
        <v>45438</v>
      </c>
      <c r="F73427" s="14" t="s">
        <v>61</v>
      </c>
      <c r="G73427" s="16">
        <v>0</v>
      </c>
    </row>
    <row r="73428" spans="1:7" x14ac:dyDescent="0.3">
      <c r="A73428" s="13" t="s">
        <v>377</v>
      </c>
      <c r="B73428" s="14" t="s">
        <v>1</v>
      </c>
      <c r="C73428" s="14" t="s">
        <v>47</v>
      </c>
      <c r="D73428" s="14" t="s">
        <v>378</v>
      </c>
      <c r="E73428" s="15">
        <v>45439</v>
      </c>
      <c r="F73428" s="14" t="s">
        <v>61</v>
      </c>
      <c r="G73428" s="16">
        <v>0</v>
      </c>
    </row>
    <row r="73429" spans="1:7" x14ac:dyDescent="0.3">
      <c r="A73429" s="13" t="s">
        <v>377</v>
      </c>
      <c r="B73429" s="14" t="s">
        <v>1</v>
      </c>
      <c r="C73429" s="14" t="s">
        <v>47</v>
      </c>
      <c r="D73429" s="14" t="s">
        <v>378</v>
      </c>
      <c r="E73429" s="15">
        <v>45440</v>
      </c>
      <c r="F73429" s="14" t="s">
        <v>61</v>
      </c>
      <c r="G73429" s="16">
        <v>0</v>
      </c>
    </row>
    <row r="73430" spans="1:7" x14ac:dyDescent="0.3">
      <c r="A73430" s="13" t="s">
        <v>377</v>
      </c>
      <c r="B73430" s="14" t="s">
        <v>1</v>
      </c>
      <c r="C73430" s="14" t="s">
        <v>47</v>
      </c>
      <c r="D73430" s="14" t="s">
        <v>378</v>
      </c>
      <c r="E73430" s="15">
        <v>45441</v>
      </c>
      <c r="F73430" s="14" t="s">
        <v>61</v>
      </c>
      <c r="G73430" s="16">
        <v>0</v>
      </c>
    </row>
    <row r="73431" spans="1:7" x14ac:dyDescent="0.3">
      <c r="A73431" s="13" t="s">
        <v>377</v>
      </c>
      <c r="B73431" s="14" t="s">
        <v>1</v>
      </c>
      <c r="C73431" s="14" t="s">
        <v>47</v>
      </c>
      <c r="D73431" s="14" t="s">
        <v>378</v>
      </c>
      <c r="E73431" s="15">
        <v>45442</v>
      </c>
      <c r="F73431" s="14" t="s">
        <v>61</v>
      </c>
      <c r="G73431" s="16">
        <v>1.3032719602558324E-2</v>
      </c>
    </row>
    <row r="73432" spans="1:7" x14ac:dyDescent="0.3">
      <c r="A73432" s="13" t="s">
        <v>377</v>
      </c>
      <c r="B73432" s="14" t="s">
        <v>1</v>
      </c>
      <c r="C73432" s="14" t="s">
        <v>47</v>
      </c>
      <c r="D73432" s="14" t="s">
        <v>378</v>
      </c>
      <c r="E73432" s="15">
        <v>45443</v>
      </c>
      <c r="F73432" s="14" t="s">
        <v>61</v>
      </c>
      <c r="G73432" s="16">
        <v>8.9334814426300663E-3</v>
      </c>
    </row>
    <row r="73433" spans="1:7" x14ac:dyDescent="0.3">
      <c r="A73433" s="13" t="s">
        <v>377</v>
      </c>
      <c r="B73433" s="14" t="s">
        <v>1</v>
      </c>
      <c r="C73433" s="14" t="s">
        <v>47</v>
      </c>
      <c r="D73433" s="14" t="s">
        <v>378</v>
      </c>
      <c r="E73433" s="15">
        <v>45444</v>
      </c>
      <c r="F73433" s="14" t="s">
        <v>61</v>
      </c>
      <c r="G73433" s="16">
        <v>8.9334814426300663E-3</v>
      </c>
    </row>
    <row r="73434" spans="1:7" x14ac:dyDescent="0.3">
      <c r="A73434" s="13" t="s">
        <v>377</v>
      </c>
      <c r="B73434" s="14" t="s">
        <v>1</v>
      </c>
      <c r="C73434" s="14" t="s">
        <v>47</v>
      </c>
      <c r="D73434" s="14" t="s">
        <v>378</v>
      </c>
      <c r="E73434" s="15">
        <v>45445</v>
      </c>
      <c r="F73434" s="14" t="s">
        <v>61</v>
      </c>
      <c r="G73434" s="16">
        <v>8.9334814426300663E-3</v>
      </c>
    </row>
    <row r="73435" spans="1:7" x14ac:dyDescent="0.3">
      <c r="A73435" s="13" t="s">
        <v>377</v>
      </c>
      <c r="B73435" s="14" t="s">
        <v>1</v>
      </c>
      <c r="C73435" s="14" t="s">
        <v>47</v>
      </c>
      <c r="D73435" s="14" t="s">
        <v>378</v>
      </c>
      <c r="E73435" s="15">
        <v>45446</v>
      </c>
      <c r="F73435" s="14" t="s">
        <v>61</v>
      </c>
      <c r="G73435" s="16">
        <v>8.9334814426300663E-3</v>
      </c>
    </row>
    <row r="73436" spans="1:7" x14ac:dyDescent="0.3">
      <c r="A73436" s="13" t="s">
        <v>377</v>
      </c>
      <c r="B73436" s="14" t="s">
        <v>1</v>
      </c>
      <c r="C73436" s="14" t="s">
        <v>47</v>
      </c>
      <c r="D73436" s="14" t="s">
        <v>378</v>
      </c>
      <c r="E73436" s="15">
        <v>45447</v>
      </c>
      <c r="F73436" s="14" t="s">
        <v>61</v>
      </c>
      <c r="G73436" s="16">
        <v>3.3715132603679941E-2</v>
      </c>
    </row>
    <row r="73437" spans="1:7" x14ac:dyDescent="0.3">
      <c r="A73437" s="13" t="s">
        <v>377</v>
      </c>
      <c r="B73437" s="14" t="s">
        <v>1</v>
      </c>
      <c r="C73437" s="14" t="s">
        <v>47</v>
      </c>
      <c r="D73437" s="14" t="s">
        <v>378</v>
      </c>
      <c r="E73437" s="15">
        <v>45448</v>
      </c>
      <c r="F73437" s="14" t="s">
        <v>61</v>
      </c>
      <c r="G73437" s="16">
        <v>4.6647278590934788E-2</v>
      </c>
    </row>
    <row r="73438" spans="1:7" x14ac:dyDescent="0.3">
      <c r="A73438" s="13" t="s">
        <v>377</v>
      </c>
      <c r="B73438" s="14" t="s">
        <v>1</v>
      </c>
      <c r="C73438" s="14" t="s">
        <v>47</v>
      </c>
      <c r="D73438" s="14" t="s">
        <v>378</v>
      </c>
      <c r="E73438" s="15">
        <v>45449</v>
      </c>
      <c r="F73438" s="14" t="s">
        <v>61</v>
      </c>
      <c r="G73438" s="16">
        <v>4.2529004017985657E-2</v>
      </c>
    </row>
    <row r="73439" spans="1:7" x14ac:dyDescent="0.3">
      <c r="A73439" s="13" t="s">
        <v>377</v>
      </c>
      <c r="B73439" s="14" t="s">
        <v>1</v>
      </c>
      <c r="C73439" s="14" t="s">
        <v>47</v>
      </c>
      <c r="D73439" s="14" t="s">
        <v>378</v>
      </c>
      <c r="E73439" s="15">
        <v>45450</v>
      </c>
      <c r="F73439" s="14" t="s">
        <v>61</v>
      </c>
      <c r="G73439" s="16">
        <v>3.8733858585978893E-2</v>
      </c>
    </row>
    <row r="73440" spans="1:7" x14ac:dyDescent="0.3">
      <c r="A73440" s="13" t="s">
        <v>377</v>
      </c>
      <c r="B73440" s="14" t="s">
        <v>1</v>
      </c>
      <c r="C73440" s="14" t="s">
        <v>47</v>
      </c>
      <c r="D73440" s="14" t="s">
        <v>378</v>
      </c>
      <c r="E73440" s="15">
        <v>45451</v>
      </c>
      <c r="F73440" s="14" t="s">
        <v>61</v>
      </c>
      <c r="G73440" s="16">
        <v>3.8733858585978893E-2</v>
      </c>
    </row>
    <row r="73441" spans="1:7" x14ac:dyDescent="0.3">
      <c r="A73441" s="13" t="s">
        <v>377</v>
      </c>
      <c r="B73441" s="14" t="s">
        <v>1</v>
      </c>
      <c r="C73441" s="14" t="s">
        <v>47</v>
      </c>
      <c r="D73441" s="14" t="s">
        <v>378</v>
      </c>
      <c r="E73441" s="15">
        <v>45452</v>
      </c>
      <c r="F73441" s="14" t="s">
        <v>61</v>
      </c>
      <c r="G73441" s="16">
        <v>3.8733858585978893E-2</v>
      </c>
    </row>
    <row r="73442" spans="1:7" x14ac:dyDescent="0.3">
      <c r="A73442" s="13" t="s">
        <v>377</v>
      </c>
      <c r="B73442" s="14" t="s">
        <v>1</v>
      </c>
      <c r="C73442" s="14" t="s">
        <v>47</v>
      </c>
      <c r="D73442" s="14" t="s">
        <v>378</v>
      </c>
      <c r="E73442" s="15">
        <v>45453</v>
      </c>
      <c r="F73442" s="14" t="s">
        <v>61</v>
      </c>
      <c r="G73442" s="16">
        <v>3.4732027475881215E-2</v>
      </c>
    </row>
    <row r="73443" spans="1:7" x14ac:dyDescent="0.3">
      <c r="A73443" s="13" t="s">
        <v>377</v>
      </c>
      <c r="B73443" s="14" t="s">
        <v>1</v>
      </c>
      <c r="C73443" s="14" t="s">
        <v>47</v>
      </c>
      <c r="D73443" s="14" t="s">
        <v>378</v>
      </c>
      <c r="E73443" s="15">
        <v>45454</v>
      </c>
      <c r="F73443" s="14" t="s">
        <v>61</v>
      </c>
      <c r="G73443" s="16">
        <v>2.2475630739804794E-2</v>
      </c>
    </row>
    <row r="73444" spans="1:7" x14ac:dyDescent="0.3">
      <c r="A73444" s="13" t="s">
        <v>377</v>
      </c>
      <c r="B73444" s="14" t="s">
        <v>1</v>
      </c>
      <c r="C73444" s="14" t="s">
        <v>47</v>
      </c>
      <c r="D73444" s="14" t="s">
        <v>378</v>
      </c>
      <c r="E73444" s="15">
        <v>45455</v>
      </c>
      <c r="F73444" s="14" t="s">
        <v>61</v>
      </c>
      <c r="G73444" s="16">
        <v>1.8223300279674122E-2</v>
      </c>
    </row>
    <row r="73445" spans="1:7" x14ac:dyDescent="0.3">
      <c r="A73445" s="13" t="s">
        <v>377</v>
      </c>
      <c r="B73445" s="14" t="s">
        <v>1</v>
      </c>
      <c r="C73445" s="14" t="s">
        <v>47</v>
      </c>
      <c r="D73445" s="14" t="s">
        <v>378</v>
      </c>
      <c r="E73445" s="15">
        <v>45456</v>
      </c>
      <c r="F73445" s="14" t="s">
        <v>61</v>
      </c>
      <c r="G73445" s="16">
        <v>4.7247646981369892E-2</v>
      </c>
    </row>
    <row r="73446" spans="1:7" x14ac:dyDescent="0.3">
      <c r="A73446" s="13" t="s">
        <v>377</v>
      </c>
      <c r="B73446" s="14" t="s">
        <v>1</v>
      </c>
      <c r="C73446" s="14" t="s">
        <v>47</v>
      </c>
      <c r="D73446" s="14" t="s">
        <v>378</v>
      </c>
      <c r="E73446" s="15">
        <v>45457</v>
      </c>
      <c r="F73446" s="14" t="s">
        <v>61</v>
      </c>
      <c r="G73446" s="16">
        <v>4.9867823023552138E-2</v>
      </c>
    </row>
    <row r="73447" spans="1:7" x14ac:dyDescent="0.3">
      <c r="A73447" s="13" t="s">
        <v>377</v>
      </c>
      <c r="B73447" s="14" t="s">
        <v>1</v>
      </c>
      <c r="C73447" s="14" t="s">
        <v>47</v>
      </c>
      <c r="D73447" s="14" t="s">
        <v>378</v>
      </c>
      <c r="E73447" s="15">
        <v>45458</v>
      </c>
      <c r="F73447" s="14" t="s">
        <v>61</v>
      </c>
      <c r="G73447" s="16">
        <v>4.9867823023552138E-2</v>
      </c>
    </row>
    <row r="73448" spans="1:7" x14ac:dyDescent="0.3">
      <c r="A73448" s="13" t="s">
        <v>377</v>
      </c>
      <c r="B73448" s="14" t="s">
        <v>1</v>
      </c>
      <c r="C73448" s="14" t="s">
        <v>47</v>
      </c>
      <c r="D73448" s="14" t="s">
        <v>378</v>
      </c>
      <c r="E73448" s="15">
        <v>45459</v>
      </c>
      <c r="F73448" s="14" t="s">
        <v>61</v>
      </c>
      <c r="G73448" s="16">
        <v>4.9867823023552138E-2</v>
      </c>
    </row>
    <row r="73449" spans="1:7" x14ac:dyDescent="0.3">
      <c r="A73449" s="13" t="s">
        <v>377</v>
      </c>
      <c r="B73449" s="14" t="s">
        <v>1</v>
      </c>
      <c r="C73449" s="14" t="s">
        <v>47</v>
      </c>
      <c r="D73449" s="14" t="s">
        <v>378</v>
      </c>
      <c r="E73449" s="15">
        <v>45460</v>
      </c>
      <c r="F73449" s="14" t="s">
        <v>61</v>
      </c>
      <c r="G73449" s="16">
        <v>4.6721138053081743E-2</v>
      </c>
    </row>
    <row r="73450" spans="1:7" x14ac:dyDescent="0.3">
      <c r="A73450" s="13" t="s">
        <v>377</v>
      </c>
      <c r="B73450" s="14" t="s">
        <v>1</v>
      </c>
      <c r="C73450" s="14" t="s">
        <v>47</v>
      </c>
      <c r="D73450" s="14" t="s">
        <v>378</v>
      </c>
      <c r="E73450" s="15">
        <v>45461</v>
      </c>
      <c r="F73450" s="14" t="s">
        <v>61</v>
      </c>
      <c r="G73450" s="16">
        <v>4.2312818046792891E-2</v>
      </c>
    </row>
    <row r="73451" spans="1:7" x14ac:dyDescent="0.3">
      <c r="A73451" s="13" t="s">
        <v>377</v>
      </c>
      <c r="B73451" s="14" t="s">
        <v>1</v>
      </c>
      <c r="C73451" s="14" t="s">
        <v>47</v>
      </c>
      <c r="D73451" s="14" t="s">
        <v>378</v>
      </c>
      <c r="E73451" s="15">
        <v>45462</v>
      </c>
      <c r="F73451" s="14" t="s">
        <v>61</v>
      </c>
      <c r="G73451" s="16">
        <v>4.2312818046792891E-2</v>
      </c>
    </row>
    <row r="73452" spans="1:7" x14ac:dyDescent="0.3">
      <c r="A73452" s="13" t="s">
        <v>377</v>
      </c>
      <c r="B73452" s="14" t="s">
        <v>1</v>
      </c>
      <c r="C73452" s="14" t="s">
        <v>47</v>
      </c>
      <c r="D73452" s="14" t="s">
        <v>378</v>
      </c>
      <c r="E73452" s="15">
        <v>45463</v>
      </c>
      <c r="F73452" s="14" t="s">
        <v>61</v>
      </c>
      <c r="G73452" s="16">
        <v>7.9746495620376848E-2</v>
      </c>
    </row>
    <row r="73453" spans="1:7" x14ac:dyDescent="0.3">
      <c r="A73453" s="13" t="s">
        <v>377</v>
      </c>
      <c r="B73453" s="14" t="s">
        <v>1</v>
      </c>
      <c r="C73453" s="14" t="s">
        <v>47</v>
      </c>
      <c r="D73453" s="14" t="s">
        <v>378</v>
      </c>
      <c r="E73453" s="15">
        <v>45464</v>
      </c>
      <c r="F73453" s="14" t="s">
        <v>61</v>
      </c>
      <c r="G73453" s="16">
        <v>7.151189198734427E-2</v>
      </c>
    </row>
    <row r="73454" spans="1:7" x14ac:dyDescent="0.3">
      <c r="A73454" s="13" t="s">
        <v>377</v>
      </c>
      <c r="B73454" s="14" t="s">
        <v>1</v>
      </c>
      <c r="C73454" s="14" t="s">
        <v>47</v>
      </c>
      <c r="D73454" s="14" t="s">
        <v>378</v>
      </c>
      <c r="E73454" s="15">
        <v>45465</v>
      </c>
      <c r="F73454" s="14" t="s">
        <v>61</v>
      </c>
      <c r="G73454" s="16">
        <v>7.151189198734427E-2</v>
      </c>
    </row>
    <row r="73455" spans="1:7" x14ac:dyDescent="0.3">
      <c r="A73455" s="13" t="s">
        <v>377</v>
      </c>
      <c r="B73455" s="14" t="s">
        <v>1</v>
      </c>
      <c r="C73455" s="14" t="s">
        <v>47</v>
      </c>
      <c r="D73455" s="14" t="s">
        <v>378</v>
      </c>
      <c r="E73455" s="15">
        <v>45466</v>
      </c>
      <c r="F73455" s="14" t="s">
        <v>61</v>
      </c>
      <c r="G73455" s="16">
        <v>7.151189198734427E-2</v>
      </c>
    </row>
    <row r="73456" spans="1:7" x14ac:dyDescent="0.3">
      <c r="A73456" s="13" t="s">
        <v>377</v>
      </c>
      <c r="B73456" s="14" t="s">
        <v>1</v>
      </c>
      <c r="C73456" s="14" t="s">
        <v>47</v>
      </c>
      <c r="D73456" s="14" t="s">
        <v>378</v>
      </c>
      <c r="E73456" s="15">
        <v>45467</v>
      </c>
      <c r="F73456" s="14" t="s">
        <v>61</v>
      </c>
      <c r="G73456" s="16">
        <v>7.0321003119854439E-2</v>
      </c>
    </row>
    <row r="73457" spans="1:7" x14ac:dyDescent="0.3">
      <c r="A73457" s="13" t="s">
        <v>377</v>
      </c>
      <c r="B73457" s="14" t="s">
        <v>1</v>
      </c>
      <c r="C73457" s="14" t="s">
        <v>47</v>
      </c>
      <c r="D73457" s="14" t="s">
        <v>378</v>
      </c>
      <c r="E73457" s="15">
        <v>45468</v>
      </c>
      <c r="F73457" s="14" t="s">
        <v>61</v>
      </c>
      <c r="G73457" s="16">
        <v>6.1512577511400782E-2</v>
      </c>
    </row>
    <row r="73458" spans="1:7" x14ac:dyDescent="0.3">
      <c r="A73458" s="13" t="s">
        <v>377</v>
      </c>
      <c r="B73458" s="14" t="s">
        <v>1</v>
      </c>
      <c r="C73458" s="14" t="s">
        <v>47</v>
      </c>
      <c r="D73458" s="14" t="s">
        <v>378</v>
      </c>
      <c r="E73458" s="15">
        <v>45469</v>
      </c>
      <c r="F73458" s="14" t="s">
        <v>61</v>
      </c>
      <c r="G73458" s="16">
        <v>5.7672798097593569E-2</v>
      </c>
    </row>
    <row r="73459" spans="1:7" x14ac:dyDescent="0.3">
      <c r="A73459" s="13" t="s">
        <v>377</v>
      </c>
      <c r="B73459" s="14" t="s">
        <v>1</v>
      </c>
      <c r="C73459" s="14" t="s">
        <v>47</v>
      </c>
      <c r="D73459" s="14" t="s">
        <v>378</v>
      </c>
      <c r="E73459" s="15">
        <v>45470</v>
      </c>
      <c r="F73459" s="14" t="s">
        <v>61</v>
      </c>
      <c r="G73459" s="16">
        <v>5.3524777008938249E-2</v>
      </c>
    </row>
    <row r="73460" spans="1:7" x14ac:dyDescent="0.3">
      <c r="A73460" s="13" t="s">
        <v>377</v>
      </c>
      <c r="B73460" s="14" t="s">
        <v>1</v>
      </c>
      <c r="C73460" s="14" t="s">
        <v>47</v>
      </c>
      <c r="D73460" s="14" t="s">
        <v>378</v>
      </c>
      <c r="E73460" s="15">
        <v>45471</v>
      </c>
      <c r="F73460" s="14" t="s">
        <v>61</v>
      </c>
      <c r="G73460" s="16">
        <v>4.9461294389942734E-2</v>
      </c>
    </row>
    <row r="73461" spans="1:7" x14ac:dyDescent="0.3">
      <c r="A73461" s="13" t="s">
        <v>377</v>
      </c>
      <c r="B73461" s="14" t="s">
        <v>1</v>
      </c>
      <c r="C73461" s="14" t="s">
        <v>47</v>
      </c>
      <c r="D73461" s="14" t="s">
        <v>378</v>
      </c>
      <c r="E73461" s="15">
        <v>45472</v>
      </c>
      <c r="F73461" s="14" t="s">
        <v>61</v>
      </c>
      <c r="G73461" s="16">
        <v>4.9461294389942734E-2</v>
      </c>
    </row>
    <row r="73462" spans="1:7" x14ac:dyDescent="0.3">
      <c r="A73462" s="13" t="s">
        <v>377</v>
      </c>
      <c r="B73462" s="14" t="s">
        <v>1</v>
      </c>
      <c r="C73462" s="14" t="s">
        <v>47</v>
      </c>
      <c r="D73462" s="14" t="s">
        <v>378</v>
      </c>
      <c r="E73462" s="15">
        <v>45473</v>
      </c>
      <c r="F73462" s="14" t="s">
        <v>61</v>
      </c>
      <c r="G73462" s="16">
        <v>4.9461294389942734E-2</v>
      </c>
    </row>
    <row r="73463" spans="1:7" x14ac:dyDescent="0.3">
      <c r="A73463" s="13" t="s">
        <v>377</v>
      </c>
      <c r="B73463" s="14" t="s">
        <v>1</v>
      </c>
      <c r="C73463" s="14" t="s">
        <v>47</v>
      </c>
      <c r="D73463" s="14" t="s">
        <v>378</v>
      </c>
      <c r="E73463" s="15">
        <v>45474</v>
      </c>
      <c r="F73463" s="14" t="s">
        <v>61</v>
      </c>
      <c r="G73463" s="16">
        <v>5.4904746944736786E-2</v>
      </c>
    </row>
    <row r="73464" spans="1:7" x14ac:dyDescent="0.3">
      <c r="A73464" s="13" t="s">
        <v>377</v>
      </c>
      <c r="B73464" s="14" t="s">
        <v>1</v>
      </c>
      <c r="C73464" s="14" t="s">
        <v>47</v>
      </c>
      <c r="D73464" s="14" t="s">
        <v>378</v>
      </c>
      <c r="E73464" s="15">
        <v>45475</v>
      </c>
      <c r="F73464" s="14" t="s">
        <v>61</v>
      </c>
      <c r="G73464" s="16">
        <v>4.4279748946725261E-2</v>
      </c>
    </row>
    <row r="73465" spans="1:7" x14ac:dyDescent="0.3">
      <c r="A73465" s="13" t="s">
        <v>377</v>
      </c>
      <c r="B73465" s="14" t="s">
        <v>1</v>
      </c>
      <c r="C73465" s="14" t="s">
        <v>47</v>
      </c>
      <c r="D73465" s="14" t="s">
        <v>378</v>
      </c>
      <c r="E73465" s="15">
        <v>45476</v>
      </c>
      <c r="F73465" s="14" t="s">
        <v>61</v>
      </c>
      <c r="G73465" s="16">
        <v>5.1753983455864107E-2</v>
      </c>
    </row>
    <row r="73466" spans="1:7" x14ac:dyDescent="0.3">
      <c r="A73466" s="13" t="s">
        <v>377</v>
      </c>
      <c r="B73466" s="14" t="s">
        <v>1</v>
      </c>
      <c r="C73466" s="14" t="s">
        <v>47</v>
      </c>
      <c r="D73466" s="14" t="s">
        <v>378</v>
      </c>
      <c r="E73466" s="15">
        <v>45477</v>
      </c>
      <c r="F73466" s="14" t="s">
        <v>61</v>
      </c>
      <c r="G73466" s="16">
        <v>5.1753983455864107E-2</v>
      </c>
    </row>
    <row r="73467" spans="1:7" x14ac:dyDescent="0.3">
      <c r="A73467" s="13" t="s">
        <v>377</v>
      </c>
      <c r="B73467" s="14" t="s">
        <v>1</v>
      </c>
      <c r="C73467" s="14" t="s">
        <v>47</v>
      </c>
      <c r="D73467" s="14" t="s">
        <v>378</v>
      </c>
      <c r="E73467" s="15">
        <v>45478</v>
      </c>
      <c r="F73467" s="14" t="s">
        <v>61</v>
      </c>
      <c r="G73467" s="16">
        <v>4.7542078969792297E-2</v>
      </c>
    </row>
    <row r="73468" spans="1:7" x14ac:dyDescent="0.3">
      <c r="A73468" s="13" t="s">
        <v>377</v>
      </c>
      <c r="B73468" s="14" t="s">
        <v>1</v>
      </c>
      <c r="C73468" s="14" t="s">
        <v>47</v>
      </c>
      <c r="D73468" s="14" t="s">
        <v>378</v>
      </c>
      <c r="E73468" s="15">
        <v>45479</v>
      </c>
      <c r="F73468" s="14" t="s">
        <v>61</v>
      </c>
      <c r="G73468" s="16">
        <v>4.7542078969792297E-2</v>
      </c>
    </row>
    <row r="73469" spans="1:7" x14ac:dyDescent="0.3">
      <c r="A73469" s="13" t="s">
        <v>377</v>
      </c>
      <c r="B73469" s="14" t="s">
        <v>1</v>
      </c>
      <c r="C73469" s="14" t="s">
        <v>47</v>
      </c>
      <c r="D73469" s="14" t="s">
        <v>378</v>
      </c>
      <c r="E73469" s="15">
        <v>45480</v>
      </c>
      <c r="F73469" s="14" t="s">
        <v>61</v>
      </c>
      <c r="G73469" s="16">
        <v>4.7542078969792297E-2</v>
      </c>
    </row>
    <row r="73470" spans="1:7" x14ac:dyDescent="0.3">
      <c r="A73470" s="13" t="s">
        <v>377</v>
      </c>
      <c r="B73470" s="14" t="s">
        <v>1</v>
      </c>
      <c r="C73470" s="14" t="s">
        <v>47</v>
      </c>
      <c r="D73470" s="14" t="s">
        <v>378</v>
      </c>
      <c r="E73470" s="15">
        <v>45481</v>
      </c>
      <c r="F73470" s="14" t="s">
        <v>61</v>
      </c>
      <c r="G73470" s="16">
        <v>3.954372967304217E-2</v>
      </c>
    </row>
    <row r="73471" spans="1:7" x14ac:dyDescent="0.3">
      <c r="A73471" s="13" t="s">
        <v>377</v>
      </c>
      <c r="B73471" s="14" t="s">
        <v>1</v>
      </c>
      <c r="C73471" s="14" t="s">
        <v>47</v>
      </c>
      <c r="D73471" s="14" t="s">
        <v>378</v>
      </c>
      <c r="E73471" s="15">
        <v>45482</v>
      </c>
      <c r="F73471" s="14" t="s">
        <v>61</v>
      </c>
      <c r="G73471" s="16">
        <v>2.743204708974873E-2</v>
      </c>
    </row>
    <row r="73472" spans="1:7" x14ac:dyDescent="0.3">
      <c r="A73472" s="13" t="s">
        <v>377</v>
      </c>
      <c r="B73472" s="14" t="s">
        <v>1</v>
      </c>
      <c r="C73472" s="14" t="s">
        <v>47</v>
      </c>
      <c r="D73472" s="14" t="s">
        <v>378</v>
      </c>
      <c r="E73472" s="15">
        <v>45483</v>
      </c>
      <c r="F73472" s="14" t="s">
        <v>61</v>
      </c>
      <c r="G73472" s="16">
        <v>2.3306479909946873E-2</v>
      </c>
    </row>
    <row r="73473" spans="1:7" x14ac:dyDescent="0.3">
      <c r="A73473" s="13" t="s">
        <v>377</v>
      </c>
      <c r="B73473" s="14" t="s">
        <v>1</v>
      </c>
      <c r="C73473" s="14" t="s">
        <v>47</v>
      </c>
      <c r="D73473" s="14" t="s">
        <v>378</v>
      </c>
      <c r="E73473" s="15">
        <v>45484</v>
      </c>
      <c r="F73473" s="14" t="s">
        <v>61</v>
      </c>
      <c r="G73473" s="16">
        <v>1.9184624883464056E-2</v>
      </c>
    </row>
    <row r="73474" spans="1:7" x14ac:dyDescent="0.3">
      <c r="A73474" s="13" t="s">
        <v>377</v>
      </c>
      <c r="B73474" s="14" t="s">
        <v>1</v>
      </c>
      <c r="C73474" s="14" t="s">
        <v>47</v>
      </c>
      <c r="D73474" s="14" t="s">
        <v>378</v>
      </c>
      <c r="E73474" s="15">
        <v>45485</v>
      </c>
      <c r="F73474" s="14" t="s">
        <v>61</v>
      </c>
      <c r="G73474" s="16">
        <v>1.5032341220069785E-2</v>
      </c>
    </row>
    <row r="73475" spans="1:7" x14ac:dyDescent="0.3">
      <c r="A73475" s="13" t="s">
        <v>377</v>
      </c>
      <c r="B73475" s="14" t="s">
        <v>1</v>
      </c>
      <c r="C73475" s="14" t="s">
        <v>47</v>
      </c>
      <c r="D73475" s="14" t="s">
        <v>378</v>
      </c>
      <c r="E73475" s="15">
        <v>45486</v>
      </c>
      <c r="F73475" s="14" t="s">
        <v>61</v>
      </c>
      <c r="G73475" s="16">
        <v>1.5032341220069785E-2</v>
      </c>
    </row>
    <row r="73476" spans="1:7" x14ac:dyDescent="0.3">
      <c r="A73476" s="13" t="s">
        <v>377</v>
      </c>
      <c r="B73476" s="14" t="s">
        <v>1</v>
      </c>
      <c r="C73476" s="14" t="s">
        <v>47</v>
      </c>
      <c r="D73476" s="14" t="s">
        <v>378</v>
      </c>
      <c r="E73476" s="15">
        <v>45487</v>
      </c>
      <c r="F73476" s="14" t="s">
        <v>61</v>
      </c>
      <c r="G73476" s="16">
        <v>1.5032341220069785E-2</v>
      </c>
    </row>
    <row r="73477" spans="1:7" x14ac:dyDescent="0.3">
      <c r="A73477" s="13" t="s">
        <v>377</v>
      </c>
      <c r="B73477" s="14" t="s">
        <v>1</v>
      </c>
      <c r="C73477" s="14" t="s">
        <v>47</v>
      </c>
      <c r="D73477" s="14" t="s">
        <v>378</v>
      </c>
      <c r="E73477" s="15">
        <v>45488</v>
      </c>
      <c r="F73477" s="14" t="s">
        <v>61</v>
      </c>
      <c r="G73477" s="16">
        <v>1.4203986305937952E-2</v>
      </c>
    </row>
    <row r="73478" spans="1:7" x14ac:dyDescent="0.3">
      <c r="A73478" s="13" t="s">
        <v>377</v>
      </c>
      <c r="B73478" s="14" t="s">
        <v>1</v>
      </c>
      <c r="C73478" s="14" t="s">
        <v>47</v>
      </c>
      <c r="D73478" s="14" t="s">
        <v>378</v>
      </c>
      <c r="E73478" s="15">
        <v>45489</v>
      </c>
      <c r="F73478" s="14" t="s">
        <v>61</v>
      </c>
      <c r="G73478" s="16">
        <v>1.713095928448874E-3</v>
      </c>
    </row>
    <row r="73479" spans="1:7" x14ac:dyDescent="0.3">
      <c r="A73479" s="13" t="s">
        <v>377</v>
      </c>
      <c r="B73479" s="14" t="s">
        <v>1</v>
      </c>
      <c r="C73479" s="14" t="s">
        <v>47</v>
      </c>
      <c r="D73479" s="14" t="s">
        <v>378</v>
      </c>
      <c r="E73479" s="15">
        <v>45490</v>
      </c>
      <c r="F73479" s="14" t="s">
        <v>61</v>
      </c>
      <c r="G73479" s="16">
        <v>0</v>
      </c>
    </row>
    <row r="73480" spans="1:7" x14ac:dyDescent="0.3">
      <c r="A73480" s="13" t="s">
        <v>377</v>
      </c>
      <c r="B73480" s="14" t="s">
        <v>1</v>
      </c>
      <c r="C73480" s="14" t="s">
        <v>47</v>
      </c>
      <c r="D73480" s="14" t="s">
        <v>378</v>
      </c>
      <c r="E73480" s="15">
        <v>45491</v>
      </c>
      <c r="F73480" s="14" t="s">
        <v>61</v>
      </c>
      <c r="G73480" s="16">
        <v>0</v>
      </c>
    </row>
    <row r="73481" spans="1:7" x14ac:dyDescent="0.3">
      <c r="A73481" s="13" t="s">
        <v>377</v>
      </c>
      <c r="B73481" s="14" t="s">
        <v>1</v>
      </c>
      <c r="C73481" s="14" t="s">
        <v>47</v>
      </c>
      <c r="D73481" s="14" t="s">
        <v>378</v>
      </c>
      <c r="E73481" s="15">
        <v>45492</v>
      </c>
      <c r="F73481" s="14" t="s">
        <v>61</v>
      </c>
      <c r="G73481" s="16">
        <v>0</v>
      </c>
    </row>
    <row r="73482" spans="1:7" x14ac:dyDescent="0.3">
      <c r="A73482" s="13" t="s">
        <v>377</v>
      </c>
      <c r="B73482" s="14" t="s">
        <v>1</v>
      </c>
      <c r="C73482" s="14" t="s">
        <v>47</v>
      </c>
      <c r="D73482" s="14" t="s">
        <v>378</v>
      </c>
      <c r="E73482" s="15">
        <v>45493</v>
      </c>
      <c r="F73482" s="14" t="s">
        <v>61</v>
      </c>
      <c r="G73482" s="16">
        <v>0</v>
      </c>
    </row>
    <row r="73483" spans="1:7" x14ac:dyDescent="0.3">
      <c r="A73483" s="13" t="s">
        <v>377</v>
      </c>
      <c r="B73483" s="14" t="s">
        <v>1</v>
      </c>
      <c r="C73483" s="14" t="s">
        <v>47</v>
      </c>
      <c r="D73483" s="14" t="s">
        <v>378</v>
      </c>
      <c r="E73483" s="15">
        <v>45494</v>
      </c>
      <c r="F73483" s="14" t="s">
        <v>61</v>
      </c>
      <c r="G73483" s="16">
        <v>0</v>
      </c>
    </row>
    <row r="73484" spans="1:7" x14ac:dyDescent="0.3">
      <c r="A73484" s="13" t="s">
        <v>377</v>
      </c>
      <c r="B73484" s="14" t="s">
        <v>1</v>
      </c>
      <c r="C73484" s="14" t="s">
        <v>47</v>
      </c>
      <c r="D73484" s="14" t="s">
        <v>378</v>
      </c>
      <c r="E73484" s="15">
        <v>45495</v>
      </c>
      <c r="F73484" s="14" t="s">
        <v>61</v>
      </c>
      <c r="G73484" s="16">
        <v>0</v>
      </c>
    </row>
    <row r="73485" spans="1:7" x14ac:dyDescent="0.3">
      <c r="A73485" s="13" t="s">
        <v>377</v>
      </c>
      <c r="B73485" s="14" t="s">
        <v>1</v>
      </c>
      <c r="C73485" s="14" t="s">
        <v>47</v>
      </c>
      <c r="D73485" s="14" t="s">
        <v>378</v>
      </c>
      <c r="E73485" s="15">
        <v>45496</v>
      </c>
      <c r="F73485" s="14" t="s">
        <v>61</v>
      </c>
      <c r="G73485" s="16">
        <v>0</v>
      </c>
    </row>
    <row r="73486" spans="1:7" x14ac:dyDescent="0.3">
      <c r="A73486" s="13" t="s">
        <v>377</v>
      </c>
      <c r="B73486" s="14" t="s">
        <v>1</v>
      </c>
      <c r="C73486" s="14" t="s">
        <v>47</v>
      </c>
      <c r="D73486" s="14" t="s">
        <v>378</v>
      </c>
      <c r="E73486" s="15">
        <v>45497</v>
      </c>
      <c r="F73486" s="14" t="s">
        <v>61</v>
      </c>
      <c r="G73486" s="16">
        <v>0</v>
      </c>
    </row>
    <row r="73487" spans="1:7" x14ac:dyDescent="0.3">
      <c r="A73487" s="13" t="s">
        <v>377</v>
      </c>
      <c r="B73487" s="14" t="s">
        <v>1</v>
      </c>
      <c r="C73487" s="14" t="s">
        <v>47</v>
      </c>
      <c r="D73487" s="14" t="s">
        <v>378</v>
      </c>
      <c r="E73487" s="15">
        <v>45498</v>
      </c>
      <c r="F73487" s="14" t="s">
        <v>61</v>
      </c>
      <c r="G73487" s="16">
        <v>0</v>
      </c>
    </row>
    <row r="73488" spans="1:7" x14ac:dyDescent="0.3">
      <c r="A73488" s="13" t="s">
        <v>377</v>
      </c>
      <c r="B73488" s="14" t="s">
        <v>1</v>
      </c>
      <c r="C73488" s="14" t="s">
        <v>47</v>
      </c>
      <c r="D73488" s="14" t="s">
        <v>378</v>
      </c>
      <c r="E73488" s="15">
        <v>45499</v>
      </c>
      <c r="F73488" s="14" t="s">
        <v>61</v>
      </c>
      <c r="G73488" s="16">
        <v>0</v>
      </c>
    </row>
    <row r="73489" spans="1:7" x14ac:dyDescent="0.3">
      <c r="A73489" s="13" t="s">
        <v>377</v>
      </c>
      <c r="B73489" s="14" t="s">
        <v>1</v>
      </c>
      <c r="C73489" s="14" t="s">
        <v>47</v>
      </c>
      <c r="D73489" s="14" t="s">
        <v>378</v>
      </c>
      <c r="E73489" s="15">
        <v>45500</v>
      </c>
      <c r="F73489" s="14" t="s">
        <v>61</v>
      </c>
      <c r="G73489" s="16">
        <v>0</v>
      </c>
    </row>
    <row r="73490" spans="1:7" x14ac:dyDescent="0.3">
      <c r="A73490" s="13" t="s">
        <v>377</v>
      </c>
      <c r="B73490" s="14" t="s">
        <v>1</v>
      </c>
      <c r="C73490" s="14" t="s">
        <v>47</v>
      </c>
      <c r="D73490" s="14" t="s">
        <v>378</v>
      </c>
      <c r="E73490" s="15">
        <v>45501</v>
      </c>
      <c r="F73490" s="14" t="s">
        <v>61</v>
      </c>
      <c r="G73490" s="16">
        <v>0</v>
      </c>
    </row>
    <row r="73491" spans="1:7" x14ac:dyDescent="0.3">
      <c r="A73491" s="13" t="s">
        <v>377</v>
      </c>
      <c r="B73491" s="14" t="s">
        <v>1</v>
      </c>
      <c r="C73491" s="14" t="s">
        <v>47</v>
      </c>
      <c r="D73491" s="14" t="s">
        <v>378</v>
      </c>
      <c r="E73491" s="15">
        <v>45502</v>
      </c>
      <c r="F73491" s="14" t="s">
        <v>61</v>
      </c>
      <c r="G73491" s="16">
        <v>0</v>
      </c>
    </row>
    <row r="73492" spans="1:7" x14ac:dyDescent="0.3">
      <c r="A73492" s="13" t="s">
        <v>377</v>
      </c>
      <c r="B73492" s="14" t="s">
        <v>1</v>
      </c>
      <c r="C73492" s="14" t="s">
        <v>47</v>
      </c>
      <c r="D73492" s="14" t="s">
        <v>378</v>
      </c>
      <c r="E73492" s="15">
        <v>45503</v>
      </c>
      <c r="F73492" s="14" t="s">
        <v>61</v>
      </c>
      <c r="G73492" s="16">
        <v>0</v>
      </c>
    </row>
    <row r="73493" spans="1:7" x14ac:dyDescent="0.3">
      <c r="A73493" s="13" t="s">
        <v>377</v>
      </c>
      <c r="B73493" s="14" t="s">
        <v>1</v>
      </c>
      <c r="C73493" s="14" t="s">
        <v>47</v>
      </c>
      <c r="D73493" s="14" t="s">
        <v>378</v>
      </c>
      <c r="E73493" s="15">
        <v>45504</v>
      </c>
      <c r="F73493" s="14" t="s">
        <v>61</v>
      </c>
      <c r="G73493" s="16">
        <v>0</v>
      </c>
    </row>
    <row r="73494" spans="1:7" x14ac:dyDescent="0.3">
      <c r="A73494" s="13" t="s">
        <v>377</v>
      </c>
      <c r="B73494" s="14" t="s">
        <v>1</v>
      </c>
      <c r="C73494" s="14" t="s">
        <v>47</v>
      </c>
      <c r="D73494" s="14" t="s">
        <v>378</v>
      </c>
      <c r="E73494" s="15">
        <v>45505</v>
      </c>
      <c r="F73494" s="14" t="s">
        <v>61</v>
      </c>
      <c r="G73494" s="16">
        <v>0</v>
      </c>
    </row>
    <row r="73495" spans="1:7" x14ac:dyDescent="0.3">
      <c r="A73495" s="13" t="s">
        <v>377</v>
      </c>
      <c r="B73495" s="14" t="s">
        <v>1</v>
      </c>
      <c r="C73495" s="14" t="s">
        <v>47</v>
      </c>
      <c r="D73495" s="14" t="s">
        <v>378</v>
      </c>
      <c r="E73495" s="15">
        <v>45506</v>
      </c>
      <c r="F73495" s="14" t="s">
        <v>61</v>
      </c>
      <c r="G73495" s="16">
        <v>0</v>
      </c>
    </row>
    <row r="73496" spans="1:7" x14ac:dyDescent="0.3">
      <c r="A73496" s="13" t="s">
        <v>377</v>
      </c>
      <c r="B73496" s="14" t="s">
        <v>1</v>
      </c>
      <c r="C73496" s="14" t="s">
        <v>47</v>
      </c>
      <c r="D73496" s="14" t="s">
        <v>378</v>
      </c>
      <c r="E73496" s="15">
        <v>45507</v>
      </c>
      <c r="F73496" s="14" t="s">
        <v>61</v>
      </c>
      <c r="G73496" s="16">
        <v>0</v>
      </c>
    </row>
    <row r="73497" spans="1:7" x14ac:dyDescent="0.3">
      <c r="A73497" s="13" t="s">
        <v>377</v>
      </c>
      <c r="B73497" s="14" t="s">
        <v>1</v>
      </c>
      <c r="C73497" s="14" t="s">
        <v>47</v>
      </c>
      <c r="D73497" s="14" t="s">
        <v>378</v>
      </c>
      <c r="E73497" s="15">
        <v>45508</v>
      </c>
      <c r="F73497" s="14" t="s">
        <v>61</v>
      </c>
      <c r="G73497" s="16">
        <v>0</v>
      </c>
    </row>
    <row r="73498" spans="1:7" x14ac:dyDescent="0.3">
      <c r="A73498" s="13" t="s">
        <v>377</v>
      </c>
      <c r="B73498" s="14" t="s">
        <v>1</v>
      </c>
      <c r="C73498" s="14" t="s">
        <v>47</v>
      </c>
      <c r="D73498" s="14" t="s">
        <v>378</v>
      </c>
      <c r="E73498" s="15">
        <v>45509</v>
      </c>
      <c r="F73498" s="14" t="s">
        <v>61</v>
      </c>
      <c r="G73498" s="16">
        <v>0</v>
      </c>
    </row>
    <row r="73499" spans="1:7" x14ac:dyDescent="0.3">
      <c r="A73499" s="13" t="s">
        <v>377</v>
      </c>
      <c r="B73499" s="14" t="s">
        <v>1</v>
      </c>
      <c r="C73499" s="14" t="s">
        <v>47</v>
      </c>
      <c r="D73499" s="14" t="s">
        <v>378</v>
      </c>
      <c r="E73499" s="15">
        <v>45510</v>
      </c>
      <c r="F73499" s="14" t="s">
        <v>61</v>
      </c>
      <c r="G73499" s="16">
        <v>0</v>
      </c>
    </row>
    <row r="73500" spans="1:7" x14ac:dyDescent="0.3">
      <c r="A73500" s="13" t="s">
        <v>377</v>
      </c>
      <c r="B73500" s="14" t="s">
        <v>1</v>
      </c>
      <c r="C73500" s="14" t="s">
        <v>47</v>
      </c>
      <c r="D73500" s="14" t="s">
        <v>378</v>
      </c>
      <c r="E73500" s="15">
        <v>45511</v>
      </c>
      <c r="F73500" s="14" t="s">
        <v>61</v>
      </c>
      <c r="G73500" s="16">
        <v>0</v>
      </c>
    </row>
    <row r="73501" spans="1:7" x14ac:dyDescent="0.3">
      <c r="A73501" s="13" t="s">
        <v>377</v>
      </c>
      <c r="B73501" s="14" t="s">
        <v>1</v>
      </c>
      <c r="C73501" s="14" t="s">
        <v>47</v>
      </c>
      <c r="D73501" s="14" t="s">
        <v>378</v>
      </c>
      <c r="E73501" s="15">
        <v>45512</v>
      </c>
      <c r="F73501" s="14" t="s">
        <v>61</v>
      </c>
      <c r="G73501" s="16">
        <v>0</v>
      </c>
    </row>
    <row r="73502" spans="1:7" x14ac:dyDescent="0.3">
      <c r="A73502" s="13" t="s">
        <v>377</v>
      </c>
      <c r="B73502" s="14" t="s">
        <v>1</v>
      </c>
      <c r="C73502" s="14" t="s">
        <v>47</v>
      </c>
      <c r="D73502" s="14" t="s">
        <v>378</v>
      </c>
      <c r="E73502" s="15">
        <v>45513</v>
      </c>
      <c r="F73502" s="14" t="s">
        <v>61</v>
      </c>
      <c r="G73502" s="16">
        <v>0</v>
      </c>
    </row>
    <row r="73503" spans="1:7" x14ac:dyDescent="0.3">
      <c r="A73503" s="13" t="s">
        <v>377</v>
      </c>
      <c r="B73503" s="14" t="s">
        <v>1</v>
      </c>
      <c r="C73503" s="14" t="s">
        <v>47</v>
      </c>
      <c r="D73503" s="14" t="s">
        <v>378</v>
      </c>
      <c r="E73503" s="15">
        <v>45514</v>
      </c>
      <c r="F73503" s="14" t="s">
        <v>61</v>
      </c>
      <c r="G73503" s="16">
        <v>0</v>
      </c>
    </row>
    <row r="73504" spans="1:7" x14ac:dyDescent="0.3">
      <c r="A73504" s="13" t="s">
        <v>377</v>
      </c>
      <c r="B73504" s="14" t="s">
        <v>1</v>
      </c>
      <c r="C73504" s="14" t="s">
        <v>47</v>
      </c>
      <c r="D73504" s="14" t="s">
        <v>378</v>
      </c>
      <c r="E73504" s="15">
        <v>45515</v>
      </c>
      <c r="F73504" s="14" t="s">
        <v>61</v>
      </c>
      <c r="G73504" s="16">
        <v>0</v>
      </c>
    </row>
    <row r="73505" spans="1:7" x14ac:dyDescent="0.3">
      <c r="A73505" s="13" t="s">
        <v>377</v>
      </c>
      <c r="B73505" s="14" t="s">
        <v>1</v>
      </c>
      <c r="C73505" s="14" t="s">
        <v>47</v>
      </c>
      <c r="D73505" s="14" t="s">
        <v>378</v>
      </c>
      <c r="E73505" s="15">
        <v>45516</v>
      </c>
      <c r="F73505" s="14" t="s">
        <v>61</v>
      </c>
      <c r="G73505" s="16">
        <v>0</v>
      </c>
    </row>
    <row r="73506" spans="1:7" x14ac:dyDescent="0.3">
      <c r="A73506" s="13" t="s">
        <v>377</v>
      </c>
      <c r="B73506" s="14" t="s">
        <v>1</v>
      </c>
      <c r="C73506" s="14" t="s">
        <v>47</v>
      </c>
      <c r="D73506" s="14" t="s">
        <v>378</v>
      </c>
      <c r="E73506" s="15">
        <v>45517</v>
      </c>
      <c r="F73506" s="14" t="s">
        <v>61</v>
      </c>
      <c r="G73506" s="16">
        <v>0</v>
      </c>
    </row>
    <row r="73507" spans="1:7" x14ac:dyDescent="0.3">
      <c r="A73507" s="13" t="s">
        <v>377</v>
      </c>
      <c r="B73507" s="14" t="s">
        <v>1</v>
      </c>
      <c r="C73507" s="14" t="s">
        <v>47</v>
      </c>
      <c r="D73507" s="14" t="s">
        <v>378</v>
      </c>
      <c r="E73507" s="15">
        <v>45518</v>
      </c>
      <c r="F73507" s="14" t="s">
        <v>61</v>
      </c>
      <c r="G73507" s="16">
        <v>0</v>
      </c>
    </row>
    <row r="73508" spans="1:7" x14ac:dyDescent="0.3">
      <c r="A73508" s="13" t="s">
        <v>377</v>
      </c>
      <c r="B73508" s="14" t="s">
        <v>1</v>
      </c>
      <c r="C73508" s="14" t="s">
        <v>47</v>
      </c>
      <c r="D73508" s="14" t="s">
        <v>378</v>
      </c>
      <c r="E73508" s="15">
        <v>45519</v>
      </c>
      <c r="F73508" s="14" t="s">
        <v>61</v>
      </c>
      <c r="G73508" s="16">
        <v>0</v>
      </c>
    </row>
    <row r="73509" spans="1:7" x14ac:dyDescent="0.3">
      <c r="A73509" s="13" t="s">
        <v>377</v>
      </c>
      <c r="B73509" s="14" t="s">
        <v>1</v>
      </c>
      <c r="C73509" s="14" t="s">
        <v>47</v>
      </c>
      <c r="D73509" s="14" t="s">
        <v>378</v>
      </c>
      <c r="E73509" s="15">
        <v>45520</v>
      </c>
      <c r="F73509" s="14" t="s">
        <v>61</v>
      </c>
      <c r="G73509" s="16">
        <v>0</v>
      </c>
    </row>
    <row r="73510" spans="1:7" x14ac:dyDescent="0.3">
      <c r="A73510" s="13" t="s">
        <v>377</v>
      </c>
      <c r="B73510" s="14" t="s">
        <v>1</v>
      </c>
      <c r="C73510" s="14" t="s">
        <v>47</v>
      </c>
      <c r="D73510" s="14" t="s">
        <v>378</v>
      </c>
      <c r="E73510" s="15">
        <v>45521</v>
      </c>
      <c r="F73510" s="14" t="s">
        <v>61</v>
      </c>
      <c r="G73510" s="16">
        <v>0</v>
      </c>
    </row>
    <row r="73511" spans="1:7" x14ac:dyDescent="0.3">
      <c r="A73511" s="13" t="s">
        <v>377</v>
      </c>
      <c r="B73511" s="14" t="s">
        <v>1</v>
      </c>
      <c r="C73511" s="14" t="s">
        <v>47</v>
      </c>
      <c r="D73511" s="14" t="s">
        <v>378</v>
      </c>
      <c r="E73511" s="15">
        <v>45522</v>
      </c>
      <c r="F73511" s="14" t="s">
        <v>61</v>
      </c>
      <c r="G73511" s="16">
        <v>0</v>
      </c>
    </row>
    <row r="73512" spans="1:7" x14ac:dyDescent="0.3">
      <c r="A73512" s="13" t="s">
        <v>377</v>
      </c>
      <c r="B73512" s="14" t="s">
        <v>1</v>
      </c>
      <c r="C73512" s="14" t="s">
        <v>47</v>
      </c>
      <c r="D73512" s="14" t="s">
        <v>378</v>
      </c>
      <c r="E73512" s="15">
        <v>45523</v>
      </c>
      <c r="F73512" s="14" t="s">
        <v>61</v>
      </c>
      <c r="G73512" s="16">
        <v>0</v>
      </c>
    </row>
    <row r="73513" spans="1:7" x14ac:dyDescent="0.3">
      <c r="A73513" s="13" t="s">
        <v>377</v>
      </c>
      <c r="B73513" s="14" t="s">
        <v>1</v>
      </c>
      <c r="C73513" s="14" t="s">
        <v>47</v>
      </c>
      <c r="D73513" s="14" t="s">
        <v>378</v>
      </c>
      <c r="E73513" s="15">
        <v>45524</v>
      </c>
      <c r="F73513" s="14" t="s">
        <v>61</v>
      </c>
      <c r="G73513" s="16">
        <v>0</v>
      </c>
    </row>
    <row r="73514" spans="1:7" x14ac:dyDescent="0.3">
      <c r="A73514" s="13" t="s">
        <v>377</v>
      </c>
      <c r="B73514" s="14" t="s">
        <v>1</v>
      </c>
      <c r="C73514" s="14" t="s">
        <v>47</v>
      </c>
      <c r="D73514" s="14" t="s">
        <v>378</v>
      </c>
      <c r="E73514" s="15">
        <v>45525</v>
      </c>
      <c r="F73514" s="14" t="s">
        <v>61</v>
      </c>
      <c r="G73514" s="16">
        <v>0</v>
      </c>
    </row>
    <row r="73515" spans="1:7" x14ac:dyDescent="0.3">
      <c r="A73515" s="13" t="s">
        <v>377</v>
      </c>
      <c r="B73515" s="14" t="s">
        <v>1</v>
      </c>
      <c r="C73515" s="14" t="s">
        <v>47</v>
      </c>
      <c r="D73515" s="14" t="s">
        <v>378</v>
      </c>
      <c r="E73515" s="15">
        <v>45526</v>
      </c>
      <c r="F73515" s="14" t="s">
        <v>61</v>
      </c>
      <c r="G73515" s="16">
        <v>0</v>
      </c>
    </row>
    <row r="73516" spans="1:7" x14ac:dyDescent="0.3">
      <c r="A73516" s="13" t="s">
        <v>377</v>
      </c>
      <c r="B73516" s="14" t="s">
        <v>1</v>
      </c>
      <c r="C73516" s="14" t="s">
        <v>47</v>
      </c>
      <c r="D73516" s="14" t="s">
        <v>378</v>
      </c>
      <c r="E73516" s="15">
        <v>45527</v>
      </c>
      <c r="F73516" s="14" t="s">
        <v>61</v>
      </c>
      <c r="G73516" s="16">
        <v>0</v>
      </c>
    </row>
    <row r="73517" spans="1:7" x14ac:dyDescent="0.3">
      <c r="A73517" s="13" t="s">
        <v>377</v>
      </c>
      <c r="B73517" s="14" t="s">
        <v>1</v>
      </c>
      <c r="C73517" s="14" t="s">
        <v>47</v>
      </c>
      <c r="D73517" s="14" t="s">
        <v>378</v>
      </c>
      <c r="E73517" s="15">
        <v>45528</v>
      </c>
      <c r="F73517" s="14" t="s">
        <v>61</v>
      </c>
      <c r="G73517" s="16">
        <v>0</v>
      </c>
    </row>
    <row r="73518" spans="1:7" x14ac:dyDescent="0.3">
      <c r="A73518" s="13" t="s">
        <v>377</v>
      </c>
      <c r="B73518" s="14" t="s">
        <v>1</v>
      </c>
      <c r="C73518" s="14" t="s">
        <v>47</v>
      </c>
      <c r="D73518" s="14" t="s">
        <v>378</v>
      </c>
      <c r="E73518" s="15">
        <v>45529</v>
      </c>
      <c r="F73518" s="14" t="s">
        <v>61</v>
      </c>
      <c r="G73518" s="16">
        <v>0</v>
      </c>
    </row>
    <row r="73519" spans="1:7" x14ac:dyDescent="0.3">
      <c r="A73519" s="13" t="s">
        <v>377</v>
      </c>
      <c r="B73519" s="14" t="s">
        <v>1</v>
      </c>
      <c r="C73519" s="14" t="s">
        <v>47</v>
      </c>
      <c r="D73519" s="14" t="s">
        <v>378</v>
      </c>
      <c r="E73519" s="15">
        <v>45530</v>
      </c>
      <c r="F73519" s="14" t="s">
        <v>61</v>
      </c>
      <c r="G73519" s="16">
        <v>0</v>
      </c>
    </row>
    <row r="73520" spans="1:7" x14ac:dyDescent="0.3">
      <c r="A73520" s="13" t="s">
        <v>377</v>
      </c>
      <c r="B73520" s="14" t="s">
        <v>1</v>
      </c>
      <c r="C73520" s="14" t="s">
        <v>47</v>
      </c>
      <c r="D73520" s="14" t="s">
        <v>378</v>
      </c>
      <c r="E73520" s="15">
        <v>45531</v>
      </c>
      <c r="F73520" s="14" t="s">
        <v>61</v>
      </c>
      <c r="G73520" s="16">
        <v>0</v>
      </c>
    </row>
    <row r="73521" spans="1:7" x14ac:dyDescent="0.3">
      <c r="A73521" s="13" t="s">
        <v>377</v>
      </c>
      <c r="B73521" s="14" t="s">
        <v>1</v>
      </c>
      <c r="C73521" s="14" t="s">
        <v>47</v>
      </c>
      <c r="D73521" s="14" t="s">
        <v>378</v>
      </c>
      <c r="E73521" s="15">
        <v>45532</v>
      </c>
      <c r="F73521" s="14" t="s">
        <v>61</v>
      </c>
      <c r="G73521" s="16">
        <v>0</v>
      </c>
    </row>
    <row r="73522" spans="1:7" x14ac:dyDescent="0.3">
      <c r="A73522" s="13" t="s">
        <v>377</v>
      </c>
      <c r="B73522" s="14" t="s">
        <v>1</v>
      </c>
      <c r="C73522" s="14" t="s">
        <v>47</v>
      </c>
      <c r="D73522" s="14" t="s">
        <v>378</v>
      </c>
      <c r="E73522" s="15">
        <v>45533</v>
      </c>
      <c r="F73522" s="14" t="s">
        <v>61</v>
      </c>
      <c r="G73522" s="16">
        <v>0</v>
      </c>
    </row>
    <row r="73523" spans="1:7" x14ac:dyDescent="0.3">
      <c r="A73523" s="13" t="s">
        <v>377</v>
      </c>
      <c r="B73523" s="14" t="s">
        <v>1</v>
      </c>
      <c r="C73523" s="14" t="s">
        <v>47</v>
      </c>
      <c r="D73523" s="14" t="s">
        <v>378</v>
      </c>
      <c r="E73523" s="15">
        <v>45534</v>
      </c>
      <c r="F73523" s="14" t="s">
        <v>61</v>
      </c>
      <c r="G73523" s="16">
        <v>0</v>
      </c>
    </row>
    <row r="73524" spans="1:7" x14ac:dyDescent="0.3">
      <c r="A73524" s="13" t="s">
        <v>377</v>
      </c>
      <c r="B73524" s="14" t="s">
        <v>1</v>
      </c>
      <c r="C73524" s="14" t="s">
        <v>47</v>
      </c>
      <c r="D73524" s="14" t="s">
        <v>378</v>
      </c>
      <c r="E73524" s="15">
        <v>45535</v>
      </c>
      <c r="F73524" s="14" t="s">
        <v>61</v>
      </c>
      <c r="G73524" s="16">
        <v>0</v>
      </c>
    </row>
    <row r="73525" spans="1:7" x14ac:dyDescent="0.3">
      <c r="A73525" s="13" t="s">
        <v>377</v>
      </c>
      <c r="B73525" s="14" t="s">
        <v>1</v>
      </c>
      <c r="C73525" s="14" t="s">
        <v>47</v>
      </c>
      <c r="D73525" s="14" t="s">
        <v>378</v>
      </c>
      <c r="E73525" s="15">
        <v>45536</v>
      </c>
      <c r="F73525" s="14" t="s">
        <v>61</v>
      </c>
      <c r="G73525" s="16">
        <v>0</v>
      </c>
    </row>
    <row r="73526" spans="1:7" x14ac:dyDescent="0.3">
      <c r="A73526" s="13" t="s">
        <v>377</v>
      </c>
      <c r="B73526" s="14" t="s">
        <v>1</v>
      </c>
      <c r="C73526" s="14" t="s">
        <v>47</v>
      </c>
      <c r="D73526" s="14" t="s">
        <v>378</v>
      </c>
      <c r="E73526" s="15">
        <v>45537</v>
      </c>
      <c r="F73526" s="14" t="s">
        <v>61</v>
      </c>
      <c r="G73526" s="16">
        <v>0</v>
      </c>
    </row>
    <row r="73527" spans="1:7" x14ac:dyDescent="0.3">
      <c r="A73527" s="13" t="s">
        <v>377</v>
      </c>
      <c r="B73527" s="14" t="s">
        <v>1</v>
      </c>
      <c r="C73527" s="14" t="s">
        <v>47</v>
      </c>
      <c r="D73527" s="14" t="s">
        <v>378</v>
      </c>
      <c r="E73527" s="15">
        <v>45538</v>
      </c>
      <c r="F73527" s="14" t="s">
        <v>61</v>
      </c>
      <c r="G73527" s="16">
        <v>0</v>
      </c>
    </row>
    <row r="73528" spans="1:7" x14ac:dyDescent="0.3">
      <c r="A73528" s="13" t="s">
        <v>377</v>
      </c>
      <c r="B73528" s="14" t="s">
        <v>1</v>
      </c>
      <c r="C73528" s="14" t="s">
        <v>47</v>
      </c>
      <c r="D73528" s="14" t="s">
        <v>378</v>
      </c>
      <c r="E73528" s="15">
        <v>45539</v>
      </c>
      <c r="F73528" s="14" t="s">
        <v>61</v>
      </c>
      <c r="G73528" s="16">
        <v>0</v>
      </c>
    </row>
    <row r="73529" spans="1:7" x14ac:dyDescent="0.3">
      <c r="A73529" s="13" t="s">
        <v>377</v>
      </c>
      <c r="B73529" s="14" t="s">
        <v>1</v>
      </c>
      <c r="C73529" s="14" t="s">
        <v>47</v>
      </c>
      <c r="D73529" s="14" t="s">
        <v>378</v>
      </c>
      <c r="E73529" s="15">
        <v>45540</v>
      </c>
      <c r="F73529" s="14" t="s">
        <v>61</v>
      </c>
      <c r="G73529" s="16">
        <v>0</v>
      </c>
    </row>
    <row r="73530" spans="1:7" x14ac:dyDescent="0.3">
      <c r="A73530" s="13" t="s">
        <v>377</v>
      </c>
      <c r="B73530" s="14" t="s">
        <v>1</v>
      </c>
      <c r="C73530" s="14" t="s">
        <v>47</v>
      </c>
      <c r="D73530" s="14" t="s">
        <v>378</v>
      </c>
      <c r="E73530" s="15">
        <v>45541</v>
      </c>
      <c r="F73530" s="14" t="s">
        <v>61</v>
      </c>
      <c r="G73530" s="16">
        <v>0</v>
      </c>
    </row>
    <row r="73531" spans="1:7" x14ac:dyDescent="0.3">
      <c r="A73531" s="13" t="s">
        <v>377</v>
      </c>
      <c r="B73531" s="14" t="s">
        <v>1</v>
      </c>
      <c r="C73531" s="14" t="s">
        <v>47</v>
      </c>
      <c r="D73531" s="14" t="s">
        <v>378</v>
      </c>
      <c r="E73531" s="15">
        <v>45542</v>
      </c>
      <c r="F73531" s="14" t="s">
        <v>61</v>
      </c>
      <c r="G73531" s="16">
        <v>0</v>
      </c>
    </row>
    <row r="73532" spans="1:7" x14ac:dyDescent="0.3">
      <c r="A73532" s="13" t="s">
        <v>377</v>
      </c>
      <c r="B73532" s="14" t="s">
        <v>1</v>
      </c>
      <c r="C73532" s="14" t="s">
        <v>47</v>
      </c>
      <c r="D73532" s="14" t="s">
        <v>378</v>
      </c>
      <c r="E73532" s="15">
        <v>45543</v>
      </c>
      <c r="F73532" s="14" t="s">
        <v>61</v>
      </c>
      <c r="G73532" s="16">
        <v>0</v>
      </c>
    </row>
    <row r="73533" spans="1:7" x14ac:dyDescent="0.3">
      <c r="A73533" s="13" t="s">
        <v>377</v>
      </c>
      <c r="B73533" s="14" t="s">
        <v>1</v>
      </c>
      <c r="C73533" s="14" t="s">
        <v>47</v>
      </c>
      <c r="D73533" s="14" t="s">
        <v>378</v>
      </c>
      <c r="E73533" s="15">
        <v>45544</v>
      </c>
      <c r="F73533" s="14" t="s">
        <v>61</v>
      </c>
      <c r="G73533" s="16">
        <v>0</v>
      </c>
    </row>
    <row r="73534" spans="1:7" x14ac:dyDescent="0.3">
      <c r="A73534" s="13" t="s">
        <v>377</v>
      </c>
      <c r="B73534" s="14" t="s">
        <v>1</v>
      </c>
      <c r="C73534" s="14" t="s">
        <v>47</v>
      </c>
      <c r="D73534" s="14" t="s">
        <v>378</v>
      </c>
      <c r="E73534" s="15">
        <v>45545</v>
      </c>
      <c r="F73534" s="14" t="s">
        <v>61</v>
      </c>
      <c r="G73534" s="16">
        <v>0</v>
      </c>
    </row>
    <row r="73535" spans="1:7" x14ac:dyDescent="0.3">
      <c r="A73535" s="13" t="s">
        <v>377</v>
      </c>
      <c r="B73535" s="14" t="s">
        <v>1</v>
      </c>
      <c r="C73535" s="14" t="s">
        <v>47</v>
      </c>
      <c r="D73535" s="14" t="s">
        <v>378</v>
      </c>
      <c r="E73535" s="15">
        <v>45546</v>
      </c>
      <c r="F73535" s="14" t="s">
        <v>61</v>
      </c>
      <c r="G73535" s="16">
        <v>0</v>
      </c>
    </row>
    <row r="73536" spans="1:7" x14ac:dyDescent="0.3">
      <c r="A73536" s="13" t="s">
        <v>377</v>
      </c>
      <c r="B73536" s="14" t="s">
        <v>1</v>
      </c>
      <c r="C73536" s="14" t="s">
        <v>47</v>
      </c>
      <c r="D73536" s="14" t="s">
        <v>378</v>
      </c>
      <c r="E73536" s="15">
        <v>45547</v>
      </c>
      <c r="F73536" s="14" t="s">
        <v>61</v>
      </c>
      <c r="G73536" s="16">
        <v>0</v>
      </c>
    </row>
    <row r="73537" spans="1:7" x14ac:dyDescent="0.3">
      <c r="A73537" s="13" t="s">
        <v>377</v>
      </c>
      <c r="B73537" s="14" t="s">
        <v>1</v>
      </c>
      <c r="C73537" s="14" t="s">
        <v>47</v>
      </c>
      <c r="D73537" s="14" t="s">
        <v>378</v>
      </c>
      <c r="E73537" s="15">
        <v>45548</v>
      </c>
      <c r="F73537" s="14" t="s">
        <v>61</v>
      </c>
      <c r="G73537" s="16">
        <v>0</v>
      </c>
    </row>
    <row r="73538" spans="1:7" x14ac:dyDescent="0.3">
      <c r="A73538" s="13" t="s">
        <v>377</v>
      </c>
      <c r="B73538" s="14" t="s">
        <v>1</v>
      </c>
      <c r="C73538" s="14" t="s">
        <v>47</v>
      </c>
      <c r="D73538" s="14" t="s">
        <v>378</v>
      </c>
      <c r="E73538" s="15">
        <v>45549</v>
      </c>
      <c r="F73538" s="14" t="s">
        <v>61</v>
      </c>
      <c r="G73538" s="16">
        <v>0</v>
      </c>
    </row>
    <row r="73539" spans="1:7" x14ac:dyDescent="0.3">
      <c r="A73539" s="13" t="s">
        <v>377</v>
      </c>
      <c r="B73539" s="14" t="s">
        <v>1</v>
      </c>
      <c r="C73539" s="14" t="s">
        <v>47</v>
      </c>
      <c r="D73539" s="14" t="s">
        <v>378</v>
      </c>
      <c r="E73539" s="15">
        <v>45550</v>
      </c>
      <c r="F73539" s="14" t="s">
        <v>61</v>
      </c>
      <c r="G73539" s="16">
        <v>0</v>
      </c>
    </row>
    <row r="73540" spans="1:7" x14ac:dyDescent="0.3">
      <c r="A73540" s="13" t="s">
        <v>377</v>
      </c>
      <c r="B73540" s="14" t="s">
        <v>1</v>
      </c>
      <c r="C73540" s="14" t="s">
        <v>47</v>
      </c>
      <c r="D73540" s="14" t="s">
        <v>378</v>
      </c>
      <c r="E73540" s="15">
        <v>45551</v>
      </c>
      <c r="F73540" s="14" t="s">
        <v>61</v>
      </c>
      <c r="G73540" s="16">
        <v>0</v>
      </c>
    </row>
    <row r="73541" spans="1:7" x14ac:dyDescent="0.3">
      <c r="A73541" s="13" t="s">
        <v>377</v>
      </c>
      <c r="B73541" s="14" t="s">
        <v>1</v>
      </c>
      <c r="C73541" s="14" t="s">
        <v>47</v>
      </c>
      <c r="D73541" s="14" t="s">
        <v>378</v>
      </c>
      <c r="E73541" s="15">
        <v>45552</v>
      </c>
      <c r="F73541" s="14" t="s">
        <v>61</v>
      </c>
      <c r="G73541" s="16">
        <v>0</v>
      </c>
    </row>
    <row r="73542" spans="1:7" x14ac:dyDescent="0.3">
      <c r="A73542" s="13" t="s">
        <v>377</v>
      </c>
      <c r="B73542" s="14" t="s">
        <v>1</v>
      </c>
      <c r="C73542" s="14" t="s">
        <v>47</v>
      </c>
      <c r="D73542" s="14" t="s">
        <v>378</v>
      </c>
      <c r="E73542" s="15">
        <v>45553</v>
      </c>
      <c r="F73542" s="14" t="s">
        <v>61</v>
      </c>
      <c r="G73542" s="16">
        <v>0</v>
      </c>
    </row>
    <row r="73543" spans="1:7" x14ac:dyDescent="0.3">
      <c r="A73543" s="13" t="s">
        <v>377</v>
      </c>
      <c r="B73543" s="14" t="s">
        <v>1</v>
      </c>
      <c r="C73543" s="14" t="s">
        <v>47</v>
      </c>
      <c r="D73543" s="14" t="s">
        <v>378</v>
      </c>
      <c r="E73543" s="15">
        <v>45554</v>
      </c>
      <c r="F73543" s="14" t="s">
        <v>61</v>
      </c>
      <c r="G73543" s="16">
        <v>0</v>
      </c>
    </row>
    <row r="73544" spans="1:7" x14ac:dyDescent="0.3">
      <c r="A73544" s="13" t="s">
        <v>377</v>
      </c>
      <c r="B73544" s="14" t="s">
        <v>1</v>
      </c>
      <c r="C73544" s="14" t="s">
        <v>47</v>
      </c>
      <c r="D73544" s="14" t="s">
        <v>378</v>
      </c>
      <c r="E73544" s="15">
        <v>45555</v>
      </c>
      <c r="F73544" s="14" t="s">
        <v>61</v>
      </c>
      <c r="G73544" s="16">
        <v>0</v>
      </c>
    </row>
    <row r="73545" spans="1:7" x14ac:dyDescent="0.3">
      <c r="A73545" s="13" t="s">
        <v>377</v>
      </c>
      <c r="B73545" s="14" t="s">
        <v>1</v>
      </c>
      <c r="C73545" s="14" t="s">
        <v>47</v>
      </c>
      <c r="D73545" s="14" t="s">
        <v>378</v>
      </c>
      <c r="E73545" s="15">
        <v>45556</v>
      </c>
      <c r="F73545" s="14" t="s">
        <v>61</v>
      </c>
      <c r="G73545" s="16">
        <v>0</v>
      </c>
    </row>
    <row r="73546" spans="1:7" x14ac:dyDescent="0.3">
      <c r="A73546" s="13" t="s">
        <v>377</v>
      </c>
      <c r="B73546" s="14" t="s">
        <v>1</v>
      </c>
      <c r="C73546" s="14" t="s">
        <v>47</v>
      </c>
      <c r="D73546" s="14" t="s">
        <v>378</v>
      </c>
      <c r="E73546" s="15">
        <v>45557</v>
      </c>
      <c r="F73546" s="14" t="s">
        <v>61</v>
      </c>
      <c r="G73546" s="16">
        <v>0</v>
      </c>
    </row>
    <row r="73547" spans="1:7" x14ac:dyDescent="0.3">
      <c r="A73547" s="13" t="s">
        <v>377</v>
      </c>
      <c r="B73547" s="14" t="s">
        <v>1</v>
      </c>
      <c r="C73547" s="14" t="s">
        <v>47</v>
      </c>
      <c r="D73547" s="14" t="s">
        <v>378</v>
      </c>
      <c r="E73547" s="15">
        <v>45558</v>
      </c>
      <c r="F73547" s="14" t="s">
        <v>61</v>
      </c>
      <c r="G73547" s="16">
        <v>0</v>
      </c>
    </row>
    <row r="73548" spans="1:7" x14ac:dyDescent="0.3">
      <c r="A73548" s="13" t="s">
        <v>377</v>
      </c>
      <c r="B73548" s="14" t="s">
        <v>1</v>
      </c>
      <c r="C73548" s="14" t="s">
        <v>47</v>
      </c>
      <c r="D73548" s="14" t="s">
        <v>378</v>
      </c>
      <c r="E73548" s="15">
        <v>45559</v>
      </c>
      <c r="F73548" s="14" t="s">
        <v>61</v>
      </c>
      <c r="G73548" s="16">
        <v>0</v>
      </c>
    </row>
    <row r="73549" spans="1:7" x14ac:dyDescent="0.3">
      <c r="A73549" s="13" t="s">
        <v>377</v>
      </c>
      <c r="B73549" s="14" t="s">
        <v>1</v>
      </c>
      <c r="C73549" s="14" t="s">
        <v>47</v>
      </c>
      <c r="D73549" s="14" t="s">
        <v>378</v>
      </c>
      <c r="E73549" s="15">
        <v>45560</v>
      </c>
      <c r="F73549" s="14" t="s">
        <v>61</v>
      </c>
      <c r="G73549" s="16">
        <v>0</v>
      </c>
    </row>
    <row r="73550" spans="1:7" x14ac:dyDescent="0.3">
      <c r="A73550" s="13" t="s">
        <v>377</v>
      </c>
      <c r="B73550" s="14" t="s">
        <v>1</v>
      </c>
      <c r="C73550" s="14" t="s">
        <v>47</v>
      </c>
      <c r="D73550" s="14" t="s">
        <v>378</v>
      </c>
      <c r="E73550" s="15">
        <v>45561</v>
      </c>
      <c r="F73550" s="14" t="s">
        <v>61</v>
      </c>
      <c r="G73550" s="16">
        <v>0</v>
      </c>
    </row>
    <row r="73551" spans="1:7" x14ac:dyDescent="0.3">
      <c r="A73551" s="13" t="s">
        <v>377</v>
      </c>
      <c r="B73551" s="14" t="s">
        <v>1</v>
      </c>
      <c r="C73551" s="14" t="s">
        <v>47</v>
      </c>
      <c r="D73551" s="14" t="s">
        <v>378</v>
      </c>
      <c r="E73551" s="15">
        <v>45562</v>
      </c>
      <c r="F73551" s="14" t="s">
        <v>61</v>
      </c>
      <c r="G73551" s="16">
        <v>0</v>
      </c>
    </row>
    <row r="73552" spans="1:7" x14ac:dyDescent="0.3">
      <c r="A73552" s="13" t="s">
        <v>377</v>
      </c>
      <c r="B73552" s="14" t="s">
        <v>1</v>
      </c>
      <c r="C73552" s="14" t="s">
        <v>47</v>
      </c>
      <c r="D73552" s="14" t="s">
        <v>378</v>
      </c>
      <c r="E73552" s="15">
        <v>45563</v>
      </c>
      <c r="F73552" s="14" t="s">
        <v>61</v>
      </c>
      <c r="G73552" s="16">
        <v>0</v>
      </c>
    </row>
    <row r="73553" spans="1:7" x14ac:dyDescent="0.3">
      <c r="A73553" s="13" t="s">
        <v>377</v>
      </c>
      <c r="B73553" s="14" t="s">
        <v>1</v>
      </c>
      <c r="C73553" s="14" t="s">
        <v>47</v>
      </c>
      <c r="D73553" s="14" t="s">
        <v>378</v>
      </c>
      <c r="E73553" s="15">
        <v>45564</v>
      </c>
      <c r="F73553" s="14" t="s">
        <v>61</v>
      </c>
      <c r="G73553" s="16">
        <v>0</v>
      </c>
    </row>
    <row r="73554" spans="1:7" x14ac:dyDescent="0.3">
      <c r="A73554" s="13" t="s">
        <v>377</v>
      </c>
      <c r="B73554" s="14" t="s">
        <v>1</v>
      </c>
      <c r="C73554" s="14" t="s">
        <v>47</v>
      </c>
      <c r="D73554" s="14" t="s">
        <v>378</v>
      </c>
      <c r="E73554" s="15">
        <v>45565</v>
      </c>
      <c r="F73554" s="14" t="s">
        <v>61</v>
      </c>
      <c r="G73554" s="16">
        <v>0</v>
      </c>
    </row>
    <row r="73555" spans="1:7" x14ac:dyDescent="0.3">
      <c r="A73555" s="13" t="s">
        <v>377</v>
      </c>
      <c r="B73555" s="14" t="s">
        <v>1</v>
      </c>
      <c r="C73555" s="14" t="s">
        <v>47</v>
      </c>
      <c r="D73555" s="14" t="s">
        <v>378</v>
      </c>
      <c r="E73555" s="15">
        <v>45566</v>
      </c>
      <c r="F73555" s="14" t="s">
        <v>61</v>
      </c>
      <c r="G73555" s="16">
        <v>0</v>
      </c>
    </row>
    <row r="73556" spans="1:7" x14ac:dyDescent="0.3">
      <c r="A73556" s="13" t="s">
        <v>377</v>
      </c>
      <c r="B73556" s="14" t="s">
        <v>1</v>
      </c>
      <c r="C73556" s="14" t="s">
        <v>47</v>
      </c>
      <c r="D73556" s="14" t="s">
        <v>378</v>
      </c>
      <c r="E73556" s="15">
        <v>45567</v>
      </c>
      <c r="F73556" s="14" t="s">
        <v>61</v>
      </c>
      <c r="G73556" s="16">
        <v>0</v>
      </c>
    </row>
    <row r="73557" spans="1:7" x14ac:dyDescent="0.3">
      <c r="A73557" s="13" t="s">
        <v>377</v>
      </c>
      <c r="B73557" s="14" t="s">
        <v>1</v>
      </c>
      <c r="C73557" s="14" t="s">
        <v>47</v>
      </c>
      <c r="D73557" s="14" t="s">
        <v>378</v>
      </c>
      <c r="E73557" s="15">
        <v>45568</v>
      </c>
      <c r="F73557" s="14" t="s">
        <v>61</v>
      </c>
      <c r="G73557" s="16">
        <v>0</v>
      </c>
    </row>
    <row r="73558" spans="1:7" x14ac:dyDescent="0.3">
      <c r="A73558" s="13" t="s">
        <v>377</v>
      </c>
      <c r="B73558" s="14" t="s">
        <v>1</v>
      </c>
      <c r="C73558" s="14" t="s">
        <v>47</v>
      </c>
      <c r="D73558" s="14" t="s">
        <v>378</v>
      </c>
      <c r="E73558" s="15">
        <v>45569</v>
      </c>
      <c r="F73558" s="14" t="s">
        <v>61</v>
      </c>
      <c r="G73558" s="16">
        <v>0</v>
      </c>
    </row>
    <row r="73559" spans="1:7" x14ac:dyDescent="0.3">
      <c r="A73559" s="13" t="s">
        <v>377</v>
      </c>
      <c r="B73559" s="14" t="s">
        <v>1</v>
      </c>
      <c r="C73559" s="14" t="s">
        <v>47</v>
      </c>
      <c r="D73559" s="14" t="s">
        <v>378</v>
      </c>
      <c r="E73559" s="15">
        <v>45570</v>
      </c>
      <c r="F73559" s="14" t="s">
        <v>61</v>
      </c>
      <c r="G73559" s="16">
        <v>0</v>
      </c>
    </row>
    <row r="73560" spans="1:7" x14ac:dyDescent="0.3">
      <c r="A73560" s="13" t="s">
        <v>377</v>
      </c>
      <c r="B73560" s="14" t="s">
        <v>1</v>
      </c>
      <c r="C73560" s="14" t="s">
        <v>47</v>
      </c>
      <c r="D73560" s="14" t="s">
        <v>378</v>
      </c>
      <c r="E73560" s="15">
        <v>45571</v>
      </c>
      <c r="F73560" s="14" t="s">
        <v>61</v>
      </c>
      <c r="G73560" s="16">
        <v>0</v>
      </c>
    </row>
    <row r="73561" spans="1:7" x14ac:dyDescent="0.3">
      <c r="A73561" s="13" t="s">
        <v>377</v>
      </c>
      <c r="B73561" s="14" t="s">
        <v>1</v>
      </c>
      <c r="C73561" s="14" t="s">
        <v>47</v>
      </c>
      <c r="D73561" s="14" t="s">
        <v>378</v>
      </c>
      <c r="E73561" s="15">
        <v>45572</v>
      </c>
      <c r="F73561" s="14" t="s">
        <v>61</v>
      </c>
      <c r="G73561" s="16">
        <v>0</v>
      </c>
    </row>
    <row r="73562" spans="1:7" x14ac:dyDescent="0.3">
      <c r="A73562" s="13" t="s">
        <v>377</v>
      </c>
      <c r="B73562" s="14" t="s">
        <v>1</v>
      </c>
      <c r="C73562" s="14" t="s">
        <v>47</v>
      </c>
      <c r="D73562" s="14" t="s">
        <v>378</v>
      </c>
      <c r="E73562" s="15">
        <v>45573</v>
      </c>
      <c r="F73562" s="14" t="s">
        <v>61</v>
      </c>
      <c r="G73562" s="16">
        <v>0</v>
      </c>
    </row>
    <row r="73563" spans="1:7" x14ac:dyDescent="0.3">
      <c r="A73563" s="13" t="s">
        <v>377</v>
      </c>
      <c r="B73563" s="14" t="s">
        <v>1</v>
      </c>
      <c r="C73563" s="14" t="s">
        <v>47</v>
      </c>
      <c r="D73563" s="14" t="s">
        <v>378</v>
      </c>
      <c r="E73563" s="15">
        <v>45574</v>
      </c>
      <c r="F73563" s="14" t="s">
        <v>61</v>
      </c>
      <c r="G73563" s="16">
        <v>0</v>
      </c>
    </row>
    <row r="73564" spans="1:7" x14ac:dyDescent="0.3">
      <c r="A73564" s="13" t="s">
        <v>377</v>
      </c>
      <c r="B73564" s="14" t="s">
        <v>1</v>
      </c>
      <c r="C73564" s="14" t="s">
        <v>47</v>
      </c>
      <c r="D73564" s="14" t="s">
        <v>378</v>
      </c>
      <c r="E73564" s="15">
        <v>45575</v>
      </c>
      <c r="F73564" s="14" t="s">
        <v>61</v>
      </c>
      <c r="G73564" s="16">
        <v>0</v>
      </c>
    </row>
    <row r="73565" spans="1:7" x14ac:dyDescent="0.3">
      <c r="A73565" s="13" t="s">
        <v>377</v>
      </c>
      <c r="B73565" s="14" t="s">
        <v>1</v>
      </c>
      <c r="C73565" s="14" t="s">
        <v>47</v>
      </c>
      <c r="D73565" s="14" t="s">
        <v>378</v>
      </c>
      <c r="E73565" s="15">
        <v>45576</v>
      </c>
      <c r="F73565" s="14" t="s">
        <v>61</v>
      </c>
      <c r="G73565" s="16">
        <v>0</v>
      </c>
    </row>
    <row r="73566" spans="1:7" x14ac:dyDescent="0.3">
      <c r="A73566" s="13" t="s">
        <v>377</v>
      </c>
      <c r="B73566" s="14" t="s">
        <v>1</v>
      </c>
      <c r="C73566" s="14" t="s">
        <v>47</v>
      </c>
      <c r="D73566" s="14" t="s">
        <v>378</v>
      </c>
      <c r="E73566" s="15">
        <v>45577</v>
      </c>
      <c r="F73566" s="14" t="s">
        <v>61</v>
      </c>
      <c r="G73566" s="16">
        <v>0</v>
      </c>
    </row>
    <row r="73567" spans="1:7" x14ac:dyDescent="0.3">
      <c r="A73567" s="13" t="s">
        <v>377</v>
      </c>
      <c r="B73567" s="14" t="s">
        <v>1</v>
      </c>
      <c r="C73567" s="14" t="s">
        <v>47</v>
      </c>
      <c r="D73567" s="14" t="s">
        <v>378</v>
      </c>
      <c r="E73567" s="15">
        <v>45578</v>
      </c>
      <c r="F73567" s="14" t="s">
        <v>61</v>
      </c>
      <c r="G73567" s="16">
        <v>0</v>
      </c>
    </row>
    <row r="73568" spans="1:7" x14ac:dyDescent="0.3">
      <c r="A73568" s="13" t="s">
        <v>377</v>
      </c>
      <c r="B73568" s="14" t="s">
        <v>1</v>
      </c>
      <c r="C73568" s="14" t="s">
        <v>47</v>
      </c>
      <c r="D73568" s="14" t="s">
        <v>378</v>
      </c>
      <c r="E73568" s="15">
        <v>45579</v>
      </c>
      <c r="F73568" s="14" t="s">
        <v>61</v>
      </c>
      <c r="G73568" s="16">
        <v>0</v>
      </c>
    </row>
    <row r="73569" spans="1:7" x14ac:dyDescent="0.3">
      <c r="A73569" s="13" t="s">
        <v>377</v>
      </c>
      <c r="B73569" s="14" t="s">
        <v>1</v>
      </c>
      <c r="C73569" s="14" t="s">
        <v>47</v>
      </c>
      <c r="D73569" s="14" t="s">
        <v>378</v>
      </c>
      <c r="E73569" s="15">
        <v>45580</v>
      </c>
      <c r="F73569" s="14" t="s">
        <v>61</v>
      </c>
      <c r="G73569" s="16">
        <v>0</v>
      </c>
    </row>
    <row r="73570" spans="1:7" x14ac:dyDescent="0.3">
      <c r="A73570" s="13" t="s">
        <v>377</v>
      </c>
      <c r="B73570" s="14" t="s">
        <v>1</v>
      </c>
      <c r="C73570" s="14" t="s">
        <v>47</v>
      </c>
      <c r="D73570" s="14" t="s">
        <v>378</v>
      </c>
      <c r="E73570" s="15">
        <v>45581</v>
      </c>
      <c r="F73570" s="14" t="s">
        <v>61</v>
      </c>
      <c r="G73570" s="16">
        <v>0</v>
      </c>
    </row>
    <row r="73571" spans="1:7" x14ac:dyDescent="0.3">
      <c r="A73571" s="13" t="s">
        <v>377</v>
      </c>
      <c r="B73571" s="14" t="s">
        <v>1</v>
      </c>
      <c r="C73571" s="14" t="s">
        <v>47</v>
      </c>
      <c r="D73571" s="14" t="s">
        <v>378</v>
      </c>
      <c r="E73571" s="15">
        <v>45582</v>
      </c>
      <c r="F73571" s="14" t="s">
        <v>61</v>
      </c>
      <c r="G73571" s="16">
        <v>0</v>
      </c>
    </row>
    <row r="73572" spans="1:7" x14ac:dyDescent="0.3">
      <c r="A73572" s="13" t="s">
        <v>377</v>
      </c>
      <c r="B73572" s="14" t="s">
        <v>1</v>
      </c>
      <c r="C73572" s="14" t="s">
        <v>47</v>
      </c>
      <c r="D73572" s="14" t="s">
        <v>378</v>
      </c>
      <c r="E73572" s="15">
        <v>45583</v>
      </c>
      <c r="F73572" s="14" t="s">
        <v>61</v>
      </c>
      <c r="G73572" s="16">
        <v>0</v>
      </c>
    </row>
    <row r="73573" spans="1:7" x14ac:dyDescent="0.3">
      <c r="A73573" s="13" t="s">
        <v>377</v>
      </c>
      <c r="B73573" s="14" t="s">
        <v>1</v>
      </c>
      <c r="C73573" s="14" t="s">
        <v>47</v>
      </c>
      <c r="D73573" s="14" t="s">
        <v>378</v>
      </c>
      <c r="E73573" s="15">
        <v>45584</v>
      </c>
      <c r="F73573" s="14" t="s">
        <v>61</v>
      </c>
      <c r="G73573" s="16">
        <v>0</v>
      </c>
    </row>
    <row r="73574" spans="1:7" x14ac:dyDescent="0.3">
      <c r="A73574" s="13" t="s">
        <v>377</v>
      </c>
      <c r="B73574" s="14" t="s">
        <v>1</v>
      </c>
      <c r="C73574" s="14" t="s">
        <v>47</v>
      </c>
      <c r="D73574" s="14" t="s">
        <v>378</v>
      </c>
      <c r="E73574" s="15">
        <v>45585</v>
      </c>
      <c r="F73574" s="14" t="s">
        <v>61</v>
      </c>
      <c r="G73574" s="16">
        <v>0</v>
      </c>
    </row>
    <row r="73575" spans="1:7" x14ac:dyDescent="0.3">
      <c r="A73575" s="13" t="s">
        <v>377</v>
      </c>
      <c r="B73575" s="14" t="s">
        <v>1</v>
      </c>
      <c r="C73575" s="14" t="s">
        <v>47</v>
      </c>
      <c r="D73575" s="14" t="s">
        <v>378</v>
      </c>
      <c r="E73575" s="15">
        <v>45586</v>
      </c>
      <c r="F73575" s="14" t="s">
        <v>61</v>
      </c>
      <c r="G73575" s="16">
        <v>0</v>
      </c>
    </row>
    <row r="73576" spans="1:7" x14ac:dyDescent="0.3">
      <c r="A73576" s="13" t="s">
        <v>377</v>
      </c>
      <c r="B73576" s="14" t="s">
        <v>1</v>
      </c>
      <c r="C73576" s="14" t="s">
        <v>47</v>
      </c>
      <c r="D73576" s="14" t="s">
        <v>378</v>
      </c>
      <c r="E73576" s="15">
        <v>45587</v>
      </c>
      <c r="F73576" s="14" t="s">
        <v>61</v>
      </c>
      <c r="G73576" s="16">
        <v>0</v>
      </c>
    </row>
    <row r="73577" spans="1:7" x14ac:dyDescent="0.3">
      <c r="A73577" s="13" t="s">
        <v>377</v>
      </c>
      <c r="B73577" s="14" t="s">
        <v>1</v>
      </c>
      <c r="C73577" s="14" t="s">
        <v>47</v>
      </c>
      <c r="D73577" s="14" t="s">
        <v>378</v>
      </c>
      <c r="E73577" s="15">
        <v>45588</v>
      </c>
      <c r="F73577" s="14" t="s">
        <v>61</v>
      </c>
      <c r="G73577" s="16">
        <v>0</v>
      </c>
    </row>
    <row r="73578" spans="1:7" x14ac:dyDescent="0.3">
      <c r="A73578" s="13" t="s">
        <v>377</v>
      </c>
      <c r="B73578" s="14" t="s">
        <v>1</v>
      </c>
      <c r="C73578" s="14" t="s">
        <v>47</v>
      </c>
      <c r="D73578" s="14" t="s">
        <v>378</v>
      </c>
      <c r="E73578" s="15">
        <v>45589</v>
      </c>
      <c r="F73578" s="14" t="s">
        <v>61</v>
      </c>
      <c r="G73578" s="16">
        <v>0</v>
      </c>
    </row>
    <row r="73579" spans="1:7" x14ac:dyDescent="0.3">
      <c r="A73579" s="13" t="s">
        <v>377</v>
      </c>
      <c r="B73579" s="14" t="s">
        <v>1</v>
      </c>
      <c r="C73579" s="14" t="s">
        <v>47</v>
      </c>
      <c r="D73579" s="14" t="s">
        <v>378</v>
      </c>
      <c r="E73579" s="15">
        <v>45590</v>
      </c>
      <c r="F73579" s="14" t="s">
        <v>61</v>
      </c>
      <c r="G73579" s="16">
        <v>0</v>
      </c>
    </row>
    <row r="73580" spans="1:7" x14ac:dyDescent="0.3">
      <c r="A73580" s="13" t="s">
        <v>377</v>
      </c>
      <c r="B73580" s="14" t="s">
        <v>1</v>
      </c>
      <c r="C73580" s="14" t="s">
        <v>47</v>
      </c>
      <c r="D73580" s="14" t="s">
        <v>378</v>
      </c>
      <c r="E73580" s="15">
        <v>45591</v>
      </c>
      <c r="F73580" s="14" t="s">
        <v>61</v>
      </c>
      <c r="G73580" s="16">
        <v>0</v>
      </c>
    </row>
    <row r="73581" spans="1:7" x14ac:dyDescent="0.3">
      <c r="A73581" s="13" t="s">
        <v>377</v>
      </c>
      <c r="B73581" s="14" t="s">
        <v>1</v>
      </c>
      <c r="C73581" s="14" t="s">
        <v>47</v>
      </c>
      <c r="D73581" s="14" t="s">
        <v>378</v>
      </c>
      <c r="E73581" s="15">
        <v>45592</v>
      </c>
      <c r="F73581" s="14" t="s">
        <v>61</v>
      </c>
      <c r="G73581" s="16">
        <v>0</v>
      </c>
    </row>
    <row r="73582" spans="1:7" x14ac:dyDescent="0.3">
      <c r="A73582" s="13" t="s">
        <v>377</v>
      </c>
      <c r="B73582" s="14" t="s">
        <v>1</v>
      </c>
      <c r="C73582" s="14" t="s">
        <v>47</v>
      </c>
      <c r="D73582" s="14" t="s">
        <v>378</v>
      </c>
      <c r="E73582" s="15">
        <v>45593</v>
      </c>
      <c r="F73582" s="14" t="s">
        <v>61</v>
      </c>
      <c r="G73582" s="16">
        <v>0</v>
      </c>
    </row>
    <row r="73583" spans="1:7" x14ac:dyDescent="0.3">
      <c r="A73583" s="13" t="s">
        <v>377</v>
      </c>
      <c r="B73583" s="14" t="s">
        <v>1</v>
      </c>
      <c r="C73583" s="14" t="s">
        <v>47</v>
      </c>
      <c r="D73583" s="14" t="s">
        <v>378</v>
      </c>
      <c r="E73583" s="15">
        <v>45594</v>
      </c>
      <c r="F73583" s="14" t="s">
        <v>61</v>
      </c>
      <c r="G73583" s="16">
        <v>0</v>
      </c>
    </row>
    <row r="73584" spans="1:7" x14ac:dyDescent="0.3">
      <c r="A73584" s="13" t="s">
        <v>377</v>
      </c>
      <c r="B73584" s="14" t="s">
        <v>1</v>
      </c>
      <c r="C73584" s="14" t="s">
        <v>47</v>
      </c>
      <c r="D73584" s="14" t="s">
        <v>378</v>
      </c>
      <c r="E73584" s="15">
        <v>45595</v>
      </c>
      <c r="F73584" s="14" t="s">
        <v>61</v>
      </c>
      <c r="G73584" s="16">
        <v>0</v>
      </c>
    </row>
    <row r="73585" spans="1:7" x14ac:dyDescent="0.3">
      <c r="A73585" s="13" t="s">
        <v>377</v>
      </c>
      <c r="B73585" s="14" t="s">
        <v>1</v>
      </c>
      <c r="C73585" s="14" t="s">
        <v>47</v>
      </c>
      <c r="D73585" s="14" t="s">
        <v>378</v>
      </c>
      <c r="E73585" s="15">
        <v>45596</v>
      </c>
      <c r="F73585" s="14" t="s">
        <v>61</v>
      </c>
      <c r="G73585" s="16">
        <v>0</v>
      </c>
    </row>
    <row r="73586" spans="1:7" x14ac:dyDescent="0.3">
      <c r="A73586" s="13" t="s">
        <v>377</v>
      </c>
      <c r="B73586" s="14" t="s">
        <v>1</v>
      </c>
      <c r="C73586" s="14" t="s">
        <v>47</v>
      </c>
      <c r="D73586" s="14" t="s">
        <v>378</v>
      </c>
      <c r="E73586" s="15">
        <v>45597</v>
      </c>
      <c r="F73586" s="14" t="s">
        <v>61</v>
      </c>
      <c r="G73586" s="16">
        <v>0</v>
      </c>
    </row>
    <row r="73587" spans="1:7" x14ac:dyDescent="0.3">
      <c r="A73587" s="13" t="s">
        <v>377</v>
      </c>
      <c r="B73587" s="14" t="s">
        <v>1</v>
      </c>
      <c r="C73587" s="14" t="s">
        <v>47</v>
      </c>
      <c r="D73587" s="14" t="s">
        <v>378</v>
      </c>
      <c r="E73587" s="15">
        <v>45598</v>
      </c>
      <c r="F73587" s="14" t="s">
        <v>61</v>
      </c>
      <c r="G73587" s="16">
        <v>0</v>
      </c>
    </row>
    <row r="73588" spans="1:7" x14ac:dyDescent="0.3">
      <c r="A73588" s="13" t="s">
        <v>377</v>
      </c>
      <c r="B73588" s="14" t="s">
        <v>1</v>
      </c>
      <c r="C73588" s="14" t="s">
        <v>47</v>
      </c>
      <c r="D73588" s="14" t="s">
        <v>378</v>
      </c>
      <c r="E73588" s="15">
        <v>45599</v>
      </c>
      <c r="F73588" s="14" t="s">
        <v>61</v>
      </c>
      <c r="G73588" s="16">
        <v>0</v>
      </c>
    </row>
    <row r="73589" spans="1:7" x14ac:dyDescent="0.3">
      <c r="A73589" s="13" t="s">
        <v>377</v>
      </c>
      <c r="B73589" s="14" t="s">
        <v>1</v>
      </c>
      <c r="C73589" s="14" t="s">
        <v>47</v>
      </c>
      <c r="D73589" s="14" t="s">
        <v>378</v>
      </c>
      <c r="E73589" s="15">
        <v>45600</v>
      </c>
      <c r="F73589" s="14" t="s">
        <v>61</v>
      </c>
      <c r="G73589" s="16">
        <v>0</v>
      </c>
    </row>
    <row r="73590" spans="1:7" x14ac:dyDescent="0.3">
      <c r="A73590" s="13" t="s">
        <v>377</v>
      </c>
      <c r="B73590" s="14" t="s">
        <v>1</v>
      </c>
      <c r="C73590" s="14" t="s">
        <v>47</v>
      </c>
      <c r="D73590" s="14" t="s">
        <v>378</v>
      </c>
      <c r="E73590" s="15">
        <v>45601</v>
      </c>
      <c r="F73590" s="14" t="s">
        <v>61</v>
      </c>
      <c r="G73590" s="16">
        <v>0</v>
      </c>
    </row>
    <row r="73591" spans="1:7" x14ac:dyDescent="0.3">
      <c r="A73591" s="13" t="s">
        <v>377</v>
      </c>
      <c r="B73591" s="14" t="s">
        <v>1</v>
      </c>
      <c r="C73591" s="14" t="s">
        <v>47</v>
      </c>
      <c r="D73591" s="14" t="s">
        <v>378</v>
      </c>
      <c r="E73591" s="15">
        <v>45602</v>
      </c>
      <c r="F73591" s="14" t="s">
        <v>61</v>
      </c>
      <c r="G73591" s="16">
        <v>0</v>
      </c>
    </row>
    <row r="73592" spans="1:7" x14ac:dyDescent="0.3">
      <c r="A73592" s="13" t="s">
        <v>377</v>
      </c>
      <c r="B73592" s="14" t="s">
        <v>1</v>
      </c>
      <c r="C73592" s="14" t="s">
        <v>47</v>
      </c>
      <c r="D73592" s="14" t="s">
        <v>378</v>
      </c>
      <c r="E73592" s="15">
        <v>45603</v>
      </c>
      <c r="F73592" s="14" t="s">
        <v>61</v>
      </c>
      <c r="G73592" s="16">
        <v>0</v>
      </c>
    </row>
    <row r="73593" spans="1:7" x14ac:dyDescent="0.3">
      <c r="A73593" s="13" t="s">
        <v>377</v>
      </c>
      <c r="B73593" s="14" t="s">
        <v>1</v>
      </c>
      <c r="C73593" s="14" t="s">
        <v>47</v>
      </c>
      <c r="D73593" s="14" t="s">
        <v>378</v>
      </c>
      <c r="E73593" s="15">
        <v>45604</v>
      </c>
      <c r="F73593" s="14" t="s">
        <v>61</v>
      </c>
      <c r="G73593" s="16">
        <v>0</v>
      </c>
    </row>
    <row r="73594" spans="1:7" x14ac:dyDescent="0.3">
      <c r="A73594" s="13" t="s">
        <v>377</v>
      </c>
      <c r="B73594" s="14" t="s">
        <v>1</v>
      </c>
      <c r="C73594" s="14" t="s">
        <v>47</v>
      </c>
      <c r="D73594" s="14" t="s">
        <v>378</v>
      </c>
      <c r="E73594" s="15">
        <v>45605</v>
      </c>
      <c r="F73594" s="14" t="s">
        <v>61</v>
      </c>
      <c r="G73594" s="16">
        <v>0</v>
      </c>
    </row>
    <row r="73595" spans="1:7" x14ac:dyDescent="0.3">
      <c r="A73595" s="13" t="s">
        <v>377</v>
      </c>
      <c r="B73595" s="14" t="s">
        <v>1</v>
      </c>
      <c r="C73595" s="14" t="s">
        <v>47</v>
      </c>
      <c r="D73595" s="14" t="s">
        <v>378</v>
      </c>
      <c r="E73595" s="15">
        <v>45606</v>
      </c>
      <c r="F73595" s="14" t="s">
        <v>61</v>
      </c>
      <c r="G73595" s="16">
        <v>0</v>
      </c>
    </row>
    <row r="73596" spans="1:7" x14ac:dyDescent="0.3">
      <c r="A73596" s="13" t="s">
        <v>377</v>
      </c>
      <c r="B73596" s="14" t="s">
        <v>1</v>
      </c>
      <c r="C73596" s="14" t="s">
        <v>47</v>
      </c>
      <c r="D73596" s="14" t="s">
        <v>378</v>
      </c>
      <c r="E73596" s="15">
        <v>45607</v>
      </c>
      <c r="F73596" s="14" t="s">
        <v>61</v>
      </c>
      <c r="G73596" s="16">
        <v>0</v>
      </c>
    </row>
    <row r="73597" spans="1:7" x14ac:dyDescent="0.3">
      <c r="A73597" s="13" t="s">
        <v>377</v>
      </c>
      <c r="B73597" s="14" t="s">
        <v>1</v>
      </c>
      <c r="C73597" s="14" t="s">
        <v>47</v>
      </c>
      <c r="D73597" s="14" t="s">
        <v>378</v>
      </c>
      <c r="E73597" s="15">
        <v>45608</v>
      </c>
      <c r="F73597" s="14" t="s">
        <v>61</v>
      </c>
      <c r="G73597" s="16">
        <v>0</v>
      </c>
    </row>
    <row r="73598" spans="1:7" x14ac:dyDescent="0.3">
      <c r="A73598" s="13" t="s">
        <v>377</v>
      </c>
      <c r="B73598" s="14" t="s">
        <v>1</v>
      </c>
      <c r="C73598" s="14" t="s">
        <v>47</v>
      </c>
      <c r="D73598" s="14" t="s">
        <v>378</v>
      </c>
      <c r="E73598" s="15">
        <v>45609</v>
      </c>
      <c r="F73598" s="14" t="s">
        <v>61</v>
      </c>
      <c r="G73598" s="16">
        <v>0</v>
      </c>
    </row>
    <row r="73599" spans="1:7" x14ac:dyDescent="0.3">
      <c r="A73599" s="13" t="s">
        <v>377</v>
      </c>
      <c r="B73599" s="14" t="s">
        <v>1</v>
      </c>
      <c r="C73599" s="14" t="s">
        <v>47</v>
      </c>
      <c r="D73599" s="14" t="s">
        <v>378</v>
      </c>
      <c r="E73599" s="15">
        <v>45610</v>
      </c>
      <c r="F73599" s="14" t="s">
        <v>61</v>
      </c>
      <c r="G73599" s="16">
        <v>0</v>
      </c>
    </row>
    <row r="73600" spans="1:7" x14ac:dyDescent="0.3">
      <c r="A73600" s="13" t="s">
        <v>377</v>
      </c>
      <c r="B73600" s="14" t="s">
        <v>1</v>
      </c>
      <c r="C73600" s="14" t="s">
        <v>47</v>
      </c>
      <c r="D73600" s="14" t="s">
        <v>378</v>
      </c>
      <c r="E73600" s="15">
        <v>45611</v>
      </c>
      <c r="F73600" s="14" t="s">
        <v>61</v>
      </c>
      <c r="G73600" s="16">
        <v>0</v>
      </c>
    </row>
    <row r="73601" spans="1:7" x14ac:dyDescent="0.3">
      <c r="A73601" s="13" t="s">
        <v>377</v>
      </c>
      <c r="B73601" s="14" t="s">
        <v>1</v>
      </c>
      <c r="C73601" s="14" t="s">
        <v>47</v>
      </c>
      <c r="D73601" s="14" t="s">
        <v>378</v>
      </c>
      <c r="E73601" s="15">
        <v>45612</v>
      </c>
      <c r="F73601" s="14" t="s">
        <v>61</v>
      </c>
      <c r="G73601" s="16">
        <v>0</v>
      </c>
    </row>
    <row r="73602" spans="1:7" x14ac:dyDescent="0.3">
      <c r="A73602" s="13" t="s">
        <v>377</v>
      </c>
      <c r="B73602" s="14" t="s">
        <v>1</v>
      </c>
      <c r="C73602" s="14" t="s">
        <v>47</v>
      </c>
      <c r="D73602" s="14" t="s">
        <v>378</v>
      </c>
      <c r="E73602" s="15">
        <v>45613</v>
      </c>
      <c r="F73602" s="14" t="s">
        <v>61</v>
      </c>
      <c r="G73602" s="16">
        <v>0</v>
      </c>
    </row>
    <row r="73603" spans="1:7" x14ac:dyDescent="0.3">
      <c r="A73603" s="13" t="s">
        <v>377</v>
      </c>
      <c r="B73603" s="14" t="s">
        <v>1</v>
      </c>
      <c r="C73603" s="14" t="s">
        <v>47</v>
      </c>
      <c r="D73603" s="14" t="s">
        <v>378</v>
      </c>
      <c r="E73603" s="15">
        <v>45614</v>
      </c>
      <c r="F73603" s="14" t="s">
        <v>61</v>
      </c>
      <c r="G73603" s="16">
        <v>0</v>
      </c>
    </row>
    <row r="73604" spans="1:7" x14ac:dyDescent="0.3">
      <c r="A73604" s="13" t="s">
        <v>377</v>
      </c>
      <c r="B73604" s="14" t="s">
        <v>1</v>
      </c>
      <c r="C73604" s="14" t="s">
        <v>47</v>
      </c>
      <c r="D73604" s="14" t="s">
        <v>378</v>
      </c>
      <c r="E73604" s="15">
        <v>45615</v>
      </c>
      <c r="F73604" s="14" t="s">
        <v>61</v>
      </c>
      <c r="G73604" s="16">
        <v>0</v>
      </c>
    </row>
    <row r="73605" spans="1:7" x14ac:dyDescent="0.3">
      <c r="A73605" s="13" t="s">
        <v>377</v>
      </c>
      <c r="B73605" s="14" t="s">
        <v>1</v>
      </c>
      <c r="C73605" s="14" t="s">
        <v>47</v>
      </c>
      <c r="D73605" s="14" t="s">
        <v>378</v>
      </c>
      <c r="E73605" s="15">
        <v>45616</v>
      </c>
      <c r="F73605" s="14" t="s">
        <v>61</v>
      </c>
      <c r="G73605" s="16">
        <v>0</v>
      </c>
    </row>
    <row r="73606" spans="1:7" x14ac:dyDescent="0.3">
      <c r="A73606" s="13" t="s">
        <v>377</v>
      </c>
      <c r="B73606" s="14" t="s">
        <v>1</v>
      </c>
      <c r="C73606" s="14" t="s">
        <v>47</v>
      </c>
      <c r="D73606" s="14" t="s">
        <v>378</v>
      </c>
      <c r="E73606" s="15">
        <v>45617</v>
      </c>
      <c r="F73606" s="14" t="s">
        <v>61</v>
      </c>
      <c r="G73606" s="16">
        <v>0</v>
      </c>
    </row>
    <row r="73607" spans="1:7" x14ac:dyDescent="0.3">
      <c r="A73607" s="13" t="s">
        <v>377</v>
      </c>
      <c r="B73607" s="14" t="s">
        <v>1</v>
      </c>
      <c r="C73607" s="14" t="s">
        <v>47</v>
      </c>
      <c r="D73607" s="14" t="s">
        <v>378</v>
      </c>
      <c r="E73607" s="15">
        <v>45618</v>
      </c>
      <c r="F73607" s="14" t="s">
        <v>61</v>
      </c>
      <c r="G73607" s="16">
        <v>0</v>
      </c>
    </row>
    <row r="73608" spans="1:7" x14ac:dyDescent="0.3">
      <c r="A73608" s="13" t="s">
        <v>377</v>
      </c>
      <c r="B73608" s="14" t="s">
        <v>1</v>
      </c>
      <c r="C73608" s="14" t="s">
        <v>47</v>
      </c>
      <c r="D73608" s="14" t="s">
        <v>378</v>
      </c>
      <c r="E73608" s="15">
        <v>45619</v>
      </c>
      <c r="F73608" s="14" t="s">
        <v>61</v>
      </c>
      <c r="G73608" s="16">
        <v>0</v>
      </c>
    </row>
    <row r="73609" spans="1:7" x14ac:dyDescent="0.3">
      <c r="A73609" s="13" t="s">
        <v>377</v>
      </c>
      <c r="B73609" s="14" t="s">
        <v>1</v>
      </c>
      <c r="C73609" s="14" t="s">
        <v>47</v>
      </c>
      <c r="D73609" s="14" t="s">
        <v>378</v>
      </c>
      <c r="E73609" s="15">
        <v>45620</v>
      </c>
      <c r="F73609" s="14" t="s">
        <v>61</v>
      </c>
      <c r="G73609" s="16">
        <v>0</v>
      </c>
    </row>
    <row r="73610" spans="1:7" x14ac:dyDescent="0.3">
      <c r="A73610" s="13" t="s">
        <v>377</v>
      </c>
      <c r="B73610" s="14" t="s">
        <v>1</v>
      </c>
      <c r="C73610" s="14" t="s">
        <v>47</v>
      </c>
      <c r="D73610" s="14" t="s">
        <v>378</v>
      </c>
      <c r="E73610" s="15">
        <v>45621</v>
      </c>
      <c r="F73610" s="14" t="s">
        <v>61</v>
      </c>
      <c r="G73610" s="16">
        <v>0</v>
      </c>
    </row>
    <row r="73611" spans="1:7" x14ac:dyDescent="0.3">
      <c r="A73611" s="13" t="s">
        <v>377</v>
      </c>
      <c r="B73611" s="14" t="s">
        <v>1</v>
      </c>
      <c r="C73611" s="14" t="s">
        <v>47</v>
      </c>
      <c r="D73611" s="14" t="s">
        <v>378</v>
      </c>
      <c r="E73611" s="15">
        <v>45622</v>
      </c>
      <c r="F73611" s="14" t="s">
        <v>61</v>
      </c>
      <c r="G73611" s="16">
        <v>0</v>
      </c>
    </row>
    <row r="73612" spans="1:7" x14ac:dyDescent="0.3">
      <c r="A73612" s="13" t="s">
        <v>377</v>
      </c>
      <c r="B73612" s="14" t="s">
        <v>1</v>
      </c>
      <c r="C73612" s="14" t="s">
        <v>47</v>
      </c>
      <c r="D73612" s="14" t="s">
        <v>378</v>
      </c>
      <c r="E73612" s="15">
        <v>45623</v>
      </c>
      <c r="F73612" s="14" t="s">
        <v>61</v>
      </c>
      <c r="G73612" s="16">
        <v>0</v>
      </c>
    </row>
    <row r="73613" spans="1:7" x14ac:dyDescent="0.3">
      <c r="A73613" s="13" t="s">
        <v>377</v>
      </c>
      <c r="B73613" s="14" t="s">
        <v>1</v>
      </c>
      <c r="C73613" s="14" t="s">
        <v>47</v>
      </c>
      <c r="D73613" s="14" t="s">
        <v>378</v>
      </c>
      <c r="E73613" s="15">
        <v>45624</v>
      </c>
      <c r="F73613" s="14" t="s">
        <v>61</v>
      </c>
      <c r="G73613" s="16">
        <v>0</v>
      </c>
    </row>
    <row r="73614" spans="1:7" x14ac:dyDescent="0.3">
      <c r="A73614" s="13" t="s">
        <v>377</v>
      </c>
      <c r="B73614" s="14" t="s">
        <v>1</v>
      </c>
      <c r="C73614" s="14" t="s">
        <v>47</v>
      </c>
      <c r="D73614" s="14" t="s">
        <v>378</v>
      </c>
      <c r="E73614" s="15">
        <v>45625</v>
      </c>
      <c r="F73614" s="14" t="s">
        <v>61</v>
      </c>
      <c r="G73614" s="16">
        <v>0</v>
      </c>
    </row>
    <row r="73615" spans="1:7" x14ac:dyDescent="0.3">
      <c r="A73615" s="13" t="s">
        <v>377</v>
      </c>
      <c r="B73615" s="14" t="s">
        <v>1</v>
      </c>
      <c r="C73615" s="14" t="s">
        <v>47</v>
      </c>
      <c r="D73615" s="14" t="s">
        <v>378</v>
      </c>
      <c r="E73615" s="15">
        <v>45626</v>
      </c>
      <c r="F73615" s="14" t="s">
        <v>61</v>
      </c>
      <c r="G73615" s="16">
        <v>0</v>
      </c>
    </row>
    <row r="73616" spans="1:7" x14ac:dyDescent="0.3">
      <c r="A73616" s="13" t="s">
        <v>377</v>
      </c>
      <c r="B73616" s="14" t="s">
        <v>1</v>
      </c>
      <c r="C73616" s="14" t="s">
        <v>47</v>
      </c>
      <c r="D73616" s="14" t="s">
        <v>378</v>
      </c>
      <c r="E73616" s="15">
        <v>45627</v>
      </c>
      <c r="F73616" s="14" t="s">
        <v>61</v>
      </c>
      <c r="G73616" s="16">
        <v>0</v>
      </c>
    </row>
    <row r="73617" spans="1:7" x14ac:dyDescent="0.3">
      <c r="A73617" s="13" t="s">
        <v>377</v>
      </c>
      <c r="B73617" s="14" t="s">
        <v>1</v>
      </c>
      <c r="C73617" s="14" t="s">
        <v>47</v>
      </c>
      <c r="D73617" s="14" t="s">
        <v>378</v>
      </c>
      <c r="E73617" s="15">
        <v>45628</v>
      </c>
      <c r="F73617" s="14" t="s">
        <v>61</v>
      </c>
      <c r="G73617" s="16">
        <v>0</v>
      </c>
    </row>
    <row r="73618" spans="1:7" x14ac:dyDescent="0.3">
      <c r="A73618" s="13" t="s">
        <v>377</v>
      </c>
      <c r="B73618" s="14" t="s">
        <v>1</v>
      </c>
      <c r="C73618" s="14" t="s">
        <v>47</v>
      </c>
      <c r="D73618" s="14" t="s">
        <v>378</v>
      </c>
      <c r="E73618" s="15">
        <v>45629</v>
      </c>
      <c r="F73618" s="14" t="s">
        <v>61</v>
      </c>
      <c r="G73618" s="16">
        <v>0</v>
      </c>
    </row>
    <row r="73619" spans="1:7" x14ac:dyDescent="0.3">
      <c r="A73619" s="13" t="s">
        <v>377</v>
      </c>
      <c r="B73619" s="14" t="s">
        <v>1</v>
      </c>
      <c r="C73619" s="14" t="s">
        <v>47</v>
      </c>
      <c r="D73619" s="14" t="s">
        <v>378</v>
      </c>
      <c r="E73619" s="15">
        <v>45630</v>
      </c>
      <c r="F73619" s="14" t="s">
        <v>61</v>
      </c>
      <c r="G73619" s="16">
        <v>0</v>
      </c>
    </row>
    <row r="73620" spans="1:7" x14ac:dyDescent="0.3">
      <c r="A73620" s="13" t="s">
        <v>377</v>
      </c>
      <c r="B73620" s="14" t="s">
        <v>1</v>
      </c>
      <c r="C73620" s="14" t="s">
        <v>47</v>
      </c>
      <c r="D73620" s="14" t="s">
        <v>378</v>
      </c>
      <c r="E73620" s="15">
        <v>45631</v>
      </c>
      <c r="F73620" s="14" t="s">
        <v>61</v>
      </c>
      <c r="G73620" s="16">
        <v>0</v>
      </c>
    </row>
    <row r="73621" spans="1:7" x14ac:dyDescent="0.3">
      <c r="A73621" s="13" t="s">
        <v>377</v>
      </c>
      <c r="B73621" s="14" t="s">
        <v>1</v>
      </c>
      <c r="C73621" s="14" t="s">
        <v>47</v>
      </c>
      <c r="D73621" s="14" t="s">
        <v>378</v>
      </c>
      <c r="E73621" s="15">
        <v>45632</v>
      </c>
      <c r="F73621" s="14" t="s">
        <v>61</v>
      </c>
      <c r="G73621" s="16">
        <v>0</v>
      </c>
    </row>
    <row r="73622" spans="1:7" x14ac:dyDescent="0.3">
      <c r="A73622" s="13" t="s">
        <v>377</v>
      </c>
      <c r="B73622" s="14" t="s">
        <v>1</v>
      </c>
      <c r="C73622" s="14" t="s">
        <v>47</v>
      </c>
      <c r="D73622" s="14" t="s">
        <v>378</v>
      </c>
      <c r="E73622" s="15">
        <v>45633</v>
      </c>
      <c r="F73622" s="14" t="s">
        <v>61</v>
      </c>
      <c r="G73622" s="16">
        <v>0</v>
      </c>
    </row>
    <row r="73623" spans="1:7" x14ac:dyDescent="0.3">
      <c r="A73623" s="13" t="s">
        <v>377</v>
      </c>
      <c r="B73623" s="14" t="s">
        <v>1</v>
      </c>
      <c r="C73623" s="14" t="s">
        <v>47</v>
      </c>
      <c r="D73623" s="14" t="s">
        <v>378</v>
      </c>
      <c r="E73623" s="15">
        <v>45634</v>
      </c>
      <c r="F73623" s="14" t="s">
        <v>61</v>
      </c>
      <c r="G73623" s="16">
        <v>0</v>
      </c>
    </row>
    <row r="73624" spans="1:7" x14ac:dyDescent="0.3">
      <c r="A73624" s="13" t="s">
        <v>377</v>
      </c>
      <c r="B73624" s="14" t="s">
        <v>1</v>
      </c>
      <c r="C73624" s="14" t="s">
        <v>47</v>
      </c>
      <c r="D73624" s="14" t="s">
        <v>378</v>
      </c>
      <c r="E73624" s="15">
        <v>45635</v>
      </c>
      <c r="F73624" s="14" t="s">
        <v>61</v>
      </c>
      <c r="G73624" s="16">
        <v>0</v>
      </c>
    </row>
    <row r="73625" spans="1:7" x14ac:dyDescent="0.3">
      <c r="A73625" s="13" t="s">
        <v>377</v>
      </c>
      <c r="B73625" s="14" t="s">
        <v>1</v>
      </c>
      <c r="C73625" s="14" t="s">
        <v>47</v>
      </c>
      <c r="D73625" s="14" t="s">
        <v>378</v>
      </c>
      <c r="E73625" s="15">
        <v>45636</v>
      </c>
      <c r="F73625" s="14" t="s">
        <v>61</v>
      </c>
      <c r="G73625" s="16">
        <v>0</v>
      </c>
    </row>
    <row r="73626" spans="1:7" x14ac:dyDescent="0.3">
      <c r="A73626" s="13" t="s">
        <v>377</v>
      </c>
      <c r="B73626" s="14" t="s">
        <v>1</v>
      </c>
      <c r="C73626" s="14" t="s">
        <v>47</v>
      </c>
      <c r="D73626" s="14" t="s">
        <v>378</v>
      </c>
      <c r="E73626" s="15">
        <v>45637</v>
      </c>
      <c r="F73626" s="14" t="s">
        <v>61</v>
      </c>
      <c r="G73626" s="16">
        <v>0</v>
      </c>
    </row>
    <row r="73627" spans="1:7" x14ac:dyDescent="0.3">
      <c r="A73627" s="13" t="s">
        <v>377</v>
      </c>
      <c r="B73627" s="14" t="s">
        <v>1</v>
      </c>
      <c r="C73627" s="14" t="s">
        <v>47</v>
      </c>
      <c r="D73627" s="14" t="s">
        <v>378</v>
      </c>
      <c r="E73627" s="15">
        <v>45638</v>
      </c>
      <c r="F73627" s="14" t="s">
        <v>61</v>
      </c>
      <c r="G73627" s="16">
        <v>0</v>
      </c>
    </row>
    <row r="73628" spans="1:7" x14ac:dyDescent="0.3">
      <c r="A73628" s="13" t="s">
        <v>377</v>
      </c>
      <c r="B73628" s="14" t="s">
        <v>1</v>
      </c>
      <c r="C73628" s="14" t="s">
        <v>47</v>
      </c>
      <c r="D73628" s="14" t="s">
        <v>378</v>
      </c>
      <c r="E73628" s="15">
        <v>45639</v>
      </c>
      <c r="F73628" s="14" t="s">
        <v>61</v>
      </c>
      <c r="G73628" s="16">
        <v>0</v>
      </c>
    </row>
    <row r="73629" spans="1:7" x14ac:dyDescent="0.3">
      <c r="A73629" s="13" t="s">
        <v>377</v>
      </c>
      <c r="B73629" s="14" t="s">
        <v>1</v>
      </c>
      <c r="C73629" s="14" t="s">
        <v>47</v>
      </c>
      <c r="D73629" s="14" t="s">
        <v>378</v>
      </c>
      <c r="E73629" s="15">
        <v>45640</v>
      </c>
      <c r="F73629" s="14" t="s">
        <v>61</v>
      </c>
      <c r="G73629" s="16">
        <v>0</v>
      </c>
    </row>
    <row r="73630" spans="1:7" x14ac:dyDescent="0.3">
      <c r="A73630" s="13" t="s">
        <v>377</v>
      </c>
      <c r="B73630" s="14" t="s">
        <v>1</v>
      </c>
      <c r="C73630" s="14" t="s">
        <v>47</v>
      </c>
      <c r="D73630" s="14" t="s">
        <v>378</v>
      </c>
      <c r="E73630" s="15">
        <v>45641</v>
      </c>
      <c r="F73630" s="14" t="s">
        <v>61</v>
      </c>
      <c r="G73630" s="16">
        <v>0</v>
      </c>
    </row>
    <row r="73631" spans="1:7" x14ac:dyDescent="0.3">
      <c r="A73631" s="13" t="s">
        <v>377</v>
      </c>
      <c r="B73631" s="14" t="s">
        <v>1</v>
      </c>
      <c r="C73631" s="14" t="s">
        <v>47</v>
      </c>
      <c r="D73631" s="14" t="s">
        <v>378</v>
      </c>
      <c r="E73631" s="15">
        <v>45642</v>
      </c>
      <c r="F73631" s="14" t="s">
        <v>61</v>
      </c>
      <c r="G73631" s="16">
        <v>0</v>
      </c>
    </row>
    <row r="73632" spans="1:7" x14ac:dyDescent="0.3">
      <c r="A73632" s="13" t="s">
        <v>377</v>
      </c>
      <c r="B73632" s="14" t="s">
        <v>1</v>
      </c>
      <c r="C73632" s="14" t="s">
        <v>47</v>
      </c>
      <c r="D73632" s="14" t="s">
        <v>378</v>
      </c>
      <c r="E73632" s="15">
        <v>45643</v>
      </c>
      <c r="F73632" s="14" t="s">
        <v>61</v>
      </c>
      <c r="G73632" s="16">
        <v>0</v>
      </c>
    </row>
    <row r="73633" spans="1:7" x14ac:dyDescent="0.3">
      <c r="A73633" s="13" t="s">
        <v>377</v>
      </c>
      <c r="B73633" s="14" t="s">
        <v>1</v>
      </c>
      <c r="C73633" s="14" t="s">
        <v>47</v>
      </c>
      <c r="D73633" s="14" t="s">
        <v>378</v>
      </c>
      <c r="E73633" s="15">
        <v>45644</v>
      </c>
      <c r="F73633" s="14" t="s">
        <v>61</v>
      </c>
      <c r="G73633" s="16">
        <v>0</v>
      </c>
    </row>
    <row r="73634" spans="1:7" x14ac:dyDescent="0.3">
      <c r="A73634" s="13" t="s">
        <v>377</v>
      </c>
      <c r="B73634" s="14" t="s">
        <v>1</v>
      </c>
      <c r="C73634" s="14" t="s">
        <v>47</v>
      </c>
      <c r="D73634" s="14" t="s">
        <v>378</v>
      </c>
      <c r="E73634" s="15">
        <v>45645</v>
      </c>
      <c r="F73634" s="14" t="s">
        <v>61</v>
      </c>
      <c r="G73634" s="16">
        <v>0</v>
      </c>
    </row>
    <row r="73635" spans="1:7" x14ac:dyDescent="0.3">
      <c r="A73635" s="13" t="s">
        <v>377</v>
      </c>
      <c r="B73635" s="14" t="s">
        <v>1</v>
      </c>
      <c r="C73635" s="14" t="s">
        <v>47</v>
      </c>
      <c r="D73635" s="14" t="s">
        <v>378</v>
      </c>
      <c r="E73635" s="15">
        <v>45646</v>
      </c>
      <c r="F73635" s="14" t="s">
        <v>61</v>
      </c>
      <c r="G73635" s="16">
        <v>0</v>
      </c>
    </row>
    <row r="73636" spans="1:7" x14ac:dyDescent="0.3">
      <c r="A73636" s="13" t="s">
        <v>377</v>
      </c>
      <c r="B73636" s="14" t="s">
        <v>1</v>
      </c>
      <c r="C73636" s="14" t="s">
        <v>47</v>
      </c>
      <c r="D73636" s="14" t="s">
        <v>378</v>
      </c>
      <c r="E73636" s="15">
        <v>45647</v>
      </c>
      <c r="F73636" s="14" t="s">
        <v>61</v>
      </c>
      <c r="G73636" s="16">
        <v>0</v>
      </c>
    </row>
    <row r="73637" spans="1:7" x14ac:dyDescent="0.3">
      <c r="A73637" s="13" t="s">
        <v>377</v>
      </c>
      <c r="B73637" s="14" t="s">
        <v>1</v>
      </c>
      <c r="C73637" s="14" t="s">
        <v>47</v>
      </c>
      <c r="D73637" s="14" t="s">
        <v>378</v>
      </c>
      <c r="E73637" s="15">
        <v>45648</v>
      </c>
      <c r="F73637" s="14" t="s">
        <v>61</v>
      </c>
      <c r="G73637" s="16">
        <v>0</v>
      </c>
    </row>
    <row r="73638" spans="1:7" x14ac:dyDescent="0.3">
      <c r="A73638" s="13" t="s">
        <v>377</v>
      </c>
      <c r="B73638" s="14" t="s">
        <v>1</v>
      </c>
      <c r="C73638" s="14" t="s">
        <v>47</v>
      </c>
      <c r="D73638" s="14" t="s">
        <v>378</v>
      </c>
      <c r="E73638" s="15">
        <v>45649</v>
      </c>
      <c r="F73638" s="14" t="s">
        <v>61</v>
      </c>
      <c r="G73638" s="16">
        <v>0</v>
      </c>
    </row>
    <row r="73639" spans="1:7" x14ac:dyDescent="0.3">
      <c r="A73639" s="13" t="s">
        <v>377</v>
      </c>
      <c r="B73639" s="14" t="s">
        <v>1</v>
      </c>
      <c r="C73639" s="14" t="s">
        <v>47</v>
      </c>
      <c r="D73639" s="14" t="s">
        <v>378</v>
      </c>
      <c r="E73639" s="15">
        <v>45650</v>
      </c>
      <c r="F73639" s="14" t="s">
        <v>61</v>
      </c>
      <c r="G73639" s="16">
        <v>0</v>
      </c>
    </row>
    <row r="73640" spans="1:7" x14ac:dyDescent="0.3">
      <c r="A73640" s="13" t="s">
        <v>377</v>
      </c>
      <c r="B73640" s="14" t="s">
        <v>1</v>
      </c>
      <c r="C73640" s="14" t="s">
        <v>47</v>
      </c>
      <c r="D73640" s="14" t="s">
        <v>378</v>
      </c>
      <c r="E73640" s="15">
        <v>45651</v>
      </c>
      <c r="F73640" s="14" t="s">
        <v>61</v>
      </c>
      <c r="G73640" s="16">
        <v>0</v>
      </c>
    </row>
    <row r="73641" spans="1:7" x14ac:dyDescent="0.3">
      <c r="A73641" s="13" t="s">
        <v>377</v>
      </c>
      <c r="B73641" s="14" t="s">
        <v>1</v>
      </c>
      <c r="C73641" s="14" t="s">
        <v>47</v>
      </c>
      <c r="D73641" s="14" t="s">
        <v>378</v>
      </c>
      <c r="E73641" s="15">
        <v>45652</v>
      </c>
      <c r="F73641" s="14" t="s">
        <v>61</v>
      </c>
      <c r="G73641" s="16">
        <v>0</v>
      </c>
    </row>
    <row r="73642" spans="1:7" x14ac:dyDescent="0.3">
      <c r="A73642" s="13" t="s">
        <v>377</v>
      </c>
      <c r="B73642" s="14" t="s">
        <v>1</v>
      </c>
      <c r="C73642" s="14" t="s">
        <v>47</v>
      </c>
      <c r="D73642" s="14" t="s">
        <v>378</v>
      </c>
      <c r="E73642" s="15">
        <v>45653</v>
      </c>
      <c r="F73642" s="14" t="s">
        <v>61</v>
      </c>
      <c r="G73642" s="16">
        <v>0</v>
      </c>
    </row>
    <row r="73643" spans="1:7" x14ac:dyDescent="0.3">
      <c r="A73643" s="13" t="s">
        <v>377</v>
      </c>
      <c r="B73643" s="14" t="s">
        <v>1</v>
      </c>
      <c r="C73643" s="14" t="s">
        <v>47</v>
      </c>
      <c r="D73643" s="14" t="s">
        <v>378</v>
      </c>
      <c r="E73643" s="15">
        <v>45654</v>
      </c>
      <c r="F73643" s="14" t="s">
        <v>61</v>
      </c>
      <c r="G73643" s="16">
        <v>0</v>
      </c>
    </row>
    <row r="73644" spans="1:7" x14ac:dyDescent="0.3">
      <c r="A73644" s="13" t="s">
        <v>377</v>
      </c>
      <c r="B73644" s="14" t="s">
        <v>1</v>
      </c>
      <c r="C73644" s="14" t="s">
        <v>47</v>
      </c>
      <c r="D73644" s="14" t="s">
        <v>378</v>
      </c>
      <c r="E73644" s="15">
        <v>45655</v>
      </c>
      <c r="F73644" s="14" t="s">
        <v>61</v>
      </c>
      <c r="G73644" s="16">
        <v>0</v>
      </c>
    </row>
    <row r="73645" spans="1:7" x14ac:dyDescent="0.3">
      <c r="A73645" s="13" t="s">
        <v>377</v>
      </c>
      <c r="B73645" s="14" t="s">
        <v>1</v>
      </c>
      <c r="C73645" s="14" t="s">
        <v>47</v>
      </c>
      <c r="D73645" s="14" t="s">
        <v>378</v>
      </c>
      <c r="E73645" s="15">
        <v>45656</v>
      </c>
      <c r="F73645" s="14" t="s">
        <v>61</v>
      </c>
      <c r="G73645" s="16">
        <v>0</v>
      </c>
    </row>
    <row r="73646" spans="1:7" x14ac:dyDescent="0.3">
      <c r="A73646" s="13" t="s">
        <v>377</v>
      </c>
      <c r="B73646" s="14" t="s">
        <v>1</v>
      </c>
      <c r="C73646" s="14" t="s">
        <v>47</v>
      </c>
      <c r="D73646" s="14" t="s">
        <v>378</v>
      </c>
      <c r="E73646" s="15">
        <v>45657</v>
      </c>
      <c r="F73646" s="14" t="s">
        <v>61</v>
      </c>
      <c r="G73646" s="16">
        <v>0</v>
      </c>
    </row>
    <row r="73647" spans="1:7" x14ac:dyDescent="0.3">
      <c r="A73647" s="13" t="s">
        <v>377</v>
      </c>
      <c r="B73647" s="14" t="s">
        <v>1</v>
      </c>
      <c r="C73647" s="14" t="s">
        <v>47</v>
      </c>
      <c r="D73647" s="14" t="s">
        <v>378</v>
      </c>
      <c r="E73647" s="15">
        <v>45658</v>
      </c>
      <c r="F73647" s="14" t="s">
        <v>61</v>
      </c>
      <c r="G73647" s="16">
        <v>0</v>
      </c>
    </row>
    <row r="73648" spans="1:7" x14ac:dyDescent="0.3">
      <c r="A73648" s="13" t="s">
        <v>377</v>
      </c>
      <c r="B73648" s="14" t="s">
        <v>1</v>
      </c>
      <c r="C73648" s="14" t="s">
        <v>47</v>
      </c>
      <c r="D73648" s="14" t="s">
        <v>378</v>
      </c>
      <c r="E73648" s="15">
        <v>45659</v>
      </c>
      <c r="F73648" s="14" t="s">
        <v>61</v>
      </c>
      <c r="G73648" s="16">
        <v>0</v>
      </c>
    </row>
    <row r="73649" spans="1:7" x14ac:dyDescent="0.3">
      <c r="A73649" s="13" t="s">
        <v>377</v>
      </c>
      <c r="B73649" s="14" t="s">
        <v>1</v>
      </c>
      <c r="C73649" s="14" t="s">
        <v>47</v>
      </c>
      <c r="D73649" s="14" t="s">
        <v>378</v>
      </c>
      <c r="E73649" s="15">
        <v>45660</v>
      </c>
      <c r="F73649" s="14" t="s">
        <v>61</v>
      </c>
      <c r="G73649" s="16">
        <v>0</v>
      </c>
    </row>
    <row r="73650" spans="1:7" x14ac:dyDescent="0.3">
      <c r="A73650" s="13" t="s">
        <v>377</v>
      </c>
      <c r="B73650" s="14" t="s">
        <v>1</v>
      </c>
      <c r="C73650" s="14" t="s">
        <v>47</v>
      </c>
      <c r="D73650" s="14" t="s">
        <v>378</v>
      </c>
      <c r="E73650" s="15">
        <v>45661</v>
      </c>
      <c r="F73650" s="14" t="s">
        <v>61</v>
      </c>
      <c r="G73650" s="16">
        <v>0</v>
      </c>
    </row>
    <row r="73651" spans="1:7" x14ac:dyDescent="0.3">
      <c r="A73651" s="13" t="s">
        <v>377</v>
      </c>
      <c r="B73651" s="14" t="s">
        <v>1</v>
      </c>
      <c r="C73651" s="14" t="s">
        <v>47</v>
      </c>
      <c r="D73651" s="14" t="s">
        <v>378</v>
      </c>
      <c r="E73651" s="15">
        <v>45662</v>
      </c>
      <c r="F73651" s="14" t="s">
        <v>61</v>
      </c>
      <c r="G73651" s="16">
        <v>0</v>
      </c>
    </row>
    <row r="73652" spans="1:7" x14ac:dyDescent="0.3">
      <c r="A73652" s="13" t="s">
        <v>377</v>
      </c>
      <c r="B73652" s="14" t="s">
        <v>1</v>
      </c>
      <c r="C73652" s="14" t="s">
        <v>47</v>
      </c>
      <c r="D73652" s="14" t="s">
        <v>378</v>
      </c>
      <c r="E73652" s="15">
        <v>45663</v>
      </c>
      <c r="F73652" s="14" t="s">
        <v>61</v>
      </c>
      <c r="G73652" s="16">
        <v>0</v>
      </c>
    </row>
    <row r="73653" spans="1:7" x14ac:dyDescent="0.3">
      <c r="A73653" s="13" t="s">
        <v>377</v>
      </c>
      <c r="B73653" s="14" t="s">
        <v>1</v>
      </c>
      <c r="C73653" s="14" t="s">
        <v>47</v>
      </c>
      <c r="D73653" s="14" t="s">
        <v>378</v>
      </c>
      <c r="E73653" s="15">
        <v>45664</v>
      </c>
      <c r="F73653" s="14" t="s">
        <v>61</v>
      </c>
      <c r="G73653" s="16">
        <v>0</v>
      </c>
    </row>
    <row r="73654" spans="1:7" x14ac:dyDescent="0.3">
      <c r="A73654" s="13" t="s">
        <v>377</v>
      </c>
      <c r="B73654" s="14" t="s">
        <v>1</v>
      </c>
      <c r="C73654" s="14" t="s">
        <v>47</v>
      </c>
      <c r="D73654" s="14" t="s">
        <v>378</v>
      </c>
      <c r="E73654" s="15">
        <v>45665</v>
      </c>
      <c r="F73654" s="14" t="s">
        <v>61</v>
      </c>
      <c r="G73654" s="16">
        <v>0</v>
      </c>
    </row>
    <row r="73655" spans="1:7" x14ac:dyDescent="0.3">
      <c r="A73655" s="13" t="s">
        <v>377</v>
      </c>
      <c r="B73655" s="14" t="s">
        <v>1</v>
      </c>
      <c r="C73655" s="14" t="s">
        <v>47</v>
      </c>
      <c r="D73655" s="14" t="s">
        <v>378</v>
      </c>
      <c r="E73655" s="15">
        <v>45666</v>
      </c>
      <c r="F73655" s="14" t="s">
        <v>61</v>
      </c>
      <c r="G73655" s="16">
        <v>0</v>
      </c>
    </row>
    <row r="73656" spans="1:7" x14ac:dyDescent="0.3">
      <c r="A73656" s="13" t="s">
        <v>377</v>
      </c>
      <c r="B73656" s="14" t="s">
        <v>1</v>
      </c>
      <c r="C73656" s="14" t="s">
        <v>47</v>
      </c>
      <c r="D73656" s="14" t="s">
        <v>378</v>
      </c>
      <c r="E73656" s="15">
        <v>45667</v>
      </c>
      <c r="F73656" s="14" t="s">
        <v>61</v>
      </c>
      <c r="G73656" s="16">
        <v>0</v>
      </c>
    </row>
    <row r="73657" spans="1:7" x14ac:dyDescent="0.3">
      <c r="A73657" s="13" t="s">
        <v>377</v>
      </c>
      <c r="B73657" s="14" t="s">
        <v>1</v>
      </c>
      <c r="C73657" s="14" t="s">
        <v>47</v>
      </c>
      <c r="D73657" s="14" t="s">
        <v>378</v>
      </c>
      <c r="E73657" s="15">
        <v>45668</v>
      </c>
      <c r="F73657" s="14" t="s">
        <v>61</v>
      </c>
      <c r="G73657" s="16">
        <v>0</v>
      </c>
    </row>
    <row r="73658" spans="1:7" x14ac:dyDescent="0.3">
      <c r="A73658" s="13" t="s">
        <v>377</v>
      </c>
      <c r="B73658" s="14" t="s">
        <v>1</v>
      </c>
      <c r="C73658" s="14" t="s">
        <v>47</v>
      </c>
      <c r="D73658" s="14" t="s">
        <v>378</v>
      </c>
      <c r="E73658" s="15">
        <v>45669</v>
      </c>
      <c r="F73658" s="14" t="s">
        <v>61</v>
      </c>
      <c r="G73658" s="16">
        <v>0</v>
      </c>
    </row>
    <row r="73659" spans="1:7" x14ac:dyDescent="0.3">
      <c r="A73659" s="13" t="s">
        <v>377</v>
      </c>
      <c r="B73659" s="14" t="s">
        <v>1</v>
      </c>
      <c r="C73659" s="14" t="s">
        <v>47</v>
      </c>
      <c r="D73659" s="14" t="s">
        <v>378</v>
      </c>
      <c r="E73659" s="15">
        <v>45670</v>
      </c>
      <c r="F73659" s="14" t="s">
        <v>61</v>
      </c>
      <c r="G73659" s="16">
        <v>0</v>
      </c>
    </row>
    <row r="73660" spans="1:7" x14ac:dyDescent="0.3">
      <c r="A73660" s="13" t="s">
        <v>377</v>
      </c>
      <c r="B73660" s="14" t="s">
        <v>1</v>
      </c>
      <c r="C73660" s="14" t="s">
        <v>47</v>
      </c>
      <c r="D73660" s="14" t="s">
        <v>378</v>
      </c>
      <c r="E73660" s="15">
        <v>45671</v>
      </c>
      <c r="F73660" s="14" t="s">
        <v>61</v>
      </c>
      <c r="G73660" s="16">
        <v>0</v>
      </c>
    </row>
    <row r="73661" spans="1:7" x14ac:dyDescent="0.3">
      <c r="A73661" s="13" t="s">
        <v>377</v>
      </c>
      <c r="B73661" s="14" t="s">
        <v>1</v>
      </c>
      <c r="C73661" s="14" t="s">
        <v>47</v>
      </c>
      <c r="D73661" s="14" t="s">
        <v>378</v>
      </c>
      <c r="E73661" s="15">
        <v>45672</v>
      </c>
      <c r="F73661" s="14" t="s">
        <v>61</v>
      </c>
      <c r="G73661" s="16">
        <v>0</v>
      </c>
    </row>
    <row r="73662" spans="1:7" x14ac:dyDescent="0.3">
      <c r="A73662" s="13" t="s">
        <v>377</v>
      </c>
      <c r="B73662" s="14" t="s">
        <v>1</v>
      </c>
      <c r="C73662" s="14" t="s">
        <v>47</v>
      </c>
      <c r="D73662" s="14" t="s">
        <v>378</v>
      </c>
      <c r="E73662" s="15">
        <v>45673</v>
      </c>
      <c r="F73662" s="14" t="s">
        <v>61</v>
      </c>
      <c r="G73662" s="16">
        <v>0</v>
      </c>
    </row>
    <row r="73663" spans="1:7" x14ac:dyDescent="0.3">
      <c r="A73663" s="13" t="s">
        <v>377</v>
      </c>
      <c r="B73663" s="14" t="s">
        <v>1</v>
      </c>
      <c r="C73663" s="14" t="s">
        <v>47</v>
      </c>
      <c r="D73663" s="14" t="s">
        <v>378</v>
      </c>
      <c r="E73663" s="15">
        <v>45674</v>
      </c>
      <c r="F73663" s="14" t="s">
        <v>61</v>
      </c>
      <c r="G73663" s="16">
        <v>0</v>
      </c>
    </row>
    <row r="73664" spans="1:7" x14ac:dyDescent="0.3">
      <c r="A73664" s="13" t="s">
        <v>377</v>
      </c>
      <c r="B73664" s="14" t="s">
        <v>1</v>
      </c>
      <c r="C73664" s="14" t="s">
        <v>47</v>
      </c>
      <c r="D73664" s="14" t="s">
        <v>378</v>
      </c>
      <c r="E73664" s="15">
        <v>45675</v>
      </c>
      <c r="F73664" s="14" t="s">
        <v>61</v>
      </c>
      <c r="G73664" s="16">
        <v>0</v>
      </c>
    </row>
    <row r="73665" spans="1:7" x14ac:dyDescent="0.3">
      <c r="A73665" s="13" t="s">
        <v>377</v>
      </c>
      <c r="B73665" s="14" t="s">
        <v>1</v>
      </c>
      <c r="C73665" s="14" t="s">
        <v>47</v>
      </c>
      <c r="D73665" s="14" t="s">
        <v>378</v>
      </c>
      <c r="E73665" s="15">
        <v>45676</v>
      </c>
      <c r="F73665" s="14" t="s">
        <v>61</v>
      </c>
      <c r="G73665" s="16">
        <v>0</v>
      </c>
    </row>
    <row r="73666" spans="1:7" x14ac:dyDescent="0.3">
      <c r="A73666" s="13" t="s">
        <v>377</v>
      </c>
      <c r="B73666" s="14" t="s">
        <v>1</v>
      </c>
      <c r="C73666" s="14" t="s">
        <v>47</v>
      </c>
      <c r="D73666" s="14" t="s">
        <v>378</v>
      </c>
      <c r="E73666" s="15">
        <v>45677</v>
      </c>
      <c r="F73666" s="14" t="s">
        <v>61</v>
      </c>
      <c r="G73666" s="16">
        <v>0</v>
      </c>
    </row>
    <row r="73667" spans="1:7" x14ac:dyDescent="0.3">
      <c r="A73667" s="13" t="s">
        <v>377</v>
      </c>
      <c r="B73667" s="14" t="s">
        <v>1</v>
      </c>
      <c r="C73667" s="14" t="s">
        <v>47</v>
      </c>
      <c r="D73667" s="14" t="s">
        <v>378</v>
      </c>
      <c r="E73667" s="15">
        <v>45678</v>
      </c>
      <c r="F73667" s="14" t="s">
        <v>61</v>
      </c>
      <c r="G73667" s="16">
        <v>0</v>
      </c>
    </row>
    <row r="73668" spans="1:7" x14ac:dyDescent="0.3">
      <c r="A73668" s="13" t="s">
        <v>377</v>
      </c>
      <c r="B73668" s="14" t="s">
        <v>1</v>
      </c>
      <c r="C73668" s="14" t="s">
        <v>47</v>
      </c>
      <c r="D73668" s="14" t="s">
        <v>378</v>
      </c>
      <c r="E73668" s="15">
        <v>45679</v>
      </c>
      <c r="F73668" s="14" t="s">
        <v>61</v>
      </c>
      <c r="G73668" s="16">
        <v>0</v>
      </c>
    </row>
    <row r="73669" spans="1:7" x14ac:dyDescent="0.3">
      <c r="A73669" s="13" t="s">
        <v>377</v>
      </c>
      <c r="B73669" s="14" t="s">
        <v>1</v>
      </c>
      <c r="C73669" s="14" t="s">
        <v>47</v>
      </c>
      <c r="D73669" s="14" t="s">
        <v>378</v>
      </c>
      <c r="E73669" s="15">
        <v>45680</v>
      </c>
      <c r="F73669" s="14" t="s">
        <v>61</v>
      </c>
      <c r="G73669" s="16">
        <v>0</v>
      </c>
    </row>
    <row r="73670" spans="1:7" x14ac:dyDescent="0.3">
      <c r="A73670" s="13" t="s">
        <v>377</v>
      </c>
      <c r="B73670" s="14" t="s">
        <v>1</v>
      </c>
      <c r="C73670" s="14" t="s">
        <v>47</v>
      </c>
      <c r="D73670" s="14" t="s">
        <v>378</v>
      </c>
      <c r="E73670" s="15">
        <v>45681</v>
      </c>
      <c r="F73670" s="14" t="s">
        <v>61</v>
      </c>
      <c r="G73670" s="16">
        <v>0</v>
      </c>
    </row>
    <row r="73671" spans="1:7" x14ac:dyDescent="0.3">
      <c r="A73671" s="13" t="s">
        <v>377</v>
      </c>
      <c r="B73671" s="14" t="s">
        <v>1</v>
      </c>
      <c r="C73671" s="14" t="s">
        <v>47</v>
      </c>
      <c r="D73671" s="14" t="s">
        <v>378</v>
      </c>
      <c r="E73671" s="15">
        <v>45682</v>
      </c>
      <c r="F73671" s="14" t="s">
        <v>61</v>
      </c>
      <c r="G73671" s="16">
        <v>0</v>
      </c>
    </row>
    <row r="73672" spans="1:7" x14ac:dyDescent="0.3">
      <c r="A73672" s="13" t="s">
        <v>377</v>
      </c>
      <c r="B73672" s="14" t="s">
        <v>1</v>
      </c>
      <c r="C73672" s="14" t="s">
        <v>47</v>
      </c>
      <c r="D73672" s="14" t="s">
        <v>378</v>
      </c>
      <c r="E73672" s="15">
        <v>45683</v>
      </c>
      <c r="F73672" s="14" t="s">
        <v>61</v>
      </c>
      <c r="G73672" s="16">
        <v>0</v>
      </c>
    </row>
    <row r="73673" spans="1:7" x14ac:dyDescent="0.3">
      <c r="A73673" s="13" t="s">
        <v>377</v>
      </c>
      <c r="B73673" s="14" t="s">
        <v>1</v>
      </c>
      <c r="C73673" s="14" t="s">
        <v>47</v>
      </c>
      <c r="D73673" s="14" t="s">
        <v>378</v>
      </c>
      <c r="E73673" s="15">
        <v>45684</v>
      </c>
      <c r="F73673" s="14" t="s">
        <v>61</v>
      </c>
      <c r="G73673" s="16">
        <v>0</v>
      </c>
    </row>
    <row r="73674" spans="1:7" x14ac:dyDescent="0.3">
      <c r="A73674" s="13" t="s">
        <v>377</v>
      </c>
      <c r="B73674" s="14" t="s">
        <v>1</v>
      </c>
      <c r="C73674" s="14" t="s">
        <v>47</v>
      </c>
      <c r="D73674" s="14" t="s">
        <v>378</v>
      </c>
      <c r="E73674" s="15">
        <v>45685</v>
      </c>
      <c r="F73674" s="14" t="s">
        <v>61</v>
      </c>
      <c r="G73674" s="16">
        <v>0</v>
      </c>
    </row>
    <row r="73675" spans="1:7" x14ac:dyDescent="0.3">
      <c r="A73675" s="13" t="s">
        <v>377</v>
      </c>
      <c r="B73675" s="14" t="s">
        <v>1</v>
      </c>
      <c r="C73675" s="14" t="s">
        <v>47</v>
      </c>
      <c r="D73675" s="14" t="s">
        <v>378</v>
      </c>
      <c r="E73675" s="15">
        <v>45686</v>
      </c>
      <c r="F73675" s="14" t="s">
        <v>61</v>
      </c>
      <c r="G73675" s="16">
        <v>0</v>
      </c>
    </row>
    <row r="73676" spans="1:7" x14ac:dyDescent="0.3">
      <c r="A73676" s="13" t="s">
        <v>377</v>
      </c>
      <c r="B73676" s="14" t="s">
        <v>1</v>
      </c>
      <c r="C73676" s="14" t="s">
        <v>47</v>
      </c>
      <c r="D73676" s="14" t="s">
        <v>378</v>
      </c>
      <c r="E73676" s="15">
        <v>45687</v>
      </c>
      <c r="F73676" s="14" t="s">
        <v>61</v>
      </c>
      <c r="G73676" s="16">
        <v>0</v>
      </c>
    </row>
    <row r="73677" spans="1:7" x14ac:dyDescent="0.3">
      <c r="A73677" s="13" t="s">
        <v>377</v>
      </c>
      <c r="B73677" s="14" t="s">
        <v>1</v>
      </c>
      <c r="C73677" s="14" t="s">
        <v>47</v>
      </c>
      <c r="D73677" s="14" t="s">
        <v>378</v>
      </c>
      <c r="E73677" s="15">
        <v>45688</v>
      </c>
      <c r="F73677" s="14" t="s">
        <v>61</v>
      </c>
      <c r="G73677" s="16">
        <v>0</v>
      </c>
    </row>
    <row r="73678" spans="1:7" x14ac:dyDescent="0.3">
      <c r="A73678" s="13" t="s">
        <v>377</v>
      </c>
      <c r="B73678" s="14" t="s">
        <v>1</v>
      </c>
      <c r="C73678" s="14" t="s">
        <v>47</v>
      </c>
      <c r="D73678" s="14" t="s">
        <v>378</v>
      </c>
      <c r="E73678" s="15">
        <v>45689</v>
      </c>
      <c r="F73678" s="14" t="s">
        <v>61</v>
      </c>
      <c r="G73678" s="16">
        <v>0</v>
      </c>
    </row>
    <row r="73679" spans="1:7" x14ac:dyDescent="0.3">
      <c r="A73679" s="13" t="s">
        <v>377</v>
      </c>
      <c r="B73679" s="14" t="s">
        <v>1</v>
      </c>
      <c r="C73679" s="14" t="s">
        <v>47</v>
      </c>
      <c r="D73679" s="14" t="s">
        <v>378</v>
      </c>
      <c r="E73679" s="15">
        <v>45690</v>
      </c>
      <c r="F73679" s="14" t="s">
        <v>61</v>
      </c>
      <c r="G73679" s="16">
        <v>0</v>
      </c>
    </row>
    <row r="73680" spans="1:7" x14ac:dyDescent="0.3">
      <c r="A73680" s="13" t="s">
        <v>377</v>
      </c>
      <c r="B73680" s="14" t="s">
        <v>1</v>
      </c>
      <c r="C73680" s="14" t="s">
        <v>47</v>
      </c>
      <c r="D73680" s="14" t="s">
        <v>378</v>
      </c>
      <c r="E73680" s="15">
        <v>45691</v>
      </c>
      <c r="F73680" s="14" t="s">
        <v>61</v>
      </c>
      <c r="G73680" s="16">
        <v>0</v>
      </c>
    </row>
    <row r="73681" spans="1:7" x14ac:dyDescent="0.3">
      <c r="A73681" s="13" t="s">
        <v>377</v>
      </c>
      <c r="B73681" s="14" t="s">
        <v>1</v>
      </c>
      <c r="C73681" s="14" t="s">
        <v>47</v>
      </c>
      <c r="D73681" s="14" t="s">
        <v>378</v>
      </c>
      <c r="E73681" s="15">
        <v>45692</v>
      </c>
      <c r="F73681" s="14" t="s">
        <v>61</v>
      </c>
      <c r="G73681" s="16">
        <v>0</v>
      </c>
    </row>
    <row r="73682" spans="1:7" x14ac:dyDescent="0.3">
      <c r="A73682" s="13" t="s">
        <v>377</v>
      </c>
      <c r="B73682" s="14" t="s">
        <v>1</v>
      </c>
      <c r="C73682" s="14" t="s">
        <v>47</v>
      </c>
      <c r="D73682" s="14" t="s">
        <v>378</v>
      </c>
      <c r="E73682" s="15">
        <v>45693</v>
      </c>
      <c r="F73682" s="14" t="s">
        <v>61</v>
      </c>
      <c r="G73682" s="16">
        <v>0</v>
      </c>
    </row>
    <row r="73683" spans="1:7" x14ac:dyDescent="0.3">
      <c r="A73683" s="13" t="s">
        <v>377</v>
      </c>
      <c r="B73683" s="14" t="s">
        <v>1</v>
      </c>
      <c r="C73683" s="14" t="s">
        <v>47</v>
      </c>
      <c r="D73683" s="14" t="s">
        <v>378</v>
      </c>
      <c r="E73683" s="15">
        <v>45694</v>
      </c>
      <c r="F73683" s="14" t="s">
        <v>61</v>
      </c>
      <c r="G73683" s="16">
        <v>0</v>
      </c>
    </row>
    <row r="73684" spans="1:7" x14ac:dyDescent="0.3">
      <c r="A73684" s="13" t="s">
        <v>377</v>
      </c>
      <c r="B73684" s="14" t="s">
        <v>1</v>
      </c>
      <c r="C73684" s="14" t="s">
        <v>47</v>
      </c>
      <c r="D73684" s="14" t="s">
        <v>378</v>
      </c>
      <c r="E73684" s="15">
        <v>45695</v>
      </c>
      <c r="F73684" s="14" t="s">
        <v>61</v>
      </c>
      <c r="G73684" s="16">
        <v>0</v>
      </c>
    </row>
    <row r="73685" spans="1:7" x14ac:dyDescent="0.3">
      <c r="A73685" s="13" t="s">
        <v>377</v>
      </c>
      <c r="B73685" s="14" t="s">
        <v>1</v>
      </c>
      <c r="C73685" s="14" t="s">
        <v>47</v>
      </c>
      <c r="D73685" s="14" t="s">
        <v>378</v>
      </c>
      <c r="E73685" s="15">
        <v>45696</v>
      </c>
      <c r="F73685" s="14" t="s">
        <v>61</v>
      </c>
      <c r="G73685" s="16">
        <v>0</v>
      </c>
    </row>
    <row r="73686" spans="1:7" x14ac:dyDescent="0.3">
      <c r="A73686" s="13" t="s">
        <v>377</v>
      </c>
      <c r="B73686" s="14" t="s">
        <v>1</v>
      </c>
      <c r="C73686" s="14" t="s">
        <v>47</v>
      </c>
      <c r="D73686" s="14" t="s">
        <v>378</v>
      </c>
      <c r="E73686" s="15">
        <v>45697</v>
      </c>
      <c r="F73686" s="14" t="s">
        <v>61</v>
      </c>
      <c r="G73686" s="16">
        <v>0</v>
      </c>
    </row>
    <row r="73687" spans="1:7" x14ac:dyDescent="0.3">
      <c r="A73687" s="13" t="s">
        <v>377</v>
      </c>
      <c r="B73687" s="14" t="s">
        <v>1</v>
      </c>
      <c r="C73687" s="14" t="s">
        <v>47</v>
      </c>
      <c r="D73687" s="14" t="s">
        <v>378</v>
      </c>
      <c r="E73687" s="15">
        <v>45698</v>
      </c>
      <c r="F73687" s="14" t="s">
        <v>61</v>
      </c>
      <c r="G73687" s="16">
        <v>0</v>
      </c>
    </row>
    <row r="73688" spans="1:7" x14ac:dyDescent="0.3">
      <c r="A73688" s="13" t="s">
        <v>377</v>
      </c>
      <c r="B73688" s="14" t="s">
        <v>1</v>
      </c>
      <c r="C73688" s="14" t="s">
        <v>47</v>
      </c>
      <c r="D73688" s="14" t="s">
        <v>378</v>
      </c>
      <c r="E73688" s="15">
        <v>45699</v>
      </c>
      <c r="F73688" s="14" t="s">
        <v>61</v>
      </c>
      <c r="G73688" s="16">
        <v>0</v>
      </c>
    </row>
    <row r="73689" spans="1:7" x14ac:dyDescent="0.3">
      <c r="A73689" s="13" t="s">
        <v>377</v>
      </c>
      <c r="B73689" s="14" t="s">
        <v>1</v>
      </c>
      <c r="C73689" s="14" t="s">
        <v>47</v>
      </c>
      <c r="D73689" s="14" t="s">
        <v>378</v>
      </c>
      <c r="E73689" s="15">
        <v>45700</v>
      </c>
      <c r="F73689" s="14" t="s">
        <v>61</v>
      </c>
      <c r="G73689" s="16">
        <v>0</v>
      </c>
    </row>
    <row r="73690" spans="1:7" x14ac:dyDescent="0.3">
      <c r="A73690" s="13" t="s">
        <v>377</v>
      </c>
      <c r="B73690" s="14" t="s">
        <v>1</v>
      </c>
      <c r="C73690" s="14" t="s">
        <v>47</v>
      </c>
      <c r="D73690" s="14" t="s">
        <v>378</v>
      </c>
      <c r="E73690" s="15">
        <v>45701</v>
      </c>
      <c r="F73690" s="14" t="s">
        <v>61</v>
      </c>
      <c r="G73690" s="16">
        <v>0</v>
      </c>
    </row>
    <row r="73691" spans="1:7" x14ac:dyDescent="0.3">
      <c r="A73691" s="13" t="s">
        <v>377</v>
      </c>
      <c r="B73691" s="14" t="s">
        <v>1</v>
      </c>
      <c r="C73691" s="14" t="s">
        <v>47</v>
      </c>
      <c r="D73691" s="14" t="s">
        <v>378</v>
      </c>
      <c r="E73691" s="15">
        <v>45702</v>
      </c>
      <c r="F73691" s="14" t="s">
        <v>61</v>
      </c>
      <c r="G73691" s="16">
        <v>0</v>
      </c>
    </row>
    <row r="73692" spans="1:7" x14ac:dyDescent="0.3">
      <c r="A73692" s="13" t="s">
        <v>377</v>
      </c>
      <c r="B73692" s="14" t="s">
        <v>1</v>
      </c>
      <c r="C73692" s="14" t="s">
        <v>47</v>
      </c>
      <c r="D73692" s="14" t="s">
        <v>378</v>
      </c>
      <c r="E73692" s="15">
        <v>45703</v>
      </c>
      <c r="F73692" s="14" t="s">
        <v>61</v>
      </c>
      <c r="G73692" s="16">
        <v>0</v>
      </c>
    </row>
    <row r="73693" spans="1:7" x14ac:dyDescent="0.3">
      <c r="A73693" s="13" t="s">
        <v>377</v>
      </c>
      <c r="B73693" s="14" t="s">
        <v>1</v>
      </c>
      <c r="C73693" s="14" t="s">
        <v>47</v>
      </c>
      <c r="D73693" s="14" t="s">
        <v>378</v>
      </c>
      <c r="E73693" s="15">
        <v>45704</v>
      </c>
      <c r="F73693" s="14" t="s">
        <v>61</v>
      </c>
      <c r="G73693" s="16">
        <v>0</v>
      </c>
    </row>
    <row r="73694" spans="1:7" x14ac:dyDescent="0.3">
      <c r="A73694" s="13" t="s">
        <v>377</v>
      </c>
      <c r="B73694" s="14" t="s">
        <v>1</v>
      </c>
      <c r="C73694" s="14" t="s">
        <v>47</v>
      </c>
      <c r="D73694" s="14" t="s">
        <v>378</v>
      </c>
      <c r="E73694" s="15">
        <v>45705</v>
      </c>
      <c r="F73694" s="14" t="s">
        <v>61</v>
      </c>
      <c r="G73694" s="16">
        <v>0</v>
      </c>
    </row>
    <row r="73695" spans="1:7" x14ac:dyDescent="0.3">
      <c r="A73695" s="13" t="s">
        <v>377</v>
      </c>
      <c r="B73695" s="14" t="s">
        <v>1</v>
      </c>
      <c r="C73695" s="14" t="s">
        <v>47</v>
      </c>
      <c r="D73695" s="14" t="s">
        <v>378</v>
      </c>
      <c r="E73695" s="15">
        <v>45706</v>
      </c>
      <c r="F73695" s="14" t="s">
        <v>61</v>
      </c>
      <c r="G73695" s="16">
        <v>0</v>
      </c>
    </row>
    <row r="73696" spans="1:7" x14ac:dyDescent="0.3">
      <c r="A73696" s="13" t="s">
        <v>377</v>
      </c>
      <c r="B73696" s="14" t="s">
        <v>1</v>
      </c>
      <c r="C73696" s="14" t="s">
        <v>47</v>
      </c>
      <c r="D73696" s="14" t="s">
        <v>378</v>
      </c>
      <c r="E73696" s="15">
        <v>45707</v>
      </c>
      <c r="F73696" s="14" t="s">
        <v>61</v>
      </c>
      <c r="G73696" s="16">
        <v>0</v>
      </c>
    </row>
    <row r="73697" spans="1:7" x14ac:dyDescent="0.3">
      <c r="A73697" s="13" t="s">
        <v>377</v>
      </c>
      <c r="B73697" s="14" t="s">
        <v>1</v>
      </c>
      <c r="C73697" s="14" t="s">
        <v>47</v>
      </c>
      <c r="D73697" s="14" t="s">
        <v>378</v>
      </c>
      <c r="E73697" s="15">
        <v>45708</v>
      </c>
      <c r="F73697" s="14" t="s">
        <v>61</v>
      </c>
      <c r="G73697" s="16">
        <v>0</v>
      </c>
    </row>
    <row r="73698" spans="1:7" x14ac:dyDescent="0.3">
      <c r="A73698" s="13" t="s">
        <v>377</v>
      </c>
      <c r="B73698" s="14" t="s">
        <v>1</v>
      </c>
      <c r="C73698" s="14" t="s">
        <v>47</v>
      </c>
      <c r="D73698" s="14" t="s">
        <v>378</v>
      </c>
      <c r="E73698" s="15">
        <v>45709</v>
      </c>
      <c r="F73698" s="14" t="s">
        <v>61</v>
      </c>
      <c r="G73698" s="16">
        <v>0</v>
      </c>
    </row>
    <row r="73699" spans="1:7" x14ac:dyDescent="0.3">
      <c r="A73699" s="13" t="s">
        <v>377</v>
      </c>
      <c r="B73699" s="14" t="s">
        <v>1</v>
      </c>
      <c r="C73699" s="14" t="s">
        <v>47</v>
      </c>
      <c r="D73699" s="14" t="s">
        <v>378</v>
      </c>
      <c r="E73699" s="15">
        <v>45710</v>
      </c>
      <c r="F73699" s="14" t="s">
        <v>61</v>
      </c>
      <c r="G73699" s="16">
        <v>0</v>
      </c>
    </row>
    <row r="73700" spans="1:7" x14ac:dyDescent="0.3">
      <c r="A73700" s="13" t="s">
        <v>377</v>
      </c>
      <c r="B73700" s="14" t="s">
        <v>1</v>
      </c>
      <c r="C73700" s="14" t="s">
        <v>47</v>
      </c>
      <c r="D73700" s="14" t="s">
        <v>378</v>
      </c>
      <c r="E73700" s="15">
        <v>45711</v>
      </c>
      <c r="F73700" s="14" t="s">
        <v>61</v>
      </c>
      <c r="G73700" s="16">
        <v>0</v>
      </c>
    </row>
    <row r="73701" spans="1:7" x14ac:dyDescent="0.3">
      <c r="A73701" s="13" t="s">
        <v>377</v>
      </c>
      <c r="B73701" s="14" t="s">
        <v>1</v>
      </c>
      <c r="C73701" s="14" t="s">
        <v>47</v>
      </c>
      <c r="D73701" s="14" t="s">
        <v>378</v>
      </c>
      <c r="E73701" s="15">
        <v>45712</v>
      </c>
      <c r="F73701" s="14" t="s">
        <v>61</v>
      </c>
      <c r="G73701" s="16">
        <v>0</v>
      </c>
    </row>
    <row r="73702" spans="1:7" x14ac:dyDescent="0.3">
      <c r="A73702" s="13" t="s">
        <v>377</v>
      </c>
      <c r="B73702" s="14" t="s">
        <v>1</v>
      </c>
      <c r="C73702" s="14" t="s">
        <v>47</v>
      </c>
      <c r="D73702" s="14" t="s">
        <v>378</v>
      </c>
      <c r="E73702" s="15">
        <v>45713</v>
      </c>
      <c r="F73702" s="14" t="s">
        <v>61</v>
      </c>
      <c r="G73702" s="16">
        <v>0</v>
      </c>
    </row>
    <row r="73703" spans="1:7" x14ac:dyDescent="0.3">
      <c r="A73703" s="13" t="s">
        <v>377</v>
      </c>
      <c r="B73703" s="14" t="s">
        <v>1</v>
      </c>
      <c r="C73703" s="14" t="s">
        <v>47</v>
      </c>
      <c r="D73703" s="14" t="s">
        <v>378</v>
      </c>
      <c r="E73703" s="15">
        <v>45714</v>
      </c>
      <c r="F73703" s="14" t="s">
        <v>61</v>
      </c>
      <c r="G73703" s="16">
        <v>0</v>
      </c>
    </row>
    <row r="73704" spans="1:7" x14ac:dyDescent="0.3">
      <c r="A73704" s="13" t="s">
        <v>377</v>
      </c>
      <c r="B73704" s="14" t="s">
        <v>1</v>
      </c>
      <c r="C73704" s="14" t="s">
        <v>47</v>
      </c>
      <c r="D73704" s="14" t="s">
        <v>378</v>
      </c>
      <c r="E73704" s="15">
        <v>45715</v>
      </c>
      <c r="F73704" s="14" t="s">
        <v>61</v>
      </c>
      <c r="G73704" s="16">
        <v>0</v>
      </c>
    </row>
    <row r="73705" spans="1:7" x14ac:dyDescent="0.3">
      <c r="A73705" s="13" t="s">
        <v>377</v>
      </c>
      <c r="B73705" s="14" t="s">
        <v>1</v>
      </c>
      <c r="C73705" s="14" t="s">
        <v>47</v>
      </c>
      <c r="D73705" s="14" t="s">
        <v>378</v>
      </c>
      <c r="E73705" s="15">
        <v>45716</v>
      </c>
      <c r="F73705" s="14" t="s">
        <v>61</v>
      </c>
      <c r="G73705" s="16">
        <v>0</v>
      </c>
    </row>
    <row r="73706" spans="1:7" x14ac:dyDescent="0.3">
      <c r="A73706" s="13" t="s">
        <v>377</v>
      </c>
      <c r="B73706" s="14" t="s">
        <v>1</v>
      </c>
      <c r="C73706" s="14" t="s">
        <v>47</v>
      </c>
      <c r="D73706" s="14" t="s">
        <v>378</v>
      </c>
      <c r="E73706" s="15">
        <v>45717</v>
      </c>
      <c r="F73706" s="14" t="s">
        <v>61</v>
      </c>
      <c r="G73706" s="16">
        <v>0</v>
      </c>
    </row>
    <row r="73707" spans="1:7" x14ac:dyDescent="0.3">
      <c r="A73707" s="13" t="s">
        <v>377</v>
      </c>
      <c r="B73707" s="14" t="s">
        <v>1</v>
      </c>
      <c r="C73707" s="14" t="s">
        <v>47</v>
      </c>
      <c r="D73707" s="14" t="s">
        <v>378</v>
      </c>
      <c r="E73707" s="15">
        <v>45718</v>
      </c>
      <c r="F73707" s="14" t="s">
        <v>61</v>
      </c>
      <c r="G73707" s="16">
        <v>0</v>
      </c>
    </row>
    <row r="73708" spans="1:7" x14ac:dyDescent="0.3">
      <c r="A73708" s="13" t="s">
        <v>377</v>
      </c>
      <c r="B73708" s="14" t="s">
        <v>1</v>
      </c>
      <c r="C73708" s="14" t="s">
        <v>47</v>
      </c>
      <c r="D73708" s="14" t="s">
        <v>378</v>
      </c>
      <c r="E73708" s="15">
        <v>45719</v>
      </c>
      <c r="F73708" s="14" t="s">
        <v>61</v>
      </c>
      <c r="G73708" s="16">
        <v>0</v>
      </c>
    </row>
    <row r="73709" spans="1:7" x14ac:dyDescent="0.3">
      <c r="A73709" s="13" t="s">
        <v>377</v>
      </c>
      <c r="B73709" s="14" t="s">
        <v>1</v>
      </c>
      <c r="C73709" s="14" t="s">
        <v>47</v>
      </c>
      <c r="D73709" s="14" t="s">
        <v>378</v>
      </c>
      <c r="E73709" s="15">
        <v>45720</v>
      </c>
      <c r="F73709" s="14" t="s">
        <v>61</v>
      </c>
      <c r="G73709" s="16">
        <v>0</v>
      </c>
    </row>
    <row r="73710" spans="1:7" x14ac:dyDescent="0.3">
      <c r="A73710" s="13" t="s">
        <v>377</v>
      </c>
      <c r="B73710" s="14" t="s">
        <v>1</v>
      </c>
      <c r="C73710" s="14" t="s">
        <v>47</v>
      </c>
      <c r="D73710" s="14" t="s">
        <v>378</v>
      </c>
      <c r="E73710" s="15">
        <v>45721</v>
      </c>
      <c r="F73710" s="14" t="s">
        <v>61</v>
      </c>
      <c r="G73710" s="16">
        <v>0</v>
      </c>
    </row>
    <row r="73711" spans="1:7" x14ac:dyDescent="0.3">
      <c r="A73711" s="13" t="s">
        <v>377</v>
      </c>
      <c r="B73711" s="14" t="s">
        <v>1</v>
      </c>
      <c r="C73711" s="14" t="s">
        <v>47</v>
      </c>
      <c r="D73711" s="14" t="s">
        <v>378</v>
      </c>
      <c r="E73711" s="15">
        <v>45722</v>
      </c>
      <c r="F73711" s="14" t="s">
        <v>61</v>
      </c>
      <c r="G73711" s="16">
        <v>0</v>
      </c>
    </row>
    <row r="73712" spans="1:7" x14ac:dyDescent="0.3">
      <c r="A73712" s="13" t="s">
        <v>377</v>
      </c>
      <c r="B73712" s="14" t="s">
        <v>1</v>
      </c>
      <c r="C73712" s="14" t="s">
        <v>47</v>
      </c>
      <c r="D73712" s="14" t="s">
        <v>378</v>
      </c>
      <c r="E73712" s="15">
        <v>45723</v>
      </c>
      <c r="F73712" s="14" t="s">
        <v>61</v>
      </c>
      <c r="G73712" s="16">
        <v>0</v>
      </c>
    </row>
    <row r="73713" spans="1:7" x14ac:dyDescent="0.3">
      <c r="A73713" s="13" t="s">
        <v>377</v>
      </c>
      <c r="B73713" s="14" t="s">
        <v>1</v>
      </c>
      <c r="C73713" s="14" t="s">
        <v>47</v>
      </c>
      <c r="D73713" s="14" t="s">
        <v>378</v>
      </c>
      <c r="E73713" s="15">
        <v>45724</v>
      </c>
      <c r="F73713" s="14" t="s">
        <v>61</v>
      </c>
      <c r="G73713" s="16">
        <v>0</v>
      </c>
    </row>
    <row r="73714" spans="1:7" x14ac:dyDescent="0.3">
      <c r="A73714" s="13" t="s">
        <v>377</v>
      </c>
      <c r="B73714" s="14" t="s">
        <v>1</v>
      </c>
      <c r="C73714" s="14" t="s">
        <v>47</v>
      </c>
      <c r="D73714" s="14" t="s">
        <v>378</v>
      </c>
      <c r="E73714" s="15">
        <v>45725</v>
      </c>
      <c r="F73714" s="14" t="s">
        <v>61</v>
      </c>
      <c r="G73714" s="16">
        <v>0</v>
      </c>
    </row>
    <row r="73715" spans="1:7" x14ac:dyDescent="0.3">
      <c r="A73715" s="13" t="s">
        <v>377</v>
      </c>
      <c r="B73715" s="14" t="s">
        <v>1</v>
      </c>
      <c r="C73715" s="14" t="s">
        <v>47</v>
      </c>
      <c r="D73715" s="14" t="s">
        <v>378</v>
      </c>
      <c r="E73715" s="15">
        <v>45726</v>
      </c>
      <c r="F73715" s="14" t="s">
        <v>61</v>
      </c>
      <c r="G73715" s="16">
        <v>0</v>
      </c>
    </row>
    <row r="73716" spans="1:7" x14ac:dyDescent="0.3">
      <c r="A73716" s="13" t="s">
        <v>377</v>
      </c>
      <c r="B73716" s="14" t="s">
        <v>1</v>
      </c>
      <c r="C73716" s="14" t="s">
        <v>47</v>
      </c>
      <c r="D73716" s="14" t="s">
        <v>378</v>
      </c>
      <c r="E73716" s="15">
        <v>45727</v>
      </c>
      <c r="F73716" s="14" t="s">
        <v>61</v>
      </c>
      <c r="G73716" s="16">
        <v>0</v>
      </c>
    </row>
    <row r="73717" spans="1:7" x14ac:dyDescent="0.3">
      <c r="A73717" s="13" t="s">
        <v>377</v>
      </c>
      <c r="B73717" s="14" t="s">
        <v>1</v>
      </c>
      <c r="C73717" s="14" t="s">
        <v>47</v>
      </c>
      <c r="D73717" s="14" t="s">
        <v>378</v>
      </c>
      <c r="E73717" s="15">
        <v>45728</v>
      </c>
      <c r="F73717" s="14" t="s">
        <v>61</v>
      </c>
      <c r="G73717" s="16">
        <v>0</v>
      </c>
    </row>
    <row r="73718" spans="1:7" x14ac:dyDescent="0.3">
      <c r="A73718" s="13" t="s">
        <v>377</v>
      </c>
      <c r="B73718" s="14" t="s">
        <v>1</v>
      </c>
      <c r="C73718" s="14" t="s">
        <v>47</v>
      </c>
      <c r="D73718" s="14" t="s">
        <v>378</v>
      </c>
      <c r="E73718" s="15">
        <v>45729</v>
      </c>
      <c r="F73718" s="14" t="s">
        <v>61</v>
      </c>
      <c r="G73718" s="16">
        <v>0</v>
      </c>
    </row>
    <row r="73719" spans="1:7" x14ac:dyDescent="0.3">
      <c r="A73719" s="13" t="s">
        <v>377</v>
      </c>
      <c r="B73719" s="14" t="s">
        <v>1</v>
      </c>
      <c r="C73719" s="14" t="s">
        <v>47</v>
      </c>
      <c r="D73719" s="14" t="s">
        <v>378</v>
      </c>
      <c r="E73719" s="15">
        <v>45730</v>
      </c>
      <c r="F73719" s="14" t="s">
        <v>61</v>
      </c>
      <c r="G73719" s="16">
        <v>0</v>
      </c>
    </row>
    <row r="73720" spans="1:7" x14ac:dyDescent="0.3">
      <c r="A73720" s="13" t="s">
        <v>377</v>
      </c>
      <c r="B73720" s="14" t="s">
        <v>1</v>
      </c>
      <c r="C73720" s="14" t="s">
        <v>47</v>
      </c>
      <c r="D73720" s="14" t="s">
        <v>378</v>
      </c>
      <c r="E73720" s="15">
        <v>45731</v>
      </c>
      <c r="F73720" s="14" t="s">
        <v>61</v>
      </c>
      <c r="G73720" s="16">
        <v>0</v>
      </c>
    </row>
    <row r="73721" spans="1:7" x14ac:dyDescent="0.3">
      <c r="A73721" s="13" t="s">
        <v>377</v>
      </c>
      <c r="B73721" s="14" t="s">
        <v>1</v>
      </c>
      <c r="C73721" s="14" t="s">
        <v>47</v>
      </c>
      <c r="D73721" s="14" t="s">
        <v>378</v>
      </c>
      <c r="E73721" s="15">
        <v>45732</v>
      </c>
      <c r="F73721" s="14" t="s">
        <v>61</v>
      </c>
      <c r="G73721" s="16">
        <v>0</v>
      </c>
    </row>
    <row r="73722" spans="1:7" x14ac:dyDescent="0.3">
      <c r="A73722" s="13" t="s">
        <v>377</v>
      </c>
      <c r="B73722" s="14" t="s">
        <v>1</v>
      </c>
      <c r="C73722" s="14" t="s">
        <v>47</v>
      </c>
      <c r="D73722" s="14" t="s">
        <v>378</v>
      </c>
      <c r="E73722" s="15">
        <v>45733</v>
      </c>
      <c r="F73722" s="14" t="s">
        <v>61</v>
      </c>
      <c r="G73722" s="16">
        <v>0</v>
      </c>
    </row>
    <row r="73723" spans="1:7" x14ac:dyDescent="0.3">
      <c r="A73723" s="13" t="s">
        <v>377</v>
      </c>
      <c r="B73723" s="14" t="s">
        <v>1</v>
      </c>
      <c r="C73723" s="14" t="s">
        <v>47</v>
      </c>
      <c r="D73723" s="14" t="s">
        <v>378</v>
      </c>
      <c r="E73723" s="15">
        <v>45734</v>
      </c>
      <c r="F73723" s="14" t="s">
        <v>61</v>
      </c>
      <c r="G73723" s="16">
        <v>0</v>
      </c>
    </row>
    <row r="73724" spans="1:7" x14ac:dyDescent="0.3">
      <c r="A73724" s="13" t="s">
        <v>377</v>
      </c>
      <c r="B73724" s="14" t="s">
        <v>1</v>
      </c>
      <c r="C73724" s="14" t="s">
        <v>47</v>
      </c>
      <c r="D73724" s="14" t="s">
        <v>378</v>
      </c>
      <c r="E73724" s="15">
        <v>45735</v>
      </c>
      <c r="F73724" s="14" t="s">
        <v>61</v>
      </c>
      <c r="G73724" s="16">
        <v>0</v>
      </c>
    </row>
    <row r="73725" spans="1:7" x14ac:dyDescent="0.3">
      <c r="A73725" s="13" t="s">
        <v>377</v>
      </c>
      <c r="B73725" s="14" t="s">
        <v>1</v>
      </c>
      <c r="C73725" s="14" t="s">
        <v>47</v>
      </c>
      <c r="D73725" s="14" t="s">
        <v>378</v>
      </c>
      <c r="E73725" s="15">
        <v>45736</v>
      </c>
      <c r="F73725" s="14" t="s">
        <v>61</v>
      </c>
      <c r="G73725" s="16">
        <v>0</v>
      </c>
    </row>
    <row r="73726" spans="1:7" x14ac:dyDescent="0.3">
      <c r="A73726" s="13" t="s">
        <v>377</v>
      </c>
      <c r="B73726" s="14" t="s">
        <v>1</v>
      </c>
      <c r="C73726" s="14" t="s">
        <v>47</v>
      </c>
      <c r="D73726" s="14" t="s">
        <v>378</v>
      </c>
      <c r="E73726" s="15">
        <v>45737</v>
      </c>
      <c r="F73726" s="14" t="s">
        <v>61</v>
      </c>
      <c r="G73726" s="16">
        <v>0</v>
      </c>
    </row>
    <row r="73727" spans="1:7" x14ac:dyDescent="0.3">
      <c r="A73727" s="13" t="s">
        <v>377</v>
      </c>
      <c r="B73727" s="14" t="s">
        <v>1</v>
      </c>
      <c r="C73727" s="14" t="s">
        <v>47</v>
      </c>
      <c r="D73727" s="14" t="s">
        <v>378</v>
      </c>
      <c r="E73727" s="15">
        <v>45738</v>
      </c>
      <c r="F73727" s="14" t="s">
        <v>61</v>
      </c>
      <c r="G73727" s="16">
        <v>0</v>
      </c>
    </row>
    <row r="73728" spans="1:7" x14ac:dyDescent="0.3">
      <c r="A73728" s="13" t="s">
        <v>377</v>
      </c>
      <c r="B73728" s="14" t="s">
        <v>1</v>
      </c>
      <c r="C73728" s="14" t="s">
        <v>47</v>
      </c>
      <c r="D73728" s="14" t="s">
        <v>378</v>
      </c>
      <c r="E73728" s="15">
        <v>45739</v>
      </c>
      <c r="F73728" s="14" t="s">
        <v>61</v>
      </c>
      <c r="G73728" s="16">
        <v>0</v>
      </c>
    </row>
    <row r="73729" spans="1:7" x14ac:dyDescent="0.3">
      <c r="A73729" s="13" t="s">
        <v>377</v>
      </c>
      <c r="B73729" s="14" t="s">
        <v>1</v>
      </c>
      <c r="C73729" s="14" t="s">
        <v>47</v>
      </c>
      <c r="D73729" s="14" t="s">
        <v>378</v>
      </c>
      <c r="E73729" s="15">
        <v>45740</v>
      </c>
      <c r="F73729" s="14" t="s">
        <v>61</v>
      </c>
      <c r="G73729" s="16">
        <v>0</v>
      </c>
    </row>
    <row r="73730" spans="1:7" x14ac:dyDescent="0.3">
      <c r="A73730" s="13" t="s">
        <v>377</v>
      </c>
      <c r="B73730" s="14" t="s">
        <v>1</v>
      </c>
      <c r="C73730" s="14" t="s">
        <v>47</v>
      </c>
      <c r="D73730" s="14" t="s">
        <v>378</v>
      </c>
      <c r="E73730" s="15">
        <v>45741</v>
      </c>
      <c r="F73730" s="14" t="s">
        <v>61</v>
      </c>
      <c r="G73730" s="16">
        <v>0</v>
      </c>
    </row>
    <row r="73731" spans="1:7" x14ac:dyDescent="0.3">
      <c r="A73731" s="13" t="s">
        <v>377</v>
      </c>
      <c r="B73731" s="14" t="s">
        <v>1</v>
      </c>
      <c r="C73731" s="14" t="s">
        <v>47</v>
      </c>
      <c r="D73731" s="14" t="s">
        <v>378</v>
      </c>
      <c r="E73731" s="15">
        <v>45742</v>
      </c>
      <c r="F73731" s="14" t="s">
        <v>61</v>
      </c>
      <c r="G73731" s="16">
        <v>0</v>
      </c>
    </row>
    <row r="73732" spans="1:7" x14ac:dyDescent="0.3">
      <c r="A73732" s="13" t="s">
        <v>377</v>
      </c>
      <c r="B73732" s="14" t="s">
        <v>1</v>
      </c>
      <c r="C73732" s="14" t="s">
        <v>47</v>
      </c>
      <c r="D73732" s="14" t="s">
        <v>378</v>
      </c>
      <c r="E73732" s="15">
        <v>45743</v>
      </c>
      <c r="F73732" s="14" t="s">
        <v>61</v>
      </c>
      <c r="G73732" s="16">
        <v>0</v>
      </c>
    </row>
    <row r="73733" spans="1:7" x14ac:dyDescent="0.3">
      <c r="A73733" s="13" t="s">
        <v>377</v>
      </c>
      <c r="B73733" s="14" t="s">
        <v>1</v>
      </c>
      <c r="C73733" s="14" t="s">
        <v>47</v>
      </c>
      <c r="D73733" s="14" t="s">
        <v>378</v>
      </c>
      <c r="E73733" s="15">
        <v>45744</v>
      </c>
      <c r="F73733" s="14" t="s">
        <v>61</v>
      </c>
      <c r="G73733" s="16">
        <v>0</v>
      </c>
    </row>
    <row r="73734" spans="1:7" x14ac:dyDescent="0.3">
      <c r="A73734" s="13" t="s">
        <v>377</v>
      </c>
      <c r="B73734" s="14" t="s">
        <v>1</v>
      </c>
      <c r="C73734" s="14" t="s">
        <v>47</v>
      </c>
      <c r="D73734" s="14" t="s">
        <v>378</v>
      </c>
      <c r="E73734" s="15">
        <v>45745</v>
      </c>
      <c r="F73734" s="14" t="s">
        <v>61</v>
      </c>
      <c r="G73734" s="16">
        <v>0</v>
      </c>
    </row>
    <row r="73735" spans="1:7" x14ac:dyDescent="0.3">
      <c r="A73735" s="13" t="s">
        <v>377</v>
      </c>
      <c r="B73735" s="14" t="s">
        <v>1</v>
      </c>
      <c r="C73735" s="14" t="s">
        <v>47</v>
      </c>
      <c r="D73735" s="14" t="s">
        <v>378</v>
      </c>
      <c r="E73735" s="15">
        <v>45746</v>
      </c>
      <c r="F73735" s="14" t="s">
        <v>61</v>
      </c>
      <c r="G73735" s="16">
        <v>0</v>
      </c>
    </row>
    <row r="73736" spans="1:7" x14ac:dyDescent="0.3">
      <c r="A73736" s="13" t="s">
        <v>377</v>
      </c>
      <c r="B73736" s="14" t="s">
        <v>1</v>
      </c>
      <c r="C73736" s="14" t="s">
        <v>47</v>
      </c>
      <c r="D73736" s="14" t="s">
        <v>378</v>
      </c>
      <c r="E73736" s="15">
        <v>45747</v>
      </c>
      <c r="F73736" s="14" t="s">
        <v>61</v>
      </c>
      <c r="G73736" s="16">
        <v>0</v>
      </c>
    </row>
    <row r="73737" spans="1:7" x14ac:dyDescent="0.3">
      <c r="A73737" s="13" t="s">
        <v>379</v>
      </c>
      <c r="B73737" s="14" t="s">
        <v>1</v>
      </c>
      <c r="C73737" s="14" t="s">
        <v>23</v>
      </c>
      <c r="D73737" s="14" t="s">
        <v>380</v>
      </c>
      <c r="E73737" s="15">
        <v>45383</v>
      </c>
      <c r="F73737" s="14" t="s">
        <v>15</v>
      </c>
      <c r="G73737" s="16">
        <v>0</v>
      </c>
    </row>
    <row r="73738" spans="1:7" x14ac:dyDescent="0.3">
      <c r="A73738" s="13" t="s">
        <v>379</v>
      </c>
      <c r="B73738" s="14" t="s">
        <v>1</v>
      </c>
      <c r="C73738" s="14" t="s">
        <v>23</v>
      </c>
      <c r="D73738" s="14" t="s">
        <v>380</v>
      </c>
      <c r="E73738" s="15">
        <v>45384</v>
      </c>
      <c r="F73738" s="14" t="s">
        <v>15</v>
      </c>
      <c r="G73738" s="16">
        <v>0</v>
      </c>
    </row>
    <row r="73739" spans="1:7" x14ac:dyDescent="0.3">
      <c r="A73739" s="13" t="s">
        <v>379</v>
      </c>
      <c r="B73739" s="14" t="s">
        <v>1</v>
      </c>
      <c r="C73739" s="14" t="s">
        <v>23</v>
      </c>
      <c r="D73739" s="14" t="s">
        <v>380</v>
      </c>
      <c r="E73739" s="15">
        <v>45385</v>
      </c>
      <c r="F73739" s="14" t="s">
        <v>15</v>
      </c>
      <c r="G73739" s="16">
        <v>6.4965274372221937E-2</v>
      </c>
    </row>
    <row r="73740" spans="1:7" x14ac:dyDescent="0.3">
      <c r="A73740" s="13" t="s">
        <v>379</v>
      </c>
      <c r="B73740" s="14" t="s">
        <v>1</v>
      </c>
      <c r="C73740" s="14" t="s">
        <v>23</v>
      </c>
      <c r="D73740" s="14" t="s">
        <v>380</v>
      </c>
      <c r="E73740" s="15">
        <v>45386</v>
      </c>
      <c r="F73740" s="14" t="s">
        <v>15</v>
      </c>
      <c r="G73740" s="16">
        <v>8.1171987100608273E-2</v>
      </c>
    </row>
    <row r="73741" spans="1:7" x14ac:dyDescent="0.3">
      <c r="A73741" s="13" t="s">
        <v>379</v>
      </c>
      <c r="B73741" s="14" t="s">
        <v>1</v>
      </c>
      <c r="C73741" s="14" t="s">
        <v>23</v>
      </c>
      <c r="D73741" s="14" t="s">
        <v>380</v>
      </c>
      <c r="E73741" s="15">
        <v>45387</v>
      </c>
      <c r="F73741" s="14" t="s">
        <v>15</v>
      </c>
      <c r="G73741" s="16">
        <v>0.10767835736324119</v>
      </c>
    </row>
    <row r="73742" spans="1:7" x14ac:dyDescent="0.3">
      <c r="A73742" s="13" t="s">
        <v>379</v>
      </c>
      <c r="B73742" s="14" t="s">
        <v>1</v>
      </c>
      <c r="C73742" s="14" t="s">
        <v>23</v>
      </c>
      <c r="D73742" s="14" t="s">
        <v>380</v>
      </c>
      <c r="E73742" s="15">
        <v>45388</v>
      </c>
      <c r="F73742" s="14" t="s">
        <v>15</v>
      </c>
      <c r="G73742" s="16">
        <v>0.10767835736324119</v>
      </c>
    </row>
    <row r="73743" spans="1:7" x14ac:dyDescent="0.3">
      <c r="A73743" s="13" t="s">
        <v>379</v>
      </c>
      <c r="B73743" s="14" t="s">
        <v>1</v>
      </c>
      <c r="C73743" s="14" t="s">
        <v>23</v>
      </c>
      <c r="D73743" s="14" t="s">
        <v>380</v>
      </c>
      <c r="E73743" s="15">
        <v>45389</v>
      </c>
      <c r="F73743" s="14" t="s">
        <v>15</v>
      </c>
      <c r="G73743" s="16">
        <v>0.10767835736324119</v>
      </c>
    </row>
    <row r="73744" spans="1:7" x14ac:dyDescent="0.3">
      <c r="A73744" s="13" t="s">
        <v>379</v>
      </c>
      <c r="B73744" s="14" t="s">
        <v>1</v>
      </c>
      <c r="C73744" s="14" t="s">
        <v>23</v>
      </c>
      <c r="D73744" s="14" t="s">
        <v>380</v>
      </c>
      <c r="E73744" s="15">
        <v>45390</v>
      </c>
      <c r="F73744" s="14" t="s">
        <v>15</v>
      </c>
      <c r="G73744" s="16">
        <v>0.12189876872176451</v>
      </c>
    </row>
    <row r="73745" spans="1:7" x14ac:dyDescent="0.3">
      <c r="A73745" s="13" t="s">
        <v>379</v>
      </c>
      <c r="B73745" s="14" t="s">
        <v>1</v>
      </c>
      <c r="C73745" s="14" t="s">
        <v>23</v>
      </c>
      <c r="D73745" s="14" t="s">
        <v>380</v>
      </c>
      <c r="E73745" s="15">
        <v>45391</v>
      </c>
      <c r="F73745" s="14" t="s">
        <v>15</v>
      </c>
      <c r="G73745" s="16">
        <v>0.16455239925837004</v>
      </c>
    </row>
    <row r="73746" spans="1:7" x14ac:dyDescent="0.3">
      <c r="A73746" s="13" t="s">
        <v>379</v>
      </c>
      <c r="B73746" s="14" t="s">
        <v>1</v>
      </c>
      <c r="C73746" s="14" t="s">
        <v>23</v>
      </c>
      <c r="D73746" s="14" t="s">
        <v>380</v>
      </c>
      <c r="E73746" s="15">
        <v>45392</v>
      </c>
      <c r="F73746" s="14" t="s">
        <v>15</v>
      </c>
      <c r="G73746" s="16">
        <v>0.18164096130182486</v>
      </c>
    </row>
    <row r="73747" spans="1:7" x14ac:dyDescent="0.3">
      <c r="A73747" s="13" t="s">
        <v>379</v>
      </c>
      <c r="B73747" s="14" t="s">
        <v>1</v>
      </c>
      <c r="C73747" s="14" t="s">
        <v>23</v>
      </c>
      <c r="D73747" s="14" t="s">
        <v>380</v>
      </c>
      <c r="E73747" s="15">
        <v>45393</v>
      </c>
      <c r="F73747" s="14" t="s">
        <v>15</v>
      </c>
      <c r="G73747" s="16">
        <v>0.19713705759185501</v>
      </c>
    </row>
    <row r="73748" spans="1:7" x14ac:dyDescent="0.3">
      <c r="A73748" s="13" t="s">
        <v>379</v>
      </c>
      <c r="B73748" s="14" t="s">
        <v>1</v>
      </c>
      <c r="C73748" s="14" t="s">
        <v>23</v>
      </c>
      <c r="D73748" s="14" t="s">
        <v>380</v>
      </c>
      <c r="E73748" s="15">
        <v>45394</v>
      </c>
      <c r="F73748" s="14" t="s">
        <v>15</v>
      </c>
      <c r="G73748" s="16">
        <v>0.21135746895037835</v>
      </c>
    </row>
    <row r="73749" spans="1:7" x14ac:dyDescent="0.3">
      <c r="A73749" s="13" t="s">
        <v>379</v>
      </c>
      <c r="B73749" s="14" t="s">
        <v>1</v>
      </c>
      <c r="C73749" s="14" t="s">
        <v>23</v>
      </c>
      <c r="D73749" s="14" t="s">
        <v>380</v>
      </c>
      <c r="E73749" s="15">
        <v>45395</v>
      </c>
      <c r="F73749" s="14" t="s">
        <v>15</v>
      </c>
      <c r="G73749" s="16">
        <v>0.21135746895037835</v>
      </c>
    </row>
    <row r="73750" spans="1:7" x14ac:dyDescent="0.3">
      <c r="A73750" s="13" t="s">
        <v>379</v>
      </c>
      <c r="B73750" s="14" t="s">
        <v>1</v>
      </c>
      <c r="C73750" s="14" t="s">
        <v>23</v>
      </c>
      <c r="D73750" s="14" t="s">
        <v>380</v>
      </c>
      <c r="E73750" s="15">
        <v>45396</v>
      </c>
      <c r="F73750" s="14" t="s">
        <v>15</v>
      </c>
      <c r="G73750" s="16">
        <v>0.21135746895037835</v>
      </c>
    </row>
    <row r="73751" spans="1:7" x14ac:dyDescent="0.3">
      <c r="A73751" s="13" t="s">
        <v>379</v>
      </c>
      <c r="B73751" s="14" t="s">
        <v>1</v>
      </c>
      <c r="C73751" s="14" t="s">
        <v>23</v>
      </c>
      <c r="D73751" s="14" t="s">
        <v>380</v>
      </c>
      <c r="E73751" s="15">
        <v>45397</v>
      </c>
      <c r="F73751" s="14" t="s">
        <v>15</v>
      </c>
      <c r="G73751" s="16">
        <v>0.22687068852807976</v>
      </c>
    </row>
    <row r="73752" spans="1:7" x14ac:dyDescent="0.3">
      <c r="A73752" s="13" t="s">
        <v>379</v>
      </c>
      <c r="B73752" s="14" t="s">
        <v>1</v>
      </c>
      <c r="C73752" s="14" t="s">
        <v>23</v>
      </c>
      <c r="D73752" s="14" t="s">
        <v>380</v>
      </c>
      <c r="E73752" s="15">
        <v>45398</v>
      </c>
      <c r="F73752" s="14" t="s">
        <v>15</v>
      </c>
      <c r="G73752" s="16">
        <v>0.26883938755783598</v>
      </c>
    </row>
    <row r="73753" spans="1:7" x14ac:dyDescent="0.3">
      <c r="A73753" s="13" t="s">
        <v>379</v>
      </c>
      <c r="B73753" s="14" t="s">
        <v>1</v>
      </c>
      <c r="C73753" s="14" t="s">
        <v>23</v>
      </c>
      <c r="D73753" s="14" t="s">
        <v>380</v>
      </c>
      <c r="E73753" s="15">
        <v>45399</v>
      </c>
      <c r="F73753" s="14" t="s">
        <v>15</v>
      </c>
      <c r="G73753" s="16">
        <v>0.28282863453279766</v>
      </c>
    </row>
    <row r="73754" spans="1:7" x14ac:dyDescent="0.3">
      <c r="A73754" s="13" t="s">
        <v>379</v>
      </c>
      <c r="B73754" s="14" t="s">
        <v>1</v>
      </c>
      <c r="C73754" s="14" t="s">
        <v>23</v>
      </c>
      <c r="D73754" s="14" t="s">
        <v>380</v>
      </c>
      <c r="E73754" s="15">
        <v>45400</v>
      </c>
      <c r="F73754" s="14" t="s">
        <v>15</v>
      </c>
      <c r="G73754" s="16">
        <v>0.2968521280831018</v>
      </c>
    </row>
    <row r="73755" spans="1:7" x14ac:dyDescent="0.3">
      <c r="A73755" s="13" t="s">
        <v>379</v>
      </c>
      <c r="B73755" s="14" t="s">
        <v>1</v>
      </c>
      <c r="C73755" s="14" t="s">
        <v>23</v>
      </c>
      <c r="D73755" s="14" t="s">
        <v>380</v>
      </c>
      <c r="E73755" s="15">
        <v>45401</v>
      </c>
      <c r="F73755" s="14" t="s">
        <v>15</v>
      </c>
      <c r="G73755" s="16">
        <v>0.31091842985258406</v>
      </c>
    </row>
    <row r="73756" spans="1:7" x14ac:dyDescent="0.3">
      <c r="A73756" s="13" t="s">
        <v>379</v>
      </c>
      <c r="B73756" s="14" t="s">
        <v>1</v>
      </c>
      <c r="C73756" s="14" t="s">
        <v>23</v>
      </c>
      <c r="D73756" s="14" t="s">
        <v>380</v>
      </c>
      <c r="E73756" s="15">
        <v>45402</v>
      </c>
      <c r="F73756" s="14" t="s">
        <v>15</v>
      </c>
      <c r="G73756" s="16">
        <v>0.31091842985258406</v>
      </c>
    </row>
    <row r="73757" spans="1:7" x14ac:dyDescent="0.3">
      <c r="A73757" s="13" t="s">
        <v>379</v>
      </c>
      <c r="B73757" s="14" t="s">
        <v>1</v>
      </c>
      <c r="C73757" s="14" t="s">
        <v>23</v>
      </c>
      <c r="D73757" s="14" t="s">
        <v>380</v>
      </c>
      <c r="E73757" s="15">
        <v>45403</v>
      </c>
      <c r="F73757" s="14" t="s">
        <v>15</v>
      </c>
      <c r="G73757" s="16">
        <v>0.31091842985258406</v>
      </c>
    </row>
    <row r="73758" spans="1:7" x14ac:dyDescent="0.3">
      <c r="A73758" s="13" t="s">
        <v>379</v>
      </c>
      <c r="B73758" s="14" t="s">
        <v>1</v>
      </c>
      <c r="C73758" s="14" t="s">
        <v>23</v>
      </c>
      <c r="D73758" s="14" t="s">
        <v>380</v>
      </c>
      <c r="E73758" s="15">
        <v>45404</v>
      </c>
      <c r="F73758" s="14" t="s">
        <v>15</v>
      </c>
      <c r="G73758" s="16">
        <v>0.33203096449877861</v>
      </c>
    </row>
    <row r="73759" spans="1:7" x14ac:dyDescent="0.3">
      <c r="A73759" s="13" t="s">
        <v>379</v>
      </c>
      <c r="B73759" s="14" t="s">
        <v>1</v>
      </c>
      <c r="C73759" s="14" t="s">
        <v>23</v>
      </c>
      <c r="D73759" s="14" t="s">
        <v>380</v>
      </c>
      <c r="E73759" s="15">
        <v>45405</v>
      </c>
      <c r="F73759" s="14" t="s">
        <v>15</v>
      </c>
      <c r="G73759" s="16">
        <v>0.36763836215867179</v>
      </c>
    </row>
    <row r="73760" spans="1:7" x14ac:dyDescent="0.3">
      <c r="A73760" s="13" t="s">
        <v>379</v>
      </c>
      <c r="B73760" s="14" t="s">
        <v>1</v>
      </c>
      <c r="C73760" s="14" t="s">
        <v>23</v>
      </c>
      <c r="D73760" s="14" t="s">
        <v>380</v>
      </c>
      <c r="E73760" s="15">
        <v>45406</v>
      </c>
      <c r="F73760" s="14" t="s">
        <v>15</v>
      </c>
      <c r="G73760" s="16">
        <v>0.37893925296924991</v>
      </c>
    </row>
    <row r="73761" spans="1:7" x14ac:dyDescent="0.3">
      <c r="A73761" s="13" t="s">
        <v>379</v>
      </c>
      <c r="B73761" s="14" t="s">
        <v>1</v>
      </c>
      <c r="C73761" s="14" t="s">
        <v>23</v>
      </c>
      <c r="D73761" s="14" t="s">
        <v>380</v>
      </c>
      <c r="E73761" s="15">
        <v>45407</v>
      </c>
      <c r="F73761" s="14" t="s">
        <v>15</v>
      </c>
      <c r="G73761" s="16">
        <v>0.3438017876154445</v>
      </c>
    </row>
    <row r="73762" spans="1:7" x14ac:dyDescent="0.3">
      <c r="A73762" s="13" t="s">
        <v>379</v>
      </c>
      <c r="B73762" s="14" t="s">
        <v>1</v>
      </c>
      <c r="C73762" s="14" t="s">
        <v>23</v>
      </c>
      <c r="D73762" s="14" t="s">
        <v>380</v>
      </c>
      <c r="E73762" s="15">
        <v>45408</v>
      </c>
      <c r="F73762" s="14" t="s">
        <v>15</v>
      </c>
      <c r="G73762" s="16">
        <v>0.35666945924794041</v>
      </c>
    </row>
    <row r="73763" spans="1:7" x14ac:dyDescent="0.3">
      <c r="A73763" s="13" t="s">
        <v>379</v>
      </c>
      <c r="B73763" s="14" t="s">
        <v>1</v>
      </c>
      <c r="C73763" s="14" t="s">
        <v>23</v>
      </c>
      <c r="D73763" s="14" t="s">
        <v>380</v>
      </c>
      <c r="E73763" s="15">
        <v>45409</v>
      </c>
      <c r="F73763" s="14" t="s">
        <v>15</v>
      </c>
      <c r="G73763" s="16">
        <v>0.35666945924794041</v>
      </c>
    </row>
    <row r="73764" spans="1:7" x14ac:dyDescent="0.3">
      <c r="A73764" s="13" t="s">
        <v>379</v>
      </c>
      <c r="B73764" s="14" t="s">
        <v>1</v>
      </c>
      <c r="C73764" s="14" t="s">
        <v>23</v>
      </c>
      <c r="D73764" s="14" t="s">
        <v>380</v>
      </c>
      <c r="E73764" s="15">
        <v>45410</v>
      </c>
      <c r="F73764" s="14" t="s">
        <v>15</v>
      </c>
      <c r="G73764" s="16">
        <v>0.35666945924794041</v>
      </c>
    </row>
    <row r="73765" spans="1:7" x14ac:dyDescent="0.3">
      <c r="A73765" s="13" t="s">
        <v>379</v>
      </c>
      <c r="B73765" s="14" t="s">
        <v>1</v>
      </c>
      <c r="C73765" s="14" t="s">
        <v>23</v>
      </c>
      <c r="D73765" s="14" t="s">
        <v>380</v>
      </c>
      <c r="E73765" s="15">
        <v>45411</v>
      </c>
      <c r="F73765" s="14" t="s">
        <v>15</v>
      </c>
      <c r="G73765" s="16">
        <v>0.37113815827769658</v>
      </c>
    </row>
    <row r="73766" spans="1:7" x14ac:dyDescent="0.3">
      <c r="A73766" s="13" t="s">
        <v>379</v>
      </c>
      <c r="B73766" s="14" t="s">
        <v>1</v>
      </c>
      <c r="C73766" s="14" t="s">
        <v>23</v>
      </c>
      <c r="D73766" s="14" t="s">
        <v>380</v>
      </c>
      <c r="E73766" s="15">
        <v>45412</v>
      </c>
      <c r="F73766" s="14" t="s">
        <v>15</v>
      </c>
      <c r="G73766" s="16">
        <v>0.41472500799238432</v>
      </c>
    </row>
    <row r="73767" spans="1:7" x14ac:dyDescent="0.3">
      <c r="A73767" s="13" t="s">
        <v>379</v>
      </c>
      <c r="B73767" s="14" t="s">
        <v>1</v>
      </c>
      <c r="C73767" s="14" t="s">
        <v>23</v>
      </c>
      <c r="D73767" s="14" t="s">
        <v>380</v>
      </c>
      <c r="E73767" s="15">
        <v>45413</v>
      </c>
      <c r="F73767" s="14" t="s">
        <v>15</v>
      </c>
      <c r="G73767" s="16">
        <v>0.42911665222761997</v>
      </c>
    </row>
    <row r="73768" spans="1:7" x14ac:dyDescent="0.3">
      <c r="A73768" s="13" t="s">
        <v>379</v>
      </c>
      <c r="B73768" s="14" t="s">
        <v>1</v>
      </c>
      <c r="C73768" s="14" t="s">
        <v>23</v>
      </c>
      <c r="D73768" s="14" t="s">
        <v>380</v>
      </c>
      <c r="E73768" s="15">
        <v>45414</v>
      </c>
      <c r="F73768" s="14" t="s">
        <v>15</v>
      </c>
      <c r="G73768" s="16">
        <v>0.44391069372312958</v>
      </c>
    </row>
    <row r="73769" spans="1:7" x14ac:dyDescent="0.3">
      <c r="A73769" s="13" t="s">
        <v>379</v>
      </c>
      <c r="B73769" s="14" t="s">
        <v>1</v>
      </c>
      <c r="C73769" s="14" t="s">
        <v>23</v>
      </c>
      <c r="D73769" s="14" t="s">
        <v>380</v>
      </c>
      <c r="E73769" s="15">
        <v>45415</v>
      </c>
      <c r="F73769" s="14" t="s">
        <v>15</v>
      </c>
      <c r="G73769" s="16">
        <v>0.45843076261589949</v>
      </c>
    </row>
    <row r="73770" spans="1:7" x14ac:dyDescent="0.3">
      <c r="A73770" s="13" t="s">
        <v>379</v>
      </c>
      <c r="B73770" s="14" t="s">
        <v>1</v>
      </c>
      <c r="C73770" s="14" t="s">
        <v>23</v>
      </c>
      <c r="D73770" s="14" t="s">
        <v>380</v>
      </c>
      <c r="E73770" s="15">
        <v>45416</v>
      </c>
      <c r="F73770" s="14" t="s">
        <v>15</v>
      </c>
      <c r="G73770" s="16">
        <v>0.45843076261589949</v>
      </c>
    </row>
    <row r="73771" spans="1:7" x14ac:dyDescent="0.3">
      <c r="A73771" s="13" t="s">
        <v>379</v>
      </c>
      <c r="B73771" s="14" t="s">
        <v>1</v>
      </c>
      <c r="C73771" s="14" t="s">
        <v>23</v>
      </c>
      <c r="D73771" s="14" t="s">
        <v>380</v>
      </c>
      <c r="E73771" s="15">
        <v>45417</v>
      </c>
      <c r="F73771" s="14" t="s">
        <v>15</v>
      </c>
      <c r="G73771" s="16">
        <v>0.45843076261589949</v>
      </c>
    </row>
    <row r="73772" spans="1:7" x14ac:dyDescent="0.3">
      <c r="A73772" s="13" t="s">
        <v>379</v>
      </c>
      <c r="B73772" s="14" t="s">
        <v>1</v>
      </c>
      <c r="C73772" s="14" t="s">
        <v>23</v>
      </c>
      <c r="D73772" s="14" t="s">
        <v>380</v>
      </c>
      <c r="E73772" s="15">
        <v>45418</v>
      </c>
      <c r="F73772" s="14" t="s">
        <v>15</v>
      </c>
      <c r="G73772" s="16">
        <v>0.45843076261589949</v>
      </c>
    </row>
    <row r="73773" spans="1:7" x14ac:dyDescent="0.3">
      <c r="A73773" s="13" t="s">
        <v>379</v>
      </c>
      <c r="B73773" s="14" t="s">
        <v>1</v>
      </c>
      <c r="C73773" s="14" t="s">
        <v>23</v>
      </c>
      <c r="D73773" s="14" t="s">
        <v>380</v>
      </c>
      <c r="E73773" s="15">
        <v>45419</v>
      </c>
      <c r="F73773" s="14" t="s">
        <v>15</v>
      </c>
      <c r="G73773" s="16">
        <v>0.47234295479634059</v>
      </c>
    </row>
    <row r="73774" spans="1:7" x14ac:dyDescent="0.3">
      <c r="A73774" s="13" t="s">
        <v>379</v>
      </c>
      <c r="B73774" s="14" t="s">
        <v>1</v>
      </c>
      <c r="C73774" s="14" t="s">
        <v>23</v>
      </c>
      <c r="D73774" s="14" t="s">
        <v>380</v>
      </c>
      <c r="E73774" s="15">
        <v>45420</v>
      </c>
      <c r="F73774" s="14" t="s">
        <v>15</v>
      </c>
      <c r="G73774" s="16">
        <v>0.54490240725075434</v>
      </c>
    </row>
    <row r="73775" spans="1:7" x14ac:dyDescent="0.3">
      <c r="A73775" s="13" t="s">
        <v>379</v>
      </c>
      <c r="B73775" s="14" t="s">
        <v>1</v>
      </c>
      <c r="C73775" s="14" t="s">
        <v>23</v>
      </c>
      <c r="D73775" s="14" t="s">
        <v>380</v>
      </c>
      <c r="E73775" s="15">
        <v>45421</v>
      </c>
      <c r="F73775" s="14" t="s">
        <v>15</v>
      </c>
      <c r="G73775" s="16">
        <v>0.55939679121201746</v>
      </c>
    </row>
    <row r="73776" spans="1:7" x14ac:dyDescent="0.3">
      <c r="A73776" s="13" t="s">
        <v>379</v>
      </c>
      <c r="B73776" s="14" t="s">
        <v>1</v>
      </c>
      <c r="C73776" s="14" t="s">
        <v>23</v>
      </c>
      <c r="D73776" s="14" t="s">
        <v>380</v>
      </c>
      <c r="E73776" s="15">
        <v>45422</v>
      </c>
      <c r="F73776" s="14" t="s">
        <v>15</v>
      </c>
      <c r="G73776" s="16">
        <v>0.57375418887191054</v>
      </c>
    </row>
    <row r="73777" spans="1:7" x14ac:dyDescent="0.3">
      <c r="A73777" s="13" t="s">
        <v>379</v>
      </c>
      <c r="B73777" s="14" t="s">
        <v>1</v>
      </c>
      <c r="C73777" s="14" t="s">
        <v>23</v>
      </c>
      <c r="D73777" s="14" t="s">
        <v>380</v>
      </c>
      <c r="E73777" s="15">
        <v>45423</v>
      </c>
      <c r="F73777" s="14" t="s">
        <v>15</v>
      </c>
      <c r="G73777" s="16">
        <v>0.57375418887191054</v>
      </c>
    </row>
    <row r="73778" spans="1:7" x14ac:dyDescent="0.3">
      <c r="A73778" s="13" t="s">
        <v>379</v>
      </c>
      <c r="B73778" s="14" t="s">
        <v>1</v>
      </c>
      <c r="C73778" s="14" t="s">
        <v>23</v>
      </c>
      <c r="D73778" s="14" t="s">
        <v>380</v>
      </c>
      <c r="E73778" s="15">
        <v>45424</v>
      </c>
      <c r="F73778" s="14" t="s">
        <v>15</v>
      </c>
      <c r="G73778" s="16">
        <v>0.57375418887191054</v>
      </c>
    </row>
    <row r="73779" spans="1:7" x14ac:dyDescent="0.3">
      <c r="A73779" s="13" t="s">
        <v>379</v>
      </c>
      <c r="B73779" s="14" t="s">
        <v>1</v>
      </c>
      <c r="C73779" s="14" t="s">
        <v>23</v>
      </c>
      <c r="D73779" s="14" t="s">
        <v>380</v>
      </c>
      <c r="E73779" s="15">
        <v>45425</v>
      </c>
      <c r="F73779" s="14" t="s">
        <v>15</v>
      </c>
      <c r="G73779" s="16">
        <v>0.58875370981947495</v>
      </c>
    </row>
    <row r="73780" spans="1:7" x14ac:dyDescent="0.3">
      <c r="A73780" s="13" t="s">
        <v>379</v>
      </c>
      <c r="B73780" s="14" t="s">
        <v>1</v>
      </c>
      <c r="C73780" s="14" t="s">
        <v>23</v>
      </c>
      <c r="D73780" s="14" t="s">
        <v>380</v>
      </c>
      <c r="E73780" s="15">
        <v>45426</v>
      </c>
      <c r="F73780" s="14" t="s">
        <v>15</v>
      </c>
      <c r="G73780" s="16">
        <v>0.63354775131498464</v>
      </c>
    </row>
    <row r="73781" spans="1:7" x14ac:dyDescent="0.3">
      <c r="A73781" s="13" t="s">
        <v>379</v>
      </c>
      <c r="B73781" s="14" t="s">
        <v>1</v>
      </c>
      <c r="C73781" s="14" t="s">
        <v>23</v>
      </c>
      <c r="D73781" s="14" t="s">
        <v>380</v>
      </c>
      <c r="E73781" s="15">
        <v>45427</v>
      </c>
      <c r="F73781" s="14" t="s">
        <v>15</v>
      </c>
      <c r="G73781" s="16">
        <v>0.6478880256872066</v>
      </c>
    </row>
    <row r="73782" spans="1:7" x14ac:dyDescent="0.3">
      <c r="A73782" s="13" t="s">
        <v>379</v>
      </c>
      <c r="B73782" s="14" t="s">
        <v>1</v>
      </c>
      <c r="C73782" s="14" t="s">
        <v>23</v>
      </c>
      <c r="D73782" s="14" t="s">
        <v>380</v>
      </c>
      <c r="E73782" s="15">
        <v>45428</v>
      </c>
      <c r="F73782" s="14" t="s">
        <v>15</v>
      </c>
      <c r="G73782" s="16">
        <v>0.66246802608682576</v>
      </c>
    </row>
    <row r="73783" spans="1:7" x14ac:dyDescent="0.3">
      <c r="A73783" s="13" t="s">
        <v>379</v>
      </c>
      <c r="B73783" s="14" t="s">
        <v>1</v>
      </c>
      <c r="C73783" s="14" t="s">
        <v>23</v>
      </c>
      <c r="D73783" s="14" t="s">
        <v>380</v>
      </c>
      <c r="E73783" s="15">
        <v>45429</v>
      </c>
      <c r="F73783" s="14" t="s">
        <v>15</v>
      </c>
      <c r="G73783" s="16">
        <v>0.67702234155493812</v>
      </c>
    </row>
    <row r="73784" spans="1:7" x14ac:dyDescent="0.3">
      <c r="A73784" s="13" t="s">
        <v>379</v>
      </c>
      <c r="B73784" s="14" t="s">
        <v>1</v>
      </c>
      <c r="C73784" s="14" t="s">
        <v>23</v>
      </c>
      <c r="D73784" s="14" t="s">
        <v>380</v>
      </c>
      <c r="E73784" s="15">
        <v>45430</v>
      </c>
      <c r="F73784" s="14" t="s">
        <v>15</v>
      </c>
      <c r="G73784" s="16">
        <v>0.67702234155493812</v>
      </c>
    </row>
    <row r="73785" spans="1:7" x14ac:dyDescent="0.3">
      <c r="A73785" s="13" t="s">
        <v>379</v>
      </c>
      <c r="B73785" s="14" t="s">
        <v>1</v>
      </c>
      <c r="C73785" s="14" t="s">
        <v>23</v>
      </c>
      <c r="D73785" s="14" t="s">
        <v>380</v>
      </c>
      <c r="E73785" s="15">
        <v>45431</v>
      </c>
      <c r="F73785" s="14" t="s">
        <v>15</v>
      </c>
      <c r="G73785" s="16">
        <v>0.67702234155493812</v>
      </c>
    </row>
    <row r="73786" spans="1:7" x14ac:dyDescent="0.3">
      <c r="A73786" s="13" t="s">
        <v>379</v>
      </c>
      <c r="B73786" s="14" t="s">
        <v>1</v>
      </c>
      <c r="C73786" s="14" t="s">
        <v>23</v>
      </c>
      <c r="D73786" s="14" t="s">
        <v>380</v>
      </c>
      <c r="E73786" s="15">
        <v>45432</v>
      </c>
      <c r="F73786" s="14" t="s">
        <v>15</v>
      </c>
      <c r="G73786" s="16">
        <v>0.69176501318743411</v>
      </c>
    </row>
    <row r="73787" spans="1:7" x14ac:dyDescent="0.3">
      <c r="A73787" s="13" t="s">
        <v>379</v>
      </c>
      <c r="B73787" s="14" t="s">
        <v>1</v>
      </c>
      <c r="C73787" s="14" t="s">
        <v>23</v>
      </c>
      <c r="D73787" s="14" t="s">
        <v>380</v>
      </c>
      <c r="E73787" s="15">
        <v>45433</v>
      </c>
      <c r="F73787" s="14" t="s">
        <v>15</v>
      </c>
      <c r="G73787" s="16">
        <v>0.73560871221719026</v>
      </c>
    </row>
    <row r="73788" spans="1:7" x14ac:dyDescent="0.3">
      <c r="A73788" s="13" t="s">
        <v>379</v>
      </c>
      <c r="B73788" s="14" t="s">
        <v>1</v>
      </c>
      <c r="C73788" s="14" t="s">
        <v>23</v>
      </c>
      <c r="D73788" s="14" t="s">
        <v>380</v>
      </c>
      <c r="E73788" s="15">
        <v>45434</v>
      </c>
      <c r="F73788" s="14" t="s">
        <v>15</v>
      </c>
      <c r="G73788" s="16">
        <v>0.7501715893291383</v>
      </c>
    </row>
    <row r="73789" spans="1:7" x14ac:dyDescent="0.3">
      <c r="A73789" s="13" t="s">
        <v>379</v>
      </c>
      <c r="B73789" s="14" t="s">
        <v>1</v>
      </c>
      <c r="C73789" s="14" t="s">
        <v>23</v>
      </c>
      <c r="D73789" s="14" t="s">
        <v>380</v>
      </c>
      <c r="E73789" s="15">
        <v>45435</v>
      </c>
      <c r="F73789" s="14" t="s">
        <v>15</v>
      </c>
      <c r="G73789" s="16">
        <v>0.76719165822190816</v>
      </c>
    </row>
    <row r="73790" spans="1:7" x14ac:dyDescent="0.3">
      <c r="A73790" s="13" t="s">
        <v>379</v>
      </c>
      <c r="B73790" s="14" t="s">
        <v>1</v>
      </c>
      <c r="C73790" s="14" t="s">
        <v>23</v>
      </c>
      <c r="D73790" s="14" t="s">
        <v>380</v>
      </c>
      <c r="E73790" s="15">
        <v>45436</v>
      </c>
      <c r="F73790" s="14" t="s">
        <v>15</v>
      </c>
      <c r="G73790" s="16">
        <v>0.78147200108728077</v>
      </c>
    </row>
    <row r="73791" spans="1:7" x14ac:dyDescent="0.3">
      <c r="A73791" s="13" t="s">
        <v>379</v>
      </c>
      <c r="B73791" s="14" t="s">
        <v>1</v>
      </c>
      <c r="C73791" s="14" t="s">
        <v>23</v>
      </c>
      <c r="D73791" s="14" t="s">
        <v>380</v>
      </c>
      <c r="E73791" s="15">
        <v>45437</v>
      </c>
      <c r="F73791" s="14" t="s">
        <v>15</v>
      </c>
      <c r="G73791" s="16">
        <v>0.78147200108728077</v>
      </c>
    </row>
    <row r="73792" spans="1:7" x14ac:dyDescent="0.3">
      <c r="A73792" s="13" t="s">
        <v>379</v>
      </c>
      <c r="B73792" s="14" t="s">
        <v>1</v>
      </c>
      <c r="C73792" s="14" t="s">
        <v>23</v>
      </c>
      <c r="D73792" s="14" t="s">
        <v>380</v>
      </c>
      <c r="E73792" s="15">
        <v>45438</v>
      </c>
      <c r="F73792" s="14" t="s">
        <v>15</v>
      </c>
      <c r="G73792" s="16">
        <v>0.78147200108728077</v>
      </c>
    </row>
    <row r="73793" spans="1:7" x14ac:dyDescent="0.3">
      <c r="A73793" s="13" t="s">
        <v>379</v>
      </c>
      <c r="B73793" s="14" t="s">
        <v>1</v>
      </c>
      <c r="C73793" s="14" t="s">
        <v>23</v>
      </c>
      <c r="D73793" s="14" t="s">
        <v>380</v>
      </c>
      <c r="E73793" s="15">
        <v>45439</v>
      </c>
      <c r="F73793" s="14" t="s">
        <v>15</v>
      </c>
      <c r="G73793" s="16">
        <v>0.78147200108728077</v>
      </c>
    </row>
    <row r="73794" spans="1:7" x14ac:dyDescent="0.3">
      <c r="A73794" s="13" t="s">
        <v>379</v>
      </c>
      <c r="B73794" s="14" t="s">
        <v>1</v>
      </c>
      <c r="C73794" s="14" t="s">
        <v>23</v>
      </c>
      <c r="D73794" s="14" t="s">
        <v>380</v>
      </c>
      <c r="E73794" s="15">
        <v>45440</v>
      </c>
      <c r="F73794" s="14" t="s">
        <v>15</v>
      </c>
      <c r="G73794" s="16">
        <v>0.79568385080196846</v>
      </c>
    </row>
    <row r="73795" spans="1:7" x14ac:dyDescent="0.3">
      <c r="A73795" s="13" t="s">
        <v>379</v>
      </c>
      <c r="B73795" s="14" t="s">
        <v>1</v>
      </c>
      <c r="C73795" s="14" t="s">
        <v>23</v>
      </c>
      <c r="D73795" s="14" t="s">
        <v>380</v>
      </c>
      <c r="E73795" s="15">
        <v>45441</v>
      </c>
      <c r="F73795" s="14" t="s">
        <v>15</v>
      </c>
      <c r="G73795" s="16">
        <v>0.84818337174953284</v>
      </c>
    </row>
    <row r="73796" spans="1:7" x14ac:dyDescent="0.3">
      <c r="A73796" s="13" t="s">
        <v>379</v>
      </c>
      <c r="B73796" s="14" t="s">
        <v>1</v>
      </c>
      <c r="C73796" s="14" t="s">
        <v>23</v>
      </c>
      <c r="D73796" s="14" t="s">
        <v>380</v>
      </c>
      <c r="E73796" s="15">
        <v>45442</v>
      </c>
      <c r="F73796" s="14" t="s">
        <v>15</v>
      </c>
      <c r="G73796" s="16">
        <v>0.86424453653271371</v>
      </c>
    </row>
    <row r="73797" spans="1:7" x14ac:dyDescent="0.3">
      <c r="A73797" s="13" t="s">
        <v>379</v>
      </c>
      <c r="B73797" s="14" t="s">
        <v>1</v>
      </c>
      <c r="C73797" s="14" t="s">
        <v>23</v>
      </c>
      <c r="D73797" s="14" t="s">
        <v>380</v>
      </c>
      <c r="E73797" s="15">
        <v>45443</v>
      </c>
      <c r="F73797" s="14" t="s">
        <v>15</v>
      </c>
      <c r="G73797" s="16">
        <v>0.87354200268575766</v>
      </c>
    </row>
    <row r="73798" spans="1:7" x14ac:dyDescent="0.3">
      <c r="A73798" s="13" t="s">
        <v>379</v>
      </c>
      <c r="B73798" s="14" t="s">
        <v>1</v>
      </c>
      <c r="C73798" s="14" t="s">
        <v>23</v>
      </c>
      <c r="D73798" s="14" t="s">
        <v>380</v>
      </c>
      <c r="E73798" s="15">
        <v>45444</v>
      </c>
      <c r="F73798" s="14" t="s">
        <v>15</v>
      </c>
      <c r="G73798" s="16">
        <v>0.87354200268575766</v>
      </c>
    </row>
    <row r="73799" spans="1:7" x14ac:dyDescent="0.3">
      <c r="A73799" s="13" t="s">
        <v>379</v>
      </c>
      <c r="B73799" s="14" t="s">
        <v>1</v>
      </c>
      <c r="C73799" s="14" t="s">
        <v>23</v>
      </c>
      <c r="D73799" s="14" t="s">
        <v>380</v>
      </c>
      <c r="E73799" s="15">
        <v>45445</v>
      </c>
      <c r="F73799" s="14" t="s">
        <v>15</v>
      </c>
      <c r="G73799" s="16">
        <v>0.87354200268575766</v>
      </c>
    </row>
    <row r="73800" spans="1:7" x14ac:dyDescent="0.3">
      <c r="A73800" s="13" t="s">
        <v>379</v>
      </c>
      <c r="B73800" s="14" t="s">
        <v>1</v>
      </c>
      <c r="C73800" s="14" t="s">
        <v>23</v>
      </c>
      <c r="D73800" s="14" t="s">
        <v>380</v>
      </c>
      <c r="E73800" s="15">
        <v>45446</v>
      </c>
      <c r="F73800" s="14" t="s">
        <v>15</v>
      </c>
      <c r="G73800" s="16">
        <v>0.87354200268575766</v>
      </c>
    </row>
    <row r="73801" spans="1:7" x14ac:dyDescent="0.3">
      <c r="A73801" s="13" t="s">
        <v>379</v>
      </c>
      <c r="B73801" s="14" t="s">
        <v>1</v>
      </c>
      <c r="C73801" s="14" t="s">
        <v>23</v>
      </c>
      <c r="D73801" s="14" t="s">
        <v>380</v>
      </c>
      <c r="E73801" s="15">
        <v>45447</v>
      </c>
      <c r="F73801" s="14" t="s">
        <v>15</v>
      </c>
      <c r="G73801" s="16">
        <v>0.89077611267441803</v>
      </c>
    </row>
    <row r="73802" spans="1:7" x14ac:dyDescent="0.3">
      <c r="A73802" s="13" t="s">
        <v>379</v>
      </c>
      <c r="B73802" s="14" t="s">
        <v>1</v>
      </c>
      <c r="C73802" s="14" t="s">
        <v>23</v>
      </c>
      <c r="D73802" s="14" t="s">
        <v>380</v>
      </c>
      <c r="E73802" s="15">
        <v>45448</v>
      </c>
      <c r="F73802" s="14" t="s">
        <v>15</v>
      </c>
      <c r="G73802" s="16">
        <v>0.95256501718362629</v>
      </c>
    </row>
    <row r="73803" spans="1:7" x14ac:dyDescent="0.3">
      <c r="A73803" s="13" t="s">
        <v>379</v>
      </c>
      <c r="B73803" s="14" t="s">
        <v>1</v>
      </c>
      <c r="C73803" s="14" t="s">
        <v>23</v>
      </c>
      <c r="D73803" s="14" t="s">
        <v>380</v>
      </c>
      <c r="E73803" s="15">
        <v>45449</v>
      </c>
      <c r="F73803" s="14" t="s">
        <v>15</v>
      </c>
      <c r="G73803" s="16">
        <v>0.96636590799420452</v>
      </c>
    </row>
    <row r="73804" spans="1:7" x14ac:dyDescent="0.3">
      <c r="A73804" s="13" t="s">
        <v>379</v>
      </c>
      <c r="B73804" s="14" t="s">
        <v>1</v>
      </c>
      <c r="C73804" s="14" t="s">
        <v>23</v>
      </c>
      <c r="D73804" s="14" t="s">
        <v>380</v>
      </c>
      <c r="E73804" s="15">
        <v>45450</v>
      </c>
      <c r="F73804" s="14" t="s">
        <v>15</v>
      </c>
      <c r="G73804" s="16">
        <v>1.0003209083938238</v>
      </c>
    </row>
    <row r="73805" spans="1:7" x14ac:dyDescent="0.3">
      <c r="A73805" s="13" t="s">
        <v>379</v>
      </c>
      <c r="B73805" s="14" t="s">
        <v>1</v>
      </c>
      <c r="C73805" s="14" t="s">
        <v>23</v>
      </c>
      <c r="D73805" s="14" t="s">
        <v>380</v>
      </c>
      <c r="E73805" s="15">
        <v>45451</v>
      </c>
      <c r="F73805" s="14" t="s">
        <v>15</v>
      </c>
      <c r="G73805" s="16">
        <v>1.0003209083938238</v>
      </c>
    </row>
    <row r="73806" spans="1:7" x14ac:dyDescent="0.3">
      <c r="A73806" s="13" t="s">
        <v>379</v>
      </c>
      <c r="B73806" s="14" t="s">
        <v>1</v>
      </c>
      <c r="C73806" s="14" t="s">
        <v>23</v>
      </c>
      <c r="D73806" s="14" t="s">
        <v>380</v>
      </c>
      <c r="E73806" s="15">
        <v>45452</v>
      </c>
      <c r="F73806" s="14" t="s">
        <v>15</v>
      </c>
      <c r="G73806" s="16">
        <v>1.0003209083938238</v>
      </c>
    </row>
    <row r="73807" spans="1:7" x14ac:dyDescent="0.3">
      <c r="A73807" s="13" t="s">
        <v>379</v>
      </c>
      <c r="B73807" s="14" t="s">
        <v>1</v>
      </c>
      <c r="C73807" s="14" t="s">
        <v>23</v>
      </c>
      <c r="D73807" s="14" t="s">
        <v>380</v>
      </c>
      <c r="E73807" s="15">
        <v>45453</v>
      </c>
      <c r="F73807" s="14" t="s">
        <v>15</v>
      </c>
      <c r="G73807" s="16">
        <v>1.0140789909852237</v>
      </c>
    </row>
    <row r="73808" spans="1:7" x14ac:dyDescent="0.3">
      <c r="A73808" s="13" t="s">
        <v>379</v>
      </c>
      <c r="B73808" s="14" t="s">
        <v>1</v>
      </c>
      <c r="C73808" s="14" t="s">
        <v>23</v>
      </c>
      <c r="D73808" s="14" t="s">
        <v>380</v>
      </c>
      <c r="E73808" s="15">
        <v>45454</v>
      </c>
      <c r="F73808" s="14" t="s">
        <v>15</v>
      </c>
      <c r="G73808" s="16">
        <v>1.0554312516588156</v>
      </c>
    </row>
    <row r="73809" spans="1:7" x14ac:dyDescent="0.3">
      <c r="A73809" s="13" t="s">
        <v>379</v>
      </c>
      <c r="B73809" s="14" t="s">
        <v>1</v>
      </c>
      <c r="C73809" s="14" t="s">
        <v>23</v>
      </c>
      <c r="D73809" s="14" t="s">
        <v>380</v>
      </c>
      <c r="E73809" s="15">
        <v>45455</v>
      </c>
      <c r="F73809" s="14" t="s">
        <v>15</v>
      </c>
      <c r="G73809" s="16">
        <v>1.0692407041132295</v>
      </c>
    </row>
    <row r="73810" spans="1:7" x14ac:dyDescent="0.3">
      <c r="A73810" s="13" t="s">
        <v>379</v>
      </c>
      <c r="B73810" s="14" t="s">
        <v>1</v>
      </c>
      <c r="C73810" s="14" t="s">
        <v>23</v>
      </c>
      <c r="D73810" s="14" t="s">
        <v>380</v>
      </c>
      <c r="E73810" s="15">
        <v>45456</v>
      </c>
      <c r="F73810" s="14" t="s">
        <v>15</v>
      </c>
      <c r="G73810" s="16">
        <v>1.0824679647868212</v>
      </c>
    </row>
    <row r="73811" spans="1:7" x14ac:dyDescent="0.3">
      <c r="A73811" s="13" t="s">
        <v>379</v>
      </c>
      <c r="B73811" s="14" t="s">
        <v>1</v>
      </c>
      <c r="C73811" s="14" t="s">
        <v>23</v>
      </c>
      <c r="D73811" s="14" t="s">
        <v>380</v>
      </c>
      <c r="E73811" s="15">
        <v>45457</v>
      </c>
      <c r="F73811" s="14" t="s">
        <v>15</v>
      </c>
      <c r="G73811" s="16">
        <v>1.0977585816247966</v>
      </c>
    </row>
    <row r="73812" spans="1:7" x14ac:dyDescent="0.3">
      <c r="A73812" s="13" t="s">
        <v>379</v>
      </c>
      <c r="B73812" s="14" t="s">
        <v>1</v>
      </c>
      <c r="C73812" s="14" t="s">
        <v>23</v>
      </c>
      <c r="D73812" s="14" t="s">
        <v>380</v>
      </c>
      <c r="E73812" s="15">
        <v>45458</v>
      </c>
      <c r="F73812" s="14" t="s">
        <v>15</v>
      </c>
      <c r="G73812" s="16">
        <v>1.0977585816247966</v>
      </c>
    </row>
    <row r="73813" spans="1:7" x14ac:dyDescent="0.3">
      <c r="A73813" s="13" t="s">
        <v>379</v>
      </c>
      <c r="B73813" s="14" t="s">
        <v>1</v>
      </c>
      <c r="C73813" s="14" t="s">
        <v>23</v>
      </c>
      <c r="D73813" s="14" t="s">
        <v>380</v>
      </c>
      <c r="E73813" s="15">
        <v>45459</v>
      </c>
      <c r="F73813" s="14" t="s">
        <v>15</v>
      </c>
      <c r="G73813" s="16">
        <v>1.0977585816247966</v>
      </c>
    </row>
    <row r="73814" spans="1:7" x14ac:dyDescent="0.3">
      <c r="A73814" s="13" t="s">
        <v>379</v>
      </c>
      <c r="B73814" s="14" t="s">
        <v>1</v>
      </c>
      <c r="C73814" s="14" t="s">
        <v>23</v>
      </c>
      <c r="D73814" s="14" t="s">
        <v>380</v>
      </c>
      <c r="E73814" s="15">
        <v>45460</v>
      </c>
      <c r="F73814" s="14" t="s">
        <v>15</v>
      </c>
      <c r="G73814" s="16">
        <v>1.1116536505175665</v>
      </c>
    </row>
    <row r="73815" spans="1:7" x14ac:dyDescent="0.3">
      <c r="A73815" s="13" t="s">
        <v>379</v>
      </c>
      <c r="B73815" s="14" t="s">
        <v>1</v>
      </c>
      <c r="C73815" s="14" t="s">
        <v>23</v>
      </c>
      <c r="D73815" s="14" t="s">
        <v>380</v>
      </c>
      <c r="E73815" s="15">
        <v>45461</v>
      </c>
      <c r="F73815" s="14" t="s">
        <v>15</v>
      </c>
      <c r="G73815" s="16">
        <v>1.153391185163761</v>
      </c>
    </row>
    <row r="73816" spans="1:7" x14ac:dyDescent="0.3">
      <c r="A73816" s="13" t="s">
        <v>379</v>
      </c>
      <c r="B73816" s="14" t="s">
        <v>1</v>
      </c>
      <c r="C73816" s="14" t="s">
        <v>23</v>
      </c>
      <c r="D73816" s="14" t="s">
        <v>380</v>
      </c>
      <c r="E73816" s="15">
        <v>45462</v>
      </c>
      <c r="F73816" s="14" t="s">
        <v>15</v>
      </c>
      <c r="G73816" s="16">
        <v>1.153391185163761</v>
      </c>
    </row>
    <row r="73817" spans="1:7" x14ac:dyDescent="0.3">
      <c r="A73817" s="13" t="s">
        <v>379</v>
      </c>
      <c r="B73817" s="14" t="s">
        <v>1</v>
      </c>
      <c r="C73817" s="14" t="s">
        <v>23</v>
      </c>
      <c r="D73817" s="14" t="s">
        <v>380</v>
      </c>
      <c r="E73817" s="15">
        <v>45463</v>
      </c>
      <c r="F73817" s="14" t="s">
        <v>15</v>
      </c>
      <c r="G73817" s="16">
        <v>1.1673205006318732</v>
      </c>
    </row>
    <row r="73818" spans="1:7" x14ac:dyDescent="0.3">
      <c r="A73818" s="13" t="s">
        <v>379</v>
      </c>
      <c r="B73818" s="14" t="s">
        <v>1</v>
      </c>
      <c r="C73818" s="14" t="s">
        <v>23</v>
      </c>
      <c r="D73818" s="14" t="s">
        <v>380</v>
      </c>
      <c r="E73818" s="15">
        <v>45464</v>
      </c>
      <c r="F73818" s="14" t="s">
        <v>15</v>
      </c>
      <c r="G73818" s="16">
        <v>1.1966950215794376</v>
      </c>
    </row>
    <row r="73819" spans="1:7" x14ac:dyDescent="0.3">
      <c r="A73819" s="13" t="s">
        <v>379</v>
      </c>
      <c r="B73819" s="14" t="s">
        <v>1</v>
      </c>
      <c r="C73819" s="14" t="s">
        <v>23</v>
      </c>
      <c r="D73819" s="14" t="s">
        <v>380</v>
      </c>
      <c r="E73819" s="15">
        <v>45465</v>
      </c>
      <c r="F73819" s="14" t="s">
        <v>15</v>
      </c>
      <c r="G73819" s="16">
        <v>1.1966950215794376</v>
      </c>
    </row>
    <row r="73820" spans="1:7" x14ac:dyDescent="0.3">
      <c r="A73820" s="13" t="s">
        <v>379</v>
      </c>
      <c r="B73820" s="14" t="s">
        <v>1</v>
      </c>
      <c r="C73820" s="14" t="s">
        <v>23</v>
      </c>
      <c r="D73820" s="14" t="s">
        <v>380</v>
      </c>
      <c r="E73820" s="15">
        <v>45466</v>
      </c>
      <c r="F73820" s="14" t="s">
        <v>15</v>
      </c>
      <c r="G73820" s="16">
        <v>1.1966950215794376</v>
      </c>
    </row>
    <row r="73821" spans="1:7" x14ac:dyDescent="0.3">
      <c r="A73821" s="13" t="s">
        <v>379</v>
      </c>
      <c r="B73821" s="14" t="s">
        <v>1</v>
      </c>
      <c r="C73821" s="14" t="s">
        <v>23</v>
      </c>
      <c r="D73821" s="14" t="s">
        <v>380</v>
      </c>
      <c r="E73821" s="15">
        <v>45467</v>
      </c>
      <c r="F73821" s="14" t="s">
        <v>15</v>
      </c>
      <c r="G73821" s="16">
        <v>1.210538720609194</v>
      </c>
    </row>
    <row r="73822" spans="1:7" x14ac:dyDescent="0.3">
      <c r="A73822" s="13" t="s">
        <v>379</v>
      </c>
      <c r="B73822" s="14" t="s">
        <v>1</v>
      </c>
      <c r="C73822" s="14" t="s">
        <v>23</v>
      </c>
      <c r="D73822" s="14" t="s">
        <v>380</v>
      </c>
      <c r="E73822" s="15">
        <v>45468</v>
      </c>
      <c r="F73822" s="14" t="s">
        <v>15</v>
      </c>
      <c r="G73822" s="16">
        <v>1.2546820771731966</v>
      </c>
    </row>
    <row r="73823" spans="1:7" x14ac:dyDescent="0.3">
      <c r="A73823" s="13" t="s">
        <v>379</v>
      </c>
      <c r="B73823" s="14" t="s">
        <v>1</v>
      </c>
      <c r="C73823" s="14" t="s">
        <v>23</v>
      </c>
      <c r="D73823" s="14" t="s">
        <v>380</v>
      </c>
      <c r="E73823" s="15">
        <v>45469</v>
      </c>
      <c r="F73823" s="14" t="s">
        <v>15</v>
      </c>
      <c r="G73823" s="16">
        <v>1.267361392641309</v>
      </c>
    </row>
    <row r="73824" spans="1:7" x14ac:dyDescent="0.3">
      <c r="A73824" s="13" t="s">
        <v>379</v>
      </c>
      <c r="B73824" s="14" t="s">
        <v>1</v>
      </c>
      <c r="C73824" s="14" t="s">
        <v>23</v>
      </c>
      <c r="D73824" s="14" t="s">
        <v>380</v>
      </c>
      <c r="E73824" s="15">
        <v>45470</v>
      </c>
      <c r="F73824" s="14" t="s">
        <v>15</v>
      </c>
      <c r="G73824" s="16">
        <v>1.281076667013531</v>
      </c>
    </row>
    <row r="73825" spans="1:7" x14ac:dyDescent="0.3">
      <c r="A73825" s="13" t="s">
        <v>379</v>
      </c>
      <c r="B73825" s="14" t="s">
        <v>1</v>
      </c>
      <c r="C73825" s="14" t="s">
        <v>23</v>
      </c>
      <c r="D73825" s="14" t="s">
        <v>380</v>
      </c>
      <c r="E73825" s="15">
        <v>45471</v>
      </c>
      <c r="F73825" s="14" t="s">
        <v>15</v>
      </c>
      <c r="G73825" s="16">
        <v>1.2948604345364376</v>
      </c>
    </row>
    <row r="73826" spans="1:7" x14ac:dyDescent="0.3">
      <c r="A73826" s="13" t="s">
        <v>379</v>
      </c>
      <c r="B73826" s="14" t="s">
        <v>1</v>
      </c>
      <c r="C73826" s="14" t="s">
        <v>23</v>
      </c>
      <c r="D73826" s="14" t="s">
        <v>380</v>
      </c>
      <c r="E73826" s="15">
        <v>45472</v>
      </c>
      <c r="F73826" s="14" t="s">
        <v>15</v>
      </c>
      <c r="G73826" s="16">
        <v>1.2948604345364376</v>
      </c>
    </row>
    <row r="73827" spans="1:7" x14ac:dyDescent="0.3">
      <c r="A73827" s="13" t="s">
        <v>379</v>
      </c>
      <c r="B73827" s="14" t="s">
        <v>1</v>
      </c>
      <c r="C73827" s="14" t="s">
        <v>23</v>
      </c>
      <c r="D73827" s="14" t="s">
        <v>380</v>
      </c>
      <c r="E73827" s="15">
        <v>45473</v>
      </c>
      <c r="F73827" s="14" t="s">
        <v>15</v>
      </c>
      <c r="G73827" s="16">
        <v>1.2948604345364376</v>
      </c>
    </row>
    <row r="73828" spans="1:7" x14ac:dyDescent="0.3">
      <c r="A73828" s="13" t="s">
        <v>379</v>
      </c>
      <c r="B73828" s="14" t="s">
        <v>1</v>
      </c>
      <c r="C73828" s="14" t="s">
        <v>23</v>
      </c>
      <c r="D73828" s="14" t="s">
        <v>380</v>
      </c>
      <c r="E73828" s="15">
        <v>45474</v>
      </c>
      <c r="F73828" s="14" t="s">
        <v>15</v>
      </c>
      <c r="G73828" s="16">
        <v>1.3087726267168789</v>
      </c>
    </row>
    <row r="73829" spans="1:7" x14ac:dyDescent="0.3">
      <c r="A73829" s="13" t="s">
        <v>379</v>
      </c>
      <c r="B73829" s="14" t="s">
        <v>1</v>
      </c>
      <c r="C73829" s="14" t="s">
        <v>23</v>
      </c>
      <c r="D73829" s="14" t="s">
        <v>380</v>
      </c>
      <c r="E73829" s="15">
        <v>45475</v>
      </c>
      <c r="F73829" s="14" t="s">
        <v>15</v>
      </c>
      <c r="G73829" s="16">
        <v>1.3511950928699226</v>
      </c>
    </row>
    <row r="73830" spans="1:7" x14ac:dyDescent="0.3">
      <c r="A73830" s="13" t="s">
        <v>379</v>
      </c>
      <c r="B73830" s="14" t="s">
        <v>1</v>
      </c>
      <c r="C73830" s="14" t="s">
        <v>23</v>
      </c>
      <c r="D73830" s="14" t="s">
        <v>380</v>
      </c>
      <c r="E73830" s="15">
        <v>45476</v>
      </c>
      <c r="F73830" s="14" t="s">
        <v>15</v>
      </c>
      <c r="G73830" s="16">
        <v>1.3652271480640625</v>
      </c>
    </row>
    <row r="73831" spans="1:7" x14ac:dyDescent="0.3">
      <c r="A73831" s="13" t="s">
        <v>379</v>
      </c>
      <c r="B73831" s="14" t="s">
        <v>1</v>
      </c>
      <c r="C73831" s="14" t="s">
        <v>23</v>
      </c>
      <c r="D73831" s="14" t="s">
        <v>380</v>
      </c>
      <c r="E73831" s="15">
        <v>45477</v>
      </c>
      <c r="F73831" s="14" t="s">
        <v>15</v>
      </c>
      <c r="G73831" s="16">
        <v>1.3652271480640625</v>
      </c>
    </row>
    <row r="73832" spans="1:7" x14ac:dyDescent="0.3">
      <c r="A73832" s="13" t="s">
        <v>379</v>
      </c>
      <c r="B73832" s="14" t="s">
        <v>1</v>
      </c>
      <c r="C73832" s="14" t="s">
        <v>23</v>
      </c>
      <c r="D73832" s="14" t="s">
        <v>380</v>
      </c>
      <c r="E73832" s="15">
        <v>45478</v>
      </c>
      <c r="F73832" s="14" t="s">
        <v>15</v>
      </c>
      <c r="G73832" s="16">
        <v>1.3793876279157364</v>
      </c>
    </row>
    <row r="73833" spans="1:7" x14ac:dyDescent="0.3">
      <c r="A73833" s="13" t="s">
        <v>379</v>
      </c>
      <c r="B73833" s="14" t="s">
        <v>1</v>
      </c>
      <c r="C73833" s="14" t="s">
        <v>23</v>
      </c>
      <c r="D73833" s="14" t="s">
        <v>380</v>
      </c>
      <c r="E73833" s="15">
        <v>45479</v>
      </c>
      <c r="F73833" s="14" t="s">
        <v>15</v>
      </c>
      <c r="G73833" s="16">
        <v>1.3793876279157364</v>
      </c>
    </row>
    <row r="73834" spans="1:7" x14ac:dyDescent="0.3">
      <c r="A73834" s="13" t="s">
        <v>379</v>
      </c>
      <c r="B73834" s="14" t="s">
        <v>1</v>
      </c>
      <c r="C73834" s="14" t="s">
        <v>23</v>
      </c>
      <c r="D73834" s="14" t="s">
        <v>380</v>
      </c>
      <c r="E73834" s="15">
        <v>45480</v>
      </c>
      <c r="F73834" s="14" t="s">
        <v>15</v>
      </c>
      <c r="G73834" s="16">
        <v>1.3793876279157364</v>
      </c>
    </row>
    <row r="73835" spans="1:7" x14ac:dyDescent="0.3">
      <c r="A73835" s="13" t="s">
        <v>379</v>
      </c>
      <c r="B73835" s="14" t="s">
        <v>1</v>
      </c>
      <c r="C73835" s="14" t="s">
        <v>23</v>
      </c>
      <c r="D73835" s="14" t="s">
        <v>380</v>
      </c>
      <c r="E73835" s="15">
        <v>45481</v>
      </c>
      <c r="F73835" s="14" t="s">
        <v>15</v>
      </c>
      <c r="G73835" s="16">
        <v>1.4329830392742597</v>
      </c>
    </row>
    <row r="73836" spans="1:7" x14ac:dyDescent="0.3">
      <c r="A73836" s="13" t="s">
        <v>379</v>
      </c>
      <c r="B73836" s="14" t="s">
        <v>1</v>
      </c>
      <c r="C73836" s="14" t="s">
        <v>23</v>
      </c>
      <c r="D73836" s="14" t="s">
        <v>380</v>
      </c>
      <c r="E73836" s="15">
        <v>45482</v>
      </c>
      <c r="F73836" s="14" t="s">
        <v>15</v>
      </c>
      <c r="G73836" s="16">
        <v>1.4759192040574405</v>
      </c>
    </row>
    <row r="73837" spans="1:7" x14ac:dyDescent="0.3">
      <c r="A73837" s="13" t="s">
        <v>379</v>
      </c>
      <c r="B73837" s="14" t="s">
        <v>1</v>
      </c>
      <c r="C73837" s="14" t="s">
        <v>23</v>
      </c>
      <c r="D73837" s="14" t="s">
        <v>380</v>
      </c>
      <c r="E73837" s="15">
        <v>45483</v>
      </c>
      <c r="F73837" s="14" t="s">
        <v>15</v>
      </c>
      <c r="G73837" s="16">
        <v>1.4911841359639091</v>
      </c>
    </row>
    <row r="73838" spans="1:7" x14ac:dyDescent="0.3">
      <c r="A73838" s="13" t="s">
        <v>379</v>
      </c>
      <c r="B73838" s="14" t="s">
        <v>1</v>
      </c>
      <c r="C73838" s="14" t="s">
        <v>23</v>
      </c>
      <c r="D73838" s="14" t="s">
        <v>380</v>
      </c>
      <c r="E73838" s="15">
        <v>45484</v>
      </c>
      <c r="F73838" s="14" t="s">
        <v>15</v>
      </c>
      <c r="G73838" s="16">
        <v>1.5055158486922953</v>
      </c>
    </row>
    <row r="73839" spans="1:7" x14ac:dyDescent="0.3">
      <c r="A73839" s="13" t="s">
        <v>379</v>
      </c>
      <c r="B73839" s="14" t="s">
        <v>1</v>
      </c>
      <c r="C73839" s="14" t="s">
        <v>23</v>
      </c>
      <c r="D73839" s="14" t="s">
        <v>380</v>
      </c>
      <c r="E73839" s="15">
        <v>45485</v>
      </c>
      <c r="F73839" s="14" t="s">
        <v>15</v>
      </c>
      <c r="G73839" s="16">
        <v>1.5204811230645174</v>
      </c>
    </row>
    <row r="73840" spans="1:7" x14ac:dyDescent="0.3">
      <c r="A73840" s="13" t="s">
        <v>379</v>
      </c>
      <c r="B73840" s="14" t="s">
        <v>1</v>
      </c>
      <c r="C73840" s="14" t="s">
        <v>23</v>
      </c>
      <c r="D73840" s="14" t="s">
        <v>380</v>
      </c>
      <c r="E73840" s="15">
        <v>45486</v>
      </c>
      <c r="F73840" s="14" t="s">
        <v>15</v>
      </c>
      <c r="G73840" s="16">
        <v>1.5204811230645174</v>
      </c>
    </row>
    <row r="73841" spans="1:7" x14ac:dyDescent="0.3">
      <c r="A73841" s="13" t="s">
        <v>379</v>
      </c>
      <c r="B73841" s="14" t="s">
        <v>1</v>
      </c>
      <c r="C73841" s="14" t="s">
        <v>23</v>
      </c>
      <c r="D73841" s="14" t="s">
        <v>380</v>
      </c>
      <c r="E73841" s="15">
        <v>45487</v>
      </c>
      <c r="F73841" s="14" t="s">
        <v>15</v>
      </c>
      <c r="G73841" s="16">
        <v>1.5204811230645174</v>
      </c>
    </row>
    <row r="73842" spans="1:7" x14ac:dyDescent="0.3">
      <c r="A73842" s="13" t="s">
        <v>379</v>
      </c>
      <c r="B73842" s="14" t="s">
        <v>1</v>
      </c>
      <c r="C73842" s="14" t="s">
        <v>23</v>
      </c>
      <c r="D73842" s="14" t="s">
        <v>380</v>
      </c>
      <c r="E73842" s="15">
        <v>45488</v>
      </c>
      <c r="F73842" s="14" t="s">
        <v>15</v>
      </c>
      <c r="G73842" s="16">
        <v>1.5342905755189311</v>
      </c>
    </row>
    <row r="73843" spans="1:7" x14ac:dyDescent="0.3">
      <c r="A73843" s="13" t="s">
        <v>379</v>
      </c>
      <c r="B73843" s="14" t="s">
        <v>1</v>
      </c>
      <c r="C73843" s="14" t="s">
        <v>23</v>
      </c>
      <c r="D73843" s="14" t="s">
        <v>380</v>
      </c>
      <c r="E73843" s="15">
        <v>45489</v>
      </c>
      <c r="F73843" s="14" t="s">
        <v>15</v>
      </c>
      <c r="G73843" s="16">
        <v>1.5760537950966325</v>
      </c>
    </row>
    <row r="73844" spans="1:7" x14ac:dyDescent="0.3">
      <c r="A73844" s="13" t="s">
        <v>379</v>
      </c>
      <c r="B73844" s="14" t="s">
        <v>1</v>
      </c>
      <c r="C73844" s="14" t="s">
        <v>23</v>
      </c>
      <c r="D73844" s="14" t="s">
        <v>380</v>
      </c>
      <c r="E73844" s="15">
        <v>45490</v>
      </c>
      <c r="F73844" s="14" t="s">
        <v>15</v>
      </c>
      <c r="G73844" s="16">
        <v>1.5899231790578956</v>
      </c>
    </row>
    <row r="73845" spans="1:7" x14ac:dyDescent="0.3">
      <c r="A73845" s="13" t="s">
        <v>379</v>
      </c>
      <c r="B73845" s="14" t="s">
        <v>1</v>
      </c>
      <c r="C73845" s="14" t="s">
        <v>23</v>
      </c>
      <c r="D73845" s="14" t="s">
        <v>380</v>
      </c>
      <c r="E73845" s="15">
        <v>45491</v>
      </c>
      <c r="F73845" s="14" t="s">
        <v>15</v>
      </c>
      <c r="G73845" s="16">
        <v>1.6037925630191587</v>
      </c>
    </row>
    <row r="73846" spans="1:7" x14ac:dyDescent="0.3">
      <c r="A73846" s="13" t="s">
        <v>379</v>
      </c>
      <c r="B73846" s="14" t="s">
        <v>1</v>
      </c>
      <c r="C73846" s="14" t="s">
        <v>23</v>
      </c>
      <c r="D73846" s="14" t="s">
        <v>380</v>
      </c>
      <c r="E73846" s="15">
        <v>45492</v>
      </c>
      <c r="F73846" s="14" t="s">
        <v>15</v>
      </c>
      <c r="G73846" s="16">
        <v>1.6176362620489149</v>
      </c>
    </row>
    <row r="73847" spans="1:7" x14ac:dyDescent="0.3">
      <c r="A73847" s="13" t="s">
        <v>379</v>
      </c>
      <c r="B73847" s="14" t="s">
        <v>1</v>
      </c>
      <c r="C73847" s="14" t="s">
        <v>23</v>
      </c>
      <c r="D73847" s="14" t="s">
        <v>380</v>
      </c>
      <c r="E73847" s="15">
        <v>45493</v>
      </c>
      <c r="F73847" s="14" t="s">
        <v>15</v>
      </c>
      <c r="G73847" s="16">
        <v>1.6176362620489149</v>
      </c>
    </row>
    <row r="73848" spans="1:7" x14ac:dyDescent="0.3">
      <c r="A73848" s="13" t="s">
        <v>379</v>
      </c>
      <c r="B73848" s="14" t="s">
        <v>1</v>
      </c>
      <c r="C73848" s="14" t="s">
        <v>23</v>
      </c>
      <c r="D73848" s="14" t="s">
        <v>380</v>
      </c>
      <c r="E73848" s="15">
        <v>45494</v>
      </c>
      <c r="F73848" s="14" t="s">
        <v>15</v>
      </c>
      <c r="G73848" s="16">
        <v>1.6176362620489149</v>
      </c>
    </row>
    <row r="73849" spans="1:7" x14ac:dyDescent="0.3">
      <c r="A73849" s="13" t="s">
        <v>379</v>
      </c>
      <c r="B73849" s="14" t="s">
        <v>1</v>
      </c>
      <c r="C73849" s="14" t="s">
        <v>23</v>
      </c>
      <c r="D73849" s="14" t="s">
        <v>380</v>
      </c>
      <c r="E73849" s="15">
        <v>45495</v>
      </c>
      <c r="F73849" s="14" t="s">
        <v>15</v>
      </c>
      <c r="G73849" s="16">
        <v>1.6314029062841504</v>
      </c>
    </row>
    <row r="73850" spans="1:7" x14ac:dyDescent="0.3">
      <c r="A73850" s="13" t="s">
        <v>379</v>
      </c>
      <c r="B73850" s="14" t="s">
        <v>1</v>
      </c>
      <c r="C73850" s="14" t="s">
        <v>23</v>
      </c>
      <c r="D73850" s="14" t="s">
        <v>380</v>
      </c>
      <c r="E73850" s="15">
        <v>45496</v>
      </c>
      <c r="F73850" s="14" t="s">
        <v>15</v>
      </c>
      <c r="G73850" s="16">
        <v>1.6724212628481534</v>
      </c>
    </row>
    <row r="73851" spans="1:7" x14ac:dyDescent="0.3">
      <c r="A73851" s="13" t="s">
        <v>379</v>
      </c>
      <c r="B73851" s="14" t="s">
        <v>1</v>
      </c>
      <c r="C73851" s="14" t="s">
        <v>23</v>
      </c>
      <c r="D73851" s="14" t="s">
        <v>380</v>
      </c>
      <c r="E73851" s="15">
        <v>45497</v>
      </c>
      <c r="F73851" s="14" t="s">
        <v>15</v>
      </c>
      <c r="G73851" s="16">
        <v>1.6880115372203752</v>
      </c>
    </row>
    <row r="73852" spans="1:7" x14ac:dyDescent="0.3">
      <c r="A73852" s="13" t="s">
        <v>379</v>
      </c>
      <c r="B73852" s="14" t="s">
        <v>1</v>
      </c>
      <c r="C73852" s="14" t="s">
        <v>23</v>
      </c>
      <c r="D73852" s="14" t="s">
        <v>380</v>
      </c>
      <c r="E73852" s="15">
        <v>45498</v>
      </c>
      <c r="F73852" s="14" t="s">
        <v>15</v>
      </c>
      <c r="G73852" s="16">
        <v>1.7011360581679398</v>
      </c>
    </row>
    <row r="73853" spans="1:7" x14ac:dyDescent="0.3">
      <c r="A73853" s="13" t="s">
        <v>379</v>
      </c>
      <c r="B73853" s="14" t="s">
        <v>1</v>
      </c>
      <c r="C73853" s="14" t="s">
        <v>23</v>
      </c>
      <c r="D73853" s="14" t="s">
        <v>380</v>
      </c>
      <c r="E73853" s="15">
        <v>45499</v>
      </c>
      <c r="F73853" s="14" t="s">
        <v>15</v>
      </c>
      <c r="G73853" s="16">
        <v>1.7143119489785179</v>
      </c>
    </row>
    <row r="73854" spans="1:7" x14ac:dyDescent="0.3">
      <c r="A73854" s="13" t="s">
        <v>379</v>
      </c>
      <c r="B73854" s="14" t="s">
        <v>1</v>
      </c>
      <c r="C73854" s="14" t="s">
        <v>23</v>
      </c>
      <c r="D73854" s="14" t="s">
        <v>380</v>
      </c>
      <c r="E73854" s="15">
        <v>45500</v>
      </c>
      <c r="F73854" s="14" t="s">
        <v>15</v>
      </c>
      <c r="G73854" s="16">
        <v>1.7143119489785179</v>
      </c>
    </row>
    <row r="73855" spans="1:7" x14ac:dyDescent="0.3">
      <c r="A73855" s="13" t="s">
        <v>379</v>
      </c>
      <c r="B73855" s="14" t="s">
        <v>1</v>
      </c>
      <c r="C73855" s="14" t="s">
        <v>23</v>
      </c>
      <c r="D73855" s="14" t="s">
        <v>380</v>
      </c>
      <c r="E73855" s="15">
        <v>45501</v>
      </c>
      <c r="F73855" s="14" t="s">
        <v>15</v>
      </c>
      <c r="G73855" s="16">
        <v>1.7143119489785179</v>
      </c>
    </row>
    <row r="73856" spans="1:7" x14ac:dyDescent="0.3">
      <c r="A73856" s="13" t="s">
        <v>379</v>
      </c>
      <c r="B73856" s="14" t="s">
        <v>1</v>
      </c>
      <c r="C73856" s="14" t="s">
        <v>23</v>
      </c>
      <c r="D73856" s="14" t="s">
        <v>380</v>
      </c>
      <c r="E73856" s="15">
        <v>45502</v>
      </c>
      <c r="F73856" s="14" t="s">
        <v>15</v>
      </c>
      <c r="G73856" s="16">
        <v>1.7275135247206028</v>
      </c>
    </row>
    <row r="73857" spans="1:7" x14ac:dyDescent="0.3">
      <c r="A73857" s="13" t="s">
        <v>379</v>
      </c>
      <c r="B73857" s="14" t="s">
        <v>1</v>
      </c>
      <c r="C73857" s="14" t="s">
        <v>23</v>
      </c>
      <c r="D73857" s="14" t="s">
        <v>380</v>
      </c>
      <c r="E73857" s="15">
        <v>45503</v>
      </c>
      <c r="F73857" s="14" t="s">
        <v>15</v>
      </c>
      <c r="G73857" s="16">
        <v>1.7670849634763865</v>
      </c>
    </row>
    <row r="73858" spans="1:7" x14ac:dyDescent="0.3">
      <c r="A73858" s="13" t="s">
        <v>379</v>
      </c>
      <c r="B73858" s="14" t="s">
        <v>1</v>
      </c>
      <c r="C73858" s="14" t="s">
        <v>23</v>
      </c>
      <c r="D73858" s="14" t="s">
        <v>380</v>
      </c>
      <c r="E73858" s="15">
        <v>45504</v>
      </c>
      <c r="F73858" s="14" t="s">
        <v>15</v>
      </c>
      <c r="G73858" s="16">
        <v>1.7816392789444986</v>
      </c>
    </row>
    <row r="73859" spans="1:7" x14ac:dyDescent="0.3">
      <c r="A73859" s="13" t="s">
        <v>379</v>
      </c>
      <c r="B73859" s="14" t="s">
        <v>1</v>
      </c>
      <c r="C73859" s="14" t="s">
        <v>23</v>
      </c>
      <c r="D73859" s="14" t="s">
        <v>380</v>
      </c>
      <c r="E73859" s="15">
        <v>45505</v>
      </c>
      <c r="F73859" s="14" t="s">
        <v>15</v>
      </c>
      <c r="G73859" s="16">
        <v>1.7867586629057615</v>
      </c>
    </row>
    <row r="73860" spans="1:7" x14ac:dyDescent="0.3">
      <c r="A73860" s="13" t="s">
        <v>379</v>
      </c>
      <c r="B73860" s="14" t="s">
        <v>1</v>
      </c>
      <c r="C73860" s="14" t="s">
        <v>23</v>
      </c>
      <c r="D73860" s="14" t="s">
        <v>380</v>
      </c>
      <c r="E73860" s="15">
        <v>45506</v>
      </c>
      <c r="F73860" s="14" t="s">
        <v>15</v>
      </c>
      <c r="G73860" s="16">
        <v>1.7918951701546959</v>
      </c>
    </row>
    <row r="73861" spans="1:7" x14ac:dyDescent="0.3">
      <c r="A73861" s="13" t="s">
        <v>379</v>
      </c>
      <c r="B73861" s="14" t="s">
        <v>1</v>
      </c>
      <c r="C73861" s="14" t="s">
        <v>23</v>
      </c>
      <c r="D73861" s="14" t="s">
        <v>380</v>
      </c>
      <c r="E73861" s="15">
        <v>45507</v>
      </c>
      <c r="F73861" s="14" t="s">
        <v>15</v>
      </c>
      <c r="G73861" s="16">
        <v>1.7918951701546959</v>
      </c>
    </row>
    <row r="73862" spans="1:7" x14ac:dyDescent="0.3">
      <c r="A73862" s="13" t="s">
        <v>379</v>
      </c>
      <c r="B73862" s="14" t="s">
        <v>1</v>
      </c>
      <c r="C73862" s="14" t="s">
        <v>23</v>
      </c>
      <c r="D73862" s="14" t="s">
        <v>380</v>
      </c>
      <c r="E73862" s="15">
        <v>45508</v>
      </c>
      <c r="F73862" s="14" t="s">
        <v>15</v>
      </c>
      <c r="G73862" s="16">
        <v>1.7918951701546959</v>
      </c>
    </row>
    <row r="73863" spans="1:7" x14ac:dyDescent="0.3">
      <c r="A73863" s="13" t="s">
        <v>379</v>
      </c>
      <c r="B73863" s="14" t="s">
        <v>1</v>
      </c>
      <c r="C73863" s="14" t="s">
        <v>23</v>
      </c>
      <c r="D73863" s="14" t="s">
        <v>380</v>
      </c>
      <c r="E73863" s="15">
        <v>45509</v>
      </c>
      <c r="F73863" s="14" t="s">
        <v>15</v>
      </c>
      <c r="G73863" s="16">
        <v>1.7918951701546959</v>
      </c>
    </row>
    <row r="73864" spans="1:7" x14ac:dyDescent="0.3">
      <c r="A73864" s="13" t="s">
        <v>379</v>
      </c>
      <c r="B73864" s="14" t="s">
        <v>1</v>
      </c>
      <c r="C73864" s="14" t="s">
        <v>23</v>
      </c>
      <c r="D73864" s="14" t="s">
        <v>380</v>
      </c>
      <c r="E73864" s="15">
        <v>45510</v>
      </c>
      <c r="F73864" s="14" t="s">
        <v>15</v>
      </c>
      <c r="G73864" s="16">
        <v>1.804403252746096</v>
      </c>
    </row>
    <row r="73865" spans="1:7" x14ac:dyDescent="0.3">
      <c r="A73865" s="13" t="s">
        <v>379</v>
      </c>
      <c r="B73865" s="14" t="s">
        <v>1</v>
      </c>
      <c r="C73865" s="14" t="s">
        <v>23</v>
      </c>
      <c r="D73865" s="14" t="s">
        <v>380</v>
      </c>
      <c r="E73865" s="15">
        <v>45511</v>
      </c>
      <c r="F73865" s="14" t="s">
        <v>15</v>
      </c>
      <c r="G73865" s="16">
        <v>1.8732383901320164</v>
      </c>
    </row>
    <row r="73866" spans="1:7" x14ac:dyDescent="0.3">
      <c r="A73866" s="13" t="s">
        <v>379</v>
      </c>
      <c r="B73866" s="14" t="s">
        <v>1</v>
      </c>
      <c r="C73866" s="14" t="s">
        <v>23</v>
      </c>
      <c r="D73866" s="14" t="s">
        <v>380</v>
      </c>
      <c r="E73866" s="15">
        <v>45512</v>
      </c>
      <c r="F73866" s="14" t="s">
        <v>15</v>
      </c>
      <c r="G73866" s="16">
        <v>1.881029006969992</v>
      </c>
    </row>
    <row r="73867" spans="1:7" x14ac:dyDescent="0.3">
      <c r="A73867" s="13" t="s">
        <v>379</v>
      </c>
      <c r="B73867" s="14" t="s">
        <v>1</v>
      </c>
      <c r="C73867" s="14" t="s">
        <v>23</v>
      </c>
      <c r="D73867" s="14" t="s">
        <v>380</v>
      </c>
      <c r="E73867" s="15">
        <v>45513</v>
      </c>
      <c r="F73867" s="14" t="s">
        <v>15</v>
      </c>
      <c r="G73867" s="16">
        <v>1.8933572950408439</v>
      </c>
    </row>
    <row r="73868" spans="1:7" x14ac:dyDescent="0.3">
      <c r="A73868" s="13" t="s">
        <v>379</v>
      </c>
      <c r="B73868" s="14" t="s">
        <v>1</v>
      </c>
      <c r="C73868" s="14" t="s">
        <v>23</v>
      </c>
      <c r="D73868" s="14" t="s">
        <v>380</v>
      </c>
      <c r="E73868" s="15">
        <v>45514</v>
      </c>
      <c r="F73868" s="14" t="s">
        <v>15</v>
      </c>
      <c r="G73868" s="16">
        <v>1.8933572950408439</v>
      </c>
    </row>
    <row r="73869" spans="1:7" x14ac:dyDescent="0.3">
      <c r="A73869" s="13" t="s">
        <v>379</v>
      </c>
      <c r="B73869" s="14" t="s">
        <v>1</v>
      </c>
      <c r="C73869" s="14" t="s">
        <v>23</v>
      </c>
      <c r="D73869" s="14" t="s">
        <v>380</v>
      </c>
      <c r="E73869" s="15">
        <v>45515</v>
      </c>
      <c r="F73869" s="14" t="s">
        <v>15</v>
      </c>
      <c r="G73869" s="16">
        <v>1.8933572950408439</v>
      </c>
    </row>
    <row r="73870" spans="1:7" x14ac:dyDescent="0.3">
      <c r="A73870" s="13" t="s">
        <v>379</v>
      </c>
      <c r="B73870" s="14" t="s">
        <v>1</v>
      </c>
      <c r="C73870" s="14" t="s">
        <v>23</v>
      </c>
      <c r="D73870" s="14" t="s">
        <v>380</v>
      </c>
      <c r="E73870" s="15">
        <v>45516</v>
      </c>
      <c r="F73870" s="14" t="s">
        <v>15</v>
      </c>
      <c r="G73870" s="16">
        <v>1.9065417474952575</v>
      </c>
    </row>
    <row r="73871" spans="1:7" x14ac:dyDescent="0.3">
      <c r="A73871" s="13" t="s">
        <v>379</v>
      </c>
      <c r="B73871" s="14" t="s">
        <v>1</v>
      </c>
      <c r="C73871" s="14" t="s">
        <v>23</v>
      </c>
      <c r="D73871" s="14" t="s">
        <v>380</v>
      </c>
      <c r="E73871" s="15">
        <v>45517</v>
      </c>
      <c r="F73871" s="14" t="s">
        <v>15</v>
      </c>
      <c r="G73871" s="16">
        <v>1.9464042821414522</v>
      </c>
    </row>
    <row r="73872" spans="1:7" x14ac:dyDescent="0.3">
      <c r="A73872" s="13" t="s">
        <v>379</v>
      </c>
      <c r="B73872" s="14" t="s">
        <v>1</v>
      </c>
      <c r="C73872" s="14" t="s">
        <v>23</v>
      </c>
      <c r="D73872" s="14" t="s">
        <v>380</v>
      </c>
      <c r="E73872" s="15">
        <v>45518</v>
      </c>
      <c r="F73872" s="14" t="s">
        <v>15</v>
      </c>
      <c r="G73872" s="16">
        <v>1.959477433226003</v>
      </c>
    </row>
    <row r="73873" spans="1:7" x14ac:dyDescent="0.3">
      <c r="A73873" s="13" t="s">
        <v>379</v>
      </c>
      <c r="B73873" s="14" t="s">
        <v>1</v>
      </c>
      <c r="C73873" s="14" t="s">
        <v>23</v>
      </c>
      <c r="D73873" s="14" t="s">
        <v>380</v>
      </c>
      <c r="E73873" s="15">
        <v>45519</v>
      </c>
      <c r="F73873" s="14" t="s">
        <v>15</v>
      </c>
      <c r="G73873" s="16">
        <v>1.967216680200965</v>
      </c>
    </row>
    <row r="73874" spans="1:7" x14ac:dyDescent="0.3">
      <c r="A73874" s="13" t="s">
        <v>379</v>
      </c>
      <c r="B73874" s="14" t="s">
        <v>1</v>
      </c>
      <c r="C73874" s="14" t="s">
        <v>23</v>
      </c>
      <c r="D73874" s="14" t="s">
        <v>380</v>
      </c>
      <c r="E73874" s="15">
        <v>45520</v>
      </c>
      <c r="F73874" s="14" t="s">
        <v>15</v>
      </c>
      <c r="G73874" s="16">
        <v>1.9805809271759265</v>
      </c>
    </row>
    <row r="73875" spans="1:7" x14ac:dyDescent="0.3">
      <c r="A73875" s="13" t="s">
        <v>379</v>
      </c>
      <c r="B73875" s="14" t="s">
        <v>1</v>
      </c>
      <c r="C73875" s="14" t="s">
        <v>23</v>
      </c>
      <c r="D73875" s="14" t="s">
        <v>380</v>
      </c>
      <c r="E73875" s="15">
        <v>45521</v>
      </c>
      <c r="F73875" s="14" t="s">
        <v>15</v>
      </c>
      <c r="G73875" s="16">
        <v>1.9805809271759265</v>
      </c>
    </row>
    <row r="73876" spans="1:7" x14ac:dyDescent="0.3">
      <c r="A73876" s="13" t="s">
        <v>379</v>
      </c>
      <c r="B73876" s="14" t="s">
        <v>1</v>
      </c>
      <c r="C73876" s="14" t="s">
        <v>23</v>
      </c>
      <c r="D73876" s="14" t="s">
        <v>380</v>
      </c>
      <c r="E73876" s="15">
        <v>45522</v>
      </c>
      <c r="F73876" s="14" t="s">
        <v>15</v>
      </c>
      <c r="G73876" s="16">
        <v>1.9805809271759265</v>
      </c>
    </row>
    <row r="73877" spans="1:7" x14ac:dyDescent="0.3">
      <c r="A73877" s="13" t="s">
        <v>379</v>
      </c>
      <c r="B73877" s="14" t="s">
        <v>1</v>
      </c>
      <c r="C73877" s="14" t="s">
        <v>23</v>
      </c>
      <c r="D73877" s="14" t="s">
        <v>380</v>
      </c>
      <c r="E73877" s="15">
        <v>45523</v>
      </c>
      <c r="F73877" s="14" t="s">
        <v>15</v>
      </c>
      <c r="G73877" s="16">
        <v>1.993970859082395</v>
      </c>
    </row>
    <row r="73878" spans="1:7" x14ac:dyDescent="0.3">
      <c r="A73878" s="13" t="s">
        <v>379</v>
      </c>
      <c r="B73878" s="14" t="s">
        <v>1</v>
      </c>
      <c r="C73878" s="14" t="s">
        <v>23</v>
      </c>
      <c r="D73878" s="14" t="s">
        <v>380</v>
      </c>
      <c r="E73878" s="15">
        <v>45524</v>
      </c>
      <c r="F73878" s="14" t="s">
        <v>15</v>
      </c>
      <c r="G73878" s="16">
        <v>2.0348265444135212</v>
      </c>
    </row>
    <row r="73879" spans="1:7" x14ac:dyDescent="0.3">
      <c r="A73879" s="13" t="s">
        <v>379</v>
      </c>
      <c r="B73879" s="14" t="s">
        <v>1</v>
      </c>
      <c r="C73879" s="14" t="s">
        <v>23</v>
      </c>
      <c r="D73879" s="14" t="s">
        <v>380</v>
      </c>
      <c r="E73879" s="15">
        <v>45525</v>
      </c>
      <c r="F73879" s="14" t="s">
        <v>15</v>
      </c>
      <c r="G73879" s="16">
        <v>2.0436959283747842</v>
      </c>
    </row>
    <row r="73880" spans="1:7" x14ac:dyDescent="0.3">
      <c r="A73880" s="13" t="s">
        <v>379</v>
      </c>
      <c r="B73880" s="14" t="s">
        <v>1</v>
      </c>
      <c r="C73880" s="14" t="s">
        <v>23</v>
      </c>
      <c r="D73880" s="14" t="s">
        <v>380</v>
      </c>
      <c r="E73880" s="15">
        <v>45526</v>
      </c>
      <c r="F73880" s="14" t="s">
        <v>15</v>
      </c>
      <c r="G73880" s="16">
        <v>2.057094421925088</v>
      </c>
    </row>
    <row r="73881" spans="1:7" x14ac:dyDescent="0.3">
      <c r="A73881" s="13" t="s">
        <v>379</v>
      </c>
      <c r="B73881" s="14" t="s">
        <v>1</v>
      </c>
      <c r="C73881" s="14" t="s">
        <v>23</v>
      </c>
      <c r="D73881" s="14" t="s">
        <v>380</v>
      </c>
      <c r="E73881" s="15">
        <v>45527</v>
      </c>
      <c r="F73881" s="14" t="s">
        <v>15</v>
      </c>
      <c r="G73881" s="16">
        <v>2.0704329839685429</v>
      </c>
    </row>
    <row r="73882" spans="1:7" x14ac:dyDescent="0.3">
      <c r="A73882" s="13" t="s">
        <v>379</v>
      </c>
      <c r="B73882" s="14" t="s">
        <v>1</v>
      </c>
      <c r="C73882" s="14" t="s">
        <v>23</v>
      </c>
      <c r="D73882" s="14" t="s">
        <v>380</v>
      </c>
      <c r="E73882" s="15">
        <v>45528</v>
      </c>
      <c r="F73882" s="14" t="s">
        <v>15</v>
      </c>
      <c r="G73882" s="16">
        <v>2.0704329839685429</v>
      </c>
    </row>
    <row r="73883" spans="1:7" x14ac:dyDescent="0.3">
      <c r="A73883" s="13" t="s">
        <v>379</v>
      </c>
      <c r="B73883" s="14" t="s">
        <v>1</v>
      </c>
      <c r="C73883" s="14" t="s">
        <v>23</v>
      </c>
      <c r="D73883" s="14" t="s">
        <v>380</v>
      </c>
      <c r="E73883" s="15">
        <v>45529</v>
      </c>
      <c r="F73883" s="14" t="s">
        <v>15</v>
      </c>
      <c r="G73883" s="16">
        <v>2.0704329839685429</v>
      </c>
    </row>
    <row r="73884" spans="1:7" x14ac:dyDescent="0.3">
      <c r="A73884" s="13" t="s">
        <v>379</v>
      </c>
      <c r="B73884" s="14" t="s">
        <v>1</v>
      </c>
      <c r="C73884" s="14" t="s">
        <v>23</v>
      </c>
      <c r="D73884" s="14" t="s">
        <v>380</v>
      </c>
      <c r="E73884" s="15">
        <v>45530</v>
      </c>
      <c r="F73884" s="14" t="s">
        <v>15</v>
      </c>
      <c r="G73884" s="16">
        <v>2.084191066559943</v>
      </c>
    </row>
    <row r="73885" spans="1:7" x14ac:dyDescent="0.3">
      <c r="A73885" s="13" t="s">
        <v>379</v>
      </c>
      <c r="B73885" s="14" t="s">
        <v>1</v>
      </c>
      <c r="C73885" s="14" t="s">
        <v>23</v>
      </c>
      <c r="D73885" s="14" t="s">
        <v>380</v>
      </c>
      <c r="E73885" s="15">
        <v>45531</v>
      </c>
      <c r="F73885" s="14" t="s">
        <v>15</v>
      </c>
      <c r="G73885" s="16">
        <v>2.1244731217540829</v>
      </c>
    </row>
    <row r="73886" spans="1:7" x14ac:dyDescent="0.3">
      <c r="A73886" s="13" t="s">
        <v>379</v>
      </c>
      <c r="B73886" s="14" t="s">
        <v>1</v>
      </c>
      <c r="C73886" s="14" t="s">
        <v>23</v>
      </c>
      <c r="D73886" s="14" t="s">
        <v>380</v>
      </c>
      <c r="E73886" s="15">
        <v>45532</v>
      </c>
      <c r="F73886" s="14" t="s">
        <v>15</v>
      </c>
      <c r="G73886" s="16">
        <v>2.1384623687290443</v>
      </c>
    </row>
    <row r="73887" spans="1:7" x14ac:dyDescent="0.3">
      <c r="A73887" s="13" t="s">
        <v>379</v>
      </c>
      <c r="B73887" s="14" t="s">
        <v>1</v>
      </c>
      <c r="C73887" s="14" t="s">
        <v>23</v>
      </c>
      <c r="D73887" s="14" t="s">
        <v>380</v>
      </c>
      <c r="E73887" s="15">
        <v>45533</v>
      </c>
      <c r="F73887" s="14" t="s">
        <v>15</v>
      </c>
      <c r="G73887" s="16">
        <v>2.1514670266629099</v>
      </c>
    </row>
    <row r="73888" spans="1:7" x14ac:dyDescent="0.3">
      <c r="A73888" s="13" t="s">
        <v>379</v>
      </c>
      <c r="B73888" s="14" t="s">
        <v>1</v>
      </c>
      <c r="C73888" s="14" t="s">
        <v>23</v>
      </c>
      <c r="D73888" s="14" t="s">
        <v>380</v>
      </c>
      <c r="E73888" s="15">
        <v>45534</v>
      </c>
      <c r="F73888" s="14" t="s">
        <v>15</v>
      </c>
      <c r="G73888" s="16">
        <v>2.1648055887063649</v>
      </c>
    </row>
    <row r="73889" spans="1:7" x14ac:dyDescent="0.3">
      <c r="A73889" s="13" t="s">
        <v>379</v>
      </c>
      <c r="B73889" s="14" t="s">
        <v>1</v>
      </c>
      <c r="C73889" s="14" t="s">
        <v>23</v>
      </c>
      <c r="D73889" s="14" t="s">
        <v>380</v>
      </c>
      <c r="E73889" s="15">
        <v>45535</v>
      </c>
      <c r="F73889" s="14" t="s">
        <v>15</v>
      </c>
      <c r="G73889" s="16">
        <v>2.1648055887063649</v>
      </c>
    </row>
    <row r="73890" spans="1:7" x14ac:dyDescent="0.3">
      <c r="A73890" s="13" t="s">
        <v>379</v>
      </c>
      <c r="B73890" s="14" t="s">
        <v>1</v>
      </c>
      <c r="C73890" s="14" t="s">
        <v>23</v>
      </c>
      <c r="D73890" s="14" t="s">
        <v>380</v>
      </c>
      <c r="E73890" s="15">
        <v>45536</v>
      </c>
      <c r="F73890" s="14" t="s">
        <v>15</v>
      </c>
      <c r="G73890" s="16">
        <v>2.1648055887063649</v>
      </c>
    </row>
    <row r="73891" spans="1:7" x14ac:dyDescent="0.3">
      <c r="A73891" s="13" t="s">
        <v>379</v>
      </c>
      <c r="B73891" s="14" t="s">
        <v>1</v>
      </c>
      <c r="C73891" s="14" t="s">
        <v>23</v>
      </c>
      <c r="D73891" s="14" t="s">
        <v>380</v>
      </c>
      <c r="E73891" s="15">
        <v>45537</v>
      </c>
      <c r="F73891" s="14" t="s">
        <v>15</v>
      </c>
      <c r="G73891" s="16">
        <v>2.1648055887063649</v>
      </c>
    </row>
    <row r="73892" spans="1:7" x14ac:dyDescent="0.3">
      <c r="A73892" s="13" t="s">
        <v>379</v>
      </c>
      <c r="B73892" s="14" t="s">
        <v>1</v>
      </c>
      <c r="C73892" s="14" t="s">
        <v>23</v>
      </c>
      <c r="D73892" s="14" t="s">
        <v>380</v>
      </c>
      <c r="E73892" s="15">
        <v>45538</v>
      </c>
      <c r="F73892" s="14" t="s">
        <v>15</v>
      </c>
      <c r="G73892" s="16">
        <v>2.1783753151333816</v>
      </c>
    </row>
    <row r="73893" spans="1:7" x14ac:dyDescent="0.3">
      <c r="A73893" s="13" t="s">
        <v>379</v>
      </c>
      <c r="B73893" s="14" t="s">
        <v>1</v>
      </c>
      <c r="C73893" s="14" t="s">
        <v>23</v>
      </c>
      <c r="D73893" s="14" t="s">
        <v>380</v>
      </c>
      <c r="E73893" s="15">
        <v>45539</v>
      </c>
      <c r="F73893" s="14" t="s">
        <v>15</v>
      </c>
      <c r="G73893" s="16">
        <v>2.2230238086836858</v>
      </c>
    </row>
    <row r="73894" spans="1:7" x14ac:dyDescent="0.3">
      <c r="A73894" s="13" t="s">
        <v>379</v>
      </c>
      <c r="B73894" s="14" t="s">
        <v>1</v>
      </c>
      <c r="C73894" s="14" t="s">
        <v>23</v>
      </c>
      <c r="D73894" s="14" t="s">
        <v>380</v>
      </c>
      <c r="E73894" s="15">
        <v>45540</v>
      </c>
      <c r="F73894" s="14" t="s">
        <v>15</v>
      </c>
      <c r="G73894" s="16">
        <v>2.2366020967545377</v>
      </c>
    </row>
    <row r="73895" spans="1:7" x14ac:dyDescent="0.3">
      <c r="A73895" s="13" t="s">
        <v>379</v>
      </c>
      <c r="B73895" s="14" t="s">
        <v>1</v>
      </c>
      <c r="C73895" s="14" t="s">
        <v>23</v>
      </c>
      <c r="D73895" s="14" t="s">
        <v>380</v>
      </c>
      <c r="E73895" s="15">
        <v>45541</v>
      </c>
      <c r="F73895" s="14" t="s">
        <v>15</v>
      </c>
      <c r="G73895" s="16">
        <v>2.2506427135925127</v>
      </c>
    </row>
    <row r="73896" spans="1:7" x14ac:dyDescent="0.3">
      <c r="A73896" s="13" t="s">
        <v>379</v>
      </c>
      <c r="B73896" s="14" t="s">
        <v>1</v>
      </c>
      <c r="C73896" s="14" t="s">
        <v>23</v>
      </c>
      <c r="D73896" s="14" t="s">
        <v>380</v>
      </c>
      <c r="E73896" s="15">
        <v>45542</v>
      </c>
      <c r="F73896" s="14" t="s">
        <v>15</v>
      </c>
      <c r="G73896" s="16">
        <v>2.2506427135925127</v>
      </c>
    </row>
    <row r="73897" spans="1:7" x14ac:dyDescent="0.3">
      <c r="A73897" s="13" t="s">
        <v>379</v>
      </c>
      <c r="B73897" s="14" t="s">
        <v>1</v>
      </c>
      <c r="C73897" s="14" t="s">
        <v>23</v>
      </c>
      <c r="D73897" s="14" t="s">
        <v>380</v>
      </c>
      <c r="E73897" s="15">
        <v>45543</v>
      </c>
      <c r="F73897" s="14" t="s">
        <v>15</v>
      </c>
      <c r="G73897" s="16">
        <v>2.2506427135925127</v>
      </c>
    </row>
    <row r="73898" spans="1:7" x14ac:dyDescent="0.3">
      <c r="A73898" s="13" t="s">
        <v>379</v>
      </c>
      <c r="B73898" s="14" t="s">
        <v>1</v>
      </c>
      <c r="C73898" s="14" t="s">
        <v>23</v>
      </c>
      <c r="D73898" s="14" t="s">
        <v>380</v>
      </c>
      <c r="E73898" s="15">
        <v>45544</v>
      </c>
      <c r="F73898" s="14" t="s">
        <v>15</v>
      </c>
      <c r="G73898" s="16">
        <v>2.2922518235811733</v>
      </c>
    </row>
    <row r="73899" spans="1:7" x14ac:dyDescent="0.3">
      <c r="A73899" s="13" t="s">
        <v>379</v>
      </c>
      <c r="B73899" s="14" t="s">
        <v>1</v>
      </c>
      <c r="C73899" s="14" t="s">
        <v>23</v>
      </c>
      <c r="D73899" s="14" t="s">
        <v>380</v>
      </c>
      <c r="E73899" s="15">
        <v>45545</v>
      </c>
      <c r="F73899" s="14" t="s">
        <v>15</v>
      </c>
      <c r="G73899" s="16">
        <v>2.3291777143917511</v>
      </c>
    </row>
    <row r="73900" spans="1:7" x14ac:dyDescent="0.3">
      <c r="A73900" s="13" t="s">
        <v>379</v>
      </c>
      <c r="B73900" s="14" t="s">
        <v>1</v>
      </c>
      <c r="C73900" s="14" t="s">
        <v>23</v>
      </c>
      <c r="D73900" s="14" t="s">
        <v>380</v>
      </c>
      <c r="E73900" s="15">
        <v>45546</v>
      </c>
      <c r="F73900" s="14" t="s">
        <v>15</v>
      </c>
      <c r="G73900" s="16">
        <v>2.3410265504078089</v>
      </c>
    </row>
    <row r="73901" spans="1:7" x14ac:dyDescent="0.3">
      <c r="A73901" s="13" t="s">
        <v>379</v>
      </c>
      <c r="B73901" s="14" t="s">
        <v>1</v>
      </c>
      <c r="C73901" s="14" t="s">
        <v>23</v>
      </c>
      <c r="D73901" s="14" t="s">
        <v>380</v>
      </c>
      <c r="E73901" s="15">
        <v>45547</v>
      </c>
      <c r="F73901" s="14" t="s">
        <v>15</v>
      </c>
      <c r="G73901" s="16">
        <v>2.3546733316293458</v>
      </c>
    </row>
    <row r="73902" spans="1:7" x14ac:dyDescent="0.3">
      <c r="A73902" s="13" t="s">
        <v>379</v>
      </c>
      <c r="B73902" s="14" t="s">
        <v>1</v>
      </c>
      <c r="C73902" s="14" t="s">
        <v>23</v>
      </c>
      <c r="D73902" s="14" t="s">
        <v>380</v>
      </c>
      <c r="E73902" s="15">
        <v>45548</v>
      </c>
      <c r="F73902" s="14" t="s">
        <v>15</v>
      </c>
      <c r="G73902" s="16">
        <v>2.3682687429878686</v>
      </c>
    </row>
    <row r="73903" spans="1:7" x14ac:dyDescent="0.3">
      <c r="A73903" s="13" t="s">
        <v>379</v>
      </c>
      <c r="B73903" s="14" t="s">
        <v>1</v>
      </c>
      <c r="C73903" s="14" t="s">
        <v>23</v>
      </c>
      <c r="D73903" s="14" t="s">
        <v>380</v>
      </c>
      <c r="E73903" s="15">
        <v>45549</v>
      </c>
      <c r="F73903" s="14" t="s">
        <v>15</v>
      </c>
      <c r="G73903" s="16">
        <v>2.3682687429878686</v>
      </c>
    </row>
    <row r="73904" spans="1:7" x14ac:dyDescent="0.3">
      <c r="A73904" s="13" t="s">
        <v>379</v>
      </c>
      <c r="B73904" s="14" t="s">
        <v>1</v>
      </c>
      <c r="C73904" s="14" t="s">
        <v>23</v>
      </c>
      <c r="D73904" s="14" t="s">
        <v>380</v>
      </c>
      <c r="E73904" s="15">
        <v>45550</v>
      </c>
      <c r="F73904" s="14" t="s">
        <v>15</v>
      </c>
      <c r="G73904" s="16">
        <v>2.3682687429878686</v>
      </c>
    </row>
    <row r="73905" spans="1:7" x14ac:dyDescent="0.3">
      <c r="A73905" s="13" t="s">
        <v>379</v>
      </c>
      <c r="B73905" s="14" t="s">
        <v>1</v>
      </c>
      <c r="C73905" s="14" t="s">
        <v>23</v>
      </c>
      <c r="D73905" s="14" t="s">
        <v>380</v>
      </c>
      <c r="E73905" s="15">
        <v>45551</v>
      </c>
      <c r="F73905" s="14" t="s">
        <v>15</v>
      </c>
      <c r="G73905" s="16">
        <v>2.3820011406477621</v>
      </c>
    </row>
    <row r="73906" spans="1:7" x14ac:dyDescent="0.3">
      <c r="A73906" s="13" t="s">
        <v>379</v>
      </c>
      <c r="B73906" s="14" t="s">
        <v>1</v>
      </c>
      <c r="C73906" s="14" t="s">
        <v>23</v>
      </c>
      <c r="D73906" s="14" t="s">
        <v>380</v>
      </c>
      <c r="E73906" s="15">
        <v>45552</v>
      </c>
      <c r="F73906" s="14" t="s">
        <v>15</v>
      </c>
      <c r="G73906" s="16">
        <v>2.4241325109103951</v>
      </c>
    </row>
    <row r="73907" spans="1:7" x14ac:dyDescent="0.3">
      <c r="A73907" s="13" t="s">
        <v>379</v>
      </c>
      <c r="B73907" s="14" t="s">
        <v>1</v>
      </c>
      <c r="C73907" s="14" t="s">
        <v>23</v>
      </c>
      <c r="D73907" s="14" t="s">
        <v>380</v>
      </c>
      <c r="E73907" s="15">
        <v>45553</v>
      </c>
      <c r="F73907" s="14" t="s">
        <v>15</v>
      </c>
      <c r="G73907" s="16">
        <v>2.4381816893922061</v>
      </c>
    </row>
    <row r="73908" spans="1:7" x14ac:dyDescent="0.3">
      <c r="A73908" s="13" t="s">
        <v>379</v>
      </c>
      <c r="B73908" s="14" t="s">
        <v>1</v>
      </c>
      <c r="C73908" s="14" t="s">
        <v>23</v>
      </c>
      <c r="D73908" s="14" t="s">
        <v>380</v>
      </c>
      <c r="E73908" s="15">
        <v>45554</v>
      </c>
      <c r="F73908" s="14" t="s">
        <v>15</v>
      </c>
      <c r="G73908" s="16">
        <v>2.4515801829425099</v>
      </c>
    </row>
    <row r="73909" spans="1:7" x14ac:dyDescent="0.3">
      <c r="A73909" s="13" t="s">
        <v>379</v>
      </c>
      <c r="B73909" s="14" t="s">
        <v>1</v>
      </c>
      <c r="C73909" s="14" t="s">
        <v>23</v>
      </c>
      <c r="D73909" s="14" t="s">
        <v>380</v>
      </c>
      <c r="E73909" s="15">
        <v>45555</v>
      </c>
      <c r="F73909" s="14" t="s">
        <v>15</v>
      </c>
      <c r="G73909" s="16">
        <v>2.4659803888215812</v>
      </c>
    </row>
    <row r="73910" spans="1:7" x14ac:dyDescent="0.3">
      <c r="A73910" s="13" t="s">
        <v>379</v>
      </c>
      <c r="B73910" s="14" t="s">
        <v>1</v>
      </c>
      <c r="C73910" s="14" t="s">
        <v>23</v>
      </c>
      <c r="D73910" s="14" t="s">
        <v>380</v>
      </c>
      <c r="E73910" s="15">
        <v>45556</v>
      </c>
      <c r="F73910" s="14" t="s">
        <v>15</v>
      </c>
      <c r="G73910" s="16">
        <v>2.4659803888215812</v>
      </c>
    </row>
    <row r="73911" spans="1:7" x14ac:dyDescent="0.3">
      <c r="A73911" s="13" t="s">
        <v>379</v>
      </c>
      <c r="B73911" s="14" t="s">
        <v>1</v>
      </c>
      <c r="C73911" s="14" t="s">
        <v>23</v>
      </c>
      <c r="D73911" s="14" t="s">
        <v>380</v>
      </c>
      <c r="E73911" s="15">
        <v>45557</v>
      </c>
      <c r="F73911" s="14" t="s">
        <v>15</v>
      </c>
      <c r="G73911" s="16">
        <v>2.4659803888215812</v>
      </c>
    </row>
    <row r="73912" spans="1:7" x14ac:dyDescent="0.3">
      <c r="A73912" s="13" t="s">
        <v>379</v>
      </c>
      <c r="B73912" s="14" t="s">
        <v>1</v>
      </c>
      <c r="C73912" s="14" t="s">
        <v>23</v>
      </c>
      <c r="D73912" s="14" t="s">
        <v>380</v>
      </c>
      <c r="E73912" s="15">
        <v>45558</v>
      </c>
      <c r="F73912" s="14" t="s">
        <v>15</v>
      </c>
      <c r="G73912" s="16">
        <v>2.4803549097691455</v>
      </c>
    </row>
    <row r="73913" spans="1:7" x14ac:dyDescent="0.3">
      <c r="A73913" s="13" t="s">
        <v>379</v>
      </c>
      <c r="B73913" s="14" t="s">
        <v>1</v>
      </c>
      <c r="C73913" s="14" t="s">
        <v>23</v>
      </c>
      <c r="D73913" s="14" t="s">
        <v>380</v>
      </c>
      <c r="E73913" s="15">
        <v>45559</v>
      </c>
      <c r="F73913" s="14" t="s">
        <v>15</v>
      </c>
      <c r="G73913" s="16">
        <v>2.5355941567441076</v>
      </c>
    </row>
    <row r="73914" spans="1:7" x14ac:dyDescent="0.3">
      <c r="A73914" s="13" t="s">
        <v>379</v>
      </c>
      <c r="B73914" s="14" t="s">
        <v>1</v>
      </c>
      <c r="C73914" s="14" t="s">
        <v>23</v>
      </c>
      <c r="D73914" s="14" t="s">
        <v>380</v>
      </c>
      <c r="E73914" s="15">
        <v>45560</v>
      </c>
      <c r="F73914" s="14" t="s">
        <v>15</v>
      </c>
      <c r="G73914" s="16">
        <v>2.5501570338560557</v>
      </c>
    </row>
    <row r="73915" spans="1:7" x14ac:dyDescent="0.3">
      <c r="A73915" s="13" t="s">
        <v>379</v>
      </c>
      <c r="B73915" s="14" t="s">
        <v>1</v>
      </c>
      <c r="C73915" s="14" t="s">
        <v>23</v>
      </c>
      <c r="D73915" s="14" t="s">
        <v>380</v>
      </c>
      <c r="E73915" s="15">
        <v>45561</v>
      </c>
      <c r="F73915" s="14" t="s">
        <v>15</v>
      </c>
      <c r="G73915" s="16">
        <v>2.5646771027488251</v>
      </c>
    </row>
    <row r="73916" spans="1:7" x14ac:dyDescent="0.3">
      <c r="A73916" s="13" t="s">
        <v>379</v>
      </c>
      <c r="B73916" s="14" t="s">
        <v>1</v>
      </c>
      <c r="C73916" s="14" t="s">
        <v>23</v>
      </c>
      <c r="D73916" s="14" t="s">
        <v>380</v>
      </c>
      <c r="E73916" s="15">
        <v>45562</v>
      </c>
      <c r="F73916" s="14" t="s">
        <v>15</v>
      </c>
      <c r="G73916" s="16">
        <v>2.5819368976689927</v>
      </c>
    </row>
    <row r="73917" spans="1:7" x14ac:dyDescent="0.3">
      <c r="A73917" s="13" t="s">
        <v>379</v>
      </c>
      <c r="B73917" s="14" t="s">
        <v>1</v>
      </c>
      <c r="C73917" s="14" t="s">
        <v>23</v>
      </c>
      <c r="D73917" s="14" t="s">
        <v>380</v>
      </c>
      <c r="E73917" s="15">
        <v>45563</v>
      </c>
      <c r="F73917" s="14" t="s">
        <v>15</v>
      </c>
      <c r="G73917" s="16">
        <v>2.5819368976689927</v>
      </c>
    </row>
    <row r="73918" spans="1:7" x14ac:dyDescent="0.3">
      <c r="A73918" s="13" t="s">
        <v>379</v>
      </c>
      <c r="B73918" s="14" t="s">
        <v>1</v>
      </c>
      <c r="C73918" s="14" t="s">
        <v>23</v>
      </c>
      <c r="D73918" s="14" t="s">
        <v>380</v>
      </c>
      <c r="E73918" s="15">
        <v>45564</v>
      </c>
      <c r="F73918" s="14" t="s">
        <v>15</v>
      </c>
      <c r="G73918" s="16">
        <v>2.5819368976689927</v>
      </c>
    </row>
    <row r="73919" spans="1:7" x14ac:dyDescent="0.3">
      <c r="A73919" s="13" t="s">
        <v>379</v>
      </c>
      <c r="B73919" s="14" t="s">
        <v>1</v>
      </c>
      <c r="C73919" s="14" t="s">
        <v>23</v>
      </c>
      <c r="D73919" s="14" t="s">
        <v>380</v>
      </c>
      <c r="E73919" s="15">
        <v>45565</v>
      </c>
      <c r="F73919" s="14" t="s">
        <v>15</v>
      </c>
      <c r="G73919" s="16">
        <v>2.5964055966987485</v>
      </c>
    </row>
    <row r="73920" spans="1:7" x14ac:dyDescent="0.3">
      <c r="A73920" s="13" t="s">
        <v>379</v>
      </c>
      <c r="B73920" s="14" t="s">
        <v>1</v>
      </c>
      <c r="C73920" s="14" t="s">
        <v>23</v>
      </c>
      <c r="D73920" s="14" t="s">
        <v>380</v>
      </c>
      <c r="E73920" s="15">
        <v>45566</v>
      </c>
      <c r="F73920" s="14" t="s">
        <v>15</v>
      </c>
      <c r="G73920" s="16">
        <v>2.6396756655915188</v>
      </c>
    </row>
    <row r="73921" spans="1:7" x14ac:dyDescent="0.3">
      <c r="A73921" s="13" t="s">
        <v>379</v>
      </c>
      <c r="B73921" s="14" t="s">
        <v>1</v>
      </c>
      <c r="C73921" s="14" t="s">
        <v>23</v>
      </c>
      <c r="D73921" s="14" t="s">
        <v>380</v>
      </c>
      <c r="E73921" s="15">
        <v>45567</v>
      </c>
      <c r="F73921" s="14" t="s">
        <v>15</v>
      </c>
      <c r="G73921" s="16">
        <v>2.6538789536623706</v>
      </c>
    </row>
    <row r="73922" spans="1:7" x14ac:dyDescent="0.3">
      <c r="A73922" s="13" t="s">
        <v>379</v>
      </c>
      <c r="B73922" s="14" t="s">
        <v>1</v>
      </c>
      <c r="C73922" s="14" t="s">
        <v>23</v>
      </c>
      <c r="D73922" s="14" t="s">
        <v>380</v>
      </c>
      <c r="E73922" s="15">
        <v>45568</v>
      </c>
      <c r="F73922" s="14" t="s">
        <v>15</v>
      </c>
      <c r="G73922" s="16">
        <v>2.6589127211852772</v>
      </c>
    </row>
    <row r="73923" spans="1:7" x14ac:dyDescent="0.3">
      <c r="A73923" s="13" t="s">
        <v>379</v>
      </c>
      <c r="B73923" s="14" t="s">
        <v>1</v>
      </c>
      <c r="C73923" s="14" t="s">
        <v>23</v>
      </c>
      <c r="D73923" s="14" t="s">
        <v>380</v>
      </c>
      <c r="E73923" s="15">
        <v>45569</v>
      </c>
      <c r="F73923" s="14" t="s">
        <v>15</v>
      </c>
      <c r="G73923" s="16">
        <v>2.6736639544616088</v>
      </c>
    </row>
    <row r="73924" spans="1:7" x14ac:dyDescent="0.3">
      <c r="A73924" s="13" t="s">
        <v>379</v>
      </c>
      <c r="B73924" s="14" t="s">
        <v>1</v>
      </c>
      <c r="C73924" s="14" t="s">
        <v>23</v>
      </c>
      <c r="D73924" s="14" t="s">
        <v>380</v>
      </c>
      <c r="E73924" s="15">
        <v>45570</v>
      </c>
      <c r="F73924" s="14" t="s">
        <v>15</v>
      </c>
      <c r="G73924" s="16">
        <v>2.6736639544616088</v>
      </c>
    </row>
    <row r="73925" spans="1:7" x14ac:dyDescent="0.3">
      <c r="A73925" s="13" t="s">
        <v>379</v>
      </c>
      <c r="B73925" s="14" t="s">
        <v>1</v>
      </c>
      <c r="C73925" s="14" t="s">
        <v>23</v>
      </c>
      <c r="D73925" s="14" t="s">
        <v>380</v>
      </c>
      <c r="E73925" s="15">
        <v>45571</v>
      </c>
      <c r="F73925" s="14" t="s">
        <v>15</v>
      </c>
      <c r="G73925" s="16">
        <v>2.6736639544616088</v>
      </c>
    </row>
    <row r="73926" spans="1:7" x14ac:dyDescent="0.3">
      <c r="A73926" s="13" t="s">
        <v>379</v>
      </c>
      <c r="B73926" s="14" t="s">
        <v>1</v>
      </c>
      <c r="C73926" s="14" t="s">
        <v>23</v>
      </c>
      <c r="D73926" s="14" t="s">
        <v>380</v>
      </c>
      <c r="E73926" s="15">
        <v>45572</v>
      </c>
      <c r="F73926" s="14" t="s">
        <v>15</v>
      </c>
      <c r="G73926" s="16">
        <v>2.71167717403931</v>
      </c>
    </row>
    <row r="73927" spans="1:7" x14ac:dyDescent="0.3">
      <c r="A73927" s="13" t="s">
        <v>379</v>
      </c>
      <c r="B73927" s="14" t="s">
        <v>1</v>
      </c>
      <c r="C73927" s="14" t="s">
        <v>23</v>
      </c>
      <c r="D73927" s="14" t="s">
        <v>380</v>
      </c>
      <c r="E73927" s="15">
        <v>45573</v>
      </c>
      <c r="F73927" s="14" t="s">
        <v>15</v>
      </c>
      <c r="G73927" s="16">
        <v>2.7584403936170117</v>
      </c>
    </row>
    <row r="73928" spans="1:7" x14ac:dyDescent="0.3">
      <c r="A73928" s="13" t="s">
        <v>379</v>
      </c>
      <c r="B73928" s="14" t="s">
        <v>1</v>
      </c>
      <c r="C73928" s="14" t="s">
        <v>23</v>
      </c>
      <c r="D73928" s="14" t="s">
        <v>380</v>
      </c>
      <c r="E73928" s="15">
        <v>45574</v>
      </c>
      <c r="F73928" s="14" t="s">
        <v>15</v>
      </c>
      <c r="G73928" s="16">
        <v>2.7733542981262196</v>
      </c>
    </row>
    <row r="73929" spans="1:7" x14ac:dyDescent="0.3">
      <c r="A73929" s="13" t="s">
        <v>379</v>
      </c>
      <c r="B73929" s="14" t="s">
        <v>1</v>
      </c>
      <c r="C73929" s="14" t="s">
        <v>23</v>
      </c>
      <c r="D73929" s="14" t="s">
        <v>380</v>
      </c>
      <c r="E73929" s="15">
        <v>45575</v>
      </c>
      <c r="F73929" s="14" t="s">
        <v>15</v>
      </c>
      <c r="G73929" s="16">
        <v>2.7882510793477566</v>
      </c>
    </row>
    <row r="73930" spans="1:7" x14ac:dyDescent="0.3">
      <c r="A73930" s="13" t="s">
        <v>379</v>
      </c>
      <c r="B73930" s="14" t="s">
        <v>1</v>
      </c>
      <c r="C73930" s="14" t="s">
        <v>23</v>
      </c>
      <c r="D73930" s="14" t="s">
        <v>380</v>
      </c>
      <c r="E73930" s="15">
        <v>45576</v>
      </c>
      <c r="F73930" s="14" t="s">
        <v>15</v>
      </c>
      <c r="G73930" s="16">
        <v>2.8030023126240877</v>
      </c>
    </row>
    <row r="73931" spans="1:7" x14ac:dyDescent="0.3">
      <c r="A73931" s="13" t="s">
        <v>379</v>
      </c>
      <c r="B73931" s="14" t="s">
        <v>1</v>
      </c>
      <c r="C73931" s="14" t="s">
        <v>23</v>
      </c>
      <c r="D73931" s="14" t="s">
        <v>380</v>
      </c>
      <c r="E73931" s="15">
        <v>45577</v>
      </c>
      <c r="F73931" s="14" t="s">
        <v>15</v>
      </c>
      <c r="G73931" s="16">
        <v>2.8030023126240877</v>
      </c>
    </row>
    <row r="73932" spans="1:7" x14ac:dyDescent="0.3">
      <c r="A73932" s="13" t="s">
        <v>379</v>
      </c>
      <c r="B73932" s="14" t="s">
        <v>1</v>
      </c>
      <c r="C73932" s="14" t="s">
        <v>23</v>
      </c>
      <c r="D73932" s="14" t="s">
        <v>380</v>
      </c>
      <c r="E73932" s="15">
        <v>45578</v>
      </c>
      <c r="F73932" s="14" t="s">
        <v>15</v>
      </c>
      <c r="G73932" s="16">
        <v>2.8030023126240877</v>
      </c>
    </row>
    <row r="73933" spans="1:7" x14ac:dyDescent="0.3">
      <c r="A73933" s="13" t="s">
        <v>379</v>
      </c>
      <c r="B73933" s="14" t="s">
        <v>1</v>
      </c>
      <c r="C73933" s="14" t="s">
        <v>23</v>
      </c>
      <c r="D73933" s="14" t="s">
        <v>380</v>
      </c>
      <c r="E73933" s="15">
        <v>45579</v>
      </c>
      <c r="F73933" s="14" t="s">
        <v>15</v>
      </c>
      <c r="G73933" s="16">
        <v>2.8030023126240877</v>
      </c>
    </row>
    <row r="73934" spans="1:7" x14ac:dyDescent="0.3">
      <c r="A73934" s="13" t="s">
        <v>379</v>
      </c>
      <c r="B73934" s="14" t="s">
        <v>1</v>
      </c>
      <c r="C73934" s="14" t="s">
        <v>23</v>
      </c>
      <c r="D73934" s="14" t="s">
        <v>380</v>
      </c>
      <c r="E73934" s="15">
        <v>45580</v>
      </c>
      <c r="F73934" s="14" t="s">
        <v>15</v>
      </c>
      <c r="G73934" s="16">
        <v>2.8178477239826112</v>
      </c>
    </row>
    <row r="73935" spans="1:7" x14ac:dyDescent="0.3">
      <c r="A73935" s="13" t="s">
        <v>379</v>
      </c>
      <c r="B73935" s="14" t="s">
        <v>1</v>
      </c>
      <c r="C73935" s="14" t="s">
        <v>23</v>
      </c>
      <c r="D73935" s="14" t="s">
        <v>380</v>
      </c>
      <c r="E73935" s="15">
        <v>45581</v>
      </c>
      <c r="F73935" s="14" t="s">
        <v>15</v>
      </c>
      <c r="G73935" s="16">
        <v>2.8771708750671618</v>
      </c>
    </row>
    <row r="73936" spans="1:7" x14ac:dyDescent="0.3">
      <c r="A73936" s="13" t="s">
        <v>379</v>
      </c>
      <c r="B73936" s="14" t="s">
        <v>1</v>
      </c>
      <c r="C73936" s="14" t="s">
        <v>23</v>
      </c>
      <c r="D73936" s="14" t="s">
        <v>380</v>
      </c>
      <c r="E73936" s="15">
        <v>45582</v>
      </c>
      <c r="F73936" s="14" t="s">
        <v>15</v>
      </c>
      <c r="G73936" s="16">
        <v>2.8917423138229457</v>
      </c>
    </row>
    <row r="73937" spans="1:7" x14ac:dyDescent="0.3">
      <c r="A73937" s="13" t="s">
        <v>379</v>
      </c>
      <c r="B73937" s="14" t="s">
        <v>1</v>
      </c>
      <c r="C73937" s="14" t="s">
        <v>23</v>
      </c>
      <c r="D73937" s="14" t="s">
        <v>380</v>
      </c>
      <c r="E73937" s="15">
        <v>45583</v>
      </c>
      <c r="F73937" s="14" t="s">
        <v>15</v>
      </c>
      <c r="G73937" s="16">
        <v>2.9063908073732501</v>
      </c>
    </row>
    <row r="73938" spans="1:7" x14ac:dyDescent="0.3">
      <c r="A73938" s="13" t="s">
        <v>379</v>
      </c>
      <c r="B73938" s="14" t="s">
        <v>1</v>
      </c>
      <c r="C73938" s="14" t="s">
        <v>23</v>
      </c>
      <c r="D73938" s="14" t="s">
        <v>380</v>
      </c>
      <c r="E73938" s="15">
        <v>45584</v>
      </c>
      <c r="F73938" s="14" t="s">
        <v>15</v>
      </c>
      <c r="G73938" s="16">
        <v>2.9063908073732501</v>
      </c>
    </row>
    <row r="73939" spans="1:7" x14ac:dyDescent="0.3">
      <c r="A73939" s="13" t="s">
        <v>379</v>
      </c>
      <c r="B73939" s="14" t="s">
        <v>1</v>
      </c>
      <c r="C73939" s="14" t="s">
        <v>23</v>
      </c>
      <c r="D73939" s="14" t="s">
        <v>380</v>
      </c>
      <c r="E73939" s="15">
        <v>45585</v>
      </c>
      <c r="F73939" s="14" t="s">
        <v>15</v>
      </c>
      <c r="G73939" s="16">
        <v>2.9063908073732501</v>
      </c>
    </row>
    <row r="73940" spans="1:7" x14ac:dyDescent="0.3">
      <c r="A73940" s="13" t="s">
        <v>379</v>
      </c>
      <c r="B73940" s="14" t="s">
        <v>1</v>
      </c>
      <c r="C73940" s="14" t="s">
        <v>23</v>
      </c>
      <c r="D73940" s="14" t="s">
        <v>380</v>
      </c>
      <c r="E73940" s="15">
        <v>45586</v>
      </c>
      <c r="F73940" s="14" t="s">
        <v>15</v>
      </c>
      <c r="G73940" s="16">
        <v>2.9200547118824578</v>
      </c>
    </row>
    <row r="73941" spans="1:7" x14ac:dyDescent="0.3">
      <c r="A73941" s="13" t="s">
        <v>379</v>
      </c>
      <c r="B73941" s="14" t="s">
        <v>1</v>
      </c>
      <c r="C73941" s="14" t="s">
        <v>23</v>
      </c>
      <c r="D73941" s="14" t="s">
        <v>380</v>
      </c>
      <c r="E73941" s="15">
        <v>45587</v>
      </c>
      <c r="F73941" s="14" t="s">
        <v>15</v>
      </c>
      <c r="G73941" s="16">
        <v>2.9639669040628993</v>
      </c>
    </row>
    <row r="73942" spans="1:7" x14ac:dyDescent="0.3">
      <c r="A73942" s="13" t="s">
        <v>379</v>
      </c>
      <c r="B73942" s="14" t="s">
        <v>1</v>
      </c>
      <c r="C73942" s="14" t="s">
        <v>23</v>
      </c>
      <c r="D73942" s="14" t="s">
        <v>380</v>
      </c>
      <c r="E73942" s="15">
        <v>45588</v>
      </c>
      <c r="F73942" s="14" t="s">
        <v>15</v>
      </c>
      <c r="G73942" s="16">
        <v>2.9786667674762168</v>
      </c>
    </row>
    <row r="73943" spans="1:7" x14ac:dyDescent="0.3">
      <c r="A73943" s="13" t="s">
        <v>379</v>
      </c>
      <c r="B73943" s="14" t="s">
        <v>1</v>
      </c>
      <c r="C73943" s="14" t="s">
        <v>23</v>
      </c>
      <c r="D73943" s="14" t="s">
        <v>380</v>
      </c>
      <c r="E73943" s="15">
        <v>45589</v>
      </c>
      <c r="F73943" s="14" t="s">
        <v>15</v>
      </c>
      <c r="G73943" s="16">
        <v>2.9930327267799459</v>
      </c>
    </row>
    <row r="73944" spans="1:7" x14ac:dyDescent="0.3">
      <c r="A73944" s="13" t="s">
        <v>379</v>
      </c>
      <c r="B73944" s="14" t="s">
        <v>1</v>
      </c>
      <c r="C73944" s="14" t="s">
        <v>23</v>
      </c>
      <c r="D73944" s="14" t="s">
        <v>380</v>
      </c>
      <c r="E73944" s="15">
        <v>45590</v>
      </c>
      <c r="F73944" s="14" t="s">
        <v>15</v>
      </c>
      <c r="G73944" s="16">
        <v>3.0075014258097017</v>
      </c>
    </row>
    <row r="73945" spans="1:7" x14ac:dyDescent="0.3">
      <c r="A73945" s="13" t="s">
        <v>379</v>
      </c>
      <c r="B73945" s="14" t="s">
        <v>1</v>
      </c>
      <c r="C73945" s="14" t="s">
        <v>23</v>
      </c>
      <c r="D73945" s="14" t="s">
        <v>380</v>
      </c>
      <c r="E73945" s="15">
        <v>45591</v>
      </c>
      <c r="F73945" s="14" t="s">
        <v>15</v>
      </c>
      <c r="G73945" s="16">
        <v>3.0075014258097017</v>
      </c>
    </row>
    <row r="73946" spans="1:7" x14ac:dyDescent="0.3">
      <c r="A73946" s="13" t="s">
        <v>379</v>
      </c>
      <c r="B73946" s="14" t="s">
        <v>1</v>
      </c>
      <c r="C73946" s="14" t="s">
        <v>23</v>
      </c>
      <c r="D73946" s="14" t="s">
        <v>380</v>
      </c>
      <c r="E73946" s="15">
        <v>45592</v>
      </c>
      <c r="F73946" s="14" t="s">
        <v>15</v>
      </c>
      <c r="G73946" s="16">
        <v>3.0075014258097017</v>
      </c>
    </row>
    <row r="73947" spans="1:7" x14ac:dyDescent="0.3">
      <c r="A73947" s="13" t="s">
        <v>379</v>
      </c>
      <c r="B73947" s="14" t="s">
        <v>1</v>
      </c>
      <c r="C73947" s="14" t="s">
        <v>23</v>
      </c>
      <c r="D73947" s="14" t="s">
        <v>380</v>
      </c>
      <c r="E73947" s="15">
        <v>45593</v>
      </c>
      <c r="F73947" s="14" t="s">
        <v>15</v>
      </c>
      <c r="G73947" s="16">
        <v>3.0075014258097017</v>
      </c>
    </row>
    <row r="73948" spans="1:7" x14ac:dyDescent="0.3">
      <c r="A73948" s="13" t="s">
        <v>379</v>
      </c>
      <c r="B73948" s="14" t="s">
        <v>1</v>
      </c>
      <c r="C73948" s="14" t="s">
        <v>23</v>
      </c>
      <c r="D73948" s="14" t="s">
        <v>380</v>
      </c>
      <c r="E73948" s="15">
        <v>45594</v>
      </c>
      <c r="F73948" s="14" t="s">
        <v>15</v>
      </c>
      <c r="G73948" s="16">
        <v>3.0248982070312387</v>
      </c>
    </row>
    <row r="73949" spans="1:7" x14ac:dyDescent="0.3">
      <c r="A73949" s="13" t="s">
        <v>379</v>
      </c>
      <c r="B73949" s="14" t="s">
        <v>1</v>
      </c>
      <c r="C73949" s="14" t="s">
        <v>23</v>
      </c>
      <c r="D73949" s="14" t="s">
        <v>380</v>
      </c>
      <c r="E73949" s="15">
        <v>45595</v>
      </c>
      <c r="F73949" s="14" t="s">
        <v>15</v>
      </c>
      <c r="G73949" s="16">
        <v>3.0814901937322281</v>
      </c>
    </row>
    <row r="73950" spans="1:7" x14ac:dyDescent="0.3">
      <c r="A73950" s="13" t="s">
        <v>379</v>
      </c>
      <c r="B73950" s="14" t="s">
        <v>1</v>
      </c>
      <c r="C73950" s="14" t="s">
        <v>23</v>
      </c>
      <c r="D73950" s="14" t="s">
        <v>380</v>
      </c>
      <c r="E73950" s="15">
        <v>45596</v>
      </c>
      <c r="F73950" s="14" t="s">
        <v>15</v>
      </c>
      <c r="G73950" s="16">
        <v>3.0833818379674636</v>
      </c>
    </row>
    <row r="73951" spans="1:7" x14ac:dyDescent="0.3">
      <c r="A73951" s="13" t="s">
        <v>379</v>
      </c>
      <c r="B73951" s="14" t="s">
        <v>1</v>
      </c>
      <c r="C73951" s="14" t="s">
        <v>23</v>
      </c>
      <c r="D73951" s="14" t="s">
        <v>380</v>
      </c>
      <c r="E73951" s="15">
        <v>45597</v>
      </c>
      <c r="F73951" s="14" t="s">
        <v>15</v>
      </c>
      <c r="G73951" s="16">
        <v>3.0970714274081783</v>
      </c>
    </row>
    <row r="73952" spans="1:7" x14ac:dyDescent="0.3">
      <c r="A73952" s="13" t="s">
        <v>379</v>
      </c>
      <c r="B73952" s="14" t="s">
        <v>1</v>
      </c>
      <c r="C73952" s="14" t="s">
        <v>23</v>
      </c>
      <c r="D73952" s="14" t="s">
        <v>380</v>
      </c>
      <c r="E73952" s="15">
        <v>45598</v>
      </c>
      <c r="F73952" s="14" t="s">
        <v>15</v>
      </c>
      <c r="G73952" s="16">
        <v>3.0970714274081783</v>
      </c>
    </row>
    <row r="73953" spans="1:7" x14ac:dyDescent="0.3">
      <c r="A73953" s="13" t="s">
        <v>379</v>
      </c>
      <c r="B73953" s="14" t="s">
        <v>1</v>
      </c>
      <c r="C73953" s="14" t="s">
        <v>23</v>
      </c>
      <c r="D73953" s="14" t="s">
        <v>380</v>
      </c>
      <c r="E73953" s="15">
        <v>45599</v>
      </c>
      <c r="F73953" s="14" t="s">
        <v>15</v>
      </c>
      <c r="G73953" s="16">
        <v>3.0970714274081783</v>
      </c>
    </row>
    <row r="73954" spans="1:7" x14ac:dyDescent="0.3">
      <c r="A73954" s="13" t="s">
        <v>379</v>
      </c>
      <c r="B73954" s="14" t="s">
        <v>1</v>
      </c>
      <c r="C73954" s="14" t="s">
        <v>23</v>
      </c>
      <c r="D73954" s="14" t="s">
        <v>380</v>
      </c>
      <c r="E73954" s="15">
        <v>45600</v>
      </c>
      <c r="F73954" s="14" t="s">
        <v>15</v>
      </c>
      <c r="G73954" s="16">
        <v>3.1024819072598526</v>
      </c>
    </row>
    <row r="73955" spans="1:7" x14ac:dyDescent="0.3">
      <c r="A73955" s="13" t="s">
        <v>379</v>
      </c>
      <c r="B73955" s="14" t="s">
        <v>1</v>
      </c>
      <c r="C73955" s="14" t="s">
        <v>23</v>
      </c>
      <c r="D73955" s="14" t="s">
        <v>380</v>
      </c>
      <c r="E73955" s="15">
        <v>45601</v>
      </c>
      <c r="F73955" s="14" t="s">
        <v>15</v>
      </c>
      <c r="G73955" s="16">
        <v>3.1465054008101565</v>
      </c>
    </row>
    <row r="73956" spans="1:7" x14ac:dyDescent="0.3">
      <c r="A73956" s="13" t="s">
        <v>379</v>
      </c>
      <c r="B73956" s="14" t="s">
        <v>1</v>
      </c>
      <c r="C73956" s="14" t="s">
        <v>23</v>
      </c>
      <c r="D73956" s="14" t="s">
        <v>380</v>
      </c>
      <c r="E73956" s="15">
        <v>45602</v>
      </c>
      <c r="F73956" s="14" t="s">
        <v>15</v>
      </c>
      <c r="G73956" s="16">
        <v>3.161034031346762</v>
      </c>
    </row>
    <row r="73957" spans="1:7" x14ac:dyDescent="0.3">
      <c r="A73957" s="13" t="s">
        <v>379</v>
      </c>
      <c r="B73957" s="14" t="s">
        <v>1</v>
      </c>
      <c r="C73957" s="14" t="s">
        <v>23</v>
      </c>
      <c r="D73957" s="14" t="s">
        <v>380</v>
      </c>
      <c r="E73957" s="15">
        <v>45603</v>
      </c>
      <c r="F73957" s="14" t="s">
        <v>15</v>
      </c>
      <c r="G73957" s="16">
        <v>3.1771465659929565</v>
      </c>
    </row>
    <row r="73958" spans="1:7" x14ac:dyDescent="0.3">
      <c r="A73958" s="13" t="s">
        <v>379</v>
      </c>
      <c r="B73958" s="14" t="s">
        <v>1</v>
      </c>
      <c r="C73958" s="14" t="s">
        <v>23</v>
      </c>
      <c r="D73958" s="14" t="s">
        <v>380</v>
      </c>
      <c r="E73958" s="15">
        <v>45604</v>
      </c>
      <c r="F73958" s="14" t="s">
        <v>15</v>
      </c>
      <c r="G73958" s="16">
        <v>3.1922659499542196</v>
      </c>
    </row>
    <row r="73959" spans="1:7" x14ac:dyDescent="0.3">
      <c r="A73959" s="13" t="s">
        <v>379</v>
      </c>
      <c r="B73959" s="14" t="s">
        <v>1</v>
      </c>
      <c r="C73959" s="14" t="s">
        <v>23</v>
      </c>
      <c r="D73959" s="14" t="s">
        <v>380</v>
      </c>
      <c r="E73959" s="15">
        <v>45605</v>
      </c>
      <c r="F73959" s="14" t="s">
        <v>15</v>
      </c>
      <c r="G73959" s="16">
        <v>3.1922659499542196</v>
      </c>
    </row>
    <row r="73960" spans="1:7" x14ac:dyDescent="0.3">
      <c r="A73960" s="13" t="s">
        <v>379</v>
      </c>
      <c r="B73960" s="14" t="s">
        <v>1</v>
      </c>
      <c r="C73960" s="14" t="s">
        <v>23</v>
      </c>
      <c r="D73960" s="14" t="s">
        <v>380</v>
      </c>
      <c r="E73960" s="15">
        <v>45606</v>
      </c>
      <c r="F73960" s="14" t="s">
        <v>15</v>
      </c>
      <c r="G73960" s="16">
        <v>3.1922659499542196</v>
      </c>
    </row>
    <row r="73961" spans="1:7" x14ac:dyDescent="0.3">
      <c r="A73961" s="13" t="s">
        <v>379</v>
      </c>
      <c r="B73961" s="14" t="s">
        <v>1</v>
      </c>
      <c r="C73961" s="14" t="s">
        <v>23</v>
      </c>
      <c r="D73961" s="14" t="s">
        <v>380</v>
      </c>
      <c r="E73961" s="15">
        <v>45607</v>
      </c>
      <c r="F73961" s="14" t="s">
        <v>15</v>
      </c>
      <c r="G73961" s="16">
        <v>3.1922659499542196</v>
      </c>
    </row>
    <row r="73962" spans="1:7" x14ac:dyDescent="0.3">
      <c r="A73962" s="13" t="s">
        <v>379</v>
      </c>
      <c r="B73962" s="14" t="s">
        <v>1</v>
      </c>
      <c r="C73962" s="14" t="s">
        <v>23</v>
      </c>
      <c r="D73962" s="14" t="s">
        <v>380</v>
      </c>
      <c r="E73962" s="15">
        <v>45608</v>
      </c>
      <c r="F73962" s="14" t="s">
        <v>15</v>
      </c>
      <c r="G73962" s="16">
        <v>3.2062380736415101</v>
      </c>
    </row>
    <row r="73963" spans="1:7" x14ac:dyDescent="0.3">
      <c r="A73963" s="13" t="s">
        <v>379</v>
      </c>
      <c r="B73963" s="14" t="s">
        <v>1</v>
      </c>
      <c r="C73963" s="14" t="s">
        <v>23</v>
      </c>
      <c r="D73963" s="14" t="s">
        <v>380</v>
      </c>
      <c r="E73963" s="15">
        <v>45609</v>
      </c>
      <c r="F73963" s="14" t="s">
        <v>15</v>
      </c>
      <c r="G73963" s="16">
        <v>3.2769482110274306</v>
      </c>
    </row>
    <row r="73964" spans="1:7" x14ac:dyDescent="0.3">
      <c r="A73964" s="13" t="s">
        <v>379</v>
      </c>
      <c r="B73964" s="14" t="s">
        <v>1</v>
      </c>
      <c r="C73964" s="14" t="s">
        <v>23</v>
      </c>
      <c r="D73964" s="14" t="s">
        <v>380</v>
      </c>
      <c r="E73964" s="15">
        <v>45610</v>
      </c>
      <c r="F73964" s="14" t="s">
        <v>15</v>
      </c>
      <c r="G73964" s="16">
        <v>3.2910658826599266</v>
      </c>
    </row>
    <row r="73965" spans="1:7" x14ac:dyDescent="0.3">
      <c r="A73965" s="13" t="s">
        <v>379</v>
      </c>
      <c r="B73965" s="14" t="s">
        <v>1</v>
      </c>
      <c r="C73965" s="14" t="s">
        <v>23</v>
      </c>
      <c r="D73965" s="14" t="s">
        <v>380</v>
      </c>
      <c r="E73965" s="15">
        <v>45611</v>
      </c>
      <c r="F73965" s="14" t="s">
        <v>15</v>
      </c>
      <c r="G73965" s="16">
        <v>3.3052178008677648</v>
      </c>
    </row>
    <row r="73966" spans="1:7" x14ac:dyDescent="0.3">
      <c r="A73966" s="13" t="s">
        <v>379</v>
      </c>
      <c r="B73966" s="14" t="s">
        <v>1</v>
      </c>
      <c r="C73966" s="14" t="s">
        <v>23</v>
      </c>
      <c r="D73966" s="14" t="s">
        <v>380</v>
      </c>
      <c r="E73966" s="15">
        <v>45612</v>
      </c>
      <c r="F73966" s="14" t="s">
        <v>15</v>
      </c>
      <c r="G73966" s="16">
        <v>3.3052178008677648</v>
      </c>
    </row>
    <row r="73967" spans="1:7" x14ac:dyDescent="0.3">
      <c r="A73967" s="13" t="s">
        <v>379</v>
      </c>
      <c r="B73967" s="14" t="s">
        <v>1</v>
      </c>
      <c r="C73967" s="14" t="s">
        <v>23</v>
      </c>
      <c r="D73967" s="14" t="s">
        <v>380</v>
      </c>
      <c r="E73967" s="15">
        <v>45613</v>
      </c>
      <c r="F73967" s="14" t="s">
        <v>15</v>
      </c>
      <c r="G73967" s="16">
        <v>3.3052178008677648</v>
      </c>
    </row>
    <row r="73968" spans="1:7" x14ac:dyDescent="0.3">
      <c r="A73968" s="13" t="s">
        <v>379</v>
      </c>
      <c r="B73968" s="14" t="s">
        <v>1</v>
      </c>
      <c r="C73968" s="14" t="s">
        <v>23</v>
      </c>
      <c r="D73968" s="14" t="s">
        <v>380</v>
      </c>
      <c r="E73968" s="15">
        <v>45614</v>
      </c>
      <c r="F73968" s="14" t="s">
        <v>15</v>
      </c>
      <c r="G73968" s="16">
        <v>3.3193782807194387</v>
      </c>
    </row>
    <row r="73969" spans="1:7" x14ac:dyDescent="0.3">
      <c r="A73969" s="13" t="s">
        <v>379</v>
      </c>
      <c r="B73969" s="14" t="s">
        <v>1</v>
      </c>
      <c r="C73969" s="14" t="s">
        <v>23</v>
      </c>
      <c r="D73969" s="14" t="s">
        <v>380</v>
      </c>
      <c r="E73969" s="15">
        <v>45615</v>
      </c>
      <c r="F73969" s="14" t="s">
        <v>15</v>
      </c>
      <c r="G73969" s="16">
        <v>3.361235678379332</v>
      </c>
    </row>
    <row r="73970" spans="1:7" x14ac:dyDescent="0.3">
      <c r="A73970" s="13" t="s">
        <v>379</v>
      </c>
      <c r="B73970" s="14" t="s">
        <v>1</v>
      </c>
      <c r="C73970" s="14" t="s">
        <v>23</v>
      </c>
      <c r="D73970" s="14" t="s">
        <v>380</v>
      </c>
      <c r="E73970" s="15">
        <v>45616</v>
      </c>
      <c r="F73970" s="14" t="s">
        <v>15</v>
      </c>
      <c r="G73970" s="16">
        <v>3.3756016376830611</v>
      </c>
    </row>
    <row r="73971" spans="1:7" x14ac:dyDescent="0.3">
      <c r="A73971" s="13" t="s">
        <v>379</v>
      </c>
      <c r="B73971" s="14" t="s">
        <v>1</v>
      </c>
      <c r="C73971" s="14" t="s">
        <v>23</v>
      </c>
      <c r="D73971" s="14" t="s">
        <v>380</v>
      </c>
      <c r="E73971" s="15">
        <v>45617</v>
      </c>
      <c r="F73971" s="14" t="s">
        <v>15</v>
      </c>
      <c r="G73971" s="16">
        <v>3.390250131233365</v>
      </c>
    </row>
    <row r="73972" spans="1:7" x14ac:dyDescent="0.3">
      <c r="A73972" s="13" t="s">
        <v>379</v>
      </c>
      <c r="B73972" s="14" t="s">
        <v>1</v>
      </c>
      <c r="C73972" s="14" t="s">
        <v>23</v>
      </c>
      <c r="D73972" s="14" t="s">
        <v>380</v>
      </c>
      <c r="E73972" s="15">
        <v>45618</v>
      </c>
      <c r="F73972" s="14" t="s">
        <v>15</v>
      </c>
      <c r="G73972" s="16">
        <v>3.4045732823179153</v>
      </c>
    </row>
    <row r="73973" spans="1:7" x14ac:dyDescent="0.3">
      <c r="A73973" s="13" t="s">
        <v>379</v>
      </c>
      <c r="B73973" s="14" t="s">
        <v>1</v>
      </c>
      <c r="C73973" s="14" t="s">
        <v>23</v>
      </c>
      <c r="D73973" s="14" t="s">
        <v>380</v>
      </c>
      <c r="E73973" s="15">
        <v>45619</v>
      </c>
      <c r="F73973" s="14" t="s">
        <v>15</v>
      </c>
      <c r="G73973" s="16">
        <v>3.4045732823179153</v>
      </c>
    </row>
    <row r="73974" spans="1:7" x14ac:dyDescent="0.3">
      <c r="A73974" s="13" t="s">
        <v>379</v>
      </c>
      <c r="B73974" s="14" t="s">
        <v>1</v>
      </c>
      <c r="C73974" s="14" t="s">
        <v>23</v>
      </c>
      <c r="D73974" s="14" t="s">
        <v>380</v>
      </c>
      <c r="E73974" s="15">
        <v>45620</v>
      </c>
      <c r="F73974" s="14" t="s">
        <v>15</v>
      </c>
      <c r="G73974" s="16">
        <v>3.4045732823179153</v>
      </c>
    </row>
    <row r="73975" spans="1:7" x14ac:dyDescent="0.3">
      <c r="A73975" s="13" t="s">
        <v>379</v>
      </c>
      <c r="B73975" s="14" t="s">
        <v>1</v>
      </c>
      <c r="C73975" s="14" t="s">
        <v>23</v>
      </c>
      <c r="D73975" s="14" t="s">
        <v>380</v>
      </c>
      <c r="E73975" s="15">
        <v>45621</v>
      </c>
      <c r="F73975" s="14" t="s">
        <v>15</v>
      </c>
      <c r="G73975" s="16">
        <v>3.4188193786079459</v>
      </c>
    </row>
    <row r="73976" spans="1:7" x14ac:dyDescent="0.3">
      <c r="A73976" s="13" t="s">
        <v>379</v>
      </c>
      <c r="B73976" s="14" t="s">
        <v>1</v>
      </c>
      <c r="C73976" s="14" t="s">
        <v>23</v>
      </c>
      <c r="D73976" s="14" t="s">
        <v>380</v>
      </c>
      <c r="E73976" s="15">
        <v>45622</v>
      </c>
      <c r="F73976" s="14" t="s">
        <v>15</v>
      </c>
      <c r="G73976" s="16">
        <v>3.4613959543500306</v>
      </c>
    </row>
    <row r="73977" spans="1:7" x14ac:dyDescent="0.3">
      <c r="A73977" s="13" t="s">
        <v>379</v>
      </c>
      <c r="B73977" s="14" t="s">
        <v>1</v>
      </c>
      <c r="C73977" s="14" t="s">
        <v>23</v>
      </c>
      <c r="D73977" s="14" t="s">
        <v>380</v>
      </c>
      <c r="E73977" s="15">
        <v>45623</v>
      </c>
      <c r="F73977" s="14" t="s">
        <v>15</v>
      </c>
      <c r="G73977" s="16">
        <v>3.4756762972154034</v>
      </c>
    </row>
    <row r="73978" spans="1:7" x14ac:dyDescent="0.3">
      <c r="A73978" s="13" t="s">
        <v>379</v>
      </c>
      <c r="B73978" s="14" t="s">
        <v>1</v>
      </c>
      <c r="C73978" s="14" t="s">
        <v>23</v>
      </c>
      <c r="D73978" s="14" t="s">
        <v>380</v>
      </c>
      <c r="E73978" s="15">
        <v>45624</v>
      </c>
      <c r="F73978" s="14" t="s">
        <v>15</v>
      </c>
      <c r="G73978" s="16">
        <v>3.4756762972154034</v>
      </c>
    </row>
    <row r="73979" spans="1:7" x14ac:dyDescent="0.3">
      <c r="A73979" s="13" t="s">
        <v>379</v>
      </c>
      <c r="B73979" s="14" t="s">
        <v>1</v>
      </c>
      <c r="C73979" s="14" t="s">
        <v>23</v>
      </c>
      <c r="D73979" s="14" t="s">
        <v>380</v>
      </c>
      <c r="E73979" s="15">
        <v>45625</v>
      </c>
      <c r="F73979" s="14" t="s">
        <v>15</v>
      </c>
      <c r="G73979" s="16">
        <v>3.4942117770670773</v>
      </c>
    </row>
    <row r="73980" spans="1:7" x14ac:dyDescent="0.3">
      <c r="A73980" s="13" t="s">
        <v>379</v>
      </c>
      <c r="B73980" s="14" t="s">
        <v>1</v>
      </c>
      <c r="C73980" s="14" t="s">
        <v>23</v>
      </c>
      <c r="D73980" s="14" t="s">
        <v>380</v>
      </c>
      <c r="E73980" s="15">
        <v>45626</v>
      </c>
      <c r="F73980" s="14" t="s">
        <v>15</v>
      </c>
      <c r="G73980" s="16">
        <v>3.4942117770670773</v>
      </c>
    </row>
    <row r="73981" spans="1:7" x14ac:dyDescent="0.3">
      <c r="A73981" s="13" t="s">
        <v>379</v>
      </c>
      <c r="B73981" s="14" t="s">
        <v>1</v>
      </c>
      <c r="C73981" s="14" t="s">
        <v>23</v>
      </c>
      <c r="D73981" s="14" t="s">
        <v>380</v>
      </c>
      <c r="E73981" s="15">
        <v>45627</v>
      </c>
      <c r="F73981" s="14" t="s">
        <v>15</v>
      </c>
      <c r="G73981" s="16">
        <v>3.4942117770670773</v>
      </c>
    </row>
    <row r="73982" spans="1:7" x14ac:dyDescent="0.3">
      <c r="A73982" s="13" t="s">
        <v>379</v>
      </c>
      <c r="B73982" s="14" t="s">
        <v>1</v>
      </c>
      <c r="C73982" s="14" t="s">
        <v>23</v>
      </c>
      <c r="D73982" s="14" t="s">
        <v>380</v>
      </c>
      <c r="E73982" s="15">
        <v>45628</v>
      </c>
      <c r="F73982" s="14" t="s">
        <v>15</v>
      </c>
      <c r="G73982" s="16">
        <v>3.5225417774666963</v>
      </c>
    </row>
    <row r="73983" spans="1:7" x14ac:dyDescent="0.3">
      <c r="A73983" s="13" t="s">
        <v>379</v>
      </c>
      <c r="B73983" s="14" t="s">
        <v>1</v>
      </c>
      <c r="C73983" s="14" t="s">
        <v>23</v>
      </c>
      <c r="D73983" s="14" t="s">
        <v>380</v>
      </c>
      <c r="E73983" s="15">
        <v>45629</v>
      </c>
      <c r="F73983" s="14" t="s">
        <v>15</v>
      </c>
      <c r="G73983" s="16">
        <v>3.552755339510151</v>
      </c>
    </row>
    <row r="73984" spans="1:7" x14ac:dyDescent="0.3">
      <c r="A73984" s="13" t="s">
        <v>379</v>
      </c>
      <c r="B73984" s="14" t="s">
        <v>1</v>
      </c>
      <c r="C73984" s="14" t="s">
        <v>23</v>
      </c>
      <c r="D73984" s="14" t="s">
        <v>380</v>
      </c>
      <c r="E73984" s="15">
        <v>45630</v>
      </c>
      <c r="F73984" s="14" t="s">
        <v>15</v>
      </c>
      <c r="G73984" s="16">
        <v>3.5651093125125097</v>
      </c>
    </row>
    <row r="73985" spans="1:7" x14ac:dyDescent="0.3">
      <c r="A73985" s="13" t="s">
        <v>379</v>
      </c>
      <c r="B73985" s="14" t="s">
        <v>1</v>
      </c>
      <c r="C73985" s="14" t="s">
        <v>23</v>
      </c>
      <c r="D73985" s="14" t="s">
        <v>380</v>
      </c>
      <c r="E73985" s="15">
        <v>45631</v>
      </c>
      <c r="F73985" s="14" t="s">
        <v>15</v>
      </c>
      <c r="G73985" s="16">
        <v>3.5794324635970609</v>
      </c>
    </row>
    <row r="73986" spans="1:7" x14ac:dyDescent="0.3">
      <c r="A73986" s="13" t="s">
        <v>379</v>
      </c>
      <c r="B73986" s="14" t="s">
        <v>1</v>
      </c>
      <c r="C73986" s="14" t="s">
        <v>23</v>
      </c>
      <c r="D73986" s="14" t="s">
        <v>380</v>
      </c>
      <c r="E73986" s="15">
        <v>45632</v>
      </c>
      <c r="F73986" s="14" t="s">
        <v>15</v>
      </c>
      <c r="G73986" s="16">
        <v>3.593695683174762</v>
      </c>
    </row>
    <row r="73987" spans="1:7" x14ac:dyDescent="0.3">
      <c r="A73987" s="13" t="s">
        <v>379</v>
      </c>
      <c r="B73987" s="14" t="s">
        <v>1</v>
      </c>
      <c r="C73987" s="14" t="s">
        <v>23</v>
      </c>
      <c r="D73987" s="14" t="s">
        <v>380</v>
      </c>
      <c r="E73987" s="15">
        <v>45633</v>
      </c>
      <c r="F73987" s="14" t="s">
        <v>15</v>
      </c>
      <c r="G73987" s="16">
        <v>3.593695683174762</v>
      </c>
    </row>
    <row r="73988" spans="1:7" x14ac:dyDescent="0.3">
      <c r="A73988" s="13" t="s">
        <v>379</v>
      </c>
      <c r="B73988" s="14" t="s">
        <v>1</v>
      </c>
      <c r="C73988" s="14" t="s">
        <v>23</v>
      </c>
      <c r="D73988" s="14" t="s">
        <v>380</v>
      </c>
      <c r="E73988" s="15">
        <v>45634</v>
      </c>
      <c r="F73988" s="14" t="s">
        <v>15</v>
      </c>
      <c r="G73988" s="16">
        <v>3.593695683174762</v>
      </c>
    </row>
    <row r="73989" spans="1:7" x14ac:dyDescent="0.3">
      <c r="A73989" s="13" t="s">
        <v>379</v>
      </c>
      <c r="B73989" s="14" t="s">
        <v>1</v>
      </c>
      <c r="C73989" s="14" t="s">
        <v>23</v>
      </c>
      <c r="D73989" s="14" t="s">
        <v>380</v>
      </c>
      <c r="E73989" s="15">
        <v>45635</v>
      </c>
      <c r="F73989" s="14" t="s">
        <v>15</v>
      </c>
      <c r="G73989" s="16">
        <v>3.6151934917935593</v>
      </c>
    </row>
    <row r="73990" spans="1:7" x14ac:dyDescent="0.3">
      <c r="A73990" s="13" t="s">
        <v>379</v>
      </c>
      <c r="B73990" s="14" t="s">
        <v>1</v>
      </c>
      <c r="C73990" s="14" t="s">
        <v>23</v>
      </c>
      <c r="D73990" s="14" t="s">
        <v>380</v>
      </c>
      <c r="E73990" s="15">
        <v>45636</v>
      </c>
      <c r="F73990" s="14" t="s">
        <v>15</v>
      </c>
      <c r="G73990" s="16">
        <v>3.657530341508247</v>
      </c>
    </row>
    <row r="73991" spans="1:7" x14ac:dyDescent="0.3">
      <c r="A73991" s="13" t="s">
        <v>379</v>
      </c>
      <c r="B73991" s="14" t="s">
        <v>1</v>
      </c>
      <c r="C73991" s="14" t="s">
        <v>23</v>
      </c>
      <c r="D73991" s="14" t="s">
        <v>380</v>
      </c>
      <c r="E73991" s="15">
        <v>45637</v>
      </c>
      <c r="F73991" s="14" t="s">
        <v>15</v>
      </c>
      <c r="G73991" s="16">
        <v>3.6717421912229344</v>
      </c>
    </row>
    <row r="73992" spans="1:7" x14ac:dyDescent="0.3">
      <c r="A73992" s="13" t="s">
        <v>379</v>
      </c>
      <c r="B73992" s="14" t="s">
        <v>1</v>
      </c>
      <c r="C73992" s="14" t="s">
        <v>23</v>
      </c>
      <c r="D73992" s="14" t="s">
        <v>380</v>
      </c>
      <c r="E73992" s="15">
        <v>45638</v>
      </c>
      <c r="F73992" s="14" t="s">
        <v>15</v>
      </c>
      <c r="G73992" s="16">
        <v>3.685988287512965</v>
      </c>
    </row>
    <row r="73993" spans="1:7" x14ac:dyDescent="0.3">
      <c r="A73993" s="13" t="s">
        <v>379</v>
      </c>
      <c r="B73993" s="14" t="s">
        <v>1</v>
      </c>
      <c r="C73993" s="14" t="s">
        <v>23</v>
      </c>
      <c r="D73993" s="14" t="s">
        <v>380</v>
      </c>
      <c r="E73993" s="15">
        <v>45639</v>
      </c>
      <c r="F73993" s="14" t="s">
        <v>15</v>
      </c>
      <c r="G73993" s="16">
        <v>3.7002258221591595</v>
      </c>
    </row>
    <row r="73994" spans="1:7" x14ac:dyDescent="0.3">
      <c r="A73994" s="13" t="s">
        <v>379</v>
      </c>
      <c r="B73994" s="14" t="s">
        <v>1</v>
      </c>
      <c r="C73994" s="14" t="s">
        <v>23</v>
      </c>
      <c r="D73994" s="14" t="s">
        <v>380</v>
      </c>
      <c r="E73994" s="15">
        <v>45640</v>
      </c>
      <c r="F73994" s="14" t="s">
        <v>15</v>
      </c>
      <c r="G73994" s="16">
        <v>3.7002258221591595</v>
      </c>
    </row>
    <row r="73995" spans="1:7" x14ac:dyDescent="0.3">
      <c r="A73995" s="13" t="s">
        <v>379</v>
      </c>
      <c r="B73995" s="14" t="s">
        <v>1</v>
      </c>
      <c r="C73995" s="14" t="s">
        <v>23</v>
      </c>
      <c r="D73995" s="14" t="s">
        <v>380</v>
      </c>
      <c r="E73995" s="15">
        <v>45641</v>
      </c>
      <c r="F73995" s="14" t="s">
        <v>15</v>
      </c>
      <c r="G73995" s="16">
        <v>3.7002258221591595</v>
      </c>
    </row>
    <row r="73996" spans="1:7" x14ac:dyDescent="0.3">
      <c r="A73996" s="13" t="s">
        <v>379</v>
      </c>
      <c r="B73996" s="14" t="s">
        <v>1</v>
      </c>
      <c r="C73996" s="14" t="s">
        <v>23</v>
      </c>
      <c r="D73996" s="14" t="s">
        <v>380</v>
      </c>
      <c r="E73996" s="15">
        <v>45642</v>
      </c>
      <c r="F73996" s="14" t="s">
        <v>15</v>
      </c>
      <c r="G73996" s="16">
        <v>3.7145660965313811</v>
      </c>
    </row>
    <row r="73997" spans="1:7" x14ac:dyDescent="0.3">
      <c r="A73997" s="13" t="s">
        <v>379</v>
      </c>
      <c r="B73997" s="14" t="s">
        <v>1</v>
      </c>
      <c r="C73997" s="14" t="s">
        <v>23</v>
      </c>
      <c r="D73997" s="14" t="s">
        <v>380</v>
      </c>
      <c r="E73997" s="15">
        <v>45643</v>
      </c>
      <c r="F73997" s="14" t="s">
        <v>15</v>
      </c>
      <c r="G73997" s="16">
        <v>3.757031370903603</v>
      </c>
    </row>
    <row r="73998" spans="1:7" x14ac:dyDescent="0.3">
      <c r="A73998" s="13" t="s">
        <v>379</v>
      </c>
      <c r="B73998" s="14" t="s">
        <v>1</v>
      </c>
      <c r="C73998" s="14" t="s">
        <v>23</v>
      </c>
      <c r="D73998" s="14" t="s">
        <v>380</v>
      </c>
      <c r="E73998" s="15">
        <v>45644</v>
      </c>
      <c r="F73998" s="14" t="s">
        <v>15</v>
      </c>
      <c r="G73998" s="16">
        <v>3.7716456178785651</v>
      </c>
    </row>
    <row r="73999" spans="1:7" x14ac:dyDescent="0.3">
      <c r="A73999" s="13" t="s">
        <v>379</v>
      </c>
      <c r="B73999" s="14" t="s">
        <v>1</v>
      </c>
      <c r="C73999" s="14" t="s">
        <v>23</v>
      </c>
      <c r="D73999" s="14" t="s">
        <v>380</v>
      </c>
      <c r="E73999" s="15">
        <v>45645</v>
      </c>
      <c r="F73999" s="14" t="s">
        <v>15</v>
      </c>
      <c r="G73999" s="16">
        <v>3.7852495908809241</v>
      </c>
    </row>
    <row r="74000" spans="1:7" x14ac:dyDescent="0.3">
      <c r="A74000" s="13" t="s">
        <v>379</v>
      </c>
      <c r="B74000" s="14" t="s">
        <v>1</v>
      </c>
      <c r="C74000" s="14" t="s">
        <v>23</v>
      </c>
      <c r="D74000" s="14" t="s">
        <v>380</v>
      </c>
      <c r="E74000" s="15">
        <v>45646</v>
      </c>
      <c r="F74000" s="14" t="s">
        <v>15</v>
      </c>
      <c r="G74000" s="16">
        <v>3.7988107556641051</v>
      </c>
    </row>
    <row r="74001" spans="1:7" x14ac:dyDescent="0.3">
      <c r="A74001" s="13" t="s">
        <v>379</v>
      </c>
      <c r="B74001" s="14" t="s">
        <v>1</v>
      </c>
      <c r="C74001" s="14" t="s">
        <v>23</v>
      </c>
      <c r="D74001" s="14" t="s">
        <v>380</v>
      </c>
      <c r="E74001" s="15">
        <v>45647</v>
      </c>
      <c r="F74001" s="14" t="s">
        <v>15</v>
      </c>
      <c r="G74001" s="16">
        <v>3.7988107556641051</v>
      </c>
    </row>
    <row r="74002" spans="1:7" x14ac:dyDescent="0.3">
      <c r="A74002" s="13" t="s">
        <v>379</v>
      </c>
      <c r="B74002" s="14" t="s">
        <v>1</v>
      </c>
      <c r="C74002" s="14" t="s">
        <v>23</v>
      </c>
      <c r="D74002" s="14" t="s">
        <v>380</v>
      </c>
      <c r="E74002" s="15">
        <v>45648</v>
      </c>
      <c r="F74002" s="14" t="s">
        <v>15</v>
      </c>
      <c r="G74002" s="16">
        <v>3.7988107556641051</v>
      </c>
    </row>
    <row r="74003" spans="1:7" x14ac:dyDescent="0.3">
      <c r="A74003" s="13" t="s">
        <v>379</v>
      </c>
      <c r="B74003" s="14" t="s">
        <v>1</v>
      </c>
      <c r="C74003" s="14" t="s">
        <v>23</v>
      </c>
      <c r="D74003" s="14" t="s">
        <v>380</v>
      </c>
      <c r="E74003" s="15">
        <v>45649</v>
      </c>
      <c r="F74003" s="14" t="s">
        <v>15</v>
      </c>
      <c r="G74003" s="16">
        <v>3.7742982903102993</v>
      </c>
    </row>
    <row r="74004" spans="1:7" x14ac:dyDescent="0.3">
      <c r="A74004" s="13" t="s">
        <v>379</v>
      </c>
      <c r="B74004" s="14" t="s">
        <v>1</v>
      </c>
      <c r="C74004" s="14" t="s">
        <v>23</v>
      </c>
      <c r="D74004" s="14" t="s">
        <v>380</v>
      </c>
      <c r="E74004" s="15">
        <v>45650</v>
      </c>
      <c r="F74004" s="14" t="s">
        <v>15</v>
      </c>
      <c r="G74004" s="16">
        <v>3.812191646874302</v>
      </c>
    </row>
    <row r="74005" spans="1:7" x14ac:dyDescent="0.3">
      <c r="A74005" s="13" t="s">
        <v>379</v>
      </c>
      <c r="B74005" s="14" t="s">
        <v>1</v>
      </c>
      <c r="C74005" s="14" t="s">
        <v>23</v>
      </c>
      <c r="D74005" s="14" t="s">
        <v>380</v>
      </c>
      <c r="E74005" s="15">
        <v>45651</v>
      </c>
      <c r="F74005" s="14" t="s">
        <v>15</v>
      </c>
      <c r="G74005" s="16">
        <v>3.812191646874302</v>
      </c>
    </row>
    <row r="74006" spans="1:7" x14ac:dyDescent="0.3">
      <c r="A74006" s="13" t="s">
        <v>379</v>
      </c>
      <c r="B74006" s="14" t="s">
        <v>1</v>
      </c>
      <c r="C74006" s="14" t="s">
        <v>23</v>
      </c>
      <c r="D74006" s="14" t="s">
        <v>380</v>
      </c>
      <c r="E74006" s="15">
        <v>45652</v>
      </c>
      <c r="F74006" s="14" t="s">
        <v>15</v>
      </c>
      <c r="G74006" s="16">
        <v>3.812191646874302</v>
      </c>
    </row>
    <row r="74007" spans="1:7" x14ac:dyDescent="0.3">
      <c r="A74007" s="13" t="s">
        <v>379</v>
      </c>
      <c r="B74007" s="14" t="s">
        <v>1</v>
      </c>
      <c r="C74007" s="14" t="s">
        <v>23</v>
      </c>
      <c r="D74007" s="14" t="s">
        <v>380</v>
      </c>
      <c r="E74007" s="15">
        <v>45653</v>
      </c>
      <c r="F74007" s="14" t="s">
        <v>15</v>
      </c>
      <c r="G74007" s="16">
        <v>3.812191646874302</v>
      </c>
    </row>
    <row r="74008" spans="1:7" x14ac:dyDescent="0.3">
      <c r="A74008" s="13" t="s">
        <v>379</v>
      </c>
      <c r="B74008" s="14" t="s">
        <v>1</v>
      </c>
      <c r="C74008" s="14" t="s">
        <v>23</v>
      </c>
      <c r="D74008" s="14" t="s">
        <v>380</v>
      </c>
      <c r="E74008" s="15">
        <v>45654</v>
      </c>
      <c r="F74008" s="14" t="s">
        <v>15</v>
      </c>
      <c r="G74008" s="16">
        <v>3.812191646874302</v>
      </c>
    </row>
    <row r="74009" spans="1:7" x14ac:dyDescent="0.3">
      <c r="A74009" s="13" t="s">
        <v>379</v>
      </c>
      <c r="B74009" s="14" t="s">
        <v>1</v>
      </c>
      <c r="C74009" s="14" t="s">
        <v>23</v>
      </c>
      <c r="D74009" s="14" t="s">
        <v>380</v>
      </c>
      <c r="E74009" s="15">
        <v>45655</v>
      </c>
      <c r="F74009" s="14" t="s">
        <v>15</v>
      </c>
      <c r="G74009" s="16">
        <v>3.812191646874302</v>
      </c>
    </row>
    <row r="74010" spans="1:7" x14ac:dyDescent="0.3">
      <c r="A74010" s="13" t="s">
        <v>379</v>
      </c>
      <c r="B74010" s="14" t="s">
        <v>1</v>
      </c>
      <c r="C74010" s="14" t="s">
        <v>23</v>
      </c>
      <c r="D74010" s="14" t="s">
        <v>380</v>
      </c>
      <c r="E74010" s="15">
        <v>45656</v>
      </c>
      <c r="F74010" s="14" t="s">
        <v>15</v>
      </c>
      <c r="G74010" s="16">
        <v>3.8267031541232357</v>
      </c>
    </row>
    <row r="74011" spans="1:7" x14ac:dyDescent="0.3">
      <c r="A74011" s="13" t="s">
        <v>379</v>
      </c>
      <c r="B74011" s="14" t="s">
        <v>1</v>
      </c>
      <c r="C74011" s="14" t="s">
        <v>23</v>
      </c>
      <c r="D74011" s="14" t="s">
        <v>380</v>
      </c>
      <c r="E74011" s="15">
        <v>45657</v>
      </c>
      <c r="F74011" s="14" t="s">
        <v>15</v>
      </c>
      <c r="G74011" s="16">
        <v>3.9173105517831286</v>
      </c>
    </row>
    <row r="74012" spans="1:7" x14ac:dyDescent="0.3">
      <c r="A74012" s="13" t="s">
        <v>379</v>
      </c>
      <c r="B74012" s="14" t="s">
        <v>1</v>
      </c>
      <c r="C74012" s="14" t="s">
        <v>23</v>
      </c>
      <c r="D74012" s="14" t="s">
        <v>380</v>
      </c>
      <c r="E74012" s="15">
        <v>45658</v>
      </c>
      <c r="F74012" s="14" t="s">
        <v>15</v>
      </c>
      <c r="G74012" s="16">
        <v>3.9173105517831286</v>
      </c>
    </row>
    <row r="74013" spans="1:7" x14ac:dyDescent="0.3">
      <c r="A74013" s="13" t="s">
        <v>379</v>
      </c>
      <c r="B74013" s="14" t="s">
        <v>1</v>
      </c>
      <c r="C74013" s="14" t="s">
        <v>23</v>
      </c>
      <c r="D74013" s="14" t="s">
        <v>380</v>
      </c>
      <c r="E74013" s="15">
        <v>45659</v>
      </c>
      <c r="F74013" s="14" t="s">
        <v>15</v>
      </c>
      <c r="G74013" s="16">
        <v>3.9303751412238439</v>
      </c>
    </row>
    <row r="74014" spans="1:7" x14ac:dyDescent="0.3">
      <c r="A74014" s="13" t="s">
        <v>379</v>
      </c>
      <c r="B74014" s="14" t="s">
        <v>1</v>
      </c>
      <c r="C74014" s="14" t="s">
        <v>23</v>
      </c>
      <c r="D74014" s="14" t="s">
        <v>380</v>
      </c>
      <c r="E74014" s="15">
        <v>45660</v>
      </c>
      <c r="F74014" s="14" t="s">
        <v>15</v>
      </c>
      <c r="G74014" s="16">
        <v>3.9496726073768875</v>
      </c>
    </row>
    <row r="74015" spans="1:7" x14ac:dyDescent="0.3">
      <c r="A74015" s="13" t="s">
        <v>379</v>
      </c>
      <c r="B74015" s="14" t="s">
        <v>1</v>
      </c>
      <c r="C74015" s="14" t="s">
        <v>23</v>
      </c>
      <c r="D74015" s="14" t="s">
        <v>380</v>
      </c>
      <c r="E74015" s="15">
        <v>45661</v>
      </c>
      <c r="F74015" s="14" t="s">
        <v>15</v>
      </c>
      <c r="G74015" s="16">
        <v>3.9496726073768875</v>
      </c>
    </row>
    <row r="74016" spans="1:7" x14ac:dyDescent="0.3">
      <c r="A74016" s="13" t="s">
        <v>379</v>
      </c>
      <c r="B74016" s="14" t="s">
        <v>1</v>
      </c>
      <c r="C74016" s="14" t="s">
        <v>23</v>
      </c>
      <c r="D74016" s="14" t="s">
        <v>380</v>
      </c>
      <c r="E74016" s="15">
        <v>45662</v>
      </c>
      <c r="F74016" s="14" t="s">
        <v>15</v>
      </c>
      <c r="G74016" s="16">
        <v>3.9496726073768875</v>
      </c>
    </row>
    <row r="74017" spans="1:7" x14ac:dyDescent="0.3">
      <c r="A74017" s="13" t="s">
        <v>379</v>
      </c>
      <c r="B74017" s="14" t="s">
        <v>1</v>
      </c>
      <c r="C74017" s="14" t="s">
        <v>23</v>
      </c>
      <c r="D74017" s="14" t="s">
        <v>380</v>
      </c>
      <c r="E74017" s="15">
        <v>45663</v>
      </c>
      <c r="F74017" s="14" t="s">
        <v>15</v>
      </c>
      <c r="G74017" s="16">
        <v>3.9640984981874658</v>
      </c>
    </row>
    <row r="74018" spans="1:7" x14ac:dyDescent="0.3">
      <c r="A74018" s="13" t="s">
        <v>379</v>
      </c>
      <c r="B74018" s="14" t="s">
        <v>1</v>
      </c>
      <c r="C74018" s="14" t="s">
        <v>23</v>
      </c>
      <c r="D74018" s="14" t="s">
        <v>380</v>
      </c>
      <c r="E74018" s="15">
        <v>45664</v>
      </c>
      <c r="F74018" s="14" t="s">
        <v>15</v>
      </c>
      <c r="G74018" s="16">
        <v>4.0086699369432495</v>
      </c>
    </row>
    <row r="74019" spans="1:7" x14ac:dyDescent="0.3">
      <c r="A74019" s="13" t="s">
        <v>379</v>
      </c>
      <c r="B74019" s="14" t="s">
        <v>1</v>
      </c>
      <c r="C74019" s="14" t="s">
        <v>23</v>
      </c>
      <c r="D74019" s="14" t="s">
        <v>380</v>
      </c>
      <c r="E74019" s="15">
        <v>45665</v>
      </c>
      <c r="F74019" s="14" t="s">
        <v>15</v>
      </c>
      <c r="G74019" s="16">
        <v>4.0249194578908138</v>
      </c>
    </row>
    <row r="74020" spans="1:7" x14ac:dyDescent="0.3">
      <c r="A74020" s="13" t="s">
        <v>379</v>
      </c>
      <c r="B74020" s="14" t="s">
        <v>1</v>
      </c>
      <c r="C74020" s="14" t="s">
        <v>23</v>
      </c>
      <c r="D74020" s="14" t="s">
        <v>380</v>
      </c>
      <c r="E74020" s="15">
        <v>45666</v>
      </c>
      <c r="F74020" s="14" t="s">
        <v>15</v>
      </c>
      <c r="G74020" s="16">
        <v>4.0249194578908138</v>
      </c>
    </row>
    <row r="74021" spans="1:7" x14ac:dyDescent="0.3">
      <c r="A74021" s="13" t="s">
        <v>379</v>
      </c>
      <c r="B74021" s="14" t="s">
        <v>1</v>
      </c>
      <c r="C74021" s="14" t="s">
        <v>23</v>
      </c>
      <c r="D74021" s="14" t="s">
        <v>380</v>
      </c>
      <c r="E74021" s="15">
        <v>45667</v>
      </c>
      <c r="F74021" s="14" t="s">
        <v>15</v>
      </c>
      <c r="G74021" s="16">
        <v>4.0449960336328985</v>
      </c>
    </row>
    <row r="74022" spans="1:7" x14ac:dyDescent="0.3">
      <c r="A74022" s="13" t="s">
        <v>379</v>
      </c>
      <c r="B74022" s="14" t="s">
        <v>1</v>
      </c>
      <c r="C74022" s="14" t="s">
        <v>23</v>
      </c>
      <c r="D74022" s="14" t="s">
        <v>380</v>
      </c>
      <c r="E74022" s="15">
        <v>45668</v>
      </c>
      <c r="F74022" s="14" t="s">
        <v>15</v>
      </c>
      <c r="G74022" s="16">
        <v>4.0449960336328985</v>
      </c>
    </row>
    <row r="74023" spans="1:7" x14ac:dyDescent="0.3">
      <c r="A74023" s="13" t="s">
        <v>379</v>
      </c>
      <c r="B74023" s="14" t="s">
        <v>1</v>
      </c>
      <c r="C74023" s="14" t="s">
        <v>23</v>
      </c>
      <c r="D74023" s="14" t="s">
        <v>380</v>
      </c>
      <c r="E74023" s="15">
        <v>45669</v>
      </c>
      <c r="F74023" s="14" t="s">
        <v>15</v>
      </c>
      <c r="G74023" s="16">
        <v>4.0449960336328985</v>
      </c>
    </row>
    <row r="74024" spans="1:7" x14ac:dyDescent="0.3">
      <c r="A74024" s="13" t="s">
        <v>379</v>
      </c>
      <c r="B74024" s="14" t="s">
        <v>1</v>
      </c>
      <c r="C74024" s="14" t="s">
        <v>23</v>
      </c>
      <c r="D74024" s="14" t="s">
        <v>380</v>
      </c>
      <c r="E74024" s="15">
        <v>45670</v>
      </c>
      <c r="F74024" s="14" t="s">
        <v>15</v>
      </c>
      <c r="G74024" s="16">
        <v>4.0762969244434766</v>
      </c>
    </row>
    <row r="74025" spans="1:7" x14ac:dyDescent="0.3">
      <c r="A74025" s="13" t="s">
        <v>379</v>
      </c>
      <c r="B74025" s="14" t="s">
        <v>1</v>
      </c>
      <c r="C74025" s="14" t="s">
        <v>23</v>
      </c>
      <c r="D74025" s="14" t="s">
        <v>380</v>
      </c>
      <c r="E74025" s="15">
        <v>45671</v>
      </c>
      <c r="F74025" s="14" t="s">
        <v>15</v>
      </c>
      <c r="G74025" s="16">
        <v>4.1148495275828223</v>
      </c>
    </row>
    <row r="74026" spans="1:7" x14ac:dyDescent="0.3">
      <c r="A74026" s="13" t="s">
        <v>379</v>
      </c>
      <c r="B74026" s="14" t="s">
        <v>1</v>
      </c>
      <c r="C74026" s="14" t="s">
        <v>23</v>
      </c>
      <c r="D74026" s="14" t="s">
        <v>380</v>
      </c>
      <c r="E74026" s="15">
        <v>45672</v>
      </c>
      <c r="F74026" s="14" t="s">
        <v>15</v>
      </c>
      <c r="G74026" s="16">
        <v>4.1294980211331271</v>
      </c>
    </row>
    <row r="74027" spans="1:7" x14ac:dyDescent="0.3">
      <c r="A74027" s="13" t="s">
        <v>379</v>
      </c>
      <c r="B74027" s="14" t="s">
        <v>1</v>
      </c>
      <c r="C74027" s="14" t="s">
        <v>23</v>
      </c>
      <c r="D74027" s="14" t="s">
        <v>380</v>
      </c>
      <c r="E74027" s="15">
        <v>45673</v>
      </c>
      <c r="F74027" s="14" t="s">
        <v>15</v>
      </c>
      <c r="G74027" s="16">
        <v>4.1441379530395954</v>
      </c>
    </row>
    <row r="74028" spans="1:7" x14ac:dyDescent="0.3">
      <c r="A74028" s="13" t="s">
        <v>379</v>
      </c>
      <c r="B74028" s="14" t="s">
        <v>1</v>
      </c>
      <c r="C74028" s="14" t="s">
        <v>23</v>
      </c>
      <c r="D74028" s="14" t="s">
        <v>380</v>
      </c>
      <c r="E74028" s="15">
        <v>45674</v>
      </c>
      <c r="F74028" s="14" t="s">
        <v>15</v>
      </c>
      <c r="G74028" s="16">
        <v>4.1500792548090777</v>
      </c>
    </row>
    <row r="74029" spans="1:7" x14ac:dyDescent="0.3">
      <c r="A74029" s="13" t="s">
        <v>379</v>
      </c>
      <c r="B74029" s="14" t="s">
        <v>1</v>
      </c>
      <c r="C74029" s="14" t="s">
        <v>23</v>
      </c>
      <c r="D74029" s="14" t="s">
        <v>380</v>
      </c>
      <c r="E74029" s="15">
        <v>45675</v>
      </c>
      <c r="F74029" s="14" t="s">
        <v>15</v>
      </c>
      <c r="G74029" s="16">
        <v>4.1500792548090777</v>
      </c>
    </row>
    <row r="74030" spans="1:7" x14ac:dyDescent="0.3">
      <c r="A74030" s="13" t="s">
        <v>379</v>
      </c>
      <c r="B74030" s="14" t="s">
        <v>1</v>
      </c>
      <c r="C74030" s="14" t="s">
        <v>23</v>
      </c>
      <c r="D74030" s="14" t="s">
        <v>380</v>
      </c>
      <c r="E74030" s="15">
        <v>45676</v>
      </c>
      <c r="F74030" s="14" t="s">
        <v>15</v>
      </c>
      <c r="G74030" s="16">
        <v>4.1500792548090777</v>
      </c>
    </row>
    <row r="74031" spans="1:7" x14ac:dyDescent="0.3">
      <c r="A74031" s="13" t="s">
        <v>379</v>
      </c>
      <c r="B74031" s="14" t="s">
        <v>1</v>
      </c>
      <c r="C74031" s="14" t="s">
        <v>23</v>
      </c>
      <c r="D74031" s="14" t="s">
        <v>380</v>
      </c>
      <c r="E74031" s="15">
        <v>45677</v>
      </c>
      <c r="F74031" s="14" t="s">
        <v>15</v>
      </c>
      <c r="G74031" s="16">
        <v>4.1500792548090777</v>
      </c>
    </row>
    <row r="74032" spans="1:7" x14ac:dyDescent="0.3">
      <c r="A74032" s="13" t="s">
        <v>379</v>
      </c>
      <c r="B74032" s="14" t="s">
        <v>1</v>
      </c>
      <c r="C74032" s="14" t="s">
        <v>23</v>
      </c>
      <c r="D74032" s="14" t="s">
        <v>380</v>
      </c>
      <c r="E74032" s="15">
        <v>45678</v>
      </c>
      <c r="F74032" s="14" t="s">
        <v>15</v>
      </c>
      <c r="G74032" s="16">
        <v>4.1656267209621216</v>
      </c>
    </row>
    <row r="74033" spans="1:7" x14ac:dyDescent="0.3">
      <c r="A74033" s="13" t="s">
        <v>379</v>
      </c>
      <c r="B74033" s="14" t="s">
        <v>1</v>
      </c>
      <c r="C74033" s="14" t="s">
        <v>23</v>
      </c>
      <c r="D74033" s="14" t="s">
        <v>380</v>
      </c>
      <c r="E74033" s="15">
        <v>45679</v>
      </c>
      <c r="F74033" s="14" t="s">
        <v>15</v>
      </c>
      <c r="G74033" s="16">
        <v>4.2199156254713293</v>
      </c>
    </row>
    <row r="74034" spans="1:7" x14ac:dyDescent="0.3">
      <c r="A74034" s="13" t="s">
        <v>379</v>
      </c>
      <c r="B74034" s="14" t="s">
        <v>1</v>
      </c>
      <c r="C74034" s="14" t="s">
        <v>23</v>
      </c>
      <c r="D74034" s="14" t="s">
        <v>380</v>
      </c>
      <c r="E74034" s="15">
        <v>45680</v>
      </c>
      <c r="F74034" s="14" t="s">
        <v>15</v>
      </c>
      <c r="G74034" s="16">
        <v>4.233511036829853</v>
      </c>
    </row>
    <row r="74035" spans="1:7" x14ac:dyDescent="0.3">
      <c r="A74035" s="13" t="s">
        <v>379</v>
      </c>
      <c r="B74035" s="14" t="s">
        <v>1</v>
      </c>
      <c r="C74035" s="14" t="s">
        <v>23</v>
      </c>
      <c r="D74035" s="14" t="s">
        <v>380</v>
      </c>
      <c r="E74035" s="15">
        <v>45681</v>
      </c>
      <c r="F74035" s="14" t="s">
        <v>15</v>
      </c>
      <c r="G74035" s="16">
        <v>4.2471663796952255</v>
      </c>
    </row>
    <row r="74036" spans="1:7" x14ac:dyDescent="0.3">
      <c r="A74036" s="13" t="s">
        <v>379</v>
      </c>
      <c r="B74036" s="14" t="s">
        <v>1</v>
      </c>
      <c r="C74036" s="14" t="s">
        <v>23</v>
      </c>
      <c r="D74036" s="14" t="s">
        <v>380</v>
      </c>
      <c r="E74036" s="15">
        <v>45682</v>
      </c>
      <c r="F74036" s="14" t="s">
        <v>15</v>
      </c>
      <c r="G74036" s="16">
        <v>4.2471663796952255</v>
      </c>
    </row>
    <row r="74037" spans="1:7" x14ac:dyDescent="0.3">
      <c r="A74037" s="13" t="s">
        <v>379</v>
      </c>
      <c r="B74037" s="14" t="s">
        <v>1</v>
      </c>
      <c r="C74037" s="14" t="s">
        <v>23</v>
      </c>
      <c r="D74037" s="14" t="s">
        <v>380</v>
      </c>
      <c r="E74037" s="15">
        <v>45683</v>
      </c>
      <c r="F74037" s="14" t="s">
        <v>15</v>
      </c>
      <c r="G74037" s="16">
        <v>4.2471663796952255</v>
      </c>
    </row>
    <row r="74038" spans="1:7" x14ac:dyDescent="0.3">
      <c r="A74038" s="13" t="s">
        <v>379</v>
      </c>
      <c r="B74038" s="14" t="s">
        <v>1</v>
      </c>
      <c r="C74038" s="14" t="s">
        <v>23</v>
      </c>
      <c r="D74038" s="14" t="s">
        <v>380</v>
      </c>
      <c r="E74038" s="15">
        <v>45684</v>
      </c>
      <c r="F74038" s="14" t="s">
        <v>15</v>
      </c>
      <c r="G74038" s="16">
        <v>4.2624141883140227</v>
      </c>
    </row>
    <row r="74039" spans="1:7" x14ac:dyDescent="0.3">
      <c r="A74039" s="13" t="s">
        <v>379</v>
      </c>
      <c r="B74039" s="14" t="s">
        <v>1</v>
      </c>
      <c r="C74039" s="14" t="s">
        <v>23</v>
      </c>
      <c r="D74039" s="14" t="s">
        <v>380</v>
      </c>
      <c r="E74039" s="15">
        <v>45685</v>
      </c>
      <c r="F74039" s="14" t="s">
        <v>15</v>
      </c>
      <c r="G74039" s="16">
        <v>4.3036294626862448</v>
      </c>
    </row>
    <row r="74040" spans="1:7" x14ac:dyDescent="0.3">
      <c r="A74040" s="13" t="s">
        <v>379</v>
      </c>
      <c r="B74040" s="14" t="s">
        <v>1</v>
      </c>
      <c r="C74040" s="14" t="s">
        <v>23</v>
      </c>
      <c r="D74040" s="14" t="s">
        <v>380</v>
      </c>
      <c r="E74040" s="15">
        <v>45686</v>
      </c>
      <c r="F74040" s="14" t="s">
        <v>15</v>
      </c>
      <c r="G74040" s="16">
        <v>4.3173875452776445</v>
      </c>
    </row>
    <row r="74041" spans="1:7" x14ac:dyDescent="0.3">
      <c r="A74041" s="13" t="s">
        <v>379</v>
      </c>
      <c r="B74041" s="14" t="s">
        <v>1</v>
      </c>
      <c r="C74041" s="14" t="s">
        <v>23</v>
      </c>
      <c r="D74041" s="14" t="s">
        <v>380</v>
      </c>
      <c r="E74041" s="15">
        <v>45687</v>
      </c>
      <c r="F74041" s="14" t="s">
        <v>15</v>
      </c>
      <c r="G74041" s="16">
        <v>4.332018915540278</v>
      </c>
    </row>
    <row r="74042" spans="1:7" x14ac:dyDescent="0.3">
      <c r="A74042" s="13" t="s">
        <v>379</v>
      </c>
      <c r="B74042" s="14" t="s">
        <v>1</v>
      </c>
      <c r="C74042" s="14" t="s">
        <v>23</v>
      </c>
      <c r="D74042" s="14" t="s">
        <v>380</v>
      </c>
      <c r="E74042" s="15">
        <v>45688</v>
      </c>
      <c r="F74042" s="14" t="s">
        <v>15</v>
      </c>
      <c r="G74042" s="16">
        <v>4.3456571351179791</v>
      </c>
    </row>
    <row r="74043" spans="1:7" x14ac:dyDescent="0.3">
      <c r="A74043" s="13" t="s">
        <v>379</v>
      </c>
      <c r="B74043" s="14" t="s">
        <v>1</v>
      </c>
      <c r="C74043" s="14" t="s">
        <v>23</v>
      </c>
      <c r="D74043" s="14" t="s">
        <v>380</v>
      </c>
      <c r="E74043" s="15">
        <v>45689</v>
      </c>
      <c r="F74043" s="14" t="s">
        <v>15</v>
      </c>
      <c r="G74043" s="16">
        <v>4.3456571351179791</v>
      </c>
    </row>
    <row r="74044" spans="1:7" x14ac:dyDescent="0.3">
      <c r="A74044" s="13" t="s">
        <v>379</v>
      </c>
      <c r="B74044" s="14" t="s">
        <v>1</v>
      </c>
      <c r="C74044" s="14" t="s">
        <v>23</v>
      </c>
      <c r="D74044" s="14" t="s">
        <v>380</v>
      </c>
      <c r="E74044" s="15">
        <v>45690</v>
      </c>
      <c r="F74044" s="14" t="s">
        <v>15</v>
      </c>
      <c r="G74044" s="16">
        <v>4.3456571351179791</v>
      </c>
    </row>
    <row r="74045" spans="1:7" x14ac:dyDescent="0.3">
      <c r="A74045" s="13" t="s">
        <v>379</v>
      </c>
      <c r="B74045" s="14" t="s">
        <v>1</v>
      </c>
      <c r="C74045" s="14" t="s">
        <v>23</v>
      </c>
      <c r="D74045" s="14" t="s">
        <v>380</v>
      </c>
      <c r="E74045" s="15">
        <v>45691</v>
      </c>
      <c r="F74045" s="14" t="s">
        <v>15</v>
      </c>
      <c r="G74045" s="16">
        <v>4.3456571351179791</v>
      </c>
    </row>
    <row r="74046" spans="1:7" x14ac:dyDescent="0.3">
      <c r="A74046" s="13" t="s">
        <v>379</v>
      </c>
      <c r="B74046" s="14" t="s">
        <v>1</v>
      </c>
      <c r="C74046" s="14" t="s">
        <v>23</v>
      </c>
      <c r="D74046" s="14" t="s">
        <v>380</v>
      </c>
      <c r="E74046" s="15">
        <v>45692</v>
      </c>
      <c r="F74046" s="14" t="s">
        <v>15</v>
      </c>
      <c r="G74046" s="16">
        <v>4.3581823409970504</v>
      </c>
    </row>
    <row r="74047" spans="1:7" x14ac:dyDescent="0.3">
      <c r="A74047" s="13" t="s">
        <v>379</v>
      </c>
      <c r="B74047" s="14" t="s">
        <v>1</v>
      </c>
      <c r="C74047" s="14" t="s">
        <v>23</v>
      </c>
      <c r="D74047" s="14" t="s">
        <v>380</v>
      </c>
      <c r="E74047" s="15">
        <v>45693</v>
      </c>
      <c r="F74047" s="14" t="s">
        <v>15</v>
      </c>
      <c r="G74047" s="16">
        <v>4.4034729578350262</v>
      </c>
    </row>
    <row r="74048" spans="1:7" x14ac:dyDescent="0.3">
      <c r="A74048" s="13" t="s">
        <v>379</v>
      </c>
      <c r="B74048" s="14" t="s">
        <v>1</v>
      </c>
      <c r="C74048" s="14" t="s">
        <v>23</v>
      </c>
      <c r="D74048" s="14" t="s">
        <v>380</v>
      </c>
      <c r="E74048" s="15">
        <v>45694</v>
      </c>
      <c r="F74048" s="14" t="s">
        <v>15</v>
      </c>
      <c r="G74048" s="16">
        <v>4.4173166568647817</v>
      </c>
    </row>
    <row r="74049" spans="1:7" x14ac:dyDescent="0.3">
      <c r="A74049" s="13" t="s">
        <v>379</v>
      </c>
      <c r="B74049" s="14" t="s">
        <v>1</v>
      </c>
      <c r="C74049" s="14" t="s">
        <v>23</v>
      </c>
      <c r="D74049" s="14" t="s">
        <v>380</v>
      </c>
      <c r="E74049" s="15">
        <v>45695</v>
      </c>
      <c r="F74049" s="14" t="s">
        <v>15</v>
      </c>
      <c r="G74049" s="16">
        <v>4.4312374106890591</v>
      </c>
    </row>
    <row r="74050" spans="1:7" x14ac:dyDescent="0.3">
      <c r="A74050" s="13" t="s">
        <v>379</v>
      </c>
      <c r="B74050" s="14" t="s">
        <v>1</v>
      </c>
      <c r="C74050" s="14" t="s">
        <v>23</v>
      </c>
      <c r="D74050" s="14" t="s">
        <v>380</v>
      </c>
      <c r="E74050" s="15">
        <v>45696</v>
      </c>
      <c r="F74050" s="14" t="s">
        <v>15</v>
      </c>
      <c r="G74050" s="16">
        <v>4.4312374106890591</v>
      </c>
    </row>
    <row r="74051" spans="1:7" x14ac:dyDescent="0.3">
      <c r="A74051" s="13" t="s">
        <v>379</v>
      </c>
      <c r="B74051" s="14" t="s">
        <v>1</v>
      </c>
      <c r="C74051" s="14" t="s">
        <v>23</v>
      </c>
      <c r="D74051" s="14" t="s">
        <v>380</v>
      </c>
      <c r="E74051" s="15">
        <v>45697</v>
      </c>
      <c r="F74051" s="14" t="s">
        <v>15</v>
      </c>
      <c r="G74051" s="16">
        <v>4.4312374106890591</v>
      </c>
    </row>
    <row r="74052" spans="1:7" x14ac:dyDescent="0.3">
      <c r="A74052" s="13" t="s">
        <v>379</v>
      </c>
      <c r="B74052" s="14" t="s">
        <v>1</v>
      </c>
      <c r="C74052" s="14" t="s">
        <v>23</v>
      </c>
      <c r="D74052" s="14" t="s">
        <v>380</v>
      </c>
      <c r="E74052" s="15">
        <v>45698</v>
      </c>
      <c r="F74052" s="14" t="s">
        <v>15</v>
      </c>
      <c r="G74052" s="16">
        <v>4.4537711782119658</v>
      </c>
    </row>
    <row r="74053" spans="1:7" x14ac:dyDescent="0.3">
      <c r="A74053" s="13" t="s">
        <v>379</v>
      </c>
      <c r="B74053" s="14" t="s">
        <v>1</v>
      </c>
      <c r="C74053" s="14" t="s">
        <v>23</v>
      </c>
      <c r="D74053" s="14" t="s">
        <v>380</v>
      </c>
      <c r="E74053" s="15">
        <v>45699</v>
      </c>
      <c r="F74053" s="14" t="s">
        <v>15</v>
      </c>
      <c r="G74053" s="16">
        <v>4.4952518635430918</v>
      </c>
    </row>
    <row r="74054" spans="1:7" x14ac:dyDescent="0.3">
      <c r="A74054" s="13" t="s">
        <v>379</v>
      </c>
      <c r="B74054" s="14" t="s">
        <v>1</v>
      </c>
      <c r="C74054" s="14" t="s">
        <v>23</v>
      </c>
      <c r="D74054" s="14" t="s">
        <v>380</v>
      </c>
      <c r="E74054" s="15">
        <v>45700</v>
      </c>
      <c r="F74054" s="14" t="s">
        <v>15</v>
      </c>
      <c r="G74054" s="16">
        <v>4.5090185077783271</v>
      </c>
    </row>
    <row r="74055" spans="1:7" x14ac:dyDescent="0.3">
      <c r="A74055" s="13" t="s">
        <v>379</v>
      </c>
      <c r="B74055" s="14" t="s">
        <v>1</v>
      </c>
      <c r="C74055" s="14" t="s">
        <v>23</v>
      </c>
      <c r="D74055" s="14" t="s">
        <v>380</v>
      </c>
      <c r="E74055" s="15">
        <v>45701</v>
      </c>
      <c r="F74055" s="14" t="s">
        <v>15</v>
      </c>
      <c r="G74055" s="16">
        <v>4.5243690561231515</v>
      </c>
    </row>
    <row r="74056" spans="1:7" x14ac:dyDescent="0.3">
      <c r="A74056" s="13" t="s">
        <v>379</v>
      </c>
      <c r="B74056" s="14" t="s">
        <v>1</v>
      </c>
      <c r="C74056" s="14" t="s">
        <v>23</v>
      </c>
      <c r="D74056" s="14" t="s">
        <v>380</v>
      </c>
      <c r="E74056" s="15">
        <v>45702</v>
      </c>
      <c r="F74056" s="14" t="s">
        <v>15</v>
      </c>
      <c r="G74056" s="16">
        <v>4.5379901524131814</v>
      </c>
    </row>
    <row r="74057" spans="1:7" x14ac:dyDescent="0.3">
      <c r="A74057" s="13" t="s">
        <v>379</v>
      </c>
      <c r="B74057" s="14" t="s">
        <v>1</v>
      </c>
      <c r="C74057" s="14" t="s">
        <v>23</v>
      </c>
      <c r="D74057" s="14" t="s">
        <v>380</v>
      </c>
      <c r="E74057" s="15">
        <v>45703</v>
      </c>
      <c r="F74057" s="14" t="s">
        <v>15</v>
      </c>
      <c r="G74057" s="16">
        <v>4.5379901524131814</v>
      </c>
    </row>
    <row r="74058" spans="1:7" x14ac:dyDescent="0.3">
      <c r="A74058" s="13" t="s">
        <v>379</v>
      </c>
      <c r="B74058" s="14" t="s">
        <v>1</v>
      </c>
      <c r="C74058" s="14" t="s">
        <v>23</v>
      </c>
      <c r="D74058" s="14" t="s">
        <v>380</v>
      </c>
      <c r="E74058" s="15">
        <v>45704</v>
      </c>
      <c r="F74058" s="14" t="s">
        <v>15</v>
      </c>
      <c r="G74058" s="16">
        <v>4.5379901524131814</v>
      </c>
    </row>
    <row r="74059" spans="1:7" x14ac:dyDescent="0.3">
      <c r="A74059" s="13" t="s">
        <v>379</v>
      </c>
      <c r="B74059" s="14" t="s">
        <v>1</v>
      </c>
      <c r="C74059" s="14" t="s">
        <v>23</v>
      </c>
      <c r="D74059" s="14" t="s">
        <v>380</v>
      </c>
      <c r="E74059" s="15">
        <v>45705</v>
      </c>
      <c r="F74059" s="14" t="s">
        <v>15</v>
      </c>
      <c r="G74059" s="16">
        <v>4.5379901524131814</v>
      </c>
    </row>
    <row r="74060" spans="1:7" x14ac:dyDescent="0.3">
      <c r="A74060" s="13" t="s">
        <v>379</v>
      </c>
      <c r="B74060" s="14" t="s">
        <v>1</v>
      </c>
      <c r="C74060" s="14" t="s">
        <v>23</v>
      </c>
      <c r="D74060" s="14" t="s">
        <v>380</v>
      </c>
      <c r="E74060" s="15">
        <v>45706</v>
      </c>
      <c r="F74060" s="14" t="s">
        <v>15</v>
      </c>
      <c r="G74060" s="16">
        <v>4.5517996048675951</v>
      </c>
    </row>
    <row r="74061" spans="1:7" x14ac:dyDescent="0.3">
      <c r="A74061" s="13" t="s">
        <v>379</v>
      </c>
      <c r="B74061" s="14" t="s">
        <v>1</v>
      </c>
      <c r="C74061" s="14" t="s">
        <v>23</v>
      </c>
      <c r="D74061" s="14" t="s">
        <v>380</v>
      </c>
      <c r="E74061" s="15">
        <v>45707</v>
      </c>
      <c r="F74061" s="14" t="s">
        <v>15</v>
      </c>
      <c r="G74061" s="16">
        <v>4.6066707011576256</v>
      </c>
    </row>
    <row r="74062" spans="1:7" x14ac:dyDescent="0.3">
      <c r="A74062" s="13" t="s">
        <v>379</v>
      </c>
      <c r="B74062" s="14" t="s">
        <v>1</v>
      </c>
      <c r="C74062" s="14" t="s">
        <v>23</v>
      </c>
      <c r="D74062" s="14" t="s">
        <v>380</v>
      </c>
      <c r="E74062" s="15">
        <v>45708</v>
      </c>
      <c r="F74062" s="14" t="s">
        <v>15</v>
      </c>
      <c r="G74062" s="16">
        <v>4.6203774138860121</v>
      </c>
    </row>
    <row r="74063" spans="1:7" x14ac:dyDescent="0.3">
      <c r="A74063" s="13" t="s">
        <v>379</v>
      </c>
      <c r="B74063" s="14" t="s">
        <v>1</v>
      </c>
      <c r="C74063" s="14" t="s">
        <v>23</v>
      </c>
      <c r="D74063" s="14" t="s">
        <v>380</v>
      </c>
      <c r="E74063" s="15">
        <v>45709</v>
      </c>
      <c r="F74063" s="14" t="s">
        <v>15</v>
      </c>
      <c r="G74063" s="16">
        <v>4.6279197430527539</v>
      </c>
    </row>
    <row r="74064" spans="1:7" x14ac:dyDescent="0.3">
      <c r="A74064" s="13" t="s">
        <v>379</v>
      </c>
      <c r="B74064" s="14" t="s">
        <v>1</v>
      </c>
      <c r="C74064" s="14" t="s">
        <v>23</v>
      </c>
      <c r="D74064" s="14" t="s">
        <v>380</v>
      </c>
      <c r="E74064" s="15">
        <v>45710</v>
      </c>
      <c r="F74064" s="14" t="s">
        <v>15</v>
      </c>
      <c r="G74064" s="16">
        <v>4.6279197430527539</v>
      </c>
    </row>
    <row r="74065" spans="1:7" x14ac:dyDescent="0.3">
      <c r="A74065" s="13" t="s">
        <v>379</v>
      </c>
      <c r="B74065" s="14" t="s">
        <v>1</v>
      </c>
      <c r="C74065" s="14" t="s">
        <v>23</v>
      </c>
      <c r="D74065" s="14" t="s">
        <v>380</v>
      </c>
      <c r="E74065" s="15">
        <v>45711</v>
      </c>
      <c r="F74065" s="14" t="s">
        <v>15</v>
      </c>
      <c r="G74065" s="16">
        <v>4.6279197430527539</v>
      </c>
    </row>
    <row r="74066" spans="1:7" x14ac:dyDescent="0.3">
      <c r="A74066" s="13" t="s">
        <v>379</v>
      </c>
      <c r="B74066" s="14" t="s">
        <v>1</v>
      </c>
      <c r="C74066" s="14" t="s">
        <v>23</v>
      </c>
      <c r="D74066" s="14" t="s">
        <v>380</v>
      </c>
      <c r="E74066" s="15">
        <v>45712</v>
      </c>
      <c r="F74066" s="14" t="s">
        <v>15</v>
      </c>
      <c r="G74066" s="16">
        <v>4.6385613872879903</v>
      </c>
    </row>
    <row r="74067" spans="1:7" x14ac:dyDescent="0.3">
      <c r="A74067" s="13" t="s">
        <v>379</v>
      </c>
      <c r="B74067" s="14" t="s">
        <v>1</v>
      </c>
      <c r="C74067" s="14" t="s">
        <v>23</v>
      </c>
      <c r="D74067" s="14" t="s">
        <v>380</v>
      </c>
      <c r="E74067" s="15">
        <v>45713</v>
      </c>
      <c r="F74067" s="14" t="s">
        <v>15</v>
      </c>
      <c r="G74067" s="16">
        <v>4.679785223304048</v>
      </c>
    </row>
    <row r="74068" spans="1:7" x14ac:dyDescent="0.3">
      <c r="A74068" s="13" t="s">
        <v>379</v>
      </c>
      <c r="B74068" s="14" t="s">
        <v>1</v>
      </c>
      <c r="C74068" s="14" t="s">
        <v>23</v>
      </c>
      <c r="D74068" s="14" t="s">
        <v>380</v>
      </c>
      <c r="E74068" s="15">
        <v>45714</v>
      </c>
      <c r="F74068" s="14" t="s">
        <v>15</v>
      </c>
      <c r="G74068" s="16">
        <v>4.6910090593201055</v>
      </c>
    </row>
    <row r="74069" spans="1:7" x14ac:dyDescent="0.3">
      <c r="A74069" s="13" t="s">
        <v>379</v>
      </c>
      <c r="B74069" s="14" t="s">
        <v>1</v>
      </c>
      <c r="C74069" s="14" t="s">
        <v>23</v>
      </c>
      <c r="D74069" s="14" t="s">
        <v>380</v>
      </c>
      <c r="E74069" s="15">
        <v>45715</v>
      </c>
      <c r="F74069" s="14" t="s">
        <v>15</v>
      </c>
      <c r="G74069" s="16">
        <v>4.7050496761580813</v>
      </c>
    </row>
    <row r="74070" spans="1:7" x14ac:dyDescent="0.3">
      <c r="A74070" s="13" t="s">
        <v>379</v>
      </c>
      <c r="B74070" s="14" t="s">
        <v>1</v>
      </c>
      <c r="C74070" s="14" t="s">
        <v>23</v>
      </c>
      <c r="D74070" s="14" t="s">
        <v>380</v>
      </c>
      <c r="E74070" s="15">
        <v>45716</v>
      </c>
      <c r="F74070" s="14" t="s">
        <v>15</v>
      </c>
      <c r="G74070" s="16">
        <v>4.7188505669686593</v>
      </c>
    </row>
    <row r="74071" spans="1:7" x14ac:dyDescent="0.3">
      <c r="A74071" s="13" t="s">
        <v>379</v>
      </c>
      <c r="B74071" s="14" t="s">
        <v>1</v>
      </c>
      <c r="C74071" s="14" t="s">
        <v>23</v>
      </c>
      <c r="D74071" s="14" t="s">
        <v>380</v>
      </c>
      <c r="E74071" s="15">
        <v>45717</v>
      </c>
      <c r="F74071" s="14" t="s">
        <v>15</v>
      </c>
      <c r="G74071" s="16">
        <v>4.7188505669686593</v>
      </c>
    </row>
    <row r="74072" spans="1:7" x14ac:dyDescent="0.3">
      <c r="A74072" s="13" t="s">
        <v>379</v>
      </c>
      <c r="B74072" s="14" t="s">
        <v>1</v>
      </c>
      <c r="C74072" s="14" t="s">
        <v>23</v>
      </c>
      <c r="D74072" s="14" t="s">
        <v>380</v>
      </c>
      <c r="E74072" s="15">
        <v>45718</v>
      </c>
      <c r="F74072" s="14" t="s">
        <v>15</v>
      </c>
      <c r="G74072" s="16">
        <v>4.7188505669686593</v>
      </c>
    </row>
    <row r="74073" spans="1:7" x14ac:dyDescent="0.3">
      <c r="A74073" s="13" t="s">
        <v>379</v>
      </c>
      <c r="B74073" s="14" t="s">
        <v>1</v>
      </c>
      <c r="C74073" s="14" t="s">
        <v>23</v>
      </c>
      <c r="D74073" s="14" t="s">
        <v>380</v>
      </c>
      <c r="E74073" s="15">
        <v>45719</v>
      </c>
      <c r="F74073" s="14" t="s">
        <v>15</v>
      </c>
      <c r="G74073" s="16">
        <v>4.7538072796970452</v>
      </c>
    </row>
    <row r="74074" spans="1:7" x14ac:dyDescent="0.3">
      <c r="A74074" s="13" t="s">
        <v>379</v>
      </c>
      <c r="B74074" s="14" t="s">
        <v>1</v>
      </c>
      <c r="C74074" s="14" t="s">
        <v>23</v>
      </c>
      <c r="D74074" s="14" t="s">
        <v>380</v>
      </c>
      <c r="E74074" s="15">
        <v>45720</v>
      </c>
      <c r="F74074" s="14" t="s">
        <v>15</v>
      </c>
      <c r="G74074" s="16">
        <v>4.7951595403706371</v>
      </c>
    </row>
    <row r="74075" spans="1:7" x14ac:dyDescent="0.3">
      <c r="A74075" s="13" t="s">
        <v>379</v>
      </c>
      <c r="B74075" s="14" t="s">
        <v>1</v>
      </c>
      <c r="C74075" s="14" t="s">
        <v>23</v>
      </c>
      <c r="D74075" s="14" t="s">
        <v>380</v>
      </c>
      <c r="E74075" s="15">
        <v>45721</v>
      </c>
      <c r="F74075" s="14" t="s">
        <v>15</v>
      </c>
      <c r="G74075" s="16">
        <v>4.8092515270716261</v>
      </c>
    </row>
    <row r="74076" spans="1:7" x14ac:dyDescent="0.3">
      <c r="A74076" s="13" t="s">
        <v>379</v>
      </c>
      <c r="B74076" s="14" t="s">
        <v>1</v>
      </c>
      <c r="C74076" s="14" t="s">
        <v>23</v>
      </c>
      <c r="D74076" s="14" t="s">
        <v>380</v>
      </c>
      <c r="E74076" s="15">
        <v>45722</v>
      </c>
      <c r="F74076" s="14" t="s">
        <v>15</v>
      </c>
      <c r="G74076" s="16">
        <v>4.8237202261013827</v>
      </c>
    </row>
    <row r="74077" spans="1:7" x14ac:dyDescent="0.3">
      <c r="A74077" s="13" t="s">
        <v>379</v>
      </c>
      <c r="B74077" s="14" t="s">
        <v>1</v>
      </c>
      <c r="C74077" s="14" t="s">
        <v>23</v>
      </c>
      <c r="D74077" s="14" t="s">
        <v>380</v>
      </c>
      <c r="E74077" s="15">
        <v>45723</v>
      </c>
      <c r="F74077" s="14" t="s">
        <v>15</v>
      </c>
      <c r="G74077" s="16">
        <v>4.8375896100626452</v>
      </c>
    </row>
    <row r="74078" spans="1:7" x14ac:dyDescent="0.3">
      <c r="A74078" s="13" t="s">
        <v>379</v>
      </c>
      <c r="B74078" s="14" t="s">
        <v>1</v>
      </c>
      <c r="C74078" s="14" t="s">
        <v>23</v>
      </c>
      <c r="D74078" s="14" t="s">
        <v>380</v>
      </c>
      <c r="E74078" s="15">
        <v>45724</v>
      </c>
      <c r="F74078" s="14" t="s">
        <v>15</v>
      </c>
      <c r="G74078" s="16">
        <v>4.8375896100626452</v>
      </c>
    </row>
    <row r="74079" spans="1:7" x14ac:dyDescent="0.3">
      <c r="A74079" s="13" t="s">
        <v>379</v>
      </c>
      <c r="B74079" s="14" t="s">
        <v>1</v>
      </c>
      <c r="C74079" s="14" t="s">
        <v>23</v>
      </c>
      <c r="D74079" s="14" t="s">
        <v>380</v>
      </c>
      <c r="E74079" s="15">
        <v>45725</v>
      </c>
      <c r="F74079" s="14" t="s">
        <v>15</v>
      </c>
      <c r="G74079" s="16">
        <v>4.8375896100626452</v>
      </c>
    </row>
    <row r="74080" spans="1:7" x14ac:dyDescent="0.3">
      <c r="A74080" s="13" t="s">
        <v>379</v>
      </c>
      <c r="B74080" s="14" t="s">
        <v>1</v>
      </c>
      <c r="C74080" s="14" t="s">
        <v>23</v>
      </c>
      <c r="D74080" s="14" t="s">
        <v>380</v>
      </c>
      <c r="E74080" s="15">
        <v>45726</v>
      </c>
      <c r="F74080" s="14" t="s">
        <v>15</v>
      </c>
      <c r="G74080" s="16">
        <v>4.8599007748458263</v>
      </c>
    </row>
    <row r="74081" spans="1:7" x14ac:dyDescent="0.3">
      <c r="A74081" s="13" t="s">
        <v>379</v>
      </c>
      <c r="B74081" s="14" t="s">
        <v>1</v>
      </c>
      <c r="C74081" s="14" t="s">
        <v>23</v>
      </c>
      <c r="D74081" s="14" t="s">
        <v>380</v>
      </c>
      <c r="E74081" s="15">
        <v>45727</v>
      </c>
      <c r="F74081" s="14" t="s">
        <v>15</v>
      </c>
      <c r="G74081" s="16">
        <v>4.9011331725057188</v>
      </c>
    </row>
    <row r="74082" spans="1:7" x14ac:dyDescent="0.3">
      <c r="A74082" s="13" t="s">
        <v>379</v>
      </c>
      <c r="B74082" s="14" t="s">
        <v>1</v>
      </c>
      <c r="C74082" s="14" t="s">
        <v>23</v>
      </c>
      <c r="D74082" s="14" t="s">
        <v>380</v>
      </c>
      <c r="E74082" s="15">
        <v>45728</v>
      </c>
      <c r="F74082" s="14" t="s">
        <v>15</v>
      </c>
      <c r="G74082" s="16">
        <v>4.9163124879738316</v>
      </c>
    </row>
    <row r="74083" spans="1:7" x14ac:dyDescent="0.3">
      <c r="A74083" s="13" t="s">
        <v>379</v>
      </c>
      <c r="B74083" s="14" t="s">
        <v>1</v>
      </c>
      <c r="C74083" s="14" t="s">
        <v>23</v>
      </c>
      <c r="D74083" s="14" t="s">
        <v>380</v>
      </c>
      <c r="E74083" s="15">
        <v>45729</v>
      </c>
      <c r="F74083" s="14" t="s">
        <v>15</v>
      </c>
      <c r="G74083" s="16">
        <v>4.9281955705652312</v>
      </c>
    </row>
    <row r="74084" spans="1:7" x14ac:dyDescent="0.3">
      <c r="A74084" s="13" t="s">
        <v>379</v>
      </c>
      <c r="B74084" s="14" t="s">
        <v>1</v>
      </c>
      <c r="C74084" s="14" t="s">
        <v>23</v>
      </c>
      <c r="D74084" s="14" t="s">
        <v>380</v>
      </c>
      <c r="E74084" s="15">
        <v>45730</v>
      </c>
      <c r="F74084" s="14" t="s">
        <v>15</v>
      </c>
      <c r="G74084" s="16">
        <v>4.8406779682251253</v>
      </c>
    </row>
    <row r="74085" spans="1:7" x14ac:dyDescent="0.3">
      <c r="A74085" s="13" t="s">
        <v>379</v>
      </c>
      <c r="B74085" s="14" t="s">
        <v>1</v>
      </c>
      <c r="C74085" s="14" t="s">
        <v>23</v>
      </c>
      <c r="D74085" s="14" t="s">
        <v>380</v>
      </c>
      <c r="E74085" s="15">
        <v>45731</v>
      </c>
      <c r="F74085" s="14" t="s">
        <v>15</v>
      </c>
      <c r="G74085" s="16">
        <v>4.8406779682251253</v>
      </c>
    </row>
    <row r="74086" spans="1:7" x14ac:dyDescent="0.3">
      <c r="A74086" s="13" t="s">
        <v>379</v>
      </c>
      <c r="B74086" s="14" t="s">
        <v>1</v>
      </c>
      <c r="C74086" s="14" t="s">
        <v>23</v>
      </c>
      <c r="D74086" s="14" t="s">
        <v>380</v>
      </c>
      <c r="E74086" s="15">
        <v>45732</v>
      </c>
      <c r="F74086" s="14" t="s">
        <v>15</v>
      </c>
      <c r="G74086" s="16">
        <v>4.8406779682251253</v>
      </c>
    </row>
    <row r="74087" spans="1:7" x14ac:dyDescent="0.3">
      <c r="A74087" s="13" t="s">
        <v>379</v>
      </c>
      <c r="B74087" s="14" t="s">
        <v>1</v>
      </c>
      <c r="C74087" s="14" t="s">
        <v>23</v>
      </c>
      <c r="D74087" s="14" t="s">
        <v>380</v>
      </c>
      <c r="E74087" s="15">
        <v>45733</v>
      </c>
      <c r="F74087" s="14" t="s">
        <v>15</v>
      </c>
      <c r="G74087" s="16">
        <v>4.8406779682251253</v>
      </c>
    </row>
    <row r="74088" spans="1:7" x14ac:dyDescent="0.3">
      <c r="A74088" s="13" t="s">
        <v>379</v>
      </c>
      <c r="B74088" s="14" t="s">
        <v>1</v>
      </c>
      <c r="C74088" s="14" t="s">
        <v>23</v>
      </c>
      <c r="D74088" s="14" t="s">
        <v>380</v>
      </c>
      <c r="E74088" s="15">
        <v>45734</v>
      </c>
      <c r="F74088" s="14" t="s">
        <v>15</v>
      </c>
      <c r="G74088" s="16">
        <v>4.8526295439672094</v>
      </c>
    </row>
    <row r="74089" spans="1:7" x14ac:dyDescent="0.3">
      <c r="A74089" s="13" t="s">
        <v>379</v>
      </c>
      <c r="B74089" s="14" t="s">
        <v>1</v>
      </c>
      <c r="C74089" s="14" t="s">
        <v>23</v>
      </c>
      <c r="D74089" s="14" t="s">
        <v>380</v>
      </c>
      <c r="E74089" s="15">
        <v>45735</v>
      </c>
      <c r="F74089" s="14" t="s">
        <v>15</v>
      </c>
      <c r="G74089" s="16">
        <v>4.9007883114901167</v>
      </c>
    </row>
    <row r="74090" spans="1:7" x14ac:dyDescent="0.3">
      <c r="A74090" s="13" t="s">
        <v>379</v>
      </c>
      <c r="B74090" s="14" t="s">
        <v>1</v>
      </c>
      <c r="C74090" s="14" t="s">
        <v>23</v>
      </c>
      <c r="D74090" s="14" t="s">
        <v>380</v>
      </c>
      <c r="E74090" s="15">
        <v>45736</v>
      </c>
      <c r="F74090" s="14" t="s">
        <v>15</v>
      </c>
      <c r="G74090" s="16">
        <v>4.9147433118897359</v>
      </c>
    </row>
    <row r="74091" spans="1:7" x14ac:dyDescent="0.3">
      <c r="A74091" s="13" t="s">
        <v>379</v>
      </c>
      <c r="B74091" s="14" t="s">
        <v>1</v>
      </c>
      <c r="C74091" s="14" t="s">
        <v>23</v>
      </c>
      <c r="D74091" s="14" t="s">
        <v>380</v>
      </c>
      <c r="E74091" s="15">
        <v>45737</v>
      </c>
      <c r="F74091" s="14" t="s">
        <v>15</v>
      </c>
      <c r="G74091" s="16">
        <v>4.927696599960588</v>
      </c>
    </row>
    <row r="74092" spans="1:7" x14ac:dyDescent="0.3">
      <c r="A74092" s="13" t="s">
        <v>379</v>
      </c>
      <c r="B74092" s="14" t="s">
        <v>1</v>
      </c>
      <c r="C74092" s="14" t="s">
        <v>23</v>
      </c>
      <c r="D74092" s="14" t="s">
        <v>380</v>
      </c>
      <c r="E74092" s="15">
        <v>45738</v>
      </c>
      <c r="F74092" s="14" t="s">
        <v>15</v>
      </c>
      <c r="G74092" s="16">
        <v>4.927696599960588</v>
      </c>
    </row>
    <row r="74093" spans="1:7" x14ac:dyDescent="0.3">
      <c r="A74093" s="13" t="s">
        <v>379</v>
      </c>
      <c r="B74093" s="14" t="s">
        <v>1</v>
      </c>
      <c r="C74093" s="14" t="s">
        <v>23</v>
      </c>
      <c r="D74093" s="14" t="s">
        <v>380</v>
      </c>
      <c r="E74093" s="15">
        <v>45739</v>
      </c>
      <c r="F74093" s="14" t="s">
        <v>15</v>
      </c>
      <c r="G74093" s="16">
        <v>4.927696599960588</v>
      </c>
    </row>
    <row r="74094" spans="1:7" x14ac:dyDescent="0.3">
      <c r="A74094" s="13" t="s">
        <v>379</v>
      </c>
      <c r="B74094" s="14" t="s">
        <v>1</v>
      </c>
      <c r="C74094" s="14" t="s">
        <v>23</v>
      </c>
      <c r="D74094" s="14" t="s">
        <v>380</v>
      </c>
      <c r="E74094" s="15">
        <v>45740</v>
      </c>
      <c r="F74094" s="14" t="s">
        <v>15</v>
      </c>
      <c r="G74094" s="16">
        <v>4.9417029702232211</v>
      </c>
    </row>
    <row r="74095" spans="1:7" x14ac:dyDescent="0.3">
      <c r="A74095" s="13" t="s">
        <v>379</v>
      </c>
      <c r="B74095" s="14" t="s">
        <v>1</v>
      </c>
      <c r="C74095" s="14" t="s">
        <v>23</v>
      </c>
      <c r="D74095" s="14" t="s">
        <v>380</v>
      </c>
      <c r="E74095" s="15">
        <v>45741</v>
      </c>
      <c r="F74095" s="14" t="s">
        <v>15</v>
      </c>
      <c r="G74095" s="16">
        <v>4.9838600254173606</v>
      </c>
    </row>
    <row r="74096" spans="1:7" x14ac:dyDescent="0.3">
      <c r="A74096" s="13" t="s">
        <v>379</v>
      </c>
      <c r="B74096" s="14" t="s">
        <v>1</v>
      </c>
      <c r="C74096" s="14" t="s">
        <v>23</v>
      </c>
      <c r="D74096" s="14" t="s">
        <v>380</v>
      </c>
      <c r="E74096" s="15">
        <v>45742</v>
      </c>
      <c r="F74096" s="14" t="s">
        <v>15</v>
      </c>
      <c r="G74096" s="16">
        <v>4.9978321491046511</v>
      </c>
    </row>
    <row r="74097" spans="1:7" x14ac:dyDescent="0.3">
      <c r="A74097" s="13" t="s">
        <v>379</v>
      </c>
      <c r="B74097" s="14" t="s">
        <v>1</v>
      </c>
      <c r="C74097" s="14" t="s">
        <v>23</v>
      </c>
      <c r="D74097" s="14" t="s">
        <v>380</v>
      </c>
      <c r="E74097" s="15">
        <v>45743</v>
      </c>
      <c r="F74097" s="14" t="s">
        <v>15</v>
      </c>
      <c r="G74097" s="16">
        <v>5.0120183138878325</v>
      </c>
    </row>
    <row r="74098" spans="1:7" x14ac:dyDescent="0.3">
      <c r="A74098" s="13" t="s">
        <v>379</v>
      </c>
      <c r="B74098" s="14" t="s">
        <v>1</v>
      </c>
      <c r="C74098" s="14" t="s">
        <v>23</v>
      </c>
      <c r="D74098" s="14" t="s">
        <v>380</v>
      </c>
      <c r="E74098" s="15">
        <v>45744</v>
      </c>
      <c r="F74098" s="14" t="s">
        <v>15</v>
      </c>
      <c r="G74098" s="16">
        <v>5.0259647526436151</v>
      </c>
    </row>
    <row r="74099" spans="1:7" x14ac:dyDescent="0.3">
      <c r="A74099" s="13" t="s">
        <v>379</v>
      </c>
      <c r="B74099" s="14" t="s">
        <v>1</v>
      </c>
      <c r="C74099" s="14" t="s">
        <v>23</v>
      </c>
      <c r="D74099" s="14" t="s">
        <v>380</v>
      </c>
      <c r="E74099" s="15">
        <v>45745</v>
      </c>
      <c r="F74099" s="14" t="s">
        <v>15</v>
      </c>
      <c r="G74099" s="16">
        <v>5.0259647526436151</v>
      </c>
    </row>
    <row r="74100" spans="1:7" x14ac:dyDescent="0.3">
      <c r="A74100" s="13" t="s">
        <v>379</v>
      </c>
      <c r="B74100" s="14" t="s">
        <v>1</v>
      </c>
      <c r="C74100" s="14" t="s">
        <v>23</v>
      </c>
      <c r="D74100" s="14" t="s">
        <v>380</v>
      </c>
      <c r="E74100" s="15">
        <v>45746</v>
      </c>
      <c r="F74100" s="14" t="s">
        <v>15</v>
      </c>
      <c r="G74100" s="16">
        <v>5.0259647526436151</v>
      </c>
    </row>
    <row r="74101" spans="1:7" x14ac:dyDescent="0.3">
      <c r="A74101" s="13" t="s">
        <v>379</v>
      </c>
      <c r="B74101" s="14" t="s">
        <v>1</v>
      </c>
      <c r="C74101" s="14" t="s">
        <v>23</v>
      </c>
      <c r="D74101" s="14" t="s">
        <v>380</v>
      </c>
      <c r="E74101" s="15">
        <v>45747</v>
      </c>
      <c r="F74101" s="14" t="s">
        <v>15</v>
      </c>
      <c r="G74101" s="16">
        <v>5.0397998900295358</v>
      </c>
    </row>
    <row r="74102" spans="1:7" x14ac:dyDescent="0.3">
      <c r="A74102" s="13" t="s">
        <v>381</v>
      </c>
      <c r="B74102" s="14" t="s">
        <v>1</v>
      </c>
      <c r="C74102" s="14" t="s">
        <v>23</v>
      </c>
      <c r="D74102" s="14" t="s">
        <v>382</v>
      </c>
      <c r="E74102" s="15">
        <v>45383</v>
      </c>
      <c r="F74102" s="14" t="s">
        <v>61</v>
      </c>
      <c r="G74102" s="16">
        <v>0</v>
      </c>
    </row>
    <row r="74103" spans="1:7" x14ac:dyDescent="0.3">
      <c r="A74103" s="13" t="s">
        <v>381</v>
      </c>
      <c r="B74103" s="14" t="s">
        <v>1</v>
      </c>
      <c r="C74103" s="14" t="s">
        <v>23</v>
      </c>
      <c r="D74103" s="14" t="s">
        <v>382</v>
      </c>
      <c r="E74103" s="15">
        <v>45384</v>
      </c>
      <c r="F74103" s="14" t="s">
        <v>61</v>
      </c>
      <c r="G74103" s="16">
        <v>0</v>
      </c>
    </row>
    <row r="74104" spans="1:7" x14ac:dyDescent="0.3">
      <c r="A74104" s="13" t="s">
        <v>381</v>
      </c>
      <c r="B74104" s="14" t="s">
        <v>1</v>
      </c>
      <c r="C74104" s="14" t="s">
        <v>23</v>
      </c>
      <c r="D74104" s="14" t="s">
        <v>382</v>
      </c>
      <c r="E74104" s="15">
        <v>45385</v>
      </c>
      <c r="F74104" s="14" t="s">
        <v>61</v>
      </c>
      <c r="G74104" s="16">
        <v>6.0233177032199492E-2</v>
      </c>
    </row>
    <row r="74105" spans="1:7" x14ac:dyDescent="0.3">
      <c r="A74105" s="13" t="s">
        <v>381</v>
      </c>
      <c r="B74105" s="14" t="s">
        <v>1</v>
      </c>
      <c r="C74105" s="14" t="s">
        <v>23</v>
      </c>
      <c r="D74105" s="14" t="s">
        <v>382</v>
      </c>
      <c r="E74105" s="15">
        <v>45386</v>
      </c>
      <c r="F74105" s="14" t="s">
        <v>61</v>
      </c>
      <c r="G74105" s="16">
        <v>7.4988076338209933E-2</v>
      </c>
    </row>
    <row r="74106" spans="1:7" x14ac:dyDescent="0.3">
      <c r="A74106" s="13" t="s">
        <v>381</v>
      </c>
      <c r="B74106" s="14" t="s">
        <v>1</v>
      </c>
      <c r="C74106" s="14" t="s">
        <v>23</v>
      </c>
      <c r="D74106" s="14" t="s">
        <v>382</v>
      </c>
      <c r="E74106" s="15">
        <v>45387</v>
      </c>
      <c r="F74106" s="14" t="s">
        <v>61</v>
      </c>
      <c r="G74106" s="16">
        <v>9.9256388143632773E-2</v>
      </c>
    </row>
    <row r="74107" spans="1:7" x14ac:dyDescent="0.3">
      <c r="A74107" s="13" t="s">
        <v>381</v>
      </c>
      <c r="B74107" s="14" t="s">
        <v>1</v>
      </c>
      <c r="C74107" s="14" t="s">
        <v>23</v>
      </c>
      <c r="D74107" s="14" t="s">
        <v>382</v>
      </c>
      <c r="E74107" s="15">
        <v>45388</v>
      </c>
      <c r="F74107" s="14" t="s">
        <v>61</v>
      </c>
      <c r="G74107" s="16">
        <v>9.9256388143632773E-2</v>
      </c>
    </row>
    <row r="74108" spans="1:7" x14ac:dyDescent="0.3">
      <c r="A74108" s="13" t="s">
        <v>381</v>
      </c>
      <c r="B74108" s="14" t="s">
        <v>1</v>
      </c>
      <c r="C74108" s="14" t="s">
        <v>23</v>
      </c>
      <c r="D74108" s="14" t="s">
        <v>382</v>
      </c>
      <c r="E74108" s="15">
        <v>45389</v>
      </c>
      <c r="F74108" s="14" t="s">
        <v>61</v>
      </c>
      <c r="G74108" s="16">
        <v>9.9256388143632773E-2</v>
      </c>
    </row>
    <row r="74109" spans="1:7" x14ac:dyDescent="0.3">
      <c r="A74109" s="13" t="s">
        <v>381</v>
      </c>
      <c r="B74109" s="14" t="s">
        <v>1</v>
      </c>
      <c r="C74109" s="14" t="s">
        <v>23</v>
      </c>
      <c r="D74109" s="14" t="s">
        <v>382</v>
      </c>
      <c r="E74109" s="15">
        <v>45390</v>
      </c>
      <c r="F74109" s="14" t="s">
        <v>61</v>
      </c>
      <c r="G74109" s="16">
        <v>0.11211090083496893</v>
      </c>
    </row>
    <row r="74110" spans="1:7" x14ac:dyDescent="0.3">
      <c r="A74110" s="13" t="s">
        <v>381</v>
      </c>
      <c r="B74110" s="14" t="s">
        <v>1</v>
      </c>
      <c r="C74110" s="14" t="s">
        <v>23</v>
      </c>
      <c r="D74110" s="14" t="s">
        <v>382</v>
      </c>
      <c r="E74110" s="15">
        <v>45391</v>
      </c>
      <c r="F74110" s="14" t="s">
        <v>61</v>
      </c>
      <c r="G74110" s="16">
        <v>0.15108597950873381</v>
      </c>
    </row>
    <row r="74111" spans="1:7" x14ac:dyDescent="0.3">
      <c r="A74111" s="13" t="s">
        <v>381</v>
      </c>
      <c r="B74111" s="14" t="s">
        <v>1</v>
      </c>
      <c r="C74111" s="14" t="s">
        <v>23</v>
      </c>
      <c r="D74111" s="14" t="s">
        <v>382</v>
      </c>
      <c r="E74111" s="15">
        <v>45392</v>
      </c>
      <c r="F74111" s="14" t="s">
        <v>61</v>
      </c>
      <c r="G74111" s="16">
        <v>0.16854708362771501</v>
      </c>
    </row>
    <row r="74112" spans="1:7" x14ac:dyDescent="0.3">
      <c r="A74112" s="13" t="s">
        <v>381</v>
      </c>
      <c r="B74112" s="14" t="s">
        <v>1</v>
      </c>
      <c r="C74112" s="14" t="s">
        <v>23</v>
      </c>
      <c r="D74112" s="14" t="s">
        <v>382</v>
      </c>
      <c r="E74112" s="15">
        <v>45393</v>
      </c>
      <c r="F74112" s="14" t="s">
        <v>61</v>
      </c>
      <c r="G74112" s="16">
        <v>0.18317966490153456</v>
      </c>
    </row>
    <row r="74113" spans="1:7" x14ac:dyDescent="0.3">
      <c r="A74113" s="13" t="s">
        <v>381</v>
      </c>
      <c r="B74113" s="14" t="s">
        <v>1</v>
      </c>
      <c r="C74113" s="14" t="s">
        <v>23</v>
      </c>
      <c r="D74113" s="14" t="s">
        <v>382</v>
      </c>
      <c r="E74113" s="15">
        <v>45394</v>
      </c>
      <c r="F74113" s="14" t="s">
        <v>61</v>
      </c>
      <c r="G74113" s="16">
        <v>0.19776181826281944</v>
      </c>
    </row>
    <row r="74114" spans="1:7" x14ac:dyDescent="0.3">
      <c r="A74114" s="13" t="s">
        <v>381</v>
      </c>
      <c r="B74114" s="14" t="s">
        <v>1</v>
      </c>
      <c r="C74114" s="14" t="s">
        <v>23</v>
      </c>
      <c r="D74114" s="14" t="s">
        <v>382</v>
      </c>
      <c r="E74114" s="15">
        <v>45395</v>
      </c>
      <c r="F74114" s="14" t="s">
        <v>61</v>
      </c>
      <c r="G74114" s="16">
        <v>0.19776181826281944</v>
      </c>
    </row>
    <row r="74115" spans="1:7" x14ac:dyDescent="0.3">
      <c r="A74115" s="13" t="s">
        <v>381</v>
      </c>
      <c r="B74115" s="14" t="s">
        <v>1</v>
      </c>
      <c r="C74115" s="14" t="s">
        <v>23</v>
      </c>
      <c r="D74115" s="14" t="s">
        <v>382</v>
      </c>
      <c r="E74115" s="15">
        <v>45396</v>
      </c>
      <c r="F74115" s="14" t="s">
        <v>61</v>
      </c>
      <c r="G74115" s="16">
        <v>0.19776181826281944</v>
      </c>
    </row>
    <row r="74116" spans="1:7" x14ac:dyDescent="0.3">
      <c r="A74116" s="13" t="s">
        <v>381</v>
      </c>
      <c r="B74116" s="14" t="s">
        <v>1</v>
      </c>
      <c r="C74116" s="14" t="s">
        <v>23</v>
      </c>
      <c r="D74116" s="14" t="s">
        <v>382</v>
      </c>
      <c r="E74116" s="15">
        <v>45397</v>
      </c>
      <c r="F74116" s="14" t="s">
        <v>61</v>
      </c>
      <c r="G74116" s="16">
        <v>0.21245936849352115</v>
      </c>
    </row>
    <row r="74117" spans="1:7" x14ac:dyDescent="0.3">
      <c r="A74117" s="13" t="s">
        <v>381</v>
      </c>
      <c r="B74117" s="14" t="s">
        <v>1</v>
      </c>
      <c r="C74117" s="14" t="s">
        <v>23</v>
      </c>
      <c r="D74117" s="14" t="s">
        <v>382</v>
      </c>
      <c r="E74117" s="15">
        <v>45398</v>
      </c>
      <c r="F74117" s="14" t="s">
        <v>61</v>
      </c>
      <c r="G74117" s="16">
        <v>0.25102519668569334</v>
      </c>
    </row>
    <row r="74118" spans="1:7" x14ac:dyDescent="0.3">
      <c r="A74118" s="13" t="s">
        <v>381</v>
      </c>
      <c r="B74118" s="14" t="s">
        <v>1</v>
      </c>
      <c r="C74118" s="14" t="s">
        <v>23</v>
      </c>
      <c r="D74118" s="14" t="s">
        <v>382</v>
      </c>
      <c r="E74118" s="15">
        <v>45399</v>
      </c>
      <c r="F74118" s="14" t="s">
        <v>61</v>
      </c>
      <c r="G74118" s="16">
        <v>0.2625338735741935</v>
      </c>
    </row>
    <row r="74119" spans="1:7" x14ac:dyDescent="0.3">
      <c r="A74119" s="13" t="s">
        <v>381</v>
      </c>
      <c r="B74119" s="14" t="s">
        <v>1</v>
      </c>
      <c r="C74119" s="14" t="s">
        <v>23</v>
      </c>
      <c r="D74119" s="14" t="s">
        <v>382</v>
      </c>
      <c r="E74119" s="15">
        <v>45400</v>
      </c>
      <c r="F74119" s="14" t="s">
        <v>61</v>
      </c>
      <c r="G74119" s="16">
        <v>0.27609199519067051</v>
      </c>
    </row>
    <row r="74120" spans="1:7" x14ac:dyDescent="0.3">
      <c r="A74120" s="13" t="s">
        <v>381</v>
      </c>
      <c r="B74120" s="14" t="s">
        <v>1</v>
      </c>
      <c r="C74120" s="14" t="s">
        <v>23</v>
      </c>
      <c r="D74120" s="14" t="s">
        <v>382</v>
      </c>
      <c r="E74120" s="15">
        <v>45401</v>
      </c>
      <c r="F74120" s="14" t="s">
        <v>61</v>
      </c>
      <c r="G74120" s="16">
        <v>0.28866763072286511</v>
      </c>
    </row>
    <row r="74121" spans="1:7" x14ac:dyDescent="0.3">
      <c r="A74121" s="13" t="s">
        <v>381</v>
      </c>
      <c r="B74121" s="14" t="s">
        <v>1</v>
      </c>
      <c r="C74121" s="14" t="s">
        <v>23</v>
      </c>
      <c r="D74121" s="14" t="s">
        <v>382</v>
      </c>
      <c r="E74121" s="15">
        <v>45402</v>
      </c>
      <c r="F74121" s="14" t="s">
        <v>61</v>
      </c>
      <c r="G74121" s="16">
        <v>0.28866763072286511</v>
      </c>
    </row>
    <row r="74122" spans="1:7" x14ac:dyDescent="0.3">
      <c r="A74122" s="13" t="s">
        <v>381</v>
      </c>
      <c r="B74122" s="14" t="s">
        <v>1</v>
      </c>
      <c r="C74122" s="14" t="s">
        <v>23</v>
      </c>
      <c r="D74122" s="14" t="s">
        <v>382</v>
      </c>
      <c r="E74122" s="15">
        <v>45403</v>
      </c>
      <c r="F74122" s="14" t="s">
        <v>61</v>
      </c>
      <c r="G74122" s="16">
        <v>0.28866763072286511</v>
      </c>
    </row>
    <row r="74123" spans="1:7" x14ac:dyDescent="0.3">
      <c r="A74123" s="13" t="s">
        <v>381</v>
      </c>
      <c r="B74123" s="14" t="s">
        <v>1</v>
      </c>
      <c r="C74123" s="14" t="s">
        <v>23</v>
      </c>
      <c r="D74123" s="14" t="s">
        <v>382</v>
      </c>
      <c r="E74123" s="15">
        <v>45404</v>
      </c>
      <c r="F74123" s="14" t="s">
        <v>61</v>
      </c>
      <c r="G74123" s="16">
        <v>0.30800474926517285</v>
      </c>
    </row>
    <row r="74124" spans="1:7" x14ac:dyDescent="0.3">
      <c r="A74124" s="13" t="s">
        <v>381</v>
      </c>
      <c r="B74124" s="14" t="s">
        <v>1</v>
      </c>
      <c r="C74124" s="14" t="s">
        <v>23</v>
      </c>
      <c r="D74124" s="14" t="s">
        <v>382</v>
      </c>
      <c r="E74124" s="15">
        <v>45405</v>
      </c>
      <c r="F74124" s="14" t="s">
        <v>61</v>
      </c>
      <c r="G74124" s="16">
        <v>0.33915977609217351</v>
      </c>
    </row>
    <row r="74125" spans="1:7" x14ac:dyDescent="0.3">
      <c r="A74125" s="13" t="s">
        <v>381</v>
      </c>
      <c r="B74125" s="14" t="s">
        <v>1</v>
      </c>
      <c r="C74125" s="14" t="s">
        <v>23</v>
      </c>
      <c r="D74125" s="14" t="s">
        <v>382</v>
      </c>
      <c r="E74125" s="15">
        <v>45406</v>
      </c>
      <c r="F74125" s="14" t="s">
        <v>61</v>
      </c>
      <c r="G74125" s="16">
        <v>0.34952524915054756</v>
      </c>
    </row>
    <row r="74126" spans="1:7" x14ac:dyDescent="0.3">
      <c r="A74126" s="13" t="s">
        <v>381</v>
      </c>
      <c r="B74126" s="14" t="s">
        <v>1</v>
      </c>
      <c r="C74126" s="14" t="s">
        <v>23</v>
      </c>
      <c r="D74126" s="14" t="s">
        <v>382</v>
      </c>
      <c r="E74126" s="15">
        <v>45407</v>
      </c>
      <c r="F74126" s="14" t="s">
        <v>61</v>
      </c>
      <c r="G74126" s="16">
        <v>0.31652331507527298</v>
      </c>
    </row>
    <row r="74127" spans="1:7" x14ac:dyDescent="0.3">
      <c r="A74127" s="13" t="s">
        <v>381</v>
      </c>
      <c r="B74127" s="14" t="s">
        <v>1</v>
      </c>
      <c r="C74127" s="14" t="s">
        <v>23</v>
      </c>
      <c r="D74127" s="14" t="s">
        <v>382</v>
      </c>
      <c r="E74127" s="15">
        <v>45408</v>
      </c>
      <c r="F74127" s="14" t="s">
        <v>61</v>
      </c>
      <c r="G74127" s="16">
        <v>0.32928593784729038</v>
      </c>
    </row>
    <row r="74128" spans="1:7" x14ac:dyDescent="0.3">
      <c r="A74128" s="13" t="s">
        <v>381</v>
      </c>
      <c r="B74128" s="14" t="s">
        <v>1</v>
      </c>
      <c r="C74128" s="14" t="s">
        <v>23</v>
      </c>
      <c r="D74128" s="14" t="s">
        <v>382</v>
      </c>
      <c r="E74128" s="15">
        <v>45409</v>
      </c>
      <c r="F74128" s="14" t="s">
        <v>61</v>
      </c>
      <c r="G74128" s="16">
        <v>0.32928593784729038</v>
      </c>
    </row>
    <row r="74129" spans="1:7" x14ac:dyDescent="0.3">
      <c r="A74129" s="13" t="s">
        <v>381</v>
      </c>
      <c r="B74129" s="14" t="s">
        <v>1</v>
      </c>
      <c r="C74129" s="14" t="s">
        <v>23</v>
      </c>
      <c r="D74129" s="14" t="s">
        <v>382</v>
      </c>
      <c r="E74129" s="15">
        <v>45410</v>
      </c>
      <c r="F74129" s="14" t="s">
        <v>61</v>
      </c>
      <c r="G74129" s="16">
        <v>0.32928593784729038</v>
      </c>
    </row>
    <row r="74130" spans="1:7" x14ac:dyDescent="0.3">
      <c r="A74130" s="13" t="s">
        <v>381</v>
      </c>
      <c r="B74130" s="14" t="s">
        <v>1</v>
      </c>
      <c r="C74130" s="14" t="s">
        <v>23</v>
      </c>
      <c r="D74130" s="14" t="s">
        <v>382</v>
      </c>
      <c r="E74130" s="15">
        <v>45411</v>
      </c>
      <c r="F74130" s="14" t="s">
        <v>61</v>
      </c>
      <c r="G74130" s="16">
        <v>0.34172016531414157</v>
      </c>
    </row>
    <row r="74131" spans="1:7" x14ac:dyDescent="0.3">
      <c r="A74131" s="13" t="s">
        <v>381</v>
      </c>
      <c r="B74131" s="14" t="s">
        <v>1</v>
      </c>
      <c r="C74131" s="14" t="s">
        <v>23</v>
      </c>
      <c r="D74131" s="14" t="s">
        <v>382</v>
      </c>
      <c r="E74131" s="15">
        <v>45412</v>
      </c>
      <c r="F74131" s="14" t="s">
        <v>61</v>
      </c>
      <c r="G74131" s="16">
        <v>0.38343162758498561</v>
      </c>
    </row>
    <row r="74132" spans="1:7" x14ac:dyDescent="0.3">
      <c r="A74132" s="13" t="s">
        <v>381</v>
      </c>
      <c r="B74132" s="14" t="s">
        <v>1</v>
      </c>
      <c r="C74132" s="14" t="s">
        <v>23</v>
      </c>
      <c r="D74132" s="14" t="s">
        <v>382</v>
      </c>
      <c r="E74132" s="15">
        <v>45413</v>
      </c>
      <c r="F74132" s="14" t="s">
        <v>61</v>
      </c>
      <c r="G74132" s="16">
        <v>0.39497350415261251</v>
      </c>
    </row>
    <row r="74133" spans="1:7" x14ac:dyDescent="0.3">
      <c r="A74133" s="13" t="s">
        <v>381</v>
      </c>
      <c r="B74133" s="14" t="s">
        <v>1</v>
      </c>
      <c r="C74133" s="14" t="s">
        <v>23</v>
      </c>
      <c r="D74133" s="14" t="s">
        <v>382</v>
      </c>
      <c r="E74133" s="15">
        <v>45414</v>
      </c>
      <c r="F74133" s="14" t="s">
        <v>61</v>
      </c>
      <c r="G74133" s="16">
        <v>0.40792881468031345</v>
      </c>
    </row>
    <row r="74134" spans="1:7" x14ac:dyDescent="0.3">
      <c r="A74134" s="13" t="s">
        <v>381</v>
      </c>
      <c r="B74134" s="14" t="s">
        <v>1</v>
      </c>
      <c r="C74134" s="14" t="s">
        <v>23</v>
      </c>
      <c r="D74134" s="14" t="s">
        <v>382</v>
      </c>
      <c r="E74134" s="15">
        <v>45415</v>
      </c>
      <c r="F74134" s="14" t="s">
        <v>61</v>
      </c>
      <c r="G74134" s="16">
        <v>0.41985052777594295</v>
      </c>
    </row>
    <row r="74135" spans="1:7" x14ac:dyDescent="0.3">
      <c r="A74135" s="13" t="s">
        <v>381</v>
      </c>
      <c r="B74135" s="14" t="s">
        <v>1</v>
      </c>
      <c r="C74135" s="14" t="s">
        <v>23</v>
      </c>
      <c r="D74135" s="14" t="s">
        <v>382</v>
      </c>
      <c r="E74135" s="15">
        <v>45416</v>
      </c>
      <c r="F74135" s="14" t="s">
        <v>61</v>
      </c>
      <c r="G74135" s="16">
        <v>0.41985052777594295</v>
      </c>
    </row>
    <row r="74136" spans="1:7" x14ac:dyDescent="0.3">
      <c r="A74136" s="13" t="s">
        <v>381</v>
      </c>
      <c r="B74136" s="14" t="s">
        <v>1</v>
      </c>
      <c r="C74136" s="14" t="s">
        <v>23</v>
      </c>
      <c r="D74136" s="14" t="s">
        <v>382</v>
      </c>
      <c r="E74136" s="15">
        <v>45417</v>
      </c>
      <c r="F74136" s="14" t="s">
        <v>61</v>
      </c>
      <c r="G74136" s="16">
        <v>0.41985052777594295</v>
      </c>
    </row>
    <row r="74137" spans="1:7" x14ac:dyDescent="0.3">
      <c r="A74137" s="13" t="s">
        <v>381</v>
      </c>
      <c r="B74137" s="14" t="s">
        <v>1</v>
      </c>
      <c r="C74137" s="14" t="s">
        <v>23</v>
      </c>
      <c r="D74137" s="14" t="s">
        <v>382</v>
      </c>
      <c r="E74137" s="15">
        <v>45418</v>
      </c>
      <c r="F74137" s="14" t="s">
        <v>61</v>
      </c>
      <c r="G74137" s="16">
        <v>0.41985052777594295</v>
      </c>
    </row>
    <row r="74138" spans="1:7" x14ac:dyDescent="0.3">
      <c r="A74138" s="13" t="s">
        <v>381</v>
      </c>
      <c r="B74138" s="14" t="s">
        <v>1</v>
      </c>
      <c r="C74138" s="14" t="s">
        <v>23</v>
      </c>
      <c r="D74138" s="14" t="s">
        <v>382</v>
      </c>
      <c r="E74138" s="15">
        <v>45419</v>
      </c>
      <c r="F74138" s="14" t="s">
        <v>61</v>
      </c>
      <c r="G74138" s="16">
        <v>0.43268772566101871</v>
      </c>
    </row>
    <row r="74139" spans="1:7" x14ac:dyDescent="0.3">
      <c r="A74139" s="13" t="s">
        <v>381</v>
      </c>
      <c r="B74139" s="14" t="s">
        <v>1</v>
      </c>
      <c r="C74139" s="14" t="s">
        <v>23</v>
      </c>
      <c r="D74139" s="14" t="s">
        <v>382</v>
      </c>
      <c r="E74139" s="15">
        <v>45420</v>
      </c>
      <c r="F74139" s="14" t="s">
        <v>61</v>
      </c>
      <c r="G74139" s="16">
        <v>0.49946561454720584</v>
      </c>
    </row>
    <row r="74140" spans="1:7" x14ac:dyDescent="0.3">
      <c r="A74140" s="13" t="s">
        <v>381</v>
      </c>
      <c r="B74140" s="14" t="s">
        <v>1</v>
      </c>
      <c r="C74140" s="14" t="s">
        <v>23</v>
      </c>
      <c r="D74140" s="14" t="s">
        <v>382</v>
      </c>
      <c r="E74140" s="15">
        <v>45421</v>
      </c>
      <c r="F74140" s="14" t="s">
        <v>61</v>
      </c>
      <c r="G74140" s="16">
        <v>0.51122330587815612</v>
      </c>
    </row>
    <row r="74141" spans="1:7" x14ac:dyDescent="0.3">
      <c r="A74141" s="13" t="s">
        <v>381</v>
      </c>
      <c r="B74141" s="14" t="s">
        <v>1</v>
      </c>
      <c r="C74141" s="14" t="s">
        <v>23</v>
      </c>
      <c r="D74141" s="14" t="s">
        <v>382</v>
      </c>
      <c r="E74141" s="15">
        <v>45422</v>
      </c>
      <c r="F74141" s="14" t="s">
        <v>61</v>
      </c>
      <c r="G74141" s="16">
        <v>0.52477405992061232</v>
      </c>
    </row>
    <row r="74142" spans="1:7" x14ac:dyDescent="0.3">
      <c r="A74142" s="13" t="s">
        <v>381</v>
      </c>
      <c r="B74142" s="14" t="s">
        <v>1</v>
      </c>
      <c r="C74142" s="14" t="s">
        <v>23</v>
      </c>
      <c r="D74142" s="14" t="s">
        <v>382</v>
      </c>
      <c r="E74142" s="15">
        <v>45423</v>
      </c>
      <c r="F74142" s="14" t="s">
        <v>61</v>
      </c>
      <c r="G74142" s="16">
        <v>0.52477405992061232</v>
      </c>
    </row>
    <row r="74143" spans="1:7" x14ac:dyDescent="0.3">
      <c r="A74143" s="13" t="s">
        <v>381</v>
      </c>
      <c r="B74143" s="14" t="s">
        <v>1</v>
      </c>
      <c r="C74143" s="14" t="s">
        <v>23</v>
      </c>
      <c r="D74143" s="14" t="s">
        <v>382</v>
      </c>
      <c r="E74143" s="15">
        <v>45424</v>
      </c>
      <c r="F74143" s="14" t="s">
        <v>61</v>
      </c>
      <c r="G74143" s="16">
        <v>0.52477405992061232</v>
      </c>
    </row>
    <row r="74144" spans="1:7" x14ac:dyDescent="0.3">
      <c r="A74144" s="13" t="s">
        <v>381</v>
      </c>
      <c r="B74144" s="14" t="s">
        <v>1</v>
      </c>
      <c r="C74144" s="14" t="s">
        <v>23</v>
      </c>
      <c r="D74144" s="14" t="s">
        <v>382</v>
      </c>
      <c r="E74144" s="15">
        <v>45425</v>
      </c>
      <c r="F74144" s="14" t="s">
        <v>61</v>
      </c>
      <c r="G74144" s="16">
        <v>0.53763009743569834</v>
      </c>
    </row>
    <row r="74145" spans="1:7" x14ac:dyDescent="0.3">
      <c r="A74145" s="13" t="s">
        <v>381</v>
      </c>
      <c r="B74145" s="14" t="s">
        <v>1</v>
      </c>
      <c r="C74145" s="14" t="s">
        <v>23</v>
      </c>
      <c r="D74145" s="14" t="s">
        <v>382</v>
      </c>
      <c r="E74145" s="15">
        <v>45426</v>
      </c>
      <c r="F74145" s="14" t="s">
        <v>61</v>
      </c>
      <c r="G74145" s="16">
        <v>0.57682193260920034</v>
      </c>
    </row>
    <row r="74146" spans="1:7" x14ac:dyDescent="0.3">
      <c r="A74146" s="13" t="s">
        <v>381</v>
      </c>
      <c r="B74146" s="14" t="s">
        <v>1</v>
      </c>
      <c r="C74146" s="14" t="s">
        <v>23</v>
      </c>
      <c r="D74146" s="14" t="s">
        <v>382</v>
      </c>
      <c r="E74146" s="15">
        <v>45427</v>
      </c>
      <c r="F74146" s="14" t="s">
        <v>61</v>
      </c>
      <c r="G74146" s="16">
        <v>0.58647155809543605</v>
      </c>
    </row>
    <row r="74147" spans="1:7" x14ac:dyDescent="0.3">
      <c r="A74147" s="13" t="s">
        <v>381</v>
      </c>
      <c r="B74147" s="14" t="s">
        <v>1</v>
      </c>
      <c r="C74147" s="14" t="s">
        <v>23</v>
      </c>
      <c r="D74147" s="14" t="s">
        <v>382</v>
      </c>
      <c r="E74147" s="15">
        <v>45428</v>
      </c>
      <c r="F74147" s="14" t="s">
        <v>61</v>
      </c>
      <c r="G74147" s="16">
        <v>0.60064316405346718</v>
      </c>
    </row>
    <row r="74148" spans="1:7" x14ac:dyDescent="0.3">
      <c r="A74148" s="13" t="s">
        <v>381</v>
      </c>
      <c r="B74148" s="14" t="s">
        <v>1</v>
      </c>
      <c r="C74148" s="14" t="s">
        <v>23</v>
      </c>
      <c r="D74148" s="14" t="s">
        <v>382</v>
      </c>
      <c r="E74148" s="15">
        <v>45429</v>
      </c>
      <c r="F74148" s="14" t="s">
        <v>61</v>
      </c>
      <c r="G74148" s="16">
        <v>0.61367698378098323</v>
      </c>
    </row>
    <row r="74149" spans="1:7" x14ac:dyDescent="0.3">
      <c r="A74149" s="13" t="s">
        <v>381</v>
      </c>
      <c r="B74149" s="14" t="s">
        <v>1</v>
      </c>
      <c r="C74149" s="14" t="s">
        <v>23</v>
      </c>
      <c r="D74149" s="14" t="s">
        <v>382</v>
      </c>
      <c r="E74149" s="15">
        <v>45430</v>
      </c>
      <c r="F74149" s="14" t="s">
        <v>61</v>
      </c>
      <c r="G74149" s="16">
        <v>0.61367698378098323</v>
      </c>
    </row>
    <row r="74150" spans="1:7" x14ac:dyDescent="0.3">
      <c r="A74150" s="13" t="s">
        <v>381</v>
      </c>
      <c r="B74150" s="14" t="s">
        <v>1</v>
      </c>
      <c r="C74150" s="14" t="s">
        <v>23</v>
      </c>
      <c r="D74150" s="14" t="s">
        <v>382</v>
      </c>
      <c r="E74150" s="15">
        <v>45431</v>
      </c>
      <c r="F74150" s="14" t="s">
        <v>61</v>
      </c>
      <c r="G74150" s="16">
        <v>0.61367698378098323</v>
      </c>
    </row>
    <row r="74151" spans="1:7" x14ac:dyDescent="0.3">
      <c r="A74151" s="13" t="s">
        <v>381</v>
      </c>
      <c r="B74151" s="14" t="s">
        <v>1</v>
      </c>
      <c r="C74151" s="14" t="s">
        <v>23</v>
      </c>
      <c r="D74151" s="14" t="s">
        <v>382</v>
      </c>
      <c r="E74151" s="15">
        <v>45432</v>
      </c>
      <c r="F74151" s="14" t="s">
        <v>61</v>
      </c>
      <c r="G74151" s="16">
        <v>0.62804215866043922</v>
      </c>
    </row>
    <row r="74152" spans="1:7" x14ac:dyDescent="0.3">
      <c r="A74152" s="13" t="s">
        <v>381</v>
      </c>
      <c r="B74152" s="14" t="s">
        <v>1</v>
      </c>
      <c r="C74152" s="14" t="s">
        <v>23</v>
      </c>
      <c r="D74152" s="14" t="s">
        <v>382</v>
      </c>
      <c r="E74152" s="15">
        <v>45433</v>
      </c>
      <c r="F74152" s="14" t="s">
        <v>61</v>
      </c>
      <c r="G74152" s="16">
        <v>0.66842036797595827</v>
      </c>
    </row>
    <row r="74153" spans="1:7" x14ac:dyDescent="0.3">
      <c r="A74153" s="13" t="s">
        <v>381</v>
      </c>
      <c r="B74153" s="14" t="s">
        <v>1</v>
      </c>
      <c r="C74153" s="14" t="s">
        <v>23</v>
      </c>
      <c r="D74153" s="14" t="s">
        <v>382</v>
      </c>
      <c r="E74153" s="15">
        <v>45434</v>
      </c>
      <c r="F74153" s="14" t="s">
        <v>61</v>
      </c>
      <c r="G74153" s="16">
        <v>0.68366901598728747</v>
      </c>
    </row>
    <row r="74154" spans="1:7" x14ac:dyDescent="0.3">
      <c r="A74154" s="13" t="s">
        <v>381</v>
      </c>
      <c r="B74154" s="14" t="s">
        <v>1</v>
      </c>
      <c r="C74154" s="14" t="s">
        <v>23</v>
      </c>
      <c r="D74154" s="14" t="s">
        <v>382</v>
      </c>
      <c r="E74154" s="15">
        <v>45435</v>
      </c>
      <c r="F74154" s="14" t="s">
        <v>61</v>
      </c>
      <c r="G74154" s="16">
        <v>0.69989569476464619</v>
      </c>
    </row>
    <row r="74155" spans="1:7" x14ac:dyDescent="0.3">
      <c r="A74155" s="13" t="s">
        <v>381</v>
      </c>
      <c r="B74155" s="14" t="s">
        <v>1</v>
      </c>
      <c r="C74155" s="14" t="s">
        <v>23</v>
      </c>
      <c r="D74155" s="14" t="s">
        <v>382</v>
      </c>
      <c r="E74155" s="15">
        <v>45436</v>
      </c>
      <c r="F74155" s="14" t="s">
        <v>61</v>
      </c>
      <c r="G74155" s="16">
        <v>0.71073760304275257</v>
      </c>
    </row>
    <row r="74156" spans="1:7" x14ac:dyDescent="0.3">
      <c r="A74156" s="13" t="s">
        <v>381</v>
      </c>
      <c r="B74156" s="14" t="s">
        <v>1</v>
      </c>
      <c r="C74156" s="14" t="s">
        <v>23</v>
      </c>
      <c r="D74156" s="14" t="s">
        <v>382</v>
      </c>
      <c r="E74156" s="15">
        <v>45437</v>
      </c>
      <c r="F74156" s="14" t="s">
        <v>61</v>
      </c>
      <c r="G74156" s="16">
        <v>0.71073760304275257</v>
      </c>
    </row>
    <row r="74157" spans="1:7" x14ac:dyDescent="0.3">
      <c r="A74157" s="13" t="s">
        <v>381</v>
      </c>
      <c r="B74157" s="14" t="s">
        <v>1</v>
      </c>
      <c r="C74157" s="14" t="s">
        <v>23</v>
      </c>
      <c r="D74157" s="14" t="s">
        <v>382</v>
      </c>
      <c r="E74157" s="15">
        <v>45438</v>
      </c>
      <c r="F74157" s="14" t="s">
        <v>61</v>
      </c>
      <c r="G74157" s="16">
        <v>0.71073760304275257</v>
      </c>
    </row>
    <row r="74158" spans="1:7" x14ac:dyDescent="0.3">
      <c r="A74158" s="13" t="s">
        <v>381</v>
      </c>
      <c r="B74158" s="14" t="s">
        <v>1</v>
      </c>
      <c r="C74158" s="14" t="s">
        <v>23</v>
      </c>
      <c r="D74158" s="14" t="s">
        <v>382</v>
      </c>
      <c r="E74158" s="15">
        <v>45439</v>
      </c>
      <c r="F74158" s="14" t="s">
        <v>61</v>
      </c>
      <c r="G74158" s="16">
        <v>0.71073760304275257</v>
      </c>
    </row>
    <row r="74159" spans="1:7" x14ac:dyDescent="0.3">
      <c r="A74159" s="13" t="s">
        <v>381</v>
      </c>
      <c r="B74159" s="14" t="s">
        <v>1</v>
      </c>
      <c r="C74159" s="14" t="s">
        <v>23</v>
      </c>
      <c r="D74159" s="14" t="s">
        <v>382</v>
      </c>
      <c r="E74159" s="15">
        <v>45440</v>
      </c>
      <c r="F74159" s="14" t="s">
        <v>61</v>
      </c>
      <c r="G74159" s="16">
        <v>0.7230813948166982</v>
      </c>
    </row>
    <row r="74160" spans="1:7" x14ac:dyDescent="0.3">
      <c r="A74160" s="13" t="s">
        <v>381</v>
      </c>
      <c r="B74160" s="14" t="s">
        <v>1</v>
      </c>
      <c r="C74160" s="14" t="s">
        <v>23</v>
      </c>
      <c r="D74160" s="14" t="s">
        <v>382</v>
      </c>
      <c r="E74160" s="15">
        <v>45441</v>
      </c>
      <c r="F74160" s="14" t="s">
        <v>61</v>
      </c>
      <c r="G74160" s="16">
        <v>0.77495557466240383</v>
      </c>
    </row>
    <row r="74161" spans="1:7" x14ac:dyDescent="0.3">
      <c r="A74161" s="13" t="s">
        <v>381</v>
      </c>
      <c r="B74161" s="14" t="s">
        <v>1</v>
      </c>
      <c r="C74161" s="14" t="s">
        <v>23</v>
      </c>
      <c r="D74161" s="14" t="s">
        <v>382</v>
      </c>
      <c r="E74161" s="15">
        <v>45442</v>
      </c>
      <c r="F74161" s="14" t="s">
        <v>61</v>
      </c>
      <c r="G74161" s="16">
        <v>0.78753135400377672</v>
      </c>
    </row>
    <row r="74162" spans="1:7" x14ac:dyDescent="0.3">
      <c r="A74162" s="13" t="s">
        <v>381</v>
      </c>
      <c r="B74162" s="14" t="s">
        <v>1</v>
      </c>
      <c r="C74162" s="14" t="s">
        <v>23</v>
      </c>
      <c r="D74162" s="14" t="s">
        <v>382</v>
      </c>
      <c r="E74162" s="15">
        <v>45443</v>
      </c>
      <c r="F74162" s="14" t="s">
        <v>61</v>
      </c>
      <c r="G74162" s="16">
        <v>0.79524858166100731</v>
      </c>
    </row>
    <row r="74163" spans="1:7" x14ac:dyDescent="0.3">
      <c r="A74163" s="13" t="s">
        <v>381</v>
      </c>
      <c r="B74163" s="14" t="s">
        <v>1</v>
      </c>
      <c r="C74163" s="14" t="s">
        <v>23</v>
      </c>
      <c r="D74163" s="14" t="s">
        <v>382</v>
      </c>
      <c r="E74163" s="15">
        <v>45444</v>
      </c>
      <c r="F74163" s="14" t="s">
        <v>61</v>
      </c>
      <c r="G74163" s="16">
        <v>0.79524858166100731</v>
      </c>
    </row>
    <row r="74164" spans="1:7" x14ac:dyDescent="0.3">
      <c r="A74164" s="13" t="s">
        <v>381</v>
      </c>
      <c r="B74164" s="14" t="s">
        <v>1</v>
      </c>
      <c r="C74164" s="14" t="s">
        <v>23</v>
      </c>
      <c r="D74164" s="14" t="s">
        <v>382</v>
      </c>
      <c r="E74164" s="15">
        <v>45445</v>
      </c>
      <c r="F74164" s="14" t="s">
        <v>61</v>
      </c>
      <c r="G74164" s="16">
        <v>0.79524858166100731</v>
      </c>
    </row>
    <row r="74165" spans="1:7" x14ac:dyDescent="0.3">
      <c r="A74165" s="13" t="s">
        <v>381</v>
      </c>
      <c r="B74165" s="14" t="s">
        <v>1</v>
      </c>
      <c r="C74165" s="14" t="s">
        <v>23</v>
      </c>
      <c r="D74165" s="14" t="s">
        <v>382</v>
      </c>
      <c r="E74165" s="15">
        <v>45446</v>
      </c>
      <c r="F74165" s="14" t="s">
        <v>61</v>
      </c>
      <c r="G74165" s="16">
        <v>0.79524858166100731</v>
      </c>
    </row>
    <row r="74166" spans="1:7" x14ac:dyDescent="0.3">
      <c r="A74166" s="13" t="s">
        <v>381</v>
      </c>
      <c r="B74166" s="14" t="s">
        <v>1</v>
      </c>
      <c r="C74166" s="14" t="s">
        <v>23</v>
      </c>
      <c r="D74166" s="14" t="s">
        <v>382</v>
      </c>
      <c r="E74166" s="15">
        <v>45447</v>
      </c>
      <c r="F74166" s="14" t="s">
        <v>61</v>
      </c>
      <c r="G74166" s="16">
        <v>0.80817930882486821</v>
      </c>
    </row>
    <row r="74167" spans="1:7" x14ac:dyDescent="0.3">
      <c r="A74167" s="13" t="s">
        <v>381</v>
      </c>
      <c r="B74167" s="14" t="s">
        <v>1</v>
      </c>
      <c r="C74167" s="14" t="s">
        <v>23</v>
      </c>
      <c r="D74167" s="14" t="s">
        <v>382</v>
      </c>
      <c r="E74167" s="15">
        <v>45448</v>
      </c>
      <c r="F74167" s="14" t="s">
        <v>61</v>
      </c>
      <c r="G74167" s="16">
        <v>0.86544246090638777</v>
      </c>
    </row>
    <row r="74168" spans="1:7" x14ac:dyDescent="0.3">
      <c r="A74168" s="13" t="s">
        <v>381</v>
      </c>
      <c r="B74168" s="14" t="s">
        <v>1</v>
      </c>
      <c r="C74168" s="14" t="s">
        <v>23</v>
      </c>
      <c r="D74168" s="14" t="s">
        <v>382</v>
      </c>
      <c r="E74168" s="15">
        <v>45449</v>
      </c>
      <c r="F74168" s="14" t="s">
        <v>61</v>
      </c>
      <c r="G74168" s="16">
        <v>0.8763590304431399</v>
      </c>
    </row>
    <row r="74169" spans="1:7" x14ac:dyDescent="0.3">
      <c r="A74169" s="13" t="s">
        <v>381</v>
      </c>
      <c r="B74169" s="14" t="s">
        <v>1</v>
      </c>
      <c r="C74169" s="14" t="s">
        <v>23</v>
      </c>
      <c r="D74169" s="14" t="s">
        <v>382</v>
      </c>
      <c r="E74169" s="15">
        <v>45450</v>
      </c>
      <c r="F74169" s="14" t="s">
        <v>61</v>
      </c>
      <c r="G74169" s="16">
        <v>0.91472915657168519</v>
      </c>
    </row>
    <row r="74170" spans="1:7" x14ac:dyDescent="0.3">
      <c r="A74170" s="13" t="s">
        <v>381</v>
      </c>
      <c r="B74170" s="14" t="s">
        <v>1</v>
      </c>
      <c r="C74170" s="14" t="s">
        <v>23</v>
      </c>
      <c r="D74170" s="14" t="s">
        <v>382</v>
      </c>
      <c r="E74170" s="15">
        <v>45451</v>
      </c>
      <c r="F74170" s="14" t="s">
        <v>61</v>
      </c>
      <c r="G74170" s="16">
        <v>0.91472915657168519</v>
      </c>
    </row>
    <row r="74171" spans="1:7" x14ac:dyDescent="0.3">
      <c r="A74171" s="13" t="s">
        <v>381</v>
      </c>
      <c r="B74171" s="14" t="s">
        <v>1</v>
      </c>
      <c r="C74171" s="14" t="s">
        <v>23</v>
      </c>
      <c r="D74171" s="14" t="s">
        <v>382</v>
      </c>
      <c r="E74171" s="15">
        <v>45452</v>
      </c>
      <c r="F74171" s="14" t="s">
        <v>61</v>
      </c>
      <c r="G74171" s="16">
        <v>0.91472915657168519</v>
      </c>
    </row>
    <row r="74172" spans="1:7" x14ac:dyDescent="0.3">
      <c r="A74172" s="13" t="s">
        <v>381</v>
      </c>
      <c r="B74172" s="14" t="s">
        <v>1</v>
      </c>
      <c r="C74172" s="14" t="s">
        <v>23</v>
      </c>
      <c r="D74172" s="14" t="s">
        <v>382</v>
      </c>
      <c r="E74172" s="15">
        <v>45453</v>
      </c>
      <c r="F74172" s="14" t="s">
        <v>61</v>
      </c>
      <c r="G74172" s="16">
        <v>0.93060475869352854</v>
      </c>
    </row>
    <row r="74173" spans="1:7" x14ac:dyDescent="0.3">
      <c r="A74173" s="13" t="s">
        <v>381</v>
      </c>
      <c r="B74173" s="14" t="s">
        <v>1</v>
      </c>
      <c r="C74173" s="14" t="s">
        <v>23</v>
      </c>
      <c r="D74173" s="14" t="s">
        <v>382</v>
      </c>
      <c r="E74173" s="15">
        <v>45454</v>
      </c>
      <c r="F74173" s="14" t="s">
        <v>61</v>
      </c>
      <c r="G74173" s="16">
        <v>0.97084552719383055</v>
      </c>
    </row>
    <row r="74174" spans="1:7" x14ac:dyDescent="0.3">
      <c r="A74174" s="13" t="s">
        <v>381</v>
      </c>
      <c r="B74174" s="14" t="s">
        <v>1</v>
      </c>
      <c r="C74174" s="14" t="s">
        <v>23</v>
      </c>
      <c r="D74174" s="14" t="s">
        <v>382</v>
      </c>
      <c r="E74174" s="15">
        <v>45455</v>
      </c>
      <c r="F74174" s="14" t="s">
        <v>61</v>
      </c>
      <c r="G74174" s="16">
        <v>0.97712292523378941</v>
      </c>
    </row>
    <row r="74175" spans="1:7" x14ac:dyDescent="0.3">
      <c r="A74175" s="13" t="s">
        <v>381</v>
      </c>
      <c r="B74175" s="14" t="s">
        <v>1</v>
      </c>
      <c r="C74175" s="14" t="s">
        <v>23</v>
      </c>
      <c r="D74175" s="14" t="s">
        <v>382</v>
      </c>
      <c r="E74175" s="15">
        <v>45456</v>
      </c>
      <c r="F74175" s="14" t="s">
        <v>61</v>
      </c>
      <c r="G74175" s="16">
        <v>0.99575204520919602</v>
      </c>
    </row>
    <row r="74176" spans="1:7" x14ac:dyDescent="0.3">
      <c r="A74176" s="13" t="s">
        <v>381</v>
      </c>
      <c r="B74176" s="14" t="s">
        <v>1</v>
      </c>
      <c r="C74176" s="14" t="s">
        <v>23</v>
      </c>
      <c r="D74176" s="14" t="s">
        <v>382</v>
      </c>
      <c r="E74176" s="15">
        <v>45457</v>
      </c>
      <c r="F74176" s="14" t="s">
        <v>61</v>
      </c>
      <c r="G74176" s="16">
        <v>1.0131221756573701</v>
      </c>
    </row>
    <row r="74177" spans="1:7" x14ac:dyDescent="0.3">
      <c r="A74177" s="13" t="s">
        <v>381</v>
      </c>
      <c r="B74177" s="14" t="s">
        <v>1</v>
      </c>
      <c r="C74177" s="14" t="s">
        <v>23</v>
      </c>
      <c r="D74177" s="14" t="s">
        <v>382</v>
      </c>
      <c r="E74177" s="15">
        <v>45458</v>
      </c>
      <c r="F74177" s="14" t="s">
        <v>61</v>
      </c>
      <c r="G74177" s="16">
        <v>1.0131221756573701</v>
      </c>
    </row>
    <row r="74178" spans="1:7" x14ac:dyDescent="0.3">
      <c r="A74178" s="13" t="s">
        <v>381</v>
      </c>
      <c r="B74178" s="14" t="s">
        <v>1</v>
      </c>
      <c r="C74178" s="14" t="s">
        <v>23</v>
      </c>
      <c r="D74178" s="14" t="s">
        <v>382</v>
      </c>
      <c r="E74178" s="15">
        <v>45459</v>
      </c>
      <c r="F74178" s="14" t="s">
        <v>61</v>
      </c>
      <c r="G74178" s="16">
        <v>1.0131221756573701</v>
      </c>
    </row>
    <row r="74179" spans="1:7" x14ac:dyDescent="0.3">
      <c r="A74179" s="13" t="s">
        <v>381</v>
      </c>
      <c r="B74179" s="14" t="s">
        <v>1</v>
      </c>
      <c r="C74179" s="14" t="s">
        <v>23</v>
      </c>
      <c r="D74179" s="14" t="s">
        <v>382</v>
      </c>
      <c r="E74179" s="15">
        <v>45460</v>
      </c>
      <c r="F74179" s="14" t="s">
        <v>61</v>
      </c>
      <c r="G74179" s="16">
        <v>1.0229371146921742</v>
      </c>
    </row>
    <row r="74180" spans="1:7" x14ac:dyDescent="0.3">
      <c r="A74180" s="13" t="s">
        <v>381</v>
      </c>
      <c r="B74180" s="14" t="s">
        <v>1</v>
      </c>
      <c r="C74180" s="14" t="s">
        <v>23</v>
      </c>
      <c r="D74180" s="14" t="s">
        <v>382</v>
      </c>
      <c r="E74180" s="15">
        <v>45461</v>
      </c>
      <c r="F74180" s="14" t="s">
        <v>61</v>
      </c>
      <c r="G74180" s="16">
        <v>1.0602054239141649</v>
      </c>
    </row>
    <row r="74181" spans="1:7" x14ac:dyDescent="0.3">
      <c r="A74181" s="13" t="s">
        <v>381</v>
      </c>
      <c r="B74181" s="14" t="s">
        <v>1</v>
      </c>
      <c r="C74181" s="14" t="s">
        <v>23</v>
      </c>
      <c r="D74181" s="14" t="s">
        <v>382</v>
      </c>
      <c r="E74181" s="15">
        <v>45462</v>
      </c>
      <c r="F74181" s="14" t="s">
        <v>61</v>
      </c>
      <c r="G74181" s="16">
        <v>1.0602054239141649</v>
      </c>
    </row>
    <row r="74182" spans="1:7" x14ac:dyDescent="0.3">
      <c r="A74182" s="13" t="s">
        <v>381</v>
      </c>
      <c r="B74182" s="14" t="s">
        <v>1</v>
      </c>
      <c r="C74182" s="14" t="s">
        <v>23</v>
      </c>
      <c r="D74182" s="14" t="s">
        <v>382</v>
      </c>
      <c r="E74182" s="15">
        <v>45463</v>
      </c>
      <c r="F74182" s="14" t="s">
        <v>61</v>
      </c>
      <c r="G74182" s="16">
        <v>1.0767075089547773</v>
      </c>
    </row>
    <row r="74183" spans="1:7" x14ac:dyDescent="0.3">
      <c r="A74183" s="13" t="s">
        <v>381</v>
      </c>
      <c r="B74183" s="14" t="s">
        <v>1</v>
      </c>
      <c r="C74183" s="14" t="s">
        <v>23</v>
      </c>
      <c r="D74183" s="14" t="s">
        <v>382</v>
      </c>
      <c r="E74183" s="15">
        <v>45464</v>
      </c>
      <c r="F74183" s="14" t="s">
        <v>61</v>
      </c>
      <c r="G74183" s="16">
        <v>1.1045659957445098</v>
      </c>
    </row>
    <row r="74184" spans="1:7" x14ac:dyDescent="0.3">
      <c r="A74184" s="13" t="s">
        <v>381</v>
      </c>
      <c r="B74184" s="14" t="s">
        <v>1</v>
      </c>
      <c r="C74184" s="14" t="s">
        <v>23</v>
      </c>
      <c r="D74184" s="14" t="s">
        <v>382</v>
      </c>
      <c r="E74184" s="15">
        <v>45465</v>
      </c>
      <c r="F74184" s="14" t="s">
        <v>61</v>
      </c>
      <c r="G74184" s="16">
        <v>1.1045659957445098</v>
      </c>
    </row>
    <row r="74185" spans="1:7" x14ac:dyDescent="0.3">
      <c r="A74185" s="13" t="s">
        <v>381</v>
      </c>
      <c r="B74185" s="14" t="s">
        <v>1</v>
      </c>
      <c r="C74185" s="14" t="s">
        <v>23</v>
      </c>
      <c r="D74185" s="14" t="s">
        <v>382</v>
      </c>
      <c r="E74185" s="15">
        <v>45466</v>
      </c>
      <c r="F74185" s="14" t="s">
        <v>61</v>
      </c>
      <c r="G74185" s="16">
        <v>1.1045659957445098</v>
      </c>
    </row>
    <row r="74186" spans="1:7" x14ac:dyDescent="0.3">
      <c r="A74186" s="13" t="s">
        <v>381</v>
      </c>
      <c r="B74186" s="14" t="s">
        <v>1</v>
      </c>
      <c r="C74186" s="14" t="s">
        <v>23</v>
      </c>
      <c r="D74186" s="14" t="s">
        <v>382</v>
      </c>
      <c r="E74186" s="15">
        <v>45467</v>
      </c>
      <c r="F74186" s="14" t="s">
        <v>61</v>
      </c>
      <c r="G74186" s="16">
        <v>1.1131791325078888</v>
      </c>
    </row>
    <row r="74187" spans="1:7" x14ac:dyDescent="0.3">
      <c r="A74187" s="13" t="s">
        <v>381</v>
      </c>
      <c r="B74187" s="14" t="s">
        <v>1</v>
      </c>
      <c r="C74187" s="14" t="s">
        <v>23</v>
      </c>
      <c r="D74187" s="14" t="s">
        <v>382</v>
      </c>
      <c r="E74187" s="15">
        <v>45468</v>
      </c>
      <c r="F74187" s="14" t="s">
        <v>61</v>
      </c>
      <c r="G74187" s="16">
        <v>1.1552727358095742</v>
      </c>
    </row>
    <row r="74188" spans="1:7" x14ac:dyDescent="0.3">
      <c r="A74188" s="13" t="s">
        <v>381</v>
      </c>
      <c r="B74188" s="14" t="s">
        <v>1</v>
      </c>
      <c r="C74188" s="14" t="s">
        <v>23</v>
      </c>
      <c r="D74188" s="14" t="s">
        <v>382</v>
      </c>
      <c r="E74188" s="15">
        <v>45469</v>
      </c>
      <c r="F74188" s="14" t="s">
        <v>61</v>
      </c>
      <c r="G74188" s="16">
        <v>1.1706342058940487</v>
      </c>
    </row>
    <row r="74189" spans="1:7" x14ac:dyDescent="0.3">
      <c r="A74189" s="13" t="s">
        <v>381</v>
      </c>
      <c r="B74189" s="14" t="s">
        <v>1</v>
      </c>
      <c r="C74189" s="14" t="s">
        <v>23</v>
      </c>
      <c r="D74189" s="14" t="s">
        <v>382</v>
      </c>
      <c r="E74189" s="15">
        <v>45470</v>
      </c>
      <c r="F74189" s="14" t="s">
        <v>61</v>
      </c>
      <c r="G74189" s="16">
        <v>1.1805373201303815</v>
      </c>
    </row>
    <row r="74190" spans="1:7" x14ac:dyDescent="0.3">
      <c r="A74190" s="13" t="s">
        <v>381</v>
      </c>
      <c r="B74190" s="14" t="s">
        <v>1</v>
      </c>
      <c r="C74190" s="14" t="s">
        <v>23</v>
      </c>
      <c r="D74190" s="14" t="s">
        <v>382</v>
      </c>
      <c r="E74190" s="15">
        <v>45471</v>
      </c>
      <c r="F74190" s="14" t="s">
        <v>61</v>
      </c>
      <c r="G74190" s="16">
        <v>1.1918248770363187</v>
      </c>
    </row>
    <row r="74191" spans="1:7" x14ac:dyDescent="0.3">
      <c r="A74191" s="13" t="s">
        <v>381</v>
      </c>
      <c r="B74191" s="14" t="s">
        <v>1</v>
      </c>
      <c r="C74191" s="14" t="s">
        <v>23</v>
      </c>
      <c r="D74191" s="14" t="s">
        <v>382</v>
      </c>
      <c r="E74191" s="15">
        <v>45472</v>
      </c>
      <c r="F74191" s="14" t="s">
        <v>61</v>
      </c>
      <c r="G74191" s="16">
        <v>1.1918248770363187</v>
      </c>
    </row>
    <row r="74192" spans="1:7" x14ac:dyDescent="0.3">
      <c r="A74192" s="13" t="s">
        <v>381</v>
      </c>
      <c r="B74192" s="14" t="s">
        <v>1</v>
      </c>
      <c r="C74192" s="14" t="s">
        <v>23</v>
      </c>
      <c r="D74192" s="14" t="s">
        <v>382</v>
      </c>
      <c r="E74192" s="15">
        <v>45473</v>
      </c>
      <c r="F74192" s="14" t="s">
        <v>61</v>
      </c>
      <c r="G74192" s="16">
        <v>1.1918248770363187</v>
      </c>
    </row>
    <row r="74193" spans="1:7" x14ac:dyDescent="0.3">
      <c r="A74193" s="13" t="s">
        <v>381</v>
      </c>
      <c r="B74193" s="14" t="s">
        <v>1</v>
      </c>
      <c r="C74193" s="14" t="s">
        <v>23</v>
      </c>
      <c r="D74193" s="14" t="s">
        <v>382</v>
      </c>
      <c r="E74193" s="15">
        <v>45474</v>
      </c>
      <c r="F74193" s="14" t="s">
        <v>61</v>
      </c>
      <c r="G74193" s="16">
        <v>1.2016875312569897</v>
      </c>
    </row>
    <row r="74194" spans="1:7" x14ac:dyDescent="0.3">
      <c r="A74194" s="13" t="s">
        <v>381</v>
      </c>
      <c r="B74194" s="14" t="s">
        <v>1</v>
      </c>
      <c r="C74194" s="14" t="s">
        <v>23</v>
      </c>
      <c r="D74194" s="14" t="s">
        <v>382</v>
      </c>
      <c r="E74194" s="15">
        <v>45475</v>
      </c>
      <c r="F74194" s="14" t="s">
        <v>61</v>
      </c>
      <c r="G74194" s="16">
        <v>1.2397873399988331</v>
      </c>
    </row>
    <row r="74195" spans="1:7" x14ac:dyDescent="0.3">
      <c r="A74195" s="13" t="s">
        <v>381</v>
      </c>
      <c r="B74195" s="14" t="s">
        <v>1</v>
      </c>
      <c r="C74195" s="14" t="s">
        <v>23</v>
      </c>
      <c r="D74195" s="14" t="s">
        <v>382</v>
      </c>
      <c r="E74195" s="15">
        <v>45476</v>
      </c>
      <c r="F74195" s="14" t="s">
        <v>61</v>
      </c>
      <c r="G74195" s="16">
        <v>1.2478645287773391</v>
      </c>
    </row>
    <row r="74196" spans="1:7" x14ac:dyDescent="0.3">
      <c r="A74196" s="13" t="s">
        <v>381</v>
      </c>
      <c r="B74196" s="14" t="s">
        <v>1</v>
      </c>
      <c r="C74196" s="14" t="s">
        <v>23</v>
      </c>
      <c r="D74196" s="14" t="s">
        <v>382</v>
      </c>
      <c r="E74196" s="15">
        <v>45477</v>
      </c>
      <c r="F74196" s="14" t="s">
        <v>61</v>
      </c>
      <c r="G74196" s="16">
        <v>1.2478645287773391</v>
      </c>
    </row>
    <row r="74197" spans="1:7" x14ac:dyDescent="0.3">
      <c r="A74197" s="13" t="s">
        <v>381</v>
      </c>
      <c r="B74197" s="14" t="s">
        <v>1</v>
      </c>
      <c r="C74197" s="14" t="s">
        <v>23</v>
      </c>
      <c r="D74197" s="14" t="s">
        <v>382</v>
      </c>
      <c r="E74197" s="15">
        <v>45478</v>
      </c>
      <c r="F74197" s="14" t="s">
        <v>61</v>
      </c>
      <c r="G74197" s="16">
        <v>1.2546186193039841</v>
      </c>
    </row>
    <row r="74198" spans="1:7" x14ac:dyDescent="0.3">
      <c r="A74198" s="13" t="s">
        <v>381</v>
      </c>
      <c r="B74198" s="14" t="s">
        <v>1</v>
      </c>
      <c r="C74198" s="14" t="s">
        <v>23</v>
      </c>
      <c r="D74198" s="14" t="s">
        <v>382</v>
      </c>
      <c r="E74198" s="15">
        <v>45479</v>
      </c>
      <c r="F74198" s="14" t="s">
        <v>61</v>
      </c>
      <c r="G74198" s="16">
        <v>1.2546186193039841</v>
      </c>
    </row>
    <row r="74199" spans="1:7" x14ac:dyDescent="0.3">
      <c r="A74199" s="13" t="s">
        <v>381</v>
      </c>
      <c r="B74199" s="14" t="s">
        <v>1</v>
      </c>
      <c r="C74199" s="14" t="s">
        <v>23</v>
      </c>
      <c r="D74199" s="14" t="s">
        <v>382</v>
      </c>
      <c r="E74199" s="15">
        <v>45480</v>
      </c>
      <c r="F74199" s="14" t="s">
        <v>61</v>
      </c>
      <c r="G74199" s="16">
        <v>1.2546186193039841</v>
      </c>
    </row>
    <row r="74200" spans="1:7" x14ac:dyDescent="0.3">
      <c r="A74200" s="13" t="s">
        <v>381</v>
      </c>
      <c r="B74200" s="14" t="s">
        <v>1</v>
      </c>
      <c r="C74200" s="14" t="s">
        <v>23</v>
      </c>
      <c r="D74200" s="14" t="s">
        <v>382</v>
      </c>
      <c r="E74200" s="15">
        <v>45481</v>
      </c>
      <c r="F74200" s="14" t="s">
        <v>61</v>
      </c>
      <c r="G74200" s="16">
        <v>1.3050686069227153</v>
      </c>
    </row>
    <row r="74201" spans="1:7" x14ac:dyDescent="0.3">
      <c r="A74201" s="13" t="s">
        <v>381</v>
      </c>
      <c r="B74201" s="14" t="s">
        <v>1</v>
      </c>
      <c r="C74201" s="14" t="s">
        <v>23</v>
      </c>
      <c r="D74201" s="14" t="s">
        <v>382</v>
      </c>
      <c r="E74201" s="15">
        <v>45482</v>
      </c>
      <c r="F74201" s="14" t="s">
        <v>61</v>
      </c>
      <c r="G74201" s="16">
        <v>1.3455490734231956</v>
      </c>
    </row>
    <row r="74202" spans="1:7" x14ac:dyDescent="0.3">
      <c r="A74202" s="13" t="s">
        <v>381</v>
      </c>
      <c r="B74202" s="14" t="s">
        <v>1</v>
      </c>
      <c r="C74202" s="14" t="s">
        <v>23</v>
      </c>
      <c r="D74202" s="14" t="s">
        <v>382</v>
      </c>
      <c r="E74202" s="15">
        <v>45483</v>
      </c>
      <c r="F74202" s="14" t="s">
        <v>61</v>
      </c>
      <c r="G74202" s="16">
        <v>1.3575930845703612</v>
      </c>
    </row>
    <row r="74203" spans="1:7" x14ac:dyDescent="0.3">
      <c r="A74203" s="13" t="s">
        <v>381</v>
      </c>
      <c r="B74203" s="14" t="s">
        <v>1</v>
      </c>
      <c r="C74203" s="14" t="s">
        <v>23</v>
      </c>
      <c r="D74203" s="14" t="s">
        <v>382</v>
      </c>
      <c r="E74203" s="15">
        <v>45484</v>
      </c>
      <c r="F74203" s="14" t="s">
        <v>61</v>
      </c>
      <c r="G74203" s="16">
        <v>1.3657612451461711</v>
      </c>
    </row>
    <row r="74204" spans="1:7" x14ac:dyDescent="0.3">
      <c r="A74204" s="13" t="s">
        <v>381</v>
      </c>
      <c r="B74204" s="14" t="s">
        <v>1</v>
      </c>
      <c r="C74204" s="14" t="s">
        <v>23</v>
      </c>
      <c r="D74204" s="14" t="s">
        <v>382</v>
      </c>
      <c r="E74204" s="15">
        <v>45485</v>
      </c>
      <c r="F74204" s="14" t="s">
        <v>61</v>
      </c>
      <c r="G74204" s="16">
        <v>1.3744094638673554</v>
      </c>
    </row>
    <row r="74205" spans="1:7" x14ac:dyDescent="0.3">
      <c r="A74205" s="13" t="s">
        <v>381</v>
      </c>
      <c r="B74205" s="14" t="s">
        <v>1</v>
      </c>
      <c r="C74205" s="14" t="s">
        <v>23</v>
      </c>
      <c r="D74205" s="14" t="s">
        <v>382</v>
      </c>
      <c r="E74205" s="15">
        <v>45486</v>
      </c>
      <c r="F74205" s="14" t="s">
        <v>61</v>
      </c>
      <c r="G74205" s="16">
        <v>1.3744094638673554</v>
      </c>
    </row>
    <row r="74206" spans="1:7" x14ac:dyDescent="0.3">
      <c r="A74206" s="13" t="s">
        <v>381</v>
      </c>
      <c r="B74206" s="14" t="s">
        <v>1</v>
      </c>
      <c r="C74206" s="14" t="s">
        <v>23</v>
      </c>
      <c r="D74206" s="14" t="s">
        <v>382</v>
      </c>
      <c r="E74206" s="15">
        <v>45487</v>
      </c>
      <c r="F74206" s="14" t="s">
        <v>61</v>
      </c>
      <c r="G74206" s="16">
        <v>1.3744094638673554</v>
      </c>
    </row>
    <row r="74207" spans="1:7" x14ac:dyDescent="0.3">
      <c r="A74207" s="13" t="s">
        <v>381</v>
      </c>
      <c r="B74207" s="14" t="s">
        <v>1</v>
      </c>
      <c r="C74207" s="14" t="s">
        <v>23</v>
      </c>
      <c r="D74207" s="14" t="s">
        <v>382</v>
      </c>
      <c r="E74207" s="15">
        <v>45488</v>
      </c>
      <c r="F74207" s="14" t="s">
        <v>61</v>
      </c>
      <c r="G74207" s="16">
        <v>1.3887908334665564</v>
      </c>
    </row>
    <row r="74208" spans="1:7" x14ac:dyDescent="0.3">
      <c r="A74208" s="13" t="s">
        <v>381</v>
      </c>
      <c r="B74208" s="14" t="s">
        <v>1</v>
      </c>
      <c r="C74208" s="14" t="s">
        <v>23</v>
      </c>
      <c r="D74208" s="14" t="s">
        <v>382</v>
      </c>
      <c r="E74208" s="15">
        <v>45489</v>
      </c>
      <c r="F74208" s="14" t="s">
        <v>61</v>
      </c>
      <c r="G74208" s="16">
        <v>1.4260079771912635</v>
      </c>
    </row>
    <row r="74209" spans="1:7" x14ac:dyDescent="0.3">
      <c r="A74209" s="13" t="s">
        <v>381</v>
      </c>
      <c r="B74209" s="14" t="s">
        <v>1</v>
      </c>
      <c r="C74209" s="14" t="s">
        <v>23</v>
      </c>
      <c r="D74209" s="14" t="s">
        <v>382</v>
      </c>
      <c r="E74209" s="15">
        <v>45490</v>
      </c>
      <c r="F74209" s="14" t="s">
        <v>61</v>
      </c>
      <c r="G74209" s="16">
        <v>1.4335014108692241</v>
      </c>
    </row>
    <row r="74210" spans="1:7" x14ac:dyDescent="0.3">
      <c r="A74210" s="13" t="s">
        <v>381</v>
      </c>
      <c r="B74210" s="14" t="s">
        <v>1</v>
      </c>
      <c r="C74210" s="14" t="s">
        <v>23</v>
      </c>
      <c r="D74210" s="14" t="s">
        <v>382</v>
      </c>
      <c r="E74210" s="15">
        <v>45491</v>
      </c>
      <c r="F74210" s="14" t="s">
        <v>61</v>
      </c>
      <c r="G74210" s="16">
        <v>1.4520880966030527</v>
      </c>
    </row>
    <row r="74211" spans="1:7" x14ac:dyDescent="0.3">
      <c r="A74211" s="13" t="s">
        <v>381</v>
      </c>
      <c r="B74211" s="14" t="s">
        <v>1</v>
      </c>
      <c r="C74211" s="14" t="s">
        <v>23</v>
      </c>
      <c r="D74211" s="14" t="s">
        <v>382</v>
      </c>
      <c r="E74211" s="15">
        <v>45492</v>
      </c>
      <c r="F74211" s="14" t="s">
        <v>61</v>
      </c>
      <c r="G74211" s="16">
        <v>1.4666673280312474</v>
      </c>
    </row>
    <row r="74212" spans="1:7" x14ac:dyDescent="0.3">
      <c r="A74212" s="13" t="s">
        <v>381</v>
      </c>
      <c r="B74212" s="14" t="s">
        <v>1</v>
      </c>
      <c r="C74212" s="14" t="s">
        <v>23</v>
      </c>
      <c r="D74212" s="14" t="s">
        <v>382</v>
      </c>
      <c r="E74212" s="15">
        <v>45493</v>
      </c>
      <c r="F74212" s="14" t="s">
        <v>61</v>
      </c>
      <c r="G74212" s="16">
        <v>1.4666673280312474</v>
      </c>
    </row>
    <row r="74213" spans="1:7" x14ac:dyDescent="0.3">
      <c r="A74213" s="13" t="s">
        <v>381</v>
      </c>
      <c r="B74213" s="14" t="s">
        <v>1</v>
      </c>
      <c r="C74213" s="14" t="s">
        <v>23</v>
      </c>
      <c r="D74213" s="14" t="s">
        <v>382</v>
      </c>
      <c r="E74213" s="15">
        <v>45494</v>
      </c>
      <c r="F74213" s="14" t="s">
        <v>61</v>
      </c>
      <c r="G74213" s="16">
        <v>1.4666673280312474</v>
      </c>
    </row>
    <row r="74214" spans="1:7" x14ac:dyDescent="0.3">
      <c r="A74214" s="13" t="s">
        <v>381</v>
      </c>
      <c r="B74214" s="14" t="s">
        <v>1</v>
      </c>
      <c r="C74214" s="14" t="s">
        <v>23</v>
      </c>
      <c r="D74214" s="14" t="s">
        <v>382</v>
      </c>
      <c r="E74214" s="15">
        <v>45495</v>
      </c>
      <c r="F74214" s="14" t="s">
        <v>61</v>
      </c>
      <c r="G74214" s="16">
        <v>1.4774955901855407</v>
      </c>
    </row>
    <row r="74215" spans="1:7" x14ac:dyDescent="0.3">
      <c r="A74215" s="13" t="s">
        <v>381</v>
      </c>
      <c r="B74215" s="14" t="s">
        <v>1</v>
      </c>
      <c r="C74215" s="14" t="s">
        <v>23</v>
      </c>
      <c r="D74215" s="14" t="s">
        <v>382</v>
      </c>
      <c r="E74215" s="15">
        <v>45496</v>
      </c>
      <c r="F74215" s="14" t="s">
        <v>61</v>
      </c>
      <c r="G74215" s="16">
        <v>1.5203255644310723</v>
      </c>
    </row>
    <row r="74216" spans="1:7" x14ac:dyDescent="0.3">
      <c r="A74216" s="13" t="s">
        <v>381</v>
      </c>
      <c r="B74216" s="14" t="s">
        <v>1</v>
      </c>
      <c r="C74216" s="14" t="s">
        <v>23</v>
      </c>
      <c r="D74216" s="14" t="s">
        <v>382</v>
      </c>
      <c r="E74216" s="15">
        <v>45497</v>
      </c>
      <c r="F74216" s="14" t="s">
        <v>61</v>
      </c>
      <c r="G74216" s="16">
        <v>1.5364084139418603</v>
      </c>
    </row>
    <row r="74217" spans="1:7" x14ac:dyDescent="0.3">
      <c r="A74217" s="13" t="s">
        <v>381</v>
      </c>
      <c r="B74217" s="14" t="s">
        <v>1</v>
      </c>
      <c r="C74217" s="14" t="s">
        <v>23</v>
      </c>
      <c r="D74217" s="14" t="s">
        <v>382</v>
      </c>
      <c r="E74217" s="15">
        <v>45498</v>
      </c>
      <c r="F74217" s="14" t="s">
        <v>61</v>
      </c>
      <c r="G74217" s="16">
        <v>1.5475405184158648</v>
      </c>
    </row>
    <row r="74218" spans="1:7" x14ac:dyDescent="0.3">
      <c r="A74218" s="13" t="s">
        <v>381</v>
      </c>
      <c r="B74218" s="14" t="s">
        <v>1</v>
      </c>
      <c r="C74218" s="14" t="s">
        <v>23</v>
      </c>
      <c r="D74218" s="14" t="s">
        <v>382</v>
      </c>
      <c r="E74218" s="15">
        <v>45499</v>
      </c>
      <c r="F74218" s="14" t="s">
        <v>61</v>
      </c>
      <c r="G74218" s="16">
        <v>1.557875798978358</v>
      </c>
    </row>
    <row r="74219" spans="1:7" x14ac:dyDescent="0.3">
      <c r="A74219" s="13" t="s">
        <v>381</v>
      </c>
      <c r="B74219" s="14" t="s">
        <v>1</v>
      </c>
      <c r="C74219" s="14" t="s">
        <v>23</v>
      </c>
      <c r="D74219" s="14" t="s">
        <v>382</v>
      </c>
      <c r="E74219" s="15">
        <v>45500</v>
      </c>
      <c r="F74219" s="14" t="s">
        <v>61</v>
      </c>
      <c r="G74219" s="16">
        <v>1.557875798978358</v>
      </c>
    </row>
    <row r="74220" spans="1:7" x14ac:dyDescent="0.3">
      <c r="A74220" s="13" t="s">
        <v>381</v>
      </c>
      <c r="B74220" s="14" t="s">
        <v>1</v>
      </c>
      <c r="C74220" s="14" t="s">
        <v>23</v>
      </c>
      <c r="D74220" s="14" t="s">
        <v>382</v>
      </c>
      <c r="E74220" s="15">
        <v>45501</v>
      </c>
      <c r="F74220" s="14" t="s">
        <v>61</v>
      </c>
      <c r="G74220" s="16">
        <v>1.557875798978358</v>
      </c>
    </row>
    <row r="74221" spans="1:7" x14ac:dyDescent="0.3">
      <c r="A74221" s="13" t="s">
        <v>381</v>
      </c>
      <c r="B74221" s="14" t="s">
        <v>1</v>
      </c>
      <c r="C74221" s="14" t="s">
        <v>23</v>
      </c>
      <c r="D74221" s="14" t="s">
        <v>382</v>
      </c>
      <c r="E74221" s="15">
        <v>45502</v>
      </c>
      <c r="F74221" s="14" t="s">
        <v>61</v>
      </c>
      <c r="G74221" s="16">
        <v>1.5753584208289939</v>
      </c>
    </row>
    <row r="74222" spans="1:7" x14ac:dyDescent="0.3">
      <c r="A74222" s="13" t="s">
        <v>381</v>
      </c>
      <c r="B74222" s="14" t="s">
        <v>1</v>
      </c>
      <c r="C74222" s="14" t="s">
        <v>23</v>
      </c>
      <c r="D74222" s="14" t="s">
        <v>382</v>
      </c>
      <c r="E74222" s="15">
        <v>45503</v>
      </c>
      <c r="F74222" s="14" t="s">
        <v>61</v>
      </c>
      <c r="G74222" s="16">
        <v>1.6125903751295478</v>
      </c>
    </row>
    <row r="74223" spans="1:7" x14ac:dyDescent="0.3">
      <c r="A74223" s="13" t="s">
        <v>381</v>
      </c>
      <c r="B74223" s="14" t="s">
        <v>1</v>
      </c>
      <c r="C74223" s="14" t="s">
        <v>23</v>
      </c>
      <c r="D74223" s="14" t="s">
        <v>382</v>
      </c>
      <c r="E74223" s="15">
        <v>45504</v>
      </c>
      <c r="F74223" s="14" t="s">
        <v>61</v>
      </c>
      <c r="G74223" s="16">
        <v>1.6242762084981033</v>
      </c>
    </row>
    <row r="74224" spans="1:7" x14ac:dyDescent="0.3">
      <c r="A74224" s="13" t="s">
        <v>381</v>
      </c>
      <c r="B74224" s="14" t="s">
        <v>1</v>
      </c>
      <c r="C74224" s="14" t="s">
        <v>23</v>
      </c>
      <c r="D74224" s="14" t="s">
        <v>382</v>
      </c>
      <c r="E74224" s="15">
        <v>45505</v>
      </c>
      <c r="F74224" s="14" t="s">
        <v>61</v>
      </c>
      <c r="G74224" s="16">
        <v>1.634056421522649</v>
      </c>
    </row>
    <row r="74225" spans="1:7" x14ac:dyDescent="0.3">
      <c r="A74225" s="13" t="s">
        <v>381</v>
      </c>
      <c r="B74225" s="14" t="s">
        <v>1</v>
      </c>
      <c r="C74225" s="14" t="s">
        <v>23</v>
      </c>
      <c r="D74225" s="14" t="s">
        <v>382</v>
      </c>
      <c r="E74225" s="15">
        <v>45506</v>
      </c>
      <c r="F74225" s="14" t="s">
        <v>61</v>
      </c>
      <c r="G74225" s="16">
        <v>1.6207177419541425</v>
      </c>
    </row>
    <row r="74226" spans="1:7" x14ac:dyDescent="0.3">
      <c r="A74226" s="13" t="s">
        <v>381</v>
      </c>
      <c r="B74226" s="14" t="s">
        <v>1</v>
      </c>
      <c r="C74226" s="14" t="s">
        <v>23</v>
      </c>
      <c r="D74226" s="14" t="s">
        <v>382</v>
      </c>
      <c r="E74226" s="15">
        <v>45507</v>
      </c>
      <c r="F74226" s="14" t="s">
        <v>61</v>
      </c>
      <c r="G74226" s="16">
        <v>1.6207177419541425</v>
      </c>
    </row>
    <row r="74227" spans="1:7" x14ac:dyDescent="0.3">
      <c r="A74227" s="13" t="s">
        <v>381</v>
      </c>
      <c r="B74227" s="14" t="s">
        <v>1</v>
      </c>
      <c r="C74227" s="14" t="s">
        <v>23</v>
      </c>
      <c r="D74227" s="14" t="s">
        <v>382</v>
      </c>
      <c r="E74227" s="15">
        <v>45508</v>
      </c>
      <c r="F74227" s="14" t="s">
        <v>61</v>
      </c>
      <c r="G74227" s="16">
        <v>1.6207177419541425</v>
      </c>
    </row>
    <row r="74228" spans="1:7" x14ac:dyDescent="0.3">
      <c r="A74228" s="13" t="s">
        <v>381</v>
      </c>
      <c r="B74228" s="14" t="s">
        <v>1</v>
      </c>
      <c r="C74228" s="14" t="s">
        <v>23</v>
      </c>
      <c r="D74228" s="14" t="s">
        <v>382</v>
      </c>
      <c r="E74228" s="15">
        <v>45509</v>
      </c>
      <c r="F74228" s="14" t="s">
        <v>61</v>
      </c>
      <c r="G74228" s="16">
        <v>1.6207177419541425</v>
      </c>
    </row>
    <row r="74229" spans="1:7" x14ac:dyDescent="0.3">
      <c r="A74229" s="13" t="s">
        <v>381</v>
      </c>
      <c r="B74229" s="14" t="s">
        <v>1</v>
      </c>
      <c r="C74229" s="14" t="s">
        <v>23</v>
      </c>
      <c r="D74229" s="14" t="s">
        <v>382</v>
      </c>
      <c r="E74229" s="15">
        <v>45510</v>
      </c>
      <c r="F74229" s="14" t="s">
        <v>61</v>
      </c>
      <c r="G74229" s="16">
        <v>1.6289644057038657</v>
      </c>
    </row>
    <row r="74230" spans="1:7" x14ac:dyDescent="0.3">
      <c r="A74230" s="13" t="s">
        <v>381</v>
      </c>
      <c r="B74230" s="14" t="s">
        <v>1</v>
      </c>
      <c r="C74230" s="14" t="s">
        <v>23</v>
      </c>
      <c r="D74230" s="14" t="s">
        <v>382</v>
      </c>
      <c r="E74230" s="15">
        <v>45511</v>
      </c>
      <c r="F74230" s="14" t="s">
        <v>61</v>
      </c>
      <c r="G74230" s="16">
        <v>1.6930920712987076</v>
      </c>
    </row>
    <row r="74231" spans="1:7" x14ac:dyDescent="0.3">
      <c r="A74231" s="13" t="s">
        <v>381</v>
      </c>
      <c r="B74231" s="14" t="s">
        <v>1</v>
      </c>
      <c r="C74231" s="14" t="s">
        <v>23</v>
      </c>
      <c r="D74231" s="14" t="s">
        <v>382</v>
      </c>
      <c r="E74231" s="15">
        <v>45512</v>
      </c>
      <c r="F74231" s="14" t="s">
        <v>61</v>
      </c>
      <c r="G74231" s="16">
        <v>1.7007544886685255</v>
      </c>
    </row>
    <row r="74232" spans="1:7" x14ac:dyDescent="0.3">
      <c r="A74232" s="13" t="s">
        <v>381</v>
      </c>
      <c r="B74232" s="14" t="s">
        <v>1</v>
      </c>
      <c r="C74232" s="14" t="s">
        <v>23</v>
      </c>
      <c r="D74232" s="14" t="s">
        <v>382</v>
      </c>
      <c r="E74232" s="15">
        <v>45513</v>
      </c>
      <c r="F74232" s="14" t="s">
        <v>61</v>
      </c>
      <c r="G74232" s="16">
        <v>1.7123712214021671</v>
      </c>
    </row>
    <row r="74233" spans="1:7" x14ac:dyDescent="0.3">
      <c r="A74233" s="13" t="s">
        <v>381</v>
      </c>
      <c r="B74233" s="14" t="s">
        <v>1</v>
      </c>
      <c r="C74233" s="14" t="s">
        <v>23</v>
      </c>
      <c r="D74233" s="14" t="s">
        <v>382</v>
      </c>
      <c r="E74233" s="15">
        <v>45514</v>
      </c>
      <c r="F74233" s="14" t="s">
        <v>61</v>
      </c>
      <c r="G74233" s="16">
        <v>1.7123712214021671</v>
      </c>
    </row>
    <row r="74234" spans="1:7" x14ac:dyDescent="0.3">
      <c r="A74234" s="13" t="s">
        <v>381</v>
      </c>
      <c r="B74234" s="14" t="s">
        <v>1</v>
      </c>
      <c r="C74234" s="14" t="s">
        <v>23</v>
      </c>
      <c r="D74234" s="14" t="s">
        <v>382</v>
      </c>
      <c r="E74234" s="15">
        <v>45515</v>
      </c>
      <c r="F74234" s="14" t="s">
        <v>61</v>
      </c>
      <c r="G74234" s="16">
        <v>1.7123712214021671</v>
      </c>
    </row>
    <row r="74235" spans="1:7" x14ac:dyDescent="0.3">
      <c r="A74235" s="13" t="s">
        <v>381</v>
      </c>
      <c r="B74235" s="14" t="s">
        <v>1</v>
      </c>
      <c r="C74235" s="14" t="s">
        <v>23</v>
      </c>
      <c r="D74235" s="14" t="s">
        <v>382</v>
      </c>
      <c r="E74235" s="15">
        <v>45516</v>
      </c>
      <c r="F74235" s="14" t="s">
        <v>61</v>
      </c>
      <c r="G74235" s="16">
        <v>1.721934461180987</v>
      </c>
    </row>
    <row r="74236" spans="1:7" x14ac:dyDescent="0.3">
      <c r="A74236" s="13" t="s">
        <v>381</v>
      </c>
      <c r="B74236" s="14" t="s">
        <v>1</v>
      </c>
      <c r="C74236" s="14" t="s">
        <v>23</v>
      </c>
      <c r="D74236" s="14" t="s">
        <v>382</v>
      </c>
      <c r="E74236" s="15">
        <v>45517</v>
      </c>
      <c r="F74236" s="14" t="s">
        <v>61</v>
      </c>
      <c r="G74236" s="16">
        <v>1.7484024039515902</v>
      </c>
    </row>
    <row r="74237" spans="1:7" x14ac:dyDescent="0.3">
      <c r="A74237" s="13" t="s">
        <v>381</v>
      </c>
      <c r="B74237" s="14" t="s">
        <v>1</v>
      </c>
      <c r="C74237" s="14" t="s">
        <v>23</v>
      </c>
      <c r="D74237" s="14" t="s">
        <v>382</v>
      </c>
      <c r="E74237" s="15">
        <v>45518</v>
      </c>
      <c r="F74237" s="14" t="s">
        <v>61</v>
      </c>
      <c r="G74237" s="16">
        <v>1.7571562487658314</v>
      </c>
    </row>
    <row r="74238" spans="1:7" x14ac:dyDescent="0.3">
      <c r="A74238" s="13" t="s">
        <v>381</v>
      </c>
      <c r="B74238" s="14" t="s">
        <v>1</v>
      </c>
      <c r="C74238" s="14" t="s">
        <v>23</v>
      </c>
      <c r="D74238" s="14" t="s">
        <v>382</v>
      </c>
      <c r="E74238" s="15">
        <v>45519</v>
      </c>
      <c r="F74238" s="14" t="s">
        <v>61</v>
      </c>
      <c r="G74238" s="16">
        <v>1.770595552988276</v>
      </c>
    </row>
    <row r="74239" spans="1:7" x14ac:dyDescent="0.3">
      <c r="A74239" s="13" t="s">
        <v>381</v>
      </c>
      <c r="B74239" s="14" t="s">
        <v>1</v>
      </c>
      <c r="C74239" s="14" t="s">
        <v>23</v>
      </c>
      <c r="D74239" s="14" t="s">
        <v>382</v>
      </c>
      <c r="E74239" s="15">
        <v>45520</v>
      </c>
      <c r="F74239" s="14" t="s">
        <v>61</v>
      </c>
      <c r="G74239" s="16">
        <v>1.7738431711861906</v>
      </c>
    </row>
    <row r="74240" spans="1:7" x14ac:dyDescent="0.3">
      <c r="A74240" s="13" t="s">
        <v>381</v>
      </c>
      <c r="B74240" s="14" t="s">
        <v>1</v>
      </c>
      <c r="C74240" s="14" t="s">
        <v>23</v>
      </c>
      <c r="D74240" s="14" t="s">
        <v>382</v>
      </c>
      <c r="E74240" s="15">
        <v>45521</v>
      </c>
      <c r="F74240" s="14" t="s">
        <v>61</v>
      </c>
      <c r="G74240" s="16">
        <v>1.7738431711861906</v>
      </c>
    </row>
    <row r="74241" spans="1:7" x14ac:dyDescent="0.3">
      <c r="A74241" s="13" t="s">
        <v>381</v>
      </c>
      <c r="B74241" s="14" t="s">
        <v>1</v>
      </c>
      <c r="C74241" s="14" t="s">
        <v>23</v>
      </c>
      <c r="D74241" s="14" t="s">
        <v>382</v>
      </c>
      <c r="E74241" s="15">
        <v>45522</v>
      </c>
      <c r="F74241" s="14" t="s">
        <v>61</v>
      </c>
      <c r="G74241" s="16">
        <v>1.7738431711861906</v>
      </c>
    </row>
    <row r="74242" spans="1:7" x14ac:dyDescent="0.3">
      <c r="A74242" s="13" t="s">
        <v>381</v>
      </c>
      <c r="B74242" s="14" t="s">
        <v>1</v>
      </c>
      <c r="C74242" s="14" t="s">
        <v>23</v>
      </c>
      <c r="D74242" s="14" t="s">
        <v>382</v>
      </c>
      <c r="E74242" s="15">
        <v>45523</v>
      </c>
      <c r="F74242" s="14" t="s">
        <v>61</v>
      </c>
      <c r="G74242" s="16">
        <v>1.776737473294111</v>
      </c>
    </row>
    <row r="74243" spans="1:7" x14ac:dyDescent="0.3">
      <c r="A74243" s="13" t="s">
        <v>381</v>
      </c>
      <c r="B74243" s="14" t="s">
        <v>1</v>
      </c>
      <c r="C74243" s="14" t="s">
        <v>23</v>
      </c>
      <c r="D74243" s="14" t="s">
        <v>382</v>
      </c>
      <c r="E74243" s="15">
        <v>45524</v>
      </c>
      <c r="F74243" s="14" t="s">
        <v>61</v>
      </c>
      <c r="G74243" s="16">
        <v>1.8063744613381814</v>
      </c>
    </row>
    <row r="74244" spans="1:7" x14ac:dyDescent="0.3">
      <c r="A74244" s="13" t="s">
        <v>381</v>
      </c>
      <c r="B74244" s="14" t="s">
        <v>1</v>
      </c>
      <c r="C74244" s="14" t="s">
        <v>23</v>
      </c>
      <c r="D74244" s="14" t="s">
        <v>382</v>
      </c>
      <c r="E74244" s="15">
        <v>45525</v>
      </c>
      <c r="F74244" s="14" t="s">
        <v>61</v>
      </c>
      <c r="G74244" s="16">
        <v>1.811176280780149</v>
      </c>
    </row>
    <row r="74245" spans="1:7" x14ac:dyDescent="0.3">
      <c r="A74245" s="13" t="s">
        <v>381</v>
      </c>
      <c r="B74245" s="14" t="s">
        <v>1</v>
      </c>
      <c r="C74245" s="14" t="s">
        <v>23</v>
      </c>
      <c r="D74245" s="14" t="s">
        <v>382</v>
      </c>
      <c r="E74245" s="15">
        <v>45526</v>
      </c>
      <c r="F74245" s="14" t="s">
        <v>61</v>
      </c>
      <c r="G74245" s="16">
        <v>1.8294312423874486</v>
      </c>
    </row>
    <row r="74246" spans="1:7" x14ac:dyDescent="0.3">
      <c r="A74246" s="13" t="s">
        <v>381</v>
      </c>
      <c r="B74246" s="14" t="s">
        <v>1</v>
      </c>
      <c r="C74246" s="14" t="s">
        <v>23</v>
      </c>
      <c r="D74246" s="14" t="s">
        <v>382</v>
      </c>
      <c r="E74246" s="15">
        <v>45527</v>
      </c>
      <c r="F74246" s="14" t="s">
        <v>61</v>
      </c>
      <c r="G74246" s="16">
        <v>1.8284924146107189</v>
      </c>
    </row>
    <row r="74247" spans="1:7" x14ac:dyDescent="0.3">
      <c r="A74247" s="13" t="s">
        <v>381</v>
      </c>
      <c r="B74247" s="14" t="s">
        <v>1</v>
      </c>
      <c r="C74247" s="14" t="s">
        <v>23</v>
      </c>
      <c r="D74247" s="14" t="s">
        <v>382</v>
      </c>
      <c r="E74247" s="15">
        <v>45528</v>
      </c>
      <c r="F74247" s="14" t="s">
        <v>61</v>
      </c>
      <c r="G74247" s="16">
        <v>1.8284924146107189</v>
      </c>
    </row>
    <row r="74248" spans="1:7" x14ac:dyDescent="0.3">
      <c r="A74248" s="13" t="s">
        <v>381</v>
      </c>
      <c r="B74248" s="14" t="s">
        <v>1</v>
      </c>
      <c r="C74248" s="14" t="s">
        <v>23</v>
      </c>
      <c r="D74248" s="14" t="s">
        <v>382</v>
      </c>
      <c r="E74248" s="15">
        <v>45529</v>
      </c>
      <c r="F74248" s="14" t="s">
        <v>61</v>
      </c>
      <c r="G74248" s="16">
        <v>1.8284924146107189</v>
      </c>
    </row>
    <row r="74249" spans="1:7" x14ac:dyDescent="0.3">
      <c r="A74249" s="13" t="s">
        <v>381</v>
      </c>
      <c r="B74249" s="14" t="s">
        <v>1</v>
      </c>
      <c r="C74249" s="14" t="s">
        <v>23</v>
      </c>
      <c r="D74249" s="14" t="s">
        <v>382</v>
      </c>
      <c r="E74249" s="15">
        <v>45530</v>
      </c>
      <c r="F74249" s="14" t="s">
        <v>61</v>
      </c>
      <c r="G74249" s="16">
        <v>1.8460749241873073</v>
      </c>
    </row>
    <row r="74250" spans="1:7" x14ac:dyDescent="0.3">
      <c r="A74250" s="13" t="s">
        <v>381</v>
      </c>
      <c r="B74250" s="14" t="s">
        <v>1</v>
      </c>
      <c r="C74250" s="14" t="s">
        <v>23</v>
      </c>
      <c r="D74250" s="14" t="s">
        <v>382</v>
      </c>
      <c r="E74250" s="15">
        <v>45531</v>
      </c>
      <c r="F74250" s="14" t="s">
        <v>61</v>
      </c>
      <c r="G74250" s="16">
        <v>1.8790169689907383</v>
      </c>
    </row>
    <row r="74251" spans="1:7" x14ac:dyDescent="0.3">
      <c r="A74251" s="13" t="s">
        <v>381</v>
      </c>
      <c r="B74251" s="14" t="s">
        <v>1</v>
      </c>
      <c r="C74251" s="14" t="s">
        <v>23</v>
      </c>
      <c r="D74251" s="14" t="s">
        <v>382</v>
      </c>
      <c r="E74251" s="15">
        <v>45532</v>
      </c>
      <c r="F74251" s="14" t="s">
        <v>61</v>
      </c>
      <c r="G74251" s="16">
        <v>1.9025393667733792</v>
      </c>
    </row>
    <row r="74252" spans="1:7" x14ac:dyDescent="0.3">
      <c r="A74252" s="13" t="s">
        <v>381</v>
      </c>
      <c r="B74252" s="14" t="s">
        <v>1</v>
      </c>
      <c r="C74252" s="14" t="s">
        <v>23</v>
      </c>
      <c r="D74252" s="14" t="s">
        <v>382</v>
      </c>
      <c r="E74252" s="15">
        <v>45533</v>
      </c>
      <c r="F74252" s="14" t="s">
        <v>61</v>
      </c>
      <c r="G74252" s="16">
        <v>1.921887921014388</v>
      </c>
    </row>
    <row r="74253" spans="1:7" x14ac:dyDescent="0.3">
      <c r="A74253" s="13" t="s">
        <v>381</v>
      </c>
      <c r="B74253" s="14" t="s">
        <v>1</v>
      </c>
      <c r="C74253" s="14" t="s">
        <v>23</v>
      </c>
      <c r="D74253" s="14" t="s">
        <v>382</v>
      </c>
      <c r="E74253" s="15">
        <v>45534</v>
      </c>
      <c r="F74253" s="14" t="s">
        <v>61</v>
      </c>
      <c r="G74253" s="16">
        <v>1.939236548627288</v>
      </c>
    </row>
    <row r="74254" spans="1:7" x14ac:dyDescent="0.3">
      <c r="A74254" s="13" t="s">
        <v>381</v>
      </c>
      <c r="B74254" s="14" t="s">
        <v>1</v>
      </c>
      <c r="C74254" s="14" t="s">
        <v>23</v>
      </c>
      <c r="D74254" s="14" t="s">
        <v>382</v>
      </c>
      <c r="E74254" s="15">
        <v>45535</v>
      </c>
      <c r="F74254" s="14" t="s">
        <v>61</v>
      </c>
      <c r="G74254" s="16">
        <v>1.939236548627288</v>
      </c>
    </row>
    <row r="74255" spans="1:7" x14ac:dyDescent="0.3">
      <c r="A74255" s="13" t="s">
        <v>381</v>
      </c>
      <c r="B74255" s="14" t="s">
        <v>1</v>
      </c>
      <c r="C74255" s="14" t="s">
        <v>23</v>
      </c>
      <c r="D74255" s="14" t="s">
        <v>382</v>
      </c>
      <c r="E74255" s="15">
        <v>45536</v>
      </c>
      <c r="F74255" s="14" t="s">
        <v>61</v>
      </c>
      <c r="G74255" s="16">
        <v>1.939236548627288</v>
      </c>
    </row>
    <row r="74256" spans="1:7" x14ac:dyDescent="0.3">
      <c r="A74256" s="13" t="s">
        <v>381</v>
      </c>
      <c r="B74256" s="14" t="s">
        <v>1</v>
      </c>
      <c r="C74256" s="14" t="s">
        <v>23</v>
      </c>
      <c r="D74256" s="14" t="s">
        <v>382</v>
      </c>
      <c r="E74256" s="15">
        <v>45537</v>
      </c>
      <c r="F74256" s="14" t="s">
        <v>61</v>
      </c>
      <c r="G74256" s="16">
        <v>1.939236548627288</v>
      </c>
    </row>
    <row r="74257" spans="1:7" x14ac:dyDescent="0.3">
      <c r="A74257" s="13" t="s">
        <v>381</v>
      </c>
      <c r="B74257" s="14" t="s">
        <v>1</v>
      </c>
      <c r="C74257" s="14" t="s">
        <v>23</v>
      </c>
      <c r="D74257" s="14" t="s">
        <v>382</v>
      </c>
      <c r="E74257" s="15">
        <v>45538</v>
      </c>
      <c r="F74257" s="14" t="s">
        <v>61</v>
      </c>
      <c r="G74257" s="16">
        <v>1.9524746922187546</v>
      </c>
    </row>
    <row r="74258" spans="1:7" x14ac:dyDescent="0.3">
      <c r="A74258" s="13" t="s">
        <v>381</v>
      </c>
      <c r="B74258" s="14" t="s">
        <v>1</v>
      </c>
      <c r="C74258" s="14" t="s">
        <v>23</v>
      </c>
      <c r="D74258" s="14" t="s">
        <v>382</v>
      </c>
      <c r="E74258" s="15">
        <v>45539</v>
      </c>
      <c r="F74258" s="14" t="s">
        <v>61</v>
      </c>
      <c r="G74258" s="16">
        <v>1.9861336907516278</v>
      </c>
    </row>
    <row r="74259" spans="1:7" x14ac:dyDescent="0.3">
      <c r="A74259" s="13" t="s">
        <v>381</v>
      </c>
      <c r="B74259" s="14" t="s">
        <v>1</v>
      </c>
      <c r="C74259" s="14" t="s">
        <v>23</v>
      </c>
      <c r="D74259" s="14" t="s">
        <v>382</v>
      </c>
      <c r="E74259" s="15">
        <v>45540</v>
      </c>
      <c r="F74259" s="14" t="s">
        <v>61</v>
      </c>
      <c r="G74259" s="16">
        <v>1.9933555384119377</v>
      </c>
    </row>
    <row r="74260" spans="1:7" x14ac:dyDescent="0.3">
      <c r="A74260" s="13" t="s">
        <v>381</v>
      </c>
      <c r="B74260" s="14" t="s">
        <v>1</v>
      </c>
      <c r="C74260" s="14" t="s">
        <v>23</v>
      </c>
      <c r="D74260" s="14" t="s">
        <v>382</v>
      </c>
      <c r="E74260" s="15">
        <v>45541</v>
      </c>
      <c r="F74260" s="14" t="s">
        <v>61</v>
      </c>
      <c r="G74260" s="16">
        <v>2.0105666870796748</v>
      </c>
    </row>
    <row r="74261" spans="1:7" x14ac:dyDescent="0.3">
      <c r="A74261" s="13" t="s">
        <v>381</v>
      </c>
      <c r="B74261" s="14" t="s">
        <v>1</v>
      </c>
      <c r="C74261" s="14" t="s">
        <v>23</v>
      </c>
      <c r="D74261" s="14" t="s">
        <v>382</v>
      </c>
      <c r="E74261" s="15">
        <v>45542</v>
      </c>
      <c r="F74261" s="14" t="s">
        <v>61</v>
      </c>
      <c r="G74261" s="16">
        <v>2.0105666870796748</v>
      </c>
    </row>
    <row r="74262" spans="1:7" x14ac:dyDescent="0.3">
      <c r="A74262" s="13" t="s">
        <v>381</v>
      </c>
      <c r="B74262" s="14" t="s">
        <v>1</v>
      </c>
      <c r="C74262" s="14" t="s">
        <v>23</v>
      </c>
      <c r="D74262" s="14" t="s">
        <v>382</v>
      </c>
      <c r="E74262" s="15">
        <v>45543</v>
      </c>
      <c r="F74262" s="14" t="s">
        <v>61</v>
      </c>
      <c r="G74262" s="16">
        <v>2.0105666870796748</v>
      </c>
    </row>
    <row r="74263" spans="1:7" x14ac:dyDescent="0.3">
      <c r="A74263" s="13" t="s">
        <v>381</v>
      </c>
      <c r="B74263" s="14" t="s">
        <v>1</v>
      </c>
      <c r="C74263" s="14" t="s">
        <v>23</v>
      </c>
      <c r="D74263" s="14" t="s">
        <v>382</v>
      </c>
      <c r="E74263" s="15">
        <v>45544</v>
      </c>
      <c r="F74263" s="14" t="s">
        <v>61</v>
      </c>
      <c r="G74263" s="16">
        <v>2.0579323884809333</v>
      </c>
    </row>
    <row r="74264" spans="1:7" x14ac:dyDescent="0.3">
      <c r="A74264" s="13" t="s">
        <v>381</v>
      </c>
      <c r="B74264" s="14" t="s">
        <v>1</v>
      </c>
      <c r="C74264" s="14" t="s">
        <v>23</v>
      </c>
      <c r="D74264" s="14" t="s">
        <v>382</v>
      </c>
      <c r="E74264" s="15">
        <v>45545</v>
      </c>
      <c r="F74264" s="14" t="s">
        <v>61</v>
      </c>
      <c r="G74264" s="16">
        <v>2.0945447222400526</v>
      </c>
    </row>
    <row r="74265" spans="1:7" x14ac:dyDescent="0.3">
      <c r="A74265" s="13" t="s">
        <v>381</v>
      </c>
      <c r="B74265" s="14" t="s">
        <v>1</v>
      </c>
      <c r="C74265" s="14" t="s">
        <v>23</v>
      </c>
      <c r="D74265" s="14" t="s">
        <v>382</v>
      </c>
      <c r="E74265" s="15">
        <v>45546</v>
      </c>
      <c r="F74265" s="14" t="s">
        <v>61</v>
      </c>
      <c r="G74265" s="16">
        <v>2.1065126509408549</v>
      </c>
    </row>
    <row r="74266" spans="1:7" x14ac:dyDescent="0.3">
      <c r="A74266" s="13" t="s">
        <v>381</v>
      </c>
      <c r="B74266" s="14" t="s">
        <v>1</v>
      </c>
      <c r="C74266" s="14" t="s">
        <v>23</v>
      </c>
      <c r="D74266" s="14" t="s">
        <v>382</v>
      </c>
      <c r="E74266" s="15">
        <v>45547</v>
      </c>
      <c r="F74266" s="14" t="s">
        <v>61</v>
      </c>
      <c r="G74266" s="16">
        <v>2.1072728930367965</v>
      </c>
    </row>
    <row r="74267" spans="1:7" x14ac:dyDescent="0.3">
      <c r="A74267" s="13" t="s">
        <v>381</v>
      </c>
      <c r="B74267" s="14" t="s">
        <v>1</v>
      </c>
      <c r="C74267" s="14" t="s">
        <v>23</v>
      </c>
      <c r="D74267" s="14" t="s">
        <v>382</v>
      </c>
      <c r="E74267" s="15">
        <v>45548</v>
      </c>
      <c r="F74267" s="14" t="s">
        <v>61</v>
      </c>
      <c r="G74267" s="16">
        <v>2.1193287862185684</v>
      </c>
    </row>
    <row r="74268" spans="1:7" x14ac:dyDescent="0.3">
      <c r="A74268" s="13" t="s">
        <v>381</v>
      </c>
      <c r="B74268" s="14" t="s">
        <v>1</v>
      </c>
      <c r="C74268" s="14" t="s">
        <v>23</v>
      </c>
      <c r="D74268" s="14" t="s">
        <v>382</v>
      </c>
      <c r="E74268" s="15">
        <v>45549</v>
      </c>
      <c r="F74268" s="14" t="s">
        <v>61</v>
      </c>
      <c r="G74268" s="16">
        <v>2.1193287862185684</v>
      </c>
    </row>
    <row r="74269" spans="1:7" x14ac:dyDescent="0.3">
      <c r="A74269" s="13" t="s">
        <v>381</v>
      </c>
      <c r="B74269" s="14" t="s">
        <v>1</v>
      </c>
      <c r="C74269" s="14" t="s">
        <v>23</v>
      </c>
      <c r="D74269" s="14" t="s">
        <v>382</v>
      </c>
      <c r="E74269" s="15">
        <v>45550</v>
      </c>
      <c r="F74269" s="14" t="s">
        <v>61</v>
      </c>
      <c r="G74269" s="16">
        <v>2.1193287862185684</v>
      </c>
    </row>
    <row r="74270" spans="1:7" x14ac:dyDescent="0.3">
      <c r="A74270" s="13" t="s">
        <v>381</v>
      </c>
      <c r="B74270" s="14" t="s">
        <v>1</v>
      </c>
      <c r="C74270" s="14" t="s">
        <v>23</v>
      </c>
      <c r="D74270" s="14" t="s">
        <v>382</v>
      </c>
      <c r="E74270" s="15">
        <v>45551</v>
      </c>
      <c r="F74270" s="14" t="s">
        <v>61</v>
      </c>
      <c r="G74270" s="16">
        <v>2.1209123184481471</v>
      </c>
    </row>
    <row r="74271" spans="1:7" x14ac:dyDescent="0.3">
      <c r="A74271" s="13" t="s">
        <v>381</v>
      </c>
      <c r="B74271" s="14" t="s">
        <v>1</v>
      </c>
      <c r="C74271" s="14" t="s">
        <v>23</v>
      </c>
      <c r="D74271" s="14" t="s">
        <v>382</v>
      </c>
      <c r="E74271" s="15">
        <v>45552</v>
      </c>
      <c r="F74271" s="14" t="s">
        <v>61</v>
      </c>
      <c r="G74271" s="16">
        <v>2.1629212981264239</v>
      </c>
    </row>
    <row r="74272" spans="1:7" x14ac:dyDescent="0.3">
      <c r="A74272" s="13" t="s">
        <v>381</v>
      </c>
      <c r="B74272" s="14" t="s">
        <v>1</v>
      </c>
      <c r="C74272" s="14" t="s">
        <v>23</v>
      </c>
      <c r="D74272" s="14" t="s">
        <v>382</v>
      </c>
      <c r="E74272" s="15">
        <v>45553</v>
      </c>
      <c r="F74272" s="14" t="s">
        <v>61</v>
      </c>
      <c r="G74272" s="16">
        <v>2.1747373921258264</v>
      </c>
    </row>
    <row r="74273" spans="1:7" x14ac:dyDescent="0.3">
      <c r="A74273" s="13" t="s">
        <v>381</v>
      </c>
      <c r="B74273" s="14" t="s">
        <v>1</v>
      </c>
      <c r="C74273" s="14" t="s">
        <v>23</v>
      </c>
      <c r="D74273" s="14" t="s">
        <v>382</v>
      </c>
      <c r="E74273" s="15">
        <v>45554</v>
      </c>
      <c r="F74273" s="14" t="s">
        <v>61</v>
      </c>
      <c r="G74273" s="16">
        <v>2.1784228340358842</v>
      </c>
    </row>
    <row r="74274" spans="1:7" x14ac:dyDescent="0.3">
      <c r="A74274" s="13" t="s">
        <v>381</v>
      </c>
      <c r="B74274" s="14" t="s">
        <v>1</v>
      </c>
      <c r="C74274" s="14" t="s">
        <v>23</v>
      </c>
      <c r="D74274" s="14" t="s">
        <v>382</v>
      </c>
      <c r="E74274" s="15">
        <v>45555</v>
      </c>
      <c r="F74274" s="14" t="s">
        <v>61</v>
      </c>
      <c r="G74274" s="16">
        <v>2.1912234260729377</v>
      </c>
    </row>
    <row r="74275" spans="1:7" x14ac:dyDescent="0.3">
      <c r="A74275" s="13" t="s">
        <v>381</v>
      </c>
      <c r="B74275" s="14" t="s">
        <v>1</v>
      </c>
      <c r="C74275" s="14" t="s">
        <v>23</v>
      </c>
      <c r="D74275" s="14" t="s">
        <v>382</v>
      </c>
      <c r="E74275" s="15">
        <v>45556</v>
      </c>
      <c r="F74275" s="14" t="s">
        <v>61</v>
      </c>
      <c r="G74275" s="16">
        <v>2.1912234260729377</v>
      </c>
    </row>
    <row r="74276" spans="1:7" x14ac:dyDescent="0.3">
      <c r="A74276" s="13" t="s">
        <v>381</v>
      </c>
      <c r="B74276" s="14" t="s">
        <v>1</v>
      </c>
      <c r="C74276" s="14" t="s">
        <v>23</v>
      </c>
      <c r="D74276" s="14" t="s">
        <v>382</v>
      </c>
      <c r="E74276" s="15">
        <v>45557</v>
      </c>
      <c r="F74276" s="14" t="s">
        <v>61</v>
      </c>
      <c r="G74276" s="16">
        <v>2.1912234260729377</v>
      </c>
    </row>
    <row r="74277" spans="1:7" x14ac:dyDescent="0.3">
      <c r="A74277" s="13" t="s">
        <v>381</v>
      </c>
      <c r="B74277" s="14" t="s">
        <v>1</v>
      </c>
      <c r="C74277" s="14" t="s">
        <v>23</v>
      </c>
      <c r="D74277" s="14" t="s">
        <v>382</v>
      </c>
      <c r="E74277" s="15">
        <v>45558</v>
      </c>
      <c r="F74277" s="14" t="s">
        <v>61</v>
      </c>
      <c r="G74277" s="16">
        <v>2.2140907162545824</v>
      </c>
    </row>
    <row r="74278" spans="1:7" x14ac:dyDescent="0.3">
      <c r="A74278" s="13" t="s">
        <v>381</v>
      </c>
      <c r="B74278" s="14" t="s">
        <v>1</v>
      </c>
      <c r="C74278" s="14" t="s">
        <v>23</v>
      </c>
      <c r="D74278" s="14" t="s">
        <v>382</v>
      </c>
      <c r="E74278" s="15">
        <v>45559</v>
      </c>
      <c r="F74278" s="14" t="s">
        <v>61</v>
      </c>
      <c r="G74278" s="16">
        <v>2.2508293850051033</v>
      </c>
    </row>
    <row r="74279" spans="1:7" x14ac:dyDescent="0.3">
      <c r="A74279" s="13" t="s">
        <v>381</v>
      </c>
      <c r="B74279" s="14" t="s">
        <v>1</v>
      </c>
      <c r="C74279" s="14" t="s">
        <v>23</v>
      </c>
      <c r="D74279" s="14" t="s">
        <v>382</v>
      </c>
      <c r="E74279" s="15">
        <v>45560</v>
      </c>
      <c r="F74279" s="14" t="s">
        <v>61</v>
      </c>
      <c r="G74279" s="16">
        <v>2.2733755383702645</v>
      </c>
    </row>
    <row r="74280" spans="1:7" x14ac:dyDescent="0.3">
      <c r="A74280" s="13" t="s">
        <v>381</v>
      </c>
      <c r="B74280" s="14" t="s">
        <v>1</v>
      </c>
      <c r="C74280" s="14" t="s">
        <v>23</v>
      </c>
      <c r="D74280" s="14" t="s">
        <v>382</v>
      </c>
      <c r="E74280" s="15">
        <v>45561</v>
      </c>
      <c r="F74280" s="14" t="s">
        <v>61</v>
      </c>
      <c r="G74280" s="16">
        <v>2.2779361643780356</v>
      </c>
    </row>
    <row r="74281" spans="1:7" x14ac:dyDescent="0.3">
      <c r="A74281" s="13" t="s">
        <v>381</v>
      </c>
      <c r="B74281" s="14" t="s">
        <v>1</v>
      </c>
      <c r="C74281" s="14" t="s">
        <v>23</v>
      </c>
      <c r="D74281" s="14" t="s">
        <v>382</v>
      </c>
      <c r="E74281" s="15">
        <v>45562</v>
      </c>
      <c r="F74281" s="14" t="s">
        <v>61</v>
      </c>
      <c r="G74281" s="16">
        <v>2.296177450885462</v>
      </c>
    </row>
    <row r="74282" spans="1:7" x14ac:dyDescent="0.3">
      <c r="A74282" s="13" t="s">
        <v>381</v>
      </c>
      <c r="B74282" s="14" t="s">
        <v>1</v>
      </c>
      <c r="C74282" s="14" t="s">
        <v>23</v>
      </c>
      <c r="D74282" s="14" t="s">
        <v>382</v>
      </c>
      <c r="E74282" s="15">
        <v>45563</v>
      </c>
      <c r="F74282" s="14" t="s">
        <v>61</v>
      </c>
      <c r="G74282" s="16">
        <v>2.296177450885462</v>
      </c>
    </row>
    <row r="74283" spans="1:7" x14ac:dyDescent="0.3">
      <c r="A74283" s="13" t="s">
        <v>381</v>
      </c>
      <c r="B74283" s="14" t="s">
        <v>1</v>
      </c>
      <c r="C74283" s="14" t="s">
        <v>23</v>
      </c>
      <c r="D74283" s="14" t="s">
        <v>382</v>
      </c>
      <c r="E74283" s="15">
        <v>45564</v>
      </c>
      <c r="F74283" s="14" t="s">
        <v>61</v>
      </c>
      <c r="G74283" s="16">
        <v>2.296177450885462</v>
      </c>
    </row>
    <row r="74284" spans="1:7" x14ac:dyDescent="0.3">
      <c r="A74284" s="13" t="s">
        <v>381</v>
      </c>
      <c r="B74284" s="14" t="s">
        <v>1</v>
      </c>
      <c r="C74284" s="14" t="s">
        <v>23</v>
      </c>
      <c r="D74284" s="14" t="s">
        <v>382</v>
      </c>
      <c r="E74284" s="15">
        <v>45565</v>
      </c>
      <c r="F74284" s="14" t="s">
        <v>61</v>
      </c>
      <c r="G74284" s="16">
        <v>2.3155156335785083</v>
      </c>
    </row>
    <row r="74285" spans="1:7" x14ac:dyDescent="0.3">
      <c r="A74285" s="13" t="s">
        <v>381</v>
      </c>
      <c r="B74285" s="14" t="s">
        <v>1</v>
      </c>
      <c r="C74285" s="14" t="s">
        <v>23</v>
      </c>
      <c r="D74285" s="14" t="s">
        <v>382</v>
      </c>
      <c r="E74285" s="15">
        <v>45566</v>
      </c>
      <c r="F74285" s="14" t="s">
        <v>61</v>
      </c>
      <c r="G74285" s="16">
        <v>2.3688750876195481</v>
      </c>
    </row>
    <row r="74286" spans="1:7" x14ac:dyDescent="0.3">
      <c r="A74286" s="13" t="s">
        <v>381</v>
      </c>
      <c r="B74286" s="14" t="s">
        <v>1</v>
      </c>
      <c r="C74286" s="14" t="s">
        <v>23</v>
      </c>
      <c r="D74286" s="14" t="s">
        <v>382</v>
      </c>
      <c r="E74286" s="15">
        <v>45567</v>
      </c>
      <c r="F74286" s="14" t="s">
        <v>61</v>
      </c>
      <c r="G74286" s="16">
        <v>2.3869108802890358</v>
      </c>
    </row>
    <row r="74287" spans="1:7" x14ac:dyDescent="0.3">
      <c r="A74287" s="13" t="s">
        <v>381</v>
      </c>
      <c r="B74287" s="14" t="s">
        <v>1</v>
      </c>
      <c r="C74287" s="14" t="s">
        <v>23</v>
      </c>
      <c r="D74287" s="14" t="s">
        <v>382</v>
      </c>
      <c r="E74287" s="15">
        <v>45568</v>
      </c>
      <c r="F74287" s="14" t="s">
        <v>61</v>
      </c>
      <c r="G74287" s="16">
        <v>2.3946710166928851</v>
      </c>
    </row>
    <row r="74288" spans="1:7" x14ac:dyDescent="0.3">
      <c r="A74288" s="13" t="s">
        <v>381</v>
      </c>
      <c r="B74288" s="14" t="s">
        <v>1</v>
      </c>
      <c r="C74288" s="14" t="s">
        <v>23</v>
      </c>
      <c r="D74288" s="14" t="s">
        <v>382</v>
      </c>
      <c r="E74288" s="15">
        <v>45569</v>
      </c>
      <c r="F74288" s="14" t="s">
        <v>61</v>
      </c>
      <c r="G74288" s="16">
        <v>2.4197715388256538</v>
      </c>
    </row>
    <row r="74289" spans="1:7" x14ac:dyDescent="0.3">
      <c r="A74289" s="13" t="s">
        <v>381</v>
      </c>
      <c r="B74289" s="14" t="s">
        <v>1</v>
      </c>
      <c r="C74289" s="14" t="s">
        <v>23</v>
      </c>
      <c r="D74289" s="14" t="s">
        <v>382</v>
      </c>
      <c r="E74289" s="15">
        <v>45570</v>
      </c>
      <c r="F74289" s="14" t="s">
        <v>61</v>
      </c>
      <c r="G74289" s="16">
        <v>2.4197715388256538</v>
      </c>
    </row>
    <row r="74290" spans="1:7" x14ac:dyDescent="0.3">
      <c r="A74290" s="13" t="s">
        <v>381</v>
      </c>
      <c r="B74290" s="14" t="s">
        <v>1</v>
      </c>
      <c r="C74290" s="14" t="s">
        <v>23</v>
      </c>
      <c r="D74290" s="14" t="s">
        <v>382</v>
      </c>
      <c r="E74290" s="15">
        <v>45571</v>
      </c>
      <c r="F74290" s="14" t="s">
        <v>61</v>
      </c>
      <c r="G74290" s="16">
        <v>2.4197715388256538</v>
      </c>
    </row>
    <row r="74291" spans="1:7" x14ac:dyDescent="0.3">
      <c r="A74291" s="13" t="s">
        <v>381</v>
      </c>
      <c r="B74291" s="14" t="s">
        <v>1</v>
      </c>
      <c r="C74291" s="14" t="s">
        <v>23</v>
      </c>
      <c r="D74291" s="14" t="s">
        <v>382</v>
      </c>
      <c r="E74291" s="15">
        <v>45572</v>
      </c>
      <c r="F74291" s="14" t="s">
        <v>61</v>
      </c>
      <c r="G74291" s="16">
        <v>2.4547077523805201</v>
      </c>
    </row>
    <row r="74292" spans="1:7" x14ac:dyDescent="0.3">
      <c r="A74292" s="13" t="s">
        <v>381</v>
      </c>
      <c r="B74292" s="14" t="s">
        <v>1</v>
      </c>
      <c r="C74292" s="14" t="s">
        <v>23</v>
      </c>
      <c r="D74292" s="14" t="s">
        <v>382</v>
      </c>
      <c r="E74292" s="15">
        <v>45573</v>
      </c>
      <c r="F74292" s="14" t="s">
        <v>61</v>
      </c>
      <c r="G74292" s="16">
        <v>2.4957680320356119</v>
      </c>
    </row>
    <row r="74293" spans="1:7" x14ac:dyDescent="0.3">
      <c r="A74293" s="13" t="s">
        <v>381</v>
      </c>
      <c r="B74293" s="14" t="s">
        <v>1</v>
      </c>
      <c r="C74293" s="14" t="s">
        <v>23</v>
      </c>
      <c r="D74293" s="14" t="s">
        <v>382</v>
      </c>
      <c r="E74293" s="15">
        <v>45574</v>
      </c>
      <c r="F74293" s="14" t="s">
        <v>61</v>
      </c>
      <c r="G74293" s="16">
        <v>2.5192285275903661</v>
      </c>
    </row>
    <row r="74294" spans="1:7" x14ac:dyDescent="0.3">
      <c r="A74294" s="13" t="s">
        <v>381</v>
      </c>
      <c r="B74294" s="14" t="s">
        <v>1</v>
      </c>
      <c r="C74294" s="14" t="s">
        <v>23</v>
      </c>
      <c r="D74294" s="14" t="s">
        <v>382</v>
      </c>
      <c r="E74294" s="15">
        <v>45575</v>
      </c>
      <c r="F74294" s="14" t="s">
        <v>61</v>
      </c>
      <c r="G74294" s="16">
        <v>2.5336361907105767</v>
      </c>
    </row>
    <row r="74295" spans="1:7" x14ac:dyDescent="0.3">
      <c r="A74295" s="13" t="s">
        <v>381</v>
      </c>
      <c r="B74295" s="14" t="s">
        <v>1</v>
      </c>
      <c r="C74295" s="14" t="s">
        <v>23</v>
      </c>
      <c r="D74295" s="14" t="s">
        <v>382</v>
      </c>
      <c r="E74295" s="15">
        <v>45576</v>
      </c>
      <c r="F74295" s="14" t="s">
        <v>61</v>
      </c>
      <c r="G74295" s="16">
        <v>2.5464995853580681</v>
      </c>
    </row>
    <row r="74296" spans="1:7" x14ac:dyDescent="0.3">
      <c r="A74296" s="13" t="s">
        <v>381</v>
      </c>
      <c r="B74296" s="14" t="s">
        <v>1</v>
      </c>
      <c r="C74296" s="14" t="s">
        <v>23</v>
      </c>
      <c r="D74296" s="14" t="s">
        <v>382</v>
      </c>
      <c r="E74296" s="15">
        <v>45577</v>
      </c>
      <c r="F74296" s="14" t="s">
        <v>61</v>
      </c>
      <c r="G74296" s="16">
        <v>2.5464995853580681</v>
      </c>
    </row>
    <row r="74297" spans="1:7" x14ac:dyDescent="0.3">
      <c r="A74297" s="13" t="s">
        <v>381</v>
      </c>
      <c r="B74297" s="14" t="s">
        <v>1</v>
      </c>
      <c r="C74297" s="14" t="s">
        <v>23</v>
      </c>
      <c r="D74297" s="14" t="s">
        <v>382</v>
      </c>
      <c r="E74297" s="15">
        <v>45578</v>
      </c>
      <c r="F74297" s="14" t="s">
        <v>61</v>
      </c>
      <c r="G74297" s="16">
        <v>2.5464995853580681</v>
      </c>
    </row>
    <row r="74298" spans="1:7" x14ac:dyDescent="0.3">
      <c r="A74298" s="13" t="s">
        <v>381</v>
      </c>
      <c r="B74298" s="14" t="s">
        <v>1</v>
      </c>
      <c r="C74298" s="14" t="s">
        <v>23</v>
      </c>
      <c r="D74298" s="14" t="s">
        <v>382</v>
      </c>
      <c r="E74298" s="15">
        <v>45579</v>
      </c>
      <c r="F74298" s="14" t="s">
        <v>61</v>
      </c>
      <c r="G74298" s="16">
        <v>2.5464995853580681</v>
      </c>
    </row>
    <row r="74299" spans="1:7" x14ac:dyDescent="0.3">
      <c r="A74299" s="13" t="s">
        <v>381</v>
      </c>
      <c r="B74299" s="14" t="s">
        <v>1</v>
      </c>
      <c r="C74299" s="14" t="s">
        <v>23</v>
      </c>
      <c r="D74299" s="14" t="s">
        <v>382</v>
      </c>
      <c r="E74299" s="15">
        <v>45580</v>
      </c>
      <c r="F74299" s="14" t="s">
        <v>61</v>
      </c>
      <c r="G74299" s="16">
        <v>2.5708792743466415</v>
      </c>
    </row>
    <row r="74300" spans="1:7" x14ac:dyDescent="0.3">
      <c r="A74300" s="13" t="s">
        <v>381</v>
      </c>
      <c r="B74300" s="14" t="s">
        <v>1</v>
      </c>
      <c r="C74300" s="14" t="s">
        <v>23</v>
      </c>
      <c r="D74300" s="14" t="s">
        <v>382</v>
      </c>
      <c r="E74300" s="15">
        <v>45581</v>
      </c>
      <c r="F74300" s="14" t="s">
        <v>61</v>
      </c>
      <c r="G74300" s="16">
        <v>2.6321443884417688</v>
      </c>
    </row>
    <row r="74301" spans="1:7" x14ac:dyDescent="0.3">
      <c r="A74301" s="13" t="s">
        <v>381</v>
      </c>
      <c r="B74301" s="14" t="s">
        <v>1</v>
      </c>
      <c r="C74301" s="14" t="s">
        <v>23</v>
      </c>
      <c r="D74301" s="14" t="s">
        <v>382</v>
      </c>
      <c r="E74301" s="15">
        <v>45582</v>
      </c>
      <c r="F74301" s="14" t="s">
        <v>61</v>
      </c>
      <c r="G74301" s="16">
        <v>2.6529029559120456</v>
      </c>
    </row>
    <row r="74302" spans="1:7" x14ac:dyDescent="0.3">
      <c r="A74302" s="13" t="s">
        <v>381</v>
      </c>
      <c r="B74302" s="14" t="s">
        <v>1</v>
      </c>
      <c r="C74302" s="14" t="s">
        <v>23</v>
      </c>
      <c r="D74302" s="14" t="s">
        <v>382</v>
      </c>
      <c r="E74302" s="15">
        <v>45583</v>
      </c>
      <c r="F74302" s="14" t="s">
        <v>61</v>
      </c>
      <c r="G74302" s="16">
        <v>2.6575932775571456</v>
      </c>
    </row>
    <row r="74303" spans="1:7" x14ac:dyDescent="0.3">
      <c r="A74303" s="13" t="s">
        <v>381</v>
      </c>
      <c r="B74303" s="14" t="s">
        <v>1</v>
      </c>
      <c r="C74303" s="14" t="s">
        <v>23</v>
      </c>
      <c r="D74303" s="14" t="s">
        <v>382</v>
      </c>
      <c r="E74303" s="15">
        <v>45584</v>
      </c>
      <c r="F74303" s="14" t="s">
        <v>61</v>
      </c>
      <c r="G74303" s="16">
        <v>2.6575932775571456</v>
      </c>
    </row>
    <row r="74304" spans="1:7" x14ac:dyDescent="0.3">
      <c r="A74304" s="13" t="s">
        <v>381</v>
      </c>
      <c r="B74304" s="14" t="s">
        <v>1</v>
      </c>
      <c r="C74304" s="14" t="s">
        <v>23</v>
      </c>
      <c r="D74304" s="14" t="s">
        <v>382</v>
      </c>
      <c r="E74304" s="15">
        <v>45585</v>
      </c>
      <c r="F74304" s="14" t="s">
        <v>61</v>
      </c>
      <c r="G74304" s="16">
        <v>2.6575932775571456</v>
      </c>
    </row>
    <row r="74305" spans="1:7" x14ac:dyDescent="0.3">
      <c r="A74305" s="13" t="s">
        <v>381</v>
      </c>
      <c r="B74305" s="14" t="s">
        <v>1</v>
      </c>
      <c r="C74305" s="14" t="s">
        <v>23</v>
      </c>
      <c r="D74305" s="14" t="s">
        <v>382</v>
      </c>
      <c r="E74305" s="15">
        <v>45586</v>
      </c>
      <c r="F74305" s="14" t="s">
        <v>61</v>
      </c>
      <c r="G74305" s="16">
        <v>2.6827224556638147</v>
      </c>
    </row>
    <row r="74306" spans="1:7" x14ac:dyDescent="0.3">
      <c r="A74306" s="13" t="s">
        <v>381</v>
      </c>
      <c r="B74306" s="14" t="s">
        <v>1</v>
      </c>
      <c r="C74306" s="14" t="s">
        <v>23</v>
      </c>
      <c r="D74306" s="14" t="s">
        <v>382</v>
      </c>
      <c r="E74306" s="15">
        <v>45587</v>
      </c>
      <c r="F74306" s="14" t="s">
        <v>61</v>
      </c>
      <c r="G74306" s="16">
        <v>2.7262680885456643</v>
      </c>
    </row>
    <row r="74307" spans="1:7" x14ac:dyDescent="0.3">
      <c r="A74307" s="13" t="s">
        <v>381</v>
      </c>
      <c r="B74307" s="14" t="s">
        <v>1</v>
      </c>
      <c r="C74307" s="14" t="s">
        <v>23</v>
      </c>
      <c r="D74307" s="14" t="s">
        <v>382</v>
      </c>
      <c r="E74307" s="15">
        <v>45588</v>
      </c>
      <c r="F74307" s="14" t="s">
        <v>61</v>
      </c>
      <c r="G74307" s="16">
        <v>2.7440868556508144</v>
      </c>
    </row>
    <row r="74308" spans="1:7" x14ac:dyDescent="0.3">
      <c r="A74308" s="13" t="s">
        <v>381</v>
      </c>
      <c r="B74308" s="14" t="s">
        <v>1</v>
      </c>
      <c r="C74308" s="14" t="s">
        <v>23</v>
      </c>
      <c r="D74308" s="14" t="s">
        <v>382</v>
      </c>
      <c r="E74308" s="15">
        <v>45589</v>
      </c>
      <c r="F74308" s="14" t="s">
        <v>61</v>
      </c>
      <c r="G74308" s="16">
        <v>2.7458592542143956</v>
      </c>
    </row>
    <row r="74309" spans="1:7" x14ac:dyDescent="0.3">
      <c r="A74309" s="13" t="s">
        <v>381</v>
      </c>
      <c r="B74309" s="14" t="s">
        <v>1</v>
      </c>
      <c r="C74309" s="14" t="s">
        <v>23</v>
      </c>
      <c r="D74309" s="14" t="s">
        <v>382</v>
      </c>
      <c r="E74309" s="15">
        <v>45590</v>
      </c>
      <c r="F74309" s="14" t="s">
        <v>61</v>
      </c>
      <c r="G74309" s="16">
        <v>2.7669931852736926</v>
      </c>
    </row>
    <row r="74310" spans="1:7" x14ac:dyDescent="0.3">
      <c r="A74310" s="13" t="s">
        <v>381</v>
      </c>
      <c r="B74310" s="14" t="s">
        <v>1</v>
      </c>
      <c r="C74310" s="14" t="s">
        <v>23</v>
      </c>
      <c r="D74310" s="14" t="s">
        <v>382</v>
      </c>
      <c r="E74310" s="15">
        <v>45591</v>
      </c>
      <c r="F74310" s="14" t="s">
        <v>61</v>
      </c>
      <c r="G74310" s="16">
        <v>2.7669931852736926</v>
      </c>
    </row>
    <row r="74311" spans="1:7" x14ac:dyDescent="0.3">
      <c r="A74311" s="13" t="s">
        <v>381</v>
      </c>
      <c r="B74311" s="14" t="s">
        <v>1</v>
      </c>
      <c r="C74311" s="14" t="s">
        <v>23</v>
      </c>
      <c r="D74311" s="14" t="s">
        <v>382</v>
      </c>
      <c r="E74311" s="15">
        <v>45592</v>
      </c>
      <c r="F74311" s="14" t="s">
        <v>61</v>
      </c>
      <c r="G74311" s="16">
        <v>2.7669931852736926</v>
      </c>
    </row>
    <row r="74312" spans="1:7" x14ac:dyDescent="0.3">
      <c r="A74312" s="13" t="s">
        <v>381</v>
      </c>
      <c r="B74312" s="14" t="s">
        <v>1</v>
      </c>
      <c r="C74312" s="14" t="s">
        <v>23</v>
      </c>
      <c r="D74312" s="14" t="s">
        <v>382</v>
      </c>
      <c r="E74312" s="15">
        <v>45593</v>
      </c>
      <c r="F74312" s="14" t="s">
        <v>61</v>
      </c>
      <c r="G74312" s="16">
        <v>2.7669931852736926</v>
      </c>
    </row>
    <row r="74313" spans="1:7" x14ac:dyDescent="0.3">
      <c r="A74313" s="13" t="s">
        <v>381</v>
      </c>
      <c r="B74313" s="14" t="s">
        <v>1</v>
      </c>
      <c r="C74313" s="14" t="s">
        <v>23</v>
      </c>
      <c r="D74313" s="14" t="s">
        <v>382</v>
      </c>
      <c r="E74313" s="15">
        <v>45594</v>
      </c>
      <c r="F74313" s="14" t="s">
        <v>61</v>
      </c>
      <c r="G74313" s="16">
        <v>2.7770661351579289</v>
      </c>
    </row>
    <row r="74314" spans="1:7" x14ac:dyDescent="0.3">
      <c r="A74314" s="13" t="s">
        <v>381</v>
      </c>
      <c r="B74314" s="14" t="s">
        <v>1</v>
      </c>
      <c r="C74314" s="14" t="s">
        <v>23</v>
      </c>
      <c r="D74314" s="14" t="s">
        <v>382</v>
      </c>
      <c r="E74314" s="15">
        <v>45595</v>
      </c>
      <c r="F74314" s="14" t="s">
        <v>61</v>
      </c>
      <c r="G74314" s="16">
        <v>2.8186846385570528</v>
      </c>
    </row>
    <row r="74315" spans="1:7" x14ac:dyDescent="0.3">
      <c r="A74315" s="13" t="s">
        <v>381</v>
      </c>
      <c r="B74315" s="14" t="s">
        <v>1</v>
      </c>
      <c r="C74315" s="14" t="s">
        <v>23</v>
      </c>
      <c r="D74315" s="14" t="s">
        <v>382</v>
      </c>
      <c r="E74315" s="15">
        <v>45596</v>
      </c>
      <c r="F74315" s="14" t="s">
        <v>61</v>
      </c>
      <c r="G74315" s="16">
        <v>2.8133616485406292</v>
      </c>
    </row>
    <row r="74316" spans="1:7" x14ac:dyDescent="0.3">
      <c r="A74316" s="13" t="s">
        <v>381</v>
      </c>
      <c r="B74316" s="14" t="s">
        <v>1</v>
      </c>
      <c r="C74316" s="14" t="s">
        <v>23</v>
      </c>
      <c r="D74316" s="14" t="s">
        <v>382</v>
      </c>
      <c r="E74316" s="15">
        <v>45597</v>
      </c>
      <c r="F74316" s="14" t="s">
        <v>61</v>
      </c>
      <c r="G74316" s="16">
        <v>2.8386836800023159</v>
      </c>
    </row>
    <row r="74317" spans="1:7" x14ac:dyDescent="0.3">
      <c r="A74317" s="13" t="s">
        <v>381</v>
      </c>
      <c r="B74317" s="14" t="s">
        <v>1</v>
      </c>
      <c r="C74317" s="14" t="s">
        <v>23</v>
      </c>
      <c r="D74317" s="14" t="s">
        <v>382</v>
      </c>
      <c r="E74317" s="15">
        <v>45598</v>
      </c>
      <c r="F74317" s="14" t="s">
        <v>61</v>
      </c>
      <c r="G74317" s="16">
        <v>2.8386836800023159</v>
      </c>
    </row>
    <row r="74318" spans="1:7" x14ac:dyDescent="0.3">
      <c r="A74318" s="13" t="s">
        <v>381</v>
      </c>
      <c r="B74318" s="14" t="s">
        <v>1</v>
      </c>
      <c r="C74318" s="14" t="s">
        <v>23</v>
      </c>
      <c r="D74318" s="14" t="s">
        <v>382</v>
      </c>
      <c r="E74318" s="15">
        <v>45599</v>
      </c>
      <c r="F74318" s="14" t="s">
        <v>61</v>
      </c>
      <c r="G74318" s="16">
        <v>2.8386836800023159</v>
      </c>
    </row>
    <row r="74319" spans="1:7" x14ac:dyDescent="0.3">
      <c r="A74319" s="13" t="s">
        <v>381</v>
      </c>
      <c r="B74319" s="14" t="s">
        <v>1</v>
      </c>
      <c r="C74319" s="14" t="s">
        <v>23</v>
      </c>
      <c r="D74319" s="14" t="s">
        <v>382</v>
      </c>
      <c r="E74319" s="15">
        <v>45600</v>
      </c>
      <c r="F74319" s="14" t="s">
        <v>61</v>
      </c>
      <c r="G74319" s="16">
        <v>2.8322050756507546</v>
      </c>
    </row>
    <row r="74320" spans="1:7" x14ac:dyDescent="0.3">
      <c r="A74320" s="13" t="s">
        <v>381</v>
      </c>
      <c r="B74320" s="14" t="s">
        <v>1</v>
      </c>
      <c r="C74320" s="14" t="s">
        <v>23</v>
      </c>
      <c r="D74320" s="14" t="s">
        <v>382</v>
      </c>
      <c r="E74320" s="15">
        <v>45601</v>
      </c>
      <c r="F74320" s="14" t="s">
        <v>61</v>
      </c>
      <c r="G74320" s="16">
        <v>2.8576530252922892</v>
      </c>
    </row>
    <row r="74321" spans="1:7" x14ac:dyDescent="0.3">
      <c r="A74321" s="13" t="s">
        <v>381</v>
      </c>
      <c r="B74321" s="14" t="s">
        <v>1</v>
      </c>
      <c r="C74321" s="14" t="s">
        <v>23</v>
      </c>
      <c r="D74321" s="14" t="s">
        <v>382</v>
      </c>
      <c r="E74321" s="15">
        <v>45602</v>
      </c>
      <c r="F74321" s="14" t="s">
        <v>61</v>
      </c>
      <c r="G74321" s="16">
        <v>2.9250901373883589</v>
      </c>
    </row>
    <row r="74322" spans="1:7" x14ac:dyDescent="0.3">
      <c r="A74322" s="13" t="s">
        <v>381</v>
      </c>
      <c r="B74322" s="14" t="s">
        <v>1</v>
      </c>
      <c r="C74322" s="14" t="s">
        <v>23</v>
      </c>
      <c r="D74322" s="14" t="s">
        <v>382</v>
      </c>
      <c r="E74322" s="15">
        <v>45603</v>
      </c>
      <c r="F74322" s="14" t="s">
        <v>61</v>
      </c>
      <c r="G74322" s="16">
        <v>2.91911483084548</v>
      </c>
    </row>
    <row r="74323" spans="1:7" x14ac:dyDescent="0.3">
      <c r="A74323" s="13" t="s">
        <v>381</v>
      </c>
      <c r="B74323" s="14" t="s">
        <v>1</v>
      </c>
      <c r="C74323" s="14" t="s">
        <v>23</v>
      </c>
      <c r="D74323" s="14" t="s">
        <v>382</v>
      </c>
      <c r="E74323" s="15">
        <v>45604</v>
      </c>
      <c r="F74323" s="14" t="s">
        <v>61</v>
      </c>
      <c r="G74323" s="16">
        <v>2.9565025768080528</v>
      </c>
    </row>
    <row r="74324" spans="1:7" x14ac:dyDescent="0.3">
      <c r="A74324" s="13" t="s">
        <v>381</v>
      </c>
      <c r="B74324" s="14" t="s">
        <v>1</v>
      </c>
      <c r="C74324" s="14" t="s">
        <v>23</v>
      </c>
      <c r="D74324" s="14" t="s">
        <v>382</v>
      </c>
      <c r="E74324" s="15">
        <v>45605</v>
      </c>
      <c r="F74324" s="14" t="s">
        <v>61</v>
      </c>
      <c r="G74324" s="16">
        <v>2.9565025768080528</v>
      </c>
    </row>
    <row r="74325" spans="1:7" x14ac:dyDescent="0.3">
      <c r="A74325" s="13" t="s">
        <v>381</v>
      </c>
      <c r="B74325" s="14" t="s">
        <v>1</v>
      </c>
      <c r="C74325" s="14" t="s">
        <v>23</v>
      </c>
      <c r="D74325" s="14" t="s">
        <v>382</v>
      </c>
      <c r="E74325" s="15">
        <v>45606</v>
      </c>
      <c r="F74325" s="14" t="s">
        <v>61</v>
      </c>
      <c r="G74325" s="16">
        <v>2.9565025768080528</v>
      </c>
    </row>
    <row r="74326" spans="1:7" x14ac:dyDescent="0.3">
      <c r="A74326" s="13" t="s">
        <v>381</v>
      </c>
      <c r="B74326" s="14" t="s">
        <v>1</v>
      </c>
      <c r="C74326" s="14" t="s">
        <v>23</v>
      </c>
      <c r="D74326" s="14" t="s">
        <v>382</v>
      </c>
      <c r="E74326" s="15">
        <v>45607</v>
      </c>
      <c r="F74326" s="14" t="s">
        <v>61</v>
      </c>
      <c r="G74326" s="16">
        <v>2.9565025768080528</v>
      </c>
    </row>
    <row r="74327" spans="1:7" x14ac:dyDescent="0.3">
      <c r="A74327" s="13" t="s">
        <v>381</v>
      </c>
      <c r="B74327" s="14" t="s">
        <v>1</v>
      </c>
      <c r="C74327" s="14" t="s">
        <v>23</v>
      </c>
      <c r="D74327" s="14" t="s">
        <v>382</v>
      </c>
      <c r="E74327" s="15">
        <v>45608</v>
      </c>
      <c r="F74327" s="14" t="s">
        <v>61</v>
      </c>
      <c r="G74327" s="16">
        <v>2.9960160638711577</v>
      </c>
    </row>
    <row r="74328" spans="1:7" x14ac:dyDescent="0.3">
      <c r="A74328" s="13" t="s">
        <v>381</v>
      </c>
      <c r="B74328" s="14" t="s">
        <v>1</v>
      </c>
      <c r="C74328" s="14" t="s">
        <v>23</v>
      </c>
      <c r="D74328" s="14" t="s">
        <v>382</v>
      </c>
      <c r="E74328" s="15">
        <v>45609</v>
      </c>
      <c r="F74328" s="14" t="s">
        <v>61</v>
      </c>
      <c r="G74328" s="16">
        <v>3.0777863114469022</v>
      </c>
    </row>
    <row r="74329" spans="1:7" x14ac:dyDescent="0.3">
      <c r="A74329" s="13" t="s">
        <v>381</v>
      </c>
      <c r="B74329" s="14" t="s">
        <v>1</v>
      </c>
      <c r="C74329" s="14" t="s">
        <v>23</v>
      </c>
      <c r="D74329" s="14" t="s">
        <v>382</v>
      </c>
      <c r="E74329" s="15">
        <v>45610</v>
      </c>
      <c r="F74329" s="14" t="s">
        <v>61</v>
      </c>
      <c r="G74329" s="16">
        <v>3.1007683956611776</v>
      </c>
    </row>
    <row r="74330" spans="1:7" x14ac:dyDescent="0.3">
      <c r="A74330" s="13" t="s">
        <v>381</v>
      </c>
      <c r="B74330" s="14" t="s">
        <v>1</v>
      </c>
      <c r="C74330" s="14" t="s">
        <v>23</v>
      </c>
      <c r="D74330" s="14" t="s">
        <v>382</v>
      </c>
      <c r="E74330" s="15">
        <v>45611</v>
      </c>
      <c r="F74330" s="14" t="s">
        <v>61</v>
      </c>
      <c r="G74330" s="16">
        <v>3.1103870379957952</v>
      </c>
    </row>
    <row r="74331" spans="1:7" x14ac:dyDescent="0.3">
      <c r="A74331" s="13" t="s">
        <v>381</v>
      </c>
      <c r="B74331" s="14" t="s">
        <v>1</v>
      </c>
      <c r="C74331" s="14" t="s">
        <v>23</v>
      </c>
      <c r="D74331" s="14" t="s">
        <v>382</v>
      </c>
      <c r="E74331" s="15">
        <v>45612</v>
      </c>
      <c r="F74331" s="14" t="s">
        <v>61</v>
      </c>
      <c r="G74331" s="16">
        <v>3.1103870379957952</v>
      </c>
    </row>
    <row r="74332" spans="1:7" x14ac:dyDescent="0.3">
      <c r="A74332" s="13" t="s">
        <v>381</v>
      </c>
      <c r="B74332" s="14" t="s">
        <v>1</v>
      </c>
      <c r="C74332" s="14" t="s">
        <v>23</v>
      </c>
      <c r="D74332" s="14" t="s">
        <v>382</v>
      </c>
      <c r="E74332" s="15">
        <v>45613</v>
      </c>
      <c r="F74332" s="14" t="s">
        <v>61</v>
      </c>
      <c r="G74332" s="16">
        <v>3.1103870379957952</v>
      </c>
    </row>
    <row r="74333" spans="1:7" x14ac:dyDescent="0.3">
      <c r="A74333" s="13" t="s">
        <v>381</v>
      </c>
      <c r="B74333" s="14" t="s">
        <v>1</v>
      </c>
      <c r="C74333" s="14" t="s">
        <v>23</v>
      </c>
      <c r="D74333" s="14" t="s">
        <v>382</v>
      </c>
      <c r="E74333" s="15">
        <v>45614</v>
      </c>
      <c r="F74333" s="14" t="s">
        <v>61</v>
      </c>
      <c r="G74333" s="16">
        <v>3.1058119662075487</v>
      </c>
    </row>
    <row r="74334" spans="1:7" x14ac:dyDescent="0.3">
      <c r="A74334" s="13" t="s">
        <v>381</v>
      </c>
      <c r="B74334" s="14" t="s">
        <v>1</v>
      </c>
      <c r="C74334" s="14" t="s">
        <v>23</v>
      </c>
      <c r="D74334" s="14" t="s">
        <v>382</v>
      </c>
      <c r="E74334" s="15">
        <v>45615</v>
      </c>
      <c r="F74334" s="14" t="s">
        <v>61</v>
      </c>
      <c r="G74334" s="16">
        <v>3.144837792302301</v>
      </c>
    </row>
    <row r="74335" spans="1:7" x14ac:dyDescent="0.3">
      <c r="A74335" s="13" t="s">
        <v>381</v>
      </c>
      <c r="B74335" s="14" t="s">
        <v>1</v>
      </c>
      <c r="C74335" s="14" t="s">
        <v>23</v>
      </c>
      <c r="D74335" s="14" t="s">
        <v>382</v>
      </c>
      <c r="E74335" s="15">
        <v>45616</v>
      </c>
      <c r="F74335" s="14" t="s">
        <v>61</v>
      </c>
      <c r="G74335" s="16">
        <v>3.173226136844018</v>
      </c>
    </row>
    <row r="74336" spans="1:7" x14ac:dyDescent="0.3">
      <c r="A74336" s="13" t="s">
        <v>381</v>
      </c>
      <c r="B74336" s="14" t="s">
        <v>1</v>
      </c>
      <c r="C74336" s="14" t="s">
        <v>23</v>
      </c>
      <c r="D74336" s="14" t="s">
        <v>382</v>
      </c>
      <c r="E74336" s="15">
        <v>45617</v>
      </c>
      <c r="F74336" s="14" t="s">
        <v>61</v>
      </c>
      <c r="G74336" s="16">
        <v>3.2077318650482924</v>
      </c>
    </row>
    <row r="74337" spans="1:7" x14ac:dyDescent="0.3">
      <c r="A74337" s="13" t="s">
        <v>381</v>
      </c>
      <c r="B74337" s="14" t="s">
        <v>1</v>
      </c>
      <c r="C74337" s="14" t="s">
        <v>23</v>
      </c>
      <c r="D74337" s="14" t="s">
        <v>382</v>
      </c>
      <c r="E74337" s="15">
        <v>45618</v>
      </c>
      <c r="F74337" s="14" t="s">
        <v>61</v>
      </c>
      <c r="G74337" s="16">
        <v>3.2372972816921082</v>
      </c>
    </row>
    <row r="74338" spans="1:7" x14ac:dyDescent="0.3">
      <c r="A74338" s="13" t="s">
        <v>381</v>
      </c>
      <c r="B74338" s="14" t="s">
        <v>1</v>
      </c>
      <c r="C74338" s="14" t="s">
        <v>23</v>
      </c>
      <c r="D74338" s="14" t="s">
        <v>382</v>
      </c>
      <c r="E74338" s="15">
        <v>45619</v>
      </c>
      <c r="F74338" s="14" t="s">
        <v>61</v>
      </c>
      <c r="G74338" s="16">
        <v>3.2372972816921082</v>
      </c>
    </row>
    <row r="74339" spans="1:7" x14ac:dyDescent="0.3">
      <c r="A74339" s="13" t="s">
        <v>381</v>
      </c>
      <c r="B74339" s="14" t="s">
        <v>1</v>
      </c>
      <c r="C74339" s="14" t="s">
        <v>23</v>
      </c>
      <c r="D74339" s="14" t="s">
        <v>382</v>
      </c>
      <c r="E74339" s="15">
        <v>45620</v>
      </c>
      <c r="F74339" s="14" t="s">
        <v>61</v>
      </c>
      <c r="G74339" s="16">
        <v>3.2372972816921082</v>
      </c>
    </row>
    <row r="74340" spans="1:7" x14ac:dyDescent="0.3">
      <c r="A74340" s="13" t="s">
        <v>381</v>
      </c>
      <c r="B74340" s="14" t="s">
        <v>1</v>
      </c>
      <c r="C74340" s="14" t="s">
        <v>23</v>
      </c>
      <c r="D74340" s="14" t="s">
        <v>382</v>
      </c>
      <c r="E74340" s="15">
        <v>45621</v>
      </c>
      <c r="F74340" s="14" t="s">
        <v>61</v>
      </c>
      <c r="G74340" s="16">
        <v>3.2276158548241711</v>
      </c>
    </row>
    <row r="74341" spans="1:7" x14ac:dyDescent="0.3">
      <c r="A74341" s="13" t="s">
        <v>381</v>
      </c>
      <c r="B74341" s="14" t="s">
        <v>1</v>
      </c>
      <c r="C74341" s="14" t="s">
        <v>23</v>
      </c>
      <c r="D74341" s="14" t="s">
        <v>382</v>
      </c>
      <c r="E74341" s="15">
        <v>45622</v>
      </c>
      <c r="F74341" s="14" t="s">
        <v>61</v>
      </c>
      <c r="G74341" s="16">
        <v>3.2675834879123267</v>
      </c>
    </row>
    <row r="74342" spans="1:7" x14ac:dyDescent="0.3">
      <c r="A74342" s="13" t="s">
        <v>381</v>
      </c>
      <c r="B74342" s="14" t="s">
        <v>1</v>
      </c>
      <c r="C74342" s="14" t="s">
        <v>23</v>
      </c>
      <c r="D74342" s="14" t="s">
        <v>382</v>
      </c>
      <c r="E74342" s="15">
        <v>45623</v>
      </c>
      <c r="F74342" s="14" t="s">
        <v>61</v>
      </c>
      <c r="G74342" s="16">
        <v>3.2564311368519934</v>
      </c>
    </row>
    <row r="74343" spans="1:7" x14ac:dyDescent="0.3">
      <c r="A74343" s="13" t="s">
        <v>381</v>
      </c>
      <c r="B74343" s="14" t="s">
        <v>1</v>
      </c>
      <c r="C74343" s="14" t="s">
        <v>23</v>
      </c>
      <c r="D74343" s="14" t="s">
        <v>382</v>
      </c>
      <c r="E74343" s="15">
        <v>45624</v>
      </c>
      <c r="F74343" s="14" t="s">
        <v>61</v>
      </c>
      <c r="G74343" s="16">
        <v>3.2564311368519934</v>
      </c>
    </row>
    <row r="74344" spans="1:7" x14ac:dyDescent="0.3">
      <c r="A74344" s="13" t="s">
        <v>381</v>
      </c>
      <c r="B74344" s="14" t="s">
        <v>1</v>
      </c>
      <c r="C74344" s="14" t="s">
        <v>23</v>
      </c>
      <c r="D74344" s="14" t="s">
        <v>382</v>
      </c>
      <c r="E74344" s="15">
        <v>45625</v>
      </c>
      <c r="F74344" s="14" t="s">
        <v>61</v>
      </c>
      <c r="G74344" s="16">
        <v>3.2699737444803625</v>
      </c>
    </row>
    <row r="74345" spans="1:7" x14ac:dyDescent="0.3">
      <c r="A74345" s="13" t="s">
        <v>381</v>
      </c>
      <c r="B74345" s="14" t="s">
        <v>1</v>
      </c>
      <c r="C74345" s="14" t="s">
        <v>23</v>
      </c>
      <c r="D74345" s="14" t="s">
        <v>382</v>
      </c>
      <c r="E74345" s="15">
        <v>45626</v>
      </c>
      <c r="F74345" s="14" t="s">
        <v>61</v>
      </c>
      <c r="G74345" s="16">
        <v>3.2699737444803625</v>
      </c>
    </row>
    <row r="74346" spans="1:7" x14ac:dyDescent="0.3">
      <c r="A74346" s="13" t="s">
        <v>381</v>
      </c>
      <c r="B74346" s="14" t="s">
        <v>1</v>
      </c>
      <c r="C74346" s="14" t="s">
        <v>23</v>
      </c>
      <c r="D74346" s="14" t="s">
        <v>382</v>
      </c>
      <c r="E74346" s="15">
        <v>45627</v>
      </c>
      <c r="F74346" s="14" t="s">
        <v>61</v>
      </c>
      <c r="G74346" s="16">
        <v>3.2699737444803625</v>
      </c>
    </row>
    <row r="74347" spans="1:7" x14ac:dyDescent="0.3">
      <c r="A74347" s="13" t="s">
        <v>381</v>
      </c>
      <c r="B74347" s="14" t="s">
        <v>1</v>
      </c>
      <c r="C74347" s="14" t="s">
        <v>23</v>
      </c>
      <c r="D74347" s="14" t="s">
        <v>382</v>
      </c>
      <c r="E74347" s="15">
        <v>45628</v>
      </c>
      <c r="F74347" s="14" t="s">
        <v>61</v>
      </c>
      <c r="G74347" s="16">
        <v>3.3207259727111653</v>
      </c>
    </row>
    <row r="74348" spans="1:7" x14ac:dyDescent="0.3">
      <c r="A74348" s="13" t="s">
        <v>381</v>
      </c>
      <c r="B74348" s="14" t="s">
        <v>1</v>
      </c>
      <c r="C74348" s="14" t="s">
        <v>23</v>
      </c>
      <c r="D74348" s="14" t="s">
        <v>382</v>
      </c>
      <c r="E74348" s="15">
        <v>45629</v>
      </c>
      <c r="F74348" s="14" t="s">
        <v>61</v>
      </c>
      <c r="G74348" s="16">
        <v>3.3443919724677507</v>
      </c>
    </row>
    <row r="74349" spans="1:7" x14ac:dyDescent="0.3">
      <c r="A74349" s="13" t="s">
        <v>381</v>
      </c>
      <c r="B74349" s="14" t="s">
        <v>1</v>
      </c>
      <c r="C74349" s="14" t="s">
        <v>23</v>
      </c>
      <c r="D74349" s="14" t="s">
        <v>382</v>
      </c>
      <c r="E74349" s="15">
        <v>45630</v>
      </c>
      <c r="F74349" s="14" t="s">
        <v>61</v>
      </c>
      <c r="G74349" s="16">
        <v>3.3548418372141224</v>
      </c>
    </row>
    <row r="74350" spans="1:7" x14ac:dyDescent="0.3">
      <c r="A74350" s="13" t="s">
        <v>381</v>
      </c>
      <c r="B74350" s="14" t="s">
        <v>1</v>
      </c>
      <c r="C74350" s="14" t="s">
        <v>23</v>
      </c>
      <c r="D74350" s="14" t="s">
        <v>382</v>
      </c>
      <c r="E74350" s="15">
        <v>45631</v>
      </c>
      <c r="F74350" s="14" t="s">
        <v>61</v>
      </c>
      <c r="G74350" s="16">
        <v>3.3437549030457379</v>
      </c>
    </row>
    <row r="74351" spans="1:7" x14ac:dyDescent="0.3">
      <c r="A74351" s="13" t="s">
        <v>381</v>
      </c>
      <c r="B74351" s="14" t="s">
        <v>1</v>
      </c>
      <c r="C74351" s="14" t="s">
        <v>23</v>
      </c>
      <c r="D74351" s="14" t="s">
        <v>382</v>
      </c>
      <c r="E74351" s="15">
        <v>45632</v>
      </c>
      <c r="F74351" s="14" t="s">
        <v>61</v>
      </c>
      <c r="G74351" s="16">
        <v>3.3619349153159832</v>
      </c>
    </row>
    <row r="74352" spans="1:7" x14ac:dyDescent="0.3">
      <c r="A74352" s="13" t="s">
        <v>381</v>
      </c>
      <c r="B74352" s="14" t="s">
        <v>1</v>
      </c>
      <c r="C74352" s="14" t="s">
        <v>23</v>
      </c>
      <c r="D74352" s="14" t="s">
        <v>382</v>
      </c>
      <c r="E74352" s="15">
        <v>45633</v>
      </c>
      <c r="F74352" s="14" t="s">
        <v>61</v>
      </c>
      <c r="G74352" s="16">
        <v>3.3619349153159832</v>
      </c>
    </row>
    <row r="74353" spans="1:7" x14ac:dyDescent="0.3">
      <c r="A74353" s="13" t="s">
        <v>381</v>
      </c>
      <c r="B74353" s="14" t="s">
        <v>1</v>
      </c>
      <c r="C74353" s="14" t="s">
        <v>23</v>
      </c>
      <c r="D74353" s="14" t="s">
        <v>382</v>
      </c>
      <c r="E74353" s="15">
        <v>45634</v>
      </c>
      <c r="F74353" s="14" t="s">
        <v>61</v>
      </c>
      <c r="G74353" s="16">
        <v>3.3619349153159832</v>
      </c>
    </row>
    <row r="74354" spans="1:7" x14ac:dyDescent="0.3">
      <c r="A74354" s="13" t="s">
        <v>381</v>
      </c>
      <c r="B74354" s="14" t="s">
        <v>1</v>
      </c>
      <c r="C74354" s="14" t="s">
        <v>23</v>
      </c>
      <c r="D74354" s="14" t="s">
        <v>382</v>
      </c>
      <c r="E74354" s="15">
        <v>45635</v>
      </c>
      <c r="F74354" s="14" t="s">
        <v>61</v>
      </c>
      <c r="G74354" s="16">
        <v>3.3864087632186144</v>
      </c>
    </row>
    <row r="74355" spans="1:7" x14ac:dyDescent="0.3">
      <c r="A74355" s="13" t="s">
        <v>381</v>
      </c>
      <c r="B74355" s="14" t="s">
        <v>1</v>
      </c>
      <c r="C74355" s="14" t="s">
        <v>23</v>
      </c>
      <c r="D74355" s="14" t="s">
        <v>382</v>
      </c>
      <c r="E74355" s="15">
        <v>45636</v>
      </c>
      <c r="F74355" s="14" t="s">
        <v>61</v>
      </c>
      <c r="G74355" s="16">
        <v>3.4334483261234294</v>
      </c>
    </row>
    <row r="74356" spans="1:7" x14ac:dyDescent="0.3">
      <c r="A74356" s="13" t="s">
        <v>381</v>
      </c>
      <c r="B74356" s="14" t="s">
        <v>1</v>
      </c>
      <c r="C74356" s="14" t="s">
        <v>23</v>
      </c>
      <c r="D74356" s="14" t="s">
        <v>382</v>
      </c>
      <c r="E74356" s="15">
        <v>45637</v>
      </c>
      <c r="F74356" s="14" t="s">
        <v>61</v>
      </c>
      <c r="G74356" s="16">
        <v>3.4569189766995421</v>
      </c>
    </row>
    <row r="74357" spans="1:7" x14ac:dyDescent="0.3">
      <c r="A74357" s="13" t="s">
        <v>381</v>
      </c>
      <c r="B74357" s="14" t="s">
        <v>1</v>
      </c>
      <c r="C74357" s="14" t="s">
        <v>23</v>
      </c>
      <c r="D74357" s="14" t="s">
        <v>382</v>
      </c>
      <c r="E74357" s="15">
        <v>45638</v>
      </c>
      <c r="F74357" s="14" t="s">
        <v>61</v>
      </c>
      <c r="G74357" s="16">
        <v>3.4793056310164898</v>
      </c>
    </row>
    <row r="74358" spans="1:7" x14ac:dyDescent="0.3">
      <c r="A74358" s="13" t="s">
        <v>381</v>
      </c>
      <c r="B74358" s="14" t="s">
        <v>1</v>
      </c>
      <c r="C74358" s="14" t="s">
        <v>23</v>
      </c>
      <c r="D74358" s="14" t="s">
        <v>382</v>
      </c>
      <c r="E74358" s="15">
        <v>45639</v>
      </c>
      <c r="F74358" s="14" t="s">
        <v>61</v>
      </c>
      <c r="G74358" s="16">
        <v>3.4805292667368857</v>
      </c>
    </row>
    <row r="74359" spans="1:7" x14ac:dyDescent="0.3">
      <c r="A74359" s="13" t="s">
        <v>381</v>
      </c>
      <c r="B74359" s="14" t="s">
        <v>1</v>
      </c>
      <c r="C74359" s="14" t="s">
        <v>23</v>
      </c>
      <c r="D74359" s="14" t="s">
        <v>382</v>
      </c>
      <c r="E74359" s="15">
        <v>45640</v>
      </c>
      <c r="F74359" s="14" t="s">
        <v>61</v>
      </c>
      <c r="G74359" s="16">
        <v>3.4805292667368857</v>
      </c>
    </row>
    <row r="74360" spans="1:7" x14ac:dyDescent="0.3">
      <c r="A74360" s="13" t="s">
        <v>381</v>
      </c>
      <c r="B74360" s="14" t="s">
        <v>1</v>
      </c>
      <c r="C74360" s="14" t="s">
        <v>23</v>
      </c>
      <c r="D74360" s="14" t="s">
        <v>382</v>
      </c>
      <c r="E74360" s="15">
        <v>45641</v>
      </c>
      <c r="F74360" s="14" t="s">
        <v>61</v>
      </c>
      <c r="G74360" s="16">
        <v>3.4805292667368857</v>
      </c>
    </row>
    <row r="74361" spans="1:7" x14ac:dyDescent="0.3">
      <c r="A74361" s="13" t="s">
        <v>381</v>
      </c>
      <c r="B74361" s="14" t="s">
        <v>1</v>
      </c>
      <c r="C74361" s="14" t="s">
        <v>23</v>
      </c>
      <c r="D74361" s="14" t="s">
        <v>382</v>
      </c>
      <c r="E74361" s="15">
        <v>45642</v>
      </c>
      <c r="F74361" s="14" t="s">
        <v>61</v>
      </c>
      <c r="G74361" s="16">
        <v>3.4898126695485328</v>
      </c>
    </row>
    <row r="74362" spans="1:7" x14ac:dyDescent="0.3">
      <c r="A74362" s="13" t="s">
        <v>381</v>
      </c>
      <c r="B74362" s="14" t="s">
        <v>1</v>
      </c>
      <c r="C74362" s="14" t="s">
        <v>23</v>
      </c>
      <c r="D74362" s="14" t="s">
        <v>382</v>
      </c>
      <c r="E74362" s="15">
        <v>45643</v>
      </c>
      <c r="F74362" s="14" t="s">
        <v>61</v>
      </c>
      <c r="G74362" s="16">
        <v>3.5351960829744153</v>
      </c>
    </row>
    <row r="74363" spans="1:7" x14ac:dyDescent="0.3">
      <c r="A74363" s="13" t="s">
        <v>381</v>
      </c>
      <c r="B74363" s="14" t="s">
        <v>1</v>
      </c>
      <c r="C74363" s="14" t="s">
        <v>23</v>
      </c>
      <c r="D74363" s="14" t="s">
        <v>382</v>
      </c>
      <c r="E74363" s="15">
        <v>45644</v>
      </c>
      <c r="F74363" s="14" t="s">
        <v>61</v>
      </c>
      <c r="G74363" s="16">
        <v>3.596473657688096</v>
      </c>
    </row>
    <row r="74364" spans="1:7" x14ac:dyDescent="0.3">
      <c r="A74364" s="13" t="s">
        <v>381</v>
      </c>
      <c r="B74364" s="14" t="s">
        <v>1</v>
      </c>
      <c r="C74364" s="14" t="s">
        <v>23</v>
      </c>
      <c r="D74364" s="14" t="s">
        <v>382</v>
      </c>
      <c r="E74364" s="15">
        <v>45645</v>
      </c>
      <c r="F74364" s="14" t="s">
        <v>61</v>
      </c>
      <c r="G74364" s="16">
        <v>3.6052272798894771</v>
      </c>
    </row>
    <row r="74365" spans="1:7" x14ac:dyDescent="0.3">
      <c r="A74365" s="13" t="s">
        <v>381</v>
      </c>
      <c r="B74365" s="14" t="s">
        <v>1</v>
      </c>
      <c r="C74365" s="14" t="s">
        <v>23</v>
      </c>
      <c r="D74365" s="14" t="s">
        <v>382</v>
      </c>
      <c r="E74365" s="15">
        <v>45646</v>
      </c>
      <c r="F74365" s="14" t="s">
        <v>61</v>
      </c>
      <c r="G74365" s="16">
        <v>3.5943749611646796</v>
      </c>
    </row>
    <row r="74366" spans="1:7" x14ac:dyDescent="0.3">
      <c r="A74366" s="13" t="s">
        <v>381</v>
      </c>
      <c r="B74366" s="14" t="s">
        <v>1</v>
      </c>
      <c r="C74366" s="14" t="s">
        <v>23</v>
      </c>
      <c r="D74366" s="14" t="s">
        <v>382</v>
      </c>
      <c r="E74366" s="15">
        <v>45647</v>
      </c>
      <c r="F74366" s="14" t="s">
        <v>61</v>
      </c>
      <c r="G74366" s="16">
        <v>3.5943749611646796</v>
      </c>
    </row>
    <row r="74367" spans="1:7" x14ac:dyDescent="0.3">
      <c r="A74367" s="13" t="s">
        <v>381</v>
      </c>
      <c r="B74367" s="14" t="s">
        <v>1</v>
      </c>
      <c r="C74367" s="14" t="s">
        <v>23</v>
      </c>
      <c r="D74367" s="14" t="s">
        <v>382</v>
      </c>
      <c r="E74367" s="15">
        <v>45648</v>
      </c>
      <c r="F74367" s="14" t="s">
        <v>61</v>
      </c>
      <c r="G74367" s="16">
        <v>3.5943749611646796</v>
      </c>
    </row>
    <row r="74368" spans="1:7" x14ac:dyDescent="0.3">
      <c r="A74368" s="13" t="s">
        <v>381</v>
      </c>
      <c r="B74368" s="14" t="s">
        <v>1</v>
      </c>
      <c r="C74368" s="14" t="s">
        <v>23</v>
      </c>
      <c r="D74368" s="14" t="s">
        <v>382</v>
      </c>
      <c r="E74368" s="15">
        <v>45649</v>
      </c>
      <c r="F74368" s="14" t="s">
        <v>61</v>
      </c>
      <c r="G74368" s="16">
        <v>3.5808989373224822</v>
      </c>
    </row>
    <row r="74369" spans="1:7" x14ac:dyDescent="0.3">
      <c r="A74369" s="13" t="s">
        <v>381</v>
      </c>
      <c r="B74369" s="14" t="s">
        <v>1</v>
      </c>
      <c r="C74369" s="14" t="s">
        <v>23</v>
      </c>
      <c r="D74369" s="14" t="s">
        <v>382</v>
      </c>
      <c r="E74369" s="15">
        <v>45650</v>
      </c>
      <c r="F74369" s="14" t="s">
        <v>61</v>
      </c>
      <c r="G74369" s="16">
        <v>3.6174109731270216</v>
      </c>
    </row>
    <row r="74370" spans="1:7" x14ac:dyDescent="0.3">
      <c r="A74370" s="13" t="s">
        <v>381</v>
      </c>
      <c r="B74370" s="14" t="s">
        <v>1</v>
      </c>
      <c r="C74370" s="14" t="s">
        <v>23</v>
      </c>
      <c r="D74370" s="14" t="s">
        <v>382</v>
      </c>
      <c r="E74370" s="15">
        <v>45651</v>
      </c>
      <c r="F74370" s="14" t="s">
        <v>61</v>
      </c>
      <c r="G74370" s="16">
        <v>3.6174109731270216</v>
      </c>
    </row>
    <row r="74371" spans="1:7" x14ac:dyDescent="0.3">
      <c r="A74371" s="13" t="s">
        <v>381</v>
      </c>
      <c r="B74371" s="14" t="s">
        <v>1</v>
      </c>
      <c r="C74371" s="14" t="s">
        <v>23</v>
      </c>
      <c r="D74371" s="14" t="s">
        <v>382</v>
      </c>
      <c r="E74371" s="15">
        <v>45652</v>
      </c>
      <c r="F74371" s="14" t="s">
        <v>61</v>
      </c>
      <c r="G74371" s="16">
        <v>3.6174109731270216</v>
      </c>
    </row>
    <row r="74372" spans="1:7" x14ac:dyDescent="0.3">
      <c r="A74372" s="13" t="s">
        <v>381</v>
      </c>
      <c r="B74372" s="14" t="s">
        <v>1</v>
      </c>
      <c r="C74372" s="14" t="s">
        <v>23</v>
      </c>
      <c r="D74372" s="14" t="s">
        <v>382</v>
      </c>
      <c r="E74372" s="15">
        <v>45653</v>
      </c>
      <c r="F74372" s="14" t="s">
        <v>61</v>
      </c>
      <c r="G74372" s="16">
        <v>3.6174109731270216</v>
      </c>
    </row>
    <row r="74373" spans="1:7" x14ac:dyDescent="0.3">
      <c r="A74373" s="13" t="s">
        <v>381</v>
      </c>
      <c r="B74373" s="14" t="s">
        <v>1</v>
      </c>
      <c r="C74373" s="14" t="s">
        <v>23</v>
      </c>
      <c r="D74373" s="14" t="s">
        <v>382</v>
      </c>
      <c r="E74373" s="15">
        <v>45654</v>
      </c>
      <c r="F74373" s="14" t="s">
        <v>61</v>
      </c>
      <c r="G74373" s="16">
        <v>3.6174109731270216</v>
      </c>
    </row>
    <row r="74374" spans="1:7" x14ac:dyDescent="0.3">
      <c r="A74374" s="13" t="s">
        <v>381</v>
      </c>
      <c r="B74374" s="14" t="s">
        <v>1</v>
      </c>
      <c r="C74374" s="14" t="s">
        <v>23</v>
      </c>
      <c r="D74374" s="14" t="s">
        <v>382</v>
      </c>
      <c r="E74374" s="15">
        <v>45655</v>
      </c>
      <c r="F74374" s="14" t="s">
        <v>61</v>
      </c>
      <c r="G74374" s="16">
        <v>3.6174109731270216</v>
      </c>
    </row>
    <row r="74375" spans="1:7" x14ac:dyDescent="0.3">
      <c r="A74375" s="13" t="s">
        <v>381</v>
      </c>
      <c r="B74375" s="14" t="s">
        <v>1</v>
      </c>
      <c r="C74375" s="14" t="s">
        <v>23</v>
      </c>
      <c r="D74375" s="14" t="s">
        <v>382</v>
      </c>
      <c r="E74375" s="15">
        <v>45656</v>
      </c>
      <c r="F74375" s="14" t="s">
        <v>61</v>
      </c>
      <c r="G74375" s="16">
        <v>3.6275185417373703</v>
      </c>
    </row>
    <row r="74376" spans="1:7" x14ac:dyDescent="0.3">
      <c r="A74376" s="13" t="s">
        <v>381</v>
      </c>
      <c r="B74376" s="14" t="s">
        <v>1</v>
      </c>
      <c r="C74376" s="14" t="s">
        <v>23</v>
      </c>
      <c r="D74376" s="14" t="s">
        <v>382</v>
      </c>
      <c r="E74376" s="15">
        <v>45657</v>
      </c>
      <c r="F74376" s="14" t="s">
        <v>61</v>
      </c>
      <c r="G74376" s="16">
        <v>3.7286484260953481</v>
      </c>
    </row>
    <row r="74377" spans="1:7" x14ac:dyDescent="0.3">
      <c r="A74377" s="13" t="s">
        <v>381</v>
      </c>
      <c r="B74377" s="14" t="s">
        <v>1</v>
      </c>
      <c r="C74377" s="14" t="s">
        <v>23</v>
      </c>
      <c r="D74377" s="14" t="s">
        <v>382</v>
      </c>
      <c r="E74377" s="15">
        <v>45658</v>
      </c>
      <c r="F74377" s="14" t="s">
        <v>61</v>
      </c>
      <c r="G74377" s="16">
        <v>3.7286484260953481</v>
      </c>
    </row>
    <row r="74378" spans="1:7" x14ac:dyDescent="0.3">
      <c r="A74378" s="13" t="s">
        <v>381</v>
      </c>
      <c r="B74378" s="14" t="s">
        <v>1</v>
      </c>
      <c r="C74378" s="14" t="s">
        <v>23</v>
      </c>
      <c r="D74378" s="14" t="s">
        <v>382</v>
      </c>
      <c r="E74378" s="15">
        <v>45659</v>
      </c>
      <c r="F74378" s="14" t="s">
        <v>61</v>
      </c>
      <c r="G74378" s="16">
        <v>3.7730362506375155</v>
      </c>
    </row>
    <row r="74379" spans="1:7" x14ac:dyDescent="0.3">
      <c r="A74379" s="13" t="s">
        <v>381</v>
      </c>
      <c r="B74379" s="14" t="s">
        <v>1</v>
      </c>
      <c r="C74379" s="14" t="s">
        <v>23</v>
      </c>
      <c r="D74379" s="14" t="s">
        <v>382</v>
      </c>
      <c r="E74379" s="15">
        <v>45660</v>
      </c>
      <c r="F74379" s="14" t="s">
        <v>61</v>
      </c>
      <c r="G74379" s="16">
        <v>3.774299227643295</v>
      </c>
    </row>
    <row r="74380" spans="1:7" x14ac:dyDescent="0.3">
      <c r="A74380" s="13" t="s">
        <v>381</v>
      </c>
      <c r="B74380" s="14" t="s">
        <v>1</v>
      </c>
      <c r="C74380" s="14" t="s">
        <v>23</v>
      </c>
      <c r="D74380" s="14" t="s">
        <v>382</v>
      </c>
      <c r="E74380" s="15">
        <v>45661</v>
      </c>
      <c r="F74380" s="14" t="s">
        <v>61</v>
      </c>
      <c r="G74380" s="16">
        <v>3.774299227643295</v>
      </c>
    </row>
    <row r="74381" spans="1:7" x14ac:dyDescent="0.3">
      <c r="A74381" s="13" t="s">
        <v>381</v>
      </c>
      <c r="B74381" s="14" t="s">
        <v>1</v>
      </c>
      <c r="C74381" s="14" t="s">
        <v>23</v>
      </c>
      <c r="D74381" s="14" t="s">
        <v>382</v>
      </c>
      <c r="E74381" s="15">
        <v>45662</v>
      </c>
      <c r="F74381" s="14" t="s">
        <v>61</v>
      </c>
      <c r="G74381" s="16">
        <v>3.774299227643295</v>
      </c>
    </row>
    <row r="74382" spans="1:7" x14ac:dyDescent="0.3">
      <c r="A74382" s="13" t="s">
        <v>381</v>
      </c>
      <c r="B74382" s="14" t="s">
        <v>1</v>
      </c>
      <c r="C74382" s="14" t="s">
        <v>23</v>
      </c>
      <c r="D74382" s="14" t="s">
        <v>382</v>
      </c>
      <c r="E74382" s="15">
        <v>45663</v>
      </c>
      <c r="F74382" s="14" t="s">
        <v>61</v>
      </c>
      <c r="G74382" s="16">
        <v>3.7576294056809978</v>
      </c>
    </row>
    <row r="74383" spans="1:7" x14ac:dyDescent="0.3">
      <c r="A74383" s="13" t="s">
        <v>381</v>
      </c>
      <c r="B74383" s="14" t="s">
        <v>1</v>
      </c>
      <c r="C74383" s="14" t="s">
        <v>23</v>
      </c>
      <c r="D74383" s="14" t="s">
        <v>382</v>
      </c>
      <c r="E74383" s="15">
        <v>45664</v>
      </c>
      <c r="F74383" s="14" t="s">
        <v>61</v>
      </c>
      <c r="G74383" s="16">
        <v>3.8156730800628518</v>
      </c>
    </row>
    <row r="74384" spans="1:7" x14ac:dyDescent="0.3">
      <c r="A74384" s="13" t="s">
        <v>381</v>
      </c>
      <c r="B74384" s="14" t="s">
        <v>1</v>
      </c>
      <c r="C74384" s="14" t="s">
        <v>23</v>
      </c>
      <c r="D74384" s="14" t="s">
        <v>382</v>
      </c>
      <c r="E74384" s="15">
        <v>45665</v>
      </c>
      <c r="F74384" s="14" t="s">
        <v>61</v>
      </c>
      <c r="G74384" s="16">
        <v>3.8383775472915986</v>
      </c>
    </row>
    <row r="74385" spans="1:7" x14ac:dyDescent="0.3">
      <c r="A74385" s="13" t="s">
        <v>381</v>
      </c>
      <c r="B74385" s="14" t="s">
        <v>1</v>
      </c>
      <c r="C74385" s="14" t="s">
        <v>23</v>
      </c>
      <c r="D74385" s="14" t="s">
        <v>382</v>
      </c>
      <c r="E74385" s="15">
        <v>45666</v>
      </c>
      <c r="F74385" s="14" t="s">
        <v>61</v>
      </c>
      <c r="G74385" s="16">
        <v>3.8383775472915986</v>
      </c>
    </row>
    <row r="74386" spans="1:7" x14ac:dyDescent="0.3">
      <c r="A74386" s="13" t="s">
        <v>381</v>
      </c>
      <c r="B74386" s="14" t="s">
        <v>1</v>
      </c>
      <c r="C74386" s="14" t="s">
        <v>23</v>
      </c>
      <c r="D74386" s="14" t="s">
        <v>382</v>
      </c>
      <c r="E74386" s="15">
        <v>45667</v>
      </c>
      <c r="F74386" s="14" t="s">
        <v>61</v>
      </c>
      <c r="G74386" s="16">
        <v>3.8840921750633624</v>
      </c>
    </row>
    <row r="74387" spans="1:7" x14ac:dyDescent="0.3">
      <c r="A74387" s="13" t="s">
        <v>381</v>
      </c>
      <c r="B74387" s="14" t="s">
        <v>1</v>
      </c>
      <c r="C74387" s="14" t="s">
        <v>23</v>
      </c>
      <c r="D74387" s="14" t="s">
        <v>382</v>
      </c>
      <c r="E74387" s="15">
        <v>45668</v>
      </c>
      <c r="F74387" s="14" t="s">
        <v>61</v>
      </c>
      <c r="G74387" s="16">
        <v>3.8840921750633624</v>
      </c>
    </row>
    <row r="74388" spans="1:7" x14ac:dyDescent="0.3">
      <c r="A74388" s="13" t="s">
        <v>381</v>
      </c>
      <c r="B74388" s="14" t="s">
        <v>1</v>
      </c>
      <c r="C74388" s="14" t="s">
        <v>23</v>
      </c>
      <c r="D74388" s="14" t="s">
        <v>382</v>
      </c>
      <c r="E74388" s="15">
        <v>45669</v>
      </c>
      <c r="F74388" s="14" t="s">
        <v>61</v>
      </c>
      <c r="G74388" s="16">
        <v>3.8840921750633624</v>
      </c>
    </row>
    <row r="74389" spans="1:7" x14ac:dyDescent="0.3">
      <c r="A74389" s="13" t="s">
        <v>381</v>
      </c>
      <c r="B74389" s="14" t="s">
        <v>1</v>
      </c>
      <c r="C74389" s="14" t="s">
        <v>23</v>
      </c>
      <c r="D74389" s="14" t="s">
        <v>382</v>
      </c>
      <c r="E74389" s="15">
        <v>45670</v>
      </c>
      <c r="F74389" s="14" t="s">
        <v>61</v>
      </c>
      <c r="G74389" s="16">
        <v>3.9129300063069326</v>
      </c>
    </row>
    <row r="74390" spans="1:7" x14ac:dyDescent="0.3">
      <c r="A74390" s="13" t="s">
        <v>381</v>
      </c>
      <c r="B74390" s="14" t="s">
        <v>1</v>
      </c>
      <c r="C74390" s="14" t="s">
        <v>23</v>
      </c>
      <c r="D74390" s="14" t="s">
        <v>382</v>
      </c>
      <c r="E74390" s="15">
        <v>45671</v>
      </c>
      <c r="F74390" s="14" t="s">
        <v>61</v>
      </c>
      <c r="G74390" s="16">
        <v>3.9231233875162781</v>
      </c>
    </row>
    <row r="74391" spans="1:7" x14ac:dyDescent="0.3">
      <c r="A74391" s="13" t="s">
        <v>381</v>
      </c>
      <c r="B74391" s="14" t="s">
        <v>1</v>
      </c>
      <c r="C74391" s="14" t="s">
        <v>23</v>
      </c>
      <c r="D74391" s="14" t="s">
        <v>382</v>
      </c>
      <c r="E74391" s="15">
        <v>45672</v>
      </c>
      <c r="F74391" s="14" t="s">
        <v>61</v>
      </c>
      <c r="G74391" s="16">
        <v>3.9439402847571747</v>
      </c>
    </row>
    <row r="74392" spans="1:7" x14ac:dyDescent="0.3">
      <c r="A74392" s="13" t="s">
        <v>381</v>
      </c>
      <c r="B74392" s="14" t="s">
        <v>1</v>
      </c>
      <c r="C74392" s="14" t="s">
        <v>23</v>
      </c>
      <c r="D74392" s="14" t="s">
        <v>382</v>
      </c>
      <c r="E74392" s="15">
        <v>45673</v>
      </c>
      <c r="F74392" s="14" t="s">
        <v>61</v>
      </c>
      <c r="G74392" s="16">
        <v>3.9535350439459824</v>
      </c>
    </row>
    <row r="74393" spans="1:7" x14ac:dyDescent="0.3">
      <c r="A74393" s="13" t="s">
        <v>381</v>
      </c>
      <c r="B74393" s="14" t="s">
        <v>1</v>
      </c>
      <c r="C74393" s="14" t="s">
        <v>23</v>
      </c>
      <c r="D74393" s="14" t="s">
        <v>382</v>
      </c>
      <c r="E74393" s="15">
        <v>45674</v>
      </c>
      <c r="F74393" s="14" t="s">
        <v>61</v>
      </c>
      <c r="G74393" s="16">
        <v>3.9695272460316207</v>
      </c>
    </row>
    <row r="74394" spans="1:7" x14ac:dyDescent="0.3">
      <c r="A74394" s="13" t="s">
        <v>381</v>
      </c>
      <c r="B74394" s="14" t="s">
        <v>1</v>
      </c>
      <c r="C74394" s="14" t="s">
        <v>23</v>
      </c>
      <c r="D74394" s="14" t="s">
        <v>382</v>
      </c>
      <c r="E74394" s="15">
        <v>45675</v>
      </c>
      <c r="F74394" s="14" t="s">
        <v>61</v>
      </c>
      <c r="G74394" s="16">
        <v>3.9695272460316207</v>
      </c>
    </row>
    <row r="74395" spans="1:7" x14ac:dyDescent="0.3">
      <c r="A74395" s="13" t="s">
        <v>381</v>
      </c>
      <c r="B74395" s="14" t="s">
        <v>1</v>
      </c>
      <c r="C74395" s="14" t="s">
        <v>23</v>
      </c>
      <c r="D74395" s="14" t="s">
        <v>382</v>
      </c>
      <c r="E74395" s="15">
        <v>45676</v>
      </c>
      <c r="F74395" s="14" t="s">
        <v>61</v>
      </c>
      <c r="G74395" s="16">
        <v>3.9695272460316207</v>
      </c>
    </row>
    <row r="74396" spans="1:7" x14ac:dyDescent="0.3">
      <c r="A74396" s="13" t="s">
        <v>381</v>
      </c>
      <c r="B74396" s="14" t="s">
        <v>1</v>
      </c>
      <c r="C74396" s="14" t="s">
        <v>23</v>
      </c>
      <c r="D74396" s="14" t="s">
        <v>382</v>
      </c>
      <c r="E74396" s="15">
        <v>45677</v>
      </c>
      <c r="F74396" s="14" t="s">
        <v>61</v>
      </c>
      <c r="G74396" s="16">
        <v>3.9695272460316207</v>
      </c>
    </row>
    <row r="74397" spans="1:7" x14ac:dyDescent="0.3">
      <c r="A74397" s="13" t="s">
        <v>381</v>
      </c>
      <c r="B74397" s="14" t="s">
        <v>1</v>
      </c>
      <c r="C74397" s="14" t="s">
        <v>23</v>
      </c>
      <c r="D74397" s="14" t="s">
        <v>382</v>
      </c>
      <c r="E74397" s="15">
        <v>45678</v>
      </c>
      <c r="F74397" s="14" t="s">
        <v>61</v>
      </c>
      <c r="G74397" s="16">
        <v>3.9234778745673271</v>
      </c>
    </row>
    <row r="74398" spans="1:7" x14ac:dyDescent="0.3">
      <c r="A74398" s="13" t="s">
        <v>381</v>
      </c>
      <c r="B74398" s="14" t="s">
        <v>1</v>
      </c>
      <c r="C74398" s="14" t="s">
        <v>23</v>
      </c>
      <c r="D74398" s="14" t="s">
        <v>382</v>
      </c>
      <c r="E74398" s="15">
        <v>45679</v>
      </c>
      <c r="F74398" s="14" t="s">
        <v>61</v>
      </c>
      <c r="G74398" s="16">
        <v>3.9793870618138873</v>
      </c>
    </row>
    <row r="74399" spans="1:7" x14ac:dyDescent="0.3">
      <c r="A74399" s="13" t="s">
        <v>381</v>
      </c>
      <c r="B74399" s="14" t="s">
        <v>1</v>
      </c>
      <c r="C74399" s="14" t="s">
        <v>23</v>
      </c>
      <c r="D74399" s="14" t="s">
        <v>382</v>
      </c>
      <c r="E74399" s="15">
        <v>45680</v>
      </c>
      <c r="F74399" s="14" t="s">
        <v>61</v>
      </c>
      <c r="G74399" s="16">
        <v>3.9891833093671485</v>
      </c>
    </row>
    <row r="74400" spans="1:7" x14ac:dyDescent="0.3">
      <c r="A74400" s="13" t="s">
        <v>381</v>
      </c>
      <c r="B74400" s="14" t="s">
        <v>1</v>
      </c>
      <c r="C74400" s="14" t="s">
        <v>23</v>
      </c>
      <c r="D74400" s="14" t="s">
        <v>382</v>
      </c>
      <c r="E74400" s="15">
        <v>45681</v>
      </c>
      <c r="F74400" s="14" t="s">
        <v>61</v>
      </c>
      <c r="G74400" s="16">
        <v>3.9715182201116441</v>
      </c>
    </row>
    <row r="74401" spans="1:7" x14ac:dyDescent="0.3">
      <c r="A74401" s="13" t="s">
        <v>381</v>
      </c>
      <c r="B74401" s="14" t="s">
        <v>1</v>
      </c>
      <c r="C74401" s="14" t="s">
        <v>23</v>
      </c>
      <c r="D74401" s="14" t="s">
        <v>382</v>
      </c>
      <c r="E74401" s="15">
        <v>45682</v>
      </c>
      <c r="F74401" s="14" t="s">
        <v>61</v>
      </c>
      <c r="G74401" s="16">
        <v>3.9715182201116441</v>
      </c>
    </row>
    <row r="74402" spans="1:7" x14ac:dyDescent="0.3">
      <c r="A74402" s="13" t="s">
        <v>381</v>
      </c>
      <c r="B74402" s="14" t="s">
        <v>1</v>
      </c>
      <c r="C74402" s="14" t="s">
        <v>23</v>
      </c>
      <c r="D74402" s="14" t="s">
        <v>382</v>
      </c>
      <c r="E74402" s="15">
        <v>45683</v>
      </c>
      <c r="F74402" s="14" t="s">
        <v>61</v>
      </c>
      <c r="G74402" s="16">
        <v>3.9715182201116441</v>
      </c>
    </row>
    <row r="74403" spans="1:7" x14ac:dyDescent="0.3">
      <c r="A74403" s="13" t="s">
        <v>381</v>
      </c>
      <c r="B74403" s="14" t="s">
        <v>1</v>
      </c>
      <c r="C74403" s="14" t="s">
        <v>23</v>
      </c>
      <c r="D74403" s="14" t="s">
        <v>382</v>
      </c>
      <c r="E74403" s="15">
        <v>45684</v>
      </c>
      <c r="F74403" s="14" t="s">
        <v>61</v>
      </c>
      <c r="G74403" s="16">
        <v>3.9860089182310379</v>
      </c>
    </row>
    <row r="74404" spans="1:7" x14ac:dyDescent="0.3">
      <c r="A74404" s="13" t="s">
        <v>381</v>
      </c>
      <c r="B74404" s="14" t="s">
        <v>1</v>
      </c>
      <c r="C74404" s="14" t="s">
        <v>23</v>
      </c>
      <c r="D74404" s="14" t="s">
        <v>382</v>
      </c>
      <c r="E74404" s="15">
        <v>45685</v>
      </c>
      <c r="F74404" s="14" t="s">
        <v>61</v>
      </c>
      <c r="G74404" s="16">
        <v>4.0469392596512552</v>
      </c>
    </row>
    <row r="74405" spans="1:7" x14ac:dyDescent="0.3">
      <c r="A74405" s="13" t="s">
        <v>381</v>
      </c>
      <c r="B74405" s="14" t="s">
        <v>1</v>
      </c>
      <c r="C74405" s="14" t="s">
        <v>23</v>
      </c>
      <c r="D74405" s="14" t="s">
        <v>382</v>
      </c>
      <c r="E74405" s="15">
        <v>45686</v>
      </c>
      <c r="F74405" s="14" t="s">
        <v>61</v>
      </c>
      <c r="G74405" s="16">
        <v>4.0636883006015507</v>
      </c>
    </row>
    <row r="74406" spans="1:7" x14ac:dyDescent="0.3">
      <c r="A74406" s="13" t="s">
        <v>381</v>
      </c>
      <c r="B74406" s="14" t="s">
        <v>1</v>
      </c>
      <c r="C74406" s="14" t="s">
        <v>23</v>
      </c>
      <c r="D74406" s="14" t="s">
        <v>382</v>
      </c>
      <c r="E74406" s="15">
        <v>45687</v>
      </c>
      <c r="F74406" s="14" t="s">
        <v>61</v>
      </c>
      <c r="G74406" s="16">
        <v>4.0888140386434939</v>
      </c>
    </row>
    <row r="74407" spans="1:7" x14ac:dyDescent="0.3">
      <c r="A74407" s="13" t="s">
        <v>381</v>
      </c>
      <c r="B74407" s="14" t="s">
        <v>1</v>
      </c>
      <c r="C74407" s="14" t="s">
        <v>23</v>
      </c>
      <c r="D74407" s="14" t="s">
        <v>382</v>
      </c>
      <c r="E74407" s="15">
        <v>45688</v>
      </c>
      <c r="F74407" s="14" t="s">
        <v>61</v>
      </c>
      <c r="G74407" s="16">
        <v>4.1114048902250975</v>
      </c>
    </row>
    <row r="74408" spans="1:7" x14ac:dyDescent="0.3">
      <c r="A74408" s="13" t="s">
        <v>381</v>
      </c>
      <c r="B74408" s="14" t="s">
        <v>1</v>
      </c>
      <c r="C74408" s="14" t="s">
        <v>23</v>
      </c>
      <c r="D74408" s="14" t="s">
        <v>382</v>
      </c>
      <c r="E74408" s="15">
        <v>45689</v>
      </c>
      <c r="F74408" s="14" t="s">
        <v>61</v>
      </c>
      <c r="G74408" s="16">
        <v>4.1114048902250975</v>
      </c>
    </row>
    <row r="74409" spans="1:7" x14ac:dyDescent="0.3">
      <c r="A74409" s="13" t="s">
        <v>381</v>
      </c>
      <c r="B74409" s="14" t="s">
        <v>1</v>
      </c>
      <c r="C74409" s="14" t="s">
        <v>23</v>
      </c>
      <c r="D74409" s="14" t="s">
        <v>382</v>
      </c>
      <c r="E74409" s="15">
        <v>45690</v>
      </c>
      <c r="F74409" s="14" t="s">
        <v>61</v>
      </c>
      <c r="G74409" s="16">
        <v>4.1114048902250975</v>
      </c>
    </row>
    <row r="74410" spans="1:7" x14ac:dyDescent="0.3">
      <c r="A74410" s="13" t="s">
        <v>381</v>
      </c>
      <c r="B74410" s="14" t="s">
        <v>1</v>
      </c>
      <c r="C74410" s="14" t="s">
        <v>23</v>
      </c>
      <c r="D74410" s="14" t="s">
        <v>382</v>
      </c>
      <c r="E74410" s="15">
        <v>45691</v>
      </c>
      <c r="F74410" s="14" t="s">
        <v>61</v>
      </c>
      <c r="G74410" s="16">
        <v>4.1114048902250975</v>
      </c>
    </row>
    <row r="74411" spans="1:7" x14ac:dyDescent="0.3">
      <c r="A74411" s="13" t="s">
        <v>381</v>
      </c>
      <c r="B74411" s="14" t="s">
        <v>1</v>
      </c>
      <c r="C74411" s="14" t="s">
        <v>23</v>
      </c>
      <c r="D74411" s="14" t="s">
        <v>382</v>
      </c>
      <c r="E74411" s="15">
        <v>45692</v>
      </c>
      <c r="F74411" s="14" t="s">
        <v>61</v>
      </c>
      <c r="G74411" s="16">
        <v>4.1163890196494375</v>
      </c>
    </row>
    <row r="74412" spans="1:7" x14ac:dyDescent="0.3">
      <c r="A74412" s="13" t="s">
        <v>381</v>
      </c>
      <c r="B74412" s="14" t="s">
        <v>1</v>
      </c>
      <c r="C74412" s="14" t="s">
        <v>23</v>
      </c>
      <c r="D74412" s="14" t="s">
        <v>382</v>
      </c>
      <c r="E74412" s="15">
        <v>45693</v>
      </c>
      <c r="F74412" s="14" t="s">
        <v>61</v>
      </c>
      <c r="G74412" s="16">
        <v>4.1486801183183886</v>
      </c>
    </row>
    <row r="74413" spans="1:7" x14ac:dyDescent="0.3">
      <c r="A74413" s="13" t="s">
        <v>381</v>
      </c>
      <c r="B74413" s="14" t="s">
        <v>1</v>
      </c>
      <c r="C74413" s="14" t="s">
        <v>23</v>
      </c>
      <c r="D74413" s="14" t="s">
        <v>382</v>
      </c>
      <c r="E74413" s="15">
        <v>45694</v>
      </c>
      <c r="F74413" s="14" t="s">
        <v>61</v>
      </c>
      <c r="G74413" s="16">
        <v>4.1680819129517097</v>
      </c>
    </row>
    <row r="74414" spans="1:7" x14ac:dyDescent="0.3">
      <c r="A74414" s="13" t="s">
        <v>381</v>
      </c>
      <c r="B74414" s="14" t="s">
        <v>1</v>
      </c>
      <c r="C74414" s="14" t="s">
        <v>23</v>
      </c>
      <c r="D74414" s="14" t="s">
        <v>382</v>
      </c>
      <c r="E74414" s="15">
        <v>45695</v>
      </c>
      <c r="F74414" s="14" t="s">
        <v>61</v>
      </c>
      <c r="G74414" s="16">
        <v>4.2037071348102915</v>
      </c>
    </row>
    <row r="74415" spans="1:7" x14ac:dyDescent="0.3">
      <c r="A74415" s="13" t="s">
        <v>381</v>
      </c>
      <c r="B74415" s="14" t="s">
        <v>1</v>
      </c>
      <c r="C74415" s="14" t="s">
        <v>23</v>
      </c>
      <c r="D74415" s="14" t="s">
        <v>382</v>
      </c>
      <c r="E74415" s="15">
        <v>45696</v>
      </c>
      <c r="F74415" s="14" t="s">
        <v>61</v>
      </c>
      <c r="G74415" s="16">
        <v>4.2037071348102915</v>
      </c>
    </row>
    <row r="74416" spans="1:7" x14ac:dyDescent="0.3">
      <c r="A74416" s="13" t="s">
        <v>381</v>
      </c>
      <c r="B74416" s="14" t="s">
        <v>1</v>
      </c>
      <c r="C74416" s="14" t="s">
        <v>23</v>
      </c>
      <c r="D74416" s="14" t="s">
        <v>382</v>
      </c>
      <c r="E74416" s="15">
        <v>45697</v>
      </c>
      <c r="F74416" s="14" t="s">
        <v>61</v>
      </c>
      <c r="G74416" s="16">
        <v>4.2037071348102915</v>
      </c>
    </row>
    <row r="74417" spans="1:7" x14ac:dyDescent="0.3">
      <c r="A74417" s="13" t="s">
        <v>381</v>
      </c>
      <c r="B74417" s="14" t="s">
        <v>1</v>
      </c>
      <c r="C74417" s="14" t="s">
        <v>23</v>
      </c>
      <c r="D74417" s="14" t="s">
        <v>382</v>
      </c>
      <c r="E74417" s="15">
        <v>45698</v>
      </c>
      <c r="F74417" s="14" t="s">
        <v>61</v>
      </c>
      <c r="G74417" s="16">
        <v>4.231982903884969</v>
      </c>
    </row>
    <row r="74418" spans="1:7" x14ac:dyDescent="0.3">
      <c r="A74418" s="13" t="s">
        <v>381</v>
      </c>
      <c r="B74418" s="14" t="s">
        <v>1</v>
      </c>
      <c r="C74418" s="14" t="s">
        <v>23</v>
      </c>
      <c r="D74418" s="14" t="s">
        <v>382</v>
      </c>
      <c r="E74418" s="15">
        <v>45699</v>
      </c>
      <c r="F74418" s="14" t="s">
        <v>61</v>
      </c>
      <c r="G74418" s="16">
        <v>4.2475366669341152</v>
      </c>
    </row>
    <row r="74419" spans="1:7" x14ac:dyDescent="0.3">
      <c r="A74419" s="13" t="s">
        <v>381</v>
      </c>
      <c r="B74419" s="14" t="s">
        <v>1</v>
      </c>
      <c r="C74419" s="14" t="s">
        <v>23</v>
      </c>
      <c r="D74419" s="14" t="s">
        <v>382</v>
      </c>
      <c r="E74419" s="15">
        <v>45700</v>
      </c>
      <c r="F74419" s="14" t="s">
        <v>61</v>
      </c>
      <c r="G74419" s="16">
        <v>4.2515233679044062</v>
      </c>
    </row>
    <row r="74420" spans="1:7" x14ac:dyDescent="0.3">
      <c r="A74420" s="13" t="s">
        <v>381</v>
      </c>
      <c r="B74420" s="14" t="s">
        <v>1</v>
      </c>
      <c r="C74420" s="14" t="s">
        <v>23</v>
      </c>
      <c r="D74420" s="14" t="s">
        <v>382</v>
      </c>
      <c r="E74420" s="15">
        <v>45701</v>
      </c>
      <c r="F74420" s="14" t="s">
        <v>61</v>
      </c>
      <c r="G74420" s="16">
        <v>4.2321150291701288</v>
      </c>
    </row>
    <row r="74421" spans="1:7" x14ac:dyDescent="0.3">
      <c r="A74421" s="13" t="s">
        <v>381</v>
      </c>
      <c r="B74421" s="14" t="s">
        <v>1</v>
      </c>
      <c r="C74421" s="14" t="s">
        <v>23</v>
      </c>
      <c r="D74421" s="14" t="s">
        <v>382</v>
      </c>
      <c r="E74421" s="15">
        <v>45702</v>
      </c>
      <c r="F74421" s="14" t="s">
        <v>61</v>
      </c>
      <c r="G74421" s="16">
        <v>4.2318755869626701</v>
      </c>
    </row>
    <row r="74422" spans="1:7" x14ac:dyDescent="0.3">
      <c r="A74422" s="13" t="s">
        <v>381</v>
      </c>
      <c r="B74422" s="14" t="s">
        <v>1</v>
      </c>
      <c r="C74422" s="14" t="s">
        <v>23</v>
      </c>
      <c r="D74422" s="14" t="s">
        <v>382</v>
      </c>
      <c r="E74422" s="15">
        <v>45703</v>
      </c>
      <c r="F74422" s="14" t="s">
        <v>61</v>
      </c>
      <c r="G74422" s="16">
        <v>4.2318755869626701</v>
      </c>
    </row>
    <row r="74423" spans="1:7" x14ac:dyDescent="0.3">
      <c r="A74423" s="13" t="s">
        <v>381</v>
      </c>
      <c r="B74423" s="14" t="s">
        <v>1</v>
      </c>
      <c r="C74423" s="14" t="s">
        <v>23</v>
      </c>
      <c r="D74423" s="14" t="s">
        <v>382</v>
      </c>
      <c r="E74423" s="15">
        <v>45704</v>
      </c>
      <c r="F74423" s="14" t="s">
        <v>61</v>
      </c>
      <c r="G74423" s="16">
        <v>4.2318755869626701</v>
      </c>
    </row>
    <row r="74424" spans="1:7" x14ac:dyDescent="0.3">
      <c r="A74424" s="13" t="s">
        <v>381</v>
      </c>
      <c r="B74424" s="14" t="s">
        <v>1</v>
      </c>
      <c r="C74424" s="14" t="s">
        <v>23</v>
      </c>
      <c r="D74424" s="14" t="s">
        <v>382</v>
      </c>
      <c r="E74424" s="15">
        <v>45705</v>
      </c>
      <c r="F74424" s="14" t="s">
        <v>61</v>
      </c>
      <c r="G74424" s="16">
        <v>4.2318755869626701</v>
      </c>
    </row>
    <row r="74425" spans="1:7" x14ac:dyDescent="0.3">
      <c r="A74425" s="13" t="s">
        <v>381</v>
      </c>
      <c r="B74425" s="14" t="s">
        <v>1</v>
      </c>
      <c r="C74425" s="14" t="s">
        <v>23</v>
      </c>
      <c r="D74425" s="14" t="s">
        <v>382</v>
      </c>
      <c r="E74425" s="15">
        <v>45706</v>
      </c>
      <c r="F74425" s="14" t="s">
        <v>61</v>
      </c>
      <c r="G74425" s="16">
        <v>4.2634249561923383</v>
      </c>
    </row>
    <row r="74426" spans="1:7" x14ac:dyDescent="0.3">
      <c r="A74426" s="13" t="s">
        <v>381</v>
      </c>
      <c r="B74426" s="14" t="s">
        <v>1</v>
      </c>
      <c r="C74426" s="14" t="s">
        <v>23</v>
      </c>
      <c r="D74426" s="14" t="s">
        <v>382</v>
      </c>
      <c r="E74426" s="15">
        <v>45707</v>
      </c>
      <c r="F74426" s="14" t="s">
        <v>61</v>
      </c>
      <c r="G74426" s="16">
        <v>4.3235776907548349</v>
      </c>
    </row>
    <row r="74427" spans="1:7" x14ac:dyDescent="0.3">
      <c r="A74427" s="13" t="s">
        <v>381</v>
      </c>
      <c r="B74427" s="14" t="s">
        <v>1</v>
      </c>
      <c r="C74427" s="14" t="s">
        <v>23</v>
      </c>
      <c r="D74427" s="14" t="s">
        <v>382</v>
      </c>
      <c r="E74427" s="15">
        <v>45708</v>
      </c>
      <c r="F74427" s="14" t="s">
        <v>61</v>
      </c>
      <c r="G74427" s="16">
        <v>4.3030159998814224</v>
      </c>
    </row>
    <row r="74428" spans="1:7" x14ac:dyDescent="0.3">
      <c r="A74428" s="13" t="s">
        <v>381</v>
      </c>
      <c r="B74428" s="14" t="s">
        <v>1</v>
      </c>
      <c r="C74428" s="14" t="s">
        <v>23</v>
      </c>
      <c r="D74428" s="14" t="s">
        <v>382</v>
      </c>
      <c r="E74428" s="15">
        <v>45709</v>
      </c>
      <c r="F74428" s="14" t="s">
        <v>61</v>
      </c>
      <c r="G74428" s="16">
        <v>4.3274417859685839</v>
      </c>
    </row>
    <row r="74429" spans="1:7" x14ac:dyDescent="0.3">
      <c r="A74429" s="13" t="s">
        <v>381</v>
      </c>
      <c r="B74429" s="14" t="s">
        <v>1</v>
      </c>
      <c r="C74429" s="14" t="s">
        <v>23</v>
      </c>
      <c r="D74429" s="14" t="s">
        <v>382</v>
      </c>
      <c r="E74429" s="15">
        <v>45710</v>
      </c>
      <c r="F74429" s="14" t="s">
        <v>61</v>
      </c>
      <c r="G74429" s="16">
        <v>4.3274417859685839</v>
      </c>
    </row>
    <row r="74430" spans="1:7" x14ac:dyDescent="0.3">
      <c r="A74430" s="13" t="s">
        <v>381</v>
      </c>
      <c r="B74430" s="14" t="s">
        <v>1</v>
      </c>
      <c r="C74430" s="14" t="s">
        <v>23</v>
      </c>
      <c r="D74430" s="14" t="s">
        <v>382</v>
      </c>
      <c r="E74430" s="15">
        <v>45711</v>
      </c>
      <c r="F74430" s="14" t="s">
        <v>61</v>
      </c>
      <c r="G74430" s="16">
        <v>4.3274417859685839</v>
      </c>
    </row>
    <row r="74431" spans="1:7" x14ac:dyDescent="0.3">
      <c r="A74431" s="13" t="s">
        <v>381</v>
      </c>
      <c r="B74431" s="14" t="s">
        <v>1</v>
      </c>
      <c r="C74431" s="14" t="s">
        <v>23</v>
      </c>
      <c r="D74431" s="14" t="s">
        <v>382</v>
      </c>
      <c r="E74431" s="15">
        <v>45712</v>
      </c>
      <c r="F74431" s="14" t="s">
        <v>61</v>
      </c>
      <c r="G74431" s="16">
        <v>4.3334415233946499</v>
      </c>
    </row>
    <row r="74432" spans="1:7" x14ac:dyDescent="0.3">
      <c r="A74432" s="13" t="s">
        <v>381</v>
      </c>
      <c r="B74432" s="14" t="s">
        <v>1</v>
      </c>
      <c r="C74432" s="14" t="s">
        <v>23</v>
      </c>
      <c r="D74432" s="14" t="s">
        <v>382</v>
      </c>
      <c r="E74432" s="15">
        <v>45713</v>
      </c>
      <c r="F74432" s="14" t="s">
        <v>61</v>
      </c>
      <c r="G74432" s="16">
        <v>4.3518016370231463</v>
      </c>
    </row>
    <row r="74433" spans="1:7" x14ac:dyDescent="0.3">
      <c r="A74433" s="13" t="s">
        <v>381</v>
      </c>
      <c r="B74433" s="14" t="s">
        <v>1</v>
      </c>
      <c r="C74433" s="14" t="s">
        <v>23</v>
      </c>
      <c r="D74433" s="14" t="s">
        <v>382</v>
      </c>
      <c r="E74433" s="15">
        <v>45714</v>
      </c>
      <c r="F74433" s="14" t="s">
        <v>61</v>
      </c>
      <c r="G74433" s="16">
        <v>4.373826036582539</v>
      </c>
    </row>
    <row r="74434" spans="1:7" x14ac:dyDescent="0.3">
      <c r="A74434" s="13" t="s">
        <v>381</v>
      </c>
      <c r="B74434" s="14" t="s">
        <v>1</v>
      </c>
      <c r="C74434" s="14" t="s">
        <v>23</v>
      </c>
      <c r="D74434" s="14" t="s">
        <v>382</v>
      </c>
      <c r="E74434" s="15">
        <v>45715</v>
      </c>
      <c r="F74434" s="14" t="s">
        <v>61</v>
      </c>
      <c r="G74434" s="16">
        <v>4.4223924350568629</v>
      </c>
    </row>
    <row r="74435" spans="1:7" x14ac:dyDescent="0.3">
      <c r="A74435" s="13" t="s">
        <v>381</v>
      </c>
      <c r="B74435" s="14" t="s">
        <v>1</v>
      </c>
      <c r="C74435" s="14" t="s">
        <v>23</v>
      </c>
      <c r="D74435" s="14" t="s">
        <v>382</v>
      </c>
      <c r="E74435" s="15">
        <v>45716</v>
      </c>
      <c r="F74435" s="14" t="s">
        <v>61</v>
      </c>
      <c r="G74435" s="16">
        <v>4.4451210833783401</v>
      </c>
    </row>
    <row r="74436" spans="1:7" x14ac:dyDescent="0.3">
      <c r="A74436" s="13" t="s">
        <v>381</v>
      </c>
      <c r="B74436" s="14" t="s">
        <v>1</v>
      </c>
      <c r="C74436" s="14" t="s">
        <v>23</v>
      </c>
      <c r="D74436" s="14" t="s">
        <v>382</v>
      </c>
      <c r="E74436" s="15">
        <v>45717</v>
      </c>
      <c r="F74436" s="14" t="s">
        <v>61</v>
      </c>
      <c r="G74436" s="16">
        <v>4.4451210833783401</v>
      </c>
    </row>
    <row r="74437" spans="1:7" x14ac:dyDescent="0.3">
      <c r="A74437" s="13" t="s">
        <v>381</v>
      </c>
      <c r="B74437" s="14" t="s">
        <v>1</v>
      </c>
      <c r="C74437" s="14" t="s">
        <v>23</v>
      </c>
      <c r="D74437" s="14" t="s">
        <v>382</v>
      </c>
      <c r="E74437" s="15">
        <v>45718</v>
      </c>
      <c r="F74437" s="14" t="s">
        <v>61</v>
      </c>
      <c r="G74437" s="16">
        <v>4.4451210833783401</v>
      </c>
    </row>
    <row r="74438" spans="1:7" x14ac:dyDescent="0.3">
      <c r="A74438" s="13" t="s">
        <v>381</v>
      </c>
      <c r="B74438" s="14" t="s">
        <v>1</v>
      </c>
      <c r="C74438" s="14" t="s">
        <v>23</v>
      </c>
      <c r="D74438" s="14" t="s">
        <v>382</v>
      </c>
      <c r="E74438" s="15">
        <v>45719</v>
      </c>
      <c r="F74438" s="14" t="s">
        <v>61</v>
      </c>
      <c r="G74438" s="16">
        <v>4.4284514681760099</v>
      </c>
    </row>
    <row r="74439" spans="1:7" x14ac:dyDescent="0.3">
      <c r="A74439" s="13" t="s">
        <v>381</v>
      </c>
      <c r="B74439" s="14" t="s">
        <v>1</v>
      </c>
      <c r="C74439" s="14" t="s">
        <v>23</v>
      </c>
      <c r="D74439" s="14" t="s">
        <v>382</v>
      </c>
      <c r="E74439" s="15">
        <v>45720</v>
      </c>
      <c r="F74439" s="14" t="s">
        <v>61</v>
      </c>
      <c r="G74439" s="16">
        <v>4.4073333123683147</v>
      </c>
    </row>
    <row r="74440" spans="1:7" x14ac:dyDescent="0.3">
      <c r="A74440" s="13" t="s">
        <v>381</v>
      </c>
      <c r="B74440" s="14" t="s">
        <v>1</v>
      </c>
      <c r="C74440" s="14" t="s">
        <v>23</v>
      </c>
      <c r="D74440" s="14" t="s">
        <v>382</v>
      </c>
      <c r="E74440" s="15">
        <v>45721</v>
      </c>
      <c r="F74440" s="14" t="s">
        <v>61</v>
      </c>
      <c r="G74440" s="16">
        <v>4.3531798728458755</v>
      </c>
    </row>
    <row r="74441" spans="1:7" x14ac:dyDescent="0.3">
      <c r="A74441" s="13" t="s">
        <v>381</v>
      </c>
      <c r="B74441" s="14" t="s">
        <v>1</v>
      </c>
      <c r="C74441" s="14" t="s">
        <v>23</v>
      </c>
      <c r="D74441" s="14" t="s">
        <v>382</v>
      </c>
      <c r="E74441" s="15">
        <v>45722</v>
      </c>
      <c r="F74441" s="14" t="s">
        <v>61</v>
      </c>
      <c r="G74441" s="16">
        <v>4.3678120503531925</v>
      </c>
    </row>
    <row r="74442" spans="1:7" x14ac:dyDescent="0.3">
      <c r="A74442" s="13" t="s">
        <v>381</v>
      </c>
      <c r="B74442" s="14" t="s">
        <v>1</v>
      </c>
      <c r="C74442" s="14" t="s">
        <v>23</v>
      </c>
      <c r="D74442" s="14" t="s">
        <v>382</v>
      </c>
      <c r="E74442" s="15">
        <v>45723</v>
      </c>
      <c r="F74442" s="14" t="s">
        <v>61</v>
      </c>
      <c r="G74442" s="16">
        <v>4.3604612704275487</v>
      </c>
    </row>
    <row r="74443" spans="1:7" x14ac:dyDescent="0.3">
      <c r="A74443" s="13" t="s">
        <v>381</v>
      </c>
      <c r="B74443" s="14" t="s">
        <v>1</v>
      </c>
      <c r="C74443" s="14" t="s">
        <v>23</v>
      </c>
      <c r="D74443" s="14" t="s">
        <v>382</v>
      </c>
      <c r="E74443" s="15">
        <v>45724</v>
      </c>
      <c r="F74443" s="14" t="s">
        <v>61</v>
      </c>
      <c r="G74443" s="16">
        <v>4.3604612704275487</v>
      </c>
    </row>
    <row r="74444" spans="1:7" x14ac:dyDescent="0.3">
      <c r="A74444" s="13" t="s">
        <v>381</v>
      </c>
      <c r="B74444" s="14" t="s">
        <v>1</v>
      </c>
      <c r="C74444" s="14" t="s">
        <v>23</v>
      </c>
      <c r="D74444" s="14" t="s">
        <v>382</v>
      </c>
      <c r="E74444" s="15">
        <v>45725</v>
      </c>
      <c r="F74444" s="14" t="s">
        <v>61</v>
      </c>
      <c r="G74444" s="16">
        <v>4.3604612704275487</v>
      </c>
    </row>
    <row r="74445" spans="1:7" x14ac:dyDescent="0.3">
      <c r="A74445" s="13" t="s">
        <v>381</v>
      </c>
      <c r="B74445" s="14" t="s">
        <v>1</v>
      </c>
      <c r="C74445" s="14" t="s">
        <v>23</v>
      </c>
      <c r="D74445" s="14" t="s">
        <v>382</v>
      </c>
      <c r="E74445" s="15">
        <v>45726</v>
      </c>
      <c r="F74445" s="14" t="s">
        <v>61</v>
      </c>
      <c r="G74445" s="16">
        <v>4.3800738046605145</v>
      </c>
    </row>
    <row r="74446" spans="1:7" x14ac:dyDescent="0.3">
      <c r="A74446" s="13" t="s">
        <v>381</v>
      </c>
      <c r="B74446" s="14" t="s">
        <v>1</v>
      </c>
      <c r="C74446" s="14" t="s">
        <v>23</v>
      </c>
      <c r="D74446" s="14" t="s">
        <v>382</v>
      </c>
      <c r="E74446" s="15">
        <v>45727</v>
      </c>
      <c r="F74446" s="14" t="s">
        <v>61</v>
      </c>
      <c r="G74446" s="16">
        <v>4.383860352650836</v>
      </c>
    </row>
    <row r="74447" spans="1:7" x14ac:dyDescent="0.3">
      <c r="A74447" s="13" t="s">
        <v>381</v>
      </c>
      <c r="B74447" s="14" t="s">
        <v>1</v>
      </c>
      <c r="C74447" s="14" t="s">
        <v>23</v>
      </c>
      <c r="D74447" s="14" t="s">
        <v>382</v>
      </c>
      <c r="E74447" s="15">
        <v>45728</v>
      </c>
      <c r="F74447" s="14" t="s">
        <v>61</v>
      </c>
      <c r="G74447" s="16">
        <v>4.4099407147065159</v>
      </c>
    </row>
    <row r="74448" spans="1:7" x14ac:dyDescent="0.3">
      <c r="A74448" s="13" t="s">
        <v>381</v>
      </c>
      <c r="B74448" s="14" t="s">
        <v>1</v>
      </c>
      <c r="C74448" s="14" t="s">
        <v>23</v>
      </c>
      <c r="D74448" s="14" t="s">
        <v>382</v>
      </c>
      <c r="E74448" s="15">
        <v>45729</v>
      </c>
      <c r="F74448" s="14" t="s">
        <v>61</v>
      </c>
      <c r="G74448" s="16">
        <v>4.435135118567298</v>
      </c>
    </row>
    <row r="74449" spans="1:7" x14ac:dyDescent="0.3">
      <c r="A74449" s="13" t="s">
        <v>381</v>
      </c>
      <c r="B74449" s="14" t="s">
        <v>1</v>
      </c>
      <c r="C74449" s="14" t="s">
        <v>23</v>
      </c>
      <c r="D74449" s="14" t="s">
        <v>382</v>
      </c>
      <c r="E74449" s="15">
        <v>45730</v>
      </c>
      <c r="F74449" s="14" t="s">
        <v>61</v>
      </c>
      <c r="G74449" s="16">
        <v>4.3439727944160422</v>
      </c>
    </row>
    <row r="74450" spans="1:7" x14ac:dyDescent="0.3">
      <c r="A74450" s="13" t="s">
        <v>381</v>
      </c>
      <c r="B74450" s="14" t="s">
        <v>1</v>
      </c>
      <c r="C74450" s="14" t="s">
        <v>23</v>
      </c>
      <c r="D74450" s="14" t="s">
        <v>382</v>
      </c>
      <c r="E74450" s="15">
        <v>45731</v>
      </c>
      <c r="F74450" s="14" t="s">
        <v>61</v>
      </c>
      <c r="G74450" s="16">
        <v>4.3439727944160422</v>
      </c>
    </row>
    <row r="74451" spans="1:7" x14ac:dyDescent="0.3">
      <c r="A74451" s="13" t="s">
        <v>381</v>
      </c>
      <c r="B74451" s="14" t="s">
        <v>1</v>
      </c>
      <c r="C74451" s="14" t="s">
        <v>23</v>
      </c>
      <c r="D74451" s="14" t="s">
        <v>382</v>
      </c>
      <c r="E74451" s="15">
        <v>45732</v>
      </c>
      <c r="F74451" s="14" t="s">
        <v>61</v>
      </c>
      <c r="G74451" s="16">
        <v>4.3439727944160422</v>
      </c>
    </row>
    <row r="74452" spans="1:7" x14ac:dyDescent="0.3">
      <c r="A74452" s="13" t="s">
        <v>381</v>
      </c>
      <c r="B74452" s="14" t="s">
        <v>1</v>
      </c>
      <c r="C74452" s="14" t="s">
        <v>23</v>
      </c>
      <c r="D74452" s="14" t="s">
        <v>382</v>
      </c>
      <c r="E74452" s="15">
        <v>45733</v>
      </c>
      <c r="F74452" s="14" t="s">
        <v>61</v>
      </c>
      <c r="G74452" s="16">
        <v>4.3439727944160422</v>
      </c>
    </row>
    <row r="74453" spans="1:7" x14ac:dyDescent="0.3">
      <c r="A74453" s="13" t="s">
        <v>381</v>
      </c>
      <c r="B74453" s="14" t="s">
        <v>1</v>
      </c>
      <c r="C74453" s="14" t="s">
        <v>23</v>
      </c>
      <c r="D74453" s="14" t="s">
        <v>382</v>
      </c>
      <c r="E74453" s="15">
        <v>45734</v>
      </c>
      <c r="F74453" s="14" t="s">
        <v>61</v>
      </c>
      <c r="G74453" s="16">
        <v>4.3296096688307175</v>
      </c>
    </row>
    <row r="74454" spans="1:7" x14ac:dyDescent="0.3">
      <c r="A74454" s="13" t="s">
        <v>381</v>
      </c>
      <c r="B74454" s="14" t="s">
        <v>1</v>
      </c>
      <c r="C74454" s="14" t="s">
        <v>23</v>
      </c>
      <c r="D74454" s="14" t="s">
        <v>382</v>
      </c>
      <c r="E74454" s="15">
        <v>45735</v>
      </c>
      <c r="F74454" s="14" t="s">
        <v>61</v>
      </c>
      <c r="G74454" s="16">
        <v>4.389474978477482</v>
      </c>
    </row>
    <row r="74455" spans="1:7" x14ac:dyDescent="0.3">
      <c r="A74455" s="13" t="s">
        <v>381</v>
      </c>
      <c r="B74455" s="14" t="s">
        <v>1</v>
      </c>
      <c r="C74455" s="14" t="s">
        <v>23</v>
      </c>
      <c r="D74455" s="14" t="s">
        <v>382</v>
      </c>
      <c r="E74455" s="15">
        <v>45736</v>
      </c>
      <c r="F74455" s="14" t="s">
        <v>61</v>
      </c>
      <c r="G74455" s="16">
        <v>4.4222473455360092</v>
      </c>
    </row>
    <row r="74456" spans="1:7" x14ac:dyDescent="0.3">
      <c r="A74456" s="13" t="s">
        <v>381</v>
      </c>
      <c r="B74456" s="14" t="s">
        <v>1</v>
      </c>
      <c r="C74456" s="14" t="s">
        <v>23</v>
      </c>
      <c r="D74456" s="14" t="s">
        <v>382</v>
      </c>
      <c r="E74456" s="15">
        <v>45737</v>
      </c>
      <c r="F74456" s="14" t="s">
        <v>61</v>
      </c>
      <c r="G74456" s="16">
        <v>4.4498362362442849</v>
      </c>
    </row>
    <row r="74457" spans="1:7" x14ac:dyDescent="0.3">
      <c r="A74457" s="13" t="s">
        <v>381</v>
      </c>
      <c r="B74457" s="14" t="s">
        <v>1</v>
      </c>
      <c r="C74457" s="14" t="s">
        <v>23</v>
      </c>
      <c r="D74457" s="14" t="s">
        <v>382</v>
      </c>
      <c r="E74457" s="15">
        <v>45738</v>
      </c>
      <c r="F74457" s="14" t="s">
        <v>61</v>
      </c>
      <c r="G74457" s="16">
        <v>4.4498362362442849</v>
      </c>
    </row>
    <row r="74458" spans="1:7" x14ac:dyDescent="0.3">
      <c r="A74458" s="13" t="s">
        <v>381</v>
      </c>
      <c r="B74458" s="14" t="s">
        <v>1</v>
      </c>
      <c r="C74458" s="14" t="s">
        <v>23</v>
      </c>
      <c r="D74458" s="14" t="s">
        <v>382</v>
      </c>
      <c r="E74458" s="15">
        <v>45739</v>
      </c>
      <c r="F74458" s="14" t="s">
        <v>61</v>
      </c>
      <c r="G74458" s="16">
        <v>4.4498362362442849</v>
      </c>
    </row>
    <row r="74459" spans="1:7" x14ac:dyDescent="0.3">
      <c r="A74459" s="13" t="s">
        <v>381</v>
      </c>
      <c r="B74459" s="14" t="s">
        <v>1</v>
      </c>
      <c r="C74459" s="14" t="s">
        <v>23</v>
      </c>
      <c r="D74459" s="14" t="s">
        <v>382</v>
      </c>
      <c r="E74459" s="15">
        <v>45740</v>
      </c>
      <c r="F74459" s="14" t="s">
        <v>61</v>
      </c>
      <c r="G74459" s="16">
        <v>4.4682937885470864</v>
      </c>
    </row>
    <row r="74460" spans="1:7" x14ac:dyDescent="0.3">
      <c r="A74460" s="13" t="s">
        <v>381</v>
      </c>
      <c r="B74460" s="14" t="s">
        <v>1</v>
      </c>
      <c r="C74460" s="14" t="s">
        <v>23</v>
      </c>
      <c r="D74460" s="14" t="s">
        <v>382</v>
      </c>
      <c r="E74460" s="15">
        <v>45741</v>
      </c>
      <c r="F74460" s="14" t="s">
        <v>61</v>
      </c>
      <c r="G74460" s="16">
        <v>4.5101915945398039</v>
      </c>
    </row>
    <row r="74461" spans="1:7" x14ac:dyDescent="0.3">
      <c r="A74461" s="13" t="s">
        <v>381</v>
      </c>
      <c r="B74461" s="14" t="s">
        <v>1</v>
      </c>
      <c r="C74461" s="14" t="s">
        <v>23</v>
      </c>
      <c r="D74461" s="14" t="s">
        <v>382</v>
      </c>
      <c r="E74461" s="15">
        <v>45742</v>
      </c>
      <c r="F74461" s="14" t="s">
        <v>61</v>
      </c>
      <c r="G74461" s="16">
        <v>4.5384160777667457</v>
      </c>
    </row>
    <row r="74462" spans="1:7" x14ac:dyDescent="0.3">
      <c r="A74462" s="13" t="s">
        <v>381</v>
      </c>
      <c r="B74462" s="14" t="s">
        <v>1</v>
      </c>
      <c r="C74462" s="14" t="s">
        <v>23</v>
      </c>
      <c r="D74462" s="14" t="s">
        <v>382</v>
      </c>
      <c r="E74462" s="15">
        <v>45743</v>
      </c>
      <c r="F74462" s="14" t="s">
        <v>61</v>
      </c>
      <c r="G74462" s="16">
        <v>4.5316814241474805</v>
      </c>
    </row>
    <row r="74463" spans="1:7" x14ac:dyDescent="0.3">
      <c r="A74463" s="13" t="s">
        <v>381</v>
      </c>
      <c r="B74463" s="14" t="s">
        <v>1</v>
      </c>
      <c r="C74463" s="14" t="s">
        <v>23</v>
      </c>
      <c r="D74463" s="14" t="s">
        <v>382</v>
      </c>
      <c r="E74463" s="15">
        <v>45744</v>
      </c>
      <c r="F74463" s="14" t="s">
        <v>61</v>
      </c>
      <c r="G74463" s="16">
        <v>4.5324569220934521</v>
      </c>
    </row>
    <row r="74464" spans="1:7" x14ac:dyDescent="0.3">
      <c r="A74464" s="13" t="s">
        <v>381</v>
      </c>
      <c r="B74464" s="14" t="s">
        <v>1</v>
      </c>
      <c r="C74464" s="14" t="s">
        <v>23</v>
      </c>
      <c r="D74464" s="14" t="s">
        <v>382</v>
      </c>
      <c r="E74464" s="15">
        <v>45745</v>
      </c>
      <c r="F74464" s="14" t="s">
        <v>61</v>
      </c>
      <c r="G74464" s="16">
        <v>4.5324569220934521</v>
      </c>
    </row>
    <row r="74465" spans="1:7" x14ac:dyDescent="0.3">
      <c r="A74465" s="13" t="s">
        <v>381</v>
      </c>
      <c r="B74465" s="14" t="s">
        <v>1</v>
      </c>
      <c r="C74465" s="14" t="s">
        <v>23</v>
      </c>
      <c r="D74465" s="14" t="s">
        <v>382</v>
      </c>
      <c r="E74465" s="15">
        <v>45746</v>
      </c>
      <c r="F74465" s="14" t="s">
        <v>61</v>
      </c>
      <c r="G74465" s="16">
        <v>4.5324569220934521</v>
      </c>
    </row>
    <row r="74466" spans="1:7" x14ac:dyDescent="0.3">
      <c r="A74466" s="13" t="s">
        <v>381</v>
      </c>
      <c r="B74466" s="14" t="s">
        <v>1</v>
      </c>
      <c r="C74466" s="14" t="s">
        <v>23</v>
      </c>
      <c r="D74466" s="14" t="s">
        <v>382</v>
      </c>
      <c r="E74466" s="15">
        <v>45747</v>
      </c>
      <c r="F74466" s="14" t="s">
        <v>61</v>
      </c>
      <c r="G74466" s="16">
        <v>4.5498135051935096</v>
      </c>
    </row>
    <row r="74467" spans="1:7" x14ac:dyDescent="0.3">
      <c r="A74467" s="13" t="s">
        <v>383</v>
      </c>
      <c r="B74467" s="14" t="s">
        <v>1</v>
      </c>
      <c r="C74467" s="14" t="s">
        <v>70</v>
      </c>
      <c r="D74467" s="14" t="s">
        <v>384</v>
      </c>
      <c r="E74467" s="15">
        <v>45383</v>
      </c>
      <c r="F74467" s="14" t="s">
        <v>25</v>
      </c>
      <c r="G74467" s="16">
        <v>0</v>
      </c>
    </row>
    <row r="74468" spans="1:7" x14ac:dyDescent="0.3">
      <c r="A74468" s="13" t="s">
        <v>383</v>
      </c>
      <c r="B74468" s="14" t="s">
        <v>1</v>
      </c>
      <c r="C74468" s="14" t="s">
        <v>70</v>
      </c>
      <c r="D74468" s="14" t="s">
        <v>384</v>
      </c>
      <c r="E74468" s="15">
        <v>45384</v>
      </c>
      <c r="F74468" s="14" t="s">
        <v>25</v>
      </c>
      <c r="G74468" s="16">
        <v>0</v>
      </c>
    </row>
    <row r="74469" spans="1:7" x14ac:dyDescent="0.3">
      <c r="A74469" s="13" t="s">
        <v>383</v>
      </c>
      <c r="B74469" s="14" t="s">
        <v>1</v>
      </c>
      <c r="C74469" s="14" t="s">
        <v>70</v>
      </c>
      <c r="D74469" s="14" t="s">
        <v>384</v>
      </c>
      <c r="E74469" s="15">
        <v>45385</v>
      </c>
      <c r="F74469" s="14" t="s">
        <v>25</v>
      </c>
      <c r="G74469" s="16">
        <v>3.1250562721128285E-2</v>
      </c>
    </row>
    <row r="74470" spans="1:7" x14ac:dyDescent="0.3">
      <c r="A74470" s="13" t="s">
        <v>383</v>
      </c>
      <c r="B74470" s="14" t="s">
        <v>1</v>
      </c>
      <c r="C74470" s="14" t="s">
        <v>70</v>
      </c>
      <c r="D74470" s="14" t="s">
        <v>384</v>
      </c>
      <c r="E74470" s="15">
        <v>45386</v>
      </c>
      <c r="F74470" s="14" t="s">
        <v>25</v>
      </c>
      <c r="G74470" s="16">
        <v>3.9762644559871364E-2</v>
      </c>
    </row>
    <row r="74471" spans="1:7" x14ac:dyDescent="0.3">
      <c r="A74471" s="13" t="s">
        <v>383</v>
      </c>
      <c r="B74471" s="14" t="s">
        <v>1</v>
      </c>
      <c r="C74471" s="14" t="s">
        <v>70</v>
      </c>
      <c r="D74471" s="14" t="s">
        <v>384</v>
      </c>
      <c r="E74471" s="15">
        <v>45387</v>
      </c>
      <c r="F74471" s="14" t="s">
        <v>25</v>
      </c>
      <c r="G74471" s="16">
        <v>5.7057584114247134E-2</v>
      </c>
    </row>
    <row r="74472" spans="1:7" x14ac:dyDescent="0.3">
      <c r="A74472" s="13" t="s">
        <v>383</v>
      </c>
      <c r="B74472" s="14" t="s">
        <v>1</v>
      </c>
      <c r="C74472" s="14" t="s">
        <v>70</v>
      </c>
      <c r="D74472" s="14" t="s">
        <v>384</v>
      </c>
      <c r="E74472" s="15">
        <v>45388</v>
      </c>
      <c r="F74472" s="14" t="s">
        <v>25</v>
      </c>
      <c r="G74472" s="16">
        <v>5.7057584114247134E-2</v>
      </c>
    </row>
    <row r="74473" spans="1:7" x14ac:dyDescent="0.3">
      <c r="A74473" s="13" t="s">
        <v>383</v>
      </c>
      <c r="B74473" s="14" t="s">
        <v>1</v>
      </c>
      <c r="C74473" s="14" t="s">
        <v>70</v>
      </c>
      <c r="D74473" s="14" t="s">
        <v>384</v>
      </c>
      <c r="E74473" s="15">
        <v>45389</v>
      </c>
      <c r="F74473" s="14" t="s">
        <v>25</v>
      </c>
      <c r="G74473" s="16">
        <v>5.7057584114247134E-2</v>
      </c>
    </row>
    <row r="74474" spans="1:7" x14ac:dyDescent="0.3">
      <c r="A74474" s="13" t="s">
        <v>383</v>
      </c>
      <c r="B74474" s="14" t="s">
        <v>1</v>
      </c>
      <c r="C74474" s="14" t="s">
        <v>70</v>
      </c>
      <c r="D74474" s="14" t="s">
        <v>384</v>
      </c>
      <c r="E74474" s="15">
        <v>45390</v>
      </c>
      <c r="F74474" s="14" t="s">
        <v>25</v>
      </c>
      <c r="G74474" s="16">
        <v>7.6728674805804392E-2</v>
      </c>
    </row>
    <row r="74475" spans="1:7" x14ac:dyDescent="0.3">
      <c r="A74475" s="13" t="s">
        <v>383</v>
      </c>
      <c r="B74475" s="14" t="s">
        <v>1</v>
      </c>
      <c r="C74475" s="14" t="s">
        <v>70</v>
      </c>
      <c r="D74475" s="14" t="s">
        <v>384</v>
      </c>
      <c r="E74475" s="15">
        <v>45391</v>
      </c>
      <c r="F74475" s="14" t="s">
        <v>25</v>
      </c>
      <c r="G74475" s="16">
        <v>9.0556525155905995E-2</v>
      </c>
    </row>
    <row r="74476" spans="1:7" x14ac:dyDescent="0.3">
      <c r="A74476" s="13" t="s">
        <v>383</v>
      </c>
      <c r="B74476" s="14" t="s">
        <v>1</v>
      </c>
      <c r="C74476" s="14" t="s">
        <v>70</v>
      </c>
      <c r="D74476" s="14" t="s">
        <v>384</v>
      </c>
      <c r="E74476" s="15">
        <v>45392</v>
      </c>
      <c r="F74476" s="14" t="s">
        <v>25</v>
      </c>
      <c r="G74476" s="16">
        <v>0.10878196671032225</v>
      </c>
    </row>
    <row r="74477" spans="1:7" x14ac:dyDescent="0.3">
      <c r="A74477" s="13" t="s">
        <v>383</v>
      </c>
      <c r="B74477" s="14" t="s">
        <v>1</v>
      </c>
      <c r="C74477" s="14" t="s">
        <v>70</v>
      </c>
      <c r="D74477" s="14" t="s">
        <v>384</v>
      </c>
      <c r="E74477" s="15">
        <v>45393</v>
      </c>
      <c r="F74477" s="14" t="s">
        <v>25</v>
      </c>
      <c r="G74477" s="16">
        <v>0.11190270382910882</v>
      </c>
    </row>
    <row r="74478" spans="1:7" x14ac:dyDescent="0.3">
      <c r="A74478" s="13" t="s">
        <v>383</v>
      </c>
      <c r="B74478" s="14" t="s">
        <v>1</v>
      </c>
      <c r="C74478" s="14" t="s">
        <v>70</v>
      </c>
      <c r="D74478" s="14" t="s">
        <v>384</v>
      </c>
      <c r="E74478" s="15">
        <v>45394</v>
      </c>
      <c r="F74478" s="14" t="s">
        <v>25</v>
      </c>
      <c r="G74478" s="16">
        <v>0.11623220891846023</v>
      </c>
    </row>
    <row r="74479" spans="1:7" x14ac:dyDescent="0.3">
      <c r="A74479" s="13" t="s">
        <v>383</v>
      </c>
      <c r="B74479" s="14" t="s">
        <v>1</v>
      </c>
      <c r="C74479" s="14" t="s">
        <v>70</v>
      </c>
      <c r="D74479" s="14" t="s">
        <v>384</v>
      </c>
      <c r="E74479" s="15">
        <v>45395</v>
      </c>
      <c r="F74479" s="14" t="s">
        <v>25</v>
      </c>
      <c r="G74479" s="16">
        <v>0.11623220891846023</v>
      </c>
    </row>
    <row r="74480" spans="1:7" x14ac:dyDescent="0.3">
      <c r="A74480" s="13" t="s">
        <v>383</v>
      </c>
      <c r="B74480" s="14" t="s">
        <v>1</v>
      </c>
      <c r="C74480" s="14" t="s">
        <v>70</v>
      </c>
      <c r="D74480" s="14" t="s">
        <v>384</v>
      </c>
      <c r="E74480" s="15">
        <v>45396</v>
      </c>
      <c r="F74480" s="14" t="s">
        <v>25</v>
      </c>
      <c r="G74480" s="16">
        <v>0.11623220891846023</v>
      </c>
    </row>
    <row r="74481" spans="1:7" x14ac:dyDescent="0.3">
      <c r="A74481" s="13" t="s">
        <v>383</v>
      </c>
      <c r="B74481" s="14" t="s">
        <v>1</v>
      </c>
      <c r="C74481" s="14" t="s">
        <v>70</v>
      </c>
      <c r="D74481" s="14" t="s">
        <v>384</v>
      </c>
      <c r="E74481" s="15">
        <v>45397</v>
      </c>
      <c r="F74481" s="14" t="s">
        <v>25</v>
      </c>
      <c r="G74481" s="16">
        <v>0.14086490039294083</v>
      </c>
    </row>
    <row r="74482" spans="1:7" x14ac:dyDescent="0.3">
      <c r="A74482" s="13" t="s">
        <v>383</v>
      </c>
      <c r="B74482" s="14" t="s">
        <v>1</v>
      </c>
      <c r="C74482" s="14" t="s">
        <v>70</v>
      </c>
      <c r="D74482" s="14" t="s">
        <v>384</v>
      </c>
      <c r="E74482" s="15">
        <v>45398</v>
      </c>
      <c r="F74482" s="14" t="s">
        <v>25</v>
      </c>
      <c r="G74482" s="16">
        <v>0.15512623794329539</v>
      </c>
    </row>
    <row r="74483" spans="1:7" x14ac:dyDescent="0.3">
      <c r="A74483" s="13" t="s">
        <v>383</v>
      </c>
      <c r="B74483" s="14" t="s">
        <v>1</v>
      </c>
      <c r="C74483" s="14" t="s">
        <v>70</v>
      </c>
      <c r="D74483" s="14" t="s">
        <v>384</v>
      </c>
      <c r="E74483" s="15">
        <v>45399</v>
      </c>
      <c r="F74483" s="14" t="s">
        <v>25</v>
      </c>
      <c r="G74483" s="16">
        <v>0.19652410516134536</v>
      </c>
    </row>
    <row r="74484" spans="1:7" x14ac:dyDescent="0.3">
      <c r="A74484" s="13" t="s">
        <v>383</v>
      </c>
      <c r="B74484" s="14" t="s">
        <v>1</v>
      </c>
      <c r="C74484" s="14" t="s">
        <v>70</v>
      </c>
      <c r="D74484" s="14" t="s">
        <v>384</v>
      </c>
      <c r="E74484" s="15">
        <v>45400</v>
      </c>
      <c r="F74484" s="14" t="s">
        <v>25</v>
      </c>
      <c r="G74484" s="16">
        <v>0.20068860666978797</v>
      </c>
    </row>
    <row r="74485" spans="1:7" x14ac:dyDescent="0.3">
      <c r="A74485" s="13" t="s">
        <v>383</v>
      </c>
      <c r="B74485" s="14" t="s">
        <v>1</v>
      </c>
      <c r="C74485" s="14" t="s">
        <v>70</v>
      </c>
      <c r="D74485" s="14" t="s">
        <v>384</v>
      </c>
      <c r="E74485" s="15">
        <v>45401</v>
      </c>
      <c r="F74485" s="14" t="s">
        <v>25</v>
      </c>
      <c r="G74485" s="16">
        <v>0.20899616588096309</v>
      </c>
    </row>
    <row r="74486" spans="1:7" x14ac:dyDescent="0.3">
      <c r="A74486" s="13" t="s">
        <v>383</v>
      </c>
      <c r="B74486" s="14" t="s">
        <v>1</v>
      </c>
      <c r="C74486" s="14" t="s">
        <v>70</v>
      </c>
      <c r="D74486" s="14" t="s">
        <v>384</v>
      </c>
      <c r="E74486" s="15">
        <v>45402</v>
      </c>
      <c r="F74486" s="14" t="s">
        <v>25</v>
      </c>
      <c r="G74486" s="16">
        <v>0.20899616588096309</v>
      </c>
    </row>
    <row r="74487" spans="1:7" x14ac:dyDescent="0.3">
      <c r="A74487" s="13" t="s">
        <v>383</v>
      </c>
      <c r="B74487" s="14" t="s">
        <v>1</v>
      </c>
      <c r="C74487" s="14" t="s">
        <v>70</v>
      </c>
      <c r="D74487" s="14" t="s">
        <v>384</v>
      </c>
      <c r="E74487" s="15">
        <v>45403</v>
      </c>
      <c r="F74487" s="14" t="s">
        <v>25</v>
      </c>
      <c r="G74487" s="16">
        <v>0.20899616588096309</v>
      </c>
    </row>
    <row r="74488" spans="1:7" x14ac:dyDescent="0.3">
      <c r="A74488" s="13" t="s">
        <v>383</v>
      </c>
      <c r="B74488" s="14" t="s">
        <v>1</v>
      </c>
      <c r="C74488" s="14" t="s">
        <v>70</v>
      </c>
      <c r="D74488" s="14" t="s">
        <v>384</v>
      </c>
      <c r="E74488" s="15">
        <v>45404</v>
      </c>
      <c r="F74488" s="14" t="s">
        <v>25</v>
      </c>
      <c r="G74488" s="16">
        <v>0.21786216132800759</v>
      </c>
    </row>
    <row r="74489" spans="1:7" x14ac:dyDescent="0.3">
      <c r="A74489" s="13" t="s">
        <v>383</v>
      </c>
      <c r="B74489" s="14" t="s">
        <v>1</v>
      </c>
      <c r="C74489" s="14" t="s">
        <v>70</v>
      </c>
      <c r="D74489" s="14" t="s">
        <v>384</v>
      </c>
      <c r="E74489" s="15">
        <v>45405</v>
      </c>
      <c r="F74489" s="14" t="s">
        <v>25</v>
      </c>
      <c r="G74489" s="16">
        <v>0.2481405141596966</v>
      </c>
    </row>
    <row r="74490" spans="1:7" x14ac:dyDescent="0.3">
      <c r="A74490" s="13" t="s">
        <v>383</v>
      </c>
      <c r="B74490" s="14" t="s">
        <v>1</v>
      </c>
      <c r="C74490" s="14" t="s">
        <v>70</v>
      </c>
      <c r="D74490" s="14" t="s">
        <v>384</v>
      </c>
      <c r="E74490" s="15">
        <v>45406</v>
      </c>
      <c r="F74490" s="14" t="s">
        <v>25</v>
      </c>
      <c r="G74490" s="16">
        <v>0.25660778912881765</v>
      </c>
    </row>
    <row r="74491" spans="1:7" x14ac:dyDescent="0.3">
      <c r="A74491" s="13" t="s">
        <v>383</v>
      </c>
      <c r="B74491" s="14" t="s">
        <v>1</v>
      </c>
      <c r="C74491" s="14" t="s">
        <v>70</v>
      </c>
      <c r="D74491" s="14" t="s">
        <v>384</v>
      </c>
      <c r="E74491" s="15">
        <v>45407</v>
      </c>
      <c r="F74491" s="14" t="s">
        <v>25</v>
      </c>
      <c r="G74491" s="16">
        <v>0.3026886181759928</v>
      </c>
    </row>
    <row r="74492" spans="1:7" x14ac:dyDescent="0.3">
      <c r="A74492" s="13" t="s">
        <v>383</v>
      </c>
      <c r="B74492" s="14" t="s">
        <v>1</v>
      </c>
      <c r="C74492" s="14" t="s">
        <v>70</v>
      </c>
      <c r="D74492" s="14" t="s">
        <v>384</v>
      </c>
      <c r="E74492" s="15">
        <v>45408</v>
      </c>
      <c r="F74492" s="14" t="s">
        <v>25</v>
      </c>
      <c r="G74492" s="16">
        <v>0.30819697972933668</v>
      </c>
    </row>
    <row r="74493" spans="1:7" x14ac:dyDescent="0.3">
      <c r="A74493" s="13" t="s">
        <v>383</v>
      </c>
      <c r="B74493" s="14" t="s">
        <v>1</v>
      </c>
      <c r="C74493" s="14" t="s">
        <v>70</v>
      </c>
      <c r="D74493" s="14" t="s">
        <v>384</v>
      </c>
      <c r="E74493" s="15">
        <v>45409</v>
      </c>
      <c r="F74493" s="14" t="s">
        <v>25</v>
      </c>
      <c r="G74493" s="16">
        <v>0.30819697972933668</v>
      </c>
    </row>
    <row r="74494" spans="1:7" x14ac:dyDescent="0.3">
      <c r="A74494" s="13" t="s">
        <v>383</v>
      </c>
      <c r="B74494" s="14" t="s">
        <v>1</v>
      </c>
      <c r="C74494" s="14" t="s">
        <v>70</v>
      </c>
      <c r="D74494" s="14" t="s">
        <v>384</v>
      </c>
      <c r="E74494" s="15">
        <v>45410</v>
      </c>
      <c r="F74494" s="14" t="s">
        <v>25</v>
      </c>
      <c r="G74494" s="16">
        <v>0.30819697972933668</v>
      </c>
    </row>
    <row r="74495" spans="1:7" x14ac:dyDescent="0.3">
      <c r="A74495" s="13" t="s">
        <v>383</v>
      </c>
      <c r="B74495" s="14" t="s">
        <v>1</v>
      </c>
      <c r="C74495" s="14" t="s">
        <v>70</v>
      </c>
      <c r="D74495" s="14" t="s">
        <v>384</v>
      </c>
      <c r="E74495" s="15">
        <v>45411</v>
      </c>
      <c r="F74495" s="14" t="s">
        <v>25</v>
      </c>
      <c r="G74495" s="16">
        <v>0.31072722503844397</v>
      </c>
    </row>
    <row r="74496" spans="1:7" x14ac:dyDescent="0.3">
      <c r="A74496" s="13" t="s">
        <v>383</v>
      </c>
      <c r="B74496" s="14" t="s">
        <v>1</v>
      </c>
      <c r="C74496" s="14" t="s">
        <v>70</v>
      </c>
      <c r="D74496" s="14" t="s">
        <v>384</v>
      </c>
      <c r="E74496" s="15">
        <v>45412</v>
      </c>
      <c r="F74496" s="14" t="s">
        <v>25</v>
      </c>
      <c r="G74496" s="16">
        <v>0.32697706887212147</v>
      </c>
    </row>
    <row r="74497" spans="1:7" x14ac:dyDescent="0.3">
      <c r="A74497" s="13" t="s">
        <v>383</v>
      </c>
      <c r="B74497" s="14" t="s">
        <v>1</v>
      </c>
      <c r="C74497" s="14" t="s">
        <v>70</v>
      </c>
      <c r="D74497" s="14" t="s">
        <v>384</v>
      </c>
      <c r="E74497" s="15">
        <v>45413</v>
      </c>
      <c r="F74497" s="14" t="s">
        <v>25</v>
      </c>
      <c r="G74497" s="16">
        <v>0.32697706887212147</v>
      </c>
    </row>
    <row r="74498" spans="1:7" x14ac:dyDescent="0.3">
      <c r="A74498" s="13" t="s">
        <v>383</v>
      </c>
      <c r="B74498" s="14" t="s">
        <v>1</v>
      </c>
      <c r="C74498" s="14" t="s">
        <v>70</v>
      </c>
      <c r="D74498" s="14" t="s">
        <v>384</v>
      </c>
      <c r="E74498" s="15">
        <v>45414</v>
      </c>
      <c r="F74498" s="14" t="s">
        <v>25</v>
      </c>
      <c r="G74498" s="16">
        <v>0.36365188061807185</v>
      </c>
    </row>
    <row r="74499" spans="1:7" x14ac:dyDescent="0.3">
      <c r="A74499" s="13" t="s">
        <v>383</v>
      </c>
      <c r="B74499" s="14" t="s">
        <v>1</v>
      </c>
      <c r="C74499" s="14" t="s">
        <v>70</v>
      </c>
      <c r="D74499" s="14" t="s">
        <v>384</v>
      </c>
      <c r="E74499" s="15">
        <v>45415</v>
      </c>
      <c r="F74499" s="14" t="s">
        <v>25</v>
      </c>
      <c r="G74499" s="16">
        <v>0.37066572770534334</v>
      </c>
    </row>
    <row r="74500" spans="1:7" x14ac:dyDescent="0.3">
      <c r="A74500" s="13" t="s">
        <v>383</v>
      </c>
      <c r="B74500" s="14" t="s">
        <v>1</v>
      </c>
      <c r="C74500" s="14" t="s">
        <v>70</v>
      </c>
      <c r="D74500" s="14" t="s">
        <v>384</v>
      </c>
      <c r="E74500" s="15">
        <v>45416</v>
      </c>
      <c r="F74500" s="14" t="s">
        <v>25</v>
      </c>
      <c r="G74500" s="16">
        <v>0.37066572770534334</v>
      </c>
    </row>
    <row r="74501" spans="1:7" x14ac:dyDescent="0.3">
      <c r="A74501" s="13" t="s">
        <v>383</v>
      </c>
      <c r="B74501" s="14" t="s">
        <v>1</v>
      </c>
      <c r="C74501" s="14" t="s">
        <v>70</v>
      </c>
      <c r="D74501" s="14" t="s">
        <v>384</v>
      </c>
      <c r="E74501" s="15">
        <v>45417</v>
      </c>
      <c r="F74501" s="14" t="s">
        <v>25</v>
      </c>
      <c r="G74501" s="16">
        <v>0.37066572770534334</v>
      </c>
    </row>
    <row r="74502" spans="1:7" x14ac:dyDescent="0.3">
      <c r="A74502" s="13" t="s">
        <v>383</v>
      </c>
      <c r="B74502" s="14" t="s">
        <v>1</v>
      </c>
      <c r="C74502" s="14" t="s">
        <v>70</v>
      </c>
      <c r="D74502" s="14" t="s">
        <v>384</v>
      </c>
      <c r="E74502" s="15">
        <v>45418</v>
      </c>
      <c r="F74502" s="14" t="s">
        <v>25</v>
      </c>
      <c r="G74502" s="16">
        <v>0.37066572770534334</v>
      </c>
    </row>
    <row r="74503" spans="1:7" x14ac:dyDescent="0.3">
      <c r="A74503" s="13" t="s">
        <v>383</v>
      </c>
      <c r="B74503" s="14" t="s">
        <v>1</v>
      </c>
      <c r="C74503" s="14" t="s">
        <v>70</v>
      </c>
      <c r="D74503" s="14" t="s">
        <v>384</v>
      </c>
      <c r="E74503" s="15">
        <v>45419</v>
      </c>
      <c r="F74503" s="14" t="s">
        <v>25</v>
      </c>
      <c r="G74503" s="16">
        <v>0.39815219159610127</v>
      </c>
    </row>
    <row r="74504" spans="1:7" x14ac:dyDescent="0.3">
      <c r="A74504" s="13" t="s">
        <v>383</v>
      </c>
      <c r="B74504" s="14" t="s">
        <v>1</v>
      </c>
      <c r="C74504" s="14" t="s">
        <v>70</v>
      </c>
      <c r="D74504" s="14" t="s">
        <v>384</v>
      </c>
      <c r="E74504" s="15">
        <v>45420</v>
      </c>
      <c r="F74504" s="14" t="s">
        <v>25</v>
      </c>
      <c r="G74504" s="16">
        <v>0.41927940207449749</v>
      </c>
    </row>
    <row r="74505" spans="1:7" x14ac:dyDescent="0.3">
      <c r="A74505" s="13" t="s">
        <v>383</v>
      </c>
      <c r="B74505" s="14" t="s">
        <v>1</v>
      </c>
      <c r="C74505" s="14" t="s">
        <v>70</v>
      </c>
      <c r="D74505" s="14" t="s">
        <v>384</v>
      </c>
      <c r="E74505" s="15">
        <v>45421</v>
      </c>
      <c r="F74505" s="14" t="s">
        <v>25</v>
      </c>
      <c r="G74505" s="16">
        <v>0.41927940207449749</v>
      </c>
    </row>
    <row r="74506" spans="1:7" x14ac:dyDescent="0.3">
      <c r="A74506" s="13" t="s">
        <v>383</v>
      </c>
      <c r="B74506" s="14" t="s">
        <v>1</v>
      </c>
      <c r="C74506" s="14" t="s">
        <v>70</v>
      </c>
      <c r="D74506" s="14" t="s">
        <v>384</v>
      </c>
      <c r="E74506" s="15">
        <v>45422</v>
      </c>
      <c r="F74506" s="14" t="s">
        <v>25</v>
      </c>
      <c r="G74506" s="16">
        <v>0.42241240535772567</v>
      </c>
    </row>
    <row r="74507" spans="1:7" x14ac:dyDescent="0.3">
      <c r="A74507" s="13" t="s">
        <v>383</v>
      </c>
      <c r="B74507" s="14" t="s">
        <v>1</v>
      </c>
      <c r="C74507" s="14" t="s">
        <v>70</v>
      </c>
      <c r="D74507" s="14" t="s">
        <v>384</v>
      </c>
      <c r="E74507" s="15">
        <v>45423</v>
      </c>
      <c r="F74507" s="14" t="s">
        <v>25</v>
      </c>
      <c r="G74507" s="16">
        <v>0.42241240535772567</v>
      </c>
    </row>
    <row r="74508" spans="1:7" x14ac:dyDescent="0.3">
      <c r="A74508" s="13" t="s">
        <v>383</v>
      </c>
      <c r="B74508" s="14" t="s">
        <v>1</v>
      </c>
      <c r="C74508" s="14" t="s">
        <v>70</v>
      </c>
      <c r="D74508" s="14" t="s">
        <v>384</v>
      </c>
      <c r="E74508" s="15">
        <v>45424</v>
      </c>
      <c r="F74508" s="14" t="s">
        <v>25</v>
      </c>
      <c r="G74508" s="16">
        <v>0.42241240535772567</v>
      </c>
    </row>
    <row r="74509" spans="1:7" x14ac:dyDescent="0.3">
      <c r="A74509" s="13" t="s">
        <v>383</v>
      </c>
      <c r="B74509" s="14" t="s">
        <v>1</v>
      </c>
      <c r="C74509" s="14" t="s">
        <v>70</v>
      </c>
      <c r="D74509" s="14" t="s">
        <v>384</v>
      </c>
      <c r="E74509" s="15">
        <v>45425</v>
      </c>
      <c r="F74509" s="14" t="s">
        <v>25</v>
      </c>
      <c r="G74509" s="16">
        <v>0.53447286523941495</v>
      </c>
    </row>
    <row r="74510" spans="1:7" x14ac:dyDescent="0.3">
      <c r="A74510" s="13" t="s">
        <v>383</v>
      </c>
      <c r="B74510" s="14" t="s">
        <v>1</v>
      </c>
      <c r="C74510" s="14" t="s">
        <v>70</v>
      </c>
      <c r="D74510" s="14" t="s">
        <v>384</v>
      </c>
      <c r="E74510" s="15">
        <v>45426</v>
      </c>
      <c r="F74510" s="14" t="s">
        <v>25</v>
      </c>
      <c r="G74510" s="16">
        <v>0.56897372167057314</v>
      </c>
    </row>
    <row r="74511" spans="1:7" x14ac:dyDescent="0.3">
      <c r="A74511" s="13" t="s">
        <v>383</v>
      </c>
      <c r="B74511" s="14" t="s">
        <v>1</v>
      </c>
      <c r="C74511" s="14" t="s">
        <v>70</v>
      </c>
      <c r="D74511" s="14" t="s">
        <v>384</v>
      </c>
      <c r="E74511" s="15">
        <v>45427</v>
      </c>
      <c r="F74511" s="14" t="s">
        <v>25</v>
      </c>
      <c r="G74511" s="16">
        <v>0.57587398747066421</v>
      </c>
    </row>
    <row r="74512" spans="1:7" x14ac:dyDescent="0.3">
      <c r="A74512" s="13" t="s">
        <v>383</v>
      </c>
      <c r="B74512" s="14" t="s">
        <v>1</v>
      </c>
      <c r="C74512" s="14" t="s">
        <v>70</v>
      </c>
      <c r="D74512" s="14" t="s">
        <v>384</v>
      </c>
      <c r="E74512" s="15">
        <v>45428</v>
      </c>
      <c r="F74512" s="14" t="s">
        <v>25</v>
      </c>
      <c r="G74512" s="16">
        <v>0.58408264829362444</v>
      </c>
    </row>
    <row r="74513" spans="1:7" x14ac:dyDescent="0.3">
      <c r="A74513" s="13" t="s">
        <v>383</v>
      </c>
      <c r="B74513" s="14" t="s">
        <v>1</v>
      </c>
      <c r="C74513" s="14" t="s">
        <v>70</v>
      </c>
      <c r="D74513" s="14" t="s">
        <v>384</v>
      </c>
      <c r="E74513" s="15">
        <v>45429</v>
      </c>
      <c r="F74513" s="14" t="s">
        <v>25</v>
      </c>
      <c r="G74513" s="16">
        <v>0.6736839398222042</v>
      </c>
    </row>
    <row r="74514" spans="1:7" x14ac:dyDescent="0.3">
      <c r="A74514" s="13" t="s">
        <v>383</v>
      </c>
      <c r="B74514" s="14" t="s">
        <v>1</v>
      </c>
      <c r="C74514" s="14" t="s">
        <v>70</v>
      </c>
      <c r="D74514" s="14" t="s">
        <v>384</v>
      </c>
      <c r="E74514" s="15">
        <v>45430</v>
      </c>
      <c r="F74514" s="14" t="s">
        <v>25</v>
      </c>
      <c r="G74514" s="16">
        <v>0.6736839398222042</v>
      </c>
    </row>
    <row r="74515" spans="1:7" x14ac:dyDescent="0.3">
      <c r="A74515" s="13" t="s">
        <v>383</v>
      </c>
      <c r="B74515" s="14" t="s">
        <v>1</v>
      </c>
      <c r="C74515" s="14" t="s">
        <v>70</v>
      </c>
      <c r="D74515" s="14" t="s">
        <v>384</v>
      </c>
      <c r="E74515" s="15">
        <v>45431</v>
      </c>
      <c r="F74515" s="14" t="s">
        <v>25</v>
      </c>
      <c r="G74515" s="16">
        <v>0.6736839398222042</v>
      </c>
    </row>
    <row r="74516" spans="1:7" x14ac:dyDescent="0.3">
      <c r="A74516" s="13" t="s">
        <v>383</v>
      </c>
      <c r="B74516" s="14" t="s">
        <v>1</v>
      </c>
      <c r="C74516" s="14" t="s">
        <v>70</v>
      </c>
      <c r="D74516" s="14" t="s">
        <v>384</v>
      </c>
      <c r="E74516" s="15">
        <v>45432</v>
      </c>
      <c r="F74516" s="14" t="s">
        <v>25</v>
      </c>
      <c r="G74516" s="16">
        <v>0.6736839398222042</v>
      </c>
    </row>
    <row r="74517" spans="1:7" x14ac:dyDescent="0.3">
      <c r="A74517" s="13" t="s">
        <v>383</v>
      </c>
      <c r="B74517" s="14" t="s">
        <v>1</v>
      </c>
      <c r="C74517" s="14" t="s">
        <v>70</v>
      </c>
      <c r="D74517" s="14" t="s">
        <v>384</v>
      </c>
      <c r="E74517" s="15">
        <v>45433</v>
      </c>
      <c r="F74517" s="14" t="s">
        <v>25</v>
      </c>
      <c r="G74517" s="16">
        <v>0.67885465528246336</v>
      </c>
    </row>
    <row r="74518" spans="1:7" x14ac:dyDescent="0.3">
      <c r="A74518" s="13" t="s">
        <v>383</v>
      </c>
      <c r="B74518" s="14" t="s">
        <v>1</v>
      </c>
      <c r="C74518" s="14" t="s">
        <v>70</v>
      </c>
      <c r="D74518" s="14" t="s">
        <v>384</v>
      </c>
      <c r="E74518" s="15">
        <v>45434</v>
      </c>
      <c r="F74518" s="14" t="s">
        <v>25</v>
      </c>
      <c r="G74518" s="16">
        <v>0.71682014403856875</v>
      </c>
    </row>
    <row r="74519" spans="1:7" x14ac:dyDescent="0.3">
      <c r="A74519" s="13" t="s">
        <v>383</v>
      </c>
      <c r="B74519" s="14" t="s">
        <v>1</v>
      </c>
      <c r="C74519" s="14" t="s">
        <v>70</v>
      </c>
      <c r="D74519" s="14" t="s">
        <v>384</v>
      </c>
      <c r="E74519" s="15">
        <v>45435</v>
      </c>
      <c r="F74519" s="14" t="s">
        <v>25</v>
      </c>
      <c r="G74519" s="16">
        <v>0.72041392481802657</v>
      </c>
    </row>
    <row r="74520" spans="1:7" x14ac:dyDescent="0.3">
      <c r="A74520" s="13" t="s">
        <v>383</v>
      </c>
      <c r="B74520" s="14" t="s">
        <v>1</v>
      </c>
      <c r="C74520" s="14" t="s">
        <v>70</v>
      </c>
      <c r="D74520" s="14" t="s">
        <v>384</v>
      </c>
      <c r="E74520" s="15">
        <v>45436</v>
      </c>
      <c r="F74520" s="14" t="s">
        <v>25</v>
      </c>
      <c r="G74520" s="16">
        <v>0.7245696323037939</v>
      </c>
    </row>
    <row r="74521" spans="1:7" x14ac:dyDescent="0.3">
      <c r="A74521" s="13" t="s">
        <v>383</v>
      </c>
      <c r="B74521" s="14" t="s">
        <v>1</v>
      </c>
      <c r="C74521" s="14" t="s">
        <v>70</v>
      </c>
      <c r="D74521" s="14" t="s">
        <v>384</v>
      </c>
      <c r="E74521" s="15">
        <v>45437</v>
      </c>
      <c r="F74521" s="14" t="s">
        <v>25</v>
      </c>
      <c r="G74521" s="16">
        <v>0.7245696323037939</v>
      </c>
    </row>
    <row r="74522" spans="1:7" x14ac:dyDescent="0.3">
      <c r="A74522" s="13" t="s">
        <v>383</v>
      </c>
      <c r="B74522" s="14" t="s">
        <v>1</v>
      </c>
      <c r="C74522" s="14" t="s">
        <v>70</v>
      </c>
      <c r="D74522" s="14" t="s">
        <v>384</v>
      </c>
      <c r="E74522" s="15">
        <v>45438</v>
      </c>
      <c r="F74522" s="14" t="s">
        <v>25</v>
      </c>
      <c r="G74522" s="16">
        <v>0.7245696323037939</v>
      </c>
    </row>
    <row r="74523" spans="1:7" x14ac:dyDescent="0.3">
      <c r="A74523" s="13" t="s">
        <v>383</v>
      </c>
      <c r="B74523" s="14" t="s">
        <v>1</v>
      </c>
      <c r="C74523" s="14" t="s">
        <v>70</v>
      </c>
      <c r="D74523" s="14" t="s">
        <v>384</v>
      </c>
      <c r="E74523" s="15">
        <v>45439</v>
      </c>
      <c r="F74523" s="14" t="s">
        <v>25</v>
      </c>
      <c r="G74523" s="16">
        <v>0.71952452561183355</v>
      </c>
    </row>
    <row r="74524" spans="1:7" x14ac:dyDescent="0.3">
      <c r="A74524" s="13" t="s">
        <v>383</v>
      </c>
      <c r="B74524" s="14" t="s">
        <v>1</v>
      </c>
      <c r="C74524" s="14" t="s">
        <v>70</v>
      </c>
      <c r="D74524" s="14" t="s">
        <v>384</v>
      </c>
      <c r="E74524" s="15">
        <v>45440</v>
      </c>
      <c r="F74524" s="14" t="s">
        <v>25</v>
      </c>
      <c r="G74524" s="16">
        <v>0.72976918336387087</v>
      </c>
    </row>
    <row r="74525" spans="1:7" x14ac:dyDescent="0.3">
      <c r="A74525" s="13" t="s">
        <v>383</v>
      </c>
      <c r="B74525" s="14" t="s">
        <v>1</v>
      </c>
      <c r="C74525" s="14" t="s">
        <v>70</v>
      </c>
      <c r="D74525" s="14" t="s">
        <v>384</v>
      </c>
      <c r="E74525" s="15">
        <v>45441</v>
      </c>
      <c r="F74525" s="14" t="s">
        <v>25</v>
      </c>
      <c r="G74525" s="16">
        <v>0.7359949594353915</v>
      </c>
    </row>
    <row r="74526" spans="1:7" x14ac:dyDescent="0.3">
      <c r="A74526" s="13" t="s">
        <v>383</v>
      </c>
      <c r="B74526" s="14" t="s">
        <v>1</v>
      </c>
      <c r="C74526" s="14" t="s">
        <v>70</v>
      </c>
      <c r="D74526" s="14" t="s">
        <v>384</v>
      </c>
      <c r="E74526" s="15">
        <v>45442</v>
      </c>
      <c r="F74526" s="14" t="s">
        <v>25</v>
      </c>
      <c r="G74526" s="16">
        <v>0.72852365917347039</v>
      </c>
    </row>
    <row r="74527" spans="1:7" x14ac:dyDescent="0.3">
      <c r="A74527" s="13" t="s">
        <v>383</v>
      </c>
      <c r="B74527" s="14" t="s">
        <v>1</v>
      </c>
      <c r="C74527" s="14" t="s">
        <v>70</v>
      </c>
      <c r="D74527" s="14" t="s">
        <v>384</v>
      </c>
      <c r="E74527" s="15">
        <v>45443</v>
      </c>
      <c r="F74527" s="14" t="s">
        <v>25</v>
      </c>
      <c r="G74527" s="16">
        <v>0.73494363665399598</v>
      </c>
    </row>
    <row r="74528" spans="1:7" x14ac:dyDescent="0.3">
      <c r="A74528" s="13" t="s">
        <v>383</v>
      </c>
      <c r="B74528" s="14" t="s">
        <v>1</v>
      </c>
      <c r="C74528" s="14" t="s">
        <v>70</v>
      </c>
      <c r="D74528" s="14" t="s">
        <v>384</v>
      </c>
      <c r="E74528" s="15">
        <v>45444</v>
      </c>
      <c r="F74528" s="14" t="s">
        <v>25</v>
      </c>
      <c r="G74528" s="16">
        <v>0.73494363665399598</v>
      </c>
    </row>
    <row r="74529" spans="1:7" x14ac:dyDescent="0.3">
      <c r="A74529" s="13" t="s">
        <v>383</v>
      </c>
      <c r="B74529" s="14" t="s">
        <v>1</v>
      </c>
      <c r="C74529" s="14" t="s">
        <v>70</v>
      </c>
      <c r="D74529" s="14" t="s">
        <v>384</v>
      </c>
      <c r="E74529" s="15">
        <v>45445</v>
      </c>
      <c r="F74529" s="14" t="s">
        <v>25</v>
      </c>
      <c r="G74529" s="16">
        <v>0.73494363665399598</v>
      </c>
    </row>
    <row r="74530" spans="1:7" x14ac:dyDescent="0.3">
      <c r="A74530" s="13" t="s">
        <v>383</v>
      </c>
      <c r="B74530" s="14" t="s">
        <v>1</v>
      </c>
      <c r="C74530" s="14" t="s">
        <v>70</v>
      </c>
      <c r="D74530" s="14" t="s">
        <v>384</v>
      </c>
      <c r="E74530" s="15">
        <v>45446</v>
      </c>
      <c r="F74530" s="14" t="s">
        <v>25</v>
      </c>
      <c r="G74530" s="16">
        <v>0.73494363665399598</v>
      </c>
    </row>
    <row r="74531" spans="1:7" x14ac:dyDescent="0.3">
      <c r="A74531" s="13" t="s">
        <v>383</v>
      </c>
      <c r="B74531" s="14" t="s">
        <v>1</v>
      </c>
      <c r="C74531" s="14" t="s">
        <v>70</v>
      </c>
      <c r="D74531" s="14" t="s">
        <v>384</v>
      </c>
      <c r="E74531" s="15">
        <v>45447</v>
      </c>
      <c r="F74531" s="14" t="s">
        <v>25</v>
      </c>
      <c r="G74531" s="16">
        <v>0.74001303253880812</v>
      </c>
    </row>
    <row r="74532" spans="1:7" x14ac:dyDescent="0.3">
      <c r="A74532" s="13" t="s">
        <v>383</v>
      </c>
      <c r="B74532" s="14" t="s">
        <v>1</v>
      </c>
      <c r="C74532" s="14" t="s">
        <v>70</v>
      </c>
      <c r="D74532" s="14" t="s">
        <v>384</v>
      </c>
      <c r="E74532" s="15">
        <v>45448</v>
      </c>
      <c r="F74532" s="14" t="s">
        <v>25</v>
      </c>
      <c r="G74532" s="16">
        <v>0.776631874515328</v>
      </c>
    </row>
    <row r="74533" spans="1:7" x14ac:dyDescent="0.3">
      <c r="A74533" s="13" t="s">
        <v>383</v>
      </c>
      <c r="B74533" s="14" t="s">
        <v>1</v>
      </c>
      <c r="C74533" s="14" t="s">
        <v>70</v>
      </c>
      <c r="D74533" s="14" t="s">
        <v>384</v>
      </c>
      <c r="E74533" s="15">
        <v>45449</v>
      </c>
      <c r="F74533" s="14" t="s">
        <v>25</v>
      </c>
      <c r="G74533" s="16">
        <v>0.77669260631780135</v>
      </c>
    </row>
    <row r="74534" spans="1:7" x14ac:dyDescent="0.3">
      <c r="A74534" s="13" t="s">
        <v>383</v>
      </c>
      <c r="B74534" s="14" t="s">
        <v>1</v>
      </c>
      <c r="C74534" s="14" t="s">
        <v>70</v>
      </c>
      <c r="D74534" s="14" t="s">
        <v>384</v>
      </c>
      <c r="E74534" s="15">
        <v>45450</v>
      </c>
      <c r="F74534" s="14" t="s">
        <v>25</v>
      </c>
      <c r="G74534" s="16">
        <v>0.78631669298861939</v>
      </c>
    </row>
    <row r="74535" spans="1:7" x14ac:dyDescent="0.3">
      <c r="A74535" s="13" t="s">
        <v>383</v>
      </c>
      <c r="B74535" s="14" t="s">
        <v>1</v>
      </c>
      <c r="C74535" s="14" t="s">
        <v>70</v>
      </c>
      <c r="D74535" s="14" t="s">
        <v>384</v>
      </c>
      <c r="E74535" s="15">
        <v>45451</v>
      </c>
      <c r="F74535" s="14" t="s">
        <v>25</v>
      </c>
      <c r="G74535" s="16">
        <v>0.78631669298861939</v>
      </c>
    </row>
    <row r="74536" spans="1:7" x14ac:dyDescent="0.3">
      <c r="A74536" s="13" t="s">
        <v>383</v>
      </c>
      <c r="B74536" s="14" t="s">
        <v>1</v>
      </c>
      <c r="C74536" s="14" t="s">
        <v>70</v>
      </c>
      <c r="D74536" s="14" t="s">
        <v>384</v>
      </c>
      <c r="E74536" s="15">
        <v>45452</v>
      </c>
      <c r="F74536" s="14" t="s">
        <v>25</v>
      </c>
      <c r="G74536" s="16">
        <v>0.78631669298861939</v>
      </c>
    </row>
    <row r="74537" spans="1:7" x14ac:dyDescent="0.3">
      <c r="A74537" s="13" t="s">
        <v>383</v>
      </c>
      <c r="B74537" s="14" t="s">
        <v>1</v>
      </c>
      <c r="C74537" s="14" t="s">
        <v>70</v>
      </c>
      <c r="D74537" s="14" t="s">
        <v>384</v>
      </c>
      <c r="E74537" s="15">
        <v>45453</v>
      </c>
      <c r="F74537" s="14" t="s">
        <v>25</v>
      </c>
      <c r="G74537" s="16">
        <v>0.79923713980312128</v>
      </c>
    </row>
    <row r="74538" spans="1:7" x14ac:dyDescent="0.3">
      <c r="A74538" s="13" t="s">
        <v>383</v>
      </c>
      <c r="B74538" s="14" t="s">
        <v>1</v>
      </c>
      <c r="C74538" s="14" t="s">
        <v>70</v>
      </c>
      <c r="D74538" s="14" t="s">
        <v>384</v>
      </c>
      <c r="E74538" s="15">
        <v>45454</v>
      </c>
      <c r="F74538" s="14" t="s">
        <v>25</v>
      </c>
      <c r="G74538" s="16">
        <v>0.81251658241626901</v>
      </c>
    </row>
    <row r="74539" spans="1:7" x14ac:dyDescent="0.3">
      <c r="A74539" s="13" t="s">
        <v>383</v>
      </c>
      <c r="B74539" s="14" t="s">
        <v>1</v>
      </c>
      <c r="C74539" s="14" t="s">
        <v>70</v>
      </c>
      <c r="D74539" s="14" t="s">
        <v>384</v>
      </c>
      <c r="E74539" s="15">
        <v>45455</v>
      </c>
      <c r="F74539" s="14" t="s">
        <v>25</v>
      </c>
      <c r="G74539" s="16">
        <v>0.82106982944367735</v>
      </c>
    </row>
    <row r="74540" spans="1:7" x14ac:dyDescent="0.3">
      <c r="A74540" s="13" t="s">
        <v>383</v>
      </c>
      <c r="B74540" s="14" t="s">
        <v>1</v>
      </c>
      <c r="C74540" s="14" t="s">
        <v>70</v>
      </c>
      <c r="D74540" s="14" t="s">
        <v>384</v>
      </c>
      <c r="E74540" s="15">
        <v>45456</v>
      </c>
      <c r="F74540" s="14" t="s">
        <v>25</v>
      </c>
      <c r="G74540" s="16">
        <v>0.82841474485013111</v>
      </c>
    </row>
    <row r="74541" spans="1:7" x14ac:dyDescent="0.3">
      <c r="A74541" s="13" t="s">
        <v>383</v>
      </c>
      <c r="B74541" s="14" t="s">
        <v>1</v>
      </c>
      <c r="C74541" s="14" t="s">
        <v>70</v>
      </c>
      <c r="D74541" s="14" t="s">
        <v>384</v>
      </c>
      <c r="E74541" s="15">
        <v>45457</v>
      </c>
      <c r="F74541" s="14" t="s">
        <v>25</v>
      </c>
      <c r="G74541" s="16">
        <v>0.83375005992495954</v>
      </c>
    </row>
    <row r="74542" spans="1:7" x14ac:dyDescent="0.3">
      <c r="A74542" s="13" t="s">
        <v>383</v>
      </c>
      <c r="B74542" s="14" t="s">
        <v>1</v>
      </c>
      <c r="C74542" s="14" t="s">
        <v>70</v>
      </c>
      <c r="D74542" s="14" t="s">
        <v>384</v>
      </c>
      <c r="E74542" s="15">
        <v>45458</v>
      </c>
      <c r="F74542" s="14" t="s">
        <v>25</v>
      </c>
      <c r="G74542" s="16">
        <v>0.83375005992495954</v>
      </c>
    </row>
    <row r="74543" spans="1:7" x14ac:dyDescent="0.3">
      <c r="A74543" s="13" t="s">
        <v>383</v>
      </c>
      <c r="B74543" s="14" t="s">
        <v>1</v>
      </c>
      <c r="C74543" s="14" t="s">
        <v>70</v>
      </c>
      <c r="D74543" s="14" t="s">
        <v>384</v>
      </c>
      <c r="E74543" s="15">
        <v>45459</v>
      </c>
      <c r="F74543" s="14" t="s">
        <v>25</v>
      </c>
      <c r="G74543" s="16">
        <v>0.83375005992495954</v>
      </c>
    </row>
    <row r="74544" spans="1:7" x14ac:dyDescent="0.3">
      <c r="A74544" s="13" t="s">
        <v>383</v>
      </c>
      <c r="B74544" s="14" t="s">
        <v>1</v>
      </c>
      <c r="C74544" s="14" t="s">
        <v>70</v>
      </c>
      <c r="D74544" s="14" t="s">
        <v>384</v>
      </c>
      <c r="E74544" s="15">
        <v>45460</v>
      </c>
      <c r="F74544" s="14" t="s">
        <v>25</v>
      </c>
      <c r="G74544" s="16">
        <v>0.85295024900823468</v>
      </c>
    </row>
    <row r="74545" spans="1:7" x14ac:dyDescent="0.3">
      <c r="A74545" s="13" t="s">
        <v>383</v>
      </c>
      <c r="B74545" s="14" t="s">
        <v>1</v>
      </c>
      <c r="C74545" s="14" t="s">
        <v>70</v>
      </c>
      <c r="D74545" s="14" t="s">
        <v>384</v>
      </c>
      <c r="E74545" s="15">
        <v>45461</v>
      </c>
      <c r="F74545" s="14" t="s">
        <v>25</v>
      </c>
      <c r="G74545" s="16">
        <v>0.85780565885427318</v>
      </c>
    </row>
    <row r="74546" spans="1:7" x14ac:dyDescent="0.3">
      <c r="A74546" s="13" t="s">
        <v>383</v>
      </c>
      <c r="B74546" s="14" t="s">
        <v>1</v>
      </c>
      <c r="C74546" s="14" t="s">
        <v>70</v>
      </c>
      <c r="D74546" s="14" t="s">
        <v>384</v>
      </c>
      <c r="E74546" s="15">
        <v>45462</v>
      </c>
      <c r="F74546" s="14" t="s">
        <v>25</v>
      </c>
      <c r="G74546" s="16">
        <v>0.86247173314121461</v>
      </c>
    </row>
    <row r="74547" spans="1:7" x14ac:dyDescent="0.3">
      <c r="A74547" s="13" t="s">
        <v>383</v>
      </c>
      <c r="B74547" s="14" t="s">
        <v>1</v>
      </c>
      <c r="C74547" s="14" t="s">
        <v>70</v>
      </c>
      <c r="D74547" s="14" t="s">
        <v>384</v>
      </c>
      <c r="E74547" s="15">
        <v>45463</v>
      </c>
      <c r="F74547" s="14" t="s">
        <v>25</v>
      </c>
      <c r="G74547" s="16">
        <v>0.87961514487172809</v>
      </c>
    </row>
    <row r="74548" spans="1:7" x14ac:dyDescent="0.3">
      <c r="A74548" s="13" t="s">
        <v>383</v>
      </c>
      <c r="B74548" s="14" t="s">
        <v>1</v>
      </c>
      <c r="C74548" s="14" t="s">
        <v>70</v>
      </c>
      <c r="D74548" s="14" t="s">
        <v>384</v>
      </c>
      <c r="E74548" s="15">
        <v>45464</v>
      </c>
      <c r="F74548" s="14" t="s">
        <v>25</v>
      </c>
      <c r="G74548" s="16">
        <v>0.88580009878091281</v>
      </c>
    </row>
    <row r="74549" spans="1:7" x14ac:dyDescent="0.3">
      <c r="A74549" s="13" t="s">
        <v>383</v>
      </c>
      <c r="B74549" s="14" t="s">
        <v>1</v>
      </c>
      <c r="C74549" s="14" t="s">
        <v>70</v>
      </c>
      <c r="D74549" s="14" t="s">
        <v>384</v>
      </c>
      <c r="E74549" s="15">
        <v>45465</v>
      </c>
      <c r="F74549" s="14" t="s">
        <v>25</v>
      </c>
      <c r="G74549" s="16">
        <v>0.88580009878091281</v>
      </c>
    </row>
    <row r="74550" spans="1:7" x14ac:dyDescent="0.3">
      <c r="A74550" s="13" t="s">
        <v>383</v>
      </c>
      <c r="B74550" s="14" t="s">
        <v>1</v>
      </c>
      <c r="C74550" s="14" t="s">
        <v>70</v>
      </c>
      <c r="D74550" s="14" t="s">
        <v>384</v>
      </c>
      <c r="E74550" s="15">
        <v>45466</v>
      </c>
      <c r="F74550" s="14" t="s">
        <v>25</v>
      </c>
      <c r="G74550" s="16">
        <v>0.88580009878091281</v>
      </c>
    </row>
    <row r="74551" spans="1:7" x14ac:dyDescent="0.3">
      <c r="A74551" s="13" t="s">
        <v>383</v>
      </c>
      <c r="B74551" s="14" t="s">
        <v>1</v>
      </c>
      <c r="C74551" s="14" t="s">
        <v>70</v>
      </c>
      <c r="D74551" s="14" t="s">
        <v>384</v>
      </c>
      <c r="E74551" s="15">
        <v>45467</v>
      </c>
      <c r="F74551" s="14" t="s">
        <v>25</v>
      </c>
      <c r="G74551" s="16">
        <v>0.88867294735671742</v>
      </c>
    </row>
    <row r="74552" spans="1:7" x14ac:dyDescent="0.3">
      <c r="A74552" s="13" t="s">
        <v>383</v>
      </c>
      <c r="B74552" s="14" t="s">
        <v>1</v>
      </c>
      <c r="C74552" s="14" t="s">
        <v>70</v>
      </c>
      <c r="D74552" s="14" t="s">
        <v>384</v>
      </c>
      <c r="E74552" s="15">
        <v>45468</v>
      </c>
      <c r="F74552" s="14" t="s">
        <v>25</v>
      </c>
      <c r="G74552" s="16">
        <v>0.90748809665178154</v>
      </c>
    </row>
    <row r="74553" spans="1:7" x14ac:dyDescent="0.3">
      <c r="A74553" s="13" t="s">
        <v>383</v>
      </c>
      <c r="B74553" s="14" t="s">
        <v>1</v>
      </c>
      <c r="C74553" s="14" t="s">
        <v>70</v>
      </c>
      <c r="D74553" s="14" t="s">
        <v>384</v>
      </c>
      <c r="E74553" s="15">
        <v>45469</v>
      </c>
      <c r="F74553" s="14" t="s">
        <v>25</v>
      </c>
      <c r="G74553" s="16">
        <v>0.91379712940053648</v>
      </c>
    </row>
    <row r="74554" spans="1:7" x14ac:dyDescent="0.3">
      <c r="A74554" s="13" t="s">
        <v>383</v>
      </c>
      <c r="B74554" s="14" t="s">
        <v>1</v>
      </c>
      <c r="C74554" s="14" t="s">
        <v>70</v>
      </c>
      <c r="D74554" s="14" t="s">
        <v>384</v>
      </c>
      <c r="E74554" s="15">
        <v>45470</v>
      </c>
      <c r="F74554" s="14" t="s">
        <v>25</v>
      </c>
      <c r="G74554" s="16">
        <v>0.91885484646778326</v>
      </c>
    </row>
    <row r="74555" spans="1:7" x14ac:dyDescent="0.3">
      <c r="A74555" s="13" t="s">
        <v>383</v>
      </c>
      <c r="B74555" s="14" t="s">
        <v>1</v>
      </c>
      <c r="C74555" s="14" t="s">
        <v>70</v>
      </c>
      <c r="D74555" s="14" t="s">
        <v>384</v>
      </c>
      <c r="E74555" s="15">
        <v>45471</v>
      </c>
      <c r="F74555" s="14" t="s">
        <v>25</v>
      </c>
      <c r="G74555" s="16">
        <v>0.94655982581091935</v>
      </c>
    </row>
    <row r="74556" spans="1:7" x14ac:dyDescent="0.3">
      <c r="A74556" s="13" t="s">
        <v>383</v>
      </c>
      <c r="B74556" s="14" t="s">
        <v>1</v>
      </c>
      <c r="C74556" s="14" t="s">
        <v>70</v>
      </c>
      <c r="D74556" s="14" t="s">
        <v>384</v>
      </c>
      <c r="E74556" s="15">
        <v>45472</v>
      </c>
      <c r="F74556" s="14" t="s">
        <v>25</v>
      </c>
      <c r="G74556" s="16">
        <v>0.94655982581091935</v>
      </c>
    </row>
    <row r="74557" spans="1:7" x14ac:dyDescent="0.3">
      <c r="A74557" s="13" t="s">
        <v>383</v>
      </c>
      <c r="B74557" s="14" t="s">
        <v>1</v>
      </c>
      <c r="C74557" s="14" t="s">
        <v>70</v>
      </c>
      <c r="D74557" s="14" t="s">
        <v>384</v>
      </c>
      <c r="E74557" s="15">
        <v>45473</v>
      </c>
      <c r="F74557" s="14" t="s">
        <v>25</v>
      </c>
      <c r="G74557" s="16">
        <v>0.94655982581091935</v>
      </c>
    </row>
    <row r="74558" spans="1:7" x14ac:dyDescent="0.3">
      <c r="A74558" s="13" t="s">
        <v>383</v>
      </c>
      <c r="B74558" s="14" t="s">
        <v>1</v>
      </c>
      <c r="C74558" s="14" t="s">
        <v>70</v>
      </c>
      <c r="D74558" s="14" t="s">
        <v>384</v>
      </c>
      <c r="E74558" s="15">
        <v>45474</v>
      </c>
      <c r="F74558" s="14" t="s">
        <v>25</v>
      </c>
      <c r="G74558" s="16">
        <v>0.95963633157170458</v>
      </c>
    </row>
    <row r="74559" spans="1:7" x14ac:dyDescent="0.3">
      <c r="A74559" s="13" t="s">
        <v>383</v>
      </c>
      <c r="B74559" s="14" t="s">
        <v>1</v>
      </c>
      <c r="C74559" s="14" t="s">
        <v>70</v>
      </c>
      <c r="D74559" s="14" t="s">
        <v>384</v>
      </c>
      <c r="E74559" s="15">
        <v>45475</v>
      </c>
      <c r="F74559" s="14" t="s">
        <v>25</v>
      </c>
      <c r="G74559" s="16">
        <v>0.97394588510898927</v>
      </c>
    </row>
    <row r="74560" spans="1:7" x14ac:dyDescent="0.3">
      <c r="A74560" s="13" t="s">
        <v>383</v>
      </c>
      <c r="B74560" s="14" t="s">
        <v>1</v>
      </c>
      <c r="C74560" s="14" t="s">
        <v>70</v>
      </c>
      <c r="D74560" s="14" t="s">
        <v>384</v>
      </c>
      <c r="E74560" s="15">
        <v>45476</v>
      </c>
      <c r="F74560" s="14" t="s">
        <v>25</v>
      </c>
      <c r="G74560" s="16">
        <v>1.0069554386795965</v>
      </c>
    </row>
    <row r="74561" spans="1:7" x14ac:dyDescent="0.3">
      <c r="A74561" s="13" t="s">
        <v>383</v>
      </c>
      <c r="B74561" s="14" t="s">
        <v>1</v>
      </c>
      <c r="C74561" s="14" t="s">
        <v>70</v>
      </c>
      <c r="D74561" s="14" t="s">
        <v>384</v>
      </c>
      <c r="E74561" s="15">
        <v>45477</v>
      </c>
      <c r="F74561" s="14" t="s">
        <v>25</v>
      </c>
      <c r="G74561" s="16">
        <v>1.0091841708201628</v>
      </c>
    </row>
    <row r="74562" spans="1:7" x14ac:dyDescent="0.3">
      <c r="A74562" s="13" t="s">
        <v>383</v>
      </c>
      <c r="B74562" s="14" t="s">
        <v>1</v>
      </c>
      <c r="C74562" s="14" t="s">
        <v>70</v>
      </c>
      <c r="D74562" s="14" t="s">
        <v>384</v>
      </c>
      <c r="E74562" s="15">
        <v>45478</v>
      </c>
      <c r="F74562" s="14" t="s">
        <v>25</v>
      </c>
      <c r="G74562" s="16">
        <v>1.0083178025238058</v>
      </c>
    </row>
    <row r="74563" spans="1:7" x14ac:dyDescent="0.3">
      <c r="A74563" s="13" t="s">
        <v>383</v>
      </c>
      <c r="B74563" s="14" t="s">
        <v>1</v>
      </c>
      <c r="C74563" s="14" t="s">
        <v>70</v>
      </c>
      <c r="D74563" s="14" t="s">
        <v>384</v>
      </c>
      <c r="E74563" s="15">
        <v>45479</v>
      </c>
      <c r="F74563" s="14" t="s">
        <v>25</v>
      </c>
      <c r="G74563" s="16">
        <v>1.0083178025238058</v>
      </c>
    </row>
    <row r="74564" spans="1:7" x14ac:dyDescent="0.3">
      <c r="A74564" s="13" t="s">
        <v>383</v>
      </c>
      <c r="B74564" s="14" t="s">
        <v>1</v>
      </c>
      <c r="C74564" s="14" t="s">
        <v>70</v>
      </c>
      <c r="D74564" s="14" t="s">
        <v>384</v>
      </c>
      <c r="E74564" s="15">
        <v>45480</v>
      </c>
      <c r="F74564" s="14" t="s">
        <v>25</v>
      </c>
      <c r="G74564" s="16">
        <v>1.0083178025238058</v>
      </c>
    </row>
    <row r="74565" spans="1:7" x14ac:dyDescent="0.3">
      <c r="A74565" s="13" t="s">
        <v>383</v>
      </c>
      <c r="B74565" s="14" t="s">
        <v>1</v>
      </c>
      <c r="C74565" s="14" t="s">
        <v>70</v>
      </c>
      <c r="D74565" s="14" t="s">
        <v>384</v>
      </c>
      <c r="E74565" s="15">
        <v>45481</v>
      </c>
      <c r="F74565" s="14" t="s">
        <v>25</v>
      </c>
      <c r="G74565" s="16">
        <v>1.0319338762942196</v>
      </c>
    </row>
    <row r="74566" spans="1:7" x14ac:dyDescent="0.3">
      <c r="A74566" s="13" t="s">
        <v>383</v>
      </c>
      <c r="B74566" s="14" t="s">
        <v>1</v>
      </c>
      <c r="C74566" s="14" t="s">
        <v>70</v>
      </c>
      <c r="D74566" s="14" t="s">
        <v>384</v>
      </c>
      <c r="E74566" s="15">
        <v>45482</v>
      </c>
      <c r="F74566" s="14" t="s">
        <v>25</v>
      </c>
      <c r="G74566" s="16">
        <v>1.0429361624228757</v>
      </c>
    </row>
    <row r="74567" spans="1:7" x14ac:dyDescent="0.3">
      <c r="A74567" s="13" t="s">
        <v>383</v>
      </c>
      <c r="B74567" s="14" t="s">
        <v>1</v>
      </c>
      <c r="C74567" s="14" t="s">
        <v>70</v>
      </c>
      <c r="D74567" s="14" t="s">
        <v>384</v>
      </c>
      <c r="E74567" s="15">
        <v>45483</v>
      </c>
      <c r="F74567" s="14" t="s">
        <v>25</v>
      </c>
      <c r="G74567" s="16">
        <v>1.0514810078721764</v>
      </c>
    </row>
    <row r="74568" spans="1:7" x14ac:dyDescent="0.3">
      <c r="A74568" s="13" t="s">
        <v>383</v>
      </c>
      <c r="B74568" s="14" t="s">
        <v>1</v>
      </c>
      <c r="C74568" s="14" t="s">
        <v>70</v>
      </c>
      <c r="D74568" s="14" t="s">
        <v>384</v>
      </c>
      <c r="E74568" s="15">
        <v>45484</v>
      </c>
      <c r="F74568" s="14" t="s">
        <v>25</v>
      </c>
      <c r="G74568" s="16">
        <v>1.0641598177127518</v>
      </c>
    </row>
    <row r="74569" spans="1:7" x14ac:dyDescent="0.3">
      <c r="A74569" s="13" t="s">
        <v>383</v>
      </c>
      <c r="B74569" s="14" t="s">
        <v>1</v>
      </c>
      <c r="C74569" s="14" t="s">
        <v>70</v>
      </c>
      <c r="D74569" s="14" t="s">
        <v>384</v>
      </c>
      <c r="E74569" s="15">
        <v>45485</v>
      </c>
      <c r="F74569" s="14" t="s">
        <v>25</v>
      </c>
      <c r="G74569" s="16">
        <v>1.0675061597942419</v>
      </c>
    </row>
    <row r="74570" spans="1:7" x14ac:dyDescent="0.3">
      <c r="A74570" s="13" t="s">
        <v>383</v>
      </c>
      <c r="B74570" s="14" t="s">
        <v>1</v>
      </c>
      <c r="C74570" s="14" t="s">
        <v>70</v>
      </c>
      <c r="D74570" s="14" t="s">
        <v>384</v>
      </c>
      <c r="E74570" s="15">
        <v>45486</v>
      </c>
      <c r="F74570" s="14" t="s">
        <v>25</v>
      </c>
      <c r="G74570" s="16">
        <v>1.0675061597942419</v>
      </c>
    </row>
    <row r="74571" spans="1:7" x14ac:dyDescent="0.3">
      <c r="A74571" s="13" t="s">
        <v>383</v>
      </c>
      <c r="B74571" s="14" t="s">
        <v>1</v>
      </c>
      <c r="C74571" s="14" t="s">
        <v>70</v>
      </c>
      <c r="D74571" s="14" t="s">
        <v>384</v>
      </c>
      <c r="E74571" s="15">
        <v>45487</v>
      </c>
      <c r="F74571" s="14" t="s">
        <v>25</v>
      </c>
      <c r="G74571" s="16">
        <v>1.0675061597942419</v>
      </c>
    </row>
    <row r="74572" spans="1:7" x14ac:dyDescent="0.3">
      <c r="A74572" s="13" t="s">
        <v>383</v>
      </c>
      <c r="B74572" s="14" t="s">
        <v>1</v>
      </c>
      <c r="C74572" s="14" t="s">
        <v>70</v>
      </c>
      <c r="D74572" s="14" t="s">
        <v>384</v>
      </c>
      <c r="E74572" s="15">
        <v>45488</v>
      </c>
      <c r="F74572" s="14" t="s">
        <v>25</v>
      </c>
      <c r="G74572" s="16">
        <v>1.0719492707637464</v>
      </c>
    </row>
    <row r="74573" spans="1:7" x14ac:dyDescent="0.3">
      <c r="A74573" s="13" t="s">
        <v>383</v>
      </c>
      <c r="B74573" s="14" t="s">
        <v>1</v>
      </c>
      <c r="C74573" s="14" t="s">
        <v>70</v>
      </c>
      <c r="D74573" s="14" t="s">
        <v>384</v>
      </c>
      <c r="E74573" s="15">
        <v>45489</v>
      </c>
      <c r="F74573" s="14" t="s">
        <v>25</v>
      </c>
      <c r="G74573" s="16">
        <v>1.079756807686465</v>
      </c>
    </row>
    <row r="74574" spans="1:7" x14ac:dyDescent="0.3">
      <c r="A74574" s="13" t="s">
        <v>383</v>
      </c>
      <c r="B74574" s="14" t="s">
        <v>1</v>
      </c>
      <c r="C74574" s="14" t="s">
        <v>70</v>
      </c>
      <c r="D74574" s="14" t="s">
        <v>384</v>
      </c>
      <c r="E74574" s="15">
        <v>45490</v>
      </c>
      <c r="F74574" s="14" t="s">
        <v>25</v>
      </c>
      <c r="G74574" s="16">
        <v>1.0707654580809784</v>
      </c>
    </row>
    <row r="74575" spans="1:7" x14ac:dyDescent="0.3">
      <c r="A74575" s="13" t="s">
        <v>383</v>
      </c>
      <c r="B74575" s="14" t="s">
        <v>1</v>
      </c>
      <c r="C74575" s="14" t="s">
        <v>70</v>
      </c>
      <c r="D74575" s="14" t="s">
        <v>384</v>
      </c>
      <c r="E74575" s="15">
        <v>45491</v>
      </c>
      <c r="F74575" s="14" t="s">
        <v>25</v>
      </c>
      <c r="G74575" s="16">
        <v>1.0924928027781831</v>
      </c>
    </row>
    <row r="74576" spans="1:7" x14ac:dyDescent="0.3">
      <c r="A74576" s="13" t="s">
        <v>383</v>
      </c>
      <c r="B74576" s="14" t="s">
        <v>1</v>
      </c>
      <c r="C74576" s="14" t="s">
        <v>70</v>
      </c>
      <c r="D74576" s="14" t="s">
        <v>384</v>
      </c>
      <c r="E74576" s="15">
        <v>45492</v>
      </c>
      <c r="F74576" s="14" t="s">
        <v>25</v>
      </c>
      <c r="G74576" s="16">
        <v>1.0979104745502535</v>
      </c>
    </row>
    <row r="74577" spans="1:7" x14ac:dyDescent="0.3">
      <c r="A74577" s="13" t="s">
        <v>383</v>
      </c>
      <c r="B74577" s="14" t="s">
        <v>1</v>
      </c>
      <c r="C74577" s="14" t="s">
        <v>70</v>
      </c>
      <c r="D74577" s="14" t="s">
        <v>384</v>
      </c>
      <c r="E74577" s="15">
        <v>45493</v>
      </c>
      <c r="F74577" s="14" t="s">
        <v>25</v>
      </c>
      <c r="G74577" s="16">
        <v>1.0979104745502535</v>
      </c>
    </row>
    <row r="74578" spans="1:7" x14ac:dyDescent="0.3">
      <c r="A74578" s="13" t="s">
        <v>383</v>
      </c>
      <c r="B74578" s="14" t="s">
        <v>1</v>
      </c>
      <c r="C74578" s="14" t="s">
        <v>70</v>
      </c>
      <c r="D74578" s="14" t="s">
        <v>384</v>
      </c>
      <c r="E74578" s="15">
        <v>45494</v>
      </c>
      <c r="F74578" s="14" t="s">
        <v>25</v>
      </c>
      <c r="G74578" s="16">
        <v>1.0979104745502535</v>
      </c>
    </row>
    <row r="74579" spans="1:7" x14ac:dyDescent="0.3">
      <c r="A74579" s="13" t="s">
        <v>383</v>
      </c>
      <c r="B74579" s="14" t="s">
        <v>1</v>
      </c>
      <c r="C74579" s="14" t="s">
        <v>70</v>
      </c>
      <c r="D74579" s="14" t="s">
        <v>384</v>
      </c>
      <c r="E74579" s="15">
        <v>45495</v>
      </c>
      <c r="F74579" s="14" t="s">
        <v>25</v>
      </c>
      <c r="G74579" s="16">
        <v>1.1057015940178048</v>
      </c>
    </row>
    <row r="74580" spans="1:7" x14ac:dyDescent="0.3">
      <c r="A74580" s="13" t="s">
        <v>383</v>
      </c>
      <c r="B74580" s="14" t="s">
        <v>1</v>
      </c>
      <c r="C74580" s="14" t="s">
        <v>70</v>
      </c>
      <c r="D74580" s="14" t="s">
        <v>384</v>
      </c>
      <c r="E74580" s="15">
        <v>45496</v>
      </c>
      <c r="F74580" s="14" t="s">
        <v>25</v>
      </c>
      <c r="G74580" s="16">
        <v>1.1381291522515185</v>
      </c>
    </row>
    <row r="74581" spans="1:7" x14ac:dyDescent="0.3">
      <c r="A74581" s="13" t="s">
        <v>383</v>
      </c>
      <c r="B74581" s="14" t="s">
        <v>1</v>
      </c>
      <c r="C74581" s="14" t="s">
        <v>70</v>
      </c>
      <c r="D74581" s="14" t="s">
        <v>384</v>
      </c>
      <c r="E74581" s="15">
        <v>45497</v>
      </c>
      <c r="F74581" s="14" t="s">
        <v>25</v>
      </c>
      <c r="G74581" s="16">
        <v>1.1352883698674163</v>
      </c>
    </row>
    <row r="74582" spans="1:7" x14ac:dyDescent="0.3">
      <c r="A74582" s="13" t="s">
        <v>383</v>
      </c>
      <c r="B74582" s="14" t="s">
        <v>1</v>
      </c>
      <c r="C74582" s="14" t="s">
        <v>70</v>
      </c>
      <c r="D74582" s="14" t="s">
        <v>384</v>
      </c>
      <c r="E74582" s="15">
        <v>45498</v>
      </c>
      <c r="F74582" s="14" t="s">
        <v>25</v>
      </c>
      <c r="G74582" s="16">
        <v>1.1342210907484871</v>
      </c>
    </row>
    <row r="74583" spans="1:7" x14ac:dyDescent="0.3">
      <c r="A74583" s="13" t="s">
        <v>383</v>
      </c>
      <c r="B74583" s="14" t="s">
        <v>1</v>
      </c>
      <c r="C74583" s="14" t="s">
        <v>70</v>
      </c>
      <c r="D74583" s="14" t="s">
        <v>384</v>
      </c>
      <c r="E74583" s="15">
        <v>45499</v>
      </c>
      <c r="F74583" s="14" t="s">
        <v>25</v>
      </c>
      <c r="G74583" s="16">
        <v>1.1405075893566028</v>
      </c>
    </row>
    <row r="74584" spans="1:7" x14ac:dyDescent="0.3">
      <c r="A74584" s="13" t="s">
        <v>383</v>
      </c>
      <c r="B74584" s="14" t="s">
        <v>1</v>
      </c>
      <c r="C74584" s="14" t="s">
        <v>70</v>
      </c>
      <c r="D74584" s="14" t="s">
        <v>384</v>
      </c>
      <c r="E74584" s="15">
        <v>45500</v>
      </c>
      <c r="F74584" s="14" t="s">
        <v>25</v>
      </c>
      <c r="G74584" s="16">
        <v>1.1405075893566028</v>
      </c>
    </row>
    <row r="74585" spans="1:7" x14ac:dyDescent="0.3">
      <c r="A74585" s="13" t="s">
        <v>383</v>
      </c>
      <c r="B74585" s="14" t="s">
        <v>1</v>
      </c>
      <c r="C74585" s="14" t="s">
        <v>70</v>
      </c>
      <c r="D74585" s="14" t="s">
        <v>384</v>
      </c>
      <c r="E74585" s="15">
        <v>45501</v>
      </c>
      <c r="F74585" s="14" t="s">
        <v>25</v>
      </c>
      <c r="G74585" s="16">
        <v>1.1405075893566028</v>
      </c>
    </row>
    <row r="74586" spans="1:7" x14ac:dyDescent="0.3">
      <c r="A74586" s="13" t="s">
        <v>383</v>
      </c>
      <c r="B74586" s="14" t="s">
        <v>1</v>
      </c>
      <c r="C74586" s="14" t="s">
        <v>70</v>
      </c>
      <c r="D74586" s="14" t="s">
        <v>384</v>
      </c>
      <c r="E74586" s="15">
        <v>45502</v>
      </c>
      <c r="F74586" s="14" t="s">
        <v>25</v>
      </c>
      <c r="G74586" s="16">
        <v>1.1482548249455555</v>
      </c>
    </row>
    <row r="74587" spans="1:7" x14ac:dyDescent="0.3">
      <c r="A74587" s="13" t="s">
        <v>383</v>
      </c>
      <c r="B74587" s="14" t="s">
        <v>1</v>
      </c>
      <c r="C74587" s="14" t="s">
        <v>70</v>
      </c>
      <c r="D74587" s="14" t="s">
        <v>384</v>
      </c>
      <c r="E74587" s="15">
        <v>45503</v>
      </c>
      <c r="F74587" s="14" t="s">
        <v>25</v>
      </c>
      <c r="G74587" s="16">
        <v>1.1544481848750752</v>
      </c>
    </row>
    <row r="74588" spans="1:7" x14ac:dyDescent="0.3">
      <c r="A74588" s="13" t="s">
        <v>383</v>
      </c>
      <c r="B74588" s="14" t="s">
        <v>1</v>
      </c>
      <c r="C74588" s="14" t="s">
        <v>70</v>
      </c>
      <c r="D74588" s="14" t="s">
        <v>384</v>
      </c>
      <c r="E74588" s="15">
        <v>45504</v>
      </c>
      <c r="F74588" s="14" t="s">
        <v>25</v>
      </c>
      <c r="G74588" s="16">
        <v>1.1525812148646584</v>
      </c>
    </row>
    <row r="74589" spans="1:7" x14ac:dyDescent="0.3">
      <c r="A74589" s="13" t="s">
        <v>383</v>
      </c>
      <c r="B74589" s="14" t="s">
        <v>1</v>
      </c>
      <c r="C74589" s="14" t="s">
        <v>70</v>
      </c>
      <c r="D74589" s="14" t="s">
        <v>384</v>
      </c>
      <c r="E74589" s="15">
        <v>45505</v>
      </c>
      <c r="F74589" s="14" t="s">
        <v>25</v>
      </c>
      <c r="G74589" s="16">
        <v>1.1525812148646584</v>
      </c>
    </row>
    <row r="74590" spans="1:7" x14ac:dyDescent="0.3">
      <c r="A74590" s="13" t="s">
        <v>383</v>
      </c>
      <c r="B74590" s="14" t="s">
        <v>1</v>
      </c>
      <c r="C74590" s="14" t="s">
        <v>70</v>
      </c>
      <c r="D74590" s="14" t="s">
        <v>384</v>
      </c>
      <c r="E74590" s="15">
        <v>45506</v>
      </c>
      <c r="F74590" s="14" t="s">
        <v>25</v>
      </c>
      <c r="G74590" s="16">
        <v>1.1395979260602818</v>
      </c>
    </row>
    <row r="74591" spans="1:7" x14ac:dyDescent="0.3">
      <c r="A74591" s="13" t="s">
        <v>383</v>
      </c>
      <c r="B74591" s="14" t="s">
        <v>1</v>
      </c>
      <c r="C74591" s="14" t="s">
        <v>70</v>
      </c>
      <c r="D74591" s="14" t="s">
        <v>384</v>
      </c>
      <c r="E74591" s="15">
        <v>45507</v>
      </c>
      <c r="F74591" s="14" t="s">
        <v>25</v>
      </c>
      <c r="G74591" s="16">
        <v>1.1395979260602818</v>
      </c>
    </row>
    <row r="74592" spans="1:7" x14ac:dyDescent="0.3">
      <c r="A74592" s="13" t="s">
        <v>383</v>
      </c>
      <c r="B74592" s="14" t="s">
        <v>1</v>
      </c>
      <c r="C74592" s="14" t="s">
        <v>70</v>
      </c>
      <c r="D74592" s="14" t="s">
        <v>384</v>
      </c>
      <c r="E74592" s="15">
        <v>45508</v>
      </c>
      <c r="F74592" s="14" t="s">
        <v>25</v>
      </c>
      <c r="G74592" s="16">
        <v>1.1395979260602818</v>
      </c>
    </row>
    <row r="74593" spans="1:7" x14ac:dyDescent="0.3">
      <c r="A74593" s="13" t="s">
        <v>383</v>
      </c>
      <c r="B74593" s="14" t="s">
        <v>1</v>
      </c>
      <c r="C74593" s="14" t="s">
        <v>70</v>
      </c>
      <c r="D74593" s="14" t="s">
        <v>384</v>
      </c>
      <c r="E74593" s="15">
        <v>45509</v>
      </c>
      <c r="F74593" s="14" t="s">
        <v>25</v>
      </c>
      <c r="G74593" s="16">
        <v>1.1395979260602818</v>
      </c>
    </row>
    <row r="74594" spans="1:7" x14ac:dyDescent="0.3">
      <c r="A74594" s="13" t="s">
        <v>383</v>
      </c>
      <c r="B74594" s="14" t="s">
        <v>1</v>
      </c>
      <c r="C74594" s="14" t="s">
        <v>70</v>
      </c>
      <c r="D74594" s="14" t="s">
        <v>384</v>
      </c>
      <c r="E74594" s="15">
        <v>45510</v>
      </c>
      <c r="F74594" s="14" t="s">
        <v>25</v>
      </c>
      <c r="G74594" s="16">
        <v>1.1357339891229838</v>
      </c>
    </row>
    <row r="74595" spans="1:7" x14ac:dyDescent="0.3">
      <c r="A74595" s="13" t="s">
        <v>383</v>
      </c>
      <c r="B74595" s="14" t="s">
        <v>1</v>
      </c>
      <c r="C74595" s="14" t="s">
        <v>70</v>
      </c>
      <c r="D74595" s="14" t="s">
        <v>384</v>
      </c>
      <c r="E74595" s="15">
        <v>45511</v>
      </c>
      <c r="F74595" s="14" t="s">
        <v>25</v>
      </c>
      <c r="G74595" s="16">
        <v>1.1933725135503752</v>
      </c>
    </row>
    <row r="74596" spans="1:7" x14ac:dyDescent="0.3">
      <c r="A74596" s="13" t="s">
        <v>383</v>
      </c>
      <c r="B74596" s="14" t="s">
        <v>1</v>
      </c>
      <c r="C74596" s="14" t="s">
        <v>70</v>
      </c>
      <c r="D74596" s="14" t="s">
        <v>384</v>
      </c>
      <c r="E74596" s="15">
        <v>45512</v>
      </c>
      <c r="F74596" s="14" t="s">
        <v>25</v>
      </c>
      <c r="G74596" s="16">
        <v>1.2038066815681729</v>
      </c>
    </row>
    <row r="74597" spans="1:7" x14ac:dyDescent="0.3">
      <c r="A74597" s="13" t="s">
        <v>383</v>
      </c>
      <c r="B74597" s="14" t="s">
        <v>1</v>
      </c>
      <c r="C74597" s="14" t="s">
        <v>70</v>
      </c>
      <c r="D74597" s="14" t="s">
        <v>384</v>
      </c>
      <c r="E74597" s="15">
        <v>45513</v>
      </c>
      <c r="F74597" s="14" t="s">
        <v>25</v>
      </c>
      <c r="G74597" s="16">
        <v>1.2193486811555361</v>
      </c>
    </row>
    <row r="74598" spans="1:7" x14ac:dyDescent="0.3">
      <c r="A74598" s="13" t="s">
        <v>383</v>
      </c>
      <c r="B74598" s="14" t="s">
        <v>1</v>
      </c>
      <c r="C74598" s="14" t="s">
        <v>70</v>
      </c>
      <c r="D74598" s="14" t="s">
        <v>384</v>
      </c>
      <c r="E74598" s="15">
        <v>45514</v>
      </c>
      <c r="F74598" s="14" t="s">
        <v>25</v>
      </c>
      <c r="G74598" s="16">
        <v>1.2193486811555361</v>
      </c>
    </row>
    <row r="74599" spans="1:7" x14ac:dyDescent="0.3">
      <c r="A74599" s="13" t="s">
        <v>383</v>
      </c>
      <c r="B74599" s="14" t="s">
        <v>1</v>
      </c>
      <c r="C74599" s="14" t="s">
        <v>70</v>
      </c>
      <c r="D74599" s="14" t="s">
        <v>384</v>
      </c>
      <c r="E74599" s="15">
        <v>45515</v>
      </c>
      <c r="F74599" s="14" t="s">
        <v>25</v>
      </c>
      <c r="G74599" s="16">
        <v>1.2193486811555361</v>
      </c>
    </row>
    <row r="74600" spans="1:7" x14ac:dyDescent="0.3">
      <c r="A74600" s="13" t="s">
        <v>383</v>
      </c>
      <c r="B74600" s="14" t="s">
        <v>1</v>
      </c>
      <c r="C74600" s="14" t="s">
        <v>70</v>
      </c>
      <c r="D74600" s="14" t="s">
        <v>384</v>
      </c>
      <c r="E74600" s="15">
        <v>45516</v>
      </c>
      <c r="F74600" s="14" t="s">
        <v>25</v>
      </c>
      <c r="G74600" s="16">
        <v>1.2362730614941275</v>
      </c>
    </row>
    <row r="74601" spans="1:7" x14ac:dyDescent="0.3">
      <c r="A74601" s="13" t="s">
        <v>383</v>
      </c>
      <c r="B74601" s="14" t="s">
        <v>1</v>
      </c>
      <c r="C74601" s="14" t="s">
        <v>70</v>
      </c>
      <c r="D74601" s="14" t="s">
        <v>384</v>
      </c>
      <c r="E74601" s="15">
        <v>45517</v>
      </c>
      <c r="F74601" s="14" t="s">
        <v>25</v>
      </c>
      <c r="G74601" s="16">
        <v>1.2500020911072203</v>
      </c>
    </row>
    <row r="74602" spans="1:7" x14ac:dyDescent="0.3">
      <c r="A74602" s="13" t="s">
        <v>383</v>
      </c>
      <c r="B74602" s="14" t="s">
        <v>1</v>
      </c>
      <c r="C74602" s="14" t="s">
        <v>70</v>
      </c>
      <c r="D74602" s="14" t="s">
        <v>384</v>
      </c>
      <c r="E74602" s="15">
        <v>45518</v>
      </c>
      <c r="F74602" s="14" t="s">
        <v>25</v>
      </c>
      <c r="G74602" s="16">
        <v>1.253565607325432</v>
      </c>
    </row>
    <row r="74603" spans="1:7" x14ac:dyDescent="0.3">
      <c r="A74603" s="13" t="s">
        <v>383</v>
      </c>
      <c r="B74603" s="14" t="s">
        <v>1</v>
      </c>
      <c r="C74603" s="14" t="s">
        <v>70</v>
      </c>
      <c r="D74603" s="14" t="s">
        <v>384</v>
      </c>
      <c r="E74603" s="15">
        <v>45519</v>
      </c>
      <c r="F74603" s="14" t="s">
        <v>25</v>
      </c>
      <c r="G74603" s="16">
        <v>1.2681112059602071</v>
      </c>
    </row>
    <row r="74604" spans="1:7" x14ac:dyDescent="0.3">
      <c r="A74604" s="13" t="s">
        <v>383</v>
      </c>
      <c r="B74604" s="14" t="s">
        <v>1</v>
      </c>
      <c r="C74604" s="14" t="s">
        <v>70</v>
      </c>
      <c r="D74604" s="14" t="s">
        <v>384</v>
      </c>
      <c r="E74604" s="15">
        <v>45520</v>
      </c>
      <c r="F74604" s="14" t="s">
        <v>25</v>
      </c>
      <c r="G74604" s="16">
        <v>1.3137948779197923</v>
      </c>
    </row>
    <row r="74605" spans="1:7" x14ac:dyDescent="0.3">
      <c r="A74605" s="13" t="s">
        <v>383</v>
      </c>
      <c r="B74605" s="14" t="s">
        <v>1</v>
      </c>
      <c r="C74605" s="14" t="s">
        <v>70</v>
      </c>
      <c r="D74605" s="14" t="s">
        <v>384</v>
      </c>
      <c r="E74605" s="15">
        <v>45521</v>
      </c>
      <c r="F74605" s="14" t="s">
        <v>25</v>
      </c>
      <c r="G74605" s="16">
        <v>1.3137948779197923</v>
      </c>
    </row>
    <row r="74606" spans="1:7" x14ac:dyDescent="0.3">
      <c r="A74606" s="13" t="s">
        <v>383</v>
      </c>
      <c r="B74606" s="14" t="s">
        <v>1</v>
      </c>
      <c r="C74606" s="14" t="s">
        <v>70</v>
      </c>
      <c r="D74606" s="14" t="s">
        <v>384</v>
      </c>
      <c r="E74606" s="15">
        <v>45522</v>
      </c>
      <c r="F74606" s="14" t="s">
        <v>25</v>
      </c>
      <c r="G74606" s="16">
        <v>1.3137948779197923</v>
      </c>
    </row>
    <row r="74607" spans="1:7" x14ac:dyDescent="0.3">
      <c r="A74607" s="13" t="s">
        <v>383</v>
      </c>
      <c r="B74607" s="14" t="s">
        <v>1</v>
      </c>
      <c r="C74607" s="14" t="s">
        <v>70</v>
      </c>
      <c r="D74607" s="14" t="s">
        <v>384</v>
      </c>
      <c r="E74607" s="15">
        <v>45523</v>
      </c>
      <c r="F74607" s="14" t="s">
        <v>25</v>
      </c>
      <c r="G74607" s="16">
        <v>1.3245944722972229</v>
      </c>
    </row>
    <row r="74608" spans="1:7" x14ac:dyDescent="0.3">
      <c r="A74608" s="13" t="s">
        <v>383</v>
      </c>
      <c r="B74608" s="14" t="s">
        <v>1</v>
      </c>
      <c r="C74608" s="14" t="s">
        <v>70</v>
      </c>
      <c r="D74608" s="14" t="s">
        <v>384</v>
      </c>
      <c r="E74608" s="15">
        <v>45524</v>
      </c>
      <c r="F74608" s="14" t="s">
        <v>25</v>
      </c>
      <c r="G74608" s="16">
        <v>1.3335131263591995</v>
      </c>
    </row>
    <row r="74609" spans="1:7" x14ac:dyDescent="0.3">
      <c r="A74609" s="13" t="s">
        <v>383</v>
      </c>
      <c r="B74609" s="14" t="s">
        <v>1</v>
      </c>
      <c r="C74609" s="14" t="s">
        <v>70</v>
      </c>
      <c r="D74609" s="14" t="s">
        <v>384</v>
      </c>
      <c r="E74609" s="15">
        <v>45525</v>
      </c>
      <c r="F74609" s="14" t="s">
        <v>25</v>
      </c>
      <c r="G74609" s="16">
        <v>1.3406581961388504</v>
      </c>
    </row>
    <row r="74610" spans="1:7" x14ac:dyDescent="0.3">
      <c r="A74610" s="13" t="s">
        <v>383</v>
      </c>
      <c r="B74610" s="14" t="s">
        <v>1</v>
      </c>
      <c r="C74610" s="14" t="s">
        <v>70</v>
      </c>
      <c r="D74610" s="14" t="s">
        <v>384</v>
      </c>
      <c r="E74610" s="15">
        <v>45526</v>
      </c>
      <c r="F74610" s="14" t="s">
        <v>25</v>
      </c>
      <c r="G74610" s="16">
        <v>1.3458178352442141</v>
      </c>
    </row>
    <row r="74611" spans="1:7" x14ac:dyDescent="0.3">
      <c r="A74611" s="13" t="s">
        <v>383</v>
      </c>
      <c r="B74611" s="14" t="s">
        <v>1</v>
      </c>
      <c r="C74611" s="14" t="s">
        <v>70</v>
      </c>
      <c r="D74611" s="14" t="s">
        <v>384</v>
      </c>
      <c r="E74611" s="15">
        <v>45527</v>
      </c>
      <c r="F74611" s="14" t="s">
        <v>25</v>
      </c>
      <c r="G74611" s="16">
        <v>1.3437725743590772</v>
      </c>
    </row>
    <row r="74612" spans="1:7" x14ac:dyDescent="0.3">
      <c r="A74612" s="13" t="s">
        <v>383</v>
      </c>
      <c r="B74612" s="14" t="s">
        <v>1</v>
      </c>
      <c r="C74612" s="14" t="s">
        <v>70</v>
      </c>
      <c r="D74612" s="14" t="s">
        <v>384</v>
      </c>
      <c r="E74612" s="15">
        <v>45528</v>
      </c>
      <c r="F74612" s="14" t="s">
        <v>25</v>
      </c>
      <c r="G74612" s="16">
        <v>1.3437725743590772</v>
      </c>
    </row>
    <row r="74613" spans="1:7" x14ac:dyDescent="0.3">
      <c r="A74613" s="13" t="s">
        <v>383</v>
      </c>
      <c r="B74613" s="14" t="s">
        <v>1</v>
      </c>
      <c r="C74613" s="14" t="s">
        <v>70</v>
      </c>
      <c r="D74613" s="14" t="s">
        <v>384</v>
      </c>
      <c r="E74613" s="15">
        <v>45529</v>
      </c>
      <c r="F74613" s="14" t="s">
        <v>25</v>
      </c>
      <c r="G74613" s="16">
        <v>1.3437725743590772</v>
      </c>
    </row>
    <row r="74614" spans="1:7" x14ac:dyDescent="0.3">
      <c r="A74614" s="13" t="s">
        <v>383</v>
      </c>
      <c r="B74614" s="14" t="s">
        <v>1</v>
      </c>
      <c r="C74614" s="14" t="s">
        <v>70</v>
      </c>
      <c r="D74614" s="14" t="s">
        <v>384</v>
      </c>
      <c r="E74614" s="15">
        <v>45530</v>
      </c>
      <c r="F74614" s="14" t="s">
        <v>25</v>
      </c>
      <c r="G74614" s="16">
        <v>1.3459130537536117</v>
      </c>
    </row>
    <row r="74615" spans="1:7" x14ac:dyDescent="0.3">
      <c r="A74615" s="13" t="s">
        <v>383</v>
      </c>
      <c r="B74615" s="14" t="s">
        <v>1</v>
      </c>
      <c r="C74615" s="14" t="s">
        <v>70</v>
      </c>
      <c r="D74615" s="14" t="s">
        <v>384</v>
      </c>
      <c r="E74615" s="15">
        <v>45531</v>
      </c>
      <c r="F74615" s="14" t="s">
        <v>25</v>
      </c>
      <c r="G74615" s="16">
        <v>1.3473783755064555</v>
      </c>
    </row>
    <row r="74616" spans="1:7" x14ac:dyDescent="0.3">
      <c r="A74616" s="13" t="s">
        <v>383</v>
      </c>
      <c r="B74616" s="14" t="s">
        <v>1</v>
      </c>
      <c r="C74616" s="14" t="s">
        <v>70</v>
      </c>
      <c r="D74616" s="14" t="s">
        <v>384</v>
      </c>
      <c r="E74616" s="15">
        <v>45532</v>
      </c>
      <c r="F74616" s="14" t="s">
        <v>25</v>
      </c>
      <c r="G74616" s="16">
        <v>1.360643930486398</v>
      </c>
    </row>
    <row r="74617" spans="1:7" x14ac:dyDescent="0.3">
      <c r="A74617" s="13" t="s">
        <v>383</v>
      </c>
      <c r="B74617" s="14" t="s">
        <v>1</v>
      </c>
      <c r="C74617" s="14" t="s">
        <v>70</v>
      </c>
      <c r="D74617" s="14" t="s">
        <v>384</v>
      </c>
      <c r="E74617" s="15">
        <v>45533</v>
      </c>
      <c r="F74617" s="14" t="s">
        <v>25</v>
      </c>
      <c r="G74617" s="16">
        <v>1.3727904701394495</v>
      </c>
    </row>
    <row r="74618" spans="1:7" x14ac:dyDescent="0.3">
      <c r="A74618" s="13" t="s">
        <v>383</v>
      </c>
      <c r="B74618" s="14" t="s">
        <v>1</v>
      </c>
      <c r="C74618" s="14" t="s">
        <v>70</v>
      </c>
      <c r="D74618" s="14" t="s">
        <v>384</v>
      </c>
      <c r="E74618" s="15">
        <v>45534</v>
      </c>
      <c r="F74618" s="14" t="s">
        <v>25</v>
      </c>
      <c r="G74618" s="16">
        <v>1.3843292619178529</v>
      </c>
    </row>
    <row r="74619" spans="1:7" x14ac:dyDescent="0.3">
      <c r="A74619" s="13" t="s">
        <v>383</v>
      </c>
      <c r="B74619" s="14" t="s">
        <v>1</v>
      </c>
      <c r="C74619" s="14" t="s">
        <v>70</v>
      </c>
      <c r="D74619" s="14" t="s">
        <v>384</v>
      </c>
      <c r="E74619" s="15">
        <v>45535</v>
      </c>
      <c r="F74619" s="14" t="s">
        <v>25</v>
      </c>
      <c r="G74619" s="16">
        <v>1.3843292619178529</v>
      </c>
    </row>
    <row r="74620" spans="1:7" x14ac:dyDescent="0.3">
      <c r="A74620" s="13" t="s">
        <v>383</v>
      </c>
      <c r="B74620" s="14" t="s">
        <v>1</v>
      </c>
      <c r="C74620" s="14" t="s">
        <v>70</v>
      </c>
      <c r="D74620" s="14" t="s">
        <v>384</v>
      </c>
      <c r="E74620" s="15">
        <v>45536</v>
      </c>
      <c r="F74620" s="14" t="s">
        <v>25</v>
      </c>
      <c r="G74620" s="16">
        <v>1.3843292619178529</v>
      </c>
    </row>
    <row r="74621" spans="1:7" x14ac:dyDescent="0.3">
      <c r="A74621" s="13" t="s">
        <v>383</v>
      </c>
      <c r="B74621" s="14" t="s">
        <v>1</v>
      </c>
      <c r="C74621" s="14" t="s">
        <v>70</v>
      </c>
      <c r="D74621" s="14" t="s">
        <v>384</v>
      </c>
      <c r="E74621" s="15">
        <v>45537</v>
      </c>
      <c r="F74621" s="14" t="s">
        <v>25</v>
      </c>
      <c r="G74621" s="16">
        <v>1.3962404518741645</v>
      </c>
    </row>
    <row r="74622" spans="1:7" x14ac:dyDescent="0.3">
      <c r="A74622" s="13" t="s">
        <v>383</v>
      </c>
      <c r="B74622" s="14" t="s">
        <v>1</v>
      </c>
      <c r="C74622" s="14" t="s">
        <v>70</v>
      </c>
      <c r="D74622" s="14" t="s">
        <v>384</v>
      </c>
      <c r="E74622" s="15">
        <v>45538</v>
      </c>
      <c r="F74622" s="14" t="s">
        <v>25</v>
      </c>
      <c r="G74622" s="16">
        <v>1.3998109961852745</v>
      </c>
    </row>
    <row r="74623" spans="1:7" x14ac:dyDescent="0.3">
      <c r="A74623" s="13" t="s">
        <v>383</v>
      </c>
      <c r="B74623" s="14" t="s">
        <v>1</v>
      </c>
      <c r="C74623" s="14" t="s">
        <v>70</v>
      </c>
      <c r="D74623" s="14" t="s">
        <v>384</v>
      </c>
      <c r="E74623" s="15">
        <v>45539</v>
      </c>
      <c r="F74623" s="14" t="s">
        <v>25</v>
      </c>
      <c r="G74623" s="16">
        <v>1.3968770507555397</v>
      </c>
    </row>
    <row r="74624" spans="1:7" x14ac:dyDescent="0.3">
      <c r="A74624" s="13" t="s">
        <v>383</v>
      </c>
      <c r="B74624" s="14" t="s">
        <v>1</v>
      </c>
      <c r="C74624" s="14" t="s">
        <v>70</v>
      </c>
      <c r="D74624" s="14" t="s">
        <v>384</v>
      </c>
      <c r="E74624" s="15">
        <v>45540</v>
      </c>
      <c r="F74624" s="14" t="s">
        <v>25</v>
      </c>
      <c r="G74624" s="16">
        <v>1.4044979012824623</v>
      </c>
    </row>
    <row r="74625" spans="1:7" x14ac:dyDescent="0.3">
      <c r="A74625" s="13" t="s">
        <v>383</v>
      </c>
      <c r="B74625" s="14" t="s">
        <v>1</v>
      </c>
      <c r="C74625" s="14" t="s">
        <v>70</v>
      </c>
      <c r="D74625" s="14" t="s">
        <v>384</v>
      </c>
      <c r="E74625" s="15">
        <v>45541</v>
      </c>
      <c r="F74625" s="14" t="s">
        <v>25</v>
      </c>
      <c r="G74625" s="16">
        <v>1.4060132304818964</v>
      </c>
    </row>
    <row r="74626" spans="1:7" x14ac:dyDescent="0.3">
      <c r="A74626" s="13" t="s">
        <v>383</v>
      </c>
      <c r="B74626" s="14" t="s">
        <v>1</v>
      </c>
      <c r="C74626" s="14" t="s">
        <v>70</v>
      </c>
      <c r="D74626" s="14" t="s">
        <v>384</v>
      </c>
      <c r="E74626" s="15">
        <v>45542</v>
      </c>
      <c r="F74626" s="14" t="s">
        <v>25</v>
      </c>
      <c r="G74626" s="16">
        <v>1.4060132304818964</v>
      </c>
    </row>
    <row r="74627" spans="1:7" x14ac:dyDescent="0.3">
      <c r="A74627" s="13" t="s">
        <v>383</v>
      </c>
      <c r="B74627" s="14" t="s">
        <v>1</v>
      </c>
      <c r="C74627" s="14" t="s">
        <v>70</v>
      </c>
      <c r="D74627" s="14" t="s">
        <v>384</v>
      </c>
      <c r="E74627" s="15">
        <v>45543</v>
      </c>
      <c r="F74627" s="14" t="s">
        <v>25</v>
      </c>
      <c r="G74627" s="16">
        <v>1.4060132304818964</v>
      </c>
    </row>
    <row r="74628" spans="1:7" x14ac:dyDescent="0.3">
      <c r="A74628" s="13" t="s">
        <v>383</v>
      </c>
      <c r="B74628" s="14" t="s">
        <v>1</v>
      </c>
      <c r="C74628" s="14" t="s">
        <v>70</v>
      </c>
      <c r="D74628" s="14" t="s">
        <v>384</v>
      </c>
      <c r="E74628" s="15">
        <v>45544</v>
      </c>
      <c r="F74628" s="14" t="s">
        <v>25</v>
      </c>
      <c r="G74628" s="16">
        <v>1.42026918894404</v>
      </c>
    </row>
    <row r="74629" spans="1:7" x14ac:dyDescent="0.3">
      <c r="A74629" s="13" t="s">
        <v>383</v>
      </c>
      <c r="B74629" s="14" t="s">
        <v>1</v>
      </c>
      <c r="C74629" s="14" t="s">
        <v>70</v>
      </c>
      <c r="D74629" s="14" t="s">
        <v>384</v>
      </c>
      <c r="E74629" s="15">
        <v>45545</v>
      </c>
      <c r="F74629" s="14" t="s">
        <v>25</v>
      </c>
      <c r="G74629" s="16">
        <v>1.4278130353472502</v>
      </c>
    </row>
    <row r="74630" spans="1:7" x14ac:dyDescent="0.3">
      <c r="A74630" s="13" t="s">
        <v>383</v>
      </c>
      <c r="B74630" s="14" t="s">
        <v>1</v>
      </c>
      <c r="C74630" s="14" t="s">
        <v>70</v>
      </c>
      <c r="D74630" s="14" t="s">
        <v>384</v>
      </c>
      <c r="E74630" s="15">
        <v>45546</v>
      </c>
      <c r="F74630" s="14" t="s">
        <v>25</v>
      </c>
      <c r="G74630" s="16">
        <v>1.4429491151202569</v>
      </c>
    </row>
    <row r="74631" spans="1:7" x14ac:dyDescent="0.3">
      <c r="A74631" s="13" t="s">
        <v>383</v>
      </c>
      <c r="B74631" s="14" t="s">
        <v>1</v>
      </c>
      <c r="C74631" s="14" t="s">
        <v>70</v>
      </c>
      <c r="D74631" s="14" t="s">
        <v>384</v>
      </c>
      <c r="E74631" s="15">
        <v>45547</v>
      </c>
      <c r="F74631" s="14" t="s">
        <v>25</v>
      </c>
      <c r="G74631" s="16">
        <v>1.4448026599094639</v>
      </c>
    </row>
    <row r="74632" spans="1:7" x14ac:dyDescent="0.3">
      <c r="A74632" s="13" t="s">
        <v>383</v>
      </c>
      <c r="B74632" s="14" t="s">
        <v>1</v>
      </c>
      <c r="C74632" s="14" t="s">
        <v>70</v>
      </c>
      <c r="D74632" s="14" t="s">
        <v>384</v>
      </c>
      <c r="E74632" s="15">
        <v>45548</v>
      </c>
      <c r="F74632" s="14" t="s">
        <v>25</v>
      </c>
      <c r="G74632" s="16">
        <v>1.4662544834446338</v>
      </c>
    </row>
    <row r="74633" spans="1:7" x14ac:dyDescent="0.3">
      <c r="A74633" s="13" t="s">
        <v>383</v>
      </c>
      <c r="B74633" s="14" t="s">
        <v>1</v>
      </c>
      <c r="C74633" s="14" t="s">
        <v>70</v>
      </c>
      <c r="D74633" s="14" t="s">
        <v>384</v>
      </c>
      <c r="E74633" s="15">
        <v>45549</v>
      </c>
      <c r="F74633" s="14" t="s">
        <v>25</v>
      </c>
      <c r="G74633" s="16">
        <v>1.4662544834446338</v>
      </c>
    </row>
    <row r="74634" spans="1:7" x14ac:dyDescent="0.3">
      <c r="A74634" s="13" t="s">
        <v>383</v>
      </c>
      <c r="B74634" s="14" t="s">
        <v>1</v>
      </c>
      <c r="C74634" s="14" t="s">
        <v>70</v>
      </c>
      <c r="D74634" s="14" t="s">
        <v>384</v>
      </c>
      <c r="E74634" s="15">
        <v>45550</v>
      </c>
      <c r="F74634" s="14" t="s">
        <v>25</v>
      </c>
      <c r="G74634" s="16">
        <v>1.4662544834446338</v>
      </c>
    </row>
    <row r="74635" spans="1:7" x14ac:dyDescent="0.3">
      <c r="A74635" s="13" t="s">
        <v>383</v>
      </c>
      <c r="B74635" s="14" t="s">
        <v>1</v>
      </c>
      <c r="C74635" s="14" t="s">
        <v>70</v>
      </c>
      <c r="D74635" s="14" t="s">
        <v>384</v>
      </c>
      <c r="E74635" s="15">
        <v>45551</v>
      </c>
      <c r="F74635" s="14" t="s">
        <v>25</v>
      </c>
      <c r="G74635" s="16">
        <v>1.4735092088722024</v>
      </c>
    </row>
    <row r="74636" spans="1:7" x14ac:dyDescent="0.3">
      <c r="A74636" s="13" t="s">
        <v>383</v>
      </c>
      <c r="B74636" s="14" t="s">
        <v>1</v>
      </c>
      <c r="C74636" s="14" t="s">
        <v>70</v>
      </c>
      <c r="D74636" s="14" t="s">
        <v>384</v>
      </c>
      <c r="E74636" s="15">
        <v>45552</v>
      </c>
      <c r="F74636" s="14" t="s">
        <v>25</v>
      </c>
      <c r="G74636" s="16">
        <v>1.4903521396835953</v>
      </c>
    </row>
    <row r="74637" spans="1:7" x14ac:dyDescent="0.3">
      <c r="A74637" s="13" t="s">
        <v>383</v>
      </c>
      <c r="B74637" s="14" t="s">
        <v>1</v>
      </c>
      <c r="C74637" s="14" t="s">
        <v>70</v>
      </c>
      <c r="D74637" s="14" t="s">
        <v>384</v>
      </c>
      <c r="E74637" s="15">
        <v>45553</v>
      </c>
      <c r="F74637" s="14" t="s">
        <v>25</v>
      </c>
      <c r="G74637" s="16">
        <v>1.4933103925838986</v>
      </c>
    </row>
    <row r="74638" spans="1:7" x14ac:dyDescent="0.3">
      <c r="A74638" s="13" t="s">
        <v>383</v>
      </c>
      <c r="B74638" s="14" t="s">
        <v>1</v>
      </c>
      <c r="C74638" s="14" t="s">
        <v>70</v>
      </c>
      <c r="D74638" s="14" t="s">
        <v>384</v>
      </c>
      <c r="E74638" s="15">
        <v>45554</v>
      </c>
      <c r="F74638" s="14" t="s">
        <v>25</v>
      </c>
      <c r="G74638" s="16">
        <v>1.4993779462166983</v>
      </c>
    </row>
    <row r="74639" spans="1:7" x14ac:dyDescent="0.3">
      <c r="A74639" s="13" t="s">
        <v>383</v>
      </c>
      <c r="B74639" s="14" t="s">
        <v>1</v>
      </c>
      <c r="C74639" s="14" t="s">
        <v>70</v>
      </c>
      <c r="D74639" s="14" t="s">
        <v>384</v>
      </c>
      <c r="E74639" s="15">
        <v>45555</v>
      </c>
      <c r="F74639" s="14" t="s">
        <v>25</v>
      </c>
      <c r="G74639" s="16">
        <v>1.5070766989448003</v>
      </c>
    </row>
    <row r="74640" spans="1:7" x14ac:dyDescent="0.3">
      <c r="A74640" s="13" t="s">
        <v>383</v>
      </c>
      <c r="B74640" s="14" t="s">
        <v>1</v>
      </c>
      <c r="C74640" s="14" t="s">
        <v>70</v>
      </c>
      <c r="D74640" s="14" t="s">
        <v>384</v>
      </c>
      <c r="E74640" s="15">
        <v>45556</v>
      </c>
      <c r="F74640" s="14" t="s">
        <v>25</v>
      </c>
      <c r="G74640" s="16">
        <v>1.5070766989448003</v>
      </c>
    </row>
    <row r="74641" spans="1:7" x14ac:dyDescent="0.3">
      <c r="A74641" s="13" t="s">
        <v>383</v>
      </c>
      <c r="B74641" s="14" t="s">
        <v>1</v>
      </c>
      <c r="C74641" s="14" t="s">
        <v>70</v>
      </c>
      <c r="D74641" s="14" t="s">
        <v>384</v>
      </c>
      <c r="E74641" s="15">
        <v>45557</v>
      </c>
      <c r="F74641" s="14" t="s">
        <v>25</v>
      </c>
      <c r="G74641" s="16">
        <v>1.5070766989448003</v>
      </c>
    </row>
    <row r="74642" spans="1:7" x14ac:dyDescent="0.3">
      <c r="A74642" s="13" t="s">
        <v>383</v>
      </c>
      <c r="B74642" s="14" t="s">
        <v>1</v>
      </c>
      <c r="C74642" s="14" t="s">
        <v>70</v>
      </c>
      <c r="D74642" s="14" t="s">
        <v>384</v>
      </c>
      <c r="E74642" s="15">
        <v>45558</v>
      </c>
      <c r="F74642" s="14" t="s">
        <v>25</v>
      </c>
      <c r="G74642" s="16">
        <v>1.5058865037746851</v>
      </c>
    </row>
    <row r="74643" spans="1:7" x14ac:dyDescent="0.3">
      <c r="A74643" s="13" t="s">
        <v>383</v>
      </c>
      <c r="B74643" s="14" t="s">
        <v>1</v>
      </c>
      <c r="C74643" s="14" t="s">
        <v>70</v>
      </c>
      <c r="D74643" s="14" t="s">
        <v>384</v>
      </c>
      <c r="E74643" s="15">
        <v>45559</v>
      </c>
      <c r="F74643" s="14" t="s">
        <v>25</v>
      </c>
      <c r="G74643" s="16">
        <v>1.5098518846882045</v>
      </c>
    </row>
    <row r="74644" spans="1:7" x14ac:dyDescent="0.3">
      <c r="A74644" s="13" t="s">
        <v>383</v>
      </c>
      <c r="B74644" s="14" t="s">
        <v>1</v>
      </c>
      <c r="C74644" s="14" t="s">
        <v>70</v>
      </c>
      <c r="D74644" s="14" t="s">
        <v>384</v>
      </c>
      <c r="E74644" s="15">
        <v>45560</v>
      </c>
      <c r="F74644" s="14" t="s">
        <v>25</v>
      </c>
      <c r="G74644" s="16">
        <v>1.526029815456704</v>
      </c>
    </row>
    <row r="74645" spans="1:7" x14ac:dyDescent="0.3">
      <c r="A74645" s="13" t="s">
        <v>383</v>
      </c>
      <c r="B74645" s="14" t="s">
        <v>1</v>
      </c>
      <c r="C74645" s="14" t="s">
        <v>70</v>
      </c>
      <c r="D74645" s="14" t="s">
        <v>384</v>
      </c>
      <c r="E74645" s="15">
        <v>45561</v>
      </c>
      <c r="F74645" s="14" t="s">
        <v>25</v>
      </c>
      <c r="G74645" s="16">
        <v>1.5284491074388333</v>
      </c>
    </row>
    <row r="74646" spans="1:7" x14ac:dyDescent="0.3">
      <c r="A74646" s="13" t="s">
        <v>383</v>
      </c>
      <c r="B74646" s="14" t="s">
        <v>1</v>
      </c>
      <c r="C74646" s="14" t="s">
        <v>70</v>
      </c>
      <c r="D74646" s="14" t="s">
        <v>384</v>
      </c>
      <c r="E74646" s="15">
        <v>45562</v>
      </c>
      <c r="F74646" s="14" t="s">
        <v>25</v>
      </c>
      <c r="G74646" s="16">
        <v>1.5257137145410518</v>
      </c>
    </row>
    <row r="74647" spans="1:7" x14ac:dyDescent="0.3">
      <c r="A74647" s="13" t="s">
        <v>383</v>
      </c>
      <c r="B74647" s="14" t="s">
        <v>1</v>
      </c>
      <c r="C74647" s="14" t="s">
        <v>70</v>
      </c>
      <c r="D74647" s="14" t="s">
        <v>384</v>
      </c>
      <c r="E74647" s="15">
        <v>45563</v>
      </c>
      <c r="F74647" s="14" t="s">
        <v>25</v>
      </c>
      <c r="G74647" s="16">
        <v>1.5257137145410518</v>
      </c>
    </row>
    <row r="74648" spans="1:7" x14ac:dyDescent="0.3">
      <c r="A74648" s="13" t="s">
        <v>383</v>
      </c>
      <c r="B74648" s="14" t="s">
        <v>1</v>
      </c>
      <c r="C74648" s="14" t="s">
        <v>70</v>
      </c>
      <c r="D74648" s="14" t="s">
        <v>384</v>
      </c>
      <c r="E74648" s="15">
        <v>45564</v>
      </c>
      <c r="F74648" s="14" t="s">
        <v>25</v>
      </c>
      <c r="G74648" s="16">
        <v>1.5257137145410518</v>
      </c>
    </row>
    <row r="74649" spans="1:7" x14ac:dyDescent="0.3">
      <c r="A74649" s="13" t="s">
        <v>383</v>
      </c>
      <c r="B74649" s="14" t="s">
        <v>1</v>
      </c>
      <c r="C74649" s="14" t="s">
        <v>70</v>
      </c>
      <c r="D74649" s="14" t="s">
        <v>384</v>
      </c>
      <c r="E74649" s="15">
        <v>45565</v>
      </c>
      <c r="F74649" s="14" t="s">
        <v>25</v>
      </c>
      <c r="G74649" s="16">
        <v>1.552242828984133</v>
      </c>
    </row>
    <row r="74650" spans="1:7" x14ac:dyDescent="0.3">
      <c r="A74650" s="13" t="s">
        <v>383</v>
      </c>
      <c r="B74650" s="14" t="s">
        <v>1</v>
      </c>
      <c r="C74650" s="14" t="s">
        <v>70</v>
      </c>
      <c r="D74650" s="14" t="s">
        <v>384</v>
      </c>
      <c r="E74650" s="15">
        <v>45566</v>
      </c>
      <c r="F74650" s="14" t="s">
        <v>25</v>
      </c>
      <c r="G74650" s="16">
        <v>1.5691701183704865</v>
      </c>
    </row>
    <row r="74651" spans="1:7" x14ac:dyDescent="0.3">
      <c r="A74651" s="13" t="s">
        <v>383</v>
      </c>
      <c r="B74651" s="14" t="s">
        <v>1</v>
      </c>
      <c r="C74651" s="14" t="s">
        <v>70</v>
      </c>
      <c r="D74651" s="14" t="s">
        <v>384</v>
      </c>
      <c r="E74651" s="15">
        <v>45567</v>
      </c>
      <c r="F74651" s="14" t="s">
        <v>25</v>
      </c>
      <c r="G74651" s="16">
        <v>1.5799107191243731</v>
      </c>
    </row>
    <row r="74652" spans="1:7" x14ac:dyDescent="0.3">
      <c r="A74652" s="13" t="s">
        <v>383</v>
      </c>
      <c r="B74652" s="14" t="s">
        <v>1</v>
      </c>
      <c r="C74652" s="14" t="s">
        <v>70</v>
      </c>
      <c r="D74652" s="14" t="s">
        <v>384</v>
      </c>
      <c r="E74652" s="15">
        <v>45568</v>
      </c>
      <c r="F74652" s="14" t="s">
        <v>25</v>
      </c>
      <c r="G74652" s="16">
        <v>1.5885778568395306</v>
      </c>
    </row>
    <row r="74653" spans="1:7" x14ac:dyDescent="0.3">
      <c r="A74653" s="13" t="s">
        <v>383</v>
      </c>
      <c r="B74653" s="14" t="s">
        <v>1</v>
      </c>
      <c r="C74653" s="14" t="s">
        <v>70</v>
      </c>
      <c r="D74653" s="14" t="s">
        <v>384</v>
      </c>
      <c r="E74653" s="15">
        <v>45569</v>
      </c>
      <c r="F74653" s="14" t="s">
        <v>25</v>
      </c>
      <c r="G74653" s="16">
        <v>1.6037941888925051</v>
      </c>
    </row>
    <row r="74654" spans="1:7" x14ac:dyDescent="0.3">
      <c r="A74654" s="13" t="s">
        <v>383</v>
      </c>
      <c r="B74654" s="14" t="s">
        <v>1</v>
      </c>
      <c r="C74654" s="14" t="s">
        <v>70</v>
      </c>
      <c r="D74654" s="14" t="s">
        <v>384</v>
      </c>
      <c r="E74654" s="15">
        <v>45570</v>
      </c>
      <c r="F74654" s="14" t="s">
        <v>25</v>
      </c>
      <c r="G74654" s="16">
        <v>1.6037941888925051</v>
      </c>
    </row>
    <row r="74655" spans="1:7" x14ac:dyDescent="0.3">
      <c r="A74655" s="13" t="s">
        <v>383</v>
      </c>
      <c r="B74655" s="14" t="s">
        <v>1</v>
      </c>
      <c r="C74655" s="14" t="s">
        <v>70</v>
      </c>
      <c r="D74655" s="14" t="s">
        <v>384</v>
      </c>
      <c r="E74655" s="15">
        <v>45571</v>
      </c>
      <c r="F74655" s="14" t="s">
        <v>25</v>
      </c>
      <c r="G74655" s="16">
        <v>1.6037941888925051</v>
      </c>
    </row>
    <row r="74656" spans="1:7" x14ac:dyDescent="0.3">
      <c r="A74656" s="13" t="s">
        <v>383</v>
      </c>
      <c r="B74656" s="14" t="s">
        <v>1</v>
      </c>
      <c r="C74656" s="14" t="s">
        <v>70</v>
      </c>
      <c r="D74656" s="14" t="s">
        <v>384</v>
      </c>
      <c r="E74656" s="15">
        <v>45572</v>
      </c>
      <c r="F74656" s="14" t="s">
        <v>25</v>
      </c>
      <c r="G74656" s="16">
        <v>1.6161511203546608</v>
      </c>
    </row>
    <row r="74657" spans="1:7" x14ac:dyDescent="0.3">
      <c r="A74657" s="13" t="s">
        <v>383</v>
      </c>
      <c r="B74657" s="14" t="s">
        <v>1</v>
      </c>
      <c r="C74657" s="14" t="s">
        <v>70</v>
      </c>
      <c r="D74657" s="14" t="s">
        <v>384</v>
      </c>
      <c r="E74657" s="15">
        <v>45573</v>
      </c>
      <c r="F74657" s="14" t="s">
        <v>25</v>
      </c>
      <c r="G74657" s="16">
        <v>1.6307784410162367</v>
      </c>
    </row>
    <row r="74658" spans="1:7" x14ac:dyDescent="0.3">
      <c r="A74658" s="13" t="s">
        <v>383</v>
      </c>
      <c r="B74658" s="14" t="s">
        <v>1</v>
      </c>
      <c r="C74658" s="14" t="s">
        <v>70</v>
      </c>
      <c r="D74658" s="14" t="s">
        <v>384</v>
      </c>
      <c r="E74658" s="15">
        <v>45574</v>
      </c>
      <c r="F74658" s="14" t="s">
        <v>25</v>
      </c>
      <c r="G74658" s="16">
        <v>1.6412659598567136</v>
      </c>
    </row>
    <row r="74659" spans="1:7" x14ac:dyDescent="0.3">
      <c r="A74659" s="13" t="s">
        <v>383</v>
      </c>
      <c r="B74659" s="14" t="s">
        <v>1</v>
      </c>
      <c r="C74659" s="14" t="s">
        <v>70</v>
      </c>
      <c r="D74659" s="14" t="s">
        <v>384</v>
      </c>
      <c r="E74659" s="15">
        <v>45575</v>
      </c>
      <c r="F74659" s="14" t="s">
        <v>25</v>
      </c>
      <c r="G74659" s="16">
        <v>1.6363497187858271</v>
      </c>
    </row>
    <row r="74660" spans="1:7" x14ac:dyDescent="0.3">
      <c r="A74660" s="13" t="s">
        <v>383</v>
      </c>
      <c r="B74660" s="14" t="s">
        <v>1</v>
      </c>
      <c r="C74660" s="14" t="s">
        <v>70</v>
      </c>
      <c r="D74660" s="14" t="s">
        <v>384</v>
      </c>
      <c r="E74660" s="15">
        <v>45576</v>
      </c>
      <c r="F74660" s="14" t="s">
        <v>25</v>
      </c>
      <c r="G74660" s="16">
        <v>1.6546077663132319</v>
      </c>
    </row>
    <row r="74661" spans="1:7" x14ac:dyDescent="0.3">
      <c r="A74661" s="13" t="s">
        <v>383</v>
      </c>
      <c r="B74661" s="14" t="s">
        <v>1</v>
      </c>
      <c r="C74661" s="14" t="s">
        <v>70</v>
      </c>
      <c r="D74661" s="14" t="s">
        <v>384</v>
      </c>
      <c r="E74661" s="15">
        <v>45577</v>
      </c>
      <c r="F74661" s="14" t="s">
        <v>25</v>
      </c>
      <c r="G74661" s="16">
        <v>1.6546077663132319</v>
      </c>
    </row>
    <row r="74662" spans="1:7" x14ac:dyDescent="0.3">
      <c r="A74662" s="13" t="s">
        <v>383</v>
      </c>
      <c r="B74662" s="14" t="s">
        <v>1</v>
      </c>
      <c r="C74662" s="14" t="s">
        <v>70</v>
      </c>
      <c r="D74662" s="14" t="s">
        <v>384</v>
      </c>
      <c r="E74662" s="15">
        <v>45578</v>
      </c>
      <c r="F74662" s="14" t="s">
        <v>25</v>
      </c>
      <c r="G74662" s="16">
        <v>1.6546077663132319</v>
      </c>
    </row>
    <row r="74663" spans="1:7" x14ac:dyDescent="0.3">
      <c r="A74663" s="13" t="s">
        <v>383</v>
      </c>
      <c r="B74663" s="14" t="s">
        <v>1</v>
      </c>
      <c r="C74663" s="14" t="s">
        <v>70</v>
      </c>
      <c r="D74663" s="14" t="s">
        <v>384</v>
      </c>
      <c r="E74663" s="15">
        <v>45579</v>
      </c>
      <c r="F74663" s="14" t="s">
        <v>25</v>
      </c>
      <c r="G74663" s="16">
        <v>1.6687268694122877</v>
      </c>
    </row>
    <row r="74664" spans="1:7" x14ac:dyDescent="0.3">
      <c r="A74664" s="13" t="s">
        <v>383</v>
      </c>
      <c r="B74664" s="14" t="s">
        <v>1</v>
      </c>
      <c r="C74664" s="14" t="s">
        <v>70</v>
      </c>
      <c r="D74664" s="14" t="s">
        <v>384</v>
      </c>
      <c r="E74664" s="15">
        <v>45580</v>
      </c>
      <c r="F74664" s="14" t="s">
        <v>25</v>
      </c>
      <c r="G74664" s="16">
        <v>1.677430882917182</v>
      </c>
    </row>
    <row r="74665" spans="1:7" x14ac:dyDescent="0.3">
      <c r="A74665" s="13" t="s">
        <v>383</v>
      </c>
      <c r="B74665" s="14" t="s">
        <v>1</v>
      </c>
      <c r="C74665" s="14" t="s">
        <v>70</v>
      </c>
      <c r="D74665" s="14" t="s">
        <v>384</v>
      </c>
      <c r="E74665" s="15">
        <v>45581</v>
      </c>
      <c r="F74665" s="14" t="s">
        <v>25</v>
      </c>
      <c r="G74665" s="16">
        <v>1.6918422880788246</v>
      </c>
    </row>
    <row r="74666" spans="1:7" x14ac:dyDescent="0.3">
      <c r="A74666" s="13" t="s">
        <v>383</v>
      </c>
      <c r="B74666" s="14" t="s">
        <v>1</v>
      </c>
      <c r="C74666" s="14" t="s">
        <v>70</v>
      </c>
      <c r="D74666" s="14" t="s">
        <v>384</v>
      </c>
      <c r="E74666" s="15">
        <v>45582</v>
      </c>
      <c r="F74666" s="14" t="s">
        <v>25</v>
      </c>
      <c r="G74666" s="16">
        <v>1.6965334042549218</v>
      </c>
    </row>
    <row r="74667" spans="1:7" x14ac:dyDescent="0.3">
      <c r="A74667" s="13" t="s">
        <v>383</v>
      </c>
      <c r="B74667" s="14" t="s">
        <v>1</v>
      </c>
      <c r="C74667" s="14" t="s">
        <v>70</v>
      </c>
      <c r="D74667" s="14" t="s">
        <v>384</v>
      </c>
      <c r="E74667" s="15">
        <v>45583</v>
      </c>
      <c r="F74667" s="14" t="s">
        <v>25</v>
      </c>
      <c r="G74667" s="16">
        <v>1.7040043123528097</v>
      </c>
    </row>
    <row r="74668" spans="1:7" x14ac:dyDescent="0.3">
      <c r="A74668" s="13" t="s">
        <v>383</v>
      </c>
      <c r="B74668" s="14" t="s">
        <v>1</v>
      </c>
      <c r="C74668" s="14" t="s">
        <v>70</v>
      </c>
      <c r="D74668" s="14" t="s">
        <v>384</v>
      </c>
      <c r="E74668" s="15">
        <v>45584</v>
      </c>
      <c r="F74668" s="14" t="s">
        <v>25</v>
      </c>
      <c r="G74668" s="16">
        <v>1.7040043123528097</v>
      </c>
    </row>
    <row r="74669" spans="1:7" x14ac:dyDescent="0.3">
      <c r="A74669" s="13" t="s">
        <v>383</v>
      </c>
      <c r="B74669" s="14" t="s">
        <v>1</v>
      </c>
      <c r="C74669" s="14" t="s">
        <v>70</v>
      </c>
      <c r="D74669" s="14" t="s">
        <v>384</v>
      </c>
      <c r="E74669" s="15">
        <v>45585</v>
      </c>
      <c r="F74669" s="14" t="s">
        <v>25</v>
      </c>
      <c r="G74669" s="16">
        <v>1.7040043123528097</v>
      </c>
    </row>
    <row r="74670" spans="1:7" x14ac:dyDescent="0.3">
      <c r="A74670" s="13" t="s">
        <v>383</v>
      </c>
      <c r="B74670" s="14" t="s">
        <v>1</v>
      </c>
      <c r="C74670" s="14" t="s">
        <v>70</v>
      </c>
      <c r="D74670" s="14" t="s">
        <v>384</v>
      </c>
      <c r="E74670" s="15">
        <v>45586</v>
      </c>
      <c r="F74670" s="14" t="s">
        <v>25</v>
      </c>
      <c r="G74670" s="16">
        <v>1.7154034408089422</v>
      </c>
    </row>
    <row r="74671" spans="1:7" x14ac:dyDescent="0.3">
      <c r="A74671" s="13" t="s">
        <v>383</v>
      </c>
      <c r="B74671" s="14" t="s">
        <v>1</v>
      </c>
      <c r="C74671" s="14" t="s">
        <v>70</v>
      </c>
      <c r="D74671" s="14" t="s">
        <v>384</v>
      </c>
      <c r="E74671" s="15">
        <v>45587</v>
      </c>
      <c r="F74671" s="14" t="s">
        <v>25</v>
      </c>
      <c r="G74671" s="16">
        <v>1.724253854708738</v>
      </c>
    </row>
    <row r="74672" spans="1:7" x14ac:dyDescent="0.3">
      <c r="A74672" s="13" t="s">
        <v>383</v>
      </c>
      <c r="B74672" s="14" t="s">
        <v>1</v>
      </c>
      <c r="C74672" s="14" t="s">
        <v>70</v>
      </c>
      <c r="D74672" s="14" t="s">
        <v>384</v>
      </c>
      <c r="E74672" s="15">
        <v>45588</v>
      </c>
      <c r="F74672" s="14" t="s">
        <v>25</v>
      </c>
      <c r="G74672" s="16">
        <v>1.7299642090274019</v>
      </c>
    </row>
    <row r="74673" spans="1:7" x14ac:dyDescent="0.3">
      <c r="A74673" s="13" t="s">
        <v>383</v>
      </c>
      <c r="B74673" s="14" t="s">
        <v>1</v>
      </c>
      <c r="C74673" s="14" t="s">
        <v>70</v>
      </c>
      <c r="D74673" s="14" t="s">
        <v>384</v>
      </c>
      <c r="E74673" s="15">
        <v>45589</v>
      </c>
      <c r="F74673" s="14" t="s">
        <v>25</v>
      </c>
      <c r="G74673" s="16">
        <v>1.734201911056086</v>
      </c>
    </row>
    <row r="74674" spans="1:7" x14ac:dyDescent="0.3">
      <c r="A74674" s="13" t="s">
        <v>383</v>
      </c>
      <c r="B74674" s="14" t="s">
        <v>1</v>
      </c>
      <c r="C74674" s="14" t="s">
        <v>70</v>
      </c>
      <c r="D74674" s="14" t="s">
        <v>384</v>
      </c>
      <c r="E74674" s="15">
        <v>45590</v>
      </c>
      <c r="F74674" s="14" t="s">
        <v>25</v>
      </c>
      <c r="G74674" s="16">
        <v>1.7395169506292305</v>
      </c>
    </row>
    <row r="74675" spans="1:7" x14ac:dyDescent="0.3">
      <c r="A74675" s="13" t="s">
        <v>383</v>
      </c>
      <c r="B74675" s="14" t="s">
        <v>1</v>
      </c>
      <c r="C74675" s="14" t="s">
        <v>70</v>
      </c>
      <c r="D74675" s="14" t="s">
        <v>384</v>
      </c>
      <c r="E74675" s="15">
        <v>45591</v>
      </c>
      <c r="F74675" s="14" t="s">
        <v>25</v>
      </c>
      <c r="G74675" s="16">
        <v>1.7395169506292305</v>
      </c>
    </row>
    <row r="74676" spans="1:7" x14ac:dyDescent="0.3">
      <c r="A74676" s="13" t="s">
        <v>383</v>
      </c>
      <c r="B74676" s="14" t="s">
        <v>1</v>
      </c>
      <c r="C74676" s="14" t="s">
        <v>70</v>
      </c>
      <c r="D74676" s="14" t="s">
        <v>384</v>
      </c>
      <c r="E74676" s="15">
        <v>45592</v>
      </c>
      <c r="F74676" s="14" t="s">
        <v>25</v>
      </c>
      <c r="G74676" s="16">
        <v>1.7395169506292305</v>
      </c>
    </row>
    <row r="74677" spans="1:7" x14ac:dyDescent="0.3">
      <c r="A74677" s="13" t="s">
        <v>383</v>
      </c>
      <c r="B74677" s="14" t="s">
        <v>1</v>
      </c>
      <c r="C74677" s="14" t="s">
        <v>70</v>
      </c>
      <c r="D74677" s="14" t="s">
        <v>384</v>
      </c>
      <c r="E74677" s="15">
        <v>45593</v>
      </c>
      <c r="F74677" s="14" t="s">
        <v>25</v>
      </c>
      <c r="G74677" s="16">
        <v>1.7395169506292305</v>
      </c>
    </row>
    <row r="74678" spans="1:7" x14ac:dyDescent="0.3">
      <c r="A74678" s="13" t="s">
        <v>383</v>
      </c>
      <c r="B74678" s="14" t="s">
        <v>1</v>
      </c>
      <c r="C74678" s="14" t="s">
        <v>70</v>
      </c>
      <c r="D74678" s="14" t="s">
        <v>384</v>
      </c>
      <c r="E74678" s="15">
        <v>45594</v>
      </c>
      <c r="F74678" s="14" t="s">
        <v>25</v>
      </c>
      <c r="G74678" s="16">
        <v>1.7444515403331502</v>
      </c>
    </row>
    <row r="74679" spans="1:7" x14ac:dyDescent="0.3">
      <c r="A74679" s="13" t="s">
        <v>383</v>
      </c>
      <c r="B74679" s="14" t="s">
        <v>1</v>
      </c>
      <c r="C74679" s="14" t="s">
        <v>70</v>
      </c>
      <c r="D74679" s="14" t="s">
        <v>384</v>
      </c>
      <c r="E74679" s="15">
        <v>45595</v>
      </c>
      <c r="F74679" s="14" t="s">
        <v>25</v>
      </c>
      <c r="G74679" s="16">
        <v>1.7657895143712778</v>
      </c>
    </row>
    <row r="74680" spans="1:7" x14ac:dyDescent="0.3">
      <c r="A74680" s="13" t="s">
        <v>383</v>
      </c>
      <c r="B74680" s="14" t="s">
        <v>1</v>
      </c>
      <c r="C74680" s="14" t="s">
        <v>70</v>
      </c>
      <c r="D74680" s="14" t="s">
        <v>384</v>
      </c>
      <c r="E74680" s="15">
        <v>45596</v>
      </c>
      <c r="F74680" s="14" t="s">
        <v>25</v>
      </c>
      <c r="G74680" s="16">
        <v>1.7631957089571093</v>
      </c>
    </row>
    <row r="74681" spans="1:7" x14ac:dyDescent="0.3">
      <c r="A74681" s="13" t="s">
        <v>383</v>
      </c>
      <c r="B74681" s="14" t="s">
        <v>1</v>
      </c>
      <c r="C74681" s="14" t="s">
        <v>70</v>
      </c>
      <c r="D74681" s="14" t="s">
        <v>384</v>
      </c>
      <c r="E74681" s="15">
        <v>45597</v>
      </c>
      <c r="F74681" s="14" t="s">
        <v>25</v>
      </c>
      <c r="G74681" s="16">
        <v>1.7814661807763634</v>
      </c>
    </row>
    <row r="74682" spans="1:7" x14ac:dyDescent="0.3">
      <c r="A74682" s="13" t="s">
        <v>383</v>
      </c>
      <c r="B74682" s="14" t="s">
        <v>1</v>
      </c>
      <c r="C74682" s="14" t="s">
        <v>70</v>
      </c>
      <c r="D74682" s="14" t="s">
        <v>384</v>
      </c>
      <c r="E74682" s="15">
        <v>45598</v>
      </c>
      <c r="F74682" s="14" t="s">
        <v>25</v>
      </c>
      <c r="G74682" s="16">
        <v>1.7814661807763634</v>
      </c>
    </row>
    <row r="74683" spans="1:7" x14ac:dyDescent="0.3">
      <c r="A74683" s="13" t="s">
        <v>383</v>
      </c>
      <c r="B74683" s="14" t="s">
        <v>1</v>
      </c>
      <c r="C74683" s="14" t="s">
        <v>70</v>
      </c>
      <c r="D74683" s="14" t="s">
        <v>384</v>
      </c>
      <c r="E74683" s="15">
        <v>45599</v>
      </c>
      <c r="F74683" s="14" t="s">
        <v>25</v>
      </c>
      <c r="G74683" s="16">
        <v>1.7814661807763634</v>
      </c>
    </row>
    <row r="74684" spans="1:7" x14ac:dyDescent="0.3">
      <c r="A74684" s="13" t="s">
        <v>383</v>
      </c>
      <c r="B74684" s="14" t="s">
        <v>1</v>
      </c>
      <c r="C74684" s="14" t="s">
        <v>70</v>
      </c>
      <c r="D74684" s="14" t="s">
        <v>384</v>
      </c>
      <c r="E74684" s="15">
        <v>45600</v>
      </c>
      <c r="F74684" s="14" t="s">
        <v>25</v>
      </c>
      <c r="G74684" s="16">
        <v>1.7676258679691592</v>
      </c>
    </row>
    <row r="74685" spans="1:7" x14ac:dyDescent="0.3">
      <c r="A74685" s="13" t="s">
        <v>383</v>
      </c>
      <c r="B74685" s="14" t="s">
        <v>1</v>
      </c>
      <c r="C74685" s="14" t="s">
        <v>70</v>
      </c>
      <c r="D74685" s="14" t="s">
        <v>384</v>
      </c>
      <c r="E74685" s="15">
        <v>45601</v>
      </c>
      <c r="F74685" s="14" t="s">
        <v>25</v>
      </c>
      <c r="G74685" s="16">
        <v>1.7753161384113607</v>
      </c>
    </row>
    <row r="74686" spans="1:7" x14ac:dyDescent="0.3">
      <c r="A74686" s="13" t="s">
        <v>383</v>
      </c>
      <c r="B74686" s="14" t="s">
        <v>1</v>
      </c>
      <c r="C74686" s="14" t="s">
        <v>70</v>
      </c>
      <c r="D74686" s="14" t="s">
        <v>384</v>
      </c>
      <c r="E74686" s="15">
        <v>45602</v>
      </c>
      <c r="F74686" s="14" t="s">
        <v>25</v>
      </c>
      <c r="G74686" s="16">
        <v>1.8081636306229207</v>
      </c>
    </row>
    <row r="74687" spans="1:7" x14ac:dyDescent="0.3">
      <c r="A74687" s="13" t="s">
        <v>383</v>
      </c>
      <c r="B74687" s="14" t="s">
        <v>1</v>
      </c>
      <c r="C74687" s="14" t="s">
        <v>70</v>
      </c>
      <c r="D74687" s="14" t="s">
        <v>384</v>
      </c>
      <c r="E74687" s="15">
        <v>45603</v>
      </c>
      <c r="F74687" s="14" t="s">
        <v>25</v>
      </c>
      <c r="G74687" s="16">
        <v>1.803813385035554</v>
      </c>
    </row>
    <row r="74688" spans="1:7" x14ac:dyDescent="0.3">
      <c r="A74688" s="13" t="s">
        <v>383</v>
      </c>
      <c r="B74688" s="14" t="s">
        <v>1</v>
      </c>
      <c r="C74688" s="14" t="s">
        <v>70</v>
      </c>
      <c r="D74688" s="14" t="s">
        <v>384</v>
      </c>
      <c r="E74688" s="15">
        <v>45604</v>
      </c>
      <c r="F74688" s="14" t="s">
        <v>25</v>
      </c>
      <c r="G74688" s="16">
        <v>1.8257370864287699</v>
      </c>
    </row>
    <row r="74689" spans="1:7" x14ac:dyDescent="0.3">
      <c r="A74689" s="13" t="s">
        <v>383</v>
      </c>
      <c r="B74689" s="14" t="s">
        <v>1</v>
      </c>
      <c r="C74689" s="14" t="s">
        <v>70</v>
      </c>
      <c r="D74689" s="14" t="s">
        <v>384</v>
      </c>
      <c r="E74689" s="15">
        <v>45605</v>
      </c>
      <c r="F74689" s="14" t="s">
        <v>25</v>
      </c>
      <c r="G74689" s="16">
        <v>1.8257370864287699</v>
      </c>
    </row>
    <row r="74690" spans="1:7" x14ac:dyDescent="0.3">
      <c r="A74690" s="13" t="s">
        <v>383</v>
      </c>
      <c r="B74690" s="14" t="s">
        <v>1</v>
      </c>
      <c r="C74690" s="14" t="s">
        <v>70</v>
      </c>
      <c r="D74690" s="14" t="s">
        <v>384</v>
      </c>
      <c r="E74690" s="15">
        <v>45606</v>
      </c>
      <c r="F74690" s="14" t="s">
        <v>25</v>
      </c>
      <c r="G74690" s="16">
        <v>1.8257370864287699</v>
      </c>
    </row>
    <row r="74691" spans="1:7" x14ac:dyDescent="0.3">
      <c r="A74691" s="13" t="s">
        <v>383</v>
      </c>
      <c r="B74691" s="14" t="s">
        <v>1</v>
      </c>
      <c r="C74691" s="14" t="s">
        <v>70</v>
      </c>
      <c r="D74691" s="14" t="s">
        <v>384</v>
      </c>
      <c r="E74691" s="15">
        <v>45607</v>
      </c>
      <c r="F74691" s="14" t="s">
        <v>25</v>
      </c>
      <c r="G74691" s="16">
        <v>1.8456058556155233</v>
      </c>
    </row>
    <row r="74692" spans="1:7" x14ac:dyDescent="0.3">
      <c r="A74692" s="13" t="s">
        <v>383</v>
      </c>
      <c r="B74692" s="14" t="s">
        <v>1</v>
      </c>
      <c r="C74692" s="14" t="s">
        <v>70</v>
      </c>
      <c r="D74692" s="14" t="s">
        <v>384</v>
      </c>
      <c r="E74692" s="15">
        <v>45608</v>
      </c>
      <c r="F74692" s="14" t="s">
        <v>25</v>
      </c>
      <c r="G74692" s="16">
        <v>1.8579960332156789</v>
      </c>
    </row>
    <row r="74693" spans="1:7" x14ac:dyDescent="0.3">
      <c r="A74693" s="13" t="s">
        <v>383</v>
      </c>
      <c r="B74693" s="14" t="s">
        <v>1</v>
      </c>
      <c r="C74693" s="14" t="s">
        <v>70</v>
      </c>
      <c r="D74693" s="14" t="s">
        <v>384</v>
      </c>
      <c r="E74693" s="15">
        <v>45609</v>
      </c>
      <c r="F74693" s="14" t="s">
        <v>25</v>
      </c>
      <c r="G74693" s="16">
        <v>1.8698411134177981</v>
      </c>
    </row>
    <row r="74694" spans="1:7" x14ac:dyDescent="0.3">
      <c r="A74694" s="13" t="s">
        <v>383</v>
      </c>
      <c r="B74694" s="14" t="s">
        <v>1</v>
      </c>
      <c r="C74694" s="14" t="s">
        <v>70</v>
      </c>
      <c r="D74694" s="14" t="s">
        <v>384</v>
      </c>
      <c r="E74694" s="15">
        <v>45610</v>
      </c>
      <c r="F74694" s="14" t="s">
        <v>25</v>
      </c>
      <c r="G74694" s="16">
        <v>1.8820542676160781</v>
      </c>
    </row>
    <row r="74695" spans="1:7" x14ac:dyDescent="0.3">
      <c r="A74695" s="13" t="s">
        <v>383</v>
      </c>
      <c r="B74695" s="14" t="s">
        <v>1</v>
      </c>
      <c r="C74695" s="14" t="s">
        <v>70</v>
      </c>
      <c r="D74695" s="14" t="s">
        <v>384</v>
      </c>
      <c r="E74695" s="15">
        <v>45611</v>
      </c>
      <c r="F74695" s="14" t="s">
        <v>25</v>
      </c>
      <c r="G74695" s="16">
        <v>1.9135131713174596</v>
      </c>
    </row>
    <row r="74696" spans="1:7" x14ac:dyDescent="0.3">
      <c r="A74696" s="13" t="s">
        <v>383</v>
      </c>
      <c r="B74696" s="14" t="s">
        <v>1</v>
      </c>
      <c r="C74696" s="14" t="s">
        <v>70</v>
      </c>
      <c r="D74696" s="14" t="s">
        <v>384</v>
      </c>
      <c r="E74696" s="15">
        <v>45612</v>
      </c>
      <c r="F74696" s="14" t="s">
        <v>25</v>
      </c>
      <c r="G74696" s="16">
        <v>1.9135131713174596</v>
      </c>
    </row>
    <row r="74697" spans="1:7" x14ac:dyDescent="0.3">
      <c r="A74697" s="13" t="s">
        <v>383</v>
      </c>
      <c r="B74697" s="14" t="s">
        <v>1</v>
      </c>
      <c r="C74697" s="14" t="s">
        <v>70</v>
      </c>
      <c r="D74697" s="14" t="s">
        <v>384</v>
      </c>
      <c r="E74697" s="15">
        <v>45613</v>
      </c>
      <c r="F74697" s="14" t="s">
        <v>25</v>
      </c>
      <c r="G74697" s="16">
        <v>1.9135131713174596</v>
      </c>
    </row>
    <row r="74698" spans="1:7" x14ac:dyDescent="0.3">
      <c r="A74698" s="13" t="s">
        <v>383</v>
      </c>
      <c r="B74698" s="14" t="s">
        <v>1</v>
      </c>
      <c r="C74698" s="14" t="s">
        <v>70</v>
      </c>
      <c r="D74698" s="14" t="s">
        <v>384</v>
      </c>
      <c r="E74698" s="15">
        <v>45614</v>
      </c>
      <c r="F74698" s="14" t="s">
        <v>25</v>
      </c>
      <c r="G74698" s="16">
        <v>1.9116414301272027</v>
      </c>
    </row>
    <row r="74699" spans="1:7" x14ac:dyDescent="0.3">
      <c r="A74699" s="13" t="s">
        <v>383</v>
      </c>
      <c r="B74699" s="14" t="s">
        <v>1</v>
      </c>
      <c r="C74699" s="14" t="s">
        <v>70</v>
      </c>
      <c r="D74699" s="14" t="s">
        <v>384</v>
      </c>
      <c r="E74699" s="15">
        <v>45615</v>
      </c>
      <c r="F74699" s="14" t="s">
        <v>25</v>
      </c>
      <c r="G74699" s="16">
        <v>1.9403415055078135</v>
      </c>
    </row>
    <row r="74700" spans="1:7" x14ac:dyDescent="0.3">
      <c r="A74700" s="13" t="s">
        <v>383</v>
      </c>
      <c r="B74700" s="14" t="s">
        <v>1</v>
      </c>
      <c r="C74700" s="14" t="s">
        <v>70</v>
      </c>
      <c r="D74700" s="14" t="s">
        <v>384</v>
      </c>
      <c r="E74700" s="15">
        <v>45616</v>
      </c>
      <c r="F74700" s="14" t="s">
        <v>25</v>
      </c>
      <c r="G74700" s="16">
        <v>1.9473380957064226</v>
      </c>
    </row>
    <row r="74701" spans="1:7" x14ac:dyDescent="0.3">
      <c r="A74701" s="13" t="s">
        <v>383</v>
      </c>
      <c r="B74701" s="14" t="s">
        <v>1</v>
      </c>
      <c r="C74701" s="14" t="s">
        <v>70</v>
      </c>
      <c r="D74701" s="14" t="s">
        <v>384</v>
      </c>
      <c r="E74701" s="15">
        <v>45617</v>
      </c>
      <c r="F74701" s="14" t="s">
        <v>25</v>
      </c>
      <c r="G74701" s="16">
        <v>1.9591183815737141</v>
      </c>
    </row>
    <row r="74702" spans="1:7" x14ac:dyDescent="0.3">
      <c r="A74702" s="13" t="s">
        <v>383</v>
      </c>
      <c r="B74702" s="14" t="s">
        <v>1</v>
      </c>
      <c r="C74702" s="14" t="s">
        <v>70</v>
      </c>
      <c r="D74702" s="14" t="s">
        <v>384</v>
      </c>
      <c r="E74702" s="15">
        <v>45618</v>
      </c>
      <c r="F74702" s="14" t="s">
        <v>25</v>
      </c>
      <c r="G74702" s="16">
        <v>1.9813823330604425</v>
      </c>
    </row>
    <row r="74703" spans="1:7" x14ac:dyDescent="0.3">
      <c r="A74703" s="13" t="s">
        <v>383</v>
      </c>
      <c r="B74703" s="14" t="s">
        <v>1</v>
      </c>
      <c r="C74703" s="14" t="s">
        <v>70</v>
      </c>
      <c r="D74703" s="14" t="s">
        <v>384</v>
      </c>
      <c r="E74703" s="15">
        <v>45619</v>
      </c>
      <c r="F74703" s="14" t="s">
        <v>25</v>
      </c>
      <c r="G74703" s="16">
        <v>1.9813823330604425</v>
      </c>
    </row>
    <row r="74704" spans="1:7" x14ac:dyDescent="0.3">
      <c r="A74704" s="13" t="s">
        <v>383</v>
      </c>
      <c r="B74704" s="14" t="s">
        <v>1</v>
      </c>
      <c r="C74704" s="14" t="s">
        <v>70</v>
      </c>
      <c r="D74704" s="14" t="s">
        <v>384</v>
      </c>
      <c r="E74704" s="15">
        <v>45620</v>
      </c>
      <c r="F74704" s="14" t="s">
        <v>25</v>
      </c>
      <c r="G74704" s="16">
        <v>1.9813823330604425</v>
      </c>
    </row>
    <row r="74705" spans="1:7" x14ac:dyDescent="0.3">
      <c r="A74705" s="13" t="s">
        <v>383</v>
      </c>
      <c r="B74705" s="14" t="s">
        <v>1</v>
      </c>
      <c r="C74705" s="14" t="s">
        <v>70</v>
      </c>
      <c r="D74705" s="14" t="s">
        <v>384</v>
      </c>
      <c r="E74705" s="15">
        <v>45621</v>
      </c>
      <c r="F74705" s="14" t="s">
        <v>25</v>
      </c>
      <c r="G74705" s="16">
        <v>1.9674567806862713</v>
      </c>
    </row>
    <row r="74706" spans="1:7" x14ac:dyDescent="0.3">
      <c r="A74706" s="13" t="s">
        <v>383</v>
      </c>
      <c r="B74706" s="14" t="s">
        <v>1</v>
      </c>
      <c r="C74706" s="14" t="s">
        <v>70</v>
      </c>
      <c r="D74706" s="14" t="s">
        <v>384</v>
      </c>
      <c r="E74706" s="15">
        <v>45622</v>
      </c>
      <c r="F74706" s="14" t="s">
        <v>25</v>
      </c>
      <c r="G74706" s="16">
        <v>1.987397350985675</v>
      </c>
    </row>
    <row r="74707" spans="1:7" x14ac:dyDescent="0.3">
      <c r="A74707" s="13" t="s">
        <v>383</v>
      </c>
      <c r="B74707" s="14" t="s">
        <v>1</v>
      </c>
      <c r="C74707" s="14" t="s">
        <v>70</v>
      </c>
      <c r="D74707" s="14" t="s">
        <v>384</v>
      </c>
      <c r="E74707" s="15">
        <v>45623</v>
      </c>
      <c r="F74707" s="14" t="s">
        <v>25</v>
      </c>
      <c r="G74707" s="16">
        <v>1.9861034667564221</v>
      </c>
    </row>
    <row r="74708" spans="1:7" x14ac:dyDescent="0.3">
      <c r="A74708" s="13" t="s">
        <v>383</v>
      </c>
      <c r="B74708" s="14" t="s">
        <v>1</v>
      </c>
      <c r="C74708" s="14" t="s">
        <v>70</v>
      </c>
      <c r="D74708" s="14" t="s">
        <v>384</v>
      </c>
      <c r="E74708" s="15">
        <v>45624</v>
      </c>
      <c r="F74708" s="14" t="s">
        <v>25</v>
      </c>
      <c r="G74708" s="16">
        <v>1.9963055435680412</v>
      </c>
    </row>
    <row r="74709" spans="1:7" x14ac:dyDescent="0.3">
      <c r="A74709" s="13" t="s">
        <v>383</v>
      </c>
      <c r="B74709" s="14" t="s">
        <v>1</v>
      </c>
      <c r="C74709" s="14" t="s">
        <v>70</v>
      </c>
      <c r="D74709" s="14" t="s">
        <v>384</v>
      </c>
      <c r="E74709" s="15">
        <v>45625</v>
      </c>
      <c r="F74709" s="14" t="s">
        <v>25</v>
      </c>
      <c r="G74709" s="16">
        <v>1.9953461217493362</v>
      </c>
    </row>
    <row r="74710" spans="1:7" x14ac:dyDescent="0.3">
      <c r="A74710" s="13" t="s">
        <v>383</v>
      </c>
      <c r="B74710" s="14" t="s">
        <v>1</v>
      </c>
      <c r="C74710" s="14" t="s">
        <v>70</v>
      </c>
      <c r="D74710" s="14" t="s">
        <v>384</v>
      </c>
      <c r="E74710" s="15">
        <v>45626</v>
      </c>
      <c r="F74710" s="14" t="s">
        <v>25</v>
      </c>
      <c r="G74710" s="16">
        <v>1.9953461217493362</v>
      </c>
    </row>
    <row r="74711" spans="1:7" x14ac:dyDescent="0.3">
      <c r="A74711" s="13" t="s">
        <v>383</v>
      </c>
      <c r="B74711" s="14" t="s">
        <v>1</v>
      </c>
      <c r="C74711" s="14" t="s">
        <v>70</v>
      </c>
      <c r="D74711" s="14" t="s">
        <v>384</v>
      </c>
      <c r="E74711" s="15">
        <v>45627</v>
      </c>
      <c r="F74711" s="14" t="s">
        <v>25</v>
      </c>
      <c r="G74711" s="16">
        <v>1.9953461217493362</v>
      </c>
    </row>
    <row r="74712" spans="1:7" x14ac:dyDescent="0.3">
      <c r="A74712" s="13" t="s">
        <v>383</v>
      </c>
      <c r="B74712" s="14" t="s">
        <v>1</v>
      </c>
      <c r="C74712" s="14" t="s">
        <v>70</v>
      </c>
      <c r="D74712" s="14" t="s">
        <v>384</v>
      </c>
      <c r="E74712" s="15">
        <v>45628</v>
      </c>
      <c r="F74712" s="14" t="s">
        <v>25</v>
      </c>
      <c r="G74712" s="16">
        <v>2.019525880114545</v>
      </c>
    </row>
    <row r="74713" spans="1:7" x14ac:dyDescent="0.3">
      <c r="A74713" s="13" t="s">
        <v>383</v>
      </c>
      <c r="B74713" s="14" t="s">
        <v>1</v>
      </c>
      <c r="C74713" s="14" t="s">
        <v>70</v>
      </c>
      <c r="D74713" s="14" t="s">
        <v>384</v>
      </c>
      <c r="E74713" s="15">
        <v>45629</v>
      </c>
      <c r="F74713" s="14" t="s">
        <v>25</v>
      </c>
      <c r="G74713" s="16">
        <v>2.0351736522482988</v>
      </c>
    </row>
    <row r="74714" spans="1:7" x14ac:dyDescent="0.3">
      <c r="A74714" s="13" t="s">
        <v>383</v>
      </c>
      <c r="B74714" s="14" t="s">
        <v>1</v>
      </c>
      <c r="C74714" s="14" t="s">
        <v>70</v>
      </c>
      <c r="D74714" s="14" t="s">
        <v>384</v>
      </c>
      <c r="E74714" s="15">
        <v>45630</v>
      </c>
      <c r="F74714" s="14" t="s">
        <v>25</v>
      </c>
      <c r="G74714" s="16">
        <v>2.0361662236007048</v>
      </c>
    </row>
    <row r="74715" spans="1:7" x14ac:dyDescent="0.3">
      <c r="A74715" s="13" t="s">
        <v>383</v>
      </c>
      <c r="B74715" s="14" t="s">
        <v>1</v>
      </c>
      <c r="C74715" s="14" t="s">
        <v>70</v>
      </c>
      <c r="D74715" s="14" t="s">
        <v>384</v>
      </c>
      <c r="E74715" s="15">
        <v>45631</v>
      </c>
      <c r="F74715" s="14" t="s">
        <v>25</v>
      </c>
      <c r="G74715" s="16">
        <v>2.0276036731066776</v>
      </c>
    </row>
    <row r="74716" spans="1:7" x14ac:dyDescent="0.3">
      <c r="A74716" s="13" t="s">
        <v>383</v>
      </c>
      <c r="B74716" s="14" t="s">
        <v>1</v>
      </c>
      <c r="C74716" s="14" t="s">
        <v>70</v>
      </c>
      <c r="D74716" s="14" t="s">
        <v>384</v>
      </c>
      <c r="E74716" s="15">
        <v>45632</v>
      </c>
      <c r="F74716" s="14" t="s">
        <v>25</v>
      </c>
      <c r="G74716" s="16">
        <v>2.0348255887660192</v>
      </c>
    </row>
    <row r="74717" spans="1:7" x14ac:dyDescent="0.3">
      <c r="A74717" s="13" t="s">
        <v>383</v>
      </c>
      <c r="B74717" s="14" t="s">
        <v>1</v>
      </c>
      <c r="C74717" s="14" t="s">
        <v>70</v>
      </c>
      <c r="D74717" s="14" t="s">
        <v>384</v>
      </c>
      <c r="E74717" s="15">
        <v>45633</v>
      </c>
      <c r="F74717" s="14" t="s">
        <v>25</v>
      </c>
      <c r="G74717" s="16">
        <v>2.0348255887660192</v>
      </c>
    </row>
    <row r="74718" spans="1:7" x14ac:dyDescent="0.3">
      <c r="A74718" s="13" t="s">
        <v>383</v>
      </c>
      <c r="B74718" s="14" t="s">
        <v>1</v>
      </c>
      <c r="C74718" s="14" t="s">
        <v>70</v>
      </c>
      <c r="D74718" s="14" t="s">
        <v>384</v>
      </c>
      <c r="E74718" s="15">
        <v>45634</v>
      </c>
      <c r="F74718" s="14" t="s">
        <v>25</v>
      </c>
      <c r="G74718" s="16">
        <v>2.0348255887660192</v>
      </c>
    </row>
    <row r="74719" spans="1:7" x14ac:dyDescent="0.3">
      <c r="A74719" s="13" t="s">
        <v>383</v>
      </c>
      <c r="B74719" s="14" t="s">
        <v>1</v>
      </c>
      <c r="C74719" s="14" t="s">
        <v>70</v>
      </c>
      <c r="D74719" s="14" t="s">
        <v>384</v>
      </c>
      <c r="E74719" s="15">
        <v>45635</v>
      </c>
      <c r="F74719" s="14" t="s">
        <v>25</v>
      </c>
      <c r="G74719" s="16">
        <v>2.0385474171559737</v>
      </c>
    </row>
    <row r="74720" spans="1:7" x14ac:dyDescent="0.3">
      <c r="A74720" s="13" t="s">
        <v>383</v>
      </c>
      <c r="B74720" s="14" t="s">
        <v>1</v>
      </c>
      <c r="C74720" s="14" t="s">
        <v>70</v>
      </c>
      <c r="D74720" s="14" t="s">
        <v>384</v>
      </c>
      <c r="E74720" s="15">
        <v>45636</v>
      </c>
      <c r="F74720" s="14" t="s">
        <v>25</v>
      </c>
      <c r="G74720" s="16">
        <v>2.0627512984332688</v>
      </c>
    </row>
    <row r="74721" spans="1:7" x14ac:dyDescent="0.3">
      <c r="A74721" s="13" t="s">
        <v>383</v>
      </c>
      <c r="B74721" s="14" t="s">
        <v>1</v>
      </c>
      <c r="C74721" s="14" t="s">
        <v>70</v>
      </c>
      <c r="D74721" s="14" t="s">
        <v>384</v>
      </c>
      <c r="E74721" s="15">
        <v>45637</v>
      </c>
      <c r="F74721" s="14" t="s">
        <v>25</v>
      </c>
      <c r="G74721" s="16">
        <v>2.0713104716677972</v>
      </c>
    </row>
    <row r="74722" spans="1:7" x14ac:dyDescent="0.3">
      <c r="A74722" s="13" t="s">
        <v>383</v>
      </c>
      <c r="B74722" s="14" t="s">
        <v>1</v>
      </c>
      <c r="C74722" s="14" t="s">
        <v>70</v>
      </c>
      <c r="D74722" s="14" t="s">
        <v>384</v>
      </c>
      <c r="E74722" s="15">
        <v>45638</v>
      </c>
      <c r="F74722" s="14" t="s">
        <v>25</v>
      </c>
      <c r="G74722" s="16">
        <v>2.0940378851521437</v>
      </c>
    </row>
    <row r="74723" spans="1:7" x14ac:dyDescent="0.3">
      <c r="A74723" s="13" t="s">
        <v>383</v>
      </c>
      <c r="B74723" s="14" t="s">
        <v>1</v>
      </c>
      <c r="C74723" s="14" t="s">
        <v>70</v>
      </c>
      <c r="D74723" s="14" t="s">
        <v>384</v>
      </c>
      <c r="E74723" s="15">
        <v>45639</v>
      </c>
      <c r="F74723" s="14" t="s">
        <v>25</v>
      </c>
      <c r="G74723" s="16">
        <v>2.1007822434309391</v>
      </c>
    </row>
    <row r="74724" spans="1:7" x14ac:dyDescent="0.3">
      <c r="A74724" s="13" t="s">
        <v>383</v>
      </c>
      <c r="B74724" s="14" t="s">
        <v>1</v>
      </c>
      <c r="C74724" s="14" t="s">
        <v>70</v>
      </c>
      <c r="D74724" s="14" t="s">
        <v>384</v>
      </c>
      <c r="E74724" s="15">
        <v>45640</v>
      </c>
      <c r="F74724" s="14" t="s">
        <v>25</v>
      </c>
      <c r="G74724" s="16">
        <v>2.1007822434309391</v>
      </c>
    </row>
    <row r="74725" spans="1:7" x14ac:dyDescent="0.3">
      <c r="A74725" s="13" t="s">
        <v>383</v>
      </c>
      <c r="B74725" s="14" t="s">
        <v>1</v>
      </c>
      <c r="C74725" s="14" t="s">
        <v>70</v>
      </c>
      <c r="D74725" s="14" t="s">
        <v>384</v>
      </c>
      <c r="E74725" s="15">
        <v>45641</v>
      </c>
      <c r="F74725" s="14" t="s">
        <v>25</v>
      </c>
      <c r="G74725" s="16">
        <v>2.1007822434309391</v>
      </c>
    </row>
    <row r="74726" spans="1:7" x14ac:dyDescent="0.3">
      <c r="A74726" s="13" t="s">
        <v>383</v>
      </c>
      <c r="B74726" s="14" t="s">
        <v>1</v>
      </c>
      <c r="C74726" s="14" t="s">
        <v>70</v>
      </c>
      <c r="D74726" s="14" t="s">
        <v>384</v>
      </c>
      <c r="E74726" s="15">
        <v>45642</v>
      </c>
      <c r="F74726" s="14" t="s">
        <v>25</v>
      </c>
      <c r="G74726" s="16">
        <v>2.1110950646725128</v>
      </c>
    </row>
    <row r="74727" spans="1:7" x14ac:dyDescent="0.3">
      <c r="A74727" s="13" t="s">
        <v>383</v>
      </c>
      <c r="B74727" s="14" t="s">
        <v>1</v>
      </c>
      <c r="C74727" s="14" t="s">
        <v>70</v>
      </c>
      <c r="D74727" s="14" t="s">
        <v>384</v>
      </c>
      <c r="E74727" s="15">
        <v>45643</v>
      </c>
      <c r="F74727" s="14" t="s">
        <v>25</v>
      </c>
      <c r="G74727" s="16">
        <v>2.1224416962864332</v>
      </c>
    </row>
    <row r="74728" spans="1:7" x14ac:dyDescent="0.3">
      <c r="A74728" s="13" t="s">
        <v>383</v>
      </c>
      <c r="B74728" s="14" t="s">
        <v>1</v>
      </c>
      <c r="C74728" s="14" t="s">
        <v>70</v>
      </c>
      <c r="D74728" s="14" t="s">
        <v>384</v>
      </c>
      <c r="E74728" s="15">
        <v>45644</v>
      </c>
      <c r="F74728" s="14" t="s">
        <v>25</v>
      </c>
      <c r="G74728" s="16">
        <v>2.1332845364561464</v>
      </c>
    </row>
    <row r="74729" spans="1:7" x14ac:dyDescent="0.3">
      <c r="A74729" s="13" t="s">
        <v>383</v>
      </c>
      <c r="B74729" s="14" t="s">
        <v>1</v>
      </c>
      <c r="C74729" s="14" t="s">
        <v>70</v>
      </c>
      <c r="D74729" s="14" t="s">
        <v>384</v>
      </c>
      <c r="E74729" s="15">
        <v>45645</v>
      </c>
      <c r="F74729" s="14" t="s">
        <v>25</v>
      </c>
      <c r="G74729" s="16">
        <v>2.1318118813780078</v>
      </c>
    </row>
    <row r="74730" spans="1:7" x14ac:dyDescent="0.3">
      <c r="A74730" s="13" t="s">
        <v>383</v>
      </c>
      <c r="B74730" s="14" t="s">
        <v>1</v>
      </c>
      <c r="C74730" s="14" t="s">
        <v>70</v>
      </c>
      <c r="D74730" s="14" t="s">
        <v>384</v>
      </c>
      <c r="E74730" s="15">
        <v>45646</v>
      </c>
      <c r="F74730" s="14" t="s">
        <v>25</v>
      </c>
      <c r="G74730" s="16">
        <v>2.1250090483637463</v>
      </c>
    </row>
    <row r="74731" spans="1:7" x14ac:dyDescent="0.3">
      <c r="A74731" s="13" t="s">
        <v>383</v>
      </c>
      <c r="B74731" s="14" t="s">
        <v>1</v>
      </c>
      <c r="C74731" s="14" t="s">
        <v>70</v>
      </c>
      <c r="D74731" s="14" t="s">
        <v>384</v>
      </c>
      <c r="E74731" s="15">
        <v>45647</v>
      </c>
      <c r="F74731" s="14" t="s">
        <v>25</v>
      </c>
      <c r="G74731" s="16">
        <v>2.1250090483637463</v>
      </c>
    </row>
    <row r="74732" spans="1:7" x14ac:dyDescent="0.3">
      <c r="A74732" s="13" t="s">
        <v>383</v>
      </c>
      <c r="B74732" s="14" t="s">
        <v>1</v>
      </c>
      <c r="C74732" s="14" t="s">
        <v>70</v>
      </c>
      <c r="D74732" s="14" t="s">
        <v>384</v>
      </c>
      <c r="E74732" s="15">
        <v>45648</v>
      </c>
      <c r="F74732" s="14" t="s">
        <v>25</v>
      </c>
      <c r="G74732" s="16">
        <v>2.1250090483637463</v>
      </c>
    </row>
    <row r="74733" spans="1:7" x14ac:dyDescent="0.3">
      <c r="A74733" s="13" t="s">
        <v>383</v>
      </c>
      <c r="B74733" s="14" t="s">
        <v>1</v>
      </c>
      <c r="C74733" s="14" t="s">
        <v>70</v>
      </c>
      <c r="D74733" s="14" t="s">
        <v>384</v>
      </c>
      <c r="E74733" s="15">
        <v>45649</v>
      </c>
      <c r="F74733" s="14" t="s">
        <v>25</v>
      </c>
      <c r="G74733" s="16">
        <v>2.1415147536824661</v>
      </c>
    </row>
    <row r="74734" spans="1:7" x14ac:dyDescent="0.3">
      <c r="A74734" s="13" t="s">
        <v>383</v>
      </c>
      <c r="B74734" s="14" t="s">
        <v>1</v>
      </c>
      <c r="C74734" s="14" t="s">
        <v>70</v>
      </c>
      <c r="D74734" s="14" t="s">
        <v>384</v>
      </c>
      <c r="E74734" s="15">
        <v>45650</v>
      </c>
      <c r="F74734" s="14" t="s">
        <v>25</v>
      </c>
      <c r="G74734" s="16">
        <v>2.1578507187709333</v>
      </c>
    </row>
    <row r="74735" spans="1:7" x14ac:dyDescent="0.3">
      <c r="A74735" s="13" t="s">
        <v>383</v>
      </c>
      <c r="B74735" s="14" t="s">
        <v>1</v>
      </c>
      <c r="C74735" s="14" t="s">
        <v>70</v>
      </c>
      <c r="D74735" s="14" t="s">
        <v>384</v>
      </c>
      <c r="E74735" s="15">
        <v>45651</v>
      </c>
      <c r="F74735" s="14" t="s">
        <v>25</v>
      </c>
      <c r="G74735" s="16">
        <v>2.1578507187709333</v>
      </c>
    </row>
    <row r="74736" spans="1:7" x14ac:dyDescent="0.3">
      <c r="A74736" s="13" t="s">
        <v>383</v>
      </c>
      <c r="B74736" s="14" t="s">
        <v>1</v>
      </c>
      <c r="C74736" s="14" t="s">
        <v>70</v>
      </c>
      <c r="D74736" s="14" t="s">
        <v>384</v>
      </c>
      <c r="E74736" s="15">
        <v>45652</v>
      </c>
      <c r="F74736" s="14" t="s">
        <v>25</v>
      </c>
      <c r="G74736" s="16">
        <v>2.1578507187709333</v>
      </c>
    </row>
    <row r="74737" spans="1:7" x14ac:dyDescent="0.3">
      <c r="A74737" s="13" t="s">
        <v>383</v>
      </c>
      <c r="B74737" s="14" t="s">
        <v>1</v>
      </c>
      <c r="C74737" s="14" t="s">
        <v>70</v>
      </c>
      <c r="D74737" s="14" t="s">
        <v>384</v>
      </c>
      <c r="E74737" s="15">
        <v>45653</v>
      </c>
      <c r="F74737" s="14" t="s">
        <v>25</v>
      </c>
      <c r="G74737" s="16">
        <v>2.1578507187709333</v>
      </c>
    </row>
    <row r="74738" spans="1:7" x14ac:dyDescent="0.3">
      <c r="A74738" s="13" t="s">
        <v>383</v>
      </c>
      <c r="B74738" s="14" t="s">
        <v>1</v>
      </c>
      <c r="C74738" s="14" t="s">
        <v>70</v>
      </c>
      <c r="D74738" s="14" t="s">
        <v>384</v>
      </c>
      <c r="E74738" s="15">
        <v>45654</v>
      </c>
      <c r="F74738" s="14" t="s">
        <v>25</v>
      </c>
      <c r="G74738" s="16">
        <v>2.1578507187709333</v>
      </c>
    </row>
    <row r="74739" spans="1:7" x14ac:dyDescent="0.3">
      <c r="A74739" s="13" t="s">
        <v>383</v>
      </c>
      <c r="B74739" s="14" t="s">
        <v>1</v>
      </c>
      <c r="C74739" s="14" t="s">
        <v>70</v>
      </c>
      <c r="D74739" s="14" t="s">
        <v>384</v>
      </c>
      <c r="E74739" s="15">
        <v>45655</v>
      </c>
      <c r="F74739" s="14" t="s">
        <v>25</v>
      </c>
      <c r="G74739" s="16">
        <v>2.1578507187709333</v>
      </c>
    </row>
    <row r="74740" spans="1:7" x14ac:dyDescent="0.3">
      <c r="A74740" s="13" t="s">
        <v>383</v>
      </c>
      <c r="B74740" s="14" t="s">
        <v>1</v>
      </c>
      <c r="C74740" s="14" t="s">
        <v>70</v>
      </c>
      <c r="D74740" s="14" t="s">
        <v>384</v>
      </c>
      <c r="E74740" s="15">
        <v>45656</v>
      </c>
      <c r="F74740" s="14" t="s">
        <v>25</v>
      </c>
      <c r="G74740" s="16">
        <v>2.1695579464408774</v>
      </c>
    </row>
    <row r="74741" spans="1:7" x14ac:dyDescent="0.3">
      <c r="A74741" s="13" t="s">
        <v>383</v>
      </c>
      <c r="B74741" s="14" t="s">
        <v>1</v>
      </c>
      <c r="C74741" s="14" t="s">
        <v>70</v>
      </c>
      <c r="D74741" s="14" t="s">
        <v>384</v>
      </c>
      <c r="E74741" s="15">
        <v>45657</v>
      </c>
      <c r="F74741" s="14" t="s">
        <v>25</v>
      </c>
      <c r="G74741" s="16">
        <v>2.1998509020297861</v>
      </c>
    </row>
    <row r="74742" spans="1:7" x14ac:dyDescent="0.3">
      <c r="A74742" s="13" t="s">
        <v>383</v>
      </c>
      <c r="B74742" s="14" t="s">
        <v>1</v>
      </c>
      <c r="C74742" s="14" t="s">
        <v>70</v>
      </c>
      <c r="D74742" s="14" t="s">
        <v>384</v>
      </c>
      <c r="E74742" s="15">
        <v>45658</v>
      </c>
      <c r="F74742" s="14" t="s">
        <v>25</v>
      </c>
      <c r="G74742" s="16">
        <v>2.1998509020297861</v>
      </c>
    </row>
    <row r="74743" spans="1:7" x14ac:dyDescent="0.3">
      <c r="A74743" s="13" t="s">
        <v>383</v>
      </c>
      <c r="B74743" s="14" t="s">
        <v>1</v>
      </c>
      <c r="C74743" s="14" t="s">
        <v>70</v>
      </c>
      <c r="D74743" s="14" t="s">
        <v>384</v>
      </c>
      <c r="E74743" s="15">
        <v>45659</v>
      </c>
      <c r="F74743" s="14" t="s">
        <v>25</v>
      </c>
      <c r="G74743" s="16">
        <v>2.1998509020297861</v>
      </c>
    </row>
    <row r="74744" spans="1:7" x14ac:dyDescent="0.3">
      <c r="A74744" s="13" t="s">
        <v>383</v>
      </c>
      <c r="B74744" s="14" t="s">
        <v>1</v>
      </c>
      <c r="C74744" s="14" t="s">
        <v>70</v>
      </c>
      <c r="D74744" s="14" t="s">
        <v>384</v>
      </c>
      <c r="E74744" s="15">
        <v>45660</v>
      </c>
      <c r="F74744" s="14" t="s">
        <v>25</v>
      </c>
      <c r="G74744" s="16">
        <v>2.2125340916398448</v>
      </c>
    </row>
    <row r="74745" spans="1:7" x14ac:dyDescent="0.3">
      <c r="A74745" s="13" t="s">
        <v>383</v>
      </c>
      <c r="B74745" s="14" t="s">
        <v>1</v>
      </c>
      <c r="C74745" s="14" t="s">
        <v>70</v>
      </c>
      <c r="D74745" s="14" t="s">
        <v>384</v>
      </c>
      <c r="E74745" s="15">
        <v>45661</v>
      </c>
      <c r="F74745" s="14" t="s">
        <v>25</v>
      </c>
      <c r="G74745" s="16">
        <v>2.2125340916398448</v>
      </c>
    </row>
    <row r="74746" spans="1:7" x14ac:dyDescent="0.3">
      <c r="A74746" s="13" t="s">
        <v>383</v>
      </c>
      <c r="B74746" s="14" t="s">
        <v>1</v>
      </c>
      <c r="C74746" s="14" t="s">
        <v>70</v>
      </c>
      <c r="D74746" s="14" t="s">
        <v>384</v>
      </c>
      <c r="E74746" s="15">
        <v>45662</v>
      </c>
      <c r="F74746" s="14" t="s">
        <v>25</v>
      </c>
      <c r="G74746" s="16">
        <v>2.2125340916398448</v>
      </c>
    </row>
    <row r="74747" spans="1:7" x14ac:dyDescent="0.3">
      <c r="A74747" s="13" t="s">
        <v>383</v>
      </c>
      <c r="B74747" s="14" t="s">
        <v>1</v>
      </c>
      <c r="C74747" s="14" t="s">
        <v>70</v>
      </c>
      <c r="D74747" s="14" t="s">
        <v>384</v>
      </c>
      <c r="E74747" s="15">
        <v>45663</v>
      </c>
      <c r="F74747" s="14" t="s">
        <v>25</v>
      </c>
      <c r="G74747" s="16">
        <v>2.2295711664158882</v>
      </c>
    </row>
    <row r="74748" spans="1:7" x14ac:dyDescent="0.3">
      <c r="A74748" s="13" t="s">
        <v>383</v>
      </c>
      <c r="B74748" s="14" t="s">
        <v>1</v>
      </c>
      <c r="C74748" s="14" t="s">
        <v>70</v>
      </c>
      <c r="D74748" s="14" t="s">
        <v>384</v>
      </c>
      <c r="E74748" s="15">
        <v>45664</v>
      </c>
      <c r="F74748" s="14" t="s">
        <v>25</v>
      </c>
      <c r="G74748" s="16">
        <v>2.258808086729343</v>
      </c>
    </row>
    <row r="74749" spans="1:7" x14ac:dyDescent="0.3">
      <c r="A74749" s="13" t="s">
        <v>383</v>
      </c>
      <c r="B74749" s="14" t="s">
        <v>1</v>
      </c>
      <c r="C74749" s="14" t="s">
        <v>70</v>
      </c>
      <c r="D74749" s="14" t="s">
        <v>384</v>
      </c>
      <c r="E74749" s="15">
        <v>45665</v>
      </c>
      <c r="F74749" s="14" t="s">
        <v>25</v>
      </c>
      <c r="G74749" s="16">
        <v>2.2662950835944975</v>
      </c>
    </row>
    <row r="74750" spans="1:7" x14ac:dyDescent="0.3">
      <c r="A74750" s="13" t="s">
        <v>383</v>
      </c>
      <c r="B74750" s="14" t="s">
        <v>1</v>
      </c>
      <c r="C74750" s="14" t="s">
        <v>70</v>
      </c>
      <c r="D74750" s="14" t="s">
        <v>384</v>
      </c>
      <c r="E74750" s="15">
        <v>45666</v>
      </c>
      <c r="F74750" s="14" t="s">
        <v>25</v>
      </c>
      <c r="G74750" s="16">
        <v>2.2812093962186131</v>
      </c>
    </row>
    <row r="74751" spans="1:7" x14ac:dyDescent="0.3">
      <c r="A74751" s="13" t="s">
        <v>383</v>
      </c>
      <c r="B74751" s="14" t="s">
        <v>1</v>
      </c>
      <c r="C74751" s="14" t="s">
        <v>70</v>
      </c>
      <c r="D74751" s="14" t="s">
        <v>384</v>
      </c>
      <c r="E74751" s="15">
        <v>45667</v>
      </c>
      <c r="F74751" s="14" t="s">
        <v>25</v>
      </c>
      <c r="G74751" s="16">
        <v>2.2959925836110315</v>
      </c>
    </row>
    <row r="74752" spans="1:7" x14ac:dyDescent="0.3">
      <c r="A74752" s="13" t="s">
        <v>383</v>
      </c>
      <c r="B74752" s="14" t="s">
        <v>1</v>
      </c>
      <c r="C74752" s="14" t="s">
        <v>70</v>
      </c>
      <c r="D74752" s="14" t="s">
        <v>384</v>
      </c>
      <c r="E74752" s="15">
        <v>45668</v>
      </c>
      <c r="F74752" s="14" t="s">
        <v>25</v>
      </c>
      <c r="G74752" s="16">
        <v>2.2959925836110315</v>
      </c>
    </row>
    <row r="74753" spans="1:7" x14ac:dyDescent="0.3">
      <c r="A74753" s="13" t="s">
        <v>383</v>
      </c>
      <c r="B74753" s="14" t="s">
        <v>1</v>
      </c>
      <c r="C74753" s="14" t="s">
        <v>70</v>
      </c>
      <c r="D74753" s="14" t="s">
        <v>384</v>
      </c>
      <c r="E74753" s="15">
        <v>45669</v>
      </c>
      <c r="F74753" s="14" t="s">
        <v>25</v>
      </c>
      <c r="G74753" s="16">
        <v>2.2959925836110315</v>
      </c>
    </row>
    <row r="74754" spans="1:7" x14ac:dyDescent="0.3">
      <c r="A74754" s="13" t="s">
        <v>383</v>
      </c>
      <c r="B74754" s="14" t="s">
        <v>1</v>
      </c>
      <c r="C74754" s="14" t="s">
        <v>70</v>
      </c>
      <c r="D74754" s="14" t="s">
        <v>384</v>
      </c>
      <c r="E74754" s="15">
        <v>45670</v>
      </c>
      <c r="F74754" s="14" t="s">
        <v>25</v>
      </c>
      <c r="G74754" s="16">
        <v>2.3141101724260831</v>
      </c>
    </row>
    <row r="74755" spans="1:7" x14ac:dyDescent="0.3">
      <c r="A74755" s="13" t="s">
        <v>383</v>
      </c>
      <c r="B74755" s="14" t="s">
        <v>1</v>
      </c>
      <c r="C74755" s="14" t="s">
        <v>70</v>
      </c>
      <c r="D74755" s="14" t="s">
        <v>384</v>
      </c>
      <c r="E74755" s="15">
        <v>45671</v>
      </c>
      <c r="F74755" s="14" t="s">
        <v>25</v>
      </c>
      <c r="G74755" s="16">
        <v>2.3135470367933353</v>
      </c>
    </row>
    <row r="74756" spans="1:7" x14ac:dyDescent="0.3">
      <c r="A74756" s="13" t="s">
        <v>383</v>
      </c>
      <c r="B74756" s="14" t="s">
        <v>1</v>
      </c>
      <c r="C74756" s="14" t="s">
        <v>70</v>
      </c>
      <c r="D74756" s="14" t="s">
        <v>384</v>
      </c>
      <c r="E74756" s="15">
        <v>45672</v>
      </c>
      <c r="F74756" s="14" t="s">
        <v>25</v>
      </c>
      <c r="G74756" s="16">
        <v>2.3186303584136594</v>
      </c>
    </row>
    <row r="74757" spans="1:7" x14ac:dyDescent="0.3">
      <c r="A74757" s="13" t="s">
        <v>383</v>
      </c>
      <c r="B74757" s="14" t="s">
        <v>1</v>
      </c>
      <c r="C74757" s="14" t="s">
        <v>70</v>
      </c>
      <c r="D74757" s="14" t="s">
        <v>384</v>
      </c>
      <c r="E74757" s="15">
        <v>45673</v>
      </c>
      <c r="F74757" s="14" t="s">
        <v>25</v>
      </c>
      <c r="G74757" s="16">
        <v>2.3206076380478793</v>
      </c>
    </row>
    <row r="74758" spans="1:7" x14ac:dyDescent="0.3">
      <c r="A74758" s="13" t="s">
        <v>383</v>
      </c>
      <c r="B74758" s="14" t="s">
        <v>1</v>
      </c>
      <c r="C74758" s="14" t="s">
        <v>70</v>
      </c>
      <c r="D74758" s="14" t="s">
        <v>384</v>
      </c>
      <c r="E74758" s="15">
        <v>45674</v>
      </c>
      <c r="F74758" s="14" t="s">
        <v>25</v>
      </c>
      <c r="G74758" s="16">
        <v>2.33501371608221</v>
      </c>
    </row>
    <row r="74759" spans="1:7" x14ac:dyDescent="0.3">
      <c r="A74759" s="13" t="s">
        <v>383</v>
      </c>
      <c r="B74759" s="14" t="s">
        <v>1</v>
      </c>
      <c r="C74759" s="14" t="s">
        <v>70</v>
      </c>
      <c r="D74759" s="14" t="s">
        <v>384</v>
      </c>
      <c r="E74759" s="15">
        <v>45675</v>
      </c>
      <c r="F74759" s="14" t="s">
        <v>25</v>
      </c>
      <c r="G74759" s="16">
        <v>2.33501371608221</v>
      </c>
    </row>
    <row r="74760" spans="1:7" x14ac:dyDescent="0.3">
      <c r="A74760" s="13" t="s">
        <v>383</v>
      </c>
      <c r="B74760" s="14" t="s">
        <v>1</v>
      </c>
      <c r="C74760" s="14" t="s">
        <v>70</v>
      </c>
      <c r="D74760" s="14" t="s">
        <v>384</v>
      </c>
      <c r="E74760" s="15">
        <v>45676</v>
      </c>
      <c r="F74760" s="14" t="s">
        <v>25</v>
      </c>
      <c r="G74760" s="16">
        <v>2.33501371608221</v>
      </c>
    </row>
    <row r="74761" spans="1:7" x14ac:dyDescent="0.3">
      <c r="A74761" s="13" t="s">
        <v>383</v>
      </c>
      <c r="B74761" s="14" t="s">
        <v>1</v>
      </c>
      <c r="C74761" s="14" t="s">
        <v>70</v>
      </c>
      <c r="D74761" s="14" t="s">
        <v>384</v>
      </c>
      <c r="E74761" s="15">
        <v>45677</v>
      </c>
      <c r="F74761" s="14" t="s">
        <v>25</v>
      </c>
      <c r="G74761" s="16">
        <v>2.3211509265093979</v>
      </c>
    </row>
    <row r="74762" spans="1:7" x14ac:dyDescent="0.3">
      <c r="A74762" s="13" t="s">
        <v>383</v>
      </c>
      <c r="B74762" s="14" t="s">
        <v>1</v>
      </c>
      <c r="C74762" s="14" t="s">
        <v>70</v>
      </c>
      <c r="D74762" s="14" t="s">
        <v>384</v>
      </c>
      <c r="E74762" s="15">
        <v>45678</v>
      </c>
      <c r="F74762" s="14" t="s">
        <v>25</v>
      </c>
      <c r="G74762" s="16">
        <v>2.3476839286568678</v>
      </c>
    </row>
    <row r="74763" spans="1:7" x14ac:dyDescent="0.3">
      <c r="A74763" s="13" t="s">
        <v>383</v>
      </c>
      <c r="B74763" s="14" t="s">
        <v>1</v>
      </c>
      <c r="C74763" s="14" t="s">
        <v>70</v>
      </c>
      <c r="D74763" s="14" t="s">
        <v>384</v>
      </c>
      <c r="E74763" s="15">
        <v>45679</v>
      </c>
      <c r="F74763" s="14" t="s">
        <v>25</v>
      </c>
      <c r="G74763" s="16">
        <v>2.3529373734751671</v>
      </c>
    </row>
    <row r="74764" spans="1:7" x14ac:dyDescent="0.3">
      <c r="A74764" s="13" t="s">
        <v>383</v>
      </c>
      <c r="B74764" s="14" t="s">
        <v>1</v>
      </c>
      <c r="C74764" s="14" t="s">
        <v>70</v>
      </c>
      <c r="D74764" s="14" t="s">
        <v>384</v>
      </c>
      <c r="E74764" s="15">
        <v>45680</v>
      </c>
      <c r="F74764" s="14" t="s">
        <v>25</v>
      </c>
      <c r="G74764" s="16">
        <v>2.3576019613422203</v>
      </c>
    </row>
    <row r="74765" spans="1:7" x14ac:dyDescent="0.3">
      <c r="A74765" s="13" t="s">
        <v>383</v>
      </c>
      <c r="B74765" s="14" t="s">
        <v>1</v>
      </c>
      <c r="C74765" s="14" t="s">
        <v>70</v>
      </c>
      <c r="D74765" s="14" t="s">
        <v>384</v>
      </c>
      <c r="E74765" s="15">
        <v>45681</v>
      </c>
      <c r="F74765" s="14" t="s">
        <v>25</v>
      </c>
      <c r="G74765" s="16">
        <v>2.3573647380932967</v>
      </c>
    </row>
    <row r="74766" spans="1:7" x14ac:dyDescent="0.3">
      <c r="A74766" s="13" t="s">
        <v>383</v>
      </c>
      <c r="B74766" s="14" t="s">
        <v>1</v>
      </c>
      <c r="C74766" s="14" t="s">
        <v>70</v>
      </c>
      <c r="D74766" s="14" t="s">
        <v>384</v>
      </c>
      <c r="E74766" s="15">
        <v>45682</v>
      </c>
      <c r="F74766" s="14" t="s">
        <v>25</v>
      </c>
      <c r="G74766" s="16">
        <v>2.3573647380932967</v>
      </c>
    </row>
    <row r="74767" spans="1:7" x14ac:dyDescent="0.3">
      <c r="A74767" s="13" t="s">
        <v>383</v>
      </c>
      <c r="B74767" s="14" t="s">
        <v>1</v>
      </c>
      <c r="C74767" s="14" t="s">
        <v>70</v>
      </c>
      <c r="D74767" s="14" t="s">
        <v>384</v>
      </c>
      <c r="E74767" s="15">
        <v>45683</v>
      </c>
      <c r="F74767" s="14" t="s">
        <v>25</v>
      </c>
      <c r="G74767" s="16">
        <v>2.3573647380932967</v>
      </c>
    </row>
    <row r="74768" spans="1:7" x14ac:dyDescent="0.3">
      <c r="A74768" s="13" t="s">
        <v>383</v>
      </c>
      <c r="B74768" s="14" t="s">
        <v>1</v>
      </c>
      <c r="C74768" s="14" t="s">
        <v>70</v>
      </c>
      <c r="D74768" s="14" t="s">
        <v>384</v>
      </c>
      <c r="E74768" s="15">
        <v>45684</v>
      </c>
      <c r="F74768" s="14" t="s">
        <v>25</v>
      </c>
      <c r="G74768" s="16">
        <v>2.3572275364060959</v>
      </c>
    </row>
    <row r="74769" spans="1:7" x14ac:dyDescent="0.3">
      <c r="A74769" s="13" t="s">
        <v>383</v>
      </c>
      <c r="B74769" s="14" t="s">
        <v>1</v>
      </c>
      <c r="C74769" s="14" t="s">
        <v>70</v>
      </c>
      <c r="D74769" s="14" t="s">
        <v>384</v>
      </c>
      <c r="E74769" s="15">
        <v>45685</v>
      </c>
      <c r="F74769" s="14" t="s">
        <v>25</v>
      </c>
      <c r="G74769" s="16">
        <v>2.3699877516580115</v>
      </c>
    </row>
    <row r="74770" spans="1:7" x14ac:dyDescent="0.3">
      <c r="A74770" s="13" t="s">
        <v>383</v>
      </c>
      <c r="B74770" s="14" t="s">
        <v>1</v>
      </c>
      <c r="C74770" s="14" t="s">
        <v>70</v>
      </c>
      <c r="D74770" s="14" t="s">
        <v>384</v>
      </c>
      <c r="E74770" s="15">
        <v>45686</v>
      </c>
      <c r="F74770" s="14" t="s">
        <v>25</v>
      </c>
      <c r="G74770" s="16">
        <v>2.3806797453981212</v>
      </c>
    </row>
    <row r="74771" spans="1:7" x14ac:dyDescent="0.3">
      <c r="A74771" s="13" t="s">
        <v>383</v>
      </c>
      <c r="B74771" s="14" t="s">
        <v>1</v>
      </c>
      <c r="C74771" s="14" t="s">
        <v>70</v>
      </c>
      <c r="D74771" s="14" t="s">
        <v>384</v>
      </c>
      <c r="E74771" s="15">
        <v>45687</v>
      </c>
      <c r="F74771" s="14" t="s">
        <v>25</v>
      </c>
      <c r="G74771" s="16">
        <v>2.3925802671869891</v>
      </c>
    </row>
    <row r="74772" spans="1:7" x14ac:dyDescent="0.3">
      <c r="A74772" s="13" t="s">
        <v>383</v>
      </c>
      <c r="B74772" s="14" t="s">
        <v>1</v>
      </c>
      <c r="C74772" s="14" t="s">
        <v>70</v>
      </c>
      <c r="D74772" s="14" t="s">
        <v>384</v>
      </c>
      <c r="E74772" s="15">
        <v>45688</v>
      </c>
      <c r="F74772" s="14" t="s">
        <v>25</v>
      </c>
      <c r="G74772" s="16">
        <v>2.3998847846188065</v>
      </c>
    </row>
    <row r="74773" spans="1:7" x14ac:dyDescent="0.3">
      <c r="A74773" s="13" t="s">
        <v>383</v>
      </c>
      <c r="B74773" s="14" t="s">
        <v>1</v>
      </c>
      <c r="C74773" s="14" t="s">
        <v>70</v>
      </c>
      <c r="D74773" s="14" t="s">
        <v>384</v>
      </c>
      <c r="E74773" s="15">
        <v>45689</v>
      </c>
      <c r="F74773" s="14" t="s">
        <v>25</v>
      </c>
      <c r="G74773" s="16">
        <v>2.3998847846188065</v>
      </c>
    </row>
    <row r="74774" spans="1:7" x14ac:dyDescent="0.3">
      <c r="A74774" s="13" t="s">
        <v>383</v>
      </c>
      <c r="B74774" s="14" t="s">
        <v>1</v>
      </c>
      <c r="C74774" s="14" t="s">
        <v>70</v>
      </c>
      <c r="D74774" s="14" t="s">
        <v>384</v>
      </c>
      <c r="E74774" s="15">
        <v>45690</v>
      </c>
      <c r="F74774" s="14" t="s">
        <v>25</v>
      </c>
      <c r="G74774" s="16">
        <v>2.3998847846188065</v>
      </c>
    </row>
    <row r="74775" spans="1:7" x14ac:dyDescent="0.3">
      <c r="A74775" s="13" t="s">
        <v>383</v>
      </c>
      <c r="B74775" s="14" t="s">
        <v>1</v>
      </c>
      <c r="C74775" s="14" t="s">
        <v>70</v>
      </c>
      <c r="D74775" s="14" t="s">
        <v>384</v>
      </c>
      <c r="E74775" s="15">
        <v>45691</v>
      </c>
      <c r="F74775" s="14" t="s">
        <v>25</v>
      </c>
      <c r="G74775" s="16">
        <v>2.3998847846188065</v>
      </c>
    </row>
    <row r="74776" spans="1:7" x14ac:dyDescent="0.3">
      <c r="A74776" s="13" t="s">
        <v>383</v>
      </c>
      <c r="B74776" s="14" t="s">
        <v>1</v>
      </c>
      <c r="C74776" s="14" t="s">
        <v>70</v>
      </c>
      <c r="D74776" s="14" t="s">
        <v>384</v>
      </c>
      <c r="E74776" s="15">
        <v>45692</v>
      </c>
      <c r="F74776" s="14" t="s">
        <v>25</v>
      </c>
      <c r="G74776" s="16">
        <v>2.39074360198711</v>
      </c>
    </row>
    <row r="74777" spans="1:7" x14ac:dyDescent="0.3">
      <c r="A74777" s="13" t="s">
        <v>383</v>
      </c>
      <c r="B74777" s="14" t="s">
        <v>1</v>
      </c>
      <c r="C74777" s="14" t="s">
        <v>70</v>
      </c>
      <c r="D74777" s="14" t="s">
        <v>384</v>
      </c>
      <c r="E74777" s="15">
        <v>45693</v>
      </c>
      <c r="F74777" s="14" t="s">
        <v>25</v>
      </c>
      <c r="G74777" s="16">
        <v>2.3909060053776838</v>
      </c>
    </row>
    <row r="74778" spans="1:7" x14ac:dyDescent="0.3">
      <c r="A74778" s="13" t="s">
        <v>383</v>
      </c>
      <c r="B74778" s="14" t="s">
        <v>1</v>
      </c>
      <c r="C74778" s="14" t="s">
        <v>70</v>
      </c>
      <c r="D74778" s="14" t="s">
        <v>384</v>
      </c>
      <c r="E74778" s="15">
        <v>45694</v>
      </c>
      <c r="F74778" s="14" t="s">
        <v>25</v>
      </c>
      <c r="G74778" s="16">
        <v>2.4026732803395952</v>
      </c>
    </row>
    <row r="74779" spans="1:7" x14ac:dyDescent="0.3">
      <c r="A74779" s="13" t="s">
        <v>383</v>
      </c>
      <c r="B74779" s="14" t="s">
        <v>1</v>
      </c>
      <c r="C74779" s="14" t="s">
        <v>70</v>
      </c>
      <c r="D74779" s="14" t="s">
        <v>384</v>
      </c>
      <c r="E74779" s="15">
        <v>45695</v>
      </c>
      <c r="F74779" s="14" t="s">
        <v>25</v>
      </c>
      <c r="G74779" s="16">
        <v>2.420593163582121</v>
      </c>
    </row>
    <row r="74780" spans="1:7" x14ac:dyDescent="0.3">
      <c r="A74780" s="13" t="s">
        <v>383</v>
      </c>
      <c r="B74780" s="14" t="s">
        <v>1</v>
      </c>
      <c r="C74780" s="14" t="s">
        <v>70</v>
      </c>
      <c r="D74780" s="14" t="s">
        <v>384</v>
      </c>
      <c r="E74780" s="15">
        <v>45696</v>
      </c>
      <c r="F74780" s="14" t="s">
        <v>25</v>
      </c>
      <c r="G74780" s="16">
        <v>2.420593163582121</v>
      </c>
    </row>
    <row r="74781" spans="1:7" x14ac:dyDescent="0.3">
      <c r="A74781" s="13" t="s">
        <v>383</v>
      </c>
      <c r="B74781" s="14" t="s">
        <v>1</v>
      </c>
      <c r="C74781" s="14" t="s">
        <v>70</v>
      </c>
      <c r="D74781" s="14" t="s">
        <v>384</v>
      </c>
      <c r="E74781" s="15">
        <v>45697</v>
      </c>
      <c r="F74781" s="14" t="s">
        <v>25</v>
      </c>
      <c r="G74781" s="16">
        <v>2.420593163582121</v>
      </c>
    </row>
    <row r="74782" spans="1:7" x14ac:dyDescent="0.3">
      <c r="A74782" s="13" t="s">
        <v>383</v>
      </c>
      <c r="B74782" s="14" t="s">
        <v>1</v>
      </c>
      <c r="C74782" s="14" t="s">
        <v>70</v>
      </c>
      <c r="D74782" s="14" t="s">
        <v>384</v>
      </c>
      <c r="E74782" s="15">
        <v>45698</v>
      </c>
      <c r="F74782" s="14" t="s">
        <v>25</v>
      </c>
      <c r="G74782" s="16">
        <v>2.4284069150586531</v>
      </c>
    </row>
    <row r="74783" spans="1:7" x14ac:dyDescent="0.3">
      <c r="A74783" s="13" t="s">
        <v>383</v>
      </c>
      <c r="B74783" s="14" t="s">
        <v>1</v>
      </c>
      <c r="C74783" s="14" t="s">
        <v>70</v>
      </c>
      <c r="D74783" s="14" t="s">
        <v>384</v>
      </c>
      <c r="E74783" s="15">
        <v>45699</v>
      </c>
      <c r="F74783" s="14" t="s">
        <v>25</v>
      </c>
      <c r="G74783" s="16">
        <v>2.4447217214480279</v>
      </c>
    </row>
    <row r="74784" spans="1:7" x14ac:dyDescent="0.3">
      <c r="A74784" s="13" t="s">
        <v>383</v>
      </c>
      <c r="B74784" s="14" t="s">
        <v>1</v>
      </c>
      <c r="C74784" s="14" t="s">
        <v>70</v>
      </c>
      <c r="D74784" s="14" t="s">
        <v>384</v>
      </c>
      <c r="E74784" s="15">
        <v>45700</v>
      </c>
      <c r="F74784" s="14" t="s">
        <v>25</v>
      </c>
      <c r="G74784" s="16">
        <v>2.4501192559020364</v>
      </c>
    </row>
    <row r="74785" spans="1:7" x14ac:dyDescent="0.3">
      <c r="A74785" s="13" t="s">
        <v>383</v>
      </c>
      <c r="B74785" s="14" t="s">
        <v>1</v>
      </c>
      <c r="C74785" s="14" t="s">
        <v>70</v>
      </c>
      <c r="D74785" s="14" t="s">
        <v>384</v>
      </c>
      <c r="E74785" s="15">
        <v>45701</v>
      </c>
      <c r="F74785" s="14" t="s">
        <v>25</v>
      </c>
      <c r="G74785" s="16">
        <v>2.4316971445898643</v>
      </c>
    </row>
    <row r="74786" spans="1:7" x14ac:dyDescent="0.3">
      <c r="A74786" s="13" t="s">
        <v>383</v>
      </c>
      <c r="B74786" s="14" t="s">
        <v>1</v>
      </c>
      <c r="C74786" s="14" t="s">
        <v>70</v>
      </c>
      <c r="D74786" s="14" t="s">
        <v>384</v>
      </c>
      <c r="E74786" s="15">
        <v>45702</v>
      </c>
      <c r="F74786" s="14" t="s">
        <v>25</v>
      </c>
      <c r="G74786" s="16">
        <v>2.434305904482025</v>
      </c>
    </row>
    <row r="74787" spans="1:7" x14ac:dyDescent="0.3">
      <c r="A74787" s="13" t="s">
        <v>383</v>
      </c>
      <c r="B74787" s="14" t="s">
        <v>1</v>
      </c>
      <c r="C74787" s="14" t="s">
        <v>70</v>
      </c>
      <c r="D74787" s="14" t="s">
        <v>384</v>
      </c>
      <c r="E74787" s="15">
        <v>45703</v>
      </c>
      <c r="F74787" s="14" t="s">
        <v>25</v>
      </c>
      <c r="G74787" s="16">
        <v>2.434305904482025</v>
      </c>
    </row>
    <row r="74788" spans="1:7" x14ac:dyDescent="0.3">
      <c r="A74788" s="13" t="s">
        <v>383</v>
      </c>
      <c r="B74788" s="14" t="s">
        <v>1</v>
      </c>
      <c r="C74788" s="14" t="s">
        <v>70</v>
      </c>
      <c r="D74788" s="14" t="s">
        <v>384</v>
      </c>
      <c r="E74788" s="15">
        <v>45704</v>
      </c>
      <c r="F74788" s="14" t="s">
        <v>25</v>
      </c>
      <c r="G74788" s="16">
        <v>2.434305904482025</v>
      </c>
    </row>
    <row r="74789" spans="1:7" x14ac:dyDescent="0.3">
      <c r="A74789" s="13" t="s">
        <v>383</v>
      </c>
      <c r="B74789" s="14" t="s">
        <v>1</v>
      </c>
      <c r="C74789" s="14" t="s">
        <v>70</v>
      </c>
      <c r="D74789" s="14" t="s">
        <v>384</v>
      </c>
      <c r="E74789" s="15">
        <v>45705</v>
      </c>
      <c r="F74789" s="14" t="s">
        <v>25</v>
      </c>
      <c r="G74789" s="16">
        <v>2.483016193011673</v>
      </c>
    </row>
    <row r="74790" spans="1:7" x14ac:dyDescent="0.3">
      <c r="A74790" s="13" t="s">
        <v>383</v>
      </c>
      <c r="B74790" s="14" t="s">
        <v>1</v>
      </c>
      <c r="C74790" s="14" t="s">
        <v>70</v>
      </c>
      <c r="D74790" s="14" t="s">
        <v>384</v>
      </c>
      <c r="E74790" s="15">
        <v>45706</v>
      </c>
      <c r="F74790" s="14" t="s">
        <v>25</v>
      </c>
      <c r="G74790" s="16">
        <v>2.4998063905970098</v>
      </c>
    </row>
    <row r="74791" spans="1:7" x14ac:dyDescent="0.3">
      <c r="A74791" s="13" t="s">
        <v>383</v>
      </c>
      <c r="B74791" s="14" t="s">
        <v>1</v>
      </c>
      <c r="C74791" s="14" t="s">
        <v>70</v>
      </c>
      <c r="D74791" s="14" t="s">
        <v>384</v>
      </c>
      <c r="E74791" s="15">
        <v>45707</v>
      </c>
      <c r="F74791" s="14" t="s">
        <v>25</v>
      </c>
      <c r="G74791" s="16">
        <v>2.5191656112480758</v>
      </c>
    </row>
    <row r="74792" spans="1:7" x14ac:dyDescent="0.3">
      <c r="A74792" s="13" t="s">
        <v>383</v>
      </c>
      <c r="B74792" s="14" t="s">
        <v>1</v>
      </c>
      <c r="C74792" s="14" t="s">
        <v>70</v>
      </c>
      <c r="D74792" s="14" t="s">
        <v>384</v>
      </c>
      <c r="E74792" s="15">
        <v>45708</v>
      </c>
      <c r="F74792" s="14" t="s">
        <v>25</v>
      </c>
      <c r="G74792" s="16">
        <v>2.5036478442244592</v>
      </c>
    </row>
    <row r="74793" spans="1:7" x14ac:dyDescent="0.3">
      <c r="A74793" s="13" t="s">
        <v>383</v>
      </c>
      <c r="B74793" s="14" t="s">
        <v>1</v>
      </c>
      <c r="C74793" s="14" t="s">
        <v>70</v>
      </c>
      <c r="D74793" s="14" t="s">
        <v>384</v>
      </c>
      <c r="E74793" s="15">
        <v>45709</v>
      </c>
      <c r="F74793" s="14" t="s">
        <v>25</v>
      </c>
      <c r="G74793" s="16">
        <v>2.5078093071433383</v>
      </c>
    </row>
    <row r="74794" spans="1:7" x14ac:dyDescent="0.3">
      <c r="A74794" s="13" t="s">
        <v>383</v>
      </c>
      <c r="B74794" s="14" t="s">
        <v>1</v>
      </c>
      <c r="C74794" s="14" t="s">
        <v>70</v>
      </c>
      <c r="D74794" s="14" t="s">
        <v>384</v>
      </c>
      <c r="E74794" s="15">
        <v>45710</v>
      </c>
      <c r="F74794" s="14" t="s">
        <v>25</v>
      </c>
      <c r="G74794" s="16">
        <v>2.5078093071433383</v>
      </c>
    </row>
    <row r="74795" spans="1:7" x14ac:dyDescent="0.3">
      <c r="A74795" s="13" t="s">
        <v>383</v>
      </c>
      <c r="B74795" s="14" t="s">
        <v>1</v>
      </c>
      <c r="C74795" s="14" t="s">
        <v>70</v>
      </c>
      <c r="D74795" s="14" t="s">
        <v>384</v>
      </c>
      <c r="E74795" s="15">
        <v>45711</v>
      </c>
      <c r="F74795" s="14" t="s">
        <v>25</v>
      </c>
      <c r="G74795" s="16">
        <v>2.5078093071433383</v>
      </c>
    </row>
    <row r="74796" spans="1:7" x14ac:dyDescent="0.3">
      <c r="A74796" s="13" t="s">
        <v>383</v>
      </c>
      <c r="B74796" s="14" t="s">
        <v>1</v>
      </c>
      <c r="C74796" s="14" t="s">
        <v>70</v>
      </c>
      <c r="D74796" s="14" t="s">
        <v>384</v>
      </c>
      <c r="E74796" s="15">
        <v>45712</v>
      </c>
      <c r="F74796" s="14" t="s">
        <v>25</v>
      </c>
      <c r="G74796" s="16">
        <v>2.5086806101860515</v>
      </c>
    </row>
    <row r="74797" spans="1:7" x14ac:dyDescent="0.3">
      <c r="A74797" s="13" t="s">
        <v>383</v>
      </c>
      <c r="B74797" s="14" t="s">
        <v>1</v>
      </c>
      <c r="C74797" s="14" t="s">
        <v>70</v>
      </c>
      <c r="D74797" s="14" t="s">
        <v>384</v>
      </c>
      <c r="E74797" s="15">
        <v>45713</v>
      </c>
      <c r="F74797" s="14" t="s">
        <v>25</v>
      </c>
      <c r="G74797" s="16">
        <v>2.5078830230821421</v>
      </c>
    </row>
    <row r="74798" spans="1:7" x14ac:dyDescent="0.3">
      <c r="A74798" s="13" t="s">
        <v>383</v>
      </c>
      <c r="B74798" s="14" t="s">
        <v>1</v>
      </c>
      <c r="C74798" s="14" t="s">
        <v>70</v>
      </c>
      <c r="D74798" s="14" t="s">
        <v>384</v>
      </c>
      <c r="E74798" s="15">
        <v>45714</v>
      </c>
      <c r="F74798" s="14" t="s">
        <v>25</v>
      </c>
      <c r="G74798" s="16">
        <v>2.5162470301236359</v>
      </c>
    </row>
    <row r="74799" spans="1:7" x14ac:dyDescent="0.3">
      <c r="A74799" s="13" t="s">
        <v>383</v>
      </c>
      <c r="B74799" s="14" t="s">
        <v>1</v>
      </c>
      <c r="C74799" s="14" t="s">
        <v>70</v>
      </c>
      <c r="D74799" s="14" t="s">
        <v>384</v>
      </c>
      <c r="E74799" s="15">
        <v>45715</v>
      </c>
      <c r="F74799" s="14" t="s">
        <v>25</v>
      </c>
      <c r="G74799" s="16">
        <v>2.5344000166746432</v>
      </c>
    </row>
    <row r="74800" spans="1:7" x14ac:dyDescent="0.3">
      <c r="A74800" s="13" t="s">
        <v>383</v>
      </c>
      <c r="B74800" s="14" t="s">
        <v>1</v>
      </c>
      <c r="C74800" s="14" t="s">
        <v>70</v>
      </c>
      <c r="D74800" s="14" t="s">
        <v>384</v>
      </c>
      <c r="E74800" s="15">
        <v>45716</v>
      </c>
      <c r="F74800" s="14" t="s">
        <v>25</v>
      </c>
      <c r="G74800" s="16">
        <v>2.5528020858467015</v>
      </c>
    </row>
    <row r="74801" spans="1:7" x14ac:dyDescent="0.3">
      <c r="A74801" s="13" t="s">
        <v>383</v>
      </c>
      <c r="B74801" s="14" t="s">
        <v>1</v>
      </c>
      <c r="C74801" s="14" t="s">
        <v>70</v>
      </c>
      <c r="D74801" s="14" t="s">
        <v>384</v>
      </c>
      <c r="E74801" s="15">
        <v>45717</v>
      </c>
      <c r="F74801" s="14" t="s">
        <v>25</v>
      </c>
      <c r="G74801" s="16">
        <v>2.5528020858467015</v>
      </c>
    </row>
    <row r="74802" spans="1:7" x14ac:dyDescent="0.3">
      <c r="A74802" s="13" t="s">
        <v>383</v>
      </c>
      <c r="B74802" s="14" t="s">
        <v>1</v>
      </c>
      <c r="C74802" s="14" t="s">
        <v>70</v>
      </c>
      <c r="D74802" s="14" t="s">
        <v>384</v>
      </c>
      <c r="E74802" s="15">
        <v>45718</v>
      </c>
      <c r="F74802" s="14" t="s">
        <v>25</v>
      </c>
      <c r="G74802" s="16">
        <v>2.5528020858467015</v>
      </c>
    </row>
    <row r="74803" spans="1:7" x14ac:dyDescent="0.3">
      <c r="A74803" s="13" t="s">
        <v>383</v>
      </c>
      <c r="B74803" s="14" t="s">
        <v>1</v>
      </c>
      <c r="C74803" s="14" t="s">
        <v>70</v>
      </c>
      <c r="D74803" s="14" t="s">
        <v>384</v>
      </c>
      <c r="E74803" s="15">
        <v>45719</v>
      </c>
      <c r="F74803" s="14" t="s">
        <v>25</v>
      </c>
      <c r="G74803" s="16">
        <v>2.5602125794155102</v>
      </c>
    </row>
    <row r="74804" spans="1:7" x14ac:dyDescent="0.3">
      <c r="A74804" s="13" t="s">
        <v>383</v>
      </c>
      <c r="B74804" s="14" t="s">
        <v>1</v>
      </c>
      <c r="C74804" s="14" t="s">
        <v>70</v>
      </c>
      <c r="D74804" s="14" t="s">
        <v>384</v>
      </c>
      <c r="E74804" s="15">
        <v>45720</v>
      </c>
      <c r="F74804" s="14" t="s">
        <v>25</v>
      </c>
      <c r="G74804" s="16">
        <v>2.5511929764680974</v>
      </c>
    </row>
    <row r="74805" spans="1:7" x14ac:dyDescent="0.3">
      <c r="A74805" s="13" t="s">
        <v>383</v>
      </c>
      <c r="B74805" s="14" t="s">
        <v>1</v>
      </c>
      <c r="C74805" s="14" t="s">
        <v>70</v>
      </c>
      <c r="D74805" s="14" t="s">
        <v>384</v>
      </c>
      <c r="E74805" s="15">
        <v>45721</v>
      </c>
      <c r="F74805" s="14" t="s">
        <v>25</v>
      </c>
      <c r="G74805" s="16">
        <v>2.5573844924984139</v>
      </c>
    </row>
    <row r="74806" spans="1:7" x14ac:dyDescent="0.3">
      <c r="A74806" s="13" t="s">
        <v>383</v>
      </c>
      <c r="B74806" s="14" t="s">
        <v>1</v>
      </c>
      <c r="C74806" s="14" t="s">
        <v>70</v>
      </c>
      <c r="D74806" s="14" t="s">
        <v>384</v>
      </c>
      <c r="E74806" s="15">
        <v>45722</v>
      </c>
      <c r="F74806" s="14" t="s">
        <v>25</v>
      </c>
      <c r="G74806" s="16">
        <v>2.5427623542994482</v>
      </c>
    </row>
    <row r="74807" spans="1:7" x14ac:dyDescent="0.3">
      <c r="A74807" s="13" t="s">
        <v>383</v>
      </c>
      <c r="B74807" s="14" t="s">
        <v>1</v>
      </c>
      <c r="C74807" s="14" t="s">
        <v>70</v>
      </c>
      <c r="D74807" s="14" t="s">
        <v>384</v>
      </c>
      <c r="E74807" s="15">
        <v>45723</v>
      </c>
      <c r="F74807" s="14" t="s">
        <v>25</v>
      </c>
      <c r="G74807" s="16">
        <v>2.5737744603885</v>
      </c>
    </row>
    <row r="74808" spans="1:7" x14ac:dyDescent="0.3">
      <c r="A74808" s="13" t="s">
        <v>383</v>
      </c>
      <c r="B74808" s="14" t="s">
        <v>1</v>
      </c>
      <c r="C74808" s="14" t="s">
        <v>70</v>
      </c>
      <c r="D74808" s="14" t="s">
        <v>384</v>
      </c>
      <c r="E74808" s="15">
        <v>45724</v>
      </c>
      <c r="F74808" s="14" t="s">
        <v>25</v>
      </c>
      <c r="G74808" s="16">
        <v>2.5737744603885</v>
      </c>
    </row>
    <row r="74809" spans="1:7" x14ac:dyDescent="0.3">
      <c r="A74809" s="13" t="s">
        <v>383</v>
      </c>
      <c r="B74809" s="14" t="s">
        <v>1</v>
      </c>
      <c r="C74809" s="14" t="s">
        <v>70</v>
      </c>
      <c r="D74809" s="14" t="s">
        <v>384</v>
      </c>
      <c r="E74809" s="15">
        <v>45725</v>
      </c>
      <c r="F74809" s="14" t="s">
        <v>25</v>
      </c>
      <c r="G74809" s="16">
        <v>2.5737744603885</v>
      </c>
    </row>
    <row r="74810" spans="1:7" x14ac:dyDescent="0.3">
      <c r="A74810" s="13" t="s">
        <v>383</v>
      </c>
      <c r="B74810" s="14" t="s">
        <v>1</v>
      </c>
      <c r="C74810" s="14" t="s">
        <v>70</v>
      </c>
      <c r="D74810" s="14" t="s">
        <v>384</v>
      </c>
      <c r="E74810" s="15">
        <v>45726</v>
      </c>
      <c r="F74810" s="14" t="s">
        <v>25</v>
      </c>
      <c r="G74810" s="16">
        <v>2.584988925046185</v>
      </c>
    </row>
    <row r="74811" spans="1:7" x14ac:dyDescent="0.3">
      <c r="A74811" s="13" t="s">
        <v>383</v>
      </c>
      <c r="B74811" s="14" t="s">
        <v>1</v>
      </c>
      <c r="C74811" s="14" t="s">
        <v>70</v>
      </c>
      <c r="D74811" s="14" t="s">
        <v>384</v>
      </c>
      <c r="E74811" s="15">
        <v>45727</v>
      </c>
      <c r="F74811" s="14" t="s">
        <v>25</v>
      </c>
      <c r="G74811" s="16">
        <v>2.6031332557978164</v>
      </c>
    </row>
    <row r="74812" spans="1:7" x14ac:dyDescent="0.3">
      <c r="A74812" s="13" t="s">
        <v>383</v>
      </c>
      <c r="B74812" s="14" t="s">
        <v>1</v>
      </c>
      <c r="C74812" s="14" t="s">
        <v>70</v>
      </c>
      <c r="D74812" s="14" t="s">
        <v>384</v>
      </c>
      <c r="E74812" s="15">
        <v>45728</v>
      </c>
      <c r="F74812" s="14" t="s">
        <v>25</v>
      </c>
      <c r="G74812" s="16">
        <v>2.6148393812678798</v>
      </c>
    </row>
    <row r="74813" spans="1:7" x14ac:dyDescent="0.3">
      <c r="A74813" s="13" t="s">
        <v>383</v>
      </c>
      <c r="B74813" s="14" t="s">
        <v>1</v>
      </c>
      <c r="C74813" s="14" t="s">
        <v>70</v>
      </c>
      <c r="D74813" s="14" t="s">
        <v>384</v>
      </c>
      <c r="E74813" s="15">
        <v>45729</v>
      </c>
      <c r="F74813" s="14" t="s">
        <v>25</v>
      </c>
      <c r="G74813" s="16">
        <v>2.6187155976399339</v>
      </c>
    </row>
    <row r="74814" spans="1:7" x14ac:dyDescent="0.3">
      <c r="A74814" s="13" t="s">
        <v>383</v>
      </c>
      <c r="B74814" s="14" t="s">
        <v>1</v>
      </c>
      <c r="C74814" s="14" t="s">
        <v>70</v>
      </c>
      <c r="D74814" s="14" t="s">
        <v>384</v>
      </c>
      <c r="E74814" s="15">
        <v>45730</v>
      </c>
      <c r="F74814" s="14" t="s">
        <v>25</v>
      </c>
      <c r="G74814" s="16">
        <v>2.6404479446566964</v>
      </c>
    </row>
    <row r="74815" spans="1:7" x14ac:dyDescent="0.3">
      <c r="A74815" s="13" t="s">
        <v>383</v>
      </c>
      <c r="B74815" s="14" t="s">
        <v>1</v>
      </c>
      <c r="C74815" s="14" t="s">
        <v>70</v>
      </c>
      <c r="D74815" s="14" t="s">
        <v>384</v>
      </c>
      <c r="E74815" s="15">
        <v>45731</v>
      </c>
      <c r="F74815" s="14" t="s">
        <v>25</v>
      </c>
      <c r="G74815" s="16">
        <v>2.6404479446566964</v>
      </c>
    </row>
    <row r="74816" spans="1:7" x14ac:dyDescent="0.3">
      <c r="A74816" s="13" t="s">
        <v>383</v>
      </c>
      <c r="B74816" s="14" t="s">
        <v>1</v>
      </c>
      <c r="C74816" s="14" t="s">
        <v>70</v>
      </c>
      <c r="D74816" s="14" t="s">
        <v>384</v>
      </c>
      <c r="E74816" s="15">
        <v>45732</v>
      </c>
      <c r="F74816" s="14" t="s">
        <v>25</v>
      </c>
      <c r="G74816" s="16">
        <v>2.6404479446566964</v>
      </c>
    </row>
    <row r="74817" spans="1:7" x14ac:dyDescent="0.3">
      <c r="A74817" s="13" t="s">
        <v>383</v>
      </c>
      <c r="B74817" s="14" t="s">
        <v>1</v>
      </c>
      <c r="C74817" s="14" t="s">
        <v>70</v>
      </c>
      <c r="D74817" s="14" t="s">
        <v>384</v>
      </c>
      <c r="E74817" s="15">
        <v>45733</v>
      </c>
      <c r="F74817" s="14" t="s">
        <v>25</v>
      </c>
      <c r="G74817" s="16">
        <v>2.6404479446566964</v>
      </c>
    </row>
    <row r="74818" spans="1:7" x14ac:dyDescent="0.3">
      <c r="A74818" s="13" t="s">
        <v>383</v>
      </c>
      <c r="B74818" s="14" t="s">
        <v>1</v>
      </c>
      <c r="C74818" s="14" t="s">
        <v>70</v>
      </c>
      <c r="D74818" s="14" t="s">
        <v>384</v>
      </c>
      <c r="E74818" s="15">
        <v>45734</v>
      </c>
      <c r="F74818" s="14" t="s">
        <v>25</v>
      </c>
      <c r="G74818" s="16">
        <v>2.6233872291840159</v>
      </c>
    </row>
    <row r="74819" spans="1:7" x14ac:dyDescent="0.3">
      <c r="A74819" s="13" t="s">
        <v>383</v>
      </c>
      <c r="B74819" s="14" t="s">
        <v>1</v>
      </c>
      <c r="C74819" s="14" t="s">
        <v>70</v>
      </c>
      <c r="D74819" s="14" t="s">
        <v>384</v>
      </c>
      <c r="E74819" s="15">
        <v>45735</v>
      </c>
      <c r="F74819" s="14" t="s">
        <v>25</v>
      </c>
      <c r="G74819" s="16">
        <v>2.6470019077813247</v>
      </c>
    </row>
    <row r="74820" spans="1:7" x14ac:dyDescent="0.3">
      <c r="A74820" s="13" t="s">
        <v>383</v>
      </c>
      <c r="B74820" s="14" t="s">
        <v>1</v>
      </c>
      <c r="C74820" s="14" t="s">
        <v>70</v>
      </c>
      <c r="D74820" s="14" t="s">
        <v>384</v>
      </c>
      <c r="E74820" s="15">
        <v>45736</v>
      </c>
      <c r="F74820" s="14" t="s">
        <v>25</v>
      </c>
      <c r="G74820" s="16">
        <v>2.6646506457094135</v>
      </c>
    </row>
    <row r="74821" spans="1:7" x14ac:dyDescent="0.3">
      <c r="A74821" s="13" t="s">
        <v>383</v>
      </c>
      <c r="B74821" s="14" t="s">
        <v>1</v>
      </c>
      <c r="C74821" s="14" t="s">
        <v>70</v>
      </c>
      <c r="D74821" s="14" t="s">
        <v>384</v>
      </c>
      <c r="E74821" s="15">
        <v>45737</v>
      </c>
      <c r="F74821" s="14" t="s">
        <v>25</v>
      </c>
      <c r="G74821" s="16">
        <v>2.6714290150475244</v>
      </c>
    </row>
    <row r="74822" spans="1:7" x14ac:dyDescent="0.3">
      <c r="A74822" s="13" t="s">
        <v>383</v>
      </c>
      <c r="B74822" s="14" t="s">
        <v>1</v>
      </c>
      <c r="C74822" s="14" t="s">
        <v>70</v>
      </c>
      <c r="D74822" s="14" t="s">
        <v>384</v>
      </c>
      <c r="E74822" s="15">
        <v>45738</v>
      </c>
      <c r="F74822" s="14" t="s">
        <v>25</v>
      </c>
      <c r="G74822" s="16">
        <v>2.6714290150475244</v>
      </c>
    </row>
    <row r="74823" spans="1:7" x14ac:dyDescent="0.3">
      <c r="A74823" s="13" t="s">
        <v>383</v>
      </c>
      <c r="B74823" s="14" t="s">
        <v>1</v>
      </c>
      <c r="C74823" s="14" t="s">
        <v>70</v>
      </c>
      <c r="D74823" s="14" t="s">
        <v>384</v>
      </c>
      <c r="E74823" s="15">
        <v>45739</v>
      </c>
      <c r="F74823" s="14" t="s">
        <v>25</v>
      </c>
      <c r="G74823" s="16">
        <v>2.6714290150475244</v>
      </c>
    </row>
    <row r="74824" spans="1:7" x14ac:dyDescent="0.3">
      <c r="A74824" s="13" t="s">
        <v>383</v>
      </c>
      <c r="B74824" s="14" t="s">
        <v>1</v>
      </c>
      <c r="C74824" s="14" t="s">
        <v>70</v>
      </c>
      <c r="D74824" s="14" t="s">
        <v>384</v>
      </c>
      <c r="E74824" s="15">
        <v>45740</v>
      </c>
      <c r="F74824" s="14" t="s">
        <v>25</v>
      </c>
      <c r="G74824" s="16">
        <v>2.6743211316180622</v>
      </c>
    </row>
    <row r="74825" spans="1:7" x14ac:dyDescent="0.3">
      <c r="A74825" s="13" t="s">
        <v>383</v>
      </c>
      <c r="B74825" s="14" t="s">
        <v>1</v>
      </c>
      <c r="C74825" s="14" t="s">
        <v>70</v>
      </c>
      <c r="D74825" s="14" t="s">
        <v>384</v>
      </c>
      <c r="E74825" s="15">
        <v>45741</v>
      </c>
      <c r="F74825" s="14" t="s">
        <v>25</v>
      </c>
      <c r="G74825" s="16">
        <v>2.6836376502810375</v>
      </c>
    </row>
    <row r="74826" spans="1:7" x14ac:dyDescent="0.3">
      <c r="A74826" s="13" t="s">
        <v>383</v>
      </c>
      <c r="B74826" s="14" t="s">
        <v>1</v>
      </c>
      <c r="C74826" s="14" t="s">
        <v>70</v>
      </c>
      <c r="D74826" s="14" t="s">
        <v>384</v>
      </c>
      <c r="E74826" s="15">
        <v>45742</v>
      </c>
      <c r="F74826" s="14" t="s">
        <v>25</v>
      </c>
      <c r="G74826" s="16">
        <v>2.6901106763266758</v>
      </c>
    </row>
    <row r="74827" spans="1:7" x14ac:dyDescent="0.3">
      <c r="A74827" s="13" t="s">
        <v>383</v>
      </c>
      <c r="B74827" s="14" t="s">
        <v>1</v>
      </c>
      <c r="C74827" s="14" t="s">
        <v>70</v>
      </c>
      <c r="D74827" s="14" t="s">
        <v>384</v>
      </c>
      <c r="E74827" s="15">
        <v>45743</v>
      </c>
      <c r="F74827" s="14" t="s">
        <v>25</v>
      </c>
      <c r="G74827" s="16">
        <v>2.7008929214192925</v>
      </c>
    </row>
    <row r="74828" spans="1:7" x14ac:dyDescent="0.3">
      <c r="A74828" s="13" t="s">
        <v>383</v>
      </c>
      <c r="B74828" s="14" t="s">
        <v>1</v>
      </c>
      <c r="C74828" s="14" t="s">
        <v>70</v>
      </c>
      <c r="D74828" s="14" t="s">
        <v>384</v>
      </c>
      <c r="E74828" s="15">
        <v>45744</v>
      </c>
      <c r="F74828" s="14" t="s">
        <v>25</v>
      </c>
      <c r="G74828" s="16">
        <v>2.7877866277365833</v>
      </c>
    </row>
    <row r="74829" spans="1:7" x14ac:dyDescent="0.3">
      <c r="A74829" s="13" t="s">
        <v>383</v>
      </c>
      <c r="B74829" s="14" t="s">
        <v>1</v>
      </c>
      <c r="C74829" s="14" t="s">
        <v>70</v>
      </c>
      <c r="D74829" s="14" t="s">
        <v>384</v>
      </c>
      <c r="E74829" s="15">
        <v>45745</v>
      </c>
      <c r="F74829" s="14" t="s">
        <v>25</v>
      </c>
      <c r="G74829" s="16">
        <v>2.7877866277365833</v>
      </c>
    </row>
    <row r="74830" spans="1:7" x14ac:dyDescent="0.3">
      <c r="A74830" s="13" t="s">
        <v>383</v>
      </c>
      <c r="B74830" s="14" t="s">
        <v>1</v>
      </c>
      <c r="C74830" s="14" t="s">
        <v>70</v>
      </c>
      <c r="D74830" s="14" t="s">
        <v>384</v>
      </c>
      <c r="E74830" s="15">
        <v>45746</v>
      </c>
      <c r="F74830" s="14" t="s">
        <v>25</v>
      </c>
      <c r="G74830" s="16">
        <v>2.7877866277365833</v>
      </c>
    </row>
    <row r="74831" spans="1:7" x14ac:dyDescent="0.3">
      <c r="A74831" s="13" t="s">
        <v>383</v>
      </c>
      <c r="B74831" s="14" t="s">
        <v>1</v>
      </c>
      <c r="C74831" s="14" t="s">
        <v>70</v>
      </c>
      <c r="D74831" s="14" t="s">
        <v>384</v>
      </c>
      <c r="E74831" s="15">
        <v>45747</v>
      </c>
      <c r="F74831" s="14" t="s">
        <v>25</v>
      </c>
      <c r="G74831" s="16">
        <v>2.8453552801038198</v>
      </c>
    </row>
    <row r="74832" spans="1:7" x14ac:dyDescent="0.3">
      <c r="A74832" s="13" t="s">
        <v>385</v>
      </c>
      <c r="B74832" s="14" t="s">
        <v>1</v>
      </c>
      <c r="C74832" s="14" t="s">
        <v>109</v>
      </c>
      <c r="D74832" s="14" t="s">
        <v>269</v>
      </c>
      <c r="E74832" s="15">
        <v>45383</v>
      </c>
      <c r="F74832" s="14" t="s">
        <v>53</v>
      </c>
      <c r="G74832" s="16">
        <v>0</v>
      </c>
    </row>
    <row r="74833" spans="1:7" x14ac:dyDescent="0.3">
      <c r="A74833" s="13" t="s">
        <v>385</v>
      </c>
      <c r="B74833" s="14" t="s">
        <v>1</v>
      </c>
      <c r="C74833" s="14" t="s">
        <v>109</v>
      </c>
      <c r="D74833" s="14" t="s">
        <v>269</v>
      </c>
      <c r="E74833" s="15">
        <v>45384</v>
      </c>
      <c r="F74833" s="14" t="s">
        <v>53</v>
      </c>
      <c r="G74833" s="16">
        <v>0</v>
      </c>
    </row>
    <row r="74834" spans="1:7" x14ac:dyDescent="0.3">
      <c r="A74834" s="13" t="s">
        <v>385</v>
      </c>
      <c r="B74834" s="14" t="s">
        <v>1</v>
      </c>
      <c r="C74834" s="14" t="s">
        <v>109</v>
      </c>
      <c r="D74834" s="14" t="s">
        <v>269</v>
      </c>
      <c r="E74834" s="15">
        <v>45385</v>
      </c>
      <c r="F74834" s="14" t="s">
        <v>53</v>
      </c>
      <c r="G74834" s="16">
        <v>0</v>
      </c>
    </row>
    <row r="74835" spans="1:7" x14ac:dyDescent="0.3">
      <c r="A74835" s="13" t="s">
        <v>385</v>
      </c>
      <c r="B74835" s="14" t="s">
        <v>1</v>
      </c>
      <c r="C74835" s="14" t="s">
        <v>109</v>
      </c>
      <c r="D74835" s="14" t="s">
        <v>269</v>
      </c>
      <c r="E74835" s="15">
        <v>45386</v>
      </c>
      <c r="F74835" s="14" t="s">
        <v>53</v>
      </c>
      <c r="G74835" s="16">
        <v>0</v>
      </c>
    </row>
    <row r="74836" spans="1:7" x14ac:dyDescent="0.3">
      <c r="A74836" s="13" t="s">
        <v>385</v>
      </c>
      <c r="B74836" s="14" t="s">
        <v>1</v>
      </c>
      <c r="C74836" s="14" t="s">
        <v>109</v>
      </c>
      <c r="D74836" s="14" t="s">
        <v>269</v>
      </c>
      <c r="E74836" s="15">
        <v>45387</v>
      </c>
      <c r="F74836" s="14" t="s">
        <v>53</v>
      </c>
      <c r="G74836" s="16">
        <v>0</v>
      </c>
    </row>
    <row r="74837" spans="1:7" x14ac:dyDescent="0.3">
      <c r="A74837" s="13" t="s">
        <v>385</v>
      </c>
      <c r="B74837" s="14" t="s">
        <v>1</v>
      </c>
      <c r="C74837" s="14" t="s">
        <v>109</v>
      </c>
      <c r="D74837" s="14" t="s">
        <v>269</v>
      </c>
      <c r="E74837" s="15">
        <v>45388</v>
      </c>
      <c r="F74837" s="14" t="s">
        <v>53</v>
      </c>
      <c r="G74837" s="16">
        <v>0</v>
      </c>
    </row>
    <row r="74838" spans="1:7" x14ac:dyDescent="0.3">
      <c r="A74838" s="13" t="s">
        <v>385</v>
      </c>
      <c r="B74838" s="14" t="s">
        <v>1</v>
      </c>
      <c r="C74838" s="14" t="s">
        <v>109</v>
      </c>
      <c r="D74838" s="14" t="s">
        <v>269</v>
      </c>
      <c r="E74838" s="15">
        <v>45389</v>
      </c>
      <c r="F74838" s="14" t="s">
        <v>53</v>
      </c>
      <c r="G74838" s="16">
        <v>0</v>
      </c>
    </row>
    <row r="74839" spans="1:7" x14ac:dyDescent="0.3">
      <c r="A74839" s="13" t="s">
        <v>385</v>
      </c>
      <c r="B74839" s="14" t="s">
        <v>1</v>
      </c>
      <c r="C74839" s="14" t="s">
        <v>109</v>
      </c>
      <c r="D74839" s="14" t="s">
        <v>269</v>
      </c>
      <c r="E74839" s="15">
        <v>45390</v>
      </c>
      <c r="F74839" s="14" t="s">
        <v>53</v>
      </c>
      <c r="G74839" s="16">
        <v>0</v>
      </c>
    </row>
    <row r="74840" spans="1:7" x14ac:dyDescent="0.3">
      <c r="A74840" s="13" t="s">
        <v>385</v>
      </c>
      <c r="B74840" s="14" t="s">
        <v>1</v>
      </c>
      <c r="C74840" s="14" t="s">
        <v>109</v>
      </c>
      <c r="D74840" s="14" t="s">
        <v>269</v>
      </c>
      <c r="E74840" s="15">
        <v>45391</v>
      </c>
      <c r="F74840" s="14" t="s">
        <v>53</v>
      </c>
      <c r="G74840" s="16">
        <v>0</v>
      </c>
    </row>
    <row r="74841" spans="1:7" x14ac:dyDescent="0.3">
      <c r="A74841" s="13" t="s">
        <v>385</v>
      </c>
      <c r="B74841" s="14" t="s">
        <v>1</v>
      </c>
      <c r="C74841" s="14" t="s">
        <v>109</v>
      </c>
      <c r="D74841" s="14" t="s">
        <v>269</v>
      </c>
      <c r="E74841" s="15">
        <v>45392</v>
      </c>
      <c r="F74841" s="14" t="s">
        <v>53</v>
      </c>
      <c r="G74841" s="16">
        <v>0</v>
      </c>
    </row>
    <row r="74842" spans="1:7" x14ac:dyDescent="0.3">
      <c r="A74842" s="13" t="s">
        <v>385</v>
      </c>
      <c r="B74842" s="14" t="s">
        <v>1</v>
      </c>
      <c r="C74842" s="14" t="s">
        <v>109</v>
      </c>
      <c r="D74842" s="14" t="s">
        <v>269</v>
      </c>
      <c r="E74842" s="15">
        <v>45393</v>
      </c>
      <c r="F74842" s="14" t="s">
        <v>53</v>
      </c>
      <c r="G74842" s="16">
        <v>0</v>
      </c>
    </row>
    <row r="74843" spans="1:7" x14ac:dyDescent="0.3">
      <c r="A74843" s="13" t="s">
        <v>385</v>
      </c>
      <c r="B74843" s="14" t="s">
        <v>1</v>
      </c>
      <c r="C74843" s="14" t="s">
        <v>109</v>
      </c>
      <c r="D74843" s="14" t="s">
        <v>269</v>
      </c>
      <c r="E74843" s="15">
        <v>45394</v>
      </c>
      <c r="F74843" s="14" t="s">
        <v>53</v>
      </c>
      <c r="G74843" s="16">
        <v>0</v>
      </c>
    </row>
    <row r="74844" spans="1:7" x14ac:dyDescent="0.3">
      <c r="A74844" s="13" t="s">
        <v>385</v>
      </c>
      <c r="B74844" s="14" t="s">
        <v>1</v>
      </c>
      <c r="C74844" s="14" t="s">
        <v>109</v>
      </c>
      <c r="D74844" s="14" t="s">
        <v>269</v>
      </c>
      <c r="E74844" s="15">
        <v>45395</v>
      </c>
      <c r="F74844" s="14" t="s">
        <v>53</v>
      </c>
      <c r="G74844" s="16">
        <v>0</v>
      </c>
    </row>
    <row r="74845" spans="1:7" x14ac:dyDescent="0.3">
      <c r="A74845" s="13" t="s">
        <v>385</v>
      </c>
      <c r="B74845" s="14" t="s">
        <v>1</v>
      </c>
      <c r="C74845" s="14" t="s">
        <v>109</v>
      </c>
      <c r="D74845" s="14" t="s">
        <v>269</v>
      </c>
      <c r="E74845" s="15">
        <v>45396</v>
      </c>
      <c r="F74845" s="14" t="s">
        <v>53</v>
      </c>
      <c r="G74845" s="16">
        <v>0</v>
      </c>
    </row>
    <row r="74846" spans="1:7" x14ac:dyDescent="0.3">
      <c r="A74846" s="13" t="s">
        <v>385</v>
      </c>
      <c r="B74846" s="14" t="s">
        <v>1</v>
      </c>
      <c r="C74846" s="14" t="s">
        <v>109</v>
      </c>
      <c r="D74846" s="14" t="s">
        <v>269</v>
      </c>
      <c r="E74846" s="15">
        <v>45397</v>
      </c>
      <c r="F74846" s="14" t="s">
        <v>53</v>
      </c>
      <c r="G74846" s="16">
        <v>0</v>
      </c>
    </row>
    <row r="74847" spans="1:7" x14ac:dyDescent="0.3">
      <c r="A74847" s="13" t="s">
        <v>385</v>
      </c>
      <c r="B74847" s="14" t="s">
        <v>1</v>
      </c>
      <c r="C74847" s="14" t="s">
        <v>109</v>
      </c>
      <c r="D74847" s="14" t="s">
        <v>269</v>
      </c>
      <c r="E74847" s="15">
        <v>45398</v>
      </c>
      <c r="F74847" s="14" t="s">
        <v>53</v>
      </c>
      <c r="G74847" s="16">
        <v>0</v>
      </c>
    </row>
    <row r="74848" spans="1:7" x14ac:dyDescent="0.3">
      <c r="A74848" s="13" t="s">
        <v>385</v>
      </c>
      <c r="B74848" s="14" t="s">
        <v>1</v>
      </c>
      <c r="C74848" s="14" t="s">
        <v>109</v>
      </c>
      <c r="D74848" s="14" t="s">
        <v>269</v>
      </c>
      <c r="E74848" s="15">
        <v>45399</v>
      </c>
      <c r="F74848" s="14" t="s">
        <v>53</v>
      </c>
      <c r="G74848" s="16">
        <v>0</v>
      </c>
    </row>
    <row r="74849" spans="1:7" x14ac:dyDescent="0.3">
      <c r="A74849" s="13" t="s">
        <v>385</v>
      </c>
      <c r="B74849" s="14" t="s">
        <v>1</v>
      </c>
      <c r="C74849" s="14" t="s">
        <v>109</v>
      </c>
      <c r="D74849" s="14" t="s">
        <v>269</v>
      </c>
      <c r="E74849" s="15">
        <v>45400</v>
      </c>
      <c r="F74849" s="14" t="s">
        <v>53</v>
      </c>
      <c r="G74849" s="16">
        <v>0</v>
      </c>
    </row>
    <row r="74850" spans="1:7" x14ac:dyDescent="0.3">
      <c r="A74850" s="13" t="s">
        <v>385</v>
      </c>
      <c r="B74850" s="14" t="s">
        <v>1</v>
      </c>
      <c r="C74850" s="14" t="s">
        <v>109</v>
      </c>
      <c r="D74850" s="14" t="s">
        <v>269</v>
      </c>
      <c r="E74850" s="15">
        <v>45401</v>
      </c>
      <c r="F74850" s="14" t="s">
        <v>53</v>
      </c>
      <c r="G74850" s="16">
        <v>0</v>
      </c>
    </row>
    <row r="74851" spans="1:7" x14ac:dyDescent="0.3">
      <c r="A74851" s="13" t="s">
        <v>385</v>
      </c>
      <c r="B74851" s="14" t="s">
        <v>1</v>
      </c>
      <c r="C74851" s="14" t="s">
        <v>109</v>
      </c>
      <c r="D74851" s="14" t="s">
        <v>269</v>
      </c>
      <c r="E74851" s="15">
        <v>45402</v>
      </c>
      <c r="F74851" s="14" t="s">
        <v>53</v>
      </c>
      <c r="G74851" s="16">
        <v>0</v>
      </c>
    </row>
    <row r="74852" spans="1:7" x14ac:dyDescent="0.3">
      <c r="A74852" s="13" t="s">
        <v>385</v>
      </c>
      <c r="B74852" s="14" t="s">
        <v>1</v>
      </c>
      <c r="C74852" s="14" t="s">
        <v>109</v>
      </c>
      <c r="D74852" s="14" t="s">
        <v>269</v>
      </c>
      <c r="E74852" s="15">
        <v>45403</v>
      </c>
      <c r="F74852" s="14" t="s">
        <v>53</v>
      </c>
      <c r="G74852" s="16">
        <v>0</v>
      </c>
    </row>
    <row r="74853" spans="1:7" x14ac:dyDescent="0.3">
      <c r="A74853" s="13" t="s">
        <v>385</v>
      </c>
      <c r="B74853" s="14" t="s">
        <v>1</v>
      </c>
      <c r="C74853" s="14" t="s">
        <v>109</v>
      </c>
      <c r="D74853" s="14" t="s">
        <v>269</v>
      </c>
      <c r="E74853" s="15">
        <v>45404</v>
      </c>
      <c r="F74853" s="14" t="s">
        <v>53</v>
      </c>
      <c r="G74853" s="16">
        <v>0</v>
      </c>
    </row>
    <row r="74854" spans="1:7" x14ac:dyDescent="0.3">
      <c r="A74854" s="13" t="s">
        <v>385</v>
      </c>
      <c r="B74854" s="14" t="s">
        <v>1</v>
      </c>
      <c r="C74854" s="14" t="s">
        <v>109</v>
      </c>
      <c r="D74854" s="14" t="s">
        <v>269</v>
      </c>
      <c r="E74854" s="15">
        <v>45405</v>
      </c>
      <c r="F74854" s="14" t="s">
        <v>53</v>
      </c>
      <c r="G74854" s="16">
        <v>0</v>
      </c>
    </row>
    <row r="74855" spans="1:7" x14ac:dyDescent="0.3">
      <c r="A74855" s="13" t="s">
        <v>385</v>
      </c>
      <c r="B74855" s="14" t="s">
        <v>1</v>
      </c>
      <c r="C74855" s="14" t="s">
        <v>109</v>
      </c>
      <c r="D74855" s="14" t="s">
        <v>269</v>
      </c>
      <c r="E74855" s="15">
        <v>45406</v>
      </c>
      <c r="F74855" s="14" t="s">
        <v>53</v>
      </c>
      <c r="G74855" s="16">
        <v>0</v>
      </c>
    </row>
    <row r="74856" spans="1:7" x14ac:dyDescent="0.3">
      <c r="A74856" s="13" t="s">
        <v>385</v>
      </c>
      <c r="B74856" s="14" t="s">
        <v>1</v>
      </c>
      <c r="C74856" s="14" t="s">
        <v>109</v>
      </c>
      <c r="D74856" s="14" t="s">
        <v>269</v>
      </c>
      <c r="E74856" s="15">
        <v>45407</v>
      </c>
      <c r="F74856" s="14" t="s">
        <v>53</v>
      </c>
      <c r="G74856" s="16">
        <v>0</v>
      </c>
    </row>
    <row r="74857" spans="1:7" x14ac:dyDescent="0.3">
      <c r="A74857" s="13" t="s">
        <v>385</v>
      </c>
      <c r="B74857" s="14" t="s">
        <v>1</v>
      </c>
      <c r="C74857" s="14" t="s">
        <v>109</v>
      </c>
      <c r="D74857" s="14" t="s">
        <v>269</v>
      </c>
      <c r="E74857" s="15">
        <v>45408</v>
      </c>
      <c r="F74857" s="14" t="s">
        <v>53</v>
      </c>
      <c r="G74857" s="16">
        <v>0</v>
      </c>
    </row>
    <row r="74858" spans="1:7" x14ac:dyDescent="0.3">
      <c r="A74858" s="13" t="s">
        <v>385</v>
      </c>
      <c r="B74858" s="14" t="s">
        <v>1</v>
      </c>
      <c r="C74858" s="14" t="s">
        <v>109</v>
      </c>
      <c r="D74858" s="14" t="s">
        <v>269</v>
      </c>
      <c r="E74858" s="15">
        <v>45409</v>
      </c>
      <c r="F74858" s="14" t="s">
        <v>53</v>
      </c>
      <c r="G74858" s="16">
        <v>0</v>
      </c>
    </row>
    <row r="74859" spans="1:7" x14ac:dyDescent="0.3">
      <c r="A74859" s="13" t="s">
        <v>385</v>
      </c>
      <c r="B74859" s="14" t="s">
        <v>1</v>
      </c>
      <c r="C74859" s="14" t="s">
        <v>109</v>
      </c>
      <c r="D74859" s="14" t="s">
        <v>269</v>
      </c>
      <c r="E74859" s="15">
        <v>45410</v>
      </c>
      <c r="F74859" s="14" t="s">
        <v>53</v>
      </c>
      <c r="G74859" s="16">
        <v>0</v>
      </c>
    </row>
    <row r="74860" spans="1:7" x14ac:dyDescent="0.3">
      <c r="A74860" s="13" t="s">
        <v>385</v>
      </c>
      <c r="B74860" s="14" t="s">
        <v>1</v>
      </c>
      <c r="C74860" s="14" t="s">
        <v>109</v>
      </c>
      <c r="D74860" s="14" t="s">
        <v>269</v>
      </c>
      <c r="E74860" s="15">
        <v>45411</v>
      </c>
      <c r="F74860" s="14" t="s">
        <v>53</v>
      </c>
      <c r="G74860" s="16">
        <v>0</v>
      </c>
    </row>
    <row r="74861" spans="1:7" x14ac:dyDescent="0.3">
      <c r="A74861" s="13" t="s">
        <v>385</v>
      </c>
      <c r="B74861" s="14" t="s">
        <v>1</v>
      </c>
      <c r="C74861" s="14" t="s">
        <v>109</v>
      </c>
      <c r="D74861" s="14" t="s">
        <v>269</v>
      </c>
      <c r="E74861" s="15">
        <v>45412</v>
      </c>
      <c r="F74861" s="14" t="s">
        <v>53</v>
      </c>
      <c r="G74861" s="16">
        <v>0</v>
      </c>
    </row>
    <row r="74862" spans="1:7" x14ac:dyDescent="0.3">
      <c r="A74862" s="13" t="s">
        <v>385</v>
      </c>
      <c r="B74862" s="14" t="s">
        <v>1</v>
      </c>
      <c r="C74862" s="14" t="s">
        <v>109</v>
      </c>
      <c r="D74862" s="14" t="s">
        <v>269</v>
      </c>
      <c r="E74862" s="15">
        <v>45413</v>
      </c>
      <c r="F74862" s="14" t="s">
        <v>53</v>
      </c>
      <c r="G74862" s="16">
        <v>0</v>
      </c>
    </row>
    <row r="74863" spans="1:7" x14ac:dyDescent="0.3">
      <c r="A74863" s="13" t="s">
        <v>385</v>
      </c>
      <c r="B74863" s="14" t="s">
        <v>1</v>
      </c>
      <c r="C74863" s="14" t="s">
        <v>109</v>
      </c>
      <c r="D74863" s="14" t="s">
        <v>269</v>
      </c>
      <c r="E74863" s="15">
        <v>45414</v>
      </c>
      <c r="F74863" s="14" t="s">
        <v>53</v>
      </c>
      <c r="G74863" s="16">
        <v>0</v>
      </c>
    </row>
    <row r="74864" spans="1:7" x14ac:dyDescent="0.3">
      <c r="A74864" s="13" t="s">
        <v>385</v>
      </c>
      <c r="B74864" s="14" t="s">
        <v>1</v>
      </c>
      <c r="C74864" s="14" t="s">
        <v>109</v>
      </c>
      <c r="D74864" s="14" t="s">
        <v>269</v>
      </c>
      <c r="E74864" s="15">
        <v>45415</v>
      </c>
      <c r="F74864" s="14" t="s">
        <v>53</v>
      </c>
      <c r="G74864" s="16">
        <v>0</v>
      </c>
    </row>
    <row r="74865" spans="1:7" x14ac:dyDescent="0.3">
      <c r="A74865" s="13" t="s">
        <v>385</v>
      </c>
      <c r="B74865" s="14" t="s">
        <v>1</v>
      </c>
      <c r="C74865" s="14" t="s">
        <v>109</v>
      </c>
      <c r="D74865" s="14" t="s">
        <v>269</v>
      </c>
      <c r="E74865" s="15">
        <v>45416</v>
      </c>
      <c r="F74865" s="14" t="s">
        <v>53</v>
      </c>
      <c r="G74865" s="16">
        <v>0</v>
      </c>
    </row>
    <row r="74866" spans="1:7" x14ac:dyDescent="0.3">
      <c r="A74866" s="13" t="s">
        <v>385</v>
      </c>
      <c r="B74866" s="14" t="s">
        <v>1</v>
      </c>
      <c r="C74866" s="14" t="s">
        <v>109</v>
      </c>
      <c r="D74866" s="14" t="s">
        <v>269</v>
      </c>
      <c r="E74866" s="15">
        <v>45417</v>
      </c>
      <c r="F74866" s="14" t="s">
        <v>53</v>
      </c>
      <c r="G74866" s="16">
        <v>0</v>
      </c>
    </row>
    <row r="74867" spans="1:7" x14ac:dyDescent="0.3">
      <c r="A74867" s="13" t="s">
        <v>385</v>
      </c>
      <c r="B74867" s="14" t="s">
        <v>1</v>
      </c>
      <c r="C74867" s="14" t="s">
        <v>109</v>
      </c>
      <c r="D74867" s="14" t="s">
        <v>269</v>
      </c>
      <c r="E74867" s="15">
        <v>45418</v>
      </c>
      <c r="F74867" s="14" t="s">
        <v>53</v>
      </c>
      <c r="G74867" s="16">
        <v>0</v>
      </c>
    </row>
    <row r="74868" spans="1:7" x14ac:dyDescent="0.3">
      <c r="A74868" s="13" t="s">
        <v>385</v>
      </c>
      <c r="B74868" s="14" t="s">
        <v>1</v>
      </c>
      <c r="C74868" s="14" t="s">
        <v>109</v>
      </c>
      <c r="D74868" s="14" t="s">
        <v>269</v>
      </c>
      <c r="E74868" s="15">
        <v>45419</v>
      </c>
      <c r="F74868" s="14" t="s">
        <v>53</v>
      </c>
      <c r="G74868" s="16">
        <v>0</v>
      </c>
    </row>
    <row r="74869" spans="1:7" x14ac:dyDescent="0.3">
      <c r="A74869" s="13" t="s">
        <v>385</v>
      </c>
      <c r="B74869" s="14" t="s">
        <v>1</v>
      </c>
      <c r="C74869" s="14" t="s">
        <v>109</v>
      </c>
      <c r="D74869" s="14" t="s">
        <v>269</v>
      </c>
      <c r="E74869" s="15">
        <v>45420</v>
      </c>
      <c r="F74869" s="14" t="s">
        <v>53</v>
      </c>
      <c r="G74869" s="16">
        <v>0</v>
      </c>
    </row>
    <row r="74870" spans="1:7" x14ac:dyDescent="0.3">
      <c r="A74870" s="13" t="s">
        <v>385</v>
      </c>
      <c r="B74870" s="14" t="s">
        <v>1</v>
      </c>
      <c r="C74870" s="14" t="s">
        <v>109</v>
      </c>
      <c r="D74870" s="14" t="s">
        <v>269</v>
      </c>
      <c r="E74870" s="15">
        <v>45421</v>
      </c>
      <c r="F74870" s="14" t="s">
        <v>53</v>
      </c>
      <c r="G74870" s="16">
        <v>0</v>
      </c>
    </row>
    <row r="74871" spans="1:7" x14ac:dyDescent="0.3">
      <c r="A74871" s="13" t="s">
        <v>385</v>
      </c>
      <c r="B74871" s="14" t="s">
        <v>1</v>
      </c>
      <c r="C74871" s="14" t="s">
        <v>109</v>
      </c>
      <c r="D74871" s="14" t="s">
        <v>269</v>
      </c>
      <c r="E74871" s="15">
        <v>45422</v>
      </c>
      <c r="F74871" s="14" t="s">
        <v>53</v>
      </c>
      <c r="G74871" s="16">
        <v>0</v>
      </c>
    </row>
    <row r="74872" spans="1:7" x14ac:dyDescent="0.3">
      <c r="A74872" s="13" t="s">
        <v>385</v>
      </c>
      <c r="B74872" s="14" t="s">
        <v>1</v>
      </c>
      <c r="C74872" s="14" t="s">
        <v>109</v>
      </c>
      <c r="D74872" s="14" t="s">
        <v>269</v>
      </c>
      <c r="E74872" s="15">
        <v>45423</v>
      </c>
      <c r="F74872" s="14" t="s">
        <v>53</v>
      </c>
      <c r="G74872" s="16">
        <v>0</v>
      </c>
    </row>
    <row r="74873" spans="1:7" x14ac:dyDescent="0.3">
      <c r="A74873" s="13" t="s">
        <v>385</v>
      </c>
      <c r="B74873" s="14" t="s">
        <v>1</v>
      </c>
      <c r="C74873" s="14" t="s">
        <v>109</v>
      </c>
      <c r="D74873" s="14" t="s">
        <v>269</v>
      </c>
      <c r="E74873" s="15">
        <v>45424</v>
      </c>
      <c r="F74873" s="14" t="s">
        <v>53</v>
      </c>
      <c r="G74873" s="16">
        <v>0</v>
      </c>
    </row>
    <row r="74874" spans="1:7" x14ac:dyDescent="0.3">
      <c r="A74874" s="13" t="s">
        <v>385</v>
      </c>
      <c r="B74874" s="14" t="s">
        <v>1</v>
      </c>
      <c r="C74874" s="14" t="s">
        <v>109</v>
      </c>
      <c r="D74874" s="14" t="s">
        <v>269</v>
      </c>
      <c r="E74874" s="15">
        <v>45425</v>
      </c>
      <c r="F74874" s="14" t="s">
        <v>53</v>
      </c>
      <c r="G74874" s="16">
        <v>0</v>
      </c>
    </row>
    <row r="74875" spans="1:7" x14ac:dyDescent="0.3">
      <c r="A74875" s="13" t="s">
        <v>385</v>
      </c>
      <c r="B74875" s="14" t="s">
        <v>1</v>
      </c>
      <c r="C74875" s="14" t="s">
        <v>109</v>
      </c>
      <c r="D74875" s="14" t="s">
        <v>269</v>
      </c>
      <c r="E74875" s="15">
        <v>45426</v>
      </c>
      <c r="F74875" s="14" t="s">
        <v>53</v>
      </c>
      <c r="G74875" s="16">
        <v>0</v>
      </c>
    </row>
    <row r="74876" spans="1:7" x14ac:dyDescent="0.3">
      <c r="A74876" s="13" t="s">
        <v>385</v>
      </c>
      <c r="B74876" s="14" t="s">
        <v>1</v>
      </c>
      <c r="C74876" s="14" t="s">
        <v>109</v>
      </c>
      <c r="D74876" s="14" t="s">
        <v>269</v>
      </c>
      <c r="E74876" s="15">
        <v>45427</v>
      </c>
      <c r="F74876" s="14" t="s">
        <v>53</v>
      </c>
      <c r="G74876" s="16">
        <v>0</v>
      </c>
    </row>
    <row r="74877" spans="1:7" x14ac:dyDescent="0.3">
      <c r="A74877" s="13" t="s">
        <v>385</v>
      </c>
      <c r="B74877" s="14" t="s">
        <v>1</v>
      </c>
      <c r="C74877" s="14" t="s">
        <v>109</v>
      </c>
      <c r="D74877" s="14" t="s">
        <v>269</v>
      </c>
      <c r="E74877" s="15">
        <v>45428</v>
      </c>
      <c r="F74877" s="14" t="s">
        <v>53</v>
      </c>
      <c r="G74877" s="16">
        <v>0</v>
      </c>
    </row>
    <row r="74878" spans="1:7" x14ac:dyDescent="0.3">
      <c r="A74878" s="13" t="s">
        <v>385</v>
      </c>
      <c r="B74878" s="14" t="s">
        <v>1</v>
      </c>
      <c r="C74878" s="14" t="s">
        <v>109</v>
      </c>
      <c r="D74878" s="14" t="s">
        <v>269</v>
      </c>
      <c r="E74878" s="15">
        <v>45429</v>
      </c>
      <c r="F74878" s="14" t="s">
        <v>53</v>
      </c>
      <c r="G74878" s="16">
        <v>0</v>
      </c>
    </row>
    <row r="74879" spans="1:7" x14ac:dyDescent="0.3">
      <c r="A74879" s="13" t="s">
        <v>385</v>
      </c>
      <c r="B74879" s="14" t="s">
        <v>1</v>
      </c>
      <c r="C74879" s="14" t="s">
        <v>109</v>
      </c>
      <c r="D74879" s="14" t="s">
        <v>269</v>
      </c>
      <c r="E74879" s="15">
        <v>45430</v>
      </c>
      <c r="F74879" s="14" t="s">
        <v>53</v>
      </c>
      <c r="G74879" s="16">
        <v>0</v>
      </c>
    </row>
    <row r="74880" spans="1:7" x14ac:dyDescent="0.3">
      <c r="A74880" s="13" t="s">
        <v>385</v>
      </c>
      <c r="B74880" s="14" t="s">
        <v>1</v>
      </c>
      <c r="C74880" s="14" t="s">
        <v>109</v>
      </c>
      <c r="D74880" s="14" t="s">
        <v>269</v>
      </c>
      <c r="E74880" s="15">
        <v>45431</v>
      </c>
      <c r="F74880" s="14" t="s">
        <v>53</v>
      </c>
      <c r="G74880" s="16">
        <v>0</v>
      </c>
    </row>
    <row r="74881" spans="1:7" x14ac:dyDescent="0.3">
      <c r="A74881" s="13" t="s">
        <v>385</v>
      </c>
      <c r="B74881" s="14" t="s">
        <v>1</v>
      </c>
      <c r="C74881" s="14" t="s">
        <v>109</v>
      </c>
      <c r="D74881" s="14" t="s">
        <v>269</v>
      </c>
      <c r="E74881" s="15">
        <v>45432</v>
      </c>
      <c r="F74881" s="14" t="s">
        <v>53</v>
      </c>
      <c r="G74881" s="16">
        <v>0</v>
      </c>
    </row>
    <row r="74882" spans="1:7" x14ac:dyDescent="0.3">
      <c r="A74882" s="13" t="s">
        <v>385</v>
      </c>
      <c r="B74882" s="14" t="s">
        <v>1</v>
      </c>
      <c r="C74882" s="14" t="s">
        <v>109</v>
      </c>
      <c r="D74882" s="14" t="s">
        <v>269</v>
      </c>
      <c r="E74882" s="15">
        <v>45433</v>
      </c>
      <c r="F74882" s="14" t="s">
        <v>53</v>
      </c>
      <c r="G74882" s="16">
        <v>0</v>
      </c>
    </row>
    <row r="74883" spans="1:7" x14ac:dyDescent="0.3">
      <c r="A74883" s="13" t="s">
        <v>385</v>
      </c>
      <c r="B74883" s="14" t="s">
        <v>1</v>
      </c>
      <c r="C74883" s="14" t="s">
        <v>109</v>
      </c>
      <c r="D74883" s="14" t="s">
        <v>269</v>
      </c>
      <c r="E74883" s="15">
        <v>45434</v>
      </c>
      <c r="F74883" s="14" t="s">
        <v>53</v>
      </c>
      <c r="G74883" s="16">
        <v>0</v>
      </c>
    </row>
    <row r="74884" spans="1:7" x14ac:dyDescent="0.3">
      <c r="A74884" s="13" t="s">
        <v>385</v>
      </c>
      <c r="B74884" s="14" t="s">
        <v>1</v>
      </c>
      <c r="C74884" s="14" t="s">
        <v>109</v>
      </c>
      <c r="D74884" s="14" t="s">
        <v>269</v>
      </c>
      <c r="E74884" s="15">
        <v>45435</v>
      </c>
      <c r="F74884" s="14" t="s">
        <v>53</v>
      </c>
      <c r="G74884" s="16">
        <v>0</v>
      </c>
    </row>
    <row r="74885" spans="1:7" x14ac:dyDescent="0.3">
      <c r="A74885" s="13" t="s">
        <v>385</v>
      </c>
      <c r="B74885" s="14" t="s">
        <v>1</v>
      </c>
      <c r="C74885" s="14" t="s">
        <v>109</v>
      </c>
      <c r="D74885" s="14" t="s">
        <v>269</v>
      </c>
      <c r="E74885" s="15">
        <v>45436</v>
      </c>
      <c r="F74885" s="14" t="s">
        <v>53</v>
      </c>
      <c r="G74885" s="16">
        <v>0</v>
      </c>
    </row>
    <row r="74886" spans="1:7" x14ac:dyDescent="0.3">
      <c r="A74886" s="13" t="s">
        <v>385</v>
      </c>
      <c r="B74886" s="14" t="s">
        <v>1</v>
      </c>
      <c r="C74886" s="14" t="s">
        <v>109</v>
      </c>
      <c r="D74886" s="14" t="s">
        <v>269</v>
      </c>
      <c r="E74886" s="15">
        <v>45437</v>
      </c>
      <c r="F74886" s="14" t="s">
        <v>53</v>
      </c>
      <c r="G74886" s="16">
        <v>0</v>
      </c>
    </row>
    <row r="74887" spans="1:7" x14ac:dyDescent="0.3">
      <c r="A74887" s="13" t="s">
        <v>385</v>
      </c>
      <c r="B74887" s="14" t="s">
        <v>1</v>
      </c>
      <c r="C74887" s="14" t="s">
        <v>109</v>
      </c>
      <c r="D74887" s="14" t="s">
        <v>269</v>
      </c>
      <c r="E74887" s="15">
        <v>45438</v>
      </c>
      <c r="F74887" s="14" t="s">
        <v>53</v>
      </c>
      <c r="G74887" s="16">
        <v>0</v>
      </c>
    </row>
    <row r="74888" spans="1:7" x14ac:dyDescent="0.3">
      <c r="A74888" s="13" t="s">
        <v>385</v>
      </c>
      <c r="B74888" s="14" t="s">
        <v>1</v>
      </c>
      <c r="C74888" s="14" t="s">
        <v>109</v>
      </c>
      <c r="D74888" s="14" t="s">
        <v>269</v>
      </c>
      <c r="E74888" s="15">
        <v>45439</v>
      </c>
      <c r="F74888" s="14" t="s">
        <v>53</v>
      </c>
      <c r="G74888" s="16">
        <v>0</v>
      </c>
    </row>
    <row r="74889" spans="1:7" x14ac:dyDescent="0.3">
      <c r="A74889" s="13" t="s">
        <v>385</v>
      </c>
      <c r="B74889" s="14" t="s">
        <v>1</v>
      </c>
      <c r="C74889" s="14" t="s">
        <v>109</v>
      </c>
      <c r="D74889" s="14" t="s">
        <v>269</v>
      </c>
      <c r="E74889" s="15">
        <v>45440</v>
      </c>
      <c r="F74889" s="14" t="s">
        <v>53</v>
      </c>
      <c r="G74889" s="16">
        <v>0</v>
      </c>
    </row>
    <row r="74890" spans="1:7" x14ac:dyDescent="0.3">
      <c r="A74890" s="13" t="s">
        <v>385</v>
      </c>
      <c r="B74890" s="14" t="s">
        <v>1</v>
      </c>
      <c r="C74890" s="14" t="s">
        <v>109</v>
      </c>
      <c r="D74890" s="14" t="s">
        <v>269</v>
      </c>
      <c r="E74890" s="15">
        <v>45441</v>
      </c>
      <c r="F74890" s="14" t="s">
        <v>53</v>
      </c>
      <c r="G74890" s="16">
        <v>0</v>
      </c>
    </row>
    <row r="74891" spans="1:7" x14ac:dyDescent="0.3">
      <c r="A74891" s="13" t="s">
        <v>385</v>
      </c>
      <c r="B74891" s="14" t="s">
        <v>1</v>
      </c>
      <c r="C74891" s="14" t="s">
        <v>109</v>
      </c>
      <c r="D74891" s="14" t="s">
        <v>269</v>
      </c>
      <c r="E74891" s="15">
        <v>45442</v>
      </c>
      <c r="F74891" s="14" t="s">
        <v>53</v>
      </c>
      <c r="G74891" s="16">
        <v>0</v>
      </c>
    </row>
    <row r="74892" spans="1:7" x14ac:dyDescent="0.3">
      <c r="A74892" s="13" t="s">
        <v>385</v>
      </c>
      <c r="B74892" s="14" t="s">
        <v>1</v>
      </c>
      <c r="C74892" s="14" t="s">
        <v>109</v>
      </c>
      <c r="D74892" s="14" t="s">
        <v>269</v>
      </c>
      <c r="E74892" s="15">
        <v>45443</v>
      </c>
      <c r="F74892" s="14" t="s">
        <v>53</v>
      </c>
      <c r="G74892" s="16">
        <v>0</v>
      </c>
    </row>
    <row r="74893" spans="1:7" x14ac:dyDescent="0.3">
      <c r="A74893" s="13" t="s">
        <v>385</v>
      </c>
      <c r="B74893" s="14" t="s">
        <v>1</v>
      </c>
      <c r="C74893" s="14" t="s">
        <v>109</v>
      </c>
      <c r="D74893" s="14" t="s">
        <v>269</v>
      </c>
      <c r="E74893" s="15">
        <v>45444</v>
      </c>
      <c r="F74893" s="14" t="s">
        <v>53</v>
      </c>
      <c r="G74893" s="16">
        <v>0</v>
      </c>
    </row>
    <row r="74894" spans="1:7" x14ac:dyDescent="0.3">
      <c r="A74894" s="13" t="s">
        <v>385</v>
      </c>
      <c r="B74894" s="14" t="s">
        <v>1</v>
      </c>
      <c r="C74894" s="14" t="s">
        <v>109</v>
      </c>
      <c r="D74894" s="14" t="s">
        <v>269</v>
      </c>
      <c r="E74894" s="15">
        <v>45445</v>
      </c>
      <c r="F74894" s="14" t="s">
        <v>53</v>
      </c>
      <c r="G74894" s="16">
        <v>0</v>
      </c>
    </row>
    <row r="74895" spans="1:7" x14ac:dyDescent="0.3">
      <c r="A74895" s="13" t="s">
        <v>385</v>
      </c>
      <c r="B74895" s="14" t="s">
        <v>1</v>
      </c>
      <c r="C74895" s="14" t="s">
        <v>109</v>
      </c>
      <c r="D74895" s="14" t="s">
        <v>269</v>
      </c>
      <c r="E74895" s="15">
        <v>45446</v>
      </c>
      <c r="F74895" s="14" t="s">
        <v>53</v>
      </c>
      <c r="G74895" s="16">
        <v>0</v>
      </c>
    </row>
    <row r="74896" spans="1:7" x14ac:dyDescent="0.3">
      <c r="A74896" s="13" t="s">
        <v>385</v>
      </c>
      <c r="B74896" s="14" t="s">
        <v>1</v>
      </c>
      <c r="C74896" s="14" t="s">
        <v>109</v>
      </c>
      <c r="D74896" s="14" t="s">
        <v>269</v>
      </c>
      <c r="E74896" s="15">
        <v>45447</v>
      </c>
      <c r="F74896" s="14" t="s">
        <v>53</v>
      </c>
      <c r="G74896" s="16">
        <v>0</v>
      </c>
    </row>
    <row r="74897" spans="1:7" x14ac:dyDescent="0.3">
      <c r="A74897" s="13" t="s">
        <v>385</v>
      </c>
      <c r="B74897" s="14" t="s">
        <v>1</v>
      </c>
      <c r="C74897" s="14" t="s">
        <v>109</v>
      </c>
      <c r="D74897" s="14" t="s">
        <v>269</v>
      </c>
      <c r="E74897" s="15">
        <v>45448</v>
      </c>
      <c r="F74897" s="14" t="s">
        <v>53</v>
      </c>
      <c r="G74897" s="16">
        <v>0</v>
      </c>
    </row>
    <row r="74898" spans="1:7" x14ac:dyDescent="0.3">
      <c r="A74898" s="13" t="s">
        <v>385</v>
      </c>
      <c r="B74898" s="14" t="s">
        <v>1</v>
      </c>
      <c r="C74898" s="14" t="s">
        <v>109</v>
      </c>
      <c r="D74898" s="14" t="s">
        <v>269</v>
      </c>
      <c r="E74898" s="15">
        <v>45449</v>
      </c>
      <c r="F74898" s="14" t="s">
        <v>53</v>
      </c>
      <c r="G74898" s="16">
        <v>0</v>
      </c>
    </row>
    <row r="74899" spans="1:7" x14ac:dyDescent="0.3">
      <c r="A74899" s="13" t="s">
        <v>385</v>
      </c>
      <c r="B74899" s="14" t="s">
        <v>1</v>
      </c>
      <c r="C74899" s="14" t="s">
        <v>109</v>
      </c>
      <c r="D74899" s="14" t="s">
        <v>269</v>
      </c>
      <c r="E74899" s="15">
        <v>45450</v>
      </c>
      <c r="F74899" s="14" t="s">
        <v>53</v>
      </c>
      <c r="G74899" s="16">
        <v>0</v>
      </c>
    </row>
    <row r="74900" spans="1:7" x14ac:dyDescent="0.3">
      <c r="A74900" s="13" t="s">
        <v>385</v>
      </c>
      <c r="B74900" s="14" t="s">
        <v>1</v>
      </c>
      <c r="C74900" s="14" t="s">
        <v>109</v>
      </c>
      <c r="D74900" s="14" t="s">
        <v>269</v>
      </c>
      <c r="E74900" s="15">
        <v>45451</v>
      </c>
      <c r="F74900" s="14" t="s">
        <v>53</v>
      </c>
      <c r="G74900" s="16">
        <v>0</v>
      </c>
    </row>
    <row r="74901" spans="1:7" x14ac:dyDescent="0.3">
      <c r="A74901" s="13" t="s">
        <v>385</v>
      </c>
      <c r="B74901" s="14" t="s">
        <v>1</v>
      </c>
      <c r="C74901" s="14" t="s">
        <v>109</v>
      </c>
      <c r="D74901" s="14" t="s">
        <v>269</v>
      </c>
      <c r="E74901" s="15">
        <v>45452</v>
      </c>
      <c r="F74901" s="14" t="s">
        <v>53</v>
      </c>
      <c r="G74901" s="16">
        <v>0</v>
      </c>
    </row>
    <row r="74902" spans="1:7" x14ac:dyDescent="0.3">
      <c r="A74902" s="13" t="s">
        <v>385</v>
      </c>
      <c r="B74902" s="14" t="s">
        <v>1</v>
      </c>
      <c r="C74902" s="14" t="s">
        <v>109</v>
      </c>
      <c r="D74902" s="14" t="s">
        <v>269</v>
      </c>
      <c r="E74902" s="15">
        <v>45453</v>
      </c>
      <c r="F74902" s="14" t="s">
        <v>53</v>
      </c>
      <c r="G74902" s="16">
        <v>0</v>
      </c>
    </row>
    <row r="74903" spans="1:7" x14ac:dyDescent="0.3">
      <c r="A74903" s="13" t="s">
        <v>385</v>
      </c>
      <c r="B74903" s="14" t="s">
        <v>1</v>
      </c>
      <c r="C74903" s="14" t="s">
        <v>109</v>
      </c>
      <c r="D74903" s="14" t="s">
        <v>269</v>
      </c>
      <c r="E74903" s="15">
        <v>45454</v>
      </c>
      <c r="F74903" s="14" t="s">
        <v>53</v>
      </c>
      <c r="G74903" s="16">
        <v>0</v>
      </c>
    </row>
    <row r="74904" spans="1:7" x14ac:dyDescent="0.3">
      <c r="A74904" s="13" t="s">
        <v>385</v>
      </c>
      <c r="B74904" s="14" t="s">
        <v>1</v>
      </c>
      <c r="C74904" s="14" t="s">
        <v>109</v>
      </c>
      <c r="D74904" s="14" t="s">
        <v>269</v>
      </c>
      <c r="E74904" s="15">
        <v>45455</v>
      </c>
      <c r="F74904" s="14" t="s">
        <v>53</v>
      </c>
      <c r="G74904" s="16">
        <v>0</v>
      </c>
    </row>
    <row r="74905" spans="1:7" x14ac:dyDescent="0.3">
      <c r="A74905" s="13" t="s">
        <v>385</v>
      </c>
      <c r="B74905" s="14" t="s">
        <v>1</v>
      </c>
      <c r="C74905" s="14" t="s">
        <v>109</v>
      </c>
      <c r="D74905" s="14" t="s">
        <v>269</v>
      </c>
      <c r="E74905" s="15">
        <v>45456</v>
      </c>
      <c r="F74905" s="14" t="s">
        <v>53</v>
      </c>
      <c r="G74905" s="16">
        <v>0</v>
      </c>
    </row>
    <row r="74906" spans="1:7" x14ac:dyDescent="0.3">
      <c r="A74906" s="13" t="s">
        <v>385</v>
      </c>
      <c r="B74906" s="14" t="s">
        <v>1</v>
      </c>
      <c r="C74906" s="14" t="s">
        <v>109</v>
      </c>
      <c r="D74906" s="14" t="s">
        <v>269</v>
      </c>
      <c r="E74906" s="15">
        <v>45457</v>
      </c>
      <c r="F74906" s="14" t="s">
        <v>53</v>
      </c>
      <c r="G74906" s="16">
        <v>0</v>
      </c>
    </row>
    <row r="74907" spans="1:7" x14ac:dyDescent="0.3">
      <c r="A74907" s="13" t="s">
        <v>385</v>
      </c>
      <c r="B74907" s="14" t="s">
        <v>1</v>
      </c>
      <c r="C74907" s="14" t="s">
        <v>109</v>
      </c>
      <c r="D74907" s="14" t="s">
        <v>269</v>
      </c>
      <c r="E74907" s="15">
        <v>45458</v>
      </c>
      <c r="F74907" s="14" t="s">
        <v>53</v>
      </c>
      <c r="G74907" s="16">
        <v>0</v>
      </c>
    </row>
    <row r="74908" spans="1:7" x14ac:dyDescent="0.3">
      <c r="A74908" s="13" t="s">
        <v>385</v>
      </c>
      <c r="B74908" s="14" t="s">
        <v>1</v>
      </c>
      <c r="C74908" s="14" t="s">
        <v>109</v>
      </c>
      <c r="D74908" s="14" t="s">
        <v>269</v>
      </c>
      <c r="E74908" s="15">
        <v>45459</v>
      </c>
      <c r="F74908" s="14" t="s">
        <v>53</v>
      </c>
      <c r="G74908" s="16">
        <v>0</v>
      </c>
    </row>
    <row r="74909" spans="1:7" x14ac:dyDescent="0.3">
      <c r="A74909" s="13" t="s">
        <v>385</v>
      </c>
      <c r="B74909" s="14" t="s">
        <v>1</v>
      </c>
      <c r="C74909" s="14" t="s">
        <v>109</v>
      </c>
      <c r="D74909" s="14" t="s">
        <v>269</v>
      </c>
      <c r="E74909" s="15">
        <v>45460</v>
      </c>
      <c r="F74909" s="14" t="s">
        <v>53</v>
      </c>
      <c r="G74909" s="16">
        <v>0</v>
      </c>
    </row>
    <row r="74910" spans="1:7" x14ac:dyDescent="0.3">
      <c r="A74910" s="13" t="s">
        <v>385</v>
      </c>
      <c r="B74910" s="14" t="s">
        <v>1</v>
      </c>
      <c r="C74910" s="14" t="s">
        <v>109</v>
      </c>
      <c r="D74910" s="14" t="s">
        <v>269</v>
      </c>
      <c r="E74910" s="15">
        <v>45461</v>
      </c>
      <c r="F74910" s="14" t="s">
        <v>53</v>
      </c>
      <c r="G74910" s="16">
        <v>0</v>
      </c>
    </row>
    <row r="74911" spans="1:7" x14ac:dyDescent="0.3">
      <c r="A74911" s="13" t="s">
        <v>385</v>
      </c>
      <c r="B74911" s="14" t="s">
        <v>1</v>
      </c>
      <c r="C74911" s="14" t="s">
        <v>109</v>
      </c>
      <c r="D74911" s="14" t="s">
        <v>269</v>
      </c>
      <c r="E74911" s="15">
        <v>45462</v>
      </c>
      <c r="F74911" s="14" t="s">
        <v>53</v>
      </c>
      <c r="G74911" s="16">
        <v>0</v>
      </c>
    </row>
    <row r="74912" spans="1:7" x14ac:dyDescent="0.3">
      <c r="A74912" s="13" t="s">
        <v>385</v>
      </c>
      <c r="B74912" s="14" t="s">
        <v>1</v>
      </c>
      <c r="C74912" s="14" t="s">
        <v>109</v>
      </c>
      <c r="D74912" s="14" t="s">
        <v>269</v>
      </c>
      <c r="E74912" s="15">
        <v>45463</v>
      </c>
      <c r="F74912" s="14" t="s">
        <v>53</v>
      </c>
      <c r="G74912" s="16">
        <v>0</v>
      </c>
    </row>
    <row r="74913" spans="1:7" x14ac:dyDescent="0.3">
      <c r="A74913" s="13" t="s">
        <v>385</v>
      </c>
      <c r="B74913" s="14" t="s">
        <v>1</v>
      </c>
      <c r="C74913" s="14" t="s">
        <v>109</v>
      </c>
      <c r="D74913" s="14" t="s">
        <v>269</v>
      </c>
      <c r="E74913" s="15">
        <v>45464</v>
      </c>
      <c r="F74913" s="14" t="s">
        <v>53</v>
      </c>
      <c r="G74913" s="16">
        <v>0</v>
      </c>
    </row>
    <row r="74914" spans="1:7" x14ac:dyDescent="0.3">
      <c r="A74914" s="13" t="s">
        <v>385</v>
      </c>
      <c r="B74914" s="14" t="s">
        <v>1</v>
      </c>
      <c r="C74914" s="14" t="s">
        <v>109</v>
      </c>
      <c r="D74914" s="14" t="s">
        <v>269</v>
      </c>
      <c r="E74914" s="15">
        <v>45465</v>
      </c>
      <c r="F74914" s="14" t="s">
        <v>53</v>
      </c>
      <c r="G74914" s="16">
        <v>0</v>
      </c>
    </row>
    <row r="74915" spans="1:7" x14ac:dyDescent="0.3">
      <c r="A74915" s="13" t="s">
        <v>385</v>
      </c>
      <c r="B74915" s="14" t="s">
        <v>1</v>
      </c>
      <c r="C74915" s="14" t="s">
        <v>109</v>
      </c>
      <c r="D74915" s="14" t="s">
        <v>269</v>
      </c>
      <c r="E74915" s="15">
        <v>45466</v>
      </c>
      <c r="F74915" s="14" t="s">
        <v>53</v>
      </c>
      <c r="G74915" s="16">
        <v>0</v>
      </c>
    </row>
    <row r="74916" spans="1:7" x14ac:dyDescent="0.3">
      <c r="A74916" s="13" t="s">
        <v>385</v>
      </c>
      <c r="B74916" s="14" t="s">
        <v>1</v>
      </c>
      <c r="C74916" s="14" t="s">
        <v>109</v>
      </c>
      <c r="D74916" s="14" t="s">
        <v>269</v>
      </c>
      <c r="E74916" s="15">
        <v>45467</v>
      </c>
      <c r="F74916" s="14" t="s">
        <v>53</v>
      </c>
      <c r="G74916" s="16">
        <v>0</v>
      </c>
    </row>
    <row r="74917" spans="1:7" x14ac:dyDescent="0.3">
      <c r="A74917" s="13" t="s">
        <v>385</v>
      </c>
      <c r="B74917" s="14" t="s">
        <v>1</v>
      </c>
      <c r="C74917" s="14" t="s">
        <v>109</v>
      </c>
      <c r="D74917" s="14" t="s">
        <v>269</v>
      </c>
      <c r="E74917" s="15">
        <v>45468</v>
      </c>
      <c r="F74917" s="14" t="s">
        <v>53</v>
      </c>
      <c r="G74917" s="16">
        <v>0</v>
      </c>
    </row>
    <row r="74918" spans="1:7" x14ac:dyDescent="0.3">
      <c r="A74918" s="13" t="s">
        <v>385</v>
      </c>
      <c r="B74918" s="14" t="s">
        <v>1</v>
      </c>
      <c r="C74918" s="14" t="s">
        <v>109</v>
      </c>
      <c r="D74918" s="14" t="s">
        <v>269</v>
      </c>
      <c r="E74918" s="15">
        <v>45469</v>
      </c>
      <c r="F74918" s="14" t="s">
        <v>53</v>
      </c>
      <c r="G74918" s="16">
        <v>0</v>
      </c>
    </row>
    <row r="74919" spans="1:7" x14ac:dyDescent="0.3">
      <c r="A74919" s="13" t="s">
        <v>385</v>
      </c>
      <c r="B74919" s="14" t="s">
        <v>1</v>
      </c>
      <c r="C74919" s="14" t="s">
        <v>109</v>
      </c>
      <c r="D74919" s="14" t="s">
        <v>269</v>
      </c>
      <c r="E74919" s="15">
        <v>45470</v>
      </c>
      <c r="F74919" s="14" t="s">
        <v>53</v>
      </c>
      <c r="G74919" s="16">
        <v>0</v>
      </c>
    </row>
    <row r="74920" spans="1:7" x14ac:dyDescent="0.3">
      <c r="A74920" s="13" t="s">
        <v>385</v>
      </c>
      <c r="B74920" s="14" t="s">
        <v>1</v>
      </c>
      <c r="C74920" s="14" t="s">
        <v>109</v>
      </c>
      <c r="D74920" s="14" t="s">
        <v>269</v>
      </c>
      <c r="E74920" s="15">
        <v>45471</v>
      </c>
      <c r="F74920" s="14" t="s">
        <v>53</v>
      </c>
      <c r="G74920" s="16">
        <v>1.6293726053550502E-2</v>
      </c>
    </row>
    <row r="74921" spans="1:7" x14ac:dyDescent="0.3">
      <c r="A74921" s="13" t="s">
        <v>385</v>
      </c>
      <c r="B74921" s="14" t="s">
        <v>1</v>
      </c>
      <c r="C74921" s="14" t="s">
        <v>109</v>
      </c>
      <c r="D74921" s="14" t="s">
        <v>269</v>
      </c>
      <c r="E74921" s="15">
        <v>45472</v>
      </c>
      <c r="F74921" s="14" t="s">
        <v>53</v>
      </c>
      <c r="G74921" s="16">
        <v>1.6293726053550502E-2</v>
      </c>
    </row>
    <row r="74922" spans="1:7" x14ac:dyDescent="0.3">
      <c r="A74922" s="13" t="s">
        <v>385</v>
      </c>
      <c r="B74922" s="14" t="s">
        <v>1</v>
      </c>
      <c r="C74922" s="14" t="s">
        <v>109</v>
      </c>
      <c r="D74922" s="14" t="s">
        <v>269</v>
      </c>
      <c r="E74922" s="15">
        <v>45473</v>
      </c>
      <c r="F74922" s="14" t="s">
        <v>53</v>
      </c>
      <c r="G74922" s="16">
        <v>1.6293726053550502E-2</v>
      </c>
    </row>
    <row r="74923" spans="1:7" x14ac:dyDescent="0.3">
      <c r="A74923" s="13" t="s">
        <v>385</v>
      </c>
      <c r="B74923" s="14" t="s">
        <v>1</v>
      </c>
      <c r="C74923" s="14" t="s">
        <v>109</v>
      </c>
      <c r="D74923" s="14" t="s">
        <v>269</v>
      </c>
      <c r="E74923" s="15">
        <v>45474</v>
      </c>
      <c r="F74923" s="14" t="s">
        <v>53</v>
      </c>
      <c r="G74923" s="16">
        <v>1.3230745146397027E-2</v>
      </c>
    </row>
    <row r="74924" spans="1:7" x14ac:dyDescent="0.3">
      <c r="A74924" s="13" t="s">
        <v>385</v>
      </c>
      <c r="B74924" s="14" t="s">
        <v>1</v>
      </c>
      <c r="C74924" s="14" t="s">
        <v>109</v>
      </c>
      <c r="D74924" s="14" t="s">
        <v>269</v>
      </c>
      <c r="E74924" s="15">
        <v>45475</v>
      </c>
      <c r="F74924" s="14" t="s">
        <v>53</v>
      </c>
      <c r="G74924" s="16">
        <v>7.4364059883263761E-4</v>
      </c>
    </row>
    <row r="74925" spans="1:7" x14ac:dyDescent="0.3">
      <c r="A74925" s="13" t="s">
        <v>385</v>
      </c>
      <c r="B74925" s="14" t="s">
        <v>1</v>
      </c>
      <c r="C74925" s="14" t="s">
        <v>109</v>
      </c>
      <c r="D74925" s="14" t="s">
        <v>269</v>
      </c>
      <c r="E74925" s="15">
        <v>45476</v>
      </c>
      <c r="F74925" s="14" t="s">
        <v>53</v>
      </c>
      <c r="G74925" s="16">
        <v>0</v>
      </c>
    </row>
    <row r="74926" spans="1:7" x14ac:dyDescent="0.3">
      <c r="A74926" s="13" t="s">
        <v>385</v>
      </c>
      <c r="B74926" s="14" t="s">
        <v>1</v>
      </c>
      <c r="C74926" s="14" t="s">
        <v>109</v>
      </c>
      <c r="D74926" s="14" t="s">
        <v>269</v>
      </c>
      <c r="E74926" s="15">
        <v>45477</v>
      </c>
      <c r="F74926" s="14" t="s">
        <v>53</v>
      </c>
      <c r="G74926" s="16">
        <v>0</v>
      </c>
    </row>
    <row r="74927" spans="1:7" x14ac:dyDescent="0.3">
      <c r="A74927" s="13" t="s">
        <v>385</v>
      </c>
      <c r="B74927" s="14" t="s">
        <v>1</v>
      </c>
      <c r="C74927" s="14" t="s">
        <v>109</v>
      </c>
      <c r="D74927" s="14" t="s">
        <v>269</v>
      </c>
      <c r="E74927" s="15">
        <v>45478</v>
      </c>
      <c r="F74927" s="14" t="s">
        <v>53</v>
      </c>
      <c r="G74927" s="16">
        <v>0</v>
      </c>
    </row>
    <row r="74928" spans="1:7" x14ac:dyDescent="0.3">
      <c r="A74928" s="13" t="s">
        <v>385</v>
      </c>
      <c r="B74928" s="14" t="s">
        <v>1</v>
      </c>
      <c r="C74928" s="14" t="s">
        <v>109</v>
      </c>
      <c r="D74928" s="14" t="s">
        <v>269</v>
      </c>
      <c r="E74928" s="15">
        <v>45479</v>
      </c>
      <c r="F74928" s="14" t="s">
        <v>53</v>
      </c>
      <c r="G74928" s="16">
        <v>0</v>
      </c>
    </row>
    <row r="74929" spans="1:7" x14ac:dyDescent="0.3">
      <c r="A74929" s="13" t="s">
        <v>385</v>
      </c>
      <c r="B74929" s="14" t="s">
        <v>1</v>
      </c>
      <c r="C74929" s="14" t="s">
        <v>109</v>
      </c>
      <c r="D74929" s="14" t="s">
        <v>269</v>
      </c>
      <c r="E74929" s="15">
        <v>45480</v>
      </c>
      <c r="F74929" s="14" t="s">
        <v>53</v>
      </c>
      <c r="G74929" s="16">
        <v>0</v>
      </c>
    </row>
    <row r="74930" spans="1:7" x14ac:dyDescent="0.3">
      <c r="A74930" s="13" t="s">
        <v>385</v>
      </c>
      <c r="B74930" s="14" t="s">
        <v>1</v>
      </c>
      <c r="C74930" s="14" t="s">
        <v>109</v>
      </c>
      <c r="D74930" s="14" t="s">
        <v>269</v>
      </c>
      <c r="E74930" s="15">
        <v>45481</v>
      </c>
      <c r="F74930" s="14" t="s">
        <v>53</v>
      </c>
      <c r="G74930" s="16">
        <v>0</v>
      </c>
    </row>
    <row r="74931" spans="1:7" x14ac:dyDescent="0.3">
      <c r="A74931" s="13" t="s">
        <v>385</v>
      </c>
      <c r="B74931" s="14" t="s">
        <v>1</v>
      </c>
      <c r="C74931" s="14" t="s">
        <v>109</v>
      </c>
      <c r="D74931" s="14" t="s">
        <v>269</v>
      </c>
      <c r="E74931" s="15">
        <v>45482</v>
      </c>
      <c r="F74931" s="14" t="s">
        <v>53</v>
      </c>
      <c r="G74931" s="16">
        <v>0</v>
      </c>
    </row>
    <row r="74932" spans="1:7" x14ac:dyDescent="0.3">
      <c r="A74932" s="13" t="s">
        <v>385</v>
      </c>
      <c r="B74932" s="14" t="s">
        <v>1</v>
      </c>
      <c r="C74932" s="14" t="s">
        <v>109</v>
      </c>
      <c r="D74932" s="14" t="s">
        <v>269</v>
      </c>
      <c r="E74932" s="15">
        <v>45483</v>
      </c>
      <c r="F74932" s="14" t="s">
        <v>53</v>
      </c>
      <c r="G74932" s="16">
        <v>0</v>
      </c>
    </row>
    <row r="74933" spans="1:7" x14ac:dyDescent="0.3">
      <c r="A74933" s="13" t="s">
        <v>385</v>
      </c>
      <c r="B74933" s="14" t="s">
        <v>1</v>
      </c>
      <c r="C74933" s="14" t="s">
        <v>109</v>
      </c>
      <c r="D74933" s="14" t="s">
        <v>269</v>
      </c>
      <c r="E74933" s="15">
        <v>45484</v>
      </c>
      <c r="F74933" s="14" t="s">
        <v>53</v>
      </c>
      <c r="G74933" s="16">
        <v>0</v>
      </c>
    </row>
    <row r="74934" spans="1:7" x14ac:dyDescent="0.3">
      <c r="A74934" s="13" t="s">
        <v>385</v>
      </c>
      <c r="B74934" s="14" t="s">
        <v>1</v>
      </c>
      <c r="C74934" s="14" t="s">
        <v>109</v>
      </c>
      <c r="D74934" s="14" t="s">
        <v>269</v>
      </c>
      <c r="E74934" s="15">
        <v>45485</v>
      </c>
      <c r="F74934" s="14" t="s">
        <v>53</v>
      </c>
      <c r="G74934" s="16">
        <v>0</v>
      </c>
    </row>
    <row r="74935" spans="1:7" x14ac:dyDescent="0.3">
      <c r="A74935" s="13" t="s">
        <v>385</v>
      </c>
      <c r="B74935" s="14" t="s">
        <v>1</v>
      </c>
      <c r="C74935" s="14" t="s">
        <v>109</v>
      </c>
      <c r="D74935" s="14" t="s">
        <v>269</v>
      </c>
      <c r="E74935" s="15">
        <v>45486</v>
      </c>
      <c r="F74935" s="14" t="s">
        <v>53</v>
      </c>
      <c r="G74935" s="16">
        <v>0</v>
      </c>
    </row>
    <row r="74936" spans="1:7" x14ac:dyDescent="0.3">
      <c r="A74936" s="13" t="s">
        <v>385</v>
      </c>
      <c r="B74936" s="14" t="s">
        <v>1</v>
      </c>
      <c r="C74936" s="14" t="s">
        <v>109</v>
      </c>
      <c r="D74936" s="14" t="s">
        <v>269</v>
      </c>
      <c r="E74936" s="15">
        <v>45487</v>
      </c>
      <c r="F74936" s="14" t="s">
        <v>53</v>
      </c>
      <c r="G74936" s="16">
        <v>0</v>
      </c>
    </row>
    <row r="74937" spans="1:7" x14ac:dyDescent="0.3">
      <c r="A74937" s="13" t="s">
        <v>385</v>
      </c>
      <c r="B74937" s="14" t="s">
        <v>1</v>
      </c>
      <c r="C74937" s="14" t="s">
        <v>109</v>
      </c>
      <c r="D74937" s="14" t="s">
        <v>269</v>
      </c>
      <c r="E74937" s="15">
        <v>45488</v>
      </c>
      <c r="F74937" s="14" t="s">
        <v>53</v>
      </c>
      <c r="G74937" s="16">
        <v>0</v>
      </c>
    </row>
    <row r="74938" spans="1:7" x14ac:dyDescent="0.3">
      <c r="A74938" s="13" t="s">
        <v>385</v>
      </c>
      <c r="B74938" s="14" t="s">
        <v>1</v>
      </c>
      <c r="C74938" s="14" t="s">
        <v>109</v>
      </c>
      <c r="D74938" s="14" t="s">
        <v>269</v>
      </c>
      <c r="E74938" s="15">
        <v>45489</v>
      </c>
      <c r="F74938" s="14" t="s">
        <v>53</v>
      </c>
      <c r="G74938" s="16">
        <v>0</v>
      </c>
    </row>
    <row r="74939" spans="1:7" x14ac:dyDescent="0.3">
      <c r="A74939" s="13" t="s">
        <v>385</v>
      </c>
      <c r="B74939" s="14" t="s">
        <v>1</v>
      </c>
      <c r="C74939" s="14" t="s">
        <v>109</v>
      </c>
      <c r="D74939" s="14" t="s">
        <v>269</v>
      </c>
      <c r="E74939" s="15">
        <v>45490</v>
      </c>
      <c r="F74939" s="14" t="s">
        <v>53</v>
      </c>
      <c r="G74939" s="16">
        <v>0</v>
      </c>
    </row>
    <row r="74940" spans="1:7" x14ac:dyDescent="0.3">
      <c r="A74940" s="13" t="s">
        <v>385</v>
      </c>
      <c r="B74940" s="14" t="s">
        <v>1</v>
      </c>
      <c r="C74940" s="14" t="s">
        <v>109</v>
      </c>
      <c r="D74940" s="14" t="s">
        <v>269</v>
      </c>
      <c r="E74940" s="15">
        <v>45491</v>
      </c>
      <c r="F74940" s="14" t="s">
        <v>53</v>
      </c>
      <c r="G74940" s="16">
        <v>0</v>
      </c>
    </row>
    <row r="74941" spans="1:7" x14ac:dyDescent="0.3">
      <c r="A74941" s="13" t="s">
        <v>385</v>
      </c>
      <c r="B74941" s="14" t="s">
        <v>1</v>
      </c>
      <c r="C74941" s="14" t="s">
        <v>109</v>
      </c>
      <c r="D74941" s="14" t="s">
        <v>269</v>
      </c>
      <c r="E74941" s="15">
        <v>45492</v>
      </c>
      <c r="F74941" s="14" t="s">
        <v>53</v>
      </c>
      <c r="G74941" s="16">
        <v>0</v>
      </c>
    </row>
    <row r="74942" spans="1:7" x14ac:dyDescent="0.3">
      <c r="A74942" s="13" t="s">
        <v>385</v>
      </c>
      <c r="B74942" s="14" t="s">
        <v>1</v>
      </c>
      <c r="C74942" s="14" t="s">
        <v>109</v>
      </c>
      <c r="D74942" s="14" t="s">
        <v>269</v>
      </c>
      <c r="E74942" s="15">
        <v>45493</v>
      </c>
      <c r="F74942" s="14" t="s">
        <v>53</v>
      </c>
      <c r="G74942" s="16">
        <v>0</v>
      </c>
    </row>
    <row r="74943" spans="1:7" x14ac:dyDescent="0.3">
      <c r="A74943" s="13" t="s">
        <v>385</v>
      </c>
      <c r="B74943" s="14" t="s">
        <v>1</v>
      </c>
      <c r="C74943" s="14" t="s">
        <v>109</v>
      </c>
      <c r="D74943" s="14" t="s">
        <v>269</v>
      </c>
      <c r="E74943" s="15">
        <v>45494</v>
      </c>
      <c r="F74943" s="14" t="s">
        <v>53</v>
      </c>
      <c r="G74943" s="16">
        <v>0</v>
      </c>
    </row>
    <row r="74944" spans="1:7" x14ac:dyDescent="0.3">
      <c r="A74944" s="13" t="s">
        <v>385</v>
      </c>
      <c r="B74944" s="14" t="s">
        <v>1</v>
      </c>
      <c r="C74944" s="14" t="s">
        <v>109</v>
      </c>
      <c r="D74944" s="14" t="s">
        <v>269</v>
      </c>
      <c r="E74944" s="15">
        <v>45495</v>
      </c>
      <c r="F74944" s="14" t="s">
        <v>53</v>
      </c>
      <c r="G74944" s="16">
        <v>0</v>
      </c>
    </row>
    <row r="74945" spans="1:7" x14ac:dyDescent="0.3">
      <c r="A74945" s="13" t="s">
        <v>385</v>
      </c>
      <c r="B74945" s="14" t="s">
        <v>1</v>
      </c>
      <c r="C74945" s="14" t="s">
        <v>109</v>
      </c>
      <c r="D74945" s="14" t="s">
        <v>269</v>
      </c>
      <c r="E74945" s="15">
        <v>45496</v>
      </c>
      <c r="F74945" s="14" t="s">
        <v>53</v>
      </c>
      <c r="G74945" s="16">
        <v>0</v>
      </c>
    </row>
    <row r="74946" spans="1:7" x14ac:dyDescent="0.3">
      <c r="A74946" s="13" t="s">
        <v>385</v>
      </c>
      <c r="B74946" s="14" t="s">
        <v>1</v>
      </c>
      <c r="C74946" s="14" t="s">
        <v>109</v>
      </c>
      <c r="D74946" s="14" t="s">
        <v>269</v>
      </c>
      <c r="E74946" s="15">
        <v>45497</v>
      </c>
      <c r="F74946" s="14" t="s">
        <v>53</v>
      </c>
      <c r="G74946" s="16">
        <v>0</v>
      </c>
    </row>
    <row r="74947" spans="1:7" x14ac:dyDescent="0.3">
      <c r="A74947" s="13" t="s">
        <v>385</v>
      </c>
      <c r="B74947" s="14" t="s">
        <v>1</v>
      </c>
      <c r="C74947" s="14" t="s">
        <v>109</v>
      </c>
      <c r="D74947" s="14" t="s">
        <v>269</v>
      </c>
      <c r="E74947" s="15">
        <v>45498</v>
      </c>
      <c r="F74947" s="14" t="s">
        <v>53</v>
      </c>
      <c r="G74947" s="16">
        <v>0</v>
      </c>
    </row>
    <row r="74948" spans="1:7" x14ac:dyDescent="0.3">
      <c r="A74948" s="13" t="s">
        <v>385</v>
      </c>
      <c r="B74948" s="14" t="s">
        <v>1</v>
      </c>
      <c r="C74948" s="14" t="s">
        <v>109</v>
      </c>
      <c r="D74948" s="14" t="s">
        <v>269</v>
      </c>
      <c r="E74948" s="15">
        <v>45499</v>
      </c>
      <c r="F74948" s="14" t="s">
        <v>53</v>
      </c>
      <c r="G74948" s="16">
        <v>0</v>
      </c>
    </row>
    <row r="74949" spans="1:7" x14ac:dyDescent="0.3">
      <c r="A74949" s="13" t="s">
        <v>385</v>
      </c>
      <c r="B74949" s="14" t="s">
        <v>1</v>
      </c>
      <c r="C74949" s="14" t="s">
        <v>109</v>
      </c>
      <c r="D74949" s="14" t="s">
        <v>269</v>
      </c>
      <c r="E74949" s="15">
        <v>45500</v>
      </c>
      <c r="F74949" s="14" t="s">
        <v>53</v>
      </c>
      <c r="G74949" s="16">
        <v>0</v>
      </c>
    </row>
    <row r="74950" spans="1:7" x14ac:dyDescent="0.3">
      <c r="A74950" s="13" t="s">
        <v>385</v>
      </c>
      <c r="B74950" s="14" t="s">
        <v>1</v>
      </c>
      <c r="C74950" s="14" t="s">
        <v>109</v>
      </c>
      <c r="D74950" s="14" t="s">
        <v>269</v>
      </c>
      <c r="E74950" s="15">
        <v>45501</v>
      </c>
      <c r="F74950" s="14" t="s">
        <v>53</v>
      </c>
      <c r="G74950" s="16">
        <v>0</v>
      </c>
    </row>
    <row r="74951" spans="1:7" x14ac:dyDescent="0.3">
      <c r="A74951" s="13" t="s">
        <v>385</v>
      </c>
      <c r="B74951" s="14" t="s">
        <v>1</v>
      </c>
      <c r="C74951" s="14" t="s">
        <v>109</v>
      </c>
      <c r="D74951" s="14" t="s">
        <v>269</v>
      </c>
      <c r="E74951" s="15">
        <v>45502</v>
      </c>
      <c r="F74951" s="14" t="s">
        <v>53</v>
      </c>
      <c r="G74951" s="16">
        <v>0</v>
      </c>
    </row>
    <row r="74952" spans="1:7" x14ac:dyDescent="0.3">
      <c r="A74952" s="13" t="s">
        <v>385</v>
      </c>
      <c r="B74952" s="14" t="s">
        <v>1</v>
      </c>
      <c r="C74952" s="14" t="s">
        <v>109</v>
      </c>
      <c r="D74952" s="14" t="s">
        <v>269</v>
      </c>
      <c r="E74952" s="15">
        <v>45503</v>
      </c>
      <c r="F74952" s="14" t="s">
        <v>53</v>
      </c>
      <c r="G74952" s="16">
        <v>0</v>
      </c>
    </row>
    <row r="74953" spans="1:7" x14ac:dyDescent="0.3">
      <c r="A74953" s="13" t="s">
        <v>385</v>
      </c>
      <c r="B74953" s="14" t="s">
        <v>1</v>
      </c>
      <c r="C74953" s="14" t="s">
        <v>109</v>
      </c>
      <c r="D74953" s="14" t="s">
        <v>269</v>
      </c>
      <c r="E74953" s="15">
        <v>45504</v>
      </c>
      <c r="F74953" s="14" t="s">
        <v>53</v>
      </c>
      <c r="G74953" s="16">
        <v>0</v>
      </c>
    </row>
    <row r="74954" spans="1:7" x14ac:dyDescent="0.3">
      <c r="A74954" s="13" t="s">
        <v>385</v>
      </c>
      <c r="B74954" s="14" t="s">
        <v>1</v>
      </c>
      <c r="C74954" s="14" t="s">
        <v>109</v>
      </c>
      <c r="D74954" s="14" t="s">
        <v>269</v>
      </c>
      <c r="E74954" s="15">
        <v>45505</v>
      </c>
      <c r="F74954" s="14" t="s">
        <v>53</v>
      </c>
      <c r="G74954" s="16">
        <v>0</v>
      </c>
    </row>
    <row r="74955" spans="1:7" x14ac:dyDescent="0.3">
      <c r="A74955" s="13" t="s">
        <v>385</v>
      </c>
      <c r="B74955" s="14" t="s">
        <v>1</v>
      </c>
      <c r="C74955" s="14" t="s">
        <v>109</v>
      </c>
      <c r="D74955" s="14" t="s">
        <v>269</v>
      </c>
      <c r="E74955" s="15">
        <v>45506</v>
      </c>
      <c r="F74955" s="14" t="s">
        <v>53</v>
      </c>
      <c r="G74955" s="16">
        <v>0</v>
      </c>
    </row>
    <row r="74956" spans="1:7" x14ac:dyDescent="0.3">
      <c r="A74956" s="13" t="s">
        <v>385</v>
      </c>
      <c r="B74956" s="14" t="s">
        <v>1</v>
      </c>
      <c r="C74956" s="14" t="s">
        <v>109</v>
      </c>
      <c r="D74956" s="14" t="s">
        <v>269</v>
      </c>
      <c r="E74956" s="15">
        <v>45507</v>
      </c>
      <c r="F74956" s="14" t="s">
        <v>53</v>
      </c>
      <c r="G74956" s="16">
        <v>0</v>
      </c>
    </row>
    <row r="74957" spans="1:7" x14ac:dyDescent="0.3">
      <c r="A74957" s="13" t="s">
        <v>385</v>
      </c>
      <c r="B74957" s="14" t="s">
        <v>1</v>
      </c>
      <c r="C74957" s="14" t="s">
        <v>109</v>
      </c>
      <c r="D74957" s="14" t="s">
        <v>269</v>
      </c>
      <c r="E74957" s="15">
        <v>45508</v>
      </c>
      <c r="F74957" s="14" t="s">
        <v>53</v>
      </c>
      <c r="G74957" s="16">
        <v>0</v>
      </c>
    </row>
    <row r="74958" spans="1:7" x14ac:dyDescent="0.3">
      <c r="A74958" s="13" t="s">
        <v>385</v>
      </c>
      <c r="B74958" s="14" t="s">
        <v>1</v>
      </c>
      <c r="C74958" s="14" t="s">
        <v>109</v>
      </c>
      <c r="D74958" s="14" t="s">
        <v>269</v>
      </c>
      <c r="E74958" s="15">
        <v>45509</v>
      </c>
      <c r="F74958" s="14" t="s">
        <v>53</v>
      </c>
      <c r="G74958" s="16">
        <v>0</v>
      </c>
    </row>
    <row r="74959" spans="1:7" x14ac:dyDescent="0.3">
      <c r="A74959" s="13" t="s">
        <v>385</v>
      </c>
      <c r="B74959" s="14" t="s">
        <v>1</v>
      </c>
      <c r="C74959" s="14" t="s">
        <v>109</v>
      </c>
      <c r="D74959" s="14" t="s">
        <v>269</v>
      </c>
      <c r="E74959" s="15">
        <v>45510</v>
      </c>
      <c r="F74959" s="14" t="s">
        <v>53</v>
      </c>
      <c r="G74959" s="16">
        <v>0</v>
      </c>
    </row>
    <row r="74960" spans="1:7" x14ac:dyDescent="0.3">
      <c r="A74960" s="13" t="s">
        <v>385</v>
      </c>
      <c r="B74960" s="14" t="s">
        <v>1</v>
      </c>
      <c r="C74960" s="14" t="s">
        <v>109</v>
      </c>
      <c r="D74960" s="14" t="s">
        <v>269</v>
      </c>
      <c r="E74960" s="15">
        <v>45511</v>
      </c>
      <c r="F74960" s="14" t="s">
        <v>53</v>
      </c>
      <c r="G74960" s="16">
        <v>0</v>
      </c>
    </row>
    <row r="74961" spans="1:7" x14ac:dyDescent="0.3">
      <c r="A74961" s="13" t="s">
        <v>385</v>
      </c>
      <c r="B74961" s="14" t="s">
        <v>1</v>
      </c>
      <c r="C74961" s="14" t="s">
        <v>109</v>
      </c>
      <c r="D74961" s="14" t="s">
        <v>269</v>
      </c>
      <c r="E74961" s="15">
        <v>45512</v>
      </c>
      <c r="F74961" s="14" t="s">
        <v>53</v>
      </c>
      <c r="G74961" s="16">
        <v>0</v>
      </c>
    </row>
    <row r="74962" spans="1:7" x14ac:dyDescent="0.3">
      <c r="A74962" s="13" t="s">
        <v>385</v>
      </c>
      <c r="B74962" s="14" t="s">
        <v>1</v>
      </c>
      <c r="C74962" s="14" t="s">
        <v>109</v>
      </c>
      <c r="D74962" s="14" t="s">
        <v>269</v>
      </c>
      <c r="E74962" s="15">
        <v>45513</v>
      </c>
      <c r="F74962" s="14" t="s">
        <v>53</v>
      </c>
      <c r="G74962" s="16">
        <v>0</v>
      </c>
    </row>
    <row r="74963" spans="1:7" x14ac:dyDescent="0.3">
      <c r="A74963" s="13" t="s">
        <v>385</v>
      </c>
      <c r="B74963" s="14" t="s">
        <v>1</v>
      </c>
      <c r="C74963" s="14" t="s">
        <v>109</v>
      </c>
      <c r="D74963" s="14" t="s">
        <v>269</v>
      </c>
      <c r="E74963" s="15">
        <v>45514</v>
      </c>
      <c r="F74963" s="14" t="s">
        <v>53</v>
      </c>
      <c r="G74963" s="16">
        <v>0</v>
      </c>
    </row>
    <row r="74964" spans="1:7" x14ac:dyDescent="0.3">
      <c r="A74964" s="13" t="s">
        <v>385</v>
      </c>
      <c r="B74964" s="14" t="s">
        <v>1</v>
      </c>
      <c r="C74964" s="14" t="s">
        <v>109</v>
      </c>
      <c r="D74964" s="14" t="s">
        <v>269</v>
      </c>
      <c r="E74964" s="15">
        <v>45515</v>
      </c>
      <c r="F74964" s="14" t="s">
        <v>53</v>
      </c>
      <c r="G74964" s="16">
        <v>0</v>
      </c>
    </row>
    <row r="74965" spans="1:7" x14ac:dyDescent="0.3">
      <c r="A74965" s="13" t="s">
        <v>385</v>
      </c>
      <c r="B74965" s="14" t="s">
        <v>1</v>
      </c>
      <c r="C74965" s="14" t="s">
        <v>109</v>
      </c>
      <c r="D74965" s="14" t="s">
        <v>269</v>
      </c>
      <c r="E74965" s="15">
        <v>45516</v>
      </c>
      <c r="F74965" s="14" t="s">
        <v>53</v>
      </c>
      <c r="G74965" s="16">
        <v>0</v>
      </c>
    </row>
    <row r="74966" spans="1:7" x14ac:dyDescent="0.3">
      <c r="A74966" s="13" t="s">
        <v>385</v>
      </c>
      <c r="B74966" s="14" t="s">
        <v>1</v>
      </c>
      <c r="C74966" s="14" t="s">
        <v>109</v>
      </c>
      <c r="D74966" s="14" t="s">
        <v>269</v>
      </c>
      <c r="E74966" s="15">
        <v>45517</v>
      </c>
      <c r="F74966" s="14" t="s">
        <v>53</v>
      </c>
      <c r="G74966" s="16">
        <v>0</v>
      </c>
    </row>
    <row r="74967" spans="1:7" x14ac:dyDescent="0.3">
      <c r="A74967" s="13" t="s">
        <v>385</v>
      </c>
      <c r="B74967" s="14" t="s">
        <v>1</v>
      </c>
      <c r="C74967" s="14" t="s">
        <v>109</v>
      </c>
      <c r="D74967" s="14" t="s">
        <v>269</v>
      </c>
      <c r="E74967" s="15">
        <v>45518</v>
      </c>
      <c r="F74967" s="14" t="s">
        <v>53</v>
      </c>
      <c r="G74967" s="16">
        <v>0</v>
      </c>
    </row>
    <row r="74968" spans="1:7" x14ac:dyDescent="0.3">
      <c r="A74968" s="13" t="s">
        <v>385</v>
      </c>
      <c r="B74968" s="14" t="s">
        <v>1</v>
      </c>
      <c r="C74968" s="14" t="s">
        <v>109</v>
      </c>
      <c r="D74968" s="14" t="s">
        <v>269</v>
      </c>
      <c r="E74968" s="15">
        <v>45519</v>
      </c>
      <c r="F74968" s="14" t="s">
        <v>53</v>
      </c>
      <c r="G74968" s="16">
        <v>0</v>
      </c>
    </row>
    <row r="74969" spans="1:7" x14ac:dyDescent="0.3">
      <c r="A74969" s="13" t="s">
        <v>385</v>
      </c>
      <c r="B74969" s="14" t="s">
        <v>1</v>
      </c>
      <c r="C74969" s="14" t="s">
        <v>109</v>
      </c>
      <c r="D74969" s="14" t="s">
        <v>269</v>
      </c>
      <c r="E74969" s="15">
        <v>45520</v>
      </c>
      <c r="F74969" s="14" t="s">
        <v>53</v>
      </c>
      <c r="G74969" s="16">
        <v>0</v>
      </c>
    </row>
    <row r="74970" spans="1:7" x14ac:dyDescent="0.3">
      <c r="A74970" s="13" t="s">
        <v>385</v>
      </c>
      <c r="B74970" s="14" t="s">
        <v>1</v>
      </c>
      <c r="C74970" s="14" t="s">
        <v>109</v>
      </c>
      <c r="D74970" s="14" t="s">
        <v>269</v>
      </c>
      <c r="E74970" s="15">
        <v>45521</v>
      </c>
      <c r="F74970" s="14" t="s">
        <v>53</v>
      </c>
      <c r="G74970" s="16">
        <v>0</v>
      </c>
    </row>
    <row r="74971" spans="1:7" x14ac:dyDescent="0.3">
      <c r="A74971" s="13" t="s">
        <v>385</v>
      </c>
      <c r="B74971" s="14" t="s">
        <v>1</v>
      </c>
      <c r="C74971" s="14" t="s">
        <v>109</v>
      </c>
      <c r="D74971" s="14" t="s">
        <v>269</v>
      </c>
      <c r="E74971" s="15">
        <v>45522</v>
      </c>
      <c r="F74971" s="14" t="s">
        <v>53</v>
      </c>
      <c r="G74971" s="16">
        <v>0</v>
      </c>
    </row>
    <row r="74972" spans="1:7" x14ac:dyDescent="0.3">
      <c r="A74972" s="13" t="s">
        <v>385</v>
      </c>
      <c r="B74972" s="14" t="s">
        <v>1</v>
      </c>
      <c r="C74972" s="14" t="s">
        <v>109</v>
      </c>
      <c r="D74972" s="14" t="s">
        <v>269</v>
      </c>
      <c r="E74972" s="15">
        <v>45523</v>
      </c>
      <c r="F74972" s="14" t="s">
        <v>53</v>
      </c>
      <c r="G74972" s="16">
        <v>0</v>
      </c>
    </row>
    <row r="74973" spans="1:7" x14ac:dyDescent="0.3">
      <c r="A74973" s="13" t="s">
        <v>385</v>
      </c>
      <c r="B74973" s="14" t="s">
        <v>1</v>
      </c>
      <c r="C74973" s="14" t="s">
        <v>109</v>
      </c>
      <c r="D74973" s="14" t="s">
        <v>269</v>
      </c>
      <c r="E74973" s="15">
        <v>45524</v>
      </c>
      <c r="F74973" s="14" t="s">
        <v>53</v>
      </c>
      <c r="G74973" s="16">
        <v>0</v>
      </c>
    </row>
    <row r="74974" spans="1:7" x14ac:dyDescent="0.3">
      <c r="A74974" s="13" t="s">
        <v>385</v>
      </c>
      <c r="B74974" s="14" t="s">
        <v>1</v>
      </c>
      <c r="C74974" s="14" t="s">
        <v>109</v>
      </c>
      <c r="D74974" s="14" t="s">
        <v>269</v>
      </c>
      <c r="E74974" s="15">
        <v>45525</v>
      </c>
      <c r="F74974" s="14" t="s">
        <v>53</v>
      </c>
      <c r="G74974" s="16">
        <v>0</v>
      </c>
    </row>
    <row r="74975" spans="1:7" x14ac:dyDescent="0.3">
      <c r="A74975" s="13" t="s">
        <v>385</v>
      </c>
      <c r="B74975" s="14" t="s">
        <v>1</v>
      </c>
      <c r="C74975" s="14" t="s">
        <v>109</v>
      </c>
      <c r="D74975" s="14" t="s">
        <v>269</v>
      </c>
      <c r="E74975" s="15">
        <v>45526</v>
      </c>
      <c r="F74975" s="14" t="s">
        <v>53</v>
      </c>
      <c r="G74975" s="16">
        <v>0</v>
      </c>
    </row>
    <row r="74976" spans="1:7" x14ac:dyDescent="0.3">
      <c r="A74976" s="13" t="s">
        <v>385</v>
      </c>
      <c r="B74976" s="14" t="s">
        <v>1</v>
      </c>
      <c r="C74976" s="14" t="s">
        <v>109</v>
      </c>
      <c r="D74976" s="14" t="s">
        <v>269</v>
      </c>
      <c r="E74976" s="15">
        <v>45527</v>
      </c>
      <c r="F74976" s="14" t="s">
        <v>53</v>
      </c>
      <c r="G74976" s="16">
        <v>0</v>
      </c>
    </row>
    <row r="74977" spans="1:7" x14ac:dyDescent="0.3">
      <c r="A74977" s="13" t="s">
        <v>385</v>
      </c>
      <c r="B74977" s="14" t="s">
        <v>1</v>
      </c>
      <c r="C74977" s="14" t="s">
        <v>109</v>
      </c>
      <c r="D74977" s="14" t="s">
        <v>269</v>
      </c>
      <c r="E74977" s="15">
        <v>45528</v>
      </c>
      <c r="F74977" s="14" t="s">
        <v>53</v>
      </c>
      <c r="G74977" s="16">
        <v>0</v>
      </c>
    </row>
    <row r="74978" spans="1:7" x14ac:dyDescent="0.3">
      <c r="A74978" s="13" t="s">
        <v>385</v>
      </c>
      <c r="B74978" s="14" t="s">
        <v>1</v>
      </c>
      <c r="C74978" s="14" t="s">
        <v>109</v>
      </c>
      <c r="D74978" s="14" t="s">
        <v>269</v>
      </c>
      <c r="E74978" s="15">
        <v>45529</v>
      </c>
      <c r="F74978" s="14" t="s">
        <v>53</v>
      </c>
      <c r="G74978" s="16">
        <v>0</v>
      </c>
    </row>
    <row r="74979" spans="1:7" x14ac:dyDescent="0.3">
      <c r="A74979" s="13" t="s">
        <v>385</v>
      </c>
      <c r="B74979" s="14" t="s">
        <v>1</v>
      </c>
      <c r="C74979" s="14" t="s">
        <v>109</v>
      </c>
      <c r="D74979" s="14" t="s">
        <v>269</v>
      </c>
      <c r="E74979" s="15">
        <v>45530</v>
      </c>
      <c r="F74979" s="14" t="s">
        <v>53</v>
      </c>
      <c r="G74979" s="16">
        <v>0</v>
      </c>
    </row>
    <row r="74980" spans="1:7" x14ac:dyDescent="0.3">
      <c r="A74980" s="13" t="s">
        <v>385</v>
      </c>
      <c r="B74980" s="14" t="s">
        <v>1</v>
      </c>
      <c r="C74980" s="14" t="s">
        <v>109</v>
      </c>
      <c r="D74980" s="14" t="s">
        <v>269</v>
      </c>
      <c r="E74980" s="15">
        <v>45531</v>
      </c>
      <c r="F74980" s="14" t="s">
        <v>53</v>
      </c>
      <c r="G74980" s="16">
        <v>0</v>
      </c>
    </row>
    <row r="74981" spans="1:7" x14ac:dyDescent="0.3">
      <c r="A74981" s="13" t="s">
        <v>385</v>
      </c>
      <c r="B74981" s="14" t="s">
        <v>1</v>
      </c>
      <c r="C74981" s="14" t="s">
        <v>109</v>
      </c>
      <c r="D74981" s="14" t="s">
        <v>269</v>
      </c>
      <c r="E74981" s="15">
        <v>45532</v>
      </c>
      <c r="F74981" s="14" t="s">
        <v>53</v>
      </c>
      <c r="G74981" s="16">
        <v>0</v>
      </c>
    </row>
    <row r="74982" spans="1:7" x14ac:dyDescent="0.3">
      <c r="A74982" s="13" t="s">
        <v>385</v>
      </c>
      <c r="B74982" s="14" t="s">
        <v>1</v>
      </c>
      <c r="C74982" s="14" t="s">
        <v>109</v>
      </c>
      <c r="D74982" s="14" t="s">
        <v>269</v>
      </c>
      <c r="E74982" s="15">
        <v>45533</v>
      </c>
      <c r="F74982" s="14" t="s">
        <v>53</v>
      </c>
      <c r="G74982" s="16">
        <v>0</v>
      </c>
    </row>
    <row r="74983" spans="1:7" x14ac:dyDescent="0.3">
      <c r="A74983" s="13" t="s">
        <v>385</v>
      </c>
      <c r="B74983" s="14" t="s">
        <v>1</v>
      </c>
      <c r="C74983" s="14" t="s">
        <v>109</v>
      </c>
      <c r="D74983" s="14" t="s">
        <v>269</v>
      </c>
      <c r="E74983" s="15">
        <v>45534</v>
      </c>
      <c r="F74983" s="14" t="s">
        <v>53</v>
      </c>
      <c r="G74983" s="16">
        <v>0</v>
      </c>
    </row>
    <row r="74984" spans="1:7" x14ac:dyDescent="0.3">
      <c r="A74984" s="13" t="s">
        <v>385</v>
      </c>
      <c r="B74984" s="14" t="s">
        <v>1</v>
      </c>
      <c r="C74984" s="14" t="s">
        <v>109</v>
      </c>
      <c r="D74984" s="14" t="s">
        <v>269</v>
      </c>
      <c r="E74984" s="15">
        <v>45535</v>
      </c>
      <c r="F74984" s="14" t="s">
        <v>53</v>
      </c>
      <c r="G74984" s="16">
        <v>0</v>
      </c>
    </row>
    <row r="74985" spans="1:7" x14ac:dyDescent="0.3">
      <c r="A74985" s="13" t="s">
        <v>385</v>
      </c>
      <c r="B74985" s="14" t="s">
        <v>1</v>
      </c>
      <c r="C74985" s="14" t="s">
        <v>109</v>
      </c>
      <c r="D74985" s="14" t="s">
        <v>269</v>
      </c>
      <c r="E74985" s="15">
        <v>45536</v>
      </c>
      <c r="F74985" s="14" t="s">
        <v>53</v>
      </c>
      <c r="G74985" s="16">
        <v>0</v>
      </c>
    </row>
    <row r="74986" spans="1:7" x14ac:dyDescent="0.3">
      <c r="A74986" s="13" t="s">
        <v>385</v>
      </c>
      <c r="B74986" s="14" t="s">
        <v>1</v>
      </c>
      <c r="C74986" s="14" t="s">
        <v>109</v>
      </c>
      <c r="D74986" s="14" t="s">
        <v>269</v>
      </c>
      <c r="E74986" s="15">
        <v>45537</v>
      </c>
      <c r="F74986" s="14" t="s">
        <v>53</v>
      </c>
      <c r="G74986" s="16">
        <v>0</v>
      </c>
    </row>
    <row r="74987" spans="1:7" x14ac:dyDescent="0.3">
      <c r="A74987" s="13" t="s">
        <v>385</v>
      </c>
      <c r="B74987" s="14" t="s">
        <v>1</v>
      </c>
      <c r="C74987" s="14" t="s">
        <v>109</v>
      </c>
      <c r="D74987" s="14" t="s">
        <v>269</v>
      </c>
      <c r="E74987" s="15">
        <v>45538</v>
      </c>
      <c r="F74987" s="14" t="s">
        <v>53</v>
      </c>
      <c r="G74987" s="16">
        <v>0</v>
      </c>
    </row>
    <row r="74988" spans="1:7" x14ac:dyDescent="0.3">
      <c r="A74988" s="13" t="s">
        <v>385</v>
      </c>
      <c r="B74988" s="14" t="s">
        <v>1</v>
      </c>
      <c r="C74988" s="14" t="s">
        <v>109</v>
      </c>
      <c r="D74988" s="14" t="s">
        <v>269</v>
      </c>
      <c r="E74988" s="15">
        <v>45539</v>
      </c>
      <c r="F74988" s="14" t="s">
        <v>53</v>
      </c>
      <c r="G74988" s="16">
        <v>0</v>
      </c>
    </row>
    <row r="74989" spans="1:7" x14ac:dyDescent="0.3">
      <c r="A74989" s="13" t="s">
        <v>385</v>
      </c>
      <c r="B74989" s="14" t="s">
        <v>1</v>
      </c>
      <c r="C74989" s="14" t="s">
        <v>109</v>
      </c>
      <c r="D74989" s="14" t="s">
        <v>269</v>
      </c>
      <c r="E74989" s="15">
        <v>45540</v>
      </c>
      <c r="F74989" s="14" t="s">
        <v>53</v>
      </c>
      <c r="G74989" s="16">
        <v>0</v>
      </c>
    </row>
    <row r="74990" spans="1:7" x14ac:dyDescent="0.3">
      <c r="A74990" s="13" t="s">
        <v>385</v>
      </c>
      <c r="B74990" s="14" t="s">
        <v>1</v>
      </c>
      <c r="C74990" s="14" t="s">
        <v>109</v>
      </c>
      <c r="D74990" s="14" t="s">
        <v>269</v>
      </c>
      <c r="E74990" s="15">
        <v>45541</v>
      </c>
      <c r="F74990" s="14" t="s">
        <v>53</v>
      </c>
      <c r="G74990" s="16">
        <v>0</v>
      </c>
    </row>
    <row r="74991" spans="1:7" x14ac:dyDescent="0.3">
      <c r="A74991" s="13" t="s">
        <v>385</v>
      </c>
      <c r="B74991" s="14" t="s">
        <v>1</v>
      </c>
      <c r="C74991" s="14" t="s">
        <v>109</v>
      </c>
      <c r="D74991" s="14" t="s">
        <v>269</v>
      </c>
      <c r="E74991" s="15">
        <v>45542</v>
      </c>
      <c r="F74991" s="14" t="s">
        <v>53</v>
      </c>
      <c r="G74991" s="16">
        <v>0</v>
      </c>
    </row>
    <row r="74992" spans="1:7" x14ac:dyDescent="0.3">
      <c r="A74992" s="13" t="s">
        <v>385</v>
      </c>
      <c r="B74992" s="14" t="s">
        <v>1</v>
      </c>
      <c r="C74992" s="14" t="s">
        <v>109</v>
      </c>
      <c r="D74992" s="14" t="s">
        <v>269</v>
      </c>
      <c r="E74992" s="15">
        <v>45543</v>
      </c>
      <c r="F74992" s="14" t="s">
        <v>53</v>
      </c>
      <c r="G74992" s="16">
        <v>0</v>
      </c>
    </row>
    <row r="74993" spans="1:7" x14ac:dyDescent="0.3">
      <c r="A74993" s="13" t="s">
        <v>385</v>
      </c>
      <c r="B74993" s="14" t="s">
        <v>1</v>
      </c>
      <c r="C74993" s="14" t="s">
        <v>109</v>
      </c>
      <c r="D74993" s="14" t="s">
        <v>269</v>
      </c>
      <c r="E74993" s="15">
        <v>45544</v>
      </c>
      <c r="F74993" s="14" t="s">
        <v>53</v>
      </c>
      <c r="G74993" s="16">
        <v>0</v>
      </c>
    </row>
    <row r="74994" spans="1:7" x14ac:dyDescent="0.3">
      <c r="A74994" s="13" t="s">
        <v>385</v>
      </c>
      <c r="B74994" s="14" t="s">
        <v>1</v>
      </c>
      <c r="C74994" s="14" t="s">
        <v>109</v>
      </c>
      <c r="D74994" s="14" t="s">
        <v>269</v>
      </c>
      <c r="E74994" s="15">
        <v>45545</v>
      </c>
      <c r="F74994" s="14" t="s">
        <v>53</v>
      </c>
      <c r="G74994" s="16">
        <v>0</v>
      </c>
    </row>
    <row r="74995" spans="1:7" x14ac:dyDescent="0.3">
      <c r="A74995" s="13" t="s">
        <v>385</v>
      </c>
      <c r="B74995" s="14" t="s">
        <v>1</v>
      </c>
      <c r="C74995" s="14" t="s">
        <v>109</v>
      </c>
      <c r="D74995" s="14" t="s">
        <v>269</v>
      </c>
      <c r="E74995" s="15">
        <v>45546</v>
      </c>
      <c r="F74995" s="14" t="s">
        <v>53</v>
      </c>
      <c r="G74995" s="16">
        <v>0</v>
      </c>
    </row>
    <row r="74996" spans="1:7" x14ac:dyDescent="0.3">
      <c r="A74996" s="13" t="s">
        <v>385</v>
      </c>
      <c r="B74996" s="14" t="s">
        <v>1</v>
      </c>
      <c r="C74996" s="14" t="s">
        <v>109</v>
      </c>
      <c r="D74996" s="14" t="s">
        <v>269</v>
      </c>
      <c r="E74996" s="15">
        <v>45547</v>
      </c>
      <c r="F74996" s="14" t="s">
        <v>53</v>
      </c>
      <c r="G74996" s="16">
        <v>0</v>
      </c>
    </row>
    <row r="74997" spans="1:7" x14ac:dyDescent="0.3">
      <c r="A74997" s="13" t="s">
        <v>385</v>
      </c>
      <c r="B74997" s="14" t="s">
        <v>1</v>
      </c>
      <c r="C74997" s="14" t="s">
        <v>109</v>
      </c>
      <c r="D74997" s="14" t="s">
        <v>269</v>
      </c>
      <c r="E74997" s="15">
        <v>45548</v>
      </c>
      <c r="F74997" s="14" t="s">
        <v>53</v>
      </c>
      <c r="G74997" s="16">
        <v>0</v>
      </c>
    </row>
    <row r="74998" spans="1:7" x14ac:dyDescent="0.3">
      <c r="A74998" s="13" t="s">
        <v>385</v>
      </c>
      <c r="B74998" s="14" t="s">
        <v>1</v>
      </c>
      <c r="C74998" s="14" t="s">
        <v>109</v>
      </c>
      <c r="D74998" s="14" t="s">
        <v>269</v>
      </c>
      <c r="E74998" s="15">
        <v>45549</v>
      </c>
      <c r="F74998" s="14" t="s">
        <v>53</v>
      </c>
      <c r="G74998" s="16">
        <v>0</v>
      </c>
    </row>
    <row r="74999" spans="1:7" x14ac:dyDescent="0.3">
      <c r="A74999" s="13" t="s">
        <v>385</v>
      </c>
      <c r="B74999" s="14" t="s">
        <v>1</v>
      </c>
      <c r="C74999" s="14" t="s">
        <v>109</v>
      </c>
      <c r="D74999" s="14" t="s">
        <v>269</v>
      </c>
      <c r="E74999" s="15">
        <v>45550</v>
      </c>
      <c r="F74999" s="14" t="s">
        <v>53</v>
      </c>
      <c r="G74999" s="16">
        <v>0</v>
      </c>
    </row>
    <row r="75000" spans="1:7" x14ac:dyDescent="0.3">
      <c r="A75000" s="13" t="s">
        <v>385</v>
      </c>
      <c r="B75000" s="14" t="s">
        <v>1</v>
      </c>
      <c r="C75000" s="14" t="s">
        <v>109</v>
      </c>
      <c r="D75000" s="14" t="s">
        <v>269</v>
      </c>
      <c r="E75000" s="15">
        <v>45551</v>
      </c>
      <c r="F75000" s="14" t="s">
        <v>53</v>
      </c>
      <c r="G75000" s="16">
        <v>0</v>
      </c>
    </row>
    <row r="75001" spans="1:7" x14ac:dyDescent="0.3">
      <c r="A75001" s="13" t="s">
        <v>385</v>
      </c>
      <c r="B75001" s="14" t="s">
        <v>1</v>
      </c>
      <c r="C75001" s="14" t="s">
        <v>109</v>
      </c>
      <c r="D75001" s="14" t="s">
        <v>269</v>
      </c>
      <c r="E75001" s="15">
        <v>45552</v>
      </c>
      <c r="F75001" s="14" t="s">
        <v>53</v>
      </c>
      <c r="G75001" s="16">
        <v>0</v>
      </c>
    </row>
    <row r="75002" spans="1:7" x14ac:dyDescent="0.3">
      <c r="A75002" s="13" t="s">
        <v>385</v>
      </c>
      <c r="B75002" s="14" t="s">
        <v>1</v>
      </c>
      <c r="C75002" s="14" t="s">
        <v>109</v>
      </c>
      <c r="D75002" s="14" t="s">
        <v>269</v>
      </c>
      <c r="E75002" s="15">
        <v>45553</v>
      </c>
      <c r="F75002" s="14" t="s">
        <v>53</v>
      </c>
      <c r="G75002" s="16">
        <v>0</v>
      </c>
    </row>
    <row r="75003" spans="1:7" x14ac:dyDescent="0.3">
      <c r="A75003" s="13" t="s">
        <v>385</v>
      </c>
      <c r="B75003" s="14" t="s">
        <v>1</v>
      </c>
      <c r="C75003" s="14" t="s">
        <v>109</v>
      </c>
      <c r="D75003" s="14" t="s">
        <v>269</v>
      </c>
      <c r="E75003" s="15">
        <v>45554</v>
      </c>
      <c r="F75003" s="14" t="s">
        <v>53</v>
      </c>
      <c r="G75003" s="16">
        <v>0</v>
      </c>
    </row>
    <row r="75004" spans="1:7" x14ac:dyDescent="0.3">
      <c r="A75004" s="13" t="s">
        <v>385</v>
      </c>
      <c r="B75004" s="14" t="s">
        <v>1</v>
      </c>
      <c r="C75004" s="14" t="s">
        <v>109</v>
      </c>
      <c r="D75004" s="14" t="s">
        <v>269</v>
      </c>
      <c r="E75004" s="15">
        <v>45555</v>
      </c>
      <c r="F75004" s="14" t="s">
        <v>53</v>
      </c>
      <c r="G75004" s="16">
        <v>0</v>
      </c>
    </row>
    <row r="75005" spans="1:7" x14ac:dyDescent="0.3">
      <c r="A75005" s="13" t="s">
        <v>385</v>
      </c>
      <c r="B75005" s="14" t="s">
        <v>1</v>
      </c>
      <c r="C75005" s="14" t="s">
        <v>109</v>
      </c>
      <c r="D75005" s="14" t="s">
        <v>269</v>
      </c>
      <c r="E75005" s="15">
        <v>45556</v>
      </c>
      <c r="F75005" s="14" t="s">
        <v>53</v>
      </c>
      <c r="G75005" s="16">
        <v>0</v>
      </c>
    </row>
    <row r="75006" spans="1:7" x14ac:dyDescent="0.3">
      <c r="A75006" s="13" t="s">
        <v>385</v>
      </c>
      <c r="B75006" s="14" t="s">
        <v>1</v>
      </c>
      <c r="C75006" s="14" t="s">
        <v>109</v>
      </c>
      <c r="D75006" s="14" t="s">
        <v>269</v>
      </c>
      <c r="E75006" s="15">
        <v>45557</v>
      </c>
      <c r="F75006" s="14" t="s">
        <v>53</v>
      </c>
      <c r="G75006" s="16">
        <v>0</v>
      </c>
    </row>
    <row r="75007" spans="1:7" x14ac:dyDescent="0.3">
      <c r="A75007" s="13" t="s">
        <v>385</v>
      </c>
      <c r="B75007" s="14" t="s">
        <v>1</v>
      </c>
      <c r="C75007" s="14" t="s">
        <v>109</v>
      </c>
      <c r="D75007" s="14" t="s">
        <v>269</v>
      </c>
      <c r="E75007" s="15">
        <v>45558</v>
      </c>
      <c r="F75007" s="14" t="s">
        <v>53</v>
      </c>
      <c r="G75007" s="16">
        <v>0</v>
      </c>
    </row>
    <row r="75008" spans="1:7" x14ac:dyDescent="0.3">
      <c r="A75008" s="13" t="s">
        <v>385</v>
      </c>
      <c r="B75008" s="14" t="s">
        <v>1</v>
      </c>
      <c r="C75008" s="14" t="s">
        <v>109</v>
      </c>
      <c r="D75008" s="14" t="s">
        <v>269</v>
      </c>
      <c r="E75008" s="15">
        <v>45559</v>
      </c>
      <c r="F75008" s="14" t="s">
        <v>53</v>
      </c>
      <c r="G75008" s="16">
        <v>0</v>
      </c>
    </row>
    <row r="75009" spans="1:7" x14ac:dyDescent="0.3">
      <c r="A75009" s="13" t="s">
        <v>385</v>
      </c>
      <c r="B75009" s="14" t="s">
        <v>1</v>
      </c>
      <c r="C75009" s="14" t="s">
        <v>109</v>
      </c>
      <c r="D75009" s="14" t="s">
        <v>269</v>
      </c>
      <c r="E75009" s="15">
        <v>45560</v>
      </c>
      <c r="F75009" s="14" t="s">
        <v>53</v>
      </c>
      <c r="G75009" s="16">
        <v>0</v>
      </c>
    </row>
    <row r="75010" spans="1:7" x14ac:dyDescent="0.3">
      <c r="A75010" s="13" t="s">
        <v>385</v>
      </c>
      <c r="B75010" s="14" t="s">
        <v>1</v>
      </c>
      <c r="C75010" s="14" t="s">
        <v>109</v>
      </c>
      <c r="D75010" s="14" t="s">
        <v>269</v>
      </c>
      <c r="E75010" s="15">
        <v>45561</v>
      </c>
      <c r="F75010" s="14" t="s">
        <v>53</v>
      </c>
      <c r="G75010" s="16">
        <v>0</v>
      </c>
    </row>
    <row r="75011" spans="1:7" x14ac:dyDescent="0.3">
      <c r="A75011" s="13" t="s">
        <v>385</v>
      </c>
      <c r="B75011" s="14" t="s">
        <v>1</v>
      </c>
      <c r="C75011" s="14" t="s">
        <v>109</v>
      </c>
      <c r="D75011" s="14" t="s">
        <v>269</v>
      </c>
      <c r="E75011" s="15">
        <v>45562</v>
      </c>
      <c r="F75011" s="14" t="s">
        <v>53</v>
      </c>
      <c r="G75011" s="16">
        <v>0</v>
      </c>
    </row>
    <row r="75012" spans="1:7" x14ac:dyDescent="0.3">
      <c r="A75012" s="13" t="s">
        <v>385</v>
      </c>
      <c r="B75012" s="14" t="s">
        <v>1</v>
      </c>
      <c r="C75012" s="14" t="s">
        <v>109</v>
      </c>
      <c r="D75012" s="14" t="s">
        <v>269</v>
      </c>
      <c r="E75012" s="15">
        <v>45563</v>
      </c>
      <c r="F75012" s="14" t="s">
        <v>53</v>
      </c>
      <c r="G75012" s="16">
        <v>0</v>
      </c>
    </row>
    <row r="75013" spans="1:7" x14ac:dyDescent="0.3">
      <c r="A75013" s="13" t="s">
        <v>385</v>
      </c>
      <c r="B75013" s="14" t="s">
        <v>1</v>
      </c>
      <c r="C75013" s="14" t="s">
        <v>109</v>
      </c>
      <c r="D75013" s="14" t="s">
        <v>269</v>
      </c>
      <c r="E75013" s="15">
        <v>45564</v>
      </c>
      <c r="F75013" s="14" t="s">
        <v>53</v>
      </c>
      <c r="G75013" s="16">
        <v>0</v>
      </c>
    </row>
    <row r="75014" spans="1:7" x14ac:dyDescent="0.3">
      <c r="A75014" s="13" t="s">
        <v>385</v>
      </c>
      <c r="B75014" s="14" t="s">
        <v>1</v>
      </c>
      <c r="C75014" s="14" t="s">
        <v>109</v>
      </c>
      <c r="D75014" s="14" t="s">
        <v>269</v>
      </c>
      <c r="E75014" s="15">
        <v>45565</v>
      </c>
      <c r="F75014" s="14" t="s">
        <v>53</v>
      </c>
      <c r="G75014" s="16">
        <v>0</v>
      </c>
    </row>
    <row r="75015" spans="1:7" x14ac:dyDescent="0.3">
      <c r="A75015" s="13" t="s">
        <v>385</v>
      </c>
      <c r="B75015" s="14" t="s">
        <v>1</v>
      </c>
      <c r="C75015" s="14" t="s">
        <v>109</v>
      </c>
      <c r="D75015" s="14" t="s">
        <v>269</v>
      </c>
      <c r="E75015" s="15">
        <v>45566</v>
      </c>
      <c r="F75015" s="14" t="s">
        <v>53</v>
      </c>
      <c r="G75015" s="16">
        <v>0</v>
      </c>
    </row>
    <row r="75016" spans="1:7" x14ac:dyDescent="0.3">
      <c r="A75016" s="13" t="s">
        <v>385</v>
      </c>
      <c r="B75016" s="14" t="s">
        <v>1</v>
      </c>
      <c r="C75016" s="14" t="s">
        <v>109</v>
      </c>
      <c r="D75016" s="14" t="s">
        <v>269</v>
      </c>
      <c r="E75016" s="15">
        <v>45567</v>
      </c>
      <c r="F75016" s="14" t="s">
        <v>53</v>
      </c>
      <c r="G75016" s="16">
        <v>0</v>
      </c>
    </row>
    <row r="75017" spans="1:7" x14ac:dyDescent="0.3">
      <c r="A75017" s="13" t="s">
        <v>385</v>
      </c>
      <c r="B75017" s="14" t="s">
        <v>1</v>
      </c>
      <c r="C75017" s="14" t="s">
        <v>109</v>
      </c>
      <c r="D75017" s="14" t="s">
        <v>269</v>
      </c>
      <c r="E75017" s="15">
        <v>45568</v>
      </c>
      <c r="F75017" s="14" t="s">
        <v>53</v>
      </c>
      <c r="G75017" s="16">
        <v>0</v>
      </c>
    </row>
    <row r="75018" spans="1:7" x14ac:dyDescent="0.3">
      <c r="A75018" s="13" t="s">
        <v>385</v>
      </c>
      <c r="B75018" s="14" t="s">
        <v>1</v>
      </c>
      <c r="C75018" s="14" t="s">
        <v>109</v>
      </c>
      <c r="D75018" s="14" t="s">
        <v>269</v>
      </c>
      <c r="E75018" s="15">
        <v>45569</v>
      </c>
      <c r="F75018" s="14" t="s">
        <v>53</v>
      </c>
      <c r="G75018" s="16">
        <v>0</v>
      </c>
    </row>
    <row r="75019" spans="1:7" x14ac:dyDescent="0.3">
      <c r="A75019" s="13" t="s">
        <v>385</v>
      </c>
      <c r="B75019" s="14" t="s">
        <v>1</v>
      </c>
      <c r="C75019" s="14" t="s">
        <v>109</v>
      </c>
      <c r="D75019" s="14" t="s">
        <v>269</v>
      </c>
      <c r="E75019" s="15">
        <v>45570</v>
      </c>
      <c r="F75019" s="14" t="s">
        <v>53</v>
      </c>
      <c r="G75019" s="16">
        <v>0</v>
      </c>
    </row>
    <row r="75020" spans="1:7" x14ac:dyDescent="0.3">
      <c r="A75020" s="13" t="s">
        <v>385</v>
      </c>
      <c r="B75020" s="14" t="s">
        <v>1</v>
      </c>
      <c r="C75020" s="14" t="s">
        <v>109</v>
      </c>
      <c r="D75020" s="14" t="s">
        <v>269</v>
      </c>
      <c r="E75020" s="15">
        <v>45571</v>
      </c>
      <c r="F75020" s="14" t="s">
        <v>53</v>
      </c>
      <c r="G75020" s="16">
        <v>0</v>
      </c>
    </row>
    <row r="75021" spans="1:7" x14ac:dyDescent="0.3">
      <c r="A75021" s="13" t="s">
        <v>385</v>
      </c>
      <c r="B75021" s="14" t="s">
        <v>1</v>
      </c>
      <c r="C75021" s="14" t="s">
        <v>109</v>
      </c>
      <c r="D75021" s="14" t="s">
        <v>269</v>
      </c>
      <c r="E75021" s="15">
        <v>45572</v>
      </c>
      <c r="F75021" s="14" t="s">
        <v>53</v>
      </c>
      <c r="G75021" s="16">
        <v>0</v>
      </c>
    </row>
    <row r="75022" spans="1:7" x14ac:dyDescent="0.3">
      <c r="A75022" s="13" t="s">
        <v>385</v>
      </c>
      <c r="B75022" s="14" t="s">
        <v>1</v>
      </c>
      <c r="C75022" s="14" t="s">
        <v>109</v>
      </c>
      <c r="D75022" s="14" t="s">
        <v>269</v>
      </c>
      <c r="E75022" s="15">
        <v>45573</v>
      </c>
      <c r="F75022" s="14" t="s">
        <v>53</v>
      </c>
      <c r="G75022" s="16">
        <v>0</v>
      </c>
    </row>
    <row r="75023" spans="1:7" x14ac:dyDescent="0.3">
      <c r="A75023" s="13" t="s">
        <v>385</v>
      </c>
      <c r="B75023" s="14" t="s">
        <v>1</v>
      </c>
      <c r="C75023" s="14" t="s">
        <v>109</v>
      </c>
      <c r="D75023" s="14" t="s">
        <v>269</v>
      </c>
      <c r="E75023" s="15">
        <v>45574</v>
      </c>
      <c r="F75023" s="14" t="s">
        <v>53</v>
      </c>
      <c r="G75023" s="16">
        <v>0</v>
      </c>
    </row>
    <row r="75024" spans="1:7" x14ac:dyDescent="0.3">
      <c r="A75024" s="13" t="s">
        <v>385</v>
      </c>
      <c r="B75024" s="14" t="s">
        <v>1</v>
      </c>
      <c r="C75024" s="14" t="s">
        <v>109</v>
      </c>
      <c r="D75024" s="14" t="s">
        <v>269</v>
      </c>
      <c r="E75024" s="15">
        <v>45575</v>
      </c>
      <c r="F75024" s="14" t="s">
        <v>53</v>
      </c>
      <c r="G75024" s="16">
        <v>0</v>
      </c>
    </row>
    <row r="75025" spans="1:7" x14ac:dyDescent="0.3">
      <c r="A75025" s="13" t="s">
        <v>385</v>
      </c>
      <c r="B75025" s="14" t="s">
        <v>1</v>
      </c>
      <c r="C75025" s="14" t="s">
        <v>109</v>
      </c>
      <c r="D75025" s="14" t="s">
        <v>269</v>
      </c>
      <c r="E75025" s="15">
        <v>45576</v>
      </c>
      <c r="F75025" s="14" t="s">
        <v>53</v>
      </c>
      <c r="G75025" s="16">
        <v>0</v>
      </c>
    </row>
    <row r="75026" spans="1:7" x14ac:dyDescent="0.3">
      <c r="A75026" s="13" t="s">
        <v>385</v>
      </c>
      <c r="B75026" s="14" t="s">
        <v>1</v>
      </c>
      <c r="C75026" s="14" t="s">
        <v>109</v>
      </c>
      <c r="D75026" s="14" t="s">
        <v>269</v>
      </c>
      <c r="E75026" s="15">
        <v>45577</v>
      </c>
      <c r="F75026" s="14" t="s">
        <v>53</v>
      </c>
      <c r="G75026" s="16">
        <v>0</v>
      </c>
    </row>
    <row r="75027" spans="1:7" x14ac:dyDescent="0.3">
      <c r="A75027" s="13" t="s">
        <v>385</v>
      </c>
      <c r="B75027" s="14" t="s">
        <v>1</v>
      </c>
      <c r="C75027" s="14" t="s">
        <v>109</v>
      </c>
      <c r="D75027" s="14" t="s">
        <v>269</v>
      </c>
      <c r="E75027" s="15">
        <v>45578</v>
      </c>
      <c r="F75027" s="14" t="s">
        <v>53</v>
      </c>
      <c r="G75027" s="16">
        <v>0</v>
      </c>
    </row>
    <row r="75028" spans="1:7" x14ac:dyDescent="0.3">
      <c r="A75028" s="13" t="s">
        <v>385</v>
      </c>
      <c r="B75028" s="14" t="s">
        <v>1</v>
      </c>
      <c r="C75028" s="14" t="s">
        <v>109</v>
      </c>
      <c r="D75028" s="14" t="s">
        <v>269</v>
      </c>
      <c r="E75028" s="15">
        <v>45579</v>
      </c>
      <c r="F75028" s="14" t="s">
        <v>53</v>
      </c>
      <c r="G75028" s="16">
        <v>0</v>
      </c>
    </row>
    <row r="75029" spans="1:7" x14ac:dyDescent="0.3">
      <c r="A75029" s="13" t="s">
        <v>385</v>
      </c>
      <c r="B75029" s="14" t="s">
        <v>1</v>
      </c>
      <c r="C75029" s="14" t="s">
        <v>109</v>
      </c>
      <c r="D75029" s="14" t="s">
        <v>269</v>
      </c>
      <c r="E75029" s="15">
        <v>45580</v>
      </c>
      <c r="F75029" s="14" t="s">
        <v>53</v>
      </c>
      <c r="G75029" s="16">
        <v>0</v>
      </c>
    </row>
    <row r="75030" spans="1:7" x14ac:dyDescent="0.3">
      <c r="A75030" s="13" t="s">
        <v>385</v>
      </c>
      <c r="B75030" s="14" t="s">
        <v>1</v>
      </c>
      <c r="C75030" s="14" t="s">
        <v>109</v>
      </c>
      <c r="D75030" s="14" t="s">
        <v>269</v>
      </c>
      <c r="E75030" s="15">
        <v>45581</v>
      </c>
      <c r="F75030" s="14" t="s">
        <v>53</v>
      </c>
      <c r="G75030" s="16">
        <v>0</v>
      </c>
    </row>
    <row r="75031" spans="1:7" x14ac:dyDescent="0.3">
      <c r="A75031" s="13" t="s">
        <v>385</v>
      </c>
      <c r="B75031" s="14" t="s">
        <v>1</v>
      </c>
      <c r="C75031" s="14" t="s">
        <v>109</v>
      </c>
      <c r="D75031" s="14" t="s">
        <v>269</v>
      </c>
      <c r="E75031" s="15">
        <v>45582</v>
      </c>
      <c r="F75031" s="14" t="s">
        <v>53</v>
      </c>
      <c r="G75031" s="16">
        <v>0</v>
      </c>
    </row>
    <row r="75032" spans="1:7" x14ac:dyDescent="0.3">
      <c r="A75032" s="13" t="s">
        <v>385</v>
      </c>
      <c r="B75032" s="14" t="s">
        <v>1</v>
      </c>
      <c r="C75032" s="14" t="s">
        <v>109</v>
      </c>
      <c r="D75032" s="14" t="s">
        <v>269</v>
      </c>
      <c r="E75032" s="15">
        <v>45583</v>
      </c>
      <c r="F75032" s="14" t="s">
        <v>53</v>
      </c>
      <c r="G75032" s="16">
        <v>0</v>
      </c>
    </row>
    <row r="75033" spans="1:7" x14ac:dyDescent="0.3">
      <c r="A75033" s="13" t="s">
        <v>385</v>
      </c>
      <c r="B75033" s="14" t="s">
        <v>1</v>
      </c>
      <c r="C75033" s="14" t="s">
        <v>109</v>
      </c>
      <c r="D75033" s="14" t="s">
        <v>269</v>
      </c>
      <c r="E75033" s="15">
        <v>45584</v>
      </c>
      <c r="F75033" s="14" t="s">
        <v>53</v>
      </c>
      <c r="G75033" s="16">
        <v>0</v>
      </c>
    </row>
    <row r="75034" spans="1:7" x14ac:dyDescent="0.3">
      <c r="A75034" s="13" t="s">
        <v>385</v>
      </c>
      <c r="B75034" s="14" t="s">
        <v>1</v>
      </c>
      <c r="C75034" s="14" t="s">
        <v>109</v>
      </c>
      <c r="D75034" s="14" t="s">
        <v>269</v>
      </c>
      <c r="E75034" s="15">
        <v>45585</v>
      </c>
      <c r="F75034" s="14" t="s">
        <v>53</v>
      </c>
      <c r="G75034" s="16">
        <v>0</v>
      </c>
    </row>
    <row r="75035" spans="1:7" x14ac:dyDescent="0.3">
      <c r="A75035" s="13" t="s">
        <v>385</v>
      </c>
      <c r="B75035" s="14" t="s">
        <v>1</v>
      </c>
      <c r="C75035" s="14" t="s">
        <v>109</v>
      </c>
      <c r="D75035" s="14" t="s">
        <v>269</v>
      </c>
      <c r="E75035" s="15">
        <v>45586</v>
      </c>
      <c r="F75035" s="14" t="s">
        <v>53</v>
      </c>
      <c r="G75035" s="16">
        <v>0</v>
      </c>
    </row>
    <row r="75036" spans="1:7" x14ac:dyDescent="0.3">
      <c r="A75036" s="13" t="s">
        <v>385</v>
      </c>
      <c r="B75036" s="14" t="s">
        <v>1</v>
      </c>
      <c r="C75036" s="14" t="s">
        <v>109</v>
      </c>
      <c r="D75036" s="14" t="s">
        <v>269</v>
      </c>
      <c r="E75036" s="15">
        <v>45587</v>
      </c>
      <c r="F75036" s="14" t="s">
        <v>53</v>
      </c>
      <c r="G75036" s="16">
        <v>0</v>
      </c>
    </row>
    <row r="75037" spans="1:7" x14ac:dyDescent="0.3">
      <c r="A75037" s="13" t="s">
        <v>385</v>
      </c>
      <c r="B75037" s="14" t="s">
        <v>1</v>
      </c>
      <c r="C75037" s="14" t="s">
        <v>109</v>
      </c>
      <c r="D75037" s="14" t="s">
        <v>269</v>
      </c>
      <c r="E75037" s="15">
        <v>45588</v>
      </c>
      <c r="F75037" s="14" t="s">
        <v>53</v>
      </c>
      <c r="G75037" s="16">
        <v>0</v>
      </c>
    </row>
    <row r="75038" spans="1:7" x14ac:dyDescent="0.3">
      <c r="A75038" s="13" t="s">
        <v>385</v>
      </c>
      <c r="B75038" s="14" t="s">
        <v>1</v>
      </c>
      <c r="C75038" s="14" t="s">
        <v>109</v>
      </c>
      <c r="D75038" s="14" t="s">
        <v>269</v>
      </c>
      <c r="E75038" s="15">
        <v>45589</v>
      </c>
      <c r="F75038" s="14" t="s">
        <v>53</v>
      </c>
      <c r="G75038" s="16">
        <v>0</v>
      </c>
    </row>
    <row r="75039" spans="1:7" x14ac:dyDescent="0.3">
      <c r="A75039" s="13" t="s">
        <v>385</v>
      </c>
      <c r="B75039" s="14" t="s">
        <v>1</v>
      </c>
      <c r="C75039" s="14" t="s">
        <v>109</v>
      </c>
      <c r="D75039" s="14" t="s">
        <v>269</v>
      </c>
      <c r="E75039" s="15">
        <v>45590</v>
      </c>
      <c r="F75039" s="14" t="s">
        <v>53</v>
      </c>
      <c r="G75039" s="16">
        <v>0</v>
      </c>
    </row>
    <row r="75040" spans="1:7" x14ac:dyDescent="0.3">
      <c r="A75040" s="13" t="s">
        <v>385</v>
      </c>
      <c r="B75040" s="14" t="s">
        <v>1</v>
      </c>
      <c r="C75040" s="14" t="s">
        <v>109</v>
      </c>
      <c r="D75040" s="14" t="s">
        <v>269</v>
      </c>
      <c r="E75040" s="15">
        <v>45591</v>
      </c>
      <c r="F75040" s="14" t="s">
        <v>53</v>
      </c>
      <c r="G75040" s="16">
        <v>0</v>
      </c>
    </row>
    <row r="75041" spans="1:7" x14ac:dyDescent="0.3">
      <c r="A75041" s="13" t="s">
        <v>385</v>
      </c>
      <c r="B75041" s="14" t="s">
        <v>1</v>
      </c>
      <c r="C75041" s="14" t="s">
        <v>109</v>
      </c>
      <c r="D75041" s="14" t="s">
        <v>269</v>
      </c>
      <c r="E75041" s="15">
        <v>45592</v>
      </c>
      <c r="F75041" s="14" t="s">
        <v>53</v>
      </c>
      <c r="G75041" s="16">
        <v>0</v>
      </c>
    </row>
    <row r="75042" spans="1:7" x14ac:dyDescent="0.3">
      <c r="A75042" s="13" t="s">
        <v>385</v>
      </c>
      <c r="B75042" s="14" t="s">
        <v>1</v>
      </c>
      <c r="C75042" s="14" t="s">
        <v>109</v>
      </c>
      <c r="D75042" s="14" t="s">
        <v>269</v>
      </c>
      <c r="E75042" s="15">
        <v>45593</v>
      </c>
      <c r="F75042" s="14" t="s">
        <v>53</v>
      </c>
      <c r="G75042" s="16">
        <v>0</v>
      </c>
    </row>
    <row r="75043" spans="1:7" x14ac:dyDescent="0.3">
      <c r="A75043" s="13" t="s">
        <v>385</v>
      </c>
      <c r="B75043" s="14" t="s">
        <v>1</v>
      </c>
      <c r="C75043" s="14" t="s">
        <v>109</v>
      </c>
      <c r="D75043" s="14" t="s">
        <v>269</v>
      </c>
      <c r="E75043" s="15">
        <v>45594</v>
      </c>
      <c r="F75043" s="14" t="s">
        <v>53</v>
      </c>
      <c r="G75043" s="16">
        <v>0</v>
      </c>
    </row>
    <row r="75044" spans="1:7" x14ac:dyDescent="0.3">
      <c r="A75044" s="13" t="s">
        <v>385</v>
      </c>
      <c r="B75044" s="14" t="s">
        <v>1</v>
      </c>
      <c r="C75044" s="14" t="s">
        <v>109</v>
      </c>
      <c r="D75044" s="14" t="s">
        <v>269</v>
      </c>
      <c r="E75044" s="15">
        <v>45595</v>
      </c>
      <c r="F75044" s="14" t="s">
        <v>53</v>
      </c>
      <c r="G75044" s="16">
        <v>0</v>
      </c>
    </row>
    <row r="75045" spans="1:7" x14ac:dyDescent="0.3">
      <c r="A75045" s="13" t="s">
        <v>385</v>
      </c>
      <c r="B75045" s="14" t="s">
        <v>1</v>
      </c>
      <c r="C75045" s="14" t="s">
        <v>109</v>
      </c>
      <c r="D75045" s="14" t="s">
        <v>269</v>
      </c>
      <c r="E75045" s="15">
        <v>45596</v>
      </c>
      <c r="F75045" s="14" t="s">
        <v>53</v>
      </c>
      <c r="G75045" s="16">
        <v>0</v>
      </c>
    </row>
    <row r="75046" spans="1:7" x14ac:dyDescent="0.3">
      <c r="A75046" s="13" t="s">
        <v>385</v>
      </c>
      <c r="B75046" s="14" t="s">
        <v>1</v>
      </c>
      <c r="C75046" s="14" t="s">
        <v>109</v>
      </c>
      <c r="D75046" s="14" t="s">
        <v>269</v>
      </c>
      <c r="E75046" s="15">
        <v>45597</v>
      </c>
      <c r="F75046" s="14" t="s">
        <v>53</v>
      </c>
      <c r="G75046" s="16">
        <v>0</v>
      </c>
    </row>
    <row r="75047" spans="1:7" x14ac:dyDescent="0.3">
      <c r="A75047" s="13" t="s">
        <v>385</v>
      </c>
      <c r="B75047" s="14" t="s">
        <v>1</v>
      </c>
      <c r="C75047" s="14" t="s">
        <v>109</v>
      </c>
      <c r="D75047" s="14" t="s">
        <v>269</v>
      </c>
      <c r="E75047" s="15">
        <v>45598</v>
      </c>
      <c r="F75047" s="14" t="s">
        <v>53</v>
      </c>
      <c r="G75047" s="16">
        <v>0</v>
      </c>
    </row>
    <row r="75048" spans="1:7" x14ac:dyDescent="0.3">
      <c r="A75048" s="13" t="s">
        <v>385</v>
      </c>
      <c r="B75048" s="14" t="s">
        <v>1</v>
      </c>
      <c r="C75048" s="14" t="s">
        <v>109</v>
      </c>
      <c r="D75048" s="14" t="s">
        <v>269</v>
      </c>
      <c r="E75048" s="15">
        <v>45599</v>
      </c>
      <c r="F75048" s="14" t="s">
        <v>53</v>
      </c>
      <c r="G75048" s="16">
        <v>0</v>
      </c>
    </row>
    <row r="75049" spans="1:7" x14ac:dyDescent="0.3">
      <c r="A75049" s="13" t="s">
        <v>385</v>
      </c>
      <c r="B75049" s="14" t="s">
        <v>1</v>
      </c>
      <c r="C75049" s="14" t="s">
        <v>109</v>
      </c>
      <c r="D75049" s="14" t="s">
        <v>269</v>
      </c>
      <c r="E75049" s="15">
        <v>45600</v>
      </c>
      <c r="F75049" s="14" t="s">
        <v>53</v>
      </c>
      <c r="G75049" s="16">
        <v>0</v>
      </c>
    </row>
    <row r="75050" spans="1:7" x14ac:dyDescent="0.3">
      <c r="A75050" s="13" t="s">
        <v>385</v>
      </c>
      <c r="B75050" s="14" t="s">
        <v>1</v>
      </c>
      <c r="C75050" s="14" t="s">
        <v>109</v>
      </c>
      <c r="D75050" s="14" t="s">
        <v>269</v>
      </c>
      <c r="E75050" s="15">
        <v>45601</v>
      </c>
      <c r="F75050" s="14" t="s">
        <v>53</v>
      </c>
      <c r="G75050" s="16">
        <v>0</v>
      </c>
    </row>
    <row r="75051" spans="1:7" x14ac:dyDescent="0.3">
      <c r="A75051" s="13" t="s">
        <v>385</v>
      </c>
      <c r="B75051" s="14" t="s">
        <v>1</v>
      </c>
      <c r="C75051" s="14" t="s">
        <v>109</v>
      </c>
      <c r="D75051" s="14" t="s">
        <v>269</v>
      </c>
      <c r="E75051" s="15">
        <v>45602</v>
      </c>
      <c r="F75051" s="14" t="s">
        <v>53</v>
      </c>
      <c r="G75051" s="16">
        <v>0</v>
      </c>
    </row>
    <row r="75052" spans="1:7" x14ac:dyDescent="0.3">
      <c r="A75052" s="13" t="s">
        <v>385</v>
      </c>
      <c r="B75052" s="14" t="s">
        <v>1</v>
      </c>
      <c r="C75052" s="14" t="s">
        <v>109</v>
      </c>
      <c r="D75052" s="14" t="s">
        <v>269</v>
      </c>
      <c r="E75052" s="15">
        <v>45603</v>
      </c>
      <c r="F75052" s="14" t="s">
        <v>53</v>
      </c>
      <c r="G75052" s="16">
        <v>0</v>
      </c>
    </row>
    <row r="75053" spans="1:7" x14ac:dyDescent="0.3">
      <c r="A75053" s="13" t="s">
        <v>385</v>
      </c>
      <c r="B75053" s="14" t="s">
        <v>1</v>
      </c>
      <c r="C75053" s="14" t="s">
        <v>109</v>
      </c>
      <c r="D75053" s="14" t="s">
        <v>269</v>
      </c>
      <c r="E75053" s="15">
        <v>45604</v>
      </c>
      <c r="F75053" s="14" t="s">
        <v>53</v>
      </c>
      <c r="G75053" s="16">
        <v>0</v>
      </c>
    </row>
    <row r="75054" spans="1:7" x14ac:dyDescent="0.3">
      <c r="A75054" s="13" t="s">
        <v>385</v>
      </c>
      <c r="B75054" s="14" t="s">
        <v>1</v>
      </c>
      <c r="C75054" s="14" t="s">
        <v>109</v>
      </c>
      <c r="D75054" s="14" t="s">
        <v>269</v>
      </c>
      <c r="E75054" s="15">
        <v>45605</v>
      </c>
      <c r="F75054" s="14" t="s">
        <v>53</v>
      </c>
      <c r="G75054" s="16">
        <v>0</v>
      </c>
    </row>
    <row r="75055" spans="1:7" x14ac:dyDescent="0.3">
      <c r="A75055" s="13" t="s">
        <v>385</v>
      </c>
      <c r="B75055" s="14" t="s">
        <v>1</v>
      </c>
      <c r="C75055" s="14" t="s">
        <v>109</v>
      </c>
      <c r="D75055" s="14" t="s">
        <v>269</v>
      </c>
      <c r="E75055" s="15">
        <v>45606</v>
      </c>
      <c r="F75055" s="14" t="s">
        <v>53</v>
      </c>
      <c r="G75055" s="16">
        <v>0</v>
      </c>
    </row>
    <row r="75056" spans="1:7" x14ac:dyDescent="0.3">
      <c r="A75056" s="13" t="s">
        <v>385</v>
      </c>
      <c r="B75056" s="14" t="s">
        <v>1</v>
      </c>
      <c r="C75056" s="14" t="s">
        <v>109</v>
      </c>
      <c r="D75056" s="14" t="s">
        <v>269</v>
      </c>
      <c r="E75056" s="15">
        <v>45607</v>
      </c>
      <c r="F75056" s="14" t="s">
        <v>53</v>
      </c>
      <c r="G75056" s="16">
        <v>0</v>
      </c>
    </row>
    <row r="75057" spans="1:7" x14ac:dyDescent="0.3">
      <c r="A75057" s="13" t="s">
        <v>385</v>
      </c>
      <c r="B75057" s="14" t="s">
        <v>1</v>
      </c>
      <c r="C75057" s="14" t="s">
        <v>109</v>
      </c>
      <c r="D75057" s="14" t="s">
        <v>269</v>
      </c>
      <c r="E75057" s="15">
        <v>45608</v>
      </c>
      <c r="F75057" s="14" t="s">
        <v>53</v>
      </c>
      <c r="G75057" s="16">
        <v>0</v>
      </c>
    </row>
    <row r="75058" spans="1:7" x14ac:dyDescent="0.3">
      <c r="A75058" s="13" t="s">
        <v>385</v>
      </c>
      <c r="B75058" s="14" t="s">
        <v>1</v>
      </c>
      <c r="C75058" s="14" t="s">
        <v>109</v>
      </c>
      <c r="D75058" s="14" t="s">
        <v>269</v>
      </c>
      <c r="E75058" s="15">
        <v>45609</v>
      </c>
      <c r="F75058" s="14" t="s">
        <v>53</v>
      </c>
      <c r="G75058" s="16">
        <v>0</v>
      </c>
    </row>
    <row r="75059" spans="1:7" x14ac:dyDescent="0.3">
      <c r="A75059" s="13" t="s">
        <v>385</v>
      </c>
      <c r="B75059" s="14" t="s">
        <v>1</v>
      </c>
      <c r="C75059" s="14" t="s">
        <v>109</v>
      </c>
      <c r="D75059" s="14" t="s">
        <v>269</v>
      </c>
      <c r="E75059" s="15">
        <v>45610</v>
      </c>
      <c r="F75059" s="14" t="s">
        <v>53</v>
      </c>
      <c r="G75059" s="16">
        <v>0</v>
      </c>
    </row>
    <row r="75060" spans="1:7" x14ac:dyDescent="0.3">
      <c r="A75060" s="13" t="s">
        <v>385</v>
      </c>
      <c r="B75060" s="14" t="s">
        <v>1</v>
      </c>
      <c r="C75060" s="14" t="s">
        <v>109</v>
      </c>
      <c r="D75060" s="14" t="s">
        <v>269</v>
      </c>
      <c r="E75060" s="15">
        <v>45611</v>
      </c>
      <c r="F75060" s="14" t="s">
        <v>53</v>
      </c>
      <c r="G75060" s="16">
        <v>0</v>
      </c>
    </row>
    <row r="75061" spans="1:7" x14ac:dyDescent="0.3">
      <c r="A75061" s="13" t="s">
        <v>385</v>
      </c>
      <c r="B75061" s="14" t="s">
        <v>1</v>
      </c>
      <c r="C75061" s="14" t="s">
        <v>109</v>
      </c>
      <c r="D75061" s="14" t="s">
        <v>269</v>
      </c>
      <c r="E75061" s="15">
        <v>45612</v>
      </c>
      <c r="F75061" s="14" t="s">
        <v>53</v>
      </c>
      <c r="G75061" s="16">
        <v>0</v>
      </c>
    </row>
    <row r="75062" spans="1:7" x14ac:dyDescent="0.3">
      <c r="A75062" s="13" t="s">
        <v>385</v>
      </c>
      <c r="B75062" s="14" t="s">
        <v>1</v>
      </c>
      <c r="C75062" s="14" t="s">
        <v>109</v>
      </c>
      <c r="D75062" s="14" t="s">
        <v>269</v>
      </c>
      <c r="E75062" s="15">
        <v>45613</v>
      </c>
      <c r="F75062" s="14" t="s">
        <v>53</v>
      </c>
      <c r="G75062" s="16">
        <v>0</v>
      </c>
    </row>
    <row r="75063" spans="1:7" x14ac:dyDescent="0.3">
      <c r="A75063" s="13" t="s">
        <v>385</v>
      </c>
      <c r="B75063" s="14" t="s">
        <v>1</v>
      </c>
      <c r="C75063" s="14" t="s">
        <v>109</v>
      </c>
      <c r="D75063" s="14" t="s">
        <v>269</v>
      </c>
      <c r="E75063" s="15">
        <v>45614</v>
      </c>
      <c r="F75063" s="14" t="s">
        <v>53</v>
      </c>
      <c r="G75063" s="16">
        <v>0</v>
      </c>
    </row>
    <row r="75064" spans="1:7" x14ac:dyDescent="0.3">
      <c r="A75064" s="13" t="s">
        <v>385</v>
      </c>
      <c r="B75064" s="14" t="s">
        <v>1</v>
      </c>
      <c r="C75064" s="14" t="s">
        <v>109</v>
      </c>
      <c r="D75064" s="14" t="s">
        <v>269</v>
      </c>
      <c r="E75064" s="15">
        <v>45615</v>
      </c>
      <c r="F75064" s="14" t="s">
        <v>53</v>
      </c>
      <c r="G75064" s="16">
        <v>0</v>
      </c>
    </row>
    <row r="75065" spans="1:7" x14ac:dyDescent="0.3">
      <c r="A75065" s="13" t="s">
        <v>385</v>
      </c>
      <c r="B75065" s="14" t="s">
        <v>1</v>
      </c>
      <c r="C75065" s="14" t="s">
        <v>109</v>
      </c>
      <c r="D75065" s="14" t="s">
        <v>269</v>
      </c>
      <c r="E75065" s="15">
        <v>45616</v>
      </c>
      <c r="F75065" s="14" t="s">
        <v>53</v>
      </c>
      <c r="G75065" s="16">
        <v>0</v>
      </c>
    </row>
    <row r="75066" spans="1:7" x14ac:dyDescent="0.3">
      <c r="A75066" s="13" t="s">
        <v>385</v>
      </c>
      <c r="B75066" s="14" t="s">
        <v>1</v>
      </c>
      <c r="C75066" s="14" t="s">
        <v>109</v>
      </c>
      <c r="D75066" s="14" t="s">
        <v>269</v>
      </c>
      <c r="E75066" s="15">
        <v>45617</v>
      </c>
      <c r="F75066" s="14" t="s">
        <v>53</v>
      </c>
      <c r="G75066" s="16">
        <v>0</v>
      </c>
    </row>
    <row r="75067" spans="1:7" x14ac:dyDescent="0.3">
      <c r="A75067" s="13" t="s">
        <v>385</v>
      </c>
      <c r="B75067" s="14" t="s">
        <v>1</v>
      </c>
      <c r="C75067" s="14" t="s">
        <v>109</v>
      </c>
      <c r="D75067" s="14" t="s">
        <v>269</v>
      </c>
      <c r="E75067" s="15">
        <v>45618</v>
      </c>
      <c r="F75067" s="14" t="s">
        <v>53</v>
      </c>
      <c r="G75067" s="16">
        <v>0</v>
      </c>
    </row>
    <row r="75068" spans="1:7" x14ac:dyDescent="0.3">
      <c r="A75068" s="13" t="s">
        <v>385</v>
      </c>
      <c r="B75068" s="14" t="s">
        <v>1</v>
      </c>
      <c r="C75068" s="14" t="s">
        <v>109</v>
      </c>
      <c r="D75068" s="14" t="s">
        <v>269</v>
      </c>
      <c r="E75068" s="15">
        <v>45619</v>
      </c>
      <c r="F75068" s="14" t="s">
        <v>53</v>
      </c>
      <c r="G75068" s="16">
        <v>0</v>
      </c>
    </row>
    <row r="75069" spans="1:7" x14ac:dyDescent="0.3">
      <c r="A75069" s="13" t="s">
        <v>385</v>
      </c>
      <c r="B75069" s="14" t="s">
        <v>1</v>
      </c>
      <c r="C75069" s="14" t="s">
        <v>109</v>
      </c>
      <c r="D75069" s="14" t="s">
        <v>269</v>
      </c>
      <c r="E75069" s="15">
        <v>45620</v>
      </c>
      <c r="F75069" s="14" t="s">
        <v>53</v>
      </c>
      <c r="G75069" s="16">
        <v>0</v>
      </c>
    </row>
    <row r="75070" spans="1:7" x14ac:dyDescent="0.3">
      <c r="A75070" s="13" t="s">
        <v>385</v>
      </c>
      <c r="B75070" s="14" t="s">
        <v>1</v>
      </c>
      <c r="C75070" s="14" t="s">
        <v>109</v>
      </c>
      <c r="D75070" s="14" t="s">
        <v>269</v>
      </c>
      <c r="E75070" s="15">
        <v>45621</v>
      </c>
      <c r="F75070" s="14" t="s">
        <v>53</v>
      </c>
      <c r="G75070" s="16">
        <v>0</v>
      </c>
    </row>
    <row r="75071" spans="1:7" x14ac:dyDescent="0.3">
      <c r="A75071" s="13" t="s">
        <v>385</v>
      </c>
      <c r="B75071" s="14" t="s">
        <v>1</v>
      </c>
      <c r="C75071" s="14" t="s">
        <v>109</v>
      </c>
      <c r="D75071" s="14" t="s">
        <v>269</v>
      </c>
      <c r="E75071" s="15">
        <v>45622</v>
      </c>
      <c r="F75071" s="14" t="s">
        <v>53</v>
      </c>
      <c r="G75071" s="16">
        <v>0</v>
      </c>
    </row>
    <row r="75072" spans="1:7" x14ac:dyDescent="0.3">
      <c r="A75072" s="13" t="s">
        <v>385</v>
      </c>
      <c r="B75072" s="14" t="s">
        <v>1</v>
      </c>
      <c r="C75072" s="14" t="s">
        <v>109</v>
      </c>
      <c r="D75072" s="14" t="s">
        <v>269</v>
      </c>
      <c r="E75072" s="15">
        <v>45623</v>
      </c>
      <c r="F75072" s="14" t="s">
        <v>53</v>
      </c>
      <c r="G75072" s="16">
        <v>0</v>
      </c>
    </row>
    <row r="75073" spans="1:7" x14ac:dyDescent="0.3">
      <c r="A75073" s="13" t="s">
        <v>385</v>
      </c>
      <c r="B75073" s="14" t="s">
        <v>1</v>
      </c>
      <c r="C75073" s="14" t="s">
        <v>109</v>
      </c>
      <c r="D75073" s="14" t="s">
        <v>269</v>
      </c>
      <c r="E75073" s="15">
        <v>45624</v>
      </c>
      <c r="F75073" s="14" t="s">
        <v>53</v>
      </c>
      <c r="G75073" s="16">
        <v>0</v>
      </c>
    </row>
    <row r="75074" spans="1:7" x14ac:dyDescent="0.3">
      <c r="A75074" s="13" t="s">
        <v>385</v>
      </c>
      <c r="B75074" s="14" t="s">
        <v>1</v>
      </c>
      <c r="C75074" s="14" t="s">
        <v>109</v>
      </c>
      <c r="D75074" s="14" t="s">
        <v>269</v>
      </c>
      <c r="E75074" s="15">
        <v>45625</v>
      </c>
      <c r="F75074" s="14" t="s">
        <v>53</v>
      </c>
      <c r="G75074" s="16">
        <v>0</v>
      </c>
    </row>
    <row r="75075" spans="1:7" x14ac:dyDescent="0.3">
      <c r="A75075" s="13" t="s">
        <v>385</v>
      </c>
      <c r="B75075" s="14" t="s">
        <v>1</v>
      </c>
      <c r="C75075" s="14" t="s">
        <v>109</v>
      </c>
      <c r="D75075" s="14" t="s">
        <v>269</v>
      </c>
      <c r="E75075" s="15">
        <v>45626</v>
      </c>
      <c r="F75075" s="14" t="s">
        <v>53</v>
      </c>
      <c r="G75075" s="16">
        <v>0</v>
      </c>
    </row>
    <row r="75076" spans="1:7" x14ac:dyDescent="0.3">
      <c r="A75076" s="13" t="s">
        <v>385</v>
      </c>
      <c r="B75076" s="14" t="s">
        <v>1</v>
      </c>
      <c r="C75076" s="14" t="s">
        <v>109</v>
      </c>
      <c r="D75076" s="14" t="s">
        <v>269</v>
      </c>
      <c r="E75076" s="15">
        <v>45627</v>
      </c>
      <c r="F75076" s="14" t="s">
        <v>53</v>
      </c>
      <c r="G75076" s="16">
        <v>0</v>
      </c>
    </row>
    <row r="75077" spans="1:7" x14ac:dyDescent="0.3">
      <c r="A75077" s="13" t="s">
        <v>385</v>
      </c>
      <c r="B75077" s="14" t="s">
        <v>1</v>
      </c>
      <c r="C75077" s="14" t="s">
        <v>109</v>
      </c>
      <c r="D75077" s="14" t="s">
        <v>269</v>
      </c>
      <c r="E75077" s="15">
        <v>45628</v>
      </c>
      <c r="F75077" s="14" t="s">
        <v>53</v>
      </c>
      <c r="G75077" s="16">
        <v>0</v>
      </c>
    </row>
    <row r="75078" spans="1:7" x14ac:dyDescent="0.3">
      <c r="A75078" s="13" t="s">
        <v>385</v>
      </c>
      <c r="B75078" s="14" t="s">
        <v>1</v>
      </c>
      <c r="C75078" s="14" t="s">
        <v>109</v>
      </c>
      <c r="D75078" s="14" t="s">
        <v>269</v>
      </c>
      <c r="E75078" s="15">
        <v>45629</v>
      </c>
      <c r="F75078" s="14" t="s">
        <v>53</v>
      </c>
      <c r="G75078" s="16">
        <v>0</v>
      </c>
    </row>
    <row r="75079" spans="1:7" x14ac:dyDescent="0.3">
      <c r="A75079" s="13" t="s">
        <v>385</v>
      </c>
      <c r="B75079" s="14" t="s">
        <v>1</v>
      </c>
      <c r="C75079" s="14" t="s">
        <v>109</v>
      </c>
      <c r="D75079" s="14" t="s">
        <v>269</v>
      </c>
      <c r="E75079" s="15">
        <v>45630</v>
      </c>
      <c r="F75079" s="14" t="s">
        <v>53</v>
      </c>
      <c r="G75079" s="16">
        <v>0</v>
      </c>
    </row>
    <row r="75080" spans="1:7" x14ac:dyDescent="0.3">
      <c r="A75080" s="13" t="s">
        <v>385</v>
      </c>
      <c r="B75080" s="14" t="s">
        <v>1</v>
      </c>
      <c r="C75080" s="14" t="s">
        <v>109</v>
      </c>
      <c r="D75080" s="14" t="s">
        <v>269</v>
      </c>
      <c r="E75080" s="15">
        <v>45631</v>
      </c>
      <c r="F75080" s="14" t="s">
        <v>53</v>
      </c>
      <c r="G75080" s="16">
        <v>0</v>
      </c>
    </row>
    <row r="75081" spans="1:7" x14ac:dyDescent="0.3">
      <c r="A75081" s="13" t="s">
        <v>385</v>
      </c>
      <c r="B75081" s="14" t="s">
        <v>1</v>
      </c>
      <c r="C75081" s="14" t="s">
        <v>109</v>
      </c>
      <c r="D75081" s="14" t="s">
        <v>269</v>
      </c>
      <c r="E75081" s="15">
        <v>45632</v>
      </c>
      <c r="F75081" s="14" t="s">
        <v>53</v>
      </c>
      <c r="G75081" s="16">
        <v>0</v>
      </c>
    </row>
    <row r="75082" spans="1:7" x14ac:dyDescent="0.3">
      <c r="A75082" s="13" t="s">
        <v>385</v>
      </c>
      <c r="B75082" s="14" t="s">
        <v>1</v>
      </c>
      <c r="C75082" s="14" t="s">
        <v>109</v>
      </c>
      <c r="D75082" s="14" t="s">
        <v>269</v>
      </c>
      <c r="E75082" s="15">
        <v>45633</v>
      </c>
      <c r="F75082" s="14" t="s">
        <v>53</v>
      </c>
      <c r="G75082" s="16">
        <v>0</v>
      </c>
    </row>
    <row r="75083" spans="1:7" x14ac:dyDescent="0.3">
      <c r="A75083" s="13" t="s">
        <v>385</v>
      </c>
      <c r="B75083" s="14" t="s">
        <v>1</v>
      </c>
      <c r="C75083" s="14" t="s">
        <v>109</v>
      </c>
      <c r="D75083" s="14" t="s">
        <v>269</v>
      </c>
      <c r="E75083" s="15">
        <v>45634</v>
      </c>
      <c r="F75083" s="14" t="s">
        <v>53</v>
      </c>
      <c r="G75083" s="16">
        <v>0</v>
      </c>
    </row>
    <row r="75084" spans="1:7" x14ac:dyDescent="0.3">
      <c r="A75084" s="13" t="s">
        <v>385</v>
      </c>
      <c r="B75084" s="14" t="s">
        <v>1</v>
      </c>
      <c r="C75084" s="14" t="s">
        <v>109</v>
      </c>
      <c r="D75084" s="14" t="s">
        <v>269</v>
      </c>
      <c r="E75084" s="15">
        <v>45635</v>
      </c>
      <c r="F75084" s="14" t="s">
        <v>53</v>
      </c>
      <c r="G75084" s="16">
        <v>0</v>
      </c>
    </row>
    <row r="75085" spans="1:7" x14ac:dyDescent="0.3">
      <c r="A75085" s="13" t="s">
        <v>385</v>
      </c>
      <c r="B75085" s="14" t="s">
        <v>1</v>
      </c>
      <c r="C75085" s="14" t="s">
        <v>109</v>
      </c>
      <c r="D75085" s="14" t="s">
        <v>269</v>
      </c>
      <c r="E75085" s="15">
        <v>45636</v>
      </c>
      <c r="F75085" s="14" t="s">
        <v>53</v>
      </c>
      <c r="G75085" s="16">
        <v>0</v>
      </c>
    </row>
    <row r="75086" spans="1:7" x14ac:dyDescent="0.3">
      <c r="A75086" s="13" t="s">
        <v>385</v>
      </c>
      <c r="B75086" s="14" t="s">
        <v>1</v>
      </c>
      <c r="C75086" s="14" t="s">
        <v>109</v>
      </c>
      <c r="D75086" s="14" t="s">
        <v>269</v>
      </c>
      <c r="E75086" s="15">
        <v>45637</v>
      </c>
      <c r="F75086" s="14" t="s">
        <v>53</v>
      </c>
      <c r="G75086" s="16">
        <v>0</v>
      </c>
    </row>
    <row r="75087" spans="1:7" x14ac:dyDescent="0.3">
      <c r="A75087" s="13" t="s">
        <v>385</v>
      </c>
      <c r="B75087" s="14" t="s">
        <v>1</v>
      </c>
      <c r="C75087" s="14" t="s">
        <v>109</v>
      </c>
      <c r="D75087" s="14" t="s">
        <v>269</v>
      </c>
      <c r="E75087" s="15">
        <v>45638</v>
      </c>
      <c r="F75087" s="14" t="s">
        <v>53</v>
      </c>
      <c r="G75087" s="16">
        <v>0</v>
      </c>
    </row>
    <row r="75088" spans="1:7" x14ac:dyDescent="0.3">
      <c r="A75088" s="13" t="s">
        <v>385</v>
      </c>
      <c r="B75088" s="14" t="s">
        <v>1</v>
      </c>
      <c r="C75088" s="14" t="s">
        <v>109</v>
      </c>
      <c r="D75088" s="14" t="s">
        <v>269</v>
      </c>
      <c r="E75088" s="15">
        <v>45639</v>
      </c>
      <c r="F75088" s="14" t="s">
        <v>53</v>
      </c>
      <c r="G75088" s="16">
        <v>0</v>
      </c>
    </row>
    <row r="75089" spans="1:7" x14ac:dyDescent="0.3">
      <c r="A75089" s="13" t="s">
        <v>385</v>
      </c>
      <c r="B75089" s="14" t="s">
        <v>1</v>
      </c>
      <c r="C75089" s="14" t="s">
        <v>109</v>
      </c>
      <c r="D75089" s="14" t="s">
        <v>269</v>
      </c>
      <c r="E75089" s="15">
        <v>45640</v>
      </c>
      <c r="F75089" s="14" t="s">
        <v>53</v>
      </c>
      <c r="G75089" s="16">
        <v>0</v>
      </c>
    </row>
    <row r="75090" spans="1:7" x14ac:dyDescent="0.3">
      <c r="A75090" s="13" t="s">
        <v>385</v>
      </c>
      <c r="B75090" s="14" t="s">
        <v>1</v>
      </c>
      <c r="C75090" s="14" t="s">
        <v>109</v>
      </c>
      <c r="D75090" s="14" t="s">
        <v>269</v>
      </c>
      <c r="E75090" s="15">
        <v>45641</v>
      </c>
      <c r="F75090" s="14" t="s">
        <v>53</v>
      </c>
      <c r="G75090" s="16">
        <v>0</v>
      </c>
    </row>
    <row r="75091" spans="1:7" x14ac:dyDescent="0.3">
      <c r="A75091" s="13" t="s">
        <v>385</v>
      </c>
      <c r="B75091" s="14" t="s">
        <v>1</v>
      </c>
      <c r="C75091" s="14" t="s">
        <v>109</v>
      </c>
      <c r="D75091" s="14" t="s">
        <v>269</v>
      </c>
      <c r="E75091" s="15">
        <v>45642</v>
      </c>
      <c r="F75091" s="14" t="s">
        <v>53</v>
      </c>
      <c r="G75091" s="16">
        <v>0</v>
      </c>
    </row>
    <row r="75092" spans="1:7" x14ac:dyDescent="0.3">
      <c r="A75092" s="13" t="s">
        <v>385</v>
      </c>
      <c r="B75092" s="14" t="s">
        <v>1</v>
      </c>
      <c r="C75092" s="14" t="s">
        <v>109</v>
      </c>
      <c r="D75092" s="14" t="s">
        <v>269</v>
      </c>
      <c r="E75092" s="15">
        <v>45643</v>
      </c>
      <c r="F75092" s="14" t="s">
        <v>53</v>
      </c>
      <c r="G75092" s="16">
        <v>0</v>
      </c>
    </row>
    <row r="75093" spans="1:7" x14ac:dyDescent="0.3">
      <c r="A75093" s="13" t="s">
        <v>385</v>
      </c>
      <c r="B75093" s="14" t="s">
        <v>1</v>
      </c>
      <c r="C75093" s="14" t="s">
        <v>109</v>
      </c>
      <c r="D75093" s="14" t="s">
        <v>269</v>
      </c>
      <c r="E75093" s="15">
        <v>45644</v>
      </c>
      <c r="F75093" s="14" t="s">
        <v>53</v>
      </c>
      <c r="G75093" s="16">
        <v>0</v>
      </c>
    </row>
    <row r="75094" spans="1:7" x14ac:dyDescent="0.3">
      <c r="A75094" s="13" t="s">
        <v>385</v>
      </c>
      <c r="B75094" s="14" t="s">
        <v>1</v>
      </c>
      <c r="C75094" s="14" t="s">
        <v>109</v>
      </c>
      <c r="D75094" s="14" t="s">
        <v>269</v>
      </c>
      <c r="E75094" s="15">
        <v>45645</v>
      </c>
      <c r="F75094" s="14" t="s">
        <v>53</v>
      </c>
      <c r="G75094" s="16">
        <v>0</v>
      </c>
    </row>
    <row r="75095" spans="1:7" x14ac:dyDescent="0.3">
      <c r="A75095" s="13" t="s">
        <v>385</v>
      </c>
      <c r="B75095" s="14" t="s">
        <v>1</v>
      </c>
      <c r="C75095" s="14" t="s">
        <v>109</v>
      </c>
      <c r="D75095" s="14" t="s">
        <v>269</v>
      </c>
      <c r="E75095" s="15">
        <v>45646</v>
      </c>
      <c r="F75095" s="14" t="s">
        <v>53</v>
      </c>
      <c r="G75095" s="16">
        <v>0</v>
      </c>
    </row>
    <row r="75096" spans="1:7" x14ac:dyDescent="0.3">
      <c r="A75096" s="13" t="s">
        <v>385</v>
      </c>
      <c r="B75096" s="14" t="s">
        <v>1</v>
      </c>
      <c r="C75096" s="14" t="s">
        <v>109</v>
      </c>
      <c r="D75096" s="14" t="s">
        <v>269</v>
      </c>
      <c r="E75096" s="15">
        <v>45647</v>
      </c>
      <c r="F75096" s="14" t="s">
        <v>53</v>
      </c>
      <c r="G75096" s="16">
        <v>0</v>
      </c>
    </row>
    <row r="75097" spans="1:7" x14ac:dyDescent="0.3">
      <c r="A75097" s="13" t="s">
        <v>385</v>
      </c>
      <c r="B75097" s="14" t="s">
        <v>1</v>
      </c>
      <c r="C75097" s="14" t="s">
        <v>109</v>
      </c>
      <c r="D75097" s="14" t="s">
        <v>269</v>
      </c>
      <c r="E75097" s="15">
        <v>45648</v>
      </c>
      <c r="F75097" s="14" t="s">
        <v>53</v>
      </c>
      <c r="G75097" s="16">
        <v>0</v>
      </c>
    </row>
    <row r="75098" spans="1:7" x14ac:dyDescent="0.3">
      <c r="A75098" s="13" t="s">
        <v>385</v>
      </c>
      <c r="B75098" s="14" t="s">
        <v>1</v>
      </c>
      <c r="C75098" s="14" t="s">
        <v>109</v>
      </c>
      <c r="D75098" s="14" t="s">
        <v>269</v>
      </c>
      <c r="E75098" s="15">
        <v>45649</v>
      </c>
      <c r="F75098" s="14" t="s">
        <v>53</v>
      </c>
      <c r="G75098" s="16">
        <v>0</v>
      </c>
    </row>
    <row r="75099" spans="1:7" x14ac:dyDescent="0.3">
      <c r="A75099" s="13" t="s">
        <v>385</v>
      </c>
      <c r="B75099" s="14" t="s">
        <v>1</v>
      </c>
      <c r="C75099" s="14" t="s">
        <v>109</v>
      </c>
      <c r="D75099" s="14" t="s">
        <v>269</v>
      </c>
      <c r="E75099" s="15">
        <v>45650</v>
      </c>
      <c r="F75099" s="14" t="s">
        <v>53</v>
      </c>
      <c r="G75099" s="16">
        <v>0</v>
      </c>
    </row>
    <row r="75100" spans="1:7" x14ac:dyDescent="0.3">
      <c r="A75100" s="13" t="s">
        <v>385</v>
      </c>
      <c r="B75100" s="14" t="s">
        <v>1</v>
      </c>
      <c r="C75100" s="14" t="s">
        <v>109</v>
      </c>
      <c r="D75100" s="14" t="s">
        <v>269</v>
      </c>
      <c r="E75100" s="15">
        <v>45651</v>
      </c>
      <c r="F75100" s="14" t="s">
        <v>53</v>
      </c>
      <c r="G75100" s="16">
        <v>0</v>
      </c>
    </row>
    <row r="75101" spans="1:7" x14ac:dyDescent="0.3">
      <c r="A75101" s="13" t="s">
        <v>385</v>
      </c>
      <c r="B75101" s="14" t="s">
        <v>1</v>
      </c>
      <c r="C75101" s="14" t="s">
        <v>109</v>
      </c>
      <c r="D75101" s="14" t="s">
        <v>269</v>
      </c>
      <c r="E75101" s="15">
        <v>45652</v>
      </c>
      <c r="F75101" s="14" t="s">
        <v>53</v>
      </c>
      <c r="G75101" s="16">
        <v>0</v>
      </c>
    </row>
    <row r="75102" spans="1:7" x14ac:dyDescent="0.3">
      <c r="A75102" s="13" t="s">
        <v>385</v>
      </c>
      <c r="B75102" s="14" t="s">
        <v>1</v>
      </c>
      <c r="C75102" s="14" t="s">
        <v>109</v>
      </c>
      <c r="D75102" s="14" t="s">
        <v>269</v>
      </c>
      <c r="E75102" s="15">
        <v>45653</v>
      </c>
      <c r="F75102" s="14" t="s">
        <v>53</v>
      </c>
      <c r="G75102" s="16">
        <v>0</v>
      </c>
    </row>
    <row r="75103" spans="1:7" x14ac:dyDescent="0.3">
      <c r="A75103" s="13" t="s">
        <v>385</v>
      </c>
      <c r="B75103" s="14" t="s">
        <v>1</v>
      </c>
      <c r="C75103" s="14" t="s">
        <v>109</v>
      </c>
      <c r="D75103" s="14" t="s">
        <v>269</v>
      </c>
      <c r="E75103" s="15">
        <v>45654</v>
      </c>
      <c r="F75103" s="14" t="s">
        <v>53</v>
      </c>
      <c r="G75103" s="16">
        <v>0</v>
      </c>
    </row>
    <row r="75104" spans="1:7" x14ac:dyDescent="0.3">
      <c r="A75104" s="13" t="s">
        <v>385</v>
      </c>
      <c r="B75104" s="14" t="s">
        <v>1</v>
      </c>
      <c r="C75104" s="14" t="s">
        <v>109</v>
      </c>
      <c r="D75104" s="14" t="s">
        <v>269</v>
      </c>
      <c r="E75104" s="15">
        <v>45655</v>
      </c>
      <c r="F75104" s="14" t="s">
        <v>53</v>
      </c>
      <c r="G75104" s="16">
        <v>0</v>
      </c>
    </row>
    <row r="75105" spans="1:7" x14ac:dyDescent="0.3">
      <c r="A75105" s="13" t="s">
        <v>385</v>
      </c>
      <c r="B75105" s="14" t="s">
        <v>1</v>
      </c>
      <c r="C75105" s="14" t="s">
        <v>109</v>
      </c>
      <c r="D75105" s="14" t="s">
        <v>269</v>
      </c>
      <c r="E75105" s="15">
        <v>45656</v>
      </c>
      <c r="F75105" s="14" t="s">
        <v>53</v>
      </c>
      <c r="G75105" s="16">
        <v>0</v>
      </c>
    </row>
    <row r="75106" spans="1:7" x14ac:dyDescent="0.3">
      <c r="A75106" s="13" t="s">
        <v>385</v>
      </c>
      <c r="B75106" s="14" t="s">
        <v>1</v>
      </c>
      <c r="C75106" s="14" t="s">
        <v>109</v>
      </c>
      <c r="D75106" s="14" t="s">
        <v>269</v>
      </c>
      <c r="E75106" s="15">
        <v>45657</v>
      </c>
      <c r="F75106" s="14" t="s">
        <v>53</v>
      </c>
      <c r="G75106" s="16">
        <v>0</v>
      </c>
    </row>
    <row r="75107" spans="1:7" x14ac:dyDescent="0.3">
      <c r="A75107" s="13" t="s">
        <v>385</v>
      </c>
      <c r="B75107" s="14" t="s">
        <v>1</v>
      </c>
      <c r="C75107" s="14" t="s">
        <v>109</v>
      </c>
      <c r="D75107" s="14" t="s">
        <v>269</v>
      </c>
      <c r="E75107" s="15">
        <v>45658</v>
      </c>
      <c r="F75107" s="14" t="s">
        <v>53</v>
      </c>
      <c r="G75107" s="16">
        <v>0</v>
      </c>
    </row>
    <row r="75108" spans="1:7" x14ac:dyDescent="0.3">
      <c r="A75108" s="13" t="s">
        <v>385</v>
      </c>
      <c r="B75108" s="14" t="s">
        <v>1</v>
      </c>
      <c r="C75108" s="14" t="s">
        <v>109</v>
      </c>
      <c r="D75108" s="14" t="s">
        <v>269</v>
      </c>
      <c r="E75108" s="15">
        <v>45659</v>
      </c>
      <c r="F75108" s="14" t="s">
        <v>53</v>
      </c>
      <c r="G75108" s="16">
        <v>0</v>
      </c>
    </row>
    <row r="75109" spans="1:7" x14ac:dyDescent="0.3">
      <c r="A75109" s="13" t="s">
        <v>385</v>
      </c>
      <c r="B75109" s="14" t="s">
        <v>1</v>
      </c>
      <c r="C75109" s="14" t="s">
        <v>109</v>
      </c>
      <c r="D75109" s="14" t="s">
        <v>269</v>
      </c>
      <c r="E75109" s="15">
        <v>45660</v>
      </c>
      <c r="F75109" s="14" t="s">
        <v>53</v>
      </c>
      <c r="G75109" s="16">
        <v>0</v>
      </c>
    </row>
    <row r="75110" spans="1:7" x14ac:dyDescent="0.3">
      <c r="A75110" s="13" t="s">
        <v>385</v>
      </c>
      <c r="B75110" s="14" t="s">
        <v>1</v>
      </c>
      <c r="C75110" s="14" t="s">
        <v>109</v>
      </c>
      <c r="D75110" s="14" t="s">
        <v>269</v>
      </c>
      <c r="E75110" s="15">
        <v>45661</v>
      </c>
      <c r="F75110" s="14" t="s">
        <v>53</v>
      </c>
      <c r="G75110" s="16">
        <v>0</v>
      </c>
    </row>
    <row r="75111" spans="1:7" x14ac:dyDescent="0.3">
      <c r="A75111" s="13" t="s">
        <v>385</v>
      </c>
      <c r="B75111" s="14" t="s">
        <v>1</v>
      </c>
      <c r="C75111" s="14" t="s">
        <v>109</v>
      </c>
      <c r="D75111" s="14" t="s">
        <v>269</v>
      </c>
      <c r="E75111" s="15">
        <v>45662</v>
      </c>
      <c r="F75111" s="14" t="s">
        <v>53</v>
      </c>
      <c r="G75111" s="16">
        <v>0</v>
      </c>
    </row>
    <row r="75112" spans="1:7" x14ac:dyDescent="0.3">
      <c r="A75112" s="13" t="s">
        <v>385</v>
      </c>
      <c r="B75112" s="14" t="s">
        <v>1</v>
      </c>
      <c r="C75112" s="14" t="s">
        <v>109</v>
      </c>
      <c r="D75112" s="14" t="s">
        <v>269</v>
      </c>
      <c r="E75112" s="15">
        <v>45663</v>
      </c>
      <c r="F75112" s="14" t="s">
        <v>53</v>
      </c>
      <c r="G75112" s="16">
        <v>0</v>
      </c>
    </row>
    <row r="75113" spans="1:7" x14ac:dyDescent="0.3">
      <c r="A75113" s="13" t="s">
        <v>385</v>
      </c>
      <c r="B75113" s="14" t="s">
        <v>1</v>
      </c>
      <c r="C75113" s="14" t="s">
        <v>109</v>
      </c>
      <c r="D75113" s="14" t="s">
        <v>269</v>
      </c>
      <c r="E75113" s="15">
        <v>45664</v>
      </c>
      <c r="F75113" s="14" t="s">
        <v>53</v>
      </c>
      <c r="G75113" s="16">
        <v>0</v>
      </c>
    </row>
    <row r="75114" spans="1:7" x14ac:dyDescent="0.3">
      <c r="A75114" s="13" t="s">
        <v>385</v>
      </c>
      <c r="B75114" s="14" t="s">
        <v>1</v>
      </c>
      <c r="C75114" s="14" t="s">
        <v>109</v>
      </c>
      <c r="D75114" s="14" t="s">
        <v>269</v>
      </c>
      <c r="E75114" s="15">
        <v>45665</v>
      </c>
      <c r="F75114" s="14" t="s">
        <v>53</v>
      </c>
      <c r="G75114" s="16">
        <v>0</v>
      </c>
    </row>
    <row r="75115" spans="1:7" x14ac:dyDescent="0.3">
      <c r="A75115" s="13" t="s">
        <v>385</v>
      </c>
      <c r="B75115" s="14" t="s">
        <v>1</v>
      </c>
      <c r="C75115" s="14" t="s">
        <v>109</v>
      </c>
      <c r="D75115" s="14" t="s">
        <v>269</v>
      </c>
      <c r="E75115" s="15">
        <v>45666</v>
      </c>
      <c r="F75115" s="14" t="s">
        <v>53</v>
      </c>
      <c r="G75115" s="16">
        <v>0</v>
      </c>
    </row>
    <row r="75116" spans="1:7" x14ac:dyDescent="0.3">
      <c r="A75116" s="13" t="s">
        <v>385</v>
      </c>
      <c r="B75116" s="14" t="s">
        <v>1</v>
      </c>
      <c r="C75116" s="14" t="s">
        <v>109</v>
      </c>
      <c r="D75116" s="14" t="s">
        <v>269</v>
      </c>
      <c r="E75116" s="15">
        <v>45667</v>
      </c>
      <c r="F75116" s="14" t="s">
        <v>53</v>
      </c>
      <c r="G75116" s="16">
        <v>0</v>
      </c>
    </row>
    <row r="75117" spans="1:7" x14ac:dyDescent="0.3">
      <c r="A75117" s="13" t="s">
        <v>385</v>
      </c>
      <c r="B75117" s="14" t="s">
        <v>1</v>
      </c>
      <c r="C75117" s="14" t="s">
        <v>109</v>
      </c>
      <c r="D75117" s="14" t="s">
        <v>269</v>
      </c>
      <c r="E75117" s="15">
        <v>45668</v>
      </c>
      <c r="F75117" s="14" t="s">
        <v>53</v>
      </c>
      <c r="G75117" s="16">
        <v>0</v>
      </c>
    </row>
    <row r="75118" spans="1:7" x14ac:dyDescent="0.3">
      <c r="A75118" s="13" t="s">
        <v>385</v>
      </c>
      <c r="B75118" s="14" t="s">
        <v>1</v>
      </c>
      <c r="C75118" s="14" t="s">
        <v>109</v>
      </c>
      <c r="D75118" s="14" t="s">
        <v>269</v>
      </c>
      <c r="E75118" s="15">
        <v>45669</v>
      </c>
      <c r="F75118" s="14" t="s">
        <v>53</v>
      </c>
      <c r="G75118" s="16">
        <v>0</v>
      </c>
    </row>
    <row r="75119" spans="1:7" x14ac:dyDescent="0.3">
      <c r="A75119" s="13" t="s">
        <v>385</v>
      </c>
      <c r="B75119" s="14" t="s">
        <v>1</v>
      </c>
      <c r="C75119" s="14" t="s">
        <v>109</v>
      </c>
      <c r="D75119" s="14" t="s">
        <v>269</v>
      </c>
      <c r="E75119" s="15">
        <v>45670</v>
      </c>
      <c r="F75119" s="14" t="s">
        <v>53</v>
      </c>
      <c r="G75119" s="16">
        <v>0</v>
      </c>
    </row>
    <row r="75120" spans="1:7" x14ac:dyDescent="0.3">
      <c r="A75120" s="13" t="s">
        <v>385</v>
      </c>
      <c r="B75120" s="14" t="s">
        <v>1</v>
      </c>
      <c r="C75120" s="14" t="s">
        <v>109</v>
      </c>
      <c r="D75120" s="14" t="s">
        <v>269</v>
      </c>
      <c r="E75120" s="15">
        <v>45671</v>
      </c>
      <c r="F75120" s="14" t="s">
        <v>53</v>
      </c>
      <c r="G75120" s="16">
        <v>0</v>
      </c>
    </row>
    <row r="75121" spans="1:7" x14ac:dyDescent="0.3">
      <c r="A75121" s="13" t="s">
        <v>385</v>
      </c>
      <c r="B75121" s="14" t="s">
        <v>1</v>
      </c>
      <c r="C75121" s="14" t="s">
        <v>109</v>
      </c>
      <c r="D75121" s="14" t="s">
        <v>269</v>
      </c>
      <c r="E75121" s="15">
        <v>45672</v>
      </c>
      <c r="F75121" s="14" t="s">
        <v>53</v>
      </c>
      <c r="G75121" s="16">
        <v>0</v>
      </c>
    </row>
    <row r="75122" spans="1:7" x14ac:dyDescent="0.3">
      <c r="A75122" s="13" t="s">
        <v>385</v>
      </c>
      <c r="B75122" s="14" t="s">
        <v>1</v>
      </c>
      <c r="C75122" s="14" t="s">
        <v>109</v>
      </c>
      <c r="D75122" s="14" t="s">
        <v>269</v>
      </c>
      <c r="E75122" s="15">
        <v>45673</v>
      </c>
      <c r="F75122" s="14" t="s">
        <v>53</v>
      </c>
      <c r="G75122" s="16">
        <v>0</v>
      </c>
    </row>
    <row r="75123" spans="1:7" x14ac:dyDescent="0.3">
      <c r="A75123" s="13" t="s">
        <v>385</v>
      </c>
      <c r="B75123" s="14" t="s">
        <v>1</v>
      </c>
      <c r="C75123" s="14" t="s">
        <v>109</v>
      </c>
      <c r="D75123" s="14" t="s">
        <v>269</v>
      </c>
      <c r="E75123" s="15">
        <v>45674</v>
      </c>
      <c r="F75123" s="14" t="s">
        <v>53</v>
      </c>
      <c r="G75123" s="16">
        <v>0</v>
      </c>
    </row>
    <row r="75124" spans="1:7" x14ac:dyDescent="0.3">
      <c r="A75124" s="13" t="s">
        <v>385</v>
      </c>
      <c r="B75124" s="14" t="s">
        <v>1</v>
      </c>
      <c r="C75124" s="14" t="s">
        <v>109</v>
      </c>
      <c r="D75124" s="14" t="s">
        <v>269</v>
      </c>
      <c r="E75124" s="15">
        <v>45675</v>
      </c>
      <c r="F75124" s="14" t="s">
        <v>53</v>
      </c>
      <c r="G75124" s="16">
        <v>0</v>
      </c>
    </row>
    <row r="75125" spans="1:7" x14ac:dyDescent="0.3">
      <c r="A75125" s="13" t="s">
        <v>385</v>
      </c>
      <c r="B75125" s="14" t="s">
        <v>1</v>
      </c>
      <c r="C75125" s="14" t="s">
        <v>109</v>
      </c>
      <c r="D75125" s="14" t="s">
        <v>269</v>
      </c>
      <c r="E75125" s="15">
        <v>45676</v>
      </c>
      <c r="F75125" s="14" t="s">
        <v>53</v>
      </c>
      <c r="G75125" s="16">
        <v>0</v>
      </c>
    </row>
    <row r="75126" spans="1:7" x14ac:dyDescent="0.3">
      <c r="A75126" s="13" t="s">
        <v>385</v>
      </c>
      <c r="B75126" s="14" t="s">
        <v>1</v>
      </c>
      <c r="C75126" s="14" t="s">
        <v>109</v>
      </c>
      <c r="D75126" s="14" t="s">
        <v>269</v>
      </c>
      <c r="E75126" s="15">
        <v>45677</v>
      </c>
      <c r="F75126" s="14" t="s">
        <v>53</v>
      </c>
      <c r="G75126" s="16">
        <v>0</v>
      </c>
    </row>
    <row r="75127" spans="1:7" x14ac:dyDescent="0.3">
      <c r="A75127" s="13" t="s">
        <v>385</v>
      </c>
      <c r="B75127" s="14" t="s">
        <v>1</v>
      </c>
      <c r="C75127" s="14" t="s">
        <v>109</v>
      </c>
      <c r="D75127" s="14" t="s">
        <v>269</v>
      </c>
      <c r="E75127" s="15">
        <v>45678</v>
      </c>
      <c r="F75127" s="14" t="s">
        <v>53</v>
      </c>
      <c r="G75127" s="16">
        <v>0</v>
      </c>
    </row>
    <row r="75128" spans="1:7" x14ac:dyDescent="0.3">
      <c r="A75128" s="13" t="s">
        <v>385</v>
      </c>
      <c r="B75128" s="14" t="s">
        <v>1</v>
      </c>
      <c r="C75128" s="14" t="s">
        <v>109</v>
      </c>
      <c r="D75128" s="14" t="s">
        <v>269</v>
      </c>
      <c r="E75128" s="15">
        <v>45679</v>
      </c>
      <c r="F75128" s="14" t="s">
        <v>53</v>
      </c>
      <c r="G75128" s="16">
        <v>0</v>
      </c>
    </row>
    <row r="75129" spans="1:7" x14ac:dyDescent="0.3">
      <c r="A75129" s="13" t="s">
        <v>385</v>
      </c>
      <c r="B75129" s="14" t="s">
        <v>1</v>
      </c>
      <c r="C75129" s="14" t="s">
        <v>109</v>
      </c>
      <c r="D75129" s="14" t="s">
        <v>269</v>
      </c>
      <c r="E75129" s="15">
        <v>45680</v>
      </c>
      <c r="F75129" s="14" t="s">
        <v>53</v>
      </c>
      <c r="G75129" s="16">
        <v>0</v>
      </c>
    </row>
    <row r="75130" spans="1:7" x14ac:dyDescent="0.3">
      <c r="A75130" s="13" t="s">
        <v>385</v>
      </c>
      <c r="B75130" s="14" t="s">
        <v>1</v>
      </c>
      <c r="C75130" s="14" t="s">
        <v>109</v>
      </c>
      <c r="D75130" s="14" t="s">
        <v>269</v>
      </c>
      <c r="E75130" s="15">
        <v>45681</v>
      </c>
      <c r="F75130" s="14" t="s">
        <v>53</v>
      </c>
      <c r="G75130" s="16">
        <v>0</v>
      </c>
    </row>
    <row r="75131" spans="1:7" x14ac:dyDescent="0.3">
      <c r="A75131" s="13" t="s">
        <v>385</v>
      </c>
      <c r="B75131" s="14" t="s">
        <v>1</v>
      </c>
      <c r="C75131" s="14" t="s">
        <v>109</v>
      </c>
      <c r="D75131" s="14" t="s">
        <v>269</v>
      </c>
      <c r="E75131" s="15">
        <v>45682</v>
      </c>
      <c r="F75131" s="14" t="s">
        <v>53</v>
      </c>
      <c r="G75131" s="16">
        <v>0</v>
      </c>
    </row>
    <row r="75132" spans="1:7" x14ac:dyDescent="0.3">
      <c r="A75132" s="13" t="s">
        <v>385</v>
      </c>
      <c r="B75132" s="14" t="s">
        <v>1</v>
      </c>
      <c r="C75132" s="14" t="s">
        <v>109</v>
      </c>
      <c r="D75132" s="14" t="s">
        <v>269</v>
      </c>
      <c r="E75132" s="15">
        <v>45683</v>
      </c>
      <c r="F75132" s="14" t="s">
        <v>53</v>
      </c>
      <c r="G75132" s="16">
        <v>0</v>
      </c>
    </row>
    <row r="75133" spans="1:7" x14ac:dyDescent="0.3">
      <c r="A75133" s="13" t="s">
        <v>385</v>
      </c>
      <c r="B75133" s="14" t="s">
        <v>1</v>
      </c>
      <c r="C75133" s="14" t="s">
        <v>109</v>
      </c>
      <c r="D75133" s="14" t="s">
        <v>269</v>
      </c>
      <c r="E75133" s="15">
        <v>45684</v>
      </c>
      <c r="F75133" s="14" t="s">
        <v>53</v>
      </c>
      <c r="G75133" s="16">
        <v>0</v>
      </c>
    </row>
    <row r="75134" spans="1:7" x14ac:dyDescent="0.3">
      <c r="A75134" s="13" t="s">
        <v>385</v>
      </c>
      <c r="B75134" s="14" t="s">
        <v>1</v>
      </c>
      <c r="C75134" s="14" t="s">
        <v>109</v>
      </c>
      <c r="D75134" s="14" t="s">
        <v>269</v>
      </c>
      <c r="E75134" s="15">
        <v>45685</v>
      </c>
      <c r="F75134" s="14" t="s">
        <v>53</v>
      </c>
      <c r="G75134" s="16">
        <v>0</v>
      </c>
    </row>
    <row r="75135" spans="1:7" x14ac:dyDescent="0.3">
      <c r="A75135" s="13" t="s">
        <v>385</v>
      </c>
      <c r="B75135" s="14" t="s">
        <v>1</v>
      </c>
      <c r="C75135" s="14" t="s">
        <v>109</v>
      </c>
      <c r="D75135" s="14" t="s">
        <v>269</v>
      </c>
      <c r="E75135" s="15">
        <v>45686</v>
      </c>
      <c r="F75135" s="14" t="s">
        <v>53</v>
      </c>
      <c r="G75135" s="16">
        <v>0</v>
      </c>
    </row>
    <row r="75136" spans="1:7" x14ac:dyDescent="0.3">
      <c r="A75136" s="13" t="s">
        <v>385</v>
      </c>
      <c r="B75136" s="14" t="s">
        <v>1</v>
      </c>
      <c r="C75136" s="14" t="s">
        <v>109</v>
      </c>
      <c r="D75136" s="14" t="s">
        <v>269</v>
      </c>
      <c r="E75136" s="15">
        <v>45687</v>
      </c>
      <c r="F75136" s="14" t="s">
        <v>53</v>
      </c>
      <c r="G75136" s="16">
        <v>0</v>
      </c>
    </row>
    <row r="75137" spans="1:7" x14ac:dyDescent="0.3">
      <c r="A75137" s="13" t="s">
        <v>385</v>
      </c>
      <c r="B75137" s="14" t="s">
        <v>1</v>
      </c>
      <c r="C75137" s="14" t="s">
        <v>109</v>
      </c>
      <c r="D75137" s="14" t="s">
        <v>269</v>
      </c>
      <c r="E75137" s="15">
        <v>45688</v>
      </c>
      <c r="F75137" s="14" t="s">
        <v>53</v>
      </c>
      <c r="G75137" s="16">
        <v>0</v>
      </c>
    </row>
    <row r="75138" spans="1:7" x14ac:dyDescent="0.3">
      <c r="A75138" s="13" t="s">
        <v>385</v>
      </c>
      <c r="B75138" s="14" t="s">
        <v>1</v>
      </c>
      <c r="C75138" s="14" t="s">
        <v>109</v>
      </c>
      <c r="D75138" s="14" t="s">
        <v>269</v>
      </c>
      <c r="E75138" s="15">
        <v>45689</v>
      </c>
      <c r="F75138" s="14" t="s">
        <v>53</v>
      </c>
      <c r="G75138" s="16">
        <v>0</v>
      </c>
    </row>
    <row r="75139" spans="1:7" x14ac:dyDescent="0.3">
      <c r="A75139" s="13" t="s">
        <v>385</v>
      </c>
      <c r="B75139" s="14" t="s">
        <v>1</v>
      </c>
      <c r="C75139" s="14" t="s">
        <v>109</v>
      </c>
      <c r="D75139" s="14" t="s">
        <v>269</v>
      </c>
      <c r="E75139" s="15">
        <v>45690</v>
      </c>
      <c r="F75139" s="14" t="s">
        <v>53</v>
      </c>
      <c r="G75139" s="16">
        <v>0</v>
      </c>
    </row>
    <row r="75140" spans="1:7" x14ac:dyDescent="0.3">
      <c r="A75140" s="13" t="s">
        <v>385</v>
      </c>
      <c r="B75140" s="14" t="s">
        <v>1</v>
      </c>
      <c r="C75140" s="14" t="s">
        <v>109</v>
      </c>
      <c r="D75140" s="14" t="s">
        <v>269</v>
      </c>
      <c r="E75140" s="15">
        <v>45691</v>
      </c>
      <c r="F75140" s="14" t="s">
        <v>53</v>
      </c>
      <c r="G75140" s="16">
        <v>0</v>
      </c>
    </row>
    <row r="75141" spans="1:7" x14ac:dyDescent="0.3">
      <c r="A75141" s="13" t="s">
        <v>385</v>
      </c>
      <c r="B75141" s="14" t="s">
        <v>1</v>
      </c>
      <c r="C75141" s="14" t="s">
        <v>109</v>
      </c>
      <c r="D75141" s="14" t="s">
        <v>269</v>
      </c>
      <c r="E75141" s="15">
        <v>45692</v>
      </c>
      <c r="F75141" s="14" t="s">
        <v>53</v>
      </c>
      <c r="G75141" s="16">
        <v>0</v>
      </c>
    </row>
    <row r="75142" spans="1:7" x14ac:dyDescent="0.3">
      <c r="A75142" s="13" t="s">
        <v>385</v>
      </c>
      <c r="B75142" s="14" t="s">
        <v>1</v>
      </c>
      <c r="C75142" s="14" t="s">
        <v>109</v>
      </c>
      <c r="D75142" s="14" t="s">
        <v>269</v>
      </c>
      <c r="E75142" s="15">
        <v>45693</v>
      </c>
      <c r="F75142" s="14" t="s">
        <v>53</v>
      </c>
      <c r="G75142" s="16">
        <v>0</v>
      </c>
    </row>
    <row r="75143" spans="1:7" x14ac:dyDescent="0.3">
      <c r="A75143" s="13" t="s">
        <v>385</v>
      </c>
      <c r="B75143" s="14" t="s">
        <v>1</v>
      </c>
      <c r="C75143" s="14" t="s">
        <v>109</v>
      </c>
      <c r="D75143" s="14" t="s">
        <v>269</v>
      </c>
      <c r="E75143" s="15">
        <v>45694</v>
      </c>
      <c r="F75143" s="14" t="s">
        <v>53</v>
      </c>
      <c r="G75143" s="16">
        <v>0</v>
      </c>
    </row>
    <row r="75144" spans="1:7" x14ac:dyDescent="0.3">
      <c r="A75144" s="13" t="s">
        <v>385</v>
      </c>
      <c r="B75144" s="14" t="s">
        <v>1</v>
      </c>
      <c r="C75144" s="14" t="s">
        <v>109</v>
      </c>
      <c r="D75144" s="14" t="s">
        <v>269</v>
      </c>
      <c r="E75144" s="15">
        <v>45695</v>
      </c>
      <c r="F75144" s="14" t="s">
        <v>53</v>
      </c>
      <c r="G75144" s="16">
        <v>0</v>
      </c>
    </row>
    <row r="75145" spans="1:7" x14ac:dyDescent="0.3">
      <c r="A75145" s="13" t="s">
        <v>385</v>
      </c>
      <c r="B75145" s="14" t="s">
        <v>1</v>
      </c>
      <c r="C75145" s="14" t="s">
        <v>109</v>
      </c>
      <c r="D75145" s="14" t="s">
        <v>269</v>
      </c>
      <c r="E75145" s="15">
        <v>45696</v>
      </c>
      <c r="F75145" s="14" t="s">
        <v>53</v>
      </c>
      <c r="G75145" s="16">
        <v>0</v>
      </c>
    </row>
    <row r="75146" spans="1:7" x14ac:dyDescent="0.3">
      <c r="A75146" s="13" t="s">
        <v>385</v>
      </c>
      <c r="B75146" s="14" t="s">
        <v>1</v>
      </c>
      <c r="C75146" s="14" t="s">
        <v>109</v>
      </c>
      <c r="D75146" s="14" t="s">
        <v>269</v>
      </c>
      <c r="E75146" s="15">
        <v>45697</v>
      </c>
      <c r="F75146" s="14" t="s">
        <v>53</v>
      </c>
      <c r="G75146" s="16">
        <v>0</v>
      </c>
    </row>
    <row r="75147" spans="1:7" x14ac:dyDescent="0.3">
      <c r="A75147" s="13" t="s">
        <v>385</v>
      </c>
      <c r="B75147" s="14" t="s">
        <v>1</v>
      </c>
      <c r="C75147" s="14" t="s">
        <v>109</v>
      </c>
      <c r="D75147" s="14" t="s">
        <v>269</v>
      </c>
      <c r="E75147" s="15">
        <v>45698</v>
      </c>
      <c r="F75147" s="14" t="s">
        <v>53</v>
      </c>
      <c r="G75147" s="16">
        <v>0</v>
      </c>
    </row>
    <row r="75148" spans="1:7" x14ac:dyDescent="0.3">
      <c r="A75148" s="13" t="s">
        <v>385</v>
      </c>
      <c r="B75148" s="14" t="s">
        <v>1</v>
      </c>
      <c r="C75148" s="14" t="s">
        <v>109</v>
      </c>
      <c r="D75148" s="14" t="s">
        <v>269</v>
      </c>
      <c r="E75148" s="15">
        <v>45699</v>
      </c>
      <c r="F75148" s="14" t="s">
        <v>53</v>
      </c>
      <c r="G75148" s="16">
        <v>0</v>
      </c>
    </row>
    <row r="75149" spans="1:7" x14ac:dyDescent="0.3">
      <c r="A75149" s="13" t="s">
        <v>385</v>
      </c>
      <c r="B75149" s="14" t="s">
        <v>1</v>
      </c>
      <c r="C75149" s="14" t="s">
        <v>109</v>
      </c>
      <c r="D75149" s="14" t="s">
        <v>269</v>
      </c>
      <c r="E75149" s="15">
        <v>45700</v>
      </c>
      <c r="F75149" s="14" t="s">
        <v>53</v>
      </c>
      <c r="G75149" s="16">
        <v>0</v>
      </c>
    </row>
    <row r="75150" spans="1:7" x14ac:dyDescent="0.3">
      <c r="A75150" s="13" t="s">
        <v>385</v>
      </c>
      <c r="B75150" s="14" t="s">
        <v>1</v>
      </c>
      <c r="C75150" s="14" t="s">
        <v>109</v>
      </c>
      <c r="D75150" s="14" t="s">
        <v>269</v>
      </c>
      <c r="E75150" s="15">
        <v>45701</v>
      </c>
      <c r="F75150" s="14" t="s">
        <v>53</v>
      </c>
      <c r="G75150" s="16">
        <v>0</v>
      </c>
    </row>
    <row r="75151" spans="1:7" x14ac:dyDescent="0.3">
      <c r="A75151" s="13" t="s">
        <v>385</v>
      </c>
      <c r="B75151" s="14" t="s">
        <v>1</v>
      </c>
      <c r="C75151" s="14" t="s">
        <v>109</v>
      </c>
      <c r="D75151" s="14" t="s">
        <v>269</v>
      </c>
      <c r="E75151" s="15">
        <v>45702</v>
      </c>
      <c r="F75151" s="14" t="s">
        <v>53</v>
      </c>
      <c r="G75151" s="16">
        <v>0</v>
      </c>
    </row>
    <row r="75152" spans="1:7" x14ac:dyDescent="0.3">
      <c r="A75152" s="13" t="s">
        <v>385</v>
      </c>
      <c r="B75152" s="14" t="s">
        <v>1</v>
      </c>
      <c r="C75152" s="14" t="s">
        <v>109</v>
      </c>
      <c r="D75152" s="14" t="s">
        <v>269</v>
      </c>
      <c r="E75152" s="15">
        <v>45703</v>
      </c>
      <c r="F75152" s="14" t="s">
        <v>53</v>
      </c>
      <c r="G75152" s="16">
        <v>0</v>
      </c>
    </row>
    <row r="75153" spans="1:7" x14ac:dyDescent="0.3">
      <c r="A75153" s="13" t="s">
        <v>385</v>
      </c>
      <c r="B75153" s="14" t="s">
        <v>1</v>
      </c>
      <c r="C75153" s="14" t="s">
        <v>109</v>
      </c>
      <c r="D75153" s="14" t="s">
        <v>269</v>
      </c>
      <c r="E75153" s="15">
        <v>45704</v>
      </c>
      <c r="F75153" s="14" t="s">
        <v>53</v>
      </c>
      <c r="G75153" s="16">
        <v>0</v>
      </c>
    </row>
    <row r="75154" spans="1:7" x14ac:dyDescent="0.3">
      <c r="A75154" s="13" t="s">
        <v>385</v>
      </c>
      <c r="B75154" s="14" t="s">
        <v>1</v>
      </c>
      <c r="C75154" s="14" t="s">
        <v>109</v>
      </c>
      <c r="D75154" s="14" t="s">
        <v>269</v>
      </c>
      <c r="E75154" s="15">
        <v>45705</v>
      </c>
      <c r="F75154" s="14" t="s">
        <v>53</v>
      </c>
      <c r="G75154" s="16">
        <v>0</v>
      </c>
    </row>
    <row r="75155" spans="1:7" x14ac:dyDescent="0.3">
      <c r="A75155" s="13" t="s">
        <v>385</v>
      </c>
      <c r="B75155" s="14" t="s">
        <v>1</v>
      </c>
      <c r="C75155" s="14" t="s">
        <v>109</v>
      </c>
      <c r="D75155" s="14" t="s">
        <v>269</v>
      </c>
      <c r="E75155" s="15">
        <v>45706</v>
      </c>
      <c r="F75155" s="14" t="s">
        <v>53</v>
      </c>
      <c r="G75155" s="16">
        <v>0</v>
      </c>
    </row>
    <row r="75156" spans="1:7" x14ac:dyDescent="0.3">
      <c r="A75156" s="13" t="s">
        <v>385</v>
      </c>
      <c r="B75156" s="14" t="s">
        <v>1</v>
      </c>
      <c r="C75156" s="14" t="s">
        <v>109</v>
      </c>
      <c r="D75156" s="14" t="s">
        <v>269</v>
      </c>
      <c r="E75156" s="15">
        <v>45707</v>
      </c>
      <c r="F75156" s="14" t="s">
        <v>53</v>
      </c>
      <c r="G75156" s="16">
        <v>0</v>
      </c>
    </row>
    <row r="75157" spans="1:7" x14ac:dyDescent="0.3">
      <c r="A75157" s="13" t="s">
        <v>385</v>
      </c>
      <c r="B75157" s="14" t="s">
        <v>1</v>
      </c>
      <c r="C75157" s="14" t="s">
        <v>109</v>
      </c>
      <c r="D75157" s="14" t="s">
        <v>269</v>
      </c>
      <c r="E75157" s="15">
        <v>45708</v>
      </c>
      <c r="F75157" s="14" t="s">
        <v>53</v>
      </c>
      <c r="G75157" s="16">
        <v>0</v>
      </c>
    </row>
    <row r="75158" spans="1:7" x14ac:dyDescent="0.3">
      <c r="A75158" s="13" t="s">
        <v>385</v>
      </c>
      <c r="B75158" s="14" t="s">
        <v>1</v>
      </c>
      <c r="C75158" s="14" t="s">
        <v>109</v>
      </c>
      <c r="D75158" s="14" t="s">
        <v>269</v>
      </c>
      <c r="E75158" s="15">
        <v>45709</v>
      </c>
      <c r="F75158" s="14" t="s">
        <v>53</v>
      </c>
      <c r="G75158" s="16">
        <v>0</v>
      </c>
    </row>
    <row r="75159" spans="1:7" x14ac:dyDescent="0.3">
      <c r="A75159" s="13" t="s">
        <v>385</v>
      </c>
      <c r="B75159" s="14" t="s">
        <v>1</v>
      </c>
      <c r="C75159" s="14" t="s">
        <v>109</v>
      </c>
      <c r="D75159" s="14" t="s">
        <v>269</v>
      </c>
      <c r="E75159" s="15">
        <v>45710</v>
      </c>
      <c r="F75159" s="14" t="s">
        <v>53</v>
      </c>
      <c r="G75159" s="16">
        <v>0</v>
      </c>
    </row>
    <row r="75160" spans="1:7" x14ac:dyDescent="0.3">
      <c r="A75160" s="13" t="s">
        <v>385</v>
      </c>
      <c r="B75160" s="14" t="s">
        <v>1</v>
      </c>
      <c r="C75160" s="14" t="s">
        <v>109</v>
      </c>
      <c r="D75160" s="14" t="s">
        <v>269</v>
      </c>
      <c r="E75160" s="15">
        <v>45711</v>
      </c>
      <c r="F75160" s="14" t="s">
        <v>53</v>
      </c>
      <c r="G75160" s="16">
        <v>0</v>
      </c>
    </row>
    <row r="75161" spans="1:7" x14ac:dyDescent="0.3">
      <c r="A75161" s="13" t="s">
        <v>385</v>
      </c>
      <c r="B75161" s="14" t="s">
        <v>1</v>
      </c>
      <c r="C75161" s="14" t="s">
        <v>109</v>
      </c>
      <c r="D75161" s="14" t="s">
        <v>269</v>
      </c>
      <c r="E75161" s="15">
        <v>45712</v>
      </c>
      <c r="F75161" s="14" t="s">
        <v>53</v>
      </c>
      <c r="G75161" s="16">
        <v>0</v>
      </c>
    </row>
    <row r="75162" spans="1:7" x14ac:dyDescent="0.3">
      <c r="A75162" s="13" t="s">
        <v>385</v>
      </c>
      <c r="B75162" s="14" t="s">
        <v>1</v>
      </c>
      <c r="C75162" s="14" t="s">
        <v>109</v>
      </c>
      <c r="D75162" s="14" t="s">
        <v>269</v>
      </c>
      <c r="E75162" s="15">
        <v>45713</v>
      </c>
      <c r="F75162" s="14" t="s">
        <v>53</v>
      </c>
      <c r="G75162" s="16">
        <v>0</v>
      </c>
    </row>
    <row r="75163" spans="1:7" x14ac:dyDescent="0.3">
      <c r="A75163" s="13" t="s">
        <v>385</v>
      </c>
      <c r="B75163" s="14" t="s">
        <v>1</v>
      </c>
      <c r="C75163" s="14" t="s">
        <v>109</v>
      </c>
      <c r="D75163" s="14" t="s">
        <v>269</v>
      </c>
      <c r="E75163" s="15">
        <v>45714</v>
      </c>
      <c r="F75163" s="14" t="s">
        <v>53</v>
      </c>
      <c r="G75163" s="16">
        <v>0</v>
      </c>
    </row>
    <row r="75164" spans="1:7" x14ac:dyDescent="0.3">
      <c r="A75164" s="13" t="s">
        <v>385</v>
      </c>
      <c r="B75164" s="14" t="s">
        <v>1</v>
      </c>
      <c r="C75164" s="14" t="s">
        <v>109</v>
      </c>
      <c r="D75164" s="14" t="s">
        <v>269</v>
      </c>
      <c r="E75164" s="15">
        <v>45715</v>
      </c>
      <c r="F75164" s="14" t="s">
        <v>53</v>
      </c>
      <c r="G75164" s="16">
        <v>0</v>
      </c>
    </row>
    <row r="75165" spans="1:7" x14ac:dyDescent="0.3">
      <c r="A75165" s="13" t="s">
        <v>385</v>
      </c>
      <c r="B75165" s="14" t="s">
        <v>1</v>
      </c>
      <c r="C75165" s="14" t="s">
        <v>109</v>
      </c>
      <c r="D75165" s="14" t="s">
        <v>269</v>
      </c>
      <c r="E75165" s="15">
        <v>45716</v>
      </c>
      <c r="F75165" s="14" t="s">
        <v>53</v>
      </c>
      <c r="G75165" s="16">
        <v>0</v>
      </c>
    </row>
    <row r="75166" spans="1:7" x14ac:dyDescent="0.3">
      <c r="A75166" s="13" t="s">
        <v>385</v>
      </c>
      <c r="B75166" s="14" t="s">
        <v>1</v>
      </c>
      <c r="C75166" s="14" t="s">
        <v>109</v>
      </c>
      <c r="D75166" s="14" t="s">
        <v>269</v>
      </c>
      <c r="E75166" s="15">
        <v>45717</v>
      </c>
      <c r="F75166" s="14" t="s">
        <v>53</v>
      </c>
      <c r="G75166" s="16">
        <v>0</v>
      </c>
    </row>
    <row r="75167" spans="1:7" x14ac:dyDescent="0.3">
      <c r="A75167" s="13" t="s">
        <v>385</v>
      </c>
      <c r="B75167" s="14" t="s">
        <v>1</v>
      </c>
      <c r="C75167" s="14" t="s">
        <v>109</v>
      </c>
      <c r="D75167" s="14" t="s">
        <v>269</v>
      </c>
      <c r="E75167" s="15">
        <v>45718</v>
      </c>
      <c r="F75167" s="14" t="s">
        <v>53</v>
      </c>
      <c r="G75167" s="16">
        <v>0</v>
      </c>
    </row>
    <row r="75168" spans="1:7" x14ac:dyDescent="0.3">
      <c r="A75168" s="13" t="s">
        <v>385</v>
      </c>
      <c r="B75168" s="14" t="s">
        <v>1</v>
      </c>
      <c r="C75168" s="14" t="s">
        <v>109</v>
      </c>
      <c r="D75168" s="14" t="s">
        <v>269</v>
      </c>
      <c r="E75168" s="15">
        <v>45719</v>
      </c>
      <c r="F75168" s="14" t="s">
        <v>53</v>
      </c>
      <c r="G75168" s="16">
        <v>0</v>
      </c>
    </row>
    <row r="75169" spans="1:7" x14ac:dyDescent="0.3">
      <c r="A75169" s="13" t="s">
        <v>385</v>
      </c>
      <c r="B75169" s="14" t="s">
        <v>1</v>
      </c>
      <c r="C75169" s="14" t="s">
        <v>109</v>
      </c>
      <c r="D75169" s="14" t="s">
        <v>269</v>
      </c>
      <c r="E75169" s="15">
        <v>45720</v>
      </c>
      <c r="F75169" s="14" t="s">
        <v>53</v>
      </c>
      <c r="G75169" s="16">
        <v>0</v>
      </c>
    </row>
    <row r="75170" spans="1:7" x14ac:dyDescent="0.3">
      <c r="A75170" s="13" t="s">
        <v>385</v>
      </c>
      <c r="B75170" s="14" t="s">
        <v>1</v>
      </c>
      <c r="C75170" s="14" t="s">
        <v>109</v>
      </c>
      <c r="D75170" s="14" t="s">
        <v>269</v>
      </c>
      <c r="E75170" s="15">
        <v>45721</v>
      </c>
      <c r="F75170" s="14" t="s">
        <v>53</v>
      </c>
      <c r="G75170" s="16">
        <v>0</v>
      </c>
    </row>
    <row r="75171" spans="1:7" x14ac:dyDescent="0.3">
      <c r="A75171" s="13" t="s">
        <v>385</v>
      </c>
      <c r="B75171" s="14" t="s">
        <v>1</v>
      </c>
      <c r="C75171" s="14" t="s">
        <v>109</v>
      </c>
      <c r="D75171" s="14" t="s">
        <v>269</v>
      </c>
      <c r="E75171" s="15">
        <v>45722</v>
      </c>
      <c r="F75171" s="14" t="s">
        <v>53</v>
      </c>
      <c r="G75171" s="16">
        <v>0</v>
      </c>
    </row>
    <row r="75172" spans="1:7" x14ac:dyDescent="0.3">
      <c r="A75172" s="13" t="s">
        <v>385</v>
      </c>
      <c r="B75172" s="14" t="s">
        <v>1</v>
      </c>
      <c r="C75172" s="14" t="s">
        <v>109</v>
      </c>
      <c r="D75172" s="14" t="s">
        <v>269</v>
      </c>
      <c r="E75172" s="15">
        <v>45723</v>
      </c>
      <c r="F75172" s="14" t="s">
        <v>53</v>
      </c>
      <c r="G75172" s="16">
        <v>0</v>
      </c>
    </row>
    <row r="75173" spans="1:7" x14ac:dyDescent="0.3">
      <c r="A75173" s="13" t="s">
        <v>385</v>
      </c>
      <c r="B75173" s="14" t="s">
        <v>1</v>
      </c>
      <c r="C75173" s="14" t="s">
        <v>109</v>
      </c>
      <c r="D75173" s="14" t="s">
        <v>269</v>
      </c>
      <c r="E75173" s="15">
        <v>45724</v>
      </c>
      <c r="F75173" s="14" t="s">
        <v>53</v>
      </c>
      <c r="G75173" s="16">
        <v>0</v>
      </c>
    </row>
    <row r="75174" spans="1:7" x14ac:dyDescent="0.3">
      <c r="A75174" s="13" t="s">
        <v>385</v>
      </c>
      <c r="B75174" s="14" t="s">
        <v>1</v>
      </c>
      <c r="C75174" s="14" t="s">
        <v>109</v>
      </c>
      <c r="D75174" s="14" t="s">
        <v>269</v>
      </c>
      <c r="E75174" s="15">
        <v>45725</v>
      </c>
      <c r="F75174" s="14" t="s">
        <v>53</v>
      </c>
      <c r="G75174" s="16">
        <v>0</v>
      </c>
    </row>
    <row r="75175" spans="1:7" x14ac:dyDescent="0.3">
      <c r="A75175" s="13" t="s">
        <v>385</v>
      </c>
      <c r="B75175" s="14" t="s">
        <v>1</v>
      </c>
      <c r="C75175" s="14" t="s">
        <v>109</v>
      </c>
      <c r="D75175" s="14" t="s">
        <v>269</v>
      </c>
      <c r="E75175" s="15">
        <v>45726</v>
      </c>
      <c r="F75175" s="14" t="s">
        <v>53</v>
      </c>
      <c r="G75175" s="16">
        <v>0</v>
      </c>
    </row>
    <row r="75176" spans="1:7" x14ac:dyDescent="0.3">
      <c r="A75176" s="13" t="s">
        <v>385</v>
      </c>
      <c r="B75176" s="14" t="s">
        <v>1</v>
      </c>
      <c r="C75176" s="14" t="s">
        <v>109</v>
      </c>
      <c r="D75176" s="14" t="s">
        <v>269</v>
      </c>
      <c r="E75176" s="15">
        <v>45727</v>
      </c>
      <c r="F75176" s="14" t="s">
        <v>53</v>
      </c>
      <c r="G75176" s="16">
        <v>0</v>
      </c>
    </row>
    <row r="75177" spans="1:7" x14ac:dyDescent="0.3">
      <c r="A75177" s="13" t="s">
        <v>385</v>
      </c>
      <c r="B75177" s="14" t="s">
        <v>1</v>
      </c>
      <c r="C75177" s="14" t="s">
        <v>109</v>
      </c>
      <c r="D75177" s="14" t="s">
        <v>269</v>
      </c>
      <c r="E75177" s="15">
        <v>45728</v>
      </c>
      <c r="F75177" s="14" t="s">
        <v>53</v>
      </c>
      <c r="G75177" s="16">
        <v>0</v>
      </c>
    </row>
    <row r="75178" spans="1:7" x14ac:dyDescent="0.3">
      <c r="A75178" s="13" t="s">
        <v>385</v>
      </c>
      <c r="B75178" s="14" t="s">
        <v>1</v>
      </c>
      <c r="C75178" s="14" t="s">
        <v>109</v>
      </c>
      <c r="D75178" s="14" t="s">
        <v>269</v>
      </c>
      <c r="E75178" s="15">
        <v>45729</v>
      </c>
      <c r="F75178" s="14" t="s">
        <v>53</v>
      </c>
      <c r="G75178" s="16">
        <v>0</v>
      </c>
    </row>
    <row r="75179" spans="1:7" x14ac:dyDescent="0.3">
      <c r="A75179" s="13" t="s">
        <v>385</v>
      </c>
      <c r="B75179" s="14" t="s">
        <v>1</v>
      </c>
      <c r="C75179" s="14" t="s">
        <v>109</v>
      </c>
      <c r="D75179" s="14" t="s">
        <v>269</v>
      </c>
      <c r="E75179" s="15">
        <v>45730</v>
      </c>
      <c r="F75179" s="14" t="s">
        <v>53</v>
      </c>
      <c r="G75179" s="16">
        <v>0</v>
      </c>
    </row>
    <row r="75180" spans="1:7" x14ac:dyDescent="0.3">
      <c r="A75180" s="13" t="s">
        <v>385</v>
      </c>
      <c r="B75180" s="14" t="s">
        <v>1</v>
      </c>
      <c r="C75180" s="14" t="s">
        <v>109</v>
      </c>
      <c r="D75180" s="14" t="s">
        <v>269</v>
      </c>
      <c r="E75180" s="15">
        <v>45731</v>
      </c>
      <c r="F75180" s="14" t="s">
        <v>53</v>
      </c>
      <c r="G75180" s="16">
        <v>0</v>
      </c>
    </row>
    <row r="75181" spans="1:7" x14ac:dyDescent="0.3">
      <c r="A75181" s="13" t="s">
        <v>385</v>
      </c>
      <c r="B75181" s="14" t="s">
        <v>1</v>
      </c>
      <c r="C75181" s="14" t="s">
        <v>109</v>
      </c>
      <c r="D75181" s="14" t="s">
        <v>269</v>
      </c>
      <c r="E75181" s="15">
        <v>45732</v>
      </c>
      <c r="F75181" s="14" t="s">
        <v>53</v>
      </c>
      <c r="G75181" s="16">
        <v>0</v>
      </c>
    </row>
    <row r="75182" spans="1:7" x14ac:dyDescent="0.3">
      <c r="A75182" s="13" t="s">
        <v>385</v>
      </c>
      <c r="B75182" s="14" t="s">
        <v>1</v>
      </c>
      <c r="C75182" s="14" t="s">
        <v>109</v>
      </c>
      <c r="D75182" s="14" t="s">
        <v>269</v>
      </c>
      <c r="E75182" s="15">
        <v>45733</v>
      </c>
      <c r="F75182" s="14" t="s">
        <v>53</v>
      </c>
      <c r="G75182" s="16">
        <v>0</v>
      </c>
    </row>
    <row r="75183" spans="1:7" x14ac:dyDescent="0.3">
      <c r="A75183" s="13" t="s">
        <v>385</v>
      </c>
      <c r="B75183" s="14" t="s">
        <v>1</v>
      </c>
      <c r="C75183" s="14" t="s">
        <v>109</v>
      </c>
      <c r="D75183" s="14" t="s">
        <v>269</v>
      </c>
      <c r="E75183" s="15">
        <v>45734</v>
      </c>
      <c r="F75183" s="14" t="s">
        <v>53</v>
      </c>
      <c r="G75183" s="16">
        <v>0</v>
      </c>
    </row>
    <row r="75184" spans="1:7" x14ac:dyDescent="0.3">
      <c r="A75184" s="13" t="s">
        <v>385</v>
      </c>
      <c r="B75184" s="14" t="s">
        <v>1</v>
      </c>
      <c r="C75184" s="14" t="s">
        <v>109</v>
      </c>
      <c r="D75184" s="14" t="s">
        <v>269</v>
      </c>
      <c r="E75184" s="15">
        <v>45735</v>
      </c>
      <c r="F75184" s="14" t="s">
        <v>53</v>
      </c>
      <c r="G75184" s="16">
        <v>0</v>
      </c>
    </row>
    <row r="75185" spans="1:7" x14ac:dyDescent="0.3">
      <c r="A75185" s="13" t="s">
        <v>385</v>
      </c>
      <c r="B75185" s="14" t="s">
        <v>1</v>
      </c>
      <c r="C75185" s="14" t="s">
        <v>109</v>
      </c>
      <c r="D75185" s="14" t="s">
        <v>269</v>
      </c>
      <c r="E75185" s="15">
        <v>45736</v>
      </c>
      <c r="F75185" s="14" t="s">
        <v>53</v>
      </c>
      <c r="G75185" s="16">
        <v>0</v>
      </c>
    </row>
    <row r="75186" spans="1:7" x14ac:dyDescent="0.3">
      <c r="A75186" s="13" t="s">
        <v>385</v>
      </c>
      <c r="B75186" s="14" t="s">
        <v>1</v>
      </c>
      <c r="C75186" s="14" t="s">
        <v>109</v>
      </c>
      <c r="D75186" s="14" t="s">
        <v>269</v>
      </c>
      <c r="E75186" s="15">
        <v>45737</v>
      </c>
      <c r="F75186" s="14" t="s">
        <v>53</v>
      </c>
      <c r="G75186" s="16">
        <v>0</v>
      </c>
    </row>
    <row r="75187" spans="1:7" x14ac:dyDescent="0.3">
      <c r="A75187" s="13" t="s">
        <v>385</v>
      </c>
      <c r="B75187" s="14" t="s">
        <v>1</v>
      </c>
      <c r="C75187" s="14" t="s">
        <v>109</v>
      </c>
      <c r="D75187" s="14" t="s">
        <v>269</v>
      </c>
      <c r="E75187" s="15">
        <v>45738</v>
      </c>
      <c r="F75187" s="14" t="s">
        <v>53</v>
      </c>
      <c r="G75187" s="16">
        <v>0</v>
      </c>
    </row>
    <row r="75188" spans="1:7" x14ac:dyDescent="0.3">
      <c r="A75188" s="13" t="s">
        <v>385</v>
      </c>
      <c r="B75188" s="14" t="s">
        <v>1</v>
      </c>
      <c r="C75188" s="14" t="s">
        <v>109</v>
      </c>
      <c r="D75188" s="14" t="s">
        <v>269</v>
      </c>
      <c r="E75188" s="15">
        <v>45739</v>
      </c>
      <c r="F75188" s="14" t="s">
        <v>53</v>
      </c>
      <c r="G75188" s="16">
        <v>0</v>
      </c>
    </row>
    <row r="75189" spans="1:7" x14ac:dyDescent="0.3">
      <c r="A75189" s="13" t="s">
        <v>385</v>
      </c>
      <c r="B75189" s="14" t="s">
        <v>1</v>
      </c>
      <c r="C75189" s="14" t="s">
        <v>109</v>
      </c>
      <c r="D75189" s="14" t="s">
        <v>269</v>
      </c>
      <c r="E75189" s="15">
        <v>45740</v>
      </c>
      <c r="F75189" s="14" t="s">
        <v>53</v>
      </c>
      <c r="G75189" s="16">
        <v>0</v>
      </c>
    </row>
    <row r="75190" spans="1:7" x14ac:dyDescent="0.3">
      <c r="A75190" s="13" t="s">
        <v>385</v>
      </c>
      <c r="B75190" s="14" t="s">
        <v>1</v>
      </c>
      <c r="C75190" s="14" t="s">
        <v>109</v>
      </c>
      <c r="D75190" s="14" t="s">
        <v>269</v>
      </c>
      <c r="E75190" s="15">
        <v>45741</v>
      </c>
      <c r="F75190" s="14" t="s">
        <v>53</v>
      </c>
      <c r="G75190" s="16">
        <v>0</v>
      </c>
    </row>
    <row r="75191" spans="1:7" x14ac:dyDescent="0.3">
      <c r="A75191" s="13" t="s">
        <v>385</v>
      </c>
      <c r="B75191" s="14" t="s">
        <v>1</v>
      </c>
      <c r="C75191" s="14" t="s">
        <v>109</v>
      </c>
      <c r="D75191" s="14" t="s">
        <v>269</v>
      </c>
      <c r="E75191" s="15">
        <v>45742</v>
      </c>
      <c r="F75191" s="14" t="s">
        <v>53</v>
      </c>
      <c r="G75191" s="16">
        <v>0</v>
      </c>
    </row>
    <row r="75192" spans="1:7" x14ac:dyDescent="0.3">
      <c r="A75192" s="13" t="s">
        <v>385</v>
      </c>
      <c r="B75192" s="14" t="s">
        <v>1</v>
      </c>
      <c r="C75192" s="14" t="s">
        <v>109</v>
      </c>
      <c r="D75192" s="14" t="s">
        <v>269</v>
      </c>
      <c r="E75192" s="15">
        <v>45743</v>
      </c>
      <c r="F75192" s="14" t="s">
        <v>53</v>
      </c>
      <c r="G75192" s="16">
        <v>0</v>
      </c>
    </row>
    <row r="75193" spans="1:7" x14ac:dyDescent="0.3">
      <c r="A75193" s="13" t="s">
        <v>385</v>
      </c>
      <c r="B75193" s="14" t="s">
        <v>1</v>
      </c>
      <c r="C75193" s="14" t="s">
        <v>109</v>
      </c>
      <c r="D75193" s="14" t="s">
        <v>269</v>
      </c>
      <c r="E75193" s="15">
        <v>45744</v>
      </c>
      <c r="F75193" s="14" t="s">
        <v>53</v>
      </c>
      <c r="G75193" s="16">
        <v>0</v>
      </c>
    </row>
    <row r="75194" spans="1:7" x14ac:dyDescent="0.3">
      <c r="A75194" s="13" t="s">
        <v>385</v>
      </c>
      <c r="B75194" s="14" t="s">
        <v>1</v>
      </c>
      <c r="C75194" s="14" t="s">
        <v>109</v>
      </c>
      <c r="D75194" s="14" t="s">
        <v>269</v>
      </c>
      <c r="E75194" s="15">
        <v>45745</v>
      </c>
      <c r="F75194" s="14" t="s">
        <v>53</v>
      </c>
      <c r="G75194" s="16">
        <v>0</v>
      </c>
    </row>
    <row r="75195" spans="1:7" x14ac:dyDescent="0.3">
      <c r="A75195" s="13" t="s">
        <v>385</v>
      </c>
      <c r="B75195" s="14" t="s">
        <v>1</v>
      </c>
      <c r="C75195" s="14" t="s">
        <v>109</v>
      </c>
      <c r="D75195" s="14" t="s">
        <v>269</v>
      </c>
      <c r="E75195" s="15">
        <v>45746</v>
      </c>
      <c r="F75195" s="14" t="s">
        <v>53</v>
      </c>
      <c r="G75195" s="16">
        <v>0</v>
      </c>
    </row>
    <row r="75196" spans="1:7" x14ac:dyDescent="0.3">
      <c r="A75196" s="13" t="s">
        <v>385</v>
      </c>
      <c r="B75196" s="14" t="s">
        <v>1</v>
      </c>
      <c r="C75196" s="14" t="s">
        <v>109</v>
      </c>
      <c r="D75196" s="14" t="s">
        <v>269</v>
      </c>
      <c r="E75196" s="15">
        <v>45747</v>
      </c>
      <c r="F75196" s="14" t="s">
        <v>53</v>
      </c>
      <c r="G75196" s="16">
        <v>0</v>
      </c>
    </row>
    <row r="75197" spans="1:7" x14ac:dyDescent="0.3">
      <c r="A75197" s="13" t="s">
        <v>386</v>
      </c>
      <c r="B75197" s="14" t="s">
        <v>1</v>
      </c>
      <c r="C75197" s="14" t="s">
        <v>200</v>
      </c>
      <c r="D75197" s="14" t="s">
        <v>387</v>
      </c>
      <c r="E75197" s="15">
        <v>45383</v>
      </c>
      <c r="F75197" s="14" t="s">
        <v>53</v>
      </c>
      <c r="G75197" s="16">
        <v>0</v>
      </c>
    </row>
    <row r="75198" spans="1:7" x14ac:dyDescent="0.3">
      <c r="A75198" s="13" t="s">
        <v>386</v>
      </c>
      <c r="B75198" s="14" t="s">
        <v>1</v>
      </c>
      <c r="C75198" s="14" t="s">
        <v>200</v>
      </c>
      <c r="D75198" s="14" t="s">
        <v>387</v>
      </c>
      <c r="E75198" s="15">
        <v>45384</v>
      </c>
      <c r="F75198" s="14" t="s">
        <v>53</v>
      </c>
      <c r="G75198" s="16">
        <v>0</v>
      </c>
    </row>
    <row r="75199" spans="1:7" x14ac:dyDescent="0.3">
      <c r="A75199" s="13" t="s">
        <v>386</v>
      </c>
      <c r="B75199" s="14" t="s">
        <v>1</v>
      </c>
      <c r="C75199" s="14" t="s">
        <v>200</v>
      </c>
      <c r="D75199" s="14" t="s">
        <v>387</v>
      </c>
      <c r="E75199" s="15">
        <v>45385</v>
      </c>
      <c r="F75199" s="14" t="s">
        <v>53</v>
      </c>
      <c r="G75199" s="16">
        <v>3.833687853645986E-2</v>
      </c>
    </row>
    <row r="75200" spans="1:7" x14ac:dyDescent="0.3">
      <c r="A75200" s="13" t="s">
        <v>386</v>
      </c>
      <c r="B75200" s="14" t="s">
        <v>1</v>
      </c>
      <c r="C75200" s="14" t="s">
        <v>200</v>
      </c>
      <c r="D75200" s="14" t="s">
        <v>387</v>
      </c>
      <c r="E75200" s="15">
        <v>45386</v>
      </c>
      <c r="F75200" s="14" t="s">
        <v>53</v>
      </c>
      <c r="G75200" s="16">
        <v>4.7965919745564162E-2</v>
      </c>
    </row>
    <row r="75201" spans="1:7" x14ac:dyDescent="0.3">
      <c r="A75201" s="13" t="s">
        <v>386</v>
      </c>
      <c r="B75201" s="14" t="s">
        <v>1</v>
      </c>
      <c r="C75201" s="14" t="s">
        <v>200</v>
      </c>
      <c r="D75201" s="14" t="s">
        <v>387</v>
      </c>
      <c r="E75201" s="15">
        <v>45387</v>
      </c>
      <c r="F75201" s="14" t="s">
        <v>53</v>
      </c>
      <c r="G75201" s="16">
        <v>5.5624898454567639E-2</v>
      </c>
    </row>
    <row r="75202" spans="1:7" x14ac:dyDescent="0.3">
      <c r="A75202" s="13" t="s">
        <v>386</v>
      </c>
      <c r="B75202" s="14" t="s">
        <v>1</v>
      </c>
      <c r="C75202" s="14" t="s">
        <v>200</v>
      </c>
      <c r="D75202" s="14" t="s">
        <v>387</v>
      </c>
      <c r="E75202" s="15">
        <v>45388</v>
      </c>
      <c r="F75202" s="14" t="s">
        <v>53</v>
      </c>
      <c r="G75202" s="16">
        <v>5.5624898454567639E-2</v>
      </c>
    </row>
    <row r="75203" spans="1:7" x14ac:dyDescent="0.3">
      <c r="A75203" s="13" t="s">
        <v>386</v>
      </c>
      <c r="B75203" s="14" t="s">
        <v>1</v>
      </c>
      <c r="C75203" s="14" t="s">
        <v>200</v>
      </c>
      <c r="D75203" s="14" t="s">
        <v>387</v>
      </c>
      <c r="E75203" s="15">
        <v>45389</v>
      </c>
      <c r="F75203" s="14" t="s">
        <v>53</v>
      </c>
      <c r="G75203" s="16">
        <v>5.5624898454567639E-2</v>
      </c>
    </row>
    <row r="75204" spans="1:7" x14ac:dyDescent="0.3">
      <c r="A75204" s="13" t="s">
        <v>386</v>
      </c>
      <c r="B75204" s="14" t="s">
        <v>1</v>
      </c>
      <c r="C75204" s="14" t="s">
        <v>200</v>
      </c>
      <c r="D75204" s="14" t="s">
        <v>387</v>
      </c>
      <c r="E75204" s="15">
        <v>45390</v>
      </c>
      <c r="F75204" s="14" t="s">
        <v>53</v>
      </c>
      <c r="G75204" s="16">
        <v>5.6167454556395005E-2</v>
      </c>
    </row>
    <row r="75205" spans="1:7" x14ac:dyDescent="0.3">
      <c r="A75205" s="13" t="s">
        <v>386</v>
      </c>
      <c r="B75205" s="14" t="s">
        <v>1</v>
      </c>
      <c r="C75205" s="14" t="s">
        <v>200</v>
      </c>
      <c r="D75205" s="14" t="s">
        <v>387</v>
      </c>
      <c r="E75205" s="15">
        <v>45391</v>
      </c>
      <c r="F75205" s="14" t="s">
        <v>53</v>
      </c>
      <c r="G75205" s="16">
        <v>7.6830439249575569E-2</v>
      </c>
    </row>
    <row r="75206" spans="1:7" x14ac:dyDescent="0.3">
      <c r="A75206" s="13" t="s">
        <v>386</v>
      </c>
      <c r="B75206" s="14" t="s">
        <v>1</v>
      </c>
      <c r="C75206" s="14" t="s">
        <v>200</v>
      </c>
      <c r="D75206" s="14" t="s">
        <v>387</v>
      </c>
      <c r="E75206" s="15">
        <v>45392</v>
      </c>
      <c r="F75206" s="14" t="s">
        <v>53</v>
      </c>
      <c r="G75206" s="16">
        <v>9.5542211330204505E-2</v>
      </c>
    </row>
    <row r="75207" spans="1:7" x14ac:dyDescent="0.3">
      <c r="A75207" s="13" t="s">
        <v>386</v>
      </c>
      <c r="B75207" s="14" t="s">
        <v>1</v>
      </c>
      <c r="C75207" s="14" t="s">
        <v>200</v>
      </c>
      <c r="D75207" s="14" t="s">
        <v>387</v>
      </c>
      <c r="E75207" s="15">
        <v>45393</v>
      </c>
      <c r="F75207" s="14" t="s">
        <v>53</v>
      </c>
      <c r="G75207" s="16">
        <v>0.11958410219623809</v>
      </c>
    </row>
    <row r="75208" spans="1:7" x14ac:dyDescent="0.3">
      <c r="A75208" s="13" t="s">
        <v>386</v>
      </c>
      <c r="B75208" s="14" t="s">
        <v>1</v>
      </c>
      <c r="C75208" s="14" t="s">
        <v>200</v>
      </c>
      <c r="D75208" s="14" t="s">
        <v>387</v>
      </c>
      <c r="E75208" s="15">
        <v>45394</v>
      </c>
      <c r="F75208" s="14" t="s">
        <v>53</v>
      </c>
      <c r="G75208" s="16">
        <v>0.12585100647711731</v>
      </c>
    </row>
    <row r="75209" spans="1:7" x14ac:dyDescent="0.3">
      <c r="A75209" s="13" t="s">
        <v>386</v>
      </c>
      <c r="B75209" s="14" t="s">
        <v>1</v>
      </c>
      <c r="C75209" s="14" t="s">
        <v>200</v>
      </c>
      <c r="D75209" s="14" t="s">
        <v>387</v>
      </c>
      <c r="E75209" s="15">
        <v>45395</v>
      </c>
      <c r="F75209" s="14" t="s">
        <v>53</v>
      </c>
      <c r="G75209" s="16">
        <v>0.12585100647711731</v>
      </c>
    </row>
    <row r="75210" spans="1:7" x14ac:dyDescent="0.3">
      <c r="A75210" s="13" t="s">
        <v>386</v>
      </c>
      <c r="B75210" s="14" t="s">
        <v>1</v>
      </c>
      <c r="C75210" s="14" t="s">
        <v>200</v>
      </c>
      <c r="D75210" s="14" t="s">
        <v>387</v>
      </c>
      <c r="E75210" s="15">
        <v>45396</v>
      </c>
      <c r="F75210" s="14" t="s">
        <v>53</v>
      </c>
      <c r="G75210" s="16">
        <v>0.12585100647711731</v>
      </c>
    </row>
    <row r="75211" spans="1:7" x14ac:dyDescent="0.3">
      <c r="A75211" s="13" t="s">
        <v>386</v>
      </c>
      <c r="B75211" s="14" t="s">
        <v>1</v>
      </c>
      <c r="C75211" s="14" t="s">
        <v>200</v>
      </c>
      <c r="D75211" s="14" t="s">
        <v>387</v>
      </c>
      <c r="E75211" s="15">
        <v>45397</v>
      </c>
      <c r="F75211" s="14" t="s">
        <v>53</v>
      </c>
      <c r="G75211" s="16">
        <v>0.13383886567989023</v>
      </c>
    </row>
    <row r="75212" spans="1:7" x14ac:dyDescent="0.3">
      <c r="A75212" s="13" t="s">
        <v>386</v>
      </c>
      <c r="B75212" s="14" t="s">
        <v>1</v>
      </c>
      <c r="C75212" s="14" t="s">
        <v>200</v>
      </c>
      <c r="D75212" s="14" t="s">
        <v>387</v>
      </c>
      <c r="E75212" s="15">
        <v>45398</v>
      </c>
      <c r="F75212" s="14" t="s">
        <v>53</v>
      </c>
      <c r="G75212" s="16">
        <v>0.15815626222211793</v>
      </c>
    </row>
    <row r="75213" spans="1:7" x14ac:dyDescent="0.3">
      <c r="A75213" s="13" t="s">
        <v>386</v>
      </c>
      <c r="B75213" s="14" t="s">
        <v>1</v>
      </c>
      <c r="C75213" s="14" t="s">
        <v>200</v>
      </c>
      <c r="D75213" s="14" t="s">
        <v>387</v>
      </c>
      <c r="E75213" s="15">
        <v>45399</v>
      </c>
      <c r="F75213" s="14" t="s">
        <v>53</v>
      </c>
      <c r="G75213" s="16">
        <v>0.16526546164354411</v>
      </c>
    </row>
    <row r="75214" spans="1:7" x14ac:dyDescent="0.3">
      <c r="A75214" s="13" t="s">
        <v>386</v>
      </c>
      <c r="B75214" s="14" t="s">
        <v>1</v>
      </c>
      <c r="C75214" s="14" t="s">
        <v>200</v>
      </c>
      <c r="D75214" s="14" t="s">
        <v>387</v>
      </c>
      <c r="E75214" s="15">
        <v>45400</v>
      </c>
      <c r="F75214" s="14" t="s">
        <v>53</v>
      </c>
      <c r="G75214" s="16">
        <v>0.1728760021947385</v>
      </c>
    </row>
    <row r="75215" spans="1:7" x14ac:dyDescent="0.3">
      <c r="A75215" s="13" t="s">
        <v>386</v>
      </c>
      <c r="B75215" s="14" t="s">
        <v>1</v>
      </c>
      <c r="C75215" s="14" t="s">
        <v>200</v>
      </c>
      <c r="D75215" s="14" t="s">
        <v>387</v>
      </c>
      <c r="E75215" s="15">
        <v>45401</v>
      </c>
      <c r="F75215" s="14" t="s">
        <v>53</v>
      </c>
      <c r="G75215" s="16">
        <v>0.17000128062641037</v>
      </c>
    </row>
    <row r="75216" spans="1:7" x14ac:dyDescent="0.3">
      <c r="A75216" s="13" t="s">
        <v>386</v>
      </c>
      <c r="B75216" s="14" t="s">
        <v>1</v>
      </c>
      <c r="C75216" s="14" t="s">
        <v>200</v>
      </c>
      <c r="D75216" s="14" t="s">
        <v>387</v>
      </c>
      <c r="E75216" s="15">
        <v>45402</v>
      </c>
      <c r="F75216" s="14" t="s">
        <v>53</v>
      </c>
      <c r="G75216" s="16">
        <v>0.17000128062641037</v>
      </c>
    </row>
    <row r="75217" spans="1:7" x14ac:dyDescent="0.3">
      <c r="A75217" s="13" t="s">
        <v>386</v>
      </c>
      <c r="B75217" s="14" t="s">
        <v>1</v>
      </c>
      <c r="C75217" s="14" t="s">
        <v>200</v>
      </c>
      <c r="D75217" s="14" t="s">
        <v>387</v>
      </c>
      <c r="E75217" s="15">
        <v>45403</v>
      </c>
      <c r="F75217" s="14" t="s">
        <v>53</v>
      </c>
      <c r="G75217" s="16">
        <v>0.17000128062641037</v>
      </c>
    </row>
    <row r="75218" spans="1:7" x14ac:dyDescent="0.3">
      <c r="A75218" s="13" t="s">
        <v>386</v>
      </c>
      <c r="B75218" s="14" t="s">
        <v>1</v>
      </c>
      <c r="C75218" s="14" t="s">
        <v>200</v>
      </c>
      <c r="D75218" s="14" t="s">
        <v>387</v>
      </c>
      <c r="E75218" s="15">
        <v>45404</v>
      </c>
      <c r="F75218" s="14" t="s">
        <v>53</v>
      </c>
      <c r="G75218" s="16">
        <v>0.16671779601857195</v>
      </c>
    </row>
    <row r="75219" spans="1:7" x14ac:dyDescent="0.3">
      <c r="A75219" s="13" t="s">
        <v>386</v>
      </c>
      <c r="B75219" s="14" t="s">
        <v>1</v>
      </c>
      <c r="C75219" s="14" t="s">
        <v>200</v>
      </c>
      <c r="D75219" s="14" t="s">
        <v>387</v>
      </c>
      <c r="E75219" s="15">
        <v>45405</v>
      </c>
      <c r="F75219" s="14" t="s">
        <v>53</v>
      </c>
      <c r="G75219" s="16">
        <v>0.18964575135843609</v>
      </c>
    </row>
    <row r="75220" spans="1:7" x14ac:dyDescent="0.3">
      <c r="A75220" s="13" t="s">
        <v>386</v>
      </c>
      <c r="B75220" s="14" t="s">
        <v>1</v>
      </c>
      <c r="C75220" s="14" t="s">
        <v>200</v>
      </c>
      <c r="D75220" s="14" t="s">
        <v>387</v>
      </c>
      <c r="E75220" s="15">
        <v>45406</v>
      </c>
      <c r="F75220" s="14" t="s">
        <v>53</v>
      </c>
      <c r="G75220" s="16">
        <v>0.19828627047557532</v>
      </c>
    </row>
    <row r="75221" spans="1:7" x14ac:dyDescent="0.3">
      <c r="A75221" s="13" t="s">
        <v>386</v>
      </c>
      <c r="B75221" s="14" t="s">
        <v>1</v>
      </c>
      <c r="C75221" s="14" t="s">
        <v>200</v>
      </c>
      <c r="D75221" s="14" t="s">
        <v>387</v>
      </c>
      <c r="E75221" s="15">
        <v>45407</v>
      </c>
      <c r="F75221" s="14" t="s">
        <v>53</v>
      </c>
      <c r="G75221" s="16">
        <v>0.20415682705147634</v>
      </c>
    </row>
    <row r="75222" spans="1:7" x14ac:dyDescent="0.3">
      <c r="A75222" s="13" t="s">
        <v>386</v>
      </c>
      <c r="B75222" s="14" t="s">
        <v>1</v>
      </c>
      <c r="C75222" s="14" t="s">
        <v>200</v>
      </c>
      <c r="D75222" s="14" t="s">
        <v>387</v>
      </c>
      <c r="E75222" s="15">
        <v>45408</v>
      </c>
      <c r="F75222" s="14" t="s">
        <v>53</v>
      </c>
      <c r="G75222" s="16">
        <v>0.21135221315646391</v>
      </c>
    </row>
    <row r="75223" spans="1:7" x14ac:dyDescent="0.3">
      <c r="A75223" s="13" t="s">
        <v>386</v>
      </c>
      <c r="B75223" s="14" t="s">
        <v>1</v>
      </c>
      <c r="C75223" s="14" t="s">
        <v>200</v>
      </c>
      <c r="D75223" s="14" t="s">
        <v>387</v>
      </c>
      <c r="E75223" s="15">
        <v>45409</v>
      </c>
      <c r="F75223" s="14" t="s">
        <v>53</v>
      </c>
      <c r="G75223" s="16">
        <v>0.21135221315646391</v>
      </c>
    </row>
    <row r="75224" spans="1:7" x14ac:dyDescent="0.3">
      <c r="A75224" s="13" t="s">
        <v>386</v>
      </c>
      <c r="B75224" s="14" t="s">
        <v>1</v>
      </c>
      <c r="C75224" s="14" t="s">
        <v>200</v>
      </c>
      <c r="D75224" s="14" t="s">
        <v>387</v>
      </c>
      <c r="E75224" s="15">
        <v>45410</v>
      </c>
      <c r="F75224" s="14" t="s">
        <v>53</v>
      </c>
      <c r="G75224" s="16">
        <v>0.21135221315646391</v>
      </c>
    </row>
    <row r="75225" spans="1:7" x14ac:dyDescent="0.3">
      <c r="A75225" s="13" t="s">
        <v>386</v>
      </c>
      <c r="B75225" s="14" t="s">
        <v>1</v>
      </c>
      <c r="C75225" s="14" t="s">
        <v>200</v>
      </c>
      <c r="D75225" s="14" t="s">
        <v>387</v>
      </c>
      <c r="E75225" s="15">
        <v>45411</v>
      </c>
      <c r="F75225" s="14" t="s">
        <v>53</v>
      </c>
      <c r="G75225" s="16">
        <v>0.21718122774713811</v>
      </c>
    </row>
    <row r="75226" spans="1:7" x14ac:dyDescent="0.3">
      <c r="A75226" s="13" t="s">
        <v>386</v>
      </c>
      <c r="B75226" s="14" t="s">
        <v>1</v>
      </c>
      <c r="C75226" s="14" t="s">
        <v>200</v>
      </c>
      <c r="D75226" s="14" t="s">
        <v>387</v>
      </c>
      <c r="E75226" s="15">
        <v>45412</v>
      </c>
      <c r="F75226" s="14" t="s">
        <v>53</v>
      </c>
      <c r="G75226" s="16">
        <v>0.23863125929306472</v>
      </c>
    </row>
    <row r="75227" spans="1:7" x14ac:dyDescent="0.3">
      <c r="A75227" s="13" t="s">
        <v>386</v>
      </c>
      <c r="B75227" s="14" t="s">
        <v>1</v>
      </c>
      <c r="C75227" s="14" t="s">
        <v>200</v>
      </c>
      <c r="D75227" s="14" t="s">
        <v>387</v>
      </c>
      <c r="E75227" s="15">
        <v>45413</v>
      </c>
      <c r="F75227" s="14" t="s">
        <v>53</v>
      </c>
      <c r="G75227" s="16">
        <v>0.24394217974538251</v>
      </c>
    </row>
    <row r="75228" spans="1:7" x14ac:dyDescent="0.3">
      <c r="A75228" s="13" t="s">
        <v>386</v>
      </c>
      <c r="B75228" s="14" t="s">
        <v>1</v>
      </c>
      <c r="C75228" s="14" t="s">
        <v>200</v>
      </c>
      <c r="D75228" s="14" t="s">
        <v>387</v>
      </c>
      <c r="E75228" s="15">
        <v>45414</v>
      </c>
      <c r="F75228" s="14" t="s">
        <v>53</v>
      </c>
      <c r="G75228" s="16">
        <v>0.25301130262379701</v>
      </c>
    </row>
    <row r="75229" spans="1:7" x14ac:dyDescent="0.3">
      <c r="A75229" s="13" t="s">
        <v>386</v>
      </c>
      <c r="B75229" s="14" t="s">
        <v>1</v>
      </c>
      <c r="C75229" s="14" t="s">
        <v>200</v>
      </c>
      <c r="D75229" s="14" t="s">
        <v>387</v>
      </c>
      <c r="E75229" s="15">
        <v>45415</v>
      </c>
      <c r="F75229" s="14" t="s">
        <v>53</v>
      </c>
      <c r="G75229" s="16">
        <v>0.25931318885696447</v>
      </c>
    </row>
    <row r="75230" spans="1:7" x14ac:dyDescent="0.3">
      <c r="A75230" s="13" t="s">
        <v>386</v>
      </c>
      <c r="B75230" s="14" t="s">
        <v>1</v>
      </c>
      <c r="C75230" s="14" t="s">
        <v>200</v>
      </c>
      <c r="D75230" s="14" t="s">
        <v>387</v>
      </c>
      <c r="E75230" s="15">
        <v>45416</v>
      </c>
      <c r="F75230" s="14" t="s">
        <v>53</v>
      </c>
      <c r="G75230" s="16">
        <v>0.25931318885696447</v>
      </c>
    </row>
    <row r="75231" spans="1:7" x14ac:dyDescent="0.3">
      <c r="A75231" s="13" t="s">
        <v>386</v>
      </c>
      <c r="B75231" s="14" t="s">
        <v>1</v>
      </c>
      <c r="C75231" s="14" t="s">
        <v>200</v>
      </c>
      <c r="D75231" s="14" t="s">
        <v>387</v>
      </c>
      <c r="E75231" s="15">
        <v>45417</v>
      </c>
      <c r="F75231" s="14" t="s">
        <v>53</v>
      </c>
      <c r="G75231" s="16">
        <v>0.25931318885696447</v>
      </c>
    </row>
    <row r="75232" spans="1:7" x14ac:dyDescent="0.3">
      <c r="A75232" s="13" t="s">
        <v>386</v>
      </c>
      <c r="B75232" s="14" t="s">
        <v>1</v>
      </c>
      <c r="C75232" s="14" t="s">
        <v>200</v>
      </c>
      <c r="D75232" s="14" t="s">
        <v>387</v>
      </c>
      <c r="E75232" s="15">
        <v>45418</v>
      </c>
      <c r="F75232" s="14" t="s">
        <v>53</v>
      </c>
      <c r="G75232" s="16">
        <v>0.25931318885696447</v>
      </c>
    </row>
    <row r="75233" spans="1:7" x14ac:dyDescent="0.3">
      <c r="A75233" s="13" t="s">
        <v>386</v>
      </c>
      <c r="B75233" s="14" t="s">
        <v>1</v>
      </c>
      <c r="C75233" s="14" t="s">
        <v>200</v>
      </c>
      <c r="D75233" s="14" t="s">
        <v>387</v>
      </c>
      <c r="E75233" s="15">
        <v>45419</v>
      </c>
      <c r="F75233" s="14" t="s">
        <v>53</v>
      </c>
      <c r="G75233" s="16">
        <v>0.26498469331684016</v>
      </c>
    </row>
    <row r="75234" spans="1:7" x14ac:dyDescent="0.3">
      <c r="A75234" s="13" t="s">
        <v>386</v>
      </c>
      <c r="B75234" s="14" t="s">
        <v>1</v>
      </c>
      <c r="C75234" s="14" t="s">
        <v>200</v>
      </c>
      <c r="D75234" s="14" t="s">
        <v>387</v>
      </c>
      <c r="E75234" s="15">
        <v>45420</v>
      </c>
      <c r="F75234" s="14" t="s">
        <v>53</v>
      </c>
      <c r="G75234" s="16">
        <v>0.28965403061309747</v>
      </c>
    </row>
    <row r="75235" spans="1:7" x14ac:dyDescent="0.3">
      <c r="A75235" s="13" t="s">
        <v>386</v>
      </c>
      <c r="B75235" s="14" t="s">
        <v>1</v>
      </c>
      <c r="C75235" s="14" t="s">
        <v>200</v>
      </c>
      <c r="D75235" s="14" t="s">
        <v>387</v>
      </c>
      <c r="E75235" s="15">
        <v>45421</v>
      </c>
      <c r="F75235" s="14" t="s">
        <v>53</v>
      </c>
      <c r="G75235" s="16">
        <v>0.29596427811920162</v>
      </c>
    </row>
    <row r="75236" spans="1:7" x14ac:dyDescent="0.3">
      <c r="A75236" s="13" t="s">
        <v>386</v>
      </c>
      <c r="B75236" s="14" t="s">
        <v>1</v>
      </c>
      <c r="C75236" s="14" t="s">
        <v>200</v>
      </c>
      <c r="D75236" s="14" t="s">
        <v>387</v>
      </c>
      <c r="E75236" s="15">
        <v>45422</v>
      </c>
      <c r="F75236" s="14" t="s">
        <v>53</v>
      </c>
      <c r="G75236" s="16">
        <v>0.30227508200901643</v>
      </c>
    </row>
    <row r="75237" spans="1:7" x14ac:dyDescent="0.3">
      <c r="A75237" s="13" t="s">
        <v>386</v>
      </c>
      <c r="B75237" s="14" t="s">
        <v>1</v>
      </c>
      <c r="C75237" s="14" t="s">
        <v>200</v>
      </c>
      <c r="D75237" s="14" t="s">
        <v>387</v>
      </c>
      <c r="E75237" s="15">
        <v>45423</v>
      </c>
      <c r="F75237" s="14" t="s">
        <v>53</v>
      </c>
      <c r="G75237" s="16">
        <v>0.30227508200901643</v>
      </c>
    </row>
    <row r="75238" spans="1:7" x14ac:dyDescent="0.3">
      <c r="A75238" s="13" t="s">
        <v>386</v>
      </c>
      <c r="B75238" s="14" t="s">
        <v>1</v>
      </c>
      <c r="C75238" s="14" t="s">
        <v>200</v>
      </c>
      <c r="D75238" s="14" t="s">
        <v>387</v>
      </c>
      <c r="E75238" s="15">
        <v>45424</v>
      </c>
      <c r="F75238" s="14" t="s">
        <v>53</v>
      </c>
      <c r="G75238" s="16">
        <v>0.30227508200901643</v>
      </c>
    </row>
    <row r="75239" spans="1:7" x14ac:dyDescent="0.3">
      <c r="A75239" s="13" t="s">
        <v>386</v>
      </c>
      <c r="B75239" s="14" t="s">
        <v>1</v>
      </c>
      <c r="C75239" s="14" t="s">
        <v>200</v>
      </c>
      <c r="D75239" s="14" t="s">
        <v>387</v>
      </c>
      <c r="E75239" s="15">
        <v>45425</v>
      </c>
      <c r="F75239" s="14" t="s">
        <v>53</v>
      </c>
      <c r="G75239" s="16">
        <v>0.30644431425875807</v>
      </c>
    </row>
    <row r="75240" spans="1:7" x14ac:dyDescent="0.3">
      <c r="A75240" s="13" t="s">
        <v>386</v>
      </c>
      <c r="B75240" s="14" t="s">
        <v>1</v>
      </c>
      <c r="C75240" s="14" t="s">
        <v>200</v>
      </c>
      <c r="D75240" s="14" t="s">
        <v>387</v>
      </c>
      <c r="E75240" s="15">
        <v>45426</v>
      </c>
      <c r="F75240" s="14" t="s">
        <v>53</v>
      </c>
      <c r="G75240" s="16">
        <v>0.32954601002853656</v>
      </c>
    </row>
    <row r="75241" spans="1:7" x14ac:dyDescent="0.3">
      <c r="A75241" s="13" t="s">
        <v>386</v>
      </c>
      <c r="B75241" s="14" t="s">
        <v>1</v>
      </c>
      <c r="C75241" s="14" t="s">
        <v>200</v>
      </c>
      <c r="D75241" s="14" t="s">
        <v>387</v>
      </c>
      <c r="E75241" s="15">
        <v>45427</v>
      </c>
      <c r="F75241" s="14" t="s">
        <v>53</v>
      </c>
      <c r="G75241" s="16">
        <v>0.33376138446098175</v>
      </c>
    </row>
    <row r="75242" spans="1:7" x14ac:dyDescent="0.3">
      <c r="A75242" s="13" t="s">
        <v>386</v>
      </c>
      <c r="B75242" s="14" t="s">
        <v>1</v>
      </c>
      <c r="C75242" s="14" t="s">
        <v>200</v>
      </c>
      <c r="D75242" s="14" t="s">
        <v>387</v>
      </c>
      <c r="E75242" s="15">
        <v>45428</v>
      </c>
      <c r="F75242" s="14" t="s">
        <v>53</v>
      </c>
      <c r="G75242" s="16">
        <v>0.3416735686712159</v>
      </c>
    </row>
    <row r="75243" spans="1:7" x14ac:dyDescent="0.3">
      <c r="A75243" s="13" t="s">
        <v>386</v>
      </c>
      <c r="B75243" s="14" t="s">
        <v>1</v>
      </c>
      <c r="C75243" s="14" t="s">
        <v>200</v>
      </c>
      <c r="D75243" s="14" t="s">
        <v>387</v>
      </c>
      <c r="E75243" s="15">
        <v>45429</v>
      </c>
      <c r="F75243" s="14" t="s">
        <v>53</v>
      </c>
      <c r="G75243" s="16">
        <v>0.34776988841238721</v>
      </c>
    </row>
    <row r="75244" spans="1:7" x14ac:dyDescent="0.3">
      <c r="A75244" s="13" t="s">
        <v>386</v>
      </c>
      <c r="B75244" s="14" t="s">
        <v>1</v>
      </c>
      <c r="C75244" s="14" t="s">
        <v>200</v>
      </c>
      <c r="D75244" s="14" t="s">
        <v>387</v>
      </c>
      <c r="E75244" s="15">
        <v>45430</v>
      </c>
      <c r="F75244" s="14" t="s">
        <v>53</v>
      </c>
      <c r="G75244" s="16">
        <v>0.34776988841238721</v>
      </c>
    </row>
    <row r="75245" spans="1:7" x14ac:dyDescent="0.3">
      <c r="A75245" s="13" t="s">
        <v>386</v>
      </c>
      <c r="B75245" s="14" t="s">
        <v>1</v>
      </c>
      <c r="C75245" s="14" t="s">
        <v>200</v>
      </c>
      <c r="D75245" s="14" t="s">
        <v>387</v>
      </c>
      <c r="E75245" s="15">
        <v>45431</v>
      </c>
      <c r="F75245" s="14" t="s">
        <v>53</v>
      </c>
      <c r="G75245" s="16">
        <v>0.34776988841238721</v>
      </c>
    </row>
    <row r="75246" spans="1:7" x14ac:dyDescent="0.3">
      <c r="A75246" s="13" t="s">
        <v>386</v>
      </c>
      <c r="B75246" s="14" t="s">
        <v>1</v>
      </c>
      <c r="C75246" s="14" t="s">
        <v>200</v>
      </c>
      <c r="D75246" s="14" t="s">
        <v>387</v>
      </c>
      <c r="E75246" s="15">
        <v>45432</v>
      </c>
      <c r="F75246" s="14" t="s">
        <v>53</v>
      </c>
      <c r="G75246" s="16">
        <v>0.35238705101118284</v>
      </c>
    </row>
    <row r="75247" spans="1:7" x14ac:dyDescent="0.3">
      <c r="A75247" s="13" t="s">
        <v>386</v>
      </c>
      <c r="B75247" s="14" t="s">
        <v>1</v>
      </c>
      <c r="C75247" s="14" t="s">
        <v>200</v>
      </c>
      <c r="D75247" s="14" t="s">
        <v>387</v>
      </c>
      <c r="E75247" s="15">
        <v>45433</v>
      </c>
      <c r="F75247" s="14" t="s">
        <v>53</v>
      </c>
      <c r="G75247" s="16">
        <v>0.37364211429773314</v>
      </c>
    </row>
    <row r="75248" spans="1:7" x14ac:dyDescent="0.3">
      <c r="A75248" s="13" t="s">
        <v>386</v>
      </c>
      <c r="B75248" s="14" t="s">
        <v>1</v>
      </c>
      <c r="C75248" s="14" t="s">
        <v>200</v>
      </c>
      <c r="D75248" s="14" t="s">
        <v>387</v>
      </c>
      <c r="E75248" s="15">
        <v>45434</v>
      </c>
      <c r="F75248" s="14" t="s">
        <v>53</v>
      </c>
      <c r="G75248" s="16">
        <v>0.38116567329247142</v>
      </c>
    </row>
    <row r="75249" spans="1:7" x14ac:dyDescent="0.3">
      <c r="A75249" s="13" t="s">
        <v>386</v>
      </c>
      <c r="B75249" s="14" t="s">
        <v>1</v>
      </c>
      <c r="C75249" s="14" t="s">
        <v>200</v>
      </c>
      <c r="D75249" s="14" t="s">
        <v>387</v>
      </c>
      <c r="E75249" s="15">
        <v>45435</v>
      </c>
      <c r="F75249" s="14" t="s">
        <v>53</v>
      </c>
      <c r="G75249" s="16">
        <v>0.38850022378263388</v>
      </c>
    </row>
    <row r="75250" spans="1:7" x14ac:dyDescent="0.3">
      <c r="A75250" s="13" t="s">
        <v>386</v>
      </c>
      <c r="B75250" s="14" t="s">
        <v>1</v>
      </c>
      <c r="C75250" s="14" t="s">
        <v>200</v>
      </c>
      <c r="D75250" s="14" t="s">
        <v>387</v>
      </c>
      <c r="E75250" s="15">
        <v>45436</v>
      </c>
      <c r="F75250" s="14" t="s">
        <v>53</v>
      </c>
      <c r="G75250" s="16">
        <v>0.39396741301430677</v>
      </c>
    </row>
    <row r="75251" spans="1:7" x14ac:dyDescent="0.3">
      <c r="A75251" s="13" t="s">
        <v>386</v>
      </c>
      <c r="B75251" s="14" t="s">
        <v>1</v>
      </c>
      <c r="C75251" s="14" t="s">
        <v>200</v>
      </c>
      <c r="D75251" s="14" t="s">
        <v>387</v>
      </c>
      <c r="E75251" s="15">
        <v>45437</v>
      </c>
      <c r="F75251" s="14" t="s">
        <v>53</v>
      </c>
      <c r="G75251" s="16">
        <v>0.39396741301430677</v>
      </c>
    </row>
    <row r="75252" spans="1:7" x14ac:dyDescent="0.3">
      <c r="A75252" s="13" t="s">
        <v>386</v>
      </c>
      <c r="B75252" s="14" t="s">
        <v>1</v>
      </c>
      <c r="C75252" s="14" t="s">
        <v>200</v>
      </c>
      <c r="D75252" s="14" t="s">
        <v>387</v>
      </c>
      <c r="E75252" s="15">
        <v>45438</v>
      </c>
      <c r="F75252" s="14" t="s">
        <v>53</v>
      </c>
      <c r="G75252" s="16">
        <v>0.39396741301430677</v>
      </c>
    </row>
    <row r="75253" spans="1:7" x14ac:dyDescent="0.3">
      <c r="A75253" s="13" t="s">
        <v>386</v>
      </c>
      <c r="B75253" s="14" t="s">
        <v>1</v>
      </c>
      <c r="C75253" s="14" t="s">
        <v>200</v>
      </c>
      <c r="D75253" s="14" t="s">
        <v>387</v>
      </c>
      <c r="E75253" s="15">
        <v>45439</v>
      </c>
      <c r="F75253" s="14" t="s">
        <v>53</v>
      </c>
      <c r="G75253" s="16">
        <v>0.39396741301430677</v>
      </c>
    </row>
    <row r="75254" spans="1:7" x14ac:dyDescent="0.3">
      <c r="A75254" s="13" t="s">
        <v>386</v>
      </c>
      <c r="B75254" s="14" t="s">
        <v>1</v>
      </c>
      <c r="C75254" s="14" t="s">
        <v>200</v>
      </c>
      <c r="D75254" s="14" t="s">
        <v>387</v>
      </c>
      <c r="E75254" s="15">
        <v>45440</v>
      </c>
      <c r="F75254" s="14" t="s">
        <v>53</v>
      </c>
      <c r="G75254" s="16">
        <v>0.40000092899178286</v>
      </c>
    </row>
    <row r="75255" spans="1:7" x14ac:dyDescent="0.3">
      <c r="A75255" s="13" t="s">
        <v>386</v>
      </c>
      <c r="B75255" s="14" t="s">
        <v>1</v>
      </c>
      <c r="C75255" s="14" t="s">
        <v>200</v>
      </c>
      <c r="D75255" s="14" t="s">
        <v>387</v>
      </c>
      <c r="E75255" s="15">
        <v>45441</v>
      </c>
      <c r="F75255" s="14" t="s">
        <v>53</v>
      </c>
      <c r="G75255" s="16">
        <v>0.41647600903684351</v>
      </c>
    </row>
    <row r="75256" spans="1:7" x14ac:dyDescent="0.3">
      <c r="A75256" s="13" t="s">
        <v>386</v>
      </c>
      <c r="B75256" s="14" t="s">
        <v>1</v>
      </c>
      <c r="C75256" s="14" t="s">
        <v>200</v>
      </c>
      <c r="D75256" s="14" t="s">
        <v>387</v>
      </c>
      <c r="E75256" s="15">
        <v>45442</v>
      </c>
      <c r="F75256" s="14" t="s">
        <v>53</v>
      </c>
      <c r="G75256" s="16">
        <v>0.41834925907302561</v>
      </c>
    </row>
    <row r="75257" spans="1:7" x14ac:dyDescent="0.3">
      <c r="A75257" s="13" t="s">
        <v>386</v>
      </c>
      <c r="B75257" s="14" t="s">
        <v>1</v>
      </c>
      <c r="C75257" s="14" t="s">
        <v>200</v>
      </c>
      <c r="D75257" s="14" t="s">
        <v>387</v>
      </c>
      <c r="E75257" s="15">
        <v>45443</v>
      </c>
      <c r="F75257" s="14" t="s">
        <v>53</v>
      </c>
      <c r="G75257" s="16">
        <v>0.42385196907842393</v>
      </c>
    </row>
    <row r="75258" spans="1:7" x14ac:dyDescent="0.3">
      <c r="A75258" s="13" t="s">
        <v>386</v>
      </c>
      <c r="B75258" s="14" t="s">
        <v>1</v>
      </c>
      <c r="C75258" s="14" t="s">
        <v>200</v>
      </c>
      <c r="D75258" s="14" t="s">
        <v>387</v>
      </c>
      <c r="E75258" s="15">
        <v>45444</v>
      </c>
      <c r="F75258" s="14" t="s">
        <v>53</v>
      </c>
      <c r="G75258" s="16">
        <v>0.42385196907842393</v>
      </c>
    </row>
    <row r="75259" spans="1:7" x14ac:dyDescent="0.3">
      <c r="A75259" s="13" t="s">
        <v>386</v>
      </c>
      <c r="B75259" s="14" t="s">
        <v>1</v>
      </c>
      <c r="C75259" s="14" t="s">
        <v>200</v>
      </c>
      <c r="D75259" s="14" t="s">
        <v>387</v>
      </c>
      <c r="E75259" s="15">
        <v>45445</v>
      </c>
      <c r="F75259" s="14" t="s">
        <v>53</v>
      </c>
      <c r="G75259" s="16">
        <v>0.42385196907842393</v>
      </c>
    </row>
    <row r="75260" spans="1:7" x14ac:dyDescent="0.3">
      <c r="A75260" s="13" t="s">
        <v>386</v>
      </c>
      <c r="B75260" s="14" t="s">
        <v>1</v>
      </c>
      <c r="C75260" s="14" t="s">
        <v>200</v>
      </c>
      <c r="D75260" s="14" t="s">
        <v>387</v>
      </c>
      <c r="E75260" s="15">
        <v>45446</v>
      </c>
      <c r="F75260" s="14" t="s">
        <v>53</v>
      </c>
      <c r="G75260" s="16">
        <v>0.42385196907842393</v>
      </c>
    </row>
    <row r="75261" spans="1:7" x14ac:dyDescent="0.3">
      <c r="A75261" s="13" t="s">
        <v>386</v>
      </c>
      <c r="B75261" s="14" t="s">
        <v>1</v>
      </c>
      <c r="C75261" s="14" t="s">
        <v>200</v>
      </c>
      <c r="D75261" s="14" t="s">
        <v>387</v>
      </c>
      <c r="E75261" s="15">
        <v>45447</v>
      </c>
      <c r="F75261" s="14" t="s">
        <v>53</v>
      </c>
      <c r="G75261" s="16">
        <v>0.43089282666377499</v>
      </c>
    </row>
    <row r="75262" spans="1:7" x14ac:dyDescent="0.3">
      <c r="A75262" s="13" t="s">
        <v>386</v>
      </c>
      <c r="B75262" s="14" t="s">
        <v>1</v>
      </c>
      <c r="C75262" s="14" t="s">
        <v>200</v>
      </c>
      <c r="D75262" s="14" t="s">
        <v>387</v>
      </c>
      <c r="E75262" s="15">
        <v>45448</v>
      </c>
      <c r="F75262" s="14" t="s">
        <v>53</v>
      </c>
      <c r="G75262" s="16">
        <v>0.45557862105723762</v>
      </c>
    </row>
    <row r="75263" spans="1:7" x14ac:dyDescent="0.3">
      <c r="A75263" s="13" t="s">
        <v>386</v>
      </c>
      <c r="B75263" s="14" t="s">
        <v>1</v>
      </c>
      <c r="C75263" s="14" t="s">
        <v>200</v>
      </c>
      <c r="D75263" s="14" t="s">
        <v>387</v>
      </c>
      <c r="E75263" s="15">
        <v>45449</v>
      </c>
      <c r="F75263" s="14" t="s">
        <v>53</v>
      </c>
      <c r="G75263" s="16">
        <v>0.46184017372029157</v>
      </c>
    </row>
    <row r="75264" spans="1:7" x14ac:dyDescent="0.3">
      <c r="A75264" s="13" t="s">
        <v>386</v>
      </c>
      <c r="B75264" s="14" t="s">
        <v>1</v>
      </c>
      <c r="C75264" s="14" t="s">
        <v>200</v>
      </c>
      <c r="D75264" s="14" t="s">
        <v>387</v>
      </c>
      <c r="E75264" s="15">
        <v>45450</v>
      </c>
      <c r="F75264" s="14" t="s">
        <v>53</v>
      </c>
      <c r="G75264" s="16">
        <v>0.47071241836340161</v>
      </c>
    </row>
    <row r="75265" spans="1:7" x14ac:dyDescent="0.3">
      <c r="A75265" s="13" t="s">
        <v>386</v>
      </c>
      <c r="B75265" s="14" t="s">
        <v>1</v>
      </c>
      <c r="C75265" s="14" t="s">
        <v>200</v>
      </c>
      <c r="D75265" s="14" t="s">
        <v>387</v>
      </c>
      <c r="E75265" s="15">
        <v>45451</v>
      </c>
      <c r="F75265" s="14" t="s">
        <v>53</v>
      </c>
      <c r="G75265" s="16">
        <v>0.47071241836340161</v>
      </c>
    </row>
    <row r="75266" spans="1:7" x14ac:dyDescent="0.3">
      <c r="A75266" s="13" t="s">
        <v>386</v>
      </c>
      <c r="B75266" s="14" t="s">
        <v>1</v>
      </c>
      <c r="C75266" s="14" t="s">
        <v>200</v>
      </c>
      <c r="D75266" s="14" t="s">
        <v>387</v>
      </c>
      <c r="E75266" s="15">
        <v>45452</v>
      </c>
      <c r="F75266" s="14" t="s">
        <v>53</v>
      </c>
      <c r="G75266" s="16">
        <v>0.47071241836340161</v>
      </c>
    </row>
    <row r="75267" spans="1:7" x14ac:dyDescent="0.3">
      <c r="A75267" s="13" t="s">
        <v>386</v>
      </c>
      <c r="B75267" s="14" t="s">
        <v>1</v>
      </c>
      <c r="C75267" s="14" t="s">
        <v>200</v>
      </c>
      <c r="D75267" s="14" t="s">
        <v>387</v>
      </c>
      <c r="E75267" s="15">
        <v>45453</v>
      </c>
      <c r="F75267" s="14" t="s">
        <v>53</v>
      </c>
      <c r="G75267" s="16">
        <v>0.47710094944082881</v>
      </c>
    </row>
    <row r="75268" spans="1:7" x14ac:dyDescent="0.3">
      <c r="A75268" s="13" t="s">
        <v>386</v>
      </c>
      <c r="B75268" s="14" t="s">
        <v>1</v>
      </c>
      <c r="C75268" s="14" t="s">
        <v>200</v>
      </c>
      <c r="D75268" s="14" t="s">
        <v>387</v>
      </c>
      <c r="E75268" s="15">
        <v>45454</v>
      </c>
      <c r="F75268" s="14" t="s">
        <v>53</v>
      </c>
      <c r="G75268" s="16">
        <v>0.49549374626119469</v>
      </c>
    </row>
    <row r="75269" spans="1:7" x14ac:dyDescent="0.3">
      <c r="A75269" s="13" t="s">
        <v>386</v>
      </c>
      <c r="B75269" s="14" t="s">
        <v>1</v>
      </c>
      <c r="C75269" s="14" t="s">
        <v>200</v>
      </c>
      <c r="D75269" s="14" t="s">
        <v>387</v>
      </c>
      <c r="E75269" s="15">
        <v>45455</v>
      </c>
      <c r="F75269" s="14" t="s">
        <v>53</v>
      </c>
      <c r="G75269" s="16">
        <v>0.50168025973029939</v>
      </c>
    </row>
    <row r="75270" spans="1:7" x14ac:dyDescent="0.3">
      <c r="A75270" s="13" t="s">
        <v>386</v>
      </c>
      <c r="B75270" s="14" t="s">
        <v>1</v>
      </c>
      <c r="C75270" s="14" t="s">
        <v>200</v>
      </c>
      <c r="D75270" s="14" t="s">
        <v>387</v>
      </c>
      <c r="E75270" s="15">
        <v>45456</v>
      </c>
      <c r="F75270" s="14" t="s">
        <v>53</v>
      </c>
      <c r="G75270" s="16">
        <v>0.50780060977058661</v>
      </c>
    </row>
    <row r="75271" spans="1:7" x14ac:dyDescent="0.3">
      <c r="A75271" s="13" t="s">
        <v>386</v>
      </c>
      <c r="B75271" s="14" t="s">
        <v>1</v>
      </c>
      <c r="C75271" s="14" t="s">
        <v>200</v>
      </c>
      <c r="D75271" s="14" t="s">
        <v>387</v>
      </c>
      <c r="E75271" s="15">
        <v>45457</v>
      </c>
      <c r="F75271" s="14" t="s">
        <v>53</v>
      </c>
      <c r="G75271" s="16">
        <v>0.51712503972578161</v>
      </c>
    </row>
    <row r="75272" spans="1:7" x14ac:dyDescent="0.3">
      <c r="A75272" s="13" t="s">
        <v>386</v>
      </c>
      <c r="B75272" s="14" t="s">
        <v>1</v>
      </c>
      <c r="C75272" s="14" t="s">
        <v>200</v>
      </c>
      <c r="D75272" s="14" t="s">
        <v>387</v>
      </c>
      <c r="E75272" s="15">
        <v>45458</v>
      </c>
      <c r="F75272" s="14" t="s">
        <v>53</v>
      </c>
      <c r="G75272" s="16">
        <v>0.51712503972578161</v>
      </c>
    </row>
    <row r="75273" spans="1:7" x14ac:dyDescent="0.3">
      <c r="A75273" s="13" t="s">
        <v>386</v>
      </c>
      <c r="B75273" s="14" t="s">
        <v>1</v>
      </c>
      <c r="C75273" s="14" t="s">
        <v>200</v>
      </c>
      <c r="D75273" s="14" t="s">
        <v>387</v>
      </c>
      <c r="E75273" s="15">
        <v>45459</v>
      </c>
      <c r="F75273" s="14" t="s">
        <v>53</v>
      </c>
      <c r="G75273" s="16">
        <v>0.51712503972578161</v>
      </c>
    </row>
    <row r="75274" spans="1:7" x14ac:dyDescent="0.3">
      <c r="A75274" s="13" t="s">
        <v>386</v>
      </c>
      <c r="B75274" s="14" t="s">
        <v>1</v>
      </c>
      <c r="C75274" s="14" t="s">
        <v>200</v>
      </c>
      <c r="D75274" s="14" t="s">
        <v>387</v>
      </c>
      <c r="E75274" s="15">
        <v>45460</v>
      </c>
      <c r="F75274" s="14" t="s">
        <v>53</v>
      </c>
      <c r="G75274" s="16">
        <v>0.5311805695784646</v>
      </c>
    </row>
    <row r="75275" spans="1:7" x14ac:dyDescent="0.3">
      <c r="A75275" s="13" t="s">
        <v>386</v>
      </c>
      <c r="B75275" s="14" t="s">
        <v>1</v>
      </c>
      <c r="C75275" s="14" t="s">
        <v>200</v>
      </c>
      <c r="D75275" s="14" t="s">
        <v>387</v>
      </c>
      <c r="E75275" s="15">
        <v>45461</v>
      </c>
      <c r="F75275" s="14" t="s">
        <v>53</v>
      </c>
      <c r="G75275" s="16">
        <v>0.5487556213836402</v>
      </c>
    </row>
    <row r="75276" spans="1:7" x14ac:dyDescent="0.3">
      <c r="A75276" s="13" t="s">
        <v>386</v>
      </c>
      <c r="B75276" s="14" t="s">
        <v>1</v>
      </c>
      <c r="C75276" s="14" t="s">
        <v>200</v>
      </c>
      <c r="D75276" s="14" t="s">
        <v>387</v>
      </c>
      <c r="E75276" s="15">
        <v>45462</v>
      </c>
      <c r="F75276" s="14" t="s">
        <v>53</v>
      </c>
      <c r="G75276" s="16">
        <v>0.5487556213836402</v>
      </c>
    </row>
    <row r="75277" spans="1:7" x14ac:dyDescent="0.3">
      <c r="A75277" s="13" t="s">
        <v>386</v>
      </c>
      <c r="B75277" s="14" t="s">
        <v>1</v>
      </c>
      <c r="C75277" s="14" t="s">
        <v>200</v>
      </c>
      <c r="D75277" s="14" t="s">
        <v>387</v>
      </c>
      <c r="E75277" s="15">
        <v>45463</v>
      </c>
      <c r="F75277" s="14" t="s">
        <v>53</v>
      </c>
      <c r="G75277" s="16">
        <v>0.55711372372305445</v>
      </c>
    </row>
    <row r="75278" spans="1:7" x14ac:dyDescent="0.3">
      <c r="A75278" s="13" t="s">
        <v>386</v>
      </c>
      <c r="B75278" s="14" t="s">
        <v>1</v>
      </c>
      <c r="C75278" s="14" t="s">
        <v>200</v>
      </c>
      <c r="D75278" s="14" t="s">
        <v>387</v>
      </c>
      <c r="E75278" s="15">
        <v>45464</v>
      </c>
      <c r="F75278" s="14" t="s">
        <v>53</v>
      </c>
      <c r="G75278" s="16">
        <v>0.5695650697577338</v>
      </c>
    </row>
    <row r="75279" spans="1:7" x14ac:dyDescent="0.3">
      <c r="A75279" s="13" t="s">
        <v>386</v>
      </c>
      <c r="B75279" s="14" t="s">
        <v>1</v>
      </c>
      <c r="C75279" s="14" t="s">
        <v>200</v>
      </c>
      <c r="D75279" s="14" t="s">
        <v>387</v>
      </c>
      <c r="E75279" s="15">
        <v>45465</v>
      </c>
      <c r="F75279" s="14" t="s">
        <v>53</v>
      </c>
      <c r="G75279" s="16">
        <v>0.5695650697577338</v>
      </c>
    </row>
    <row r="75280" spans="1:7" x14ac:dyDescent="0.3">
      <c r="A75280" s="13" t="s">
        <v>386</v>
      </c>
      <c r="B75280" s="14" t="s">
        <v>1</v>
      </c>
      <c r="C75280" s="14" t="s">
        <v>200</v>
      </c>
      <c r="D75280" s="14" t="s">
        <v>387</v>
      </c>
      <c r="E75280" s="15">
        <v>45466</v>
      </c>
      <c r="F75280" s="14" t="s">
        <v>53</v>
      </c>
      <c r="G75280" s="16">
        <v>0.5695650697577338</v>
      </c>
    </row>
    <row r="75281" spans="1:7" x14ac:dyDescent="0.3">
      <c r="A75281" s="13" t="s">
        <v>386</v>
      </c>
      <c r="B75281" s="14" t="s">
        <v>1</v>
      </c>
      <c r="C75281" s="14" t="s">
        <v>200</v>
      </c>
      <c r="D75281" s="14" t="s">
        <v>387</v>
      </c>
      <c r="E75281" s="15">
        <v>45467</v>
      </c>
      <c r="F75281" s="14" t="s">
        <v>53</v>
      </c>
      <c r="G75281" s="16">
        <v>0.57452085876685299</v>
      </c>
    </row>
    <row r="75282" spans="1:7" x14ac:dyDescent="0.3">
      <c r="A75282" s="13" t="s">
        <v>386</v>
      </c>
      <c r="B75282" s="14" t="s">
        <v>1</v>
      </c>
      <c r="C75282" s="14" t="s">
        <v>200</v>
      </c>
      <c r="D75282" s="14" t="s">
        <v>387</v>
      </c>
      <c r="E75282" s="15">
        <v>45468</v>
      </c>
      <c r="F75282" s="14" t="s">
        <v>53</v>
      </c>
      <c r="G75282" s="16">
        <v>0.59390334587403104</v>
      </c>
    </row>
    <row r="75283" spans="1:7" x14ac:dyDescent="0.3">
      <c r="A75283" s="13" t="s">
        <v>386</v>
      </c>
      <c r="B75283" s="14" t="s">
        <v>1</v>
      </c>
      <c r="C75283" s="14" t="s">
        <v>200</v>
      </c>
      <c r="D75283" s="14" t="s">
        <v>387</v>
      </c>
      <c r="E75283" s="15">
        <v>45469</v>
      </c>
      <c r="F75283" s="14" t="s">
        <v>53</v>
      </c>
      <c r="G75283" s="16">
        <v>0.60340256555727012</v>
      </c>
    </row>
    <row r="75284" spans="1:7" x14ac:dyDescent="0.3">
      <c r="A75284" s="13" t="s">
        <v>386</v>
      </c>
      <c r="B75284" s="14" t="s">
        <v>1</v>
      </c>
      <c r="C75284" s="14" t="s">
        <v>200</v>
      </c>
      <c r="D75284" s="14" t="s">
        <v>387</v>
      </c>
      <c r="E75284" s="15">
        <v>45470</v>
      </c>
      <c r="F75284" s="14" t="s">
        <v>53</v>
      </c>
      <c r="G75284" s="16">
        <v>0.61011297433953726</v>
      </c>
    </row>
    <row r="75285" spans="1:7" x14ac:dyDescent="0.3">
      <c r="A75285" s="13" t="s">
        <v>386</v>
      </c>
      <c r="B75285" s="14" t="s">
        <v>1</v>
      </c>
      <c r="C75285" s="14" t="s">
        <v>200</v>
      </c>
      <c r="D75285" s="14" t="s">
        <v>387</v>
      </c>
      <c r="E75285" s="15">
        <v>45471</v>
      </c>
      <c r="F75285" s="14" t="s">
        <v>53</v>
      </c>
      <c r="G75285" s="16">
        <v>0.61456945457723477</v>
      </c>
    </row>
    <row r="75286" spans="1:7" x14ac:dyDescent="0.3">
      <c r="A75286" s="13" t="s">
        <v>386</v>
      </c>
      <c r="B75286" s="14" t="s">
        <v>1</v>
      </c>
      <c r="C75286" s="14" t="s">
        <v>200</v>
      </c>
      <c r="D75286" s="14" t="s">
        <v>387</v>
      </c>
      <c r="E75286" s="15">
        <v>45472</v>
      </c>
      <c r="F75286" s="14" t="s">
        <v>53</v>
      </c>
      <c r="G75286" s="16">
        <v>0.61456945457723477</v>
      </c>
    </row>
    <row r="75287" spans="1:7" x14ac:dyDescent="0.3">
      <c r="A75287" s="13" t="s">
        <v>386</v>
      </c>
      <c r="B75287" s="14" t="s">
        <v>1</v>
      </c>
      <c r="C75287" s="14" t="s">
        <v>200</v>
      </c>
      <c r="D75287" s="14" t="s">
        <v>387</v>
      </c>
      <c r="E75287" s="15">
        <v>45473</v>
      </c>
      <c r="F75287" s="14" t="s">
        <v>53</v>
      </c>
      <c r="G75287" s="16">
        <v>0.61456945457723477</v>
      </c>
    </row>
    <row r="75288" spans="1:7" x14ac:dyDescent="0.3">
      <c r="A75288" s="13" t="s">
        <v>386</v>
      </c>
      <c r="B75288" s="14" t="s">
        <v>1</v>
      </c>
      <c r="C75288" s="14" t="s">
        <v>200</v>
      </c>
      <c r="D75288" s="14" t="s">
        <v>387</v>
      </c>
      <c r="E75288" s="15">
        <v>45474</v>
      </c>
      <c r="F75288" s="14" t="s">
        <v>53</v>
      </c>
      <c r="G75288" s="16">
        <v>0.62065352726818335</v>
      </c>
    </row>
    <row r="75289" spans="1:7" x14ac:dyDescent="0.3">
      <c r="A75289" s="13" t="s">
        <v>386</v>
      </c>
      <c r="B75289" s="14" t="s">
        <v>1</v>
      </c>
      <c r="C75289" s="14" t="s">
        <v>200</v>
      </c>
      <c r="D75289" s="14" t="s">
        <v>387</v>
      </c>
      <c r="E75289" s="15">
        <v>45475</v>
      </c>
      <c r="F75289" s="14" t="s">
        <v>53</v>
      </c>
      <c r="G75289" s="16">
        <v>0.63994421731337081</v>
      </c>
    </row>
    <row r="75290" spans="1:7" x14ac:dyDescent="0.3">
      <c r="A75290" s="13" t="s">
        <v>386</v>
      </c>
      <c r="B75290" s="14" t="s">
        <v>1</v>
      </c>
      <c r="C75290" s="14" t="s">
        <v>200</v>
      </c>
      <c r="D75290" s="14" t="s">
        <v>387</v>
      </c>
      <c r="E75290" s="15">
        <v>45476</v>
      </c>
      <c r="F75290" s="14" t="s">
        <v>53</v>
      </c>
      <c r="G75290" s="16">
        <v>0.64291389597148563</v>
      </c>
    </row>
    <row r="75291" spans="1:7" x14ac:dyDescent="0.3">
      <c r="A75291" s="13" t="s">
        <v>386</v>
      </c>
      <c r="B75291" s="14" t="s">
        <v>1</v>
      </c>
      <c r="C75291" s="14" t="s">
        <v>200</v>
      </c>
      <c r="D75291" s="14" t="s">
        <v>387</v>
      </c>
      <c r="E75291" s="15">
        <v>45477</v>
      </c>
      <c r="F75291" s="14" t="s">
        <v>53</v>
      </c>
      <c r="G75291" s="16">
        <v>0.64291389597148563</v>
      </c>
    </row>
    <row r="75292" spans="1:7" x14ac:dyDescent="0.3">
      <c r="A75292" s="13" t="s">
        <v>386</v>
      </c>
      <c r="B75292" s="14" t="s">
        <v>1</v>
      </c>
      <c r="C75292" s="14" t="s">
        <v>200</v>
      </c>
      <c r="D75292" s="14" t="s">
        <v>387</v>
      </c>
      <c r="E75292" s="15">
        <v>45478</v>
      </c>
      <c r="F75292" s="14" t="s">
        <v>53</v>
      </c>
      <c r="G75292" s="16">
        <v>0.64548871855951884</v>
      </c>
    </row>
    <row r="75293" spans="1:7" x14ac:dyDescent="0.3">
      <c r="A75293" s="13" t="s">
        <v>386</v>
      </c>
      <c r="B75293" s="14" t="s">
        <v>1</v>
      </c>
      <c r="C75293" s="14" t="s">
        <v>200</v>
      </c>
      <c r="D75293" s="14" t="s">
        <v>387</v>
      </c>
      <c r="E75293" s="15">
        <v>45479</v>
      </c>
      <c r="F75293" s="14" t="s">
        <v>53</v>
      </c>
      <c r="G75293" s="16">
        <v>0.64548871855951884</v>
      </c>
    </row>
    <row r="75294" spans="1:7" x14ac:dyDescent="0.3">
      <c r="A75294" s="13" t="s">
        <v>386</v>
      </c>
      <c r="B75294" s="14" t="s">
        <v>1</v>
      </c>
      <c r="C75294" s="14" t="s">
        <v>200</v>
      </c>
      <c r="D75294" s="14" t="s">
        <v>387</v>
      </c>
      <c r="E75294" s="15">
        <v>45480</v>
      </c>
      <c r="F75294" s="14" t="s">
        <v>53</v>
      </c>
      <c r="G75294" s="16">
        <v>0.64548871855951884</v>
      </c>
    </row>
    <row r="75295" spans="1:7" x14ac:dyDescent="0.3">
      <c r="A75295" s="13" t="s">
        <v>386</v>
      </c>
      <c r="B75295" s="14" t="s">
        <v>1</v>
      </c>
      <c r="C75295" s="14" t="s">
        <v>200</v>
      </c>
      <c r="D75295" s="14" t="s">
        <v>387</v>
      </c>
      <c r="E75295" s="15">
        <v>45481</v>
      </c>
      <c r="F75295" s="14" t="s">
        <v>53</v>
      </c>
      <c r="G75295" s="16">
        <v>0.65700861475504602</v>
      </c>
    </row>
    <row r="75296" spans="1:7" x14ac:dyDescent="0.3">
      <c r="A75296" s="13" t="s">
        <v>386</v>
      </c>
      <c r="B75296" s="14" t="s">
        <v>1</v>
      </c>
      <c r="C75296" s="14" t="s">
        <v>200</v>
      </c>
      <c r="D75296" s="14" t="s">
        <v>387</v>
      </c>
      <c r="E75296" s="15">
        <v>45482</v>
      </c>
      <c r="F75296" s="14" t="s">
        <v>53</v>
      </c>
      <c r="G75296" s="16">
        <v>0.67814968668894304</v>
      </c>
    </row>
    <row r="75297" spans="1:7" x14ac:dyDescent="0.3">
      <c r="A75297" s="13" t="s">
        <v>386</v>
      </c>
      <c r="B75297" s="14" t="s">
        <v>1</v>
      </c>
      <c r="C75297" s="14" t="s">
        <v>200</v>
      </c>
      <c r="D75297" s="14" t="s">
        <v>387</v>
      </c>
      <c r="E75297" s="15">
        <v>45483</v>
      </c>
      <c r="F75297" s="14" t="s">
        <v>53</v>
      </c>
      <c r="G75297" s="16">
        <v>0.68163963431347552</v>
      </c>
    </row>
    <row r="75298" spans="1:7" x14ac:dyDescent="0.3">
      <c r="A75298" s="13" t="s">
        <v>386</v>
      </c>
      <c r="B75298" s="14" t="s">
        <v>1</v>
      </c>
      <c r="C75298" s="14" t="s">
        <v>200</v>
      </c>
      <c r="D75298" s="14" t="s">
        <v>387</v>
      </c>
      <c r="E75298" s="15">
        <v>45484</v>
      </c>
      <c r="F75298" s="14" t="s">
        <v>53</v>
      </c>
      <c r="G75298" s="16">
        <v>0.68342642798523368</v>
      </c>
    </row>
    <row r="75299" spans="1:7" x14ac:dyDescent="0.3">
      <c r="A75299" s="13" t="s">
        <v>386</v>
      </c>
      <c r="B75299" s="14" t="s">
        <v>1</v>
      </c>
      <c r="C75299" s="14" t="s">
        <v>200</v>
      </c>
      <c r="D75299" s="14" t="s">
        <v>387</v>
      </c>
      <c r="E75299" s="15">
        <v>45485</v>
      </c>
      <c r="F75299" s="14" t="s">
        <v>53</v>
      </c>
      <c r="G75299" s="16">
        <v>0.68560874111482539</v>
      </c>
    </row>
    <row r="75300" spans="1:7" x14ac:dyDescent="0.3">
      <c r="A75300" s="13" t="s">
        <v>386</v>
      </c>
      <c r="B75300" s="14" t="s">
        <v>1</v>
      </c>
      <c r="C75300" s="14" t="s">
        <v>200</v>
      </c>
      <c r="D75300" s="14" t="s">
        <v>387</v>
      </c>
      <c r="E75300" s="15">
        <v>45486</v>
      </c>
      <c r="F75300" s="14" t="s">
        <v>53</v>
      </c>
      <c r="G75300" s="16">
        <v>0.68560874111482539</v>
      </c>
    </row>
    <row r="75301" spans="1:7" x14ac:dyDescent="0.3">
      <c r="A75301" s="13" t="s">
        <v>386</v>
      </c>
      <c r="B75301" s="14" t="s">
        <v>1</v>
      </c>
      <c r="C75301" s="14" t="s">
        <v>200</v>
      </c>
      <c r="D75301" s="14" t="s">
        <v>387</v>
      </c>
      <c r="E75301" s="15">
        <v>45487</v>
      </c>
      <c r="F75301" s="14" t="s">
        <v>53</v>
      </c>
      <c r="G75301" s="16">
        <v>0.68560874111482539</v>
      </c>
    </row>
    <row r="75302" spans="1:7" x14ac:dyDescent="0.3">
      <c r="A75302" s="13" t="s">
        <v>386</v>
      </c>
      <c r="B75302" s="14" t="s">
        <v>1</v>
      </c>
      <c r="C75302" s="14" t="s">
        <v>200</v>
      </c>
      <c r="D75302" s="14" t="s">
        <v>387</v>
      </c>
      <c r="E75302" s="15">
        <v>45488</v>
      </c>
      <c r="F75302" s="14" t="s">
        <v>53</v>
      </c>
      <c r="G75302" s="16">
        <v>0.68864167521422204</v>
      </c>
    </row>
    <row r="75303" spans="1:7" x14ac:dyDescent="0.3">
      <c r="A75303" s="13" t="s">
        <v>386</v>
      </c>
      <c r="B75303" s="14" t="s">
        <v>1</v>
      </c>
      <c r="C75303" s="14" t="s">
        <v>200</v>
      </c>
      <c r="D75303" s="14" t="s">
        <v>387</v>
      </c>
      <c r="E75303" s="15">
        <v>45489</v>
      </c>
      <c r="F75303" s="14" t="s">
        <v>53</v>
      </c>
      <c r="G75303" s="16">
        <v>0.70898689312194263</v>
      </c>
    </row>
    <row r="75304" spans="1:7" x14ac:dyDescent="0.3">
      <c r="A75304" s="13" t="s">
        <v>386</v>
      </c>
      <c r="B75304" s="14" t="s">
        <v>1</v>
      </c>
      <c r="C75304" s="14" t="s">
        <v>200</v>
      </c>
      <c r="D75304" s="14" t="s">
        <v>387</v>
      </c>
      <c r="E75304" s="15">
        <v>45490</v>
      </c>
      <c r="F75304" s="14" t="s">
        <v>53</v>
      </c>
      <c r="G75304" s="16">
        <v>0.70367309646017673</v>
      </c>
    </row>
    <row r="75305" spans="1:7" x14ac:dyDescent="0.3">
      <c r="A75305" s="13" t="s">
        <v>386</v>
      </c>
      <c r="B75305" s="14" t="s">
        <v>1</v>
      </c>
      <c r="C75305" s="14" t="s">
        <v>200</v>
      </c>
      <c r="D75305" s="14" t="s">
        <v>387</v>
      </c>
      <c r="E75305" s="15">
        <v>45491</v>
      </c>
      <c r="F75305" s="14" t="s">
        <v>53</v>
      </c>
      <c r="G75305" s="16">
        <v>0.71398053553195229</v>
      </c>
    </row>
    <row r="75306" spans="1:7" x14ac:dyDescent="0.3">
      <c r="A75306" s="13" t="s">
        <v>386</v>
      </c>
      <c r="B75306" s="14" t="s">
        <v>1</v>
      </c>
      <c r="C75306" s="14" t="s">
        <v>200</v>
      </c>
      <c r="D75306" s="14" t="s">
        <v>387</v>
      </c>
      <c r="E75306" s="15">
        <v>45492</v>
      </c>
      <c r="F75306" s="14" t="s">
        <v>53</v>
      </c>
      <c r="G75306" s="16">
        <v>0.72225888195446986</v>
      </c>
    </row>
    <row r="75307" spans="1:7" x14ac:dyDescent="0.3">
      <c r="A75307" s="13" t="s">
        <v>386</v>
      </c>
      <c r="B75307" s="14" t="s">
        <v>1</v>
      </c>
      <c r="C75307" s="14" t="s">
        <v>200</v>
      </c>
      <c r="D75307" s="14" t="s">
        <v>387</v>
      </c>
      <c r="E75307" s="15">
        <v>45493</v>
      </c>
      <c r="F75307" s="14" t="s">
        <v>53</v>
      </c>
      <c r="G75307" s="16">
        <v>0.72225888195446986</v>
      </c>
    </row>
    <row r="75308" spans="1:7" x14ac:dyDescent="0.3">
      <c r="A75308" s="13" t="s">
        <v>386</v>
      </c>
      <c r="B75308" s="14" t="s">
        <v>1</v>
      </c>
      <c r="C75308" s="14" t="s">
        <v>200</v>
      </c>
      <c r="D75308" s="14" t="s">
        <v>387</v>
      </c>
      <c r="E75308" s="15">
        <v>45494</v>
      </c>
      <c r="F75308" s="14" t="s">
        <v>53</v>
      </c>
      <c r="G75308" s="16">
        <v>0.72225888195446986</v>
      </c>
    </row>
    <row r="75309" spans="1:7" x14ac:dyDescent="0.3">
      <c r="A75309" s="13" t="s">
        <v>386</v>
      </c>
      <c r="B75309" s="14" t="s">
        <v>1</v>
      </c>
      <c r="C75309" s="14" t="s">
        <v>200</v>
      </c>
      <c r="D75309" s="14" t="s">
        <v>387</v>
      </c>
      <c r="E75309" s="15">
        <v>45495</v>
      </c>
      <c r="F75309" s="14" t="s">
        <v>53</v>
      </c>
      <c r="G75309" s="16">
        <v>0.72827237138853107</v>
      </c>
    </row>
    <row r="75310" spans="1:7" x14ac:dyDescent="0.3">
      <c r="A75310" s="13" t="s">
        <v>386</v>
      </c>
      <c r="B75310" s="14" t="s">
        <v>1</v>
      </c>
      <c r="C75310" s="14" t="s">
        <v>200</v>
      </c>
      <c r="D75310" s="14" t="s">
        <v>387</v>
      </c>
      <c r="E75310" s="15">
        <v>45496</v>
      </c>
      <c r="F75310" s="14" t="s">
        <v>53</v>
      </c>
      <c r="G75310" s="16">
        <v>0.74988710738429432</v>
      </c>
    </row>
    <row r="75311" spans="1:7" x14ac:dyDescent="0.3">
      <c r="A75311" s="13" t="s">
        <v>386</v>
      </c>
      <c r="B75311" s="14" t="s">
        <v>1</v>
      </c>
      <c r="C75311" s="14" t="s">
        <v>200</v>
      </c>
      <c r="D75311" s="14" t="s">
        <v>387</v>
      </c>
      <c r="E75311" s="15">
        <v>45497</v>
      </c>
      <c r="F75311" s="14" t="s">
        <v>53</v>
      </c>
      <c r="G75311" s="16">
        <v>0.75640971073389318</v>
      </c>
    </row>
    <row r="75312" spans="1:7" x14ac:dyDescent="0.3">
      <c r="A75312" s="13" t="s">
        <v>386</v>
      </c>
      <c r="B75312" s="14" t="s">
        <v>1</v>
      </c>
      <c r="C75312" s="14" t="s">
        <v>200</v>
      </c>
      <c r="D75312" s="14" t="s">
        <v>387</v>
      </c>
      <c r="E75312" s="15">
        <v>45498</v>
      </c>
      <c r="F75312" s="14" t="s">
        <v>53</v>
      </c>
      <c r="G75312" s="16">
        <v>0.76631264482690875</v>
      </c>
    </row>
    <row r="75313" spans="1:7" x14ac:dyDescent="0.3">
      <c r="A75313" s="13" t="s">
        <v>386</v>
      </c>
      <c r="B75313" s="14" t="s">
        <v>1</v>
      </c>
      <c r="C75313" s="14" t="s">
        <v>200</v>
      </c>
      <c r="D75313" s="14" t="s">
        <v>387</v>
      </c>
      <c r="E75313" s="15">
        <v>45499</v>
      </c>
      <c r="F75313" s="14" t="s">
        <v>53</v>
      </c>
      <c r="G75313" s="16">
        <v>0.77177837445542474</v>
      </c>
    </row>
    <row r="75314" spans="1:7" x14ac:dyDescent="0.3">
      <c r="A75314" s="13" t="s">
        <v>386</v>
      </c>
      <c r="B75314" s="14" t="s">
        <v>1</v>
      </c>
      <c r="C75314" s="14" t="s">
        <v>200</v>
      </c>
      <c r="D75314" s="14" t="s">
        <v>387</v>
      </c>
      <c r="E75314" s="15">
        <v>45500</v>
      </c>
      <c r="F75314" s="14" t="s">
        <v>53</v>
      </c>
      <c r="G75314" s="16">
        <v>0.77177837445542474</v>
      </c>
    </row>
    <row r="75315" spans="1:7" x14ac:dyDescent="0.3">
      <c r="A75315" s="13" t="s">
        <v>386</v>
      </c>
      <c r="B75315" s="14" t="s">
        <v>1</v>
      </c>
      <c r="C75315" s="14" t="s">
        <v>200</v>
      </c>
      <c r="D75315" s="14" t="s">
        <v>387</v>
      </c>
      <c r="E75315" s="15">
        <v>45501</v>
      </c>
      <c r="F75315" s="14" t="s">
        <v>53</v>
      </c>
      <c r="G75315" s="16">
        <v>0.77177837445542474</v>
      </c>
    </row>
    <row r="75316" spans="1:7" x14ac:dyDescent="0.3">
      <c r="A75316" s="13" t="s">
        <v>386</v>
      </c>
      <c r="B75316" s="14" t="s">
        <v>1</v>
      </c>
      <c r="C75316" s="14" t="s">
        <v>200</v>
      </c>
      <c r="D75316" s="14" t="s">
        <v>387</v>
      </c>
      <c r="E75316" s="15">
        <v>45502</v>
      </c>
      <c r="F75316" s="14" t="s">
        <v>53</v>
      </c>
      <c r="G75316" s="16">
        <v>0.78294169925117774</v>
      </c>
    </row>
    <row r="75317" spans="1:7" x14ac:dyDescent="0.3">
      <c r="A75317" s="13" t="s">
        <v>386</v>
      </c>
      <c r="B75317" s="14" t="s">
        <v>1</v>
      </c>
      <c r="C75317" s="14" t="s">
        <v>200</v>
      </c>
      <c r="D75317" s="14" t="s">
        <v>387</v>
      </c>
      <c r="E75317" s="15">
        <v>45503</v>
      </c>
      <c r="F75317" s="14" t="s">
        <v>53</v>
      </c>
      <c r="G75317" s="16">
        <v>0.80321309023255738</v>
      </c>
    </row>
    <row r="75318" spans="1:7" x14ac:dyDescent="0.3">
      <c r="A75318" s="13" t="s">
        <v>386</v>
      </c>
      <c r="B75318" s="14" t="s">
        <v>1</v>
      </c>
      <c r="C75318" s="14" t="s">
        <v>200</v>
      </c>
      <c r="D75318" s="14" t="s">
        <v>387</v>
      </c>
      <c r="E75318" s="15">
        <v>45504</v>
      </c>
      <c r="F75318" s="14" t="s">
        <v>53</v>
      </c>
      <c r="G75318" s="16">
        <v>0.80844991181040582</v>
      </c>
    </row>
    <row r="75319" spans="1:7" x14ac:dyDescent="0.3">
      <c r="A75319" s="13" t="s">
        <v>386</v>
      </c>
      <c r="B75319" s="14" t="s">
        <v>1</v>
      </c>
      <c r="C75319" s="14" t="s">
        <v>200</v>
      </c>
      <c r="D75319" s="14" t="s">
        <v>387</v>
      </c>
      <c r="E75319" s="15">
        <v>45505</v>
      </c>
      <c r="F75319" s="14" t="s">
        <v>53</v>
      </c>
      <c r="G75319" s="16">
        <v>0.82302953920904842</v>
      </c>
    </row>
    <row r="75320" spans="1:7" x14ac:dyDescent="0.3">
      <c r="A75320" s="13" t="s">
        <v>386</v>
      </c>
      <c r="B75320" s="14" t="s">
        <v>1</v>
      </c>
      <c r="C75320" s="14" t="s">
        <v>200</v>
      </c>
      <c r="D75320" s="14" t="s">
        <v>387</v>
      </c>
      <c r="E75320" s="15">
        <v>45506</v>
      </c>
      <c r="F75320" s="14" t="s">
        <v>53</v>
      </c>
      <c r="G75320" s="16">
        <v>0.83272582359490877</v>
      </c>
    </row>
    <row r="75321" spans="1:7" x14ac:dyDescent="0.3">
      <c r="A75321" s="13" t="s">
        <v>386</v>
      </c>
      <c r="B75321" s="14" t="s">
        <v>1</v>
      </c>
      <c r="C75321" s="14" t="s">
        <v>200</v>
      </c>
      <c r="D75321" s="14" t="s">
        <v>387</v>
      </c>
      <c r="E75321" s="15">
        <v>45507</v>
      </c>
      <c r="F75321" s="14" t="s">
        <v>53</v>
      </c>
      <c r="G75321" s="16">
        <v>0.83272582359490877</v>
      </c>
    </row>
    <row r="75322" spans="1:7" x14ac:dyDescent="0.3">
      <c r="A75322" s="13" t="s">
        <v>386</v>
      </c>
      <c r="B75322" s="14" t="s">
        <v>1</v>
      </c>
      <c r="C75322" s="14" t="s">
        <v>200</v>
      </c>
      <c r="D75322" s="14" t="s">
        <v>387</v>
      </c>
      <c r="E75322" s="15">
        <v>45508</v>
      </c>
      <c r="F75322" s="14" t="s">
        <v>53</v>
      </c>
      <c r="G75322" s="16">
        <v>0.83272582359490877</v>
      </c>
    </row>
    <row r="75323" spans="1:7" x14ac:dyDescent="0.3">
      <c r="A75323" s="13" t="s">
        <v>386</v>
      </c>
      <c r="B75323" s="14" t="s">
        <v>1</v>
      </c>
      <c r="C75323" s="14" t="s">
        <v>200</v>
      </c>
      <c r="D75323" s="14" t="s">
        <v>387</v>
      </c>
      <c r="E75323" s="15">
        <v>45509</v>
      </c>
      <c r="F75323" s="14" t="s">
        <v>53</v>
      </c>
      <c r="G75323" s="16">
        <v>0.83272582359490877</v>
      </c>
    </row>
    <row r="75324" spans="1:7" x14ac:dyDescent="0.3">
      <c r="A75324" s="13" t="s">
        <v>386</v>
      </c>
      <c r="B75324" s="14" t="s">
        <v>1</v>
      </c>
      <c r="C75324" s="14" t="s">
        <v>200</v>
      </c>
      <c r="D75324" s="14" t="s">
        <v>387</v>
      </c>
      <c r="E75324" s="15">
        <v>45510</v>
      </c>
      <c r="F75324" s="14" t="s">
        <v>53</v>
      </c>
      <c r="G75324" s="16">
        <v>0.85292306809223717</v>
      </c>
    </row>
    <row r="75325" spans="1:7" x14ac:dyDescent="0.3">
      <c r="A75325" s="13" t="s">
        <v>386</v>
      </c>
      <c r="B75325" s="14" t="s">
        <v>1</v>
      </c>
      <c r="C75325" s="14" t="s">
        <v>200</v>
      </c>
      <c r="D75325" s="14" t="s">
        <v>387</v>
      </c>
      <c r="E75325" s="15">
        <v>45511</v>
      </c>
      <c r="F75325" s="14" t="s">
        <v>53</v>
      </c>
      <c r="G75325" s="16">
        <v>0.8793409892718338</v>
      </c>
    </row>
    <row r="75326" spans="1:7" x14ac:dyDescent="0.3">
      <c r="A75326" s="13" t="s">
        <v>386</v>
      </c>
      <c r="B75326" s="14" t="s">
        <v>1</v>
      </c>
      <c r="C75326" s="14" t="s">
        <v>200</v>
      </c>
      <c r="D75326" s="14" t="s">
        <v>387</v>
      </c>
      <c r="E75326" s="15">
        <v>45512</v>
      </c>
      <c r="F75326" s="14" t="s">
        <v>53</v>
      </c>
      <c r="G75326" s="16">
        <v>0.88134644917189686</v>
      </c>
    </row>
    <row r="75327" spans="1:7" x14ac:dyDescent="0.3">
      <c r="A75327" s="13" t="s">
        <v>386</v>
      </c>
      <c r="B75327" s="14" t="s">
        <v>1</v>
      </c>
      <c r="C75327" s="14" t="s">
        <v>200</v>
      </c>
      <c r="D75327" s="14" t="s">
        <v>387</v>
      </c>
      <c r="E75327" s="15">
        <v>45513</v>
      </c>
      <c r="F75327" s="14" t="s">
        <v>53</v>
      </c>
      <c r="G75327" s="16">
        <v>0.88598077333386649</v>
      </c>
    </row>
    <row r="75328" spans="1:7" x14ac:dyDescent="0.3">
      <c r="A75328" s="13" t="s">
        <v>386</v>
      </c>
      <c r="B75328" s="14" t="s">
        <v>1</v>
      </c>
      <c r="C75328" s="14" t="s">
        <v>200</v>
      </c>
      <c r="D75328" s="14" t="s">
        <v>387</v>
      </c>
      <c r="E75328" s="15">
        <v>45514</v>
      </c>
      <c r="F75328" s="14" t="s">
        <v>53</v>
      </c>
      <c r="G75328" s="16">
        <v>0.88598077333386649</v>
      </c>
    </row>
    <row r="75329" spans="1:7" x14ac:dyDescent="0.3">
      <c r="A75329" s="13" t="s">
        <v>386</v>
      </c>
      <c r="B75329" s="14" t="s">
        <v>1</v>
      </c>
      <c r="C75329" s="14" t="s">
        <v>200</v>
      </c>
      <c r="D75329" s="14" t="s">
        <v>387</v>
      </c>
      <c r="E75329" s="15">
        <v>45515</v>
      </c>
      <c r="F75329" s="14" t="s">
        <v>53</v>
      </c>
      <c r="G75329" s="16">
        <v>0.88598077333386649</v>
      </c>
    </row>
    <row r="75330" spans="1:7" x14ac:dyDescent="0.3">
      <c r="A75330" s="13" t="s">
        <v>386</v>
      </c>
      <c r="B75330" s="14" t="s">
        <v>1</v>
      </c>
      <c r="C75330" s="14" t="s">
        <v>200</v>
      </c>
      <c r="D75330" s="14" t="s">
        <v>387</v>
      </c>
      <c r="E75330" s="15">
        <v>45516</v>
      </c>
      <c r="F75330" s="14" t="s">
        <v>53</v>
      </c>
      <c r="G75330" s="16">
        <v>0.89078385169213647</v>
      </c>
    </row>
    <row r="75331" spans="1:7" x14ac:dyDescent="0.3">
      <c r="A75331" s="13" t="s">
        <v>386</v>
      </c>
      <c r="B75331" s="14" t="s">
        <v>1</v>
      </c>
      <c r="C75331" s="14" t="s">
        <v>200</v>
      </c>
      <c r="D75331" s="14" t="s">
        <v>387</v>
      </c>
      <c r="E75331" s="15">
        <v>45517</v>
      </c>
      <c r="F75331" s="14" t="s">
        <v>53</v>
      </c>
      <c r="G75331" s="16">
        <v>0.90143929818534807</v>
      </c>
    </row>
    <row r="75332" spans="1:7" x14ac:dyDescent="0.3">
      <c r="A75332" s="13" t="s">
        <v>386</v>
      </c>
      <c r="B75332" s="14" t="s">
        <v>1</v>
      </c>
      <c r="C75332" s="14" t="s">
        <v>200</v>
      </c>
      <c r="D75332" s="14" t="s">
        <v>387</v>
      </c>
      <c r="E75332" s="15">
        <v>45518</v>
      </c>
      <c r="F75332" s="14" t="s">
        <v>53</v>
      </c>
      <c r="G75332" s="16">
        <v>0.91075772655699905</v>
      </c>
    </row>
    <row r="75333" spans="1:7" x14ac:dyDescent="0.3">
      <c r="A75333" s="13" t="s">
        <v>386</v>
      </c>
      <c r="B75333" s="14" t="s">
        <v>1</v>
      </c>
      <c r="C75333" s="14" t="s">
        <v>200</v>
      </c>
      <c r="D75333" s="14" t="s">
        <v>387</v>
      </c>
      <c r="E75333" s="15">
        <v>45519</v>
      </c>
      <c r="F75333" s="14" t="s">
        <v>53</v>
      </c>
      <c r="G75333" s="16">
        <v>0.91499029414819544</v>
      </c>
    </row>
    <row r="75334" spans="1:7" x14ac:dyDescent="0.3">
      <c r="A75334" s="13" t="s">
        <v>386</v>
      </c>
      <c r="B75334" s="14" t="s">
        <v>1</v>
      </c>
      <c r="C75334" s="14" t="s">
        <v>200</v>
      </c>
      <c r="D75334" s="14" t="s">
        <v>387</v>
      </c>
      <c r="E75334" s="15">
        <v>45520</v>
      </c>
      <c r="F75334" s="14" t="s">
        <v>53</v>
      </c>
      <c r="G75334" s="16">
        <v>0.91455870452508337</v>
      </c>
    </row>
    <row r="75335" spans="1:7" x14ac:dyDescent="0.3">
      <c r="A75335" s="13" t="s">
        <v>386</v>
      </c>
      <c r="B75335" s="14" t="s">
        <v>1</v>
      </c>
      <c r="C75335" s="14" t="s">
        <v>200</v>
      </c>
      <c r="D75335" s="14" t="s">
        <v>387</v>
      </c>
      <c r="E75335" s="15">
        <v>45521</v>
      </c>
      <c r="F75335" s="14" t="s">
        <v>53</v>
      </c>
      <c r="G75335" s="16">
        <v>0.91455870452508337</v>
      </c>
    </row>
    <row r="75336" spans="1:7" x14ac:dyDescent="0.3">
      <c r="A75336" s="13" t="s">
        <v>386</v>
      </c>
      <c r="B75336" s="14" t="s">
        <v>1</v>
      </c>
      <c r="C75336" s="14" t="s">
        <v>200</v>
      </c>
      <c r="D75336" s="14" t="s">
        <v>387</v>
      </c>
      <c r="E75336" s="15">
        <v>45522</v>
      </c>
      <c r="F75336" s="14" t="s">
        <v>53</v>
      </c>
      <c r="G75336" s="16">
        <v>0.91455870452508337</v>
      </c>
    </row>
    <row r="75337" spans="1:7" x14ac:dyDescent="0.3">
      <c r="A75337" s="13" t="s">
        <v>386</v>
      </c>
      <c r="B75337" s="14" t="s">
        <v>1</v>
      </c>
      <c r="C75337" s="14" t="s">
        <v>200</v>
      </c>
      <c r="D75337" s="14" t="s">
        <v>387</v>
      </c>
      <c r="E75337" s="15">
        <v>45523</v>
      </c>
      <c r="F75337" s="14" t="s">
        <v>53</v>
      </c>
      <c r="G75337" s="16">
        <v>0.917174825589262</v>
      </c>
    </row>
    <row r="75338" spans="1:7" x14ac:dyDescent="0.3">
      <c r="A75338" s="13" t="s">
        <v>386</v>
      </c>
      <c r="B75338" s="14" t="s">
        <v>1</v>
      </c>
      <c r="C75338" s="14" t="s">
        <v>200</v>
      </c>
      <c r="D75338" s="14" t="s">
        <v>387</v>
      </c>
      <c r="E75338" s="15">
        <v>45524</v>
      </c>
      <c r="F75338" s="14" t="s">
        <v>53</v>
      </c>
      <c r="G75338" s="16">
        <v>0.93132456926948959</v>
      </c>
    </row>
    <row r="75339" spans="1:7" x14ac:dyDescent="0.3">
      <c r="A75339" s="13" t="s">
        <v>386</v>
      </c>
      <c r="B75339" s="14" t="s">
        <v>1</v>
      </c>
      <c r="C75339" s="14" t="s">
        <v>200</v>
      </c>
      <c r="D75339" s="14" t="s">
        <v>387</v>
      </c>
      <c r="E75339" s="15">
        <v>45525</v>
      </c>
      <c r="F75339" s="14" t="s">
        <v>53</v>
      </c>
      <c r="G75339" s="16">
        <v>0.93227246339112291</v>
      </c>
    </row>
    <row r="75340" spans="1:7" x14ac:dyDescent="0.3">
      <c r="A75340" s="13" t="s">
        <v>386</v>
      </c>
      <c r="B75340" s="14" t="s">
        <v>1</v>
      </c>
      <c r="C75340" s="14" t="s">
        <v>200</v>
      </c>
      <c r="D75340" s="14" t="s">
        <v>387</v>
      </c>
      <c r="E75340" s="15">
        <v>45526</v>
      </c>
      <c r="F75340" s="14" t="s">
        <v>53</v>
      </c>
      <c r="G75340" s="16">
        <v>0.94151663419538434</v>
      </c>
    </row>
    <row r="75341" spans="1:7" x14ac:dyDescent="0.3">
      <c r="A75341" s="13" t="s">
        <v>386</v>
      </c>
      <c r="B75341" s="14" t="s">
        <v>1</v>
      </c>
      <c r="C75341" s="14" t="s">
        <v>200</v>
      </c>
      <c r="D75341" s="14" t="s">
        <v>387</v>
      </c>
      <c r="E75341" s="15">
        <v>45527</v>
      </c>
      <c r="F75341" s="14" t="s">
        <v>53</v>
      </c>
      <c r="G75341" s="16">
        <v>0.93661456904105866</v>
      </c>
    </row>
    <row r="75342" spans="1:7" x14ac:dyDescent="0.3">
      <c r="A75342" s="13" t="s">
        <v>386</v>
      </c>
      <c r="B75342" s="14" t="s">
        <v>1</v>
      </c>
      <c r="C75342" s="14" t="s">
        <v>200</v>
      </c>
      <c r="D75342" s="14" t="s">
        <v>387</v>
      </c>
      <c r="E75342" s="15">
        <v>45528</v>
      </c>
      <c r="F75342" s="14" t="s">
        <v>53</v>
      </c>
      <c r="G75342" s="16">
        <v>0.93661456904105866</v>
      </c>
    </row>
    <row r="75343" spans="1:7" x14ac:dyDescent="0.3">
      <c r="A75343" s="13" t="s">
        <v>386</v>
      </c>
      <c r="B75343" s="14" t="s">
        <v>1</v>
      </c>
      <c r="C75343" s="14" t="s">
        <v>200</v>
      </c>
      <c r="D75343" s="14" t="s">
        <v>387</v>
      </c>
      <c r="E75343" s="15">
        <v>45529</v>
      </c>
      <c r="F75343" s="14" t="s">
        <v>53</v>
      </c>
      <c r="G75343" s="16">
        <v>0.93661456904105866</v>
      </c>
    </row>
    <row r="75344" spans="1:7" x14ac:dyDescent="0.3">
      <c r="A75344" s="13" t="s">
        <v>386</v>
      </c>
      <c r="B75344" s="14" t="s">
        <v>1</v>
      </c>
      <c r="C75344" s="14" t="s">
        <v>200</v>
      </c>
      <c r="D75344" s="14" t="s">
        <v>387</v>
      </c>
      <c r="E75344" s="15">
        <v>45530</v>
      </c>
      <c r="F75344" s="14" t="s">
        <v>53</v>
      </c>
      <c r="G75344" s="16">
        <v>0.95175048894919911</v>
      </c>
    </row>
    <row r="75345" spans="1:7" x14ac:dyDescent="0.3">
      <c r="A75345" s="13" t="s">
        <v>386</v>
      </c>
      <c r="B75345" s="14" t="s">
        <v>1</v>
      </c>
      <c r="C75345" s="14" t="s">
        <v>200</v>
      </c>
      <c r="D75345" s="14" t="s">
        <v>387</v>
      </c>
      <c r="E75345" s="15">
        <v>45531</v>
      </c>
      <c r="F75345" s="14" t="s">
        <v>53</v>
      </c>
      <c r="G75345" s="16">
        <v>0.963858674578284</v>
      </c>
    </row>
    <row r="75346" spans="1:7" x14ac:dyDescent="0.3">
      <c r="A75346" s="13" t="s">
        <v>386</v>
      </c>
      <c r="B75346" s="14" t="s">
        <v>1</v>
      </c>
      <c r="C75346" s="14" t="s">
        <v>200</v>
      </c>
      <c r="D75346" s="14" t="s">
        <v>387</v>
      </c>
      <c r="E75346" s="15">
        <v>45532</v>
      </c>
      <c r="F75346" s="14" t="s">
        <v>53</v>
      </c>
      <c r="G75346" s="16">
        <v>0.97429485724867515</v>
      </c>
    </row>
    <row r="75347" spans="1:7" x14ac:dyDescent="0.3">
      <c r="A75347" s="13" t="s">
        <v>386</v>
      </c>
      <c r="B75347" s="14" t="s">
        <v>1</v>
      </c>
      <c r="C75347" s="14" t="s">
        <v>200</v>
      </c>
      <c r="D75347" s="14" t="s">
        <v>387</v>
      </c>
      <c r="E75347" s="15">
        <v>45533</v>
      </c>
      <c r="F75347" s="14" t="s">
        <v>53</v>
      </c>
      <c r="G75347" s="16">
        <v>0.98121899685414216</v>
      </c>
    </row>
    <row r="75348" spans="1:7" x14ac:dyDescent="0.3">
      <c r="A75348" s="13" t="s">
        <v>386</v>
      </c>
      <c r="B75348" s="14" t="s">
        <v>1</v>
      </c>
      <c r="C75348" s="14" t="s">
        <v>200</v>
      </c>
      <c r="D75348" s="14" t="s">
        <v>387</v>
      </c>
      <c r="E75348" s="15">
        <v>45534</v>
      </c>
      <c r="F75348" s="14" t="s">
        <v>53</v>
      </c>
      <c r="G75348" s="16">
        <v>0.99300909268852167</v>
      </c>
    </row>
    <row r="75349" spans="1:7" x14ac:dyDescent="0.3">
      <c r="A75349" s="13" t="s">
        <v>386</v>
      </c>
      <c r="B75349" s="14" t="s">
        <v>1</v>
      </c>
      <c r="C75349" s="14" t="s">
        <v>200</v>
      </c>
      <c r="D75349" s="14" t="s">
        <v>387</v>
      </c>
      <c r="E75349" s="15">
        <v>45535</v>
      </c>
      <c r="F75349" s="14" t="s">
        <v>53</v>
      </c>
      <c r="G75349" s="16">
        <v>0.99300909268852167</v>
      </c>
    </row>
    <row r="75350" spans="1:7" x14ac:dyDescent="0.3">
      <c r="A75350" s="13" t="s">
        <v>386</v>
      </c>
      <c r="B75350" s="14" t="s">
        <v>1</v>
      </c>
      <c r="C75350" s="14" t="s">
        <v>200</v>
      </c>
      <c r="D75350" s="14" t="s">
        <v>387</v>
      </c>
      <c r="E75350" s="15">
        <v>45536</v>
      </c>
      <c r="F75350" s="14" t="s">
        <v>53</v>
      </c>
      <c r="G75350" s="16">
        <v>0.99300909268852167</v>
      </c>
    </row>
    <row r="75351" spans="1:7" x14ac:dyDescent="0.3">
      <c r="A75351" s="13" t="s">
        <v>386</v>
      </c>
      <c r="B75351" s="14" t="s">
        <v>1</v>
      </c>
      <c r="C75351" s="14" t="s">
        <v>200</v>
      </c>
      <c r="D75351" s="14" t="s">
        <v>387</v>
      </c>
      <c r="E75351" s="15">
        <v>45537</v>
      </c>
      <c r="F75351" s="14" t="s">
        <v>53</v>
      </c>
      <c r="G75351" s="16">
        <v>0.99300909268852167</v>
      </c>
    </row>
    <row r="75352" spans="1:7" x14ac:dyDescent="0.3">
      <c r="A75352" s="13" t="s">
        <v>386</v>
      </c>
      <c r="B75352" s="14" t="s">
        <v>1</v>
      </c>
      <c r="C75352" s="14" t="s">
        <v>200</v>
      </c>
      <c r="D75352" s="14" t="s">
        <v>387</v>
      </c>
      <c r="E75352" s="15">
        <v>45538</v>
      </c>
      <c r="F75352" s="14" t="s">
        <v>53</v>
      </c>
      <c r="G75352" s="16">
        <v>1.0000221435600689</v>
      </c>
    </row>
    <row r="75353" spans="1:7" x14ac:dyDescent="0.3">
      <c r="A75353" s="13" t="s">
        <v>386</v>
      </c>
      <c r="B75353" s="14" t="s">
        <v>1</v>
      </c>
      <c r="C75353" s="14" t="s">
        <v>200</v>
      </c>
      <c r="D75353" s="14" t="s">
        <v>387</v>
      </c>
      <c r="E75353" s="15">
        <v>45539</v>
      </c>
      <c r="F75353" s="14" t="s">
        <v>53</v>
      </c>
      <c r="G75353" s="16">
        <v>1.0175074085131006</v>
      </c>
    </row>
    <row r="75354" spans="1:7" x14ac:dyDescent="0.3">
      <c r="A75354" s="13" t="s">
        <v>386</v>
      </c>
      <c r="B75354" s="14" t="s">
        <v>1</v>
      </c>
      <c r="C75354" s="14" t="s">
        <v>200</v>
      </c>
      <c r="D75354" s="14" t="s">
        <v>387</v>
      </c>
      <c r="E75354" s="15">
        <v>45540</v>
      </c>
      <c r="F75354" s="14" t="s">
        <v>53</v>
      </c>
      <c r="G75354" s="16">
        <v>1.0208322294660386</v>
      </c>
    </row>
    <row r="75355" spans="1:7" x14ac:dyDescent="0.3">
      <c r="A75355" s="13" t="s">
        <v>386</v>
      </c>
      <c r="B75355" s="14" t="s">
        <v>1</v>
      </c>
      <c r="C75355" s="14" t="s">
        <v>200</v>
      </c>
      <c r="D75355" s="14" t="s">
        <v>387</v>
      </c>
      <c r="E75355" s="15">
        <v>45541</v>
      </c>
      <c r="F75355" s="14" t="s">
        <v>53</v>
      </c>
      <c r="G75355" s="16">
        <v>1.0311358050379427</v>
      </c>
    </row>
    <row r="75356" spans="1:7" x14ac:dyDescent="0.3">
      <c r="A75356" s="13" t="s">
        <v>386</v>
      </c>
      <c r="B75356" s="14" t="s">
        <v>1</v>
      </c>
      <c r="C75356" s="14" t="s">
        <v>200</v>
      </c>
      <c r="D75356" s="14" t="s">
        <v>387</v>
      </c>
      <c r="E75356" s="15">
        <v>45542</v>
      </c>
      <c r="F75356" s="14" t="s">
        <v>53</v>
      </c>
      <c r="G75356" s="16">
        <v>1.0311358050379427</v>
      </c>
    </row>
    <row r="75357" spans="1:7" x14ac:dyDescent="0.3">
      <c r="A75357" s="13" t="s">
        <v>386</v>
      </c>
      <c r="B75357" s="14" t="s">
        <v>1</v>
      </c>
      <c r="C75357" s="14" t="s">
        <v>200</v>
      </c>
      <c r="D75357" s="14" t="s">
        <v>387</v>
      </c>
      <c r="E75357" s="15">
        <v>45543</v>
      </c>
      <c r="F75357" s="14" t="s">
        <v>53</v>
      </c>
      <c r="G75357" s="16">
        <v>1.0311358050379427</v>
      </c>
    </row>
    <row r="75358" spans="1:7" x14ac:dyDescent="0.3">
      <c r="A75358" s="13" t="s">
        <v>386</v>
      </c>
      <c r="B75358" s="14" t="s">
        <v>1</v>
      </c>
      <c r="C75358" s="14" t="s">
        <v>200</v>
      </c>
      <c r="D75358" s="14" t="s">
        <v>387</v>
      </c>
      <c r="E75358" s="15">
        <v>45544</v>
      </c>
      <c r="F75358" s="14" t="s">
        <v>53</v>
      </c>
      <c r="G75358" s="16">
        <v>1.0434374140170959</v>
      </c>
    </row>
    <row r="75359" spans="1:7" x14ac:dyDescent="0.3">
      <c r="A75359" s="13" t="s">
        <v>386</v>
      </c>
      <c r="B75359" s="14" t="s">
        <v>1</v>
      </c>
      <c r="C75359" s="14" t="s">
        <v>200</v>
      </c>
      <c r="D75359" s="14" t="s">
        <v>387</v>
      </c>
      <c r="E75359" s="15">
        <v>45545</v>
      </c>
      <c r="F75359" s="14" t="s">
        <v>53</v>
      </c>
      <c r="G75359" s="16">
        <v>1.059193888043223</v>
      </c>
    </row>
    <row r="75360" spans="1:7" x14ac:dyDescent="0.3">
      <c r="A75360" s="13" t="s">
        <v>386</v>
      </c>
      <c r="B75360" s="14" t="s">
        <v>1</v>
      </c>
      <c r="C75360" s="14" t="s">
        <v>200</v>
      </c>
      <c r="D75360" s="14" t="s">
        <v>387</v>
      </c>
      <c r="E75360" s="15">
        <v>45546</v>
      </c>
      <c r="F75360" s="14" t="s">
        <v>53</v>
      </c>
      <c r="G75360" s="16">
        <v>1.0693768928119602</v>
      </c>
    </row>
    <row r="75361" spans="1:7" x14ac:dyDescent="0.3">
      <c r="A75361" s="13" t="s">
        <v>386</v>
      </c>
      <c r="B75361" s="14" t="s">
        <v>1</v>
      </c>
      <c r="C75361" s="14" t="s">
        <v>200</v>
      </c>
      <c r="D75361" s="14" t="s">
        <v>387</v>
      </c>
      <c r="E75361" s="15">
        <v>45547</v>
      </c>
      <c r="F75361" s="14" t="s">
        <v>53</v>
      </c>
      <c r="G75361" s="16">
        <v>1.0684735108718435</v>
      </c>
    </row>
    <row r="75362" spans="1:7" x14ac:dyDescent="0.3">
      <c r="A75362" s="13" t="s">
        <v>386</v>
      </c>
      <c r="B75362" s="14" t="s">
        <v>1</v>
      </c>
      <c r="C75362" s="14" t="s">
        <v>200</v>
      </c>
      <c r="D75362" s="14" t="s">
        <v>387</v>
      </c>
      <c r="E75362" s="15">
        <v>45548</v>
      </c>
      <c r="F75362" s="14" t="s">
        <v>53</v>
      </c>
      <c r="G75362" s="16">
        <v>1.0737611498249746</v>
      </c>
    </row>
    <row r="75363" spans="1:7" x14ac:dyDescent="0.3">
      <c r="A75363" s="13" t="s">
        <v>386</v>
      </c>
      <c r="B75363" s="14" t="s">
        <v>1</v>
      </c>
      <c r="C75363" s="14" t="s">
        <v>200</v>
      </c>
      <c r="D75363" s="14" t="s">
        <v>387</v>
      </c>
      <c r="E75363" s="15">
        <v>45549</v>
      </c>
      <c r="F75363" s="14" t="s">
        <v>53</v>
      </c>
      <c r="G75363" s="16">
        <v>1.0737611498249746</v>
      </c>
    </row>
    <row r="75364" spans="1:7" x14ac:dyDescent="0.3">
      <c r="A75364" s="13" t="s">
        <v>386</v>
      </c>
      <c r="B75364" s="14" t="s">
        <v>1</v>
      </c>
      <c r="C75364" s="14" t="s">
        <v>200</v>
      </c>
      <c r="D75364" s="14" t="s">
        <v>387</v>
      </c>
      <c r="E75364" s="15">
        <v>45550</v>
      </c>
      <c r="F75364" s="14" t="s">
        <v>53</v>
      </c>
      <c r="G75364" s="16">
        <v>1.0737611498249746</v>
      </c>
    </row>
    <row r="75365" spans="1:7" x14ac:dyDescent="0.3">
      <c r="A75365" s="13" t="s">
        <v>386</v>
      </c>
      <c r="B75365" s="14" t="s">
        <v>1</v>
      </c>
      <c r="C75365" s="14" t="s">
        <v>200</v>
      </c>
      <c r="D75365" s="14" t="s">
        <v>387</v>
      </c>
      <c r="E75365" s="15">
        <v>45551</v>
      </c>
      <c r="F75365" s="14" t="s">
        <v>53</v>
      </c>
      <c r="G75365" s="16">
        <v>1.0718742690015157</v>
      </c>
    </row>
    <row r="75366" spans="1:7" x14ac:dyDescent="0.3">
      <c r="A75366" s="13" t="s">
        <v>386</v>
      </c>
      <c r="B75366" s="14" t="s">
        <v>1</v>
      </c>
      <c r="C75366" s="14" t="s">
        <v>200</v>
      </c>
      <c r="D75366" s="14" t="s">
        <v>387</v>
      </c>
      <c r="E75366" s="15">
        <v>45552</v>
      </c>
      <c r="F75366" s="14" t="s">
        <v>53</v>
      </c>
      <c r="G75366" s="16">
        <v>1.0915269451289615</v>
      </c>
    </row>
    <row r="75367" spans="1:7" x14ac:dyDescent="0.3">
      <c r="A75367" s="13" t="s">
        <v>386</v>
      </c>
      <c r="B75367" s="14" t="s">
        <v>1</v>
      </c>
      <c r="C75367" s="14" t="s">
        <v>200</v>
      </c>
      <c r="D75367" s="14" t="s">
        <v>387</v>
      </c>
      <c r="E75367" s="15">
        <v>45553</v>
      </c>
      <c r="F75367" s="14" t="s">
        <v>53</v>
      </c>
      <c r="G75367" s="16">
        <v>1.0931328924680244</v>
      </c>
    </row>
    <row r="75368" spans="1:7" x14ac:dyDescent="0.3">
      <c r="A75368" s="13" t="s">
        <v>386</v>
      </c>
      <c r="B75368" s="14" t="s">
        <v>1</v>
      </c>
      <c r="C75368" s="14" t="s">
        <v>200</v>
      </c>
      <c r="D75368" s="14" t="s">
        <v>387</v>
      </c>
      <c r="E75368" s="15">
        <v>45554</v>
      </c>
      <c r="F75368" s="14" t="s">
        <v>53</v>
      </c>
      <c r="G75368" s="16">
        <v>1.0931572092056348</v>
      </c>
    </row>
    <row r="75369" spans="1:7" x14ac:dyDescent="0.3">
      <c r="A75369" s="13" t="s">
        <v>386</v>
      </c>
      <c r="B75369" s="14" t="s">
        <v>1</v>
      </c>
      <c r="C75369" s="14" t="s">
        <v>200</v>
      </c>
      <c r="D75369" s="14" t="s">
        <v>387</v>
      </c>
      <c r="E75369" s="15">
        <v>45555</v>
      </c>
      <c r="F75369" s="14" t="s">
        <v>53</v>
      </c>
      <c r="G75369" s="16">
        <v>1.0971356562826915</v>
      </c>
    </row>
    <row r="75370" spans="1:7" x14ac:dyDescent="0.3">
      <c r="A75370" s="13" t="s">
        <v>386</v>
      </c>
      <c r="B75370" s="14" t="s">
        <v>1</v>
      </c>
      <c r="C75370" s="14" t="s">
        <v>200</v>
      </c>
      <c r="D75370" s="14" t="s">
        <v>387</v>
      </c>
      <c r="E75370" s="15">
        <v>45556</v>
      </c>
      <c r="F75370" s="14" t="s">
        <v>53</v>
      </c>
      <c r="G75370" s="16">
        <v>1.0971356562826915</v>
      </c>
    </row>
    <row r="75371" spans="1:7" x14ac:dyDescent="0.3">
      <c r="A75371" s="13" t="s">
        <v>386</v>
      </c>
      <c r="B75371" s="14" t="s">
        <v>1</v>
      </c>
      <c r="C75371" s="14" t="s">
        <v>200</v>
      </c>
      <c r="D75371" s="14" t="s">
        <v>387</v>
      </c>
      <c r="E75371" s="15">
        <v>45557</v>
      </c>
      <c r="F75371" s="14" t="s">
        <v>53</v>
      </c>
      <c r="G75371" s="16">
        <v>1.0971356562826915</v>
      </c>
    </row>
    <row r="75372" spans="1:7" x14ac:dyDescent="0.3">
      <c r="A75372" s="13" t="s">
        <v>386</v>
      </c>
      <c r="B75372" s="14" t="s">
        <v>1</v>
      </c>
      <c r="C75372" s="14" t="s">
        <v>200</v>
      </c>
      <c r="D75372" s="14" t="s">
        <v>387</v>
      </c>
      <c r="E75372" s="15">
        <v>45558</v>
      </c>
      <c r="F75372" s="14" t="s">
        <v>53</v>
      </c>
      <c r="G75372" s="16">
        <v>1.1013048452305076</v>
      </c>
    </row>
    <row r="75373" spans="1:7" x14ac:dyDescent="0.3">
      <c r="A75373" s="13" t="s">
        <v>386</v>
      </c>
      <c r="B75373" s="14" t="s">
        <v>1</v>
      </c>
      <c r="C75373" s="14" t="s">
        <v>200</v>
      </c>
      <c r="D75373" s="14" t="s">
        <v>387</v>
      </c>
      <c r="E75373" s="15">
        <v>45559</v>
      </c>
      <c r="F75373" s="14" t="s">
        <v>53</v>
      </c>
      <c r="G75373" s="16">
        <v>1.1135396520525418</v>
      </c>
    </row>
    <row r="75374" spans="1:7" x14ac:dyDescent="0.3">
      <c r="A75374" s="13" t="s">
        <v>386</v>
      </c>
      <c r="B75374" s="14" t="s">
        <v>1</v>
      </c>
      <c r="C75374" s="14" t="s">
        <v>200</v>
      </c>
      <c r="D75374" s="14" t="s">
        <v>387</v>
      </c>
      <c r="E75374" s="15">
        <v>45560</v>
      </c>
      <c r="F75374" s="14" t="s">
        <v>53</v>
      </c>
      <c r="G75374" s="16">
        <v>1.1267614659041258</v>
      </c>
    </row>
    <row r="75375" spans="1:7" x14ac:dyDescent="0.3">
      <c r="A75375" s="13" t="s">
        <v>386</v>
      </c>
      <c r="B75375" s="14" t="s">
        <v>1</v>
      </c>
      <c r="C75375" s="14" t="s">
        <v>200</v>
      </c>
      <c r="D75375" s="14" t="s">
        <v>387</v>
      </c>
      <c r="E75375" s="15">
        <v>45561</v>
      </c>
      <c r="F75375" s="14" t="s">
        <v>53</v>
      </c>
      <c r="G75375" s="16">
        <v>1.125043542242401</v>
      </c>
    </row>
    <row r="75376" spans="1:7" x14ac:dyDescent="0.3">
      <c r="A75376" s="13" t="s">
        <v>386</v>
      </c>
      <c r="B75376" s="14" t="s">
        <v>1</v>
      </c>
      <c r="C75376" s="14" t="s">
        <v>200</v>
      </c>
      <c r="D75376" s="14" t="s">
        <v>387</v>
      </c>
      <c r="E75376" s="15">
        <v>45562</v>
      </c>
      <c r="F75376" s="14" t="s">
        <v>53</v>
      </c>
      <c r="G75376" s="16">
        <v>1.1342897905226395</v>
      </c>
    </row>
    <row r="75377" spans="1:7" x14ac:dyDescent="0.3">
      <c r="A75377" s="13" t="s">
        <v>386</v>
      </c>
      <c r="B75377" s="14" t="s">
        <v>1</v>
      </c>
      <c r="C75377" s="14" t="s">
        <v>200</v>
      </c>
      <c r="D75377" s="14" t="s">
        <v>387</v>
      </c>
      <c r="E75377" s="15">
        <v>45563</v>
      </c>
      <c r="F75377" s="14" t="s">
        <v>53</v>
      </c>
      <c r="G75377" s="16">
        <v>1.1342897905226395</v>
      </c>
    </row>
    <row r="75378" spans="1:7" x14ac:dyDescent="0.3">
      <c r="A75378" s="13" t="s">
        <v>386</v>
      </c>
      <c r="B75378" s="14" t="s">
        <v>1</v>
      </c>
      <c r="C75378" s="14" t="s">
        <v>200</v>
      </c>
      <c r="D75378" s="14" t="s">
        <v>387</v>
      </c>
      <c r="E75378" s="15">
        <v>45564</v>
      </c>
      <c r="F75378" s="14" t="s">
        <v>53</v>
      </c>
      <c r="G75378" s="16">
        <v>1.1342897905226395</v>
      </c>
    </row>
    <row r="75379" spans="1:7" x14ac:dyDescent="0.3">
      <c r="A75379" s="13" t="s">
        <v>386</v>
      </c>
      <c r="B75379" s="14" t="s">
        <v>1</v>
      </c>
      <c r="C75379" s="14" t="s">
        <v>200</v>
      </c>
      <c r="D75379" s="14" t="s">
        <v>387</v>
      </c>
      <c r="E75379" s="15">
        <v>45565</v>
      </c>
      <c r="F75379" s="14" t="s">
        <v>53</v>
      </c>
      <c r="G75379" s="16">
        <v>1.1406579117997644</v>
      </c>
    </row>
    <row r="75380" spans="1:7" x14ac:dyDescent="0.3">
      <c r="A75380" s="13" t="s">
        <v>386</v>
      </c>
      <c r="B75380" s="14" t="s">
        <v>1</v>
      </c>
      <c r="C75380" s="14" t="s">
        <v>200</v>
      </c>
      <c r="D75380" s="14" t="s">
        <v>387</v>
      </c>
      <c r="E75380" s="15">
        <v>45566</v>
      </c>
      <c r="F75380" s="14" t="s">
        <v>53</v>
      </c>
      <c r="G75380" s="16">
        <v>1.1582288181763878</v>
      </c>
    </row>
    <row r="75381" spans="1:7" x14ac:dyDescent="0.3">
      <c r="A75381" s="13" t="s">
        <v>386</v>
      </c>
      <c r="B75381" s="14" t="s">
        <v>1</v>
      </c>
      <c r="C75381" s="14" t="s">
        <v>200</v>
      </c>
      <c r="D75381" s="14" t="s">
        <v>387</v>
      </c>
      <c r="E75381" s="15">
        <v>45567</v>
      </c>
      <c r="F75381" s="14" t="s">
        <v>53</v>
      </c>
      <c r="G75381" s="16">
        <v>1.1682607517533139</v>
      </c>
    </row>
    <row r="75382" spans="1:7" x14ac:dyDescent="0.3">
      <c r="A75382" s="13" t="s">
        <v>386</v>
      </c>
      <c r="B75382" s="14" t="s">
        <v>1</v>
      </c>
      <c r="C75382" s="14" t="s">
        <v>200</v>
      </c>
      <c r="D75382" s="14" t="s">
        <v>387</v>
      </c>
      <c r="E75382" s="15">
        <v>45568</v>
      </c>
      <c r="F75382" s="14" t="s">
        <v>53</v>
      </c>
      <c r="G75382" s="16">
        <v>1.1868954828400455</v>
      </c>
    </row>
    <row r="75383" spans="1:7" x14ac:dyDescent="0.3">
      <c r="A75383" s="13" t="s">
        <v>386</v>
      </c>
      <c r="B75383" s="14" t="s">
        <v>1</v>
      </c>
      <c r="C75383" s="14" t="s">
        <v>200</v>
      </c>
      <c r="D75383" s="14" t="s">
        <v>387</v>
      </c>
      <c r="E75383" s="15">
        <v>45569</v>
      </c>
      <c r="F75383" s="14" t="s">
        <v>53</v>
      </c>
      <c r="G75383" s="16">
        <v>1.1928510762579358</v>
      </c>
    </row>
    <row r="75384" spans="1:7" x14ac:dyDescent="0.3">
      <c r="A75384" s="13" t="s">
        <v>386</v>
      </c>
      <c r="B75384" s="14" t="s">
        <v>1</v>
      </c>
      <c r="C75384" s="14" t="s">
        <v>200</v>
      </c>
      <c r="D75384" s="14" t="s">
        <v>387</v>
      </c>
      <c r="E75384" s="15">
        <v>45570</v>
      </c>
      <c r="F75384" s="14" t="s">
        <v>53</v>
      </c>
      <c r="G75384" s="16">
        <v>1.1928510762579358</v>
      </c>
    </row>
    <row r="75385" spans="1:7" x14ac:dyDescent="0.3">
      <c r="A75385" s="13" t="s">
        <v>386</v>
      </c>
      <c r="B75385" s="14" t="s">
        <v>1</v>
      </c>
      <c r="C75385" s="14" t="s">
        <v>200</v>
      </c>
      <c r="D75385" s="14" t="s">
        <v>387</v>
      </c>
      <c r="E75385" s="15">
        <v>45571</v>
      </c>
      <c r="F75385" s="14" t="s">
        <v>53</v>
      </c>
      <c r="G75385" s="16">
        <v>1.1928510762579358</v>
      </c>
    </row>
    <row r="75386" spans="1:7" x14ac:dyDescent="0.3">
      <c r="A75386" s="13" t="s">
        <v>386</v>
      </c>
      <c r="B75386" s="14" t="s">
        <v>1</v>
      </c>
      <c r="C75386" s="14" t="s">
        <v>200</v>
      </c>
      <c r="D75386" s="14" t="s">
        <v>387</v>
      </c>
      <c r="E75386" s="15">
        <v>45572</v>
      </c>
      <c r="F75386" s="14" t="s">
        <v>53</v>
      </c>
      <c r="G75386" s="16">
        <v>1.2076703303901386</v>
      </c>
    </row>
    <row r="75387" spans="1:7" x14ac:dyDescent="0.3">
      <c r="A75387" s="13" t="s">
        <v>386</v>
      </c>
      <c r="B75387" s="14" t="s">
        <v>1</v>
      </c>
      <c r="C75387" s="14" t="s">
        <v>200</v>
      </c>
      <c r="D75387" s="14" t="s">
        <v>387</v>
      </c>
      <c r="E75387" s="15">
        <v>45573</v>
      </c>
      <c r="F75387" s="14" t="s">
        <v>53</v>
      </c>
      <c r="G75387" s="16">
        <v>1.2228103546488303</v>
      </c>
    </row>
    <row r="75388" spans="1:7" x14ac:dyDescent="0.3">
      <c r="A75388" s="13" t="s">
        <v>386</v>
      </c>
      <c r="B75388" s="14" t="s">
        <v>1</v>
      </c>
      <c r="C75388" s="14" t="s">
        <v>200</v>
      </c>
      <c r="D75388" s="14" t="s">
        <v>387</v>
      </c>
      <c r="E75388" s="15">
        <v>45574</v>
      </c>
      <c r="F75388" s="14" t="s">
        <v>53</v>
      </c>
      <c r="G75388" s="16">
        <v>1.231670918520839</v>
      </c>
    </row>
    <row r="75389" spans="1:7" x14ac:dyDescent="0.3">
      <c r="A75389" s="13" t="s">
        <v>386</v>
      </c>
      <c r="B75389" s="14" t="s">
        <v>1</v>
      </c>
      <c r="C75389" s="14" t="s">
        <v>200</v>
      </c>
      <c r="D75389" s="14" t="s">
        <v>387</v>
      </c>
      <c r="E75389" s="15">
        <v>45575</v>
      </c>
      <c r="F75389" s="14" t="s">
        <v>53</v>
      </c>
      <c r="G75389" s="16">
        <v>1.237373922624335</v>
      </c>
    </row>
    <row r="75390" spans="1:7" x14ac:dyDescent="0.3">
      <c r="A75390" s="13" t="s">
        <v>386</v>
      </c>
      <c r="B75390" s="14" t="s">
        <v>1</v>
      </c>
      <c r="C75390" s="14" t="s">
        <v>200</v>
      </c>
      <c r="D75390" s="14" t="s">
        <v>387</v>
      </c>
      <c r="E75390" s="15">
        <v>45576</v>
      </c>
      <c r="F75390" s="14" t="s">
        <v>53</v>
      </c>
      <c r="G75390" s="16">
        <v>1.2418974264125162</v>
      </c>
    </row>
    <row r="75391" spans="1:7" x14ac:dyDescent="0.3">
      <c r="A75391" s="13" t="s">
        <v>386</v>
      </c>
      <c r="B75391" s="14" t="s">
        <v>1</v>
      </c>
      <c r="C75391" s="14" t="s">
        <v>200</v>
      </c>
      <c r="D75391" s="14" t="s">
        <v>387</v>
      </c>
      <c r="E75391" s="15">
        <v>45577</v>
      </c>
      <c r="F75391" s="14" t="s">
        <v>53</v>
      </c>
      <c r="G75391" s="16">
        <v>1.2418974264125162</v>
      </c>
    </row>
    <row r="75392" spans="1:7" x14ac:dyDescent="0.3">
      <c r="A75392" s="13" t="s">
        <v>386</v>
      </c>
      <c r="B75392" s="14" t="s">
        <v>1</v>
      </c>
      <c r="C75392" s="14" t="s">
        <v>200</v>
      </c>
      <c r="D75392" s="14" t="s">
        <v>387</v>
      </c>
      <c r="E75392" s="15">
        <v>45578</v>
      </c>
      <c r="F75392" s="14" t="s">
        <v>53</v>
      </c>
      <c r="G75392" s="16">
        <v>1.2418974264125162</v>
      </c>
    </row>
    <row r="75393" spans="1:7" x14ac:dyDescent="0.3">
      <c r="A75393" s="13" t="s">
        <v>386</v>
      </c>
      <c r="B75393" s="14" t="s">
        <v>1</v>
      </c>
      <c r="C75393" s="14" t="s">
        <v>200</v>
      </c>
      <c r="D75393" s="14" t="s">
        <v>387</v>
      </c>
      <c r="E75393" s="15">
        <v>45579</v>
      </c>
      <c r="F75393" s="14" t="s">
        <v>53</v>
      </c>
      <c r="G75393" s="16">
        <v>1.2418974264125162</v>
      </c>
    </row>
    <row r="75394" spans="1:7" x14ac:dyDescent="0.3">
      <c r="A75394" s="13" t="s">
        <v>386</v>
      </c>
      <c r="B75394" s="14" t="s">
        <v>1</v>
      </c>
      <c r="C75394" s="14" t="s">
        <v>200</v>
      </c>
      <c r="D75394" s="14" t="s">
        <v>387</v>
      </c>
      <c r="E75394" s="15">
        <v>45580</v>
      </c>
      <c r="F75394" s="14" t="s">
        <v>53</v>
      </c>
      <c r="G75394" s="16">
        <v>1.2469495120756229</v>
      </c>
    </row>
    <row r="75395" spans="1:7" x14ac:dyDescent="0.3">
      <c r="A75395" s="13" t="s">
        <v>386</v>
      </c>
      <c r="B75395" s="14" t="s">
        <v>1</v>
      </c>
      <c r="C75395" s="14" t="s">
        <v>200</v>
      </c>
      <c r="D75395" s="14" t="s">
        <v>387</v>
      </c>
      <c r="E75395" s="15">
        <v>45581</v>
      </c>
      <c r="F75395" s="14" t="s">
        <v>53</v>
      </c>
      <c r="G75395" s="16">
        <v>1.2775636104217443</v>
      </c>
    </row>
    <row r="75396" spans="1:7" x14ac:dyDescent="0.3">
      <c r="A75396" s="13" t="s">
        <v>386</v>
      </c>
      <c r="B75396" s="14" t="s">
        <v>1</v>
      </c>
      <c r="C75396" s="14" t="s">
        <v>200</v>
      </c>
      <c r="D75396" s="14" t="s">
        <v>387</v>
      </c>
      <c r="E75396" s="15">
        <v>45582</v>
      </c>
      <c r="F75396" s="14" t="s">
        <v>53</v>
      </c>
      <c r="G75396" s="16">
        <v>1.2832766706113101</v>
      </c>
    </row>
    <row r="75397" spans="1:7" x14ac:dyDescent="0.3">
      <c r="A75397" s="13" t="s">
        <v>386</v>
      </c>
      <c r="B75397" s="14" t="s">
        <v>1</v>
      </c>
      <c r="C75397" s="14" t="s">
        <v>200</v>
      </c>
      <c r="D75397" s="14" t="s">
        <v>387</v>
      </c>
      <c r="E75397" s="15">
        <v>45583</v>
      </c>
      <c r="F75397" s="14" t="s">
        <v>53</v>
      </c>
      <c r="G75397" s="16">
        <v>1.2916794090595725</v>
      </c>
    </row>
    <row r="75398" spans="1:7" x14ac:dyDescent="0.3">
      <c r="A75398" s="13" t="s">
        <v>386</v>
      </c>
      <c r="B75398" s="14" t="s">
        <v>1</v>
      </c>
      <c r="C75398" s="14" t="s">
        <v>200</v>
      </c>
      <c r="D75398" s="14" t="s">
        <v>387</v>
      </c>
      <c r="E75398" s="15">
        <v>45584</v>
      </c>
      <c r="F75398" s="14" t="s">
        <v>53</v>
      </c>
      <c r="G75398" s="16">
        <v>1.2916794090595725</v>
      </c>
    </row>
    <row r="75399" spans="1:7" x14ac:dyDescent="0.3">
      <c r="A75399" s="13" t="s">
        <v>386</v>
      </c>
      <c r="B75399" s="14" t="s">
        <v>1</v>
      </c>
      <c r="C75399" s="14" t="s">
        <v>200</v>
      </c>
      <c r="D75399" s="14" t="s">
        <v>387</v>
      </c>
      <c r="E75399" s="15">
        <v>45585</v>
      </c>
      <c r="F75399" s="14" t="s">
        <v>53</v>
      </c>
      <c r="G75399" s="16">
        <v>1.2916794090595725</v>
      </c>
    </row>
    <row r="75400" spans="1:7" x14ac:dyDescent="0.3">
      <c r="A75400" s="13" t="s">
        <v>386</v>
      </c>
      <c r="B75400" s="14" t="s">
        <v>1</v>
      </c>
      <c r="C75400" s="14" t="s">
        <v>200</v>
      </c>
      <c r="D75400" s="14" t="s">
        <v>387</v>
      </c>
      <c r="E75400" s="15">
        <v>45586</v>
      </c>
      <c r="F75400" s="14" t="s">
        <v>53</v>
      </c>
      <c r="G75400" s="16">
        <v>1.3092334014900073</v>
      </c>
    </row>
    <row r="75401" spans="1:7" x14ac:dyDescent="0.3">
      <c r="A75401" s="13" t="s">
        <v>386</v>
      </c>
      <c r="B75401" s="14" t="s">
        <v>1</v>
      </c>
      <c r="C75401" s="14" t="s">
        <v>200</v>
      </c>
      <c r="D75401" s="14" t="s">
        <v>387</v>
      </c>
      <c r="E75401" s="15">
        <v>45587</v>
      </c>
      <c r="F75401" s="14" t="s">
        <v>53</v>
      </c>
      <c r="G75401" s="16">
        <v>1.3274516759104253</v>
      </c>
    </row>
    <row r="75402" spans="1:7" x14ac:dyDescent="0.3">
      <c r="A75402" s="13" t="s">
        <v>386</v>
      </c>
      <c r="B75402" s="14" t="s">
        <v>1</v>
      </c>
      <c r="C75402" s="14" t="s">
        <v>200</v>
      </c>
      <c r="D75402" s="14" t="s">
        <v>387</v>
      </c>
      <c r="E75402" s="15">
        <v>45588</v>
      </c>
      <c r="F75402" s="14" t="s">
        <v>53</v>
      </c>
      <c r="G75402" s="16">
        <v>1.3401113210374322</v>
      </c>
    </row>
    <row r="75403" spans="1:7" x14ac:dyDescent="0.3">
      <c r="A75403" s="13" t="s">
        <v>386</v>
      </c>
      <c r="B75403" s="14" t="s">
        <v>1</v>
      </c>
      <c r="C75403" s="14" t="s">
        <v>200</v>
      </c>
      <c r="D75403" s="14" t="s">
        <v>387</v>
      </c>
      <c r="E75403" s="15">
        <v>45589</v>
      </c>
      <c r="F75403" s="14" t="s">
        <v>53</v>
      </c>
      <c r="G75403" s="16">
        <v>1.3406472746226781</v>
      </c>
    </row>
    <row r="75404" spans="1:7" x14ac:dyDescent="0.3">
      <c r="A75404" s="13" t="s">
        <v>386</v>
      </c>
      <c r="B75404" s="14" t="s">
        <v>1</v>
      </c>
      <c r="C75404" s="14" t="s">
        <v>200</v>
      </c>
      <c r="D75404" s="14" t="s">
        <v>387</v>
      </c>
      <c r="E75404" s="15">
        <v>45590</v>
      </c>
      <c r="F75404" s="14" t="s">
        <v>53</v>
      </c>
      <c r="G75404" s="16">
        <v>1.3476989383269109</v>
      </c>
    </row>
    <row r="75405" spans="1:7" x14ac:dyDescent="0.3">
      <c r="A75405" s="13" t="s">
        <v>386</v>
      </c>
      <c r="B75405" s="14" t="s">
        <v>1</v>
      </c>
      <c r="C75405" s="14" t="s">
        <v>200</v>
      </c>
      <c r="D75405" s="14" t="s">
        <v>387</v>
      </c>
      <c r="E75405" s="15">
        <v>45591</v>
      </c>
      <c r="F75405" s="14" t="s">
        <v>53</v>
      </c>
      <c r="G75405" s="16">
        <v>1.3476989383269109</v>
      </c>
    </row>
    <row r="75406" spans="1:7" x14ac:dyDescent="0.3">
      <c r="A75406" s="13" t="s">
        <v>386</v>
      </c>
      <c r="B75406" s="14" t="s">
        <v>1</v>
      </c>
      <c r="C75406" s="14" t="s">
        <v>200</v>
      </c>
      <c r="D75406" s="14" t="s">
        <v>387</v>
      </c>
      <c r="E75406" s="15">
        <v>45592</v>
      </c>
      <c r="F75406" s="14" t="s">
        <v>53</v>
      </c>
      <c r="G75406" s="16">
        <v>1.3476989383269109</v>
      </c>
    </row>
    <row r="75407" spans="1:7" x14ac:dyDescent="0.3">
      <c r="A75407" s="13" t="s">
        <v>386</v>
      </c>
      <c r="B75407" s="14" t="s">
        <v>1</v>
      </c>
      <c r="C75407" s="14" t="s">
        <v>200</v>
      </c>
      <c r="D75407" s="14" t="s">
        <v>387</v>
      </c>
      <c r="E75407" s="15">
        <v>45593</v>
      </c>
      <c r="F75407" s="14" t="s">
        <v>53</v>
      </c>
      <c r="G75407" s="16">
        <v>1.3476989383269109</v>
      </c>
    </row>
    <row r="75408" spans="1:7" x14ac:dyDescent="0.3">
      <c r="A75408" s="13" t="s">
        <v>386</v>
      </c>
      <c r="B75408" s="14" t="s">
        <v>1</v>
      </c>
      <c r="C75408" s="14" t="s">
        <v>200</v>
      </c>
      <c r="D75408" s="14" t="s">
        <v>387</v>
      </c>
      <c r="E75408" s="15">
        <v>45594</v>
      </c>
      <c r="F75408" s="14" t="s">
        <v>53</v>
      </c>
      <c r="G75408" s="16">
        <v>1.3488310097397345</v>
      </c>
    </row>
    <row r="75409" spans="1:7" x14ac:dyDescent="0.3">
      <c r="A75409" s="13" t="s">
        <v>386</v>
      </c>
      <c r="B75409" s="14" t="s">
        <v>1</v>
      </c>
      <c r="C75409" s="14" t="s">
        <v>200</v>
      </c>
      <c r="D75409" s="14" t="s">
        <v>387</v>
      </c>
      <c r="E75409" s="15">
        <v>45595</v>
      </c>
      <c r="F75409" s="14" t="s">
        <v>53</v>
      </c>
      <c r="G75409" s="16">
        <v>1.3789013864719255</v>
      </c>
    </row>
    <row r="75410" spans="1:7" x14ac:dyDescent="0.3">
      <c r="A75410" s="13" t="s">
        <v>386</v>
      </c>
      <c r="B75410" s="14" t="s">
        <v>1</v>
      </c>
      <c r="C75410" s="14" t="s">
        <v>200</v>
      </c>
      <c r="D75410" s="14" t="s">
        <v>387</v>
      </c>
      <c r="E75410" s="15">
        <v>45596</v>
      </c>
      <c r="F75410" s="14" t="s">
        <v>53</v>
      </c>
      <c r="G75410" s="16">
        <v>1.3917535734140354</v>
      </c>
    </row>
    <row r="75411" spans="1:7" x14ac:dyDescent="0.3">
      <c r="A75411" s="13" t="s">
        <v>386</v>
      </c>
      <c r="B75411" s="14" t="s">
        <v>1</v>
      </c>
      <c r="C75411" s="14" t="s">
        <v>200</v>
      </c>
      <c r="D75411" s="14" t="s">
        <v>387</v>
      </c>
      <c r="E75411" s="15">
        <v>45597</v>
      </c>
      <c r="F75411" s="14" t="s">
        <v>53</v>
      </c>
      <c r="G75411" s="16">
        <v>1.3941861807981362</v>
      </c>
    </row>
    <row r="75412" spans="1:7" x14ac:dyDescent="0.3">
      <c r="A75412" s="13" t="s">
        <v>386</v>
      </c>
      <c r="B75412" s="14" t="s">
        <v>1</v>
      </c>
      <c r="C75412" s="14" t="s">
        <v>200</v>
      </c>
      <c r="D75412" s="14" t="s">
        <v>387</v>
      </c>
      <c r="E75412" s="15">
        <v>45598</v>
      </c>
      <c r="F75412" s="14" t="s">
        <v>53</v>
      </c>
      <c r="G75412" s="16">
        <v>1.3941861807981362</v>
      </c>
    </row>
    <row r="75413" spans="1:7" x14ac:dyDescent="0.3">
      <c r="A75413" s="13" t="s">
        <v>386</v>
      </c>
      <c r="B75413" s="14" t="s">
        <v>1</v>
      </c>
      <c r="C75413" s="14" t="s">
        <v>200</v>
      </c>
      <c r="D75413" s="14" t="s">
        <v>387</v>
      </c>
      <c r="E75413" s="15">
        <v>45599</v>
      </c>
      <c r="F75413" s="14" t="s">
        <v>53</v>
      </c>
      <c r="G75413" s="16">
        <v>1.3941861807981362</v>
      </c>
    </row>
    <row r="75414" spans="1:7" x14ac:dyDescent="0.3">
      <c r="A75414" s="13" t="s">
        <v>386</v>
      </c>
      <c r="B75414" s="14" t="s">
        <v>1</v>
      </c>
      <c r="C75414" s="14" t="s">
        <v>200</v>
      </c>
      <c r="D75414" s="14" t="s">
        <v>387</v>
      </c>
      <c r="E75414" s="15">
        <v>45600</v>
      </c>
      <c r="F75414" s="14" t="s">
        <v>53</v>
      </c>
      <c r="G75414" s="16">
        <v>1.3987288266915865</v>
      </c>
    </row>
    <row r="75415" spans="1:7" x14ac:dyDescent="0.3">
      <c r="A75415" s="13" t="s">
        <v>386</v>
      </c>
      <c r="B75415" s="14" t="s">
        <v>1</v>
      </c>
      <c r="C75415" s="14" t="s">
        <v>200</v>
      </c>
      <c r="D75415" s="14" t="s">
        <v>387</v>
      </c>
      <c r="E75415" s="15">
        <v>45601</v>
      </c>
      <c r="F75415" s="14" t="s">
        <v>53</v>
      </c>
      <c r="G75415" s="16">
        <v>1.4154149604665078</v>
      </c>
    </row>
    <row r="75416" spans="1:7" x14ac:dyDescent="0.3">
      <c r="A75416" s="13" t="s">
        <v>386</v>
      </c>
      <c r="B75416" s="14" t="s">
        <v>1</v>
      </c>
      <c r="C75416" s="14" t="s">
        <v>200</v>
      </c>
      <c r="D75416" s="14" t="s">
        <v>387</v>
      </c>
      <c r="E75416" s="15">
        <v>45602</v>
      </c>
      <c r="F75416" s="14" t="s">
        <v>53</v>
      </c>
      <c r="G75416" s="16">
        <v>1.438997689732032</v>
      </c>
    </row>
    <row r="75417" spans="1:7" x14ac:dyDescent="0.3">
      <c r="A75417" s="13" t="s">
        <v>386</v>
      </c>
      <c r="B75417" s="14" t="s">
        <v>1</v>
      </c>
      <c r="C75417" s="14" t="s">
        <v>200</v>
      </c>
      <c r="D75417" s="14" t="s">
        <v>387</v>
      </c>
      <c r="E75417" s="15">
        <v>45603</v>
      </c>
      <c r="F75417" s="14" t="s">
        <v>53</v>
      </c>
      <c r="G75417" s="16">
        <v>1.426783745039272</v>
      </c>
    </row>
    <row r="75418" spans="1:7" x14ac:dyDescent="0.3">
      <c r="A75418" s="13" t="s">
        <v>386</v>
      </c>
      <c r="B75418" s="14" t="s">
        <v>1</v>
      </c>
      <c r="C75418" s="14" t="s">
        <v>200</v>
      </c>
      <c r="D75418" s="14" t="s">
        <v>387</v>
      </c>
      <c r="E75418" s="15">
        <v>45604</v>
      </c>
      <c r="F75418" s="14" t="s">
        <v>53</v>
      </c>
      <c r="G75418" s="16">
        <v>1.4412455616112232</v>
      </c>
    </row>
    <row r="75419" spans="1:7" x14ac:dyDescent="0.3">
      <c r="A75419" s="13" t="s">
        <v>386</v>
      </c>
      <c r="B75419" s="14" t="s">
        <v>1</v>
      </c>
      <c r="C75419" s="14" t="s">
        <v>200</v>
      </c>
      <c r="D75419" s="14" t="s">
        <v>387</v>
      </c>
      <c r="E75419" s="15">
        <v>45605</v>
      </c>
      <c r="F75419" s="14" t="s">
        <v>53</v>
      </c>
      <c r="G75419" s="16">
        <v>1.4412455616112232</v>
      </c>
    </row>
    <row r="75420" spans="1:7" x14ac:dyDescent="0.3">
      <c r="A75420" s="13" t="s">
        <v>386</v>
      </c>
      <c r="B75420" s="14" t="s">
        <v>1</v>
      </c>
      <c r="C75420" s="14" t="s">
        <v>200</v>
      </c>
      <c r="D75420" s="14" t="s">
        <v>387</v>
      </c>
      <c r="E75420" s="15">
        <v>45606</v>
      </c>
      <c r="F75420" s="14" t="s">
        <v>53</v>
      </c>
      <c r="G75420" s="16">
        <v>1.4412455616112232</v>
      </c>
    </row>
    <row r="75421" spans="1:7" x14ac:dyDescent="0.3">
      <c r="A75421" s="13" t="s">
        <v>386</v>
      </c>
      <c r="B75421" s="14" t="s">
        <v>1</v>
      </c>
      <c r="C75421" s="14" t="s">
        <v>200</v>
      </c>
      <c r="D75421" s="14" t="s">
        <v>387</v>
      </c>
      <c r="E75421" s="15">
        <v>45607</v>
      </c>
      <c r="F75421" s="14" t="s">
        <v>53</v>
      </c>
      <c r="G75421" s="16">
        <v>1.4412455616112232</v>
      </c>
    </row>
    <row r="75422" spans="1:7" x14ac:dyDescent="0.3">
      <c r="A75422" s="13" t="s">
        <v>386</v>
      </c>
      <c r="B75422" s="14" t="s">
        <v>1</v>
      </c>
      <c r="C75422" s="14" t="s">
        <v>200</v>
      </c>
      <c r="D75422" s="14" t="s">
        <v>387</v>
      </c>
      <c r="E75422" s="15">
        <v>45608</v>
      </c>
      <c r="F75422" s="14" t="s">
        <v>53</v>
      </c>
      <c r="G75422" s="16">
        <v>1.4684801939753449</v>
      </c>
    </row>
    <row r="75423" spans="1:7" x14ac:dyDescent="0.3">
      <c r="A75423" s="13" t="s">
        <v>386</v>
      </c>
      <c r="B75423" s="14" t="s">
        <v>1</v>
      </c>
      <c r="C75423" s="14" t="s">
        <v>200</v>
      </c>
      <c r="D75423" s="14" t="s">
        <v>387</v>
      </c>
      <c r="E75423" s="15">
        <v>45609</v>
      </c>
      <c r="F75423" s="14" t="s">
        <v>53</v>
      </c>
      <c r="G75423" s="16">
        <v>1.4908545446027037</v>
      </c>
    </row>
    <row r="75424" spans="1:7" x14ac:dyDescent="0.3">
      <c r="A75424" s="13" t="s">
        <v>386</v>
      </c>
      <c r="B75424" s="14" t="s">
        <v>1</v>
      </c>
      <c r="C75424" s="14" t="s">
        <v>200</v>
      </c>
      <c r="D75424" s="14" t="s">
        <v>387</v>
      </c>
      <c r="E75424" s="15">
        <v>45610</v>
      </c>
      <c r="F75424" s="14" t="s">
        <v>53</v>
      </c>
      <c r="G75424" s="16">
        <v>1.5020833538729728</v>
      </c>
    </row>
    <row r="75425" spans="1:7" x14ac:dyDescent="0.3">
      <c r="A75425" s="13" t="s">
        <v>386</v>
      </c>
      <c r="B75425" s="14" t="s">
        <v>1</v>
      </c>
      <c r="C75425" s="14" t="s">
        <v>200</v>
      </c>
      <c r="D75425" s="14" t="s">
        <v>387</v>
      </c>
      <c r="E75425" s="15">
        <v>45611</v>
      </c>
      <c r="F75425" s="14" t="s">
        <v>53</v>
      </c>
      <c r="G75425" s="16">
        <v>1.5142592225512703</v>
      </c>
    </row>
    <row r="75426" spans="1:7" x14ac:dyDescent="0.3">
      <c r="A75426" s="13" t="s">
        <v>386</v>
      </c>
      <c r="B75426" s="14" t="s">
        <v>1</v>
      </c>
      <c r="C75426" s="14" t="s">
        <v>200</v>
      </c>
      <c r="D75426" s="14" t="s">
        <v>387</v>
      </c>
      <c r="E75426" s="15">
        <v>45612</v>
      </c>
      <c r="F75426" s="14" t="s">
        <v>53</v>
      </c>
      <c r="G75426" s="16">
        <v>1.5142592225512703</v>
      </c>
    </row>
    <row r="75427" spans="1:7" x14ac:dyDescent="0.3">
      <c r="A75427" s="13" t="s">
        <v>386</v>
      </c>
      <c r="B75427" s="14" t="s">
        <v>1</v>
      </c>
      <c r="C75427" s="14" t="s">
        <v>200</v>
      </c>
      <c r="D75427" s="14" t="s">
        <v>387</v>
      </c>
      <c r="E75427" s="15">
        <v>45613</v>
      </c>
      <c r="F75427" s="14" t="s">
        <v>53</v>
      </c>
      <c r="G75427" s="16">
        <v>1.5142592225512703</v>
      </c>
    </row>
    <row r="75428" spans="1:7" x14ac:dyDescent="0.3">
      <c r="A75428" s="13" t="s">
        <v>386</v>
      </c>
      <c r="B75428" s="14" t="s">
        <v>1</v>
      </c>
      <c r="C75428" s="14" t="s">
        <v>200</v>
      </c>
      <c r="D75428" s="14" t="s">
        <v>387</v>
      </c>
      <c r="E75428" s="15">
        <v>45614</v>
      </c>
      <c r="F75428" s="14" t="s">
        <v>53</v>
      </c>
      <c r="G75428" s="16">
        <v>1.5128750898987966</v>
      </c>
    </row>
    <row r="75429" spans="1:7" x14ac:dyDescent="0.3">
      <c r="A75429" s="13" t="s">
        <v>386</v>
      </c>
      <c r="B75429" s="14" t="s">
        <v>1</v>
      </c>
      <c r="C75429" s="14" t="s">
        <v>200</v>
      </c>
      <c r="D75429" s="14" t="s">
        <v>387</v>
      </c>
      <c r="E75429" s="15">
        <v>45615</v>
      </c>
      <c r="F75429" s="14" t="s">
        <v>53</v>
      </c>
      <c r="G75429" s="16">
        <v>1.5304772730568301</v>
      </c>
    </row>
    <row r="75430" spans="1:7" x14ac:dyDescent="0.3">
      <c r="A75430" s="13" t="s">
        <v>386</v>
      </c>
      <c r="B75430" s="14" t="s">
        <v>1</v>
      </c>
      <c r="C75430" s="14" t="s">
        <v>200</v>
      </c>
      <c r="D75430" s="14" t="s">
        <v>387</v>
      </c>
      <c r="E75430" s="15">
        <v>45616</v>
      </c>
      <c r="F75430" s="14" t="s">
        <v>53</v>
      </c>
      <c r="G75430" s="16">
        <v>1.5422814003336018</v>
      </c>
    </row>
    <row r="75431" spans="1:7" x14ac:dyDescent="0.3">
      <c r="A75431" s="13" t="s">
        <v>386</v>
      </c>
      <c r="B75431" s="14" t="s">
        <v>1</v>
      </c>
      <c r="C75431" s="14" t="s">
        <v>200</v>
      </c>
      <c r="D75431" s="14" t="s">
        <v>387</v>
      </c>
      <c r="E75431" s="15">
        <v>45617</v>
      </c>
      <c r="F75431" s="14" t="s">
        <v>53</v>
      </c>
      <c r="G75431" s="16">
        <v>1.5559045623642376</v>
      </c>
    </row>
    <row r="75432" spans="1:7" x14ac:dyDescent="0.3">
      <c r="A75432" s="13" t="s">
        <v>386</v>
      </c>
      <c r="B75432" s="14" t="s">
        <v>1</v>
      </c>
      <c r="C75432" s="14" t="s">
        <v>200</v>
      </c>
      <c r="D75432" s="14" t="s">
        <v>387</v>
      </c>
      <c r="E75432" s="15">
        <v>45618</v>
      </c>
      <c r="F75432" s="14" t="s">
        <v>53</v>
      </c>
      <c r="G75432" s="16">
        <v>1.5719475428480967</v>
      </c>
    </row>
    <row r="75433" spans="1:7" x14ac:dyDescent="0.3">
      <c r="A75433" s="13" t="s">
        <v>386</v>
      </c>
      <c r="B75433" s="14" t="s">
        <v>1</v>
      </c>
      <c r="C75433" s="14" t="s">
        <v>200</v>
      </c>
      <c r="D75433" s="14" t="s">
        <v>387</v>
      </c>
      <c r="E75433" s="15">
        <v>45619</v>
      </c>
      <c r="F75433" s="14" t="s">
        <v>53</v>
      </c>
      <c r="G75433" s="16">
        <v>1.5719475428480967</v>
      </c>
    </row>
    <row r="75434" spans="1:7" x14ac:dyDescent="0.3">
      <c r="A75434" s="13" t="s">
        <v>386</v>
      </c>
      <c r="B75434" s="14" t="s">
        <v>1</v>
      </c>
      <c r="C75434" s="14" t="s">
        <v>200</v>
      </c>
      <c r="D75434" s="14" t="s">
        <v>387</v>
      </c>
      <c r="E75434" s="15">
        <v>45620</v>
      </c>
      <c r="F75434" s="14" t="s">
        <v>53</v>
      </c>
      <c r="G75434" s="16">
        <v>1.5719475428480967</v>
      </c>
    </row>
    <row r="75435" spans="1:7" x14ac:dyDescent="0.3">
      <c r="A75435" s="13" t="s">
        <v>386</v>
      </c>
      <c r="B75435" s="14" t="s">
        <v>1</v>
      </c>
      <c r="C75435" s="14" t="s">
        <v>200</v>
      </c>
      <c r="D75435" s="14" t="s">
        <v>387</v>
      </c>
      <c r="E75435" s="15">
        <v>45621</v>
      </c>
      <c r="F75435" s="14" t="s">
        <v>53</v>
      </c>
      <c r="G75435" s="16">
        <v>1.5718000176184006</v>
      </c>
    </row>
    <row r="75436" spans="1:7" x14ac:dyDescent="0.3">
      <c r="A75436" s="13" t="s">
        <v>386</v>
      </c>
      <c r="B75436" s="14" t="s">
        <v>1</v>
      </c>
      <c r="C75436" s="14" t="s">
        <v>200</v>
      </c>
      <c r="D75436" s="14" t="s">
        <v>387</v>
      </c>
      <c r="E75436" s="15">
        <v>45622</v>
      </c>
      <c r="F75436" s="14" t="s">
        <v>53</v>
      </c>
      <c r="G75436" s="16">
        <v>1.5925006072610253</v>
      </c>
    </row>
    <row r="75437" spans="1:7" x14ac:dyDescent="0.3">
      <c r="A75437" s="13" t="s">
        <v>386</v>
      </c>
      <c r="B75437" s="14" t="s">
        <v>1</v>
      </c>
      <c r="C75437" s="14" t="s">
        <v>200</v>
      </c>
      <c r="D75437" s="14" t="s">
        <v>387</v>
      </c>
      <c r="E75437" s="15">
        <v>45623</v>
      </c>
      <c r="F75437" s="14" t="s">
        <v>53</v>
      </c>
      <c r="G75437" s="16">
        <v>1.5845736152255805</v>
      </c>
    </row>
    <row r="75438" spans="1:7" x14ac:dyDescent="0.3">
      <c r="A75438" s="13" t="s">
        <v>386</v>
      </c>
      <c r="B75438" s="14" t="s">
        <v>1</v>
      </c>
      <c r="C75438" s="14" t="s">
        <v>200</v>
      </c>
      <c r="D75438" s="14" t="s">
        <v>387</v>
      </c>
      <c r="E75438" s="15">
        <v>45624</v>
      </c>
      <c r="F75438" s="14" t="s">
        <v>53</v>
      </c>
      <c r="G75438" s="16">
        <v>1.5845736152255805</v>
      </c>
    </row>
    <row r="75439" spans="1:7" x14ac:dyDescent="0.3">
      <c r="A75439" s="13" t="s">
        <v>386</v>
      </c>
      <c r="B75439" s="14" t="s">
        <v>1</v>
      </c>
      <c r="C75439" s="14" t="s">
        <v>200</v>
      </c>
      <c r="D75439" s="14" t="s">
        <v>387</v>
      </c>
      <c r="E75439" s="15">
        <v>45625</v>
      </c>
      <c r="F75439" s="14" t="s">
        <v>53</v>
      </c>
      <c r="G75439" s="16">
        <v>1.5851185457886829</v>
      </c>
    </row>
    <row r="75440" spans="1:7" x14ac:dyDescent="0.3">
      <c r="A75440" s="13" t="s">
        <v>386</v>
      </c>
      <c r="B75440" s="14" t="s">
        <v>1</v>
      </c>
      <c r="C75440" s="14" t="s">
        <v>200</v>
      </c>
      <c r="D75440" s="14" t="s">
        <v>387</v>
      </c>
      <c r="E75440" s="15">
        <v>45626</v>
      </c>
      <c r="F75440" s="14" t="s">
        <v>53</v>
      </c>
      <c r="G75440" s="16">
        <v>1.5851185457886829</v>
      </c>
    </row>
    <row r="75441" spans="1:7" x14ac:dyDescent="0.3">
      <c r="A75441" s="13" t="s">
        <v>386</v>
      </c>
      <c r="B75441" s="14" t="s">
        <v>1</v>
      </c>
      <c r="C75441" s="14" t="s">
        <v>200</v>
      </c>
      <c r="D75441" s="14" t="s">
        <v>387</v>
      </c>
      <c r="E75441" s="15">
        <v>45627</v>
      </c>
      <c r="F75441" s="14" t="s">
        <v>53</v>
      </c>
      <c r="G75441" s="16">
        <v>1.5851185457886829</v>
      </c>
    </row>
    <row r="75442" spans="1:7" x14ac:dyDescent="0.3">
      <c r="A75442" s="13" t="s">
        <v>386</v>
      </c>
      <c r="B75442" s="14" t="s">
        <v>1</v>
      </c>
      <c r="C75442" s="14" t="s">
        <v>200</v>
      </c>
      <c r="D75442" s="14" t="s">
        <v>387</v>
      </c>
      <c r="E75442" s="15">
        <v>45628</v>
      </c>
      <c r="F75442" s="14" t="s">
        <v>53</v>
      </c>
      <c r="G75442" s="16">
        <v>1.608465673304589</v>
      </c>
    </row>
    <row r="75443" spans="1:7" x14ac:dyDescent="0.3">
      <c r="A75443" s="13" t="s">
        <v>386</v>
      </c>
      <c r="B75443" s="14" t="s">
        <v>1</v>
      </c>
      <c r="C75443" s="14" t="s">
        <v>200</v>
      </c>
      <c r="D75443" s="14" t="s">
        <v>387</v>
      </c>
      <c r="E75443" s="15">
        <v>45629</v>
      </c>
      <c r="F75443" s="14" t="s">
        <v>53</v>
      </c>
      <c r="G75443" s="16">
        <v>1.6244854561740876</v>
      </c>
    </row>
    <row r="75444" spans="1:7" x14ac:dyDescent="0.3">
      <c r="A75444" s="13" t="s">
        <v>386</v>
      </c>
      <c r="B75444" s="14" t="s">
        <v>1</v>
      </c>
      <c r="C75444" s="14" t="s">
        <v>200</v>
      </c>
      <c r="D75444" s="14" t="s">
        <v>387</v>
      </c>
      <c r="E75444" s="15">
        <v>45630</v>
      </c>
      <c r="F75444" s="14" t="s">
        <v>53</v>
      </c>
      <c r="G75444" s="16">
        <v>1.6256712403686362</v>
      </c>
    </row>
    <row r="75445" spans="1:7" x14ac:dyDescent="0.3">
      <c r="A75445" s="13" t="s">
        <v>386</v>
      </c>
      <c r="B75445" s="14" t="s">
        <v>1</v>
      </c>
      <c r="C75445" s="14" t="s">
        <v>200</v>
      </c>
      <c r="D75445" s="14" t="s">
        <v>387</v>
      </c>
      <c r="E75445" s="15">
        <v>45631</v>
      </c>
      <c r="F75445" s="14" t="s">
        <v>53</v>
      </c>
      <c r="G75445" s="16">
        <v>1.622576445351231</v>
      </c>
    </row>
    <row r="75446" spans="1:7" x14ac:dyDescent="0.3">
      <c r="A75446" s="13" t="s">
        <v>386</v>
      </c>
      <c r="B75446" s="14" t="s">
        <v>1</v>
      </c>
      <c r="C75446" s="14" t="s">
        <v>200</v>
      </c>
      <c r="D75446" s="14" t="s">
        <v>387</v>
      </c>
      <c r="E75446" s="15">
        <v>45632</v>
      </c>
      <c r="F75446" s="14" t="s">
        <v>53</v>
      </c>
      <c r="G75446" s="16">
        <v>1.6309087747161779</v>
      </c>
    </row>
    <row r="75447" spans="1:7" x14ac:dyDescent="0.3">
      <c r="A75447" s="13" t="s">
        <v>386</v>
      </c>
      <c r="B75447" s="14" t="s">
        <v>1</v>
      </c>
      <c r="C75447" s="14" t="s">
        <v>200</v>
      </c>
      <c r="D75447" s="14" t="s">
        <v>387</v>
      </c>
      <c r="E75447" s="15">
        <v>45633</v>
      </c>
      <c r="F75447" s="14" t="s">
        <v>53</v>
      </c>
      <c r="G75447" s="16">
        <v>1.6309087747161779</v>
      </c>
    </row>
    <row r="75448" spans="1:7" x14ac:dyDescent="0.3">
      <c r="A75448" s="13" t="s">
        <v>386</v>
      </c>
      <c r="B75448" s="14" t="s">
        <v>1</v>
      </c>
      <c r="C75448" s="14" t="s">
        <v>200</v>
      </c>
      <c r="D75448" s="14" t="s">
        <v>387</v>
      </c>
      <c r="E75448" s="15">
        <v>45634</v>
      </c>
      <c r="F75448" s="14" t="s">
        <v>53</v>
      </c>
      <c r="G75448" s="16">
        <v>1.6309087747161779</v>
      </c>
    </row>
    <row r="75449" spans="1:7" x14ac:dyDescent="0.3">
      <c r="A75449" s="13" t="s">
        <v>386</v>
      </c>
      <c r="B75449" s="14" t="s">
        <v>1</v>
      </c>
      <c r="C75449" s="14" t="s">
        <v>200</v>
      </c>
      <c r="D75449" s="14" t="s">
        <v>387</v>
      </c>
      <c r="E75449" s="15">
        <v>45635</v>
      </c>
      <c r="F75449" s="14" t="s">
        <v>53</v>
      </c>
      <c r="G75449" s="16">
        <v>1.6362721001862202</v>
      </c>
    </row>
    <row r="75450" spans="1:7" x14ac:dyDescent="0.3">
      <c r="A75450" s="13" t="s">
        <v>386</v>
      </c>
      <c r="B75450" s="14" t="s">
        <v>1</v>
      </c>
      <c r="C75450" s="14" t="s">
        <v>200</v>
      </c>
      <c r="D75450" s="14" t="s">
        <v>387</v>
      </c>
      <c r="E75450" s="15">
        <v>45636</v>
      </c>
      <c r="F75450" s="14" t="s">
        <v>53</v>
      </c>
      <c r="G75450" s="16">
        <v>1.6545899897145064</v>
      </c>
    </row>
    <row r="75451" spans="1:7" x14ac:dyDescent="0.3">
      <c r="A75451" s="13" t="s">
        <v>386</v>
      </c>
      <c r="B75451" s="14" t="s">
        <v>1</v>
      </c>
      <c r="C75451" s="14" t="s">
        <v>200</v>
      </c>
      <c r="D75451" s="14" t="s">
        <v>387</v>
      </c>
      <c r="E75451" s="15">
        <v>45637</v>
      </c>
      <c r="F75451" s="14" t="s">
        <v>53</v>
      </c>
      <c r="G75451" s="16">
        <v>1.6635194871786523</v>
      </c>
    </row>
    <row r="75452" spans="1:7" x14ac:dyDescent="0.3">
      <c r="A75452" s="13" t="s">
        <v>386</v>
      </c>
      <c r="B75452" s="14" t="s">
        <v>1</v>
      </c>
      <c r="C75452" s="14" t="s">
        <v>200</v>
      </c>
      <c r="D75452" s="14" t="s">
        <v>387</v>
      </c>
      <c r="E75452" s="15">
        <v>45638</v>
      </c>
      <c r="F75452" s="14" t="s">
        <v>53</v>
      </c>
      <c r="G75452" s="16">
        <v>1.6795343733096542</v>
      </c>
    </row>
    <row r="75453" spans="1:7" x14ac:dyDescent="0.3">
      <c r="A75453" s="13" t="s">
        <v>386</v>
      </c>
      <c r="B75453" s="14" t="s">
        <v>1</v>
      </c>
      <c r="C75453" s="14" t="s">
        <v>200</v>
      </c>
      <c r="D75453" s="14" t="s">
        <v>387</v>
      </c>
      <c r="E75453" s="15">
        <v>45639</v>
      </c>
      <c r="F75453" s="14" t="s">
        <v>53</v>
      </c>
      <c r="G75453" s="16">
        <v>1.694604065284318</v>
      </c>
    </row>
    <row r="75454" spans="1:7" x14ac:dyDescent="0.3">
      <c r="A75454" s="13" t="s">
        <v>386</v>
      </c>
      <c r="B75454" s="14" t="s">
        <v>1</v>
      </c>
      <c r="C75454" s="14" t="s">
        <v>200</v>
      </c>
      <c r="D75454" s="14" t="s">
        <v>387</v>
      </c>
      <c r="E75454" s="15">
        <v>45640</v>
      </c>
      <c r="F75454" s="14" t="s">
        <v>53</v>
      </c>
      <c r="G75454" s="16">
        <v>1.694604065284318</v>
      </c>
    </row>
    <row r="75455" spans="1:7" x14ac:dyDescent="0.3">
      <c r="A75455" s="13" t="s">
        <v>386</v>
      </c>
      <c r="B75455" s="14" t="s">
        <v>1</v>
      </c>
      <c r="C75455" s="14" t="s">
        <v>200</v>
      </c>
      <c r="D75455" s="14" t="s">
        <v>387</v>
      </c>
      <c r="E75455" s="15">
        <v>45641</v>
      </c>
      <c r="F75455" s="14" t="s">
        <v>53</v>
      </c>
      <c r="G75455" s="16">
        <v>1.694604065284318</v>
      </c>
    </row>
    <row r="75456" spans="1:7" x14ac:dyDescent="0.3">
      <c r="A75456" s="13" t="s">
        <v>386</v>
      </c>
      <c r="B75456" s="14" t="s">
        <v>1</v>
      </c>
      <c r="C75456" s="14" t="s">
        <v>200</v>
      </c>
      <c r="D75456" s="14" t="s">
        <v>387</v>
      </c>
      <c r="E75456" s="15">
        <v>45642</v>
      </c>
      <c r="F75456" s="14" t="s">
        <v>53</v>
      </c>
      <c r="G75456" s="16">
        <v>1.6929733840057737</v>
      </c>
    </row>
    <row r="75457" spans="1:7" x14ac:dyDescent="0.3">
      <c r="A75457" s="13" t="s">
        <v>386</v>
      </c>
      <c r="B75457" s="14" t="s">
        <v>1</v>
      </c>
      <c r="C75457" s="14" t="s">
        <v>200</v>
      </c>
      <c r="D75457" s="14" t="s">
        <v>387</v>
      </c>
      <c r="E75457" s="15">
        <v>45643</v>
      </c>
      <c r="F75457" s="14" t="s">
        <v>53</v>
      </c>
      <c r="G75457" s="16">
        <v>1.7073846065143075</v>
      </c>
    </row>
    <row r="75458" spans="1:7" x14ac:dyDescent="0.3">
      <c r="A75458" s="13" t="s">
        <v>386</v>
      </c>
      <c r="B75458" s="14" t="s">
        <v>1</v>
      </c>
      <c r="C75458" s="14" t="s">
        <v>200</v>
      </c>
      <c r="D75458" s="14" t="s">
        <v>387</v>
      </c>
      <c r="E75458" s="15">
        <v>45644</v>
      </c>
      <c r="F75458" s="14" t="s">
        <v>53</v>
      </c>
      <c r="G75458" s="16">
        <v>1.7324116675940093</v>
      </c>
    </row>
    <row r="75459" spans="1:7" x14ac:dyDescent="0.3">
      <c r="A75459" s="13" t="s">
        <v>386</v>
      </c>
      <c r="B75459" s="14" t="s">
        <v>1</v>
      </c>
      <c r="C75459" s="14" t="s">
        <v>200</v>
      </c>
      <c r="D75459" s="14" t="s">
        <v>387</v>
      </c>
      <c r="E75459" s="15">
        <v>45645</v>
      </c>
      <c r="F75459" s="14" t="s">
        <v>53</v>
      </c>
      <c r="G75459" s="16">
        <v>1.7502171685262073</v>
      </c>
    </row>
    <row r="75460" spans="1:7" x14ac:dyDescent="0.3">
      <c r="A75460" s="13" t="s">
        <v>386</v>
      </c>
      <c r="B75460" s="14" t="s">
        <v>1</v>
      </c>
      <c r="C75460" s="14" t="s">
        <v>200</v>
      </c>
      <c r="D75460" s="14" t="s">
        <v>387</v>
      </c>
      <c r="E75460" s="15">
        <v>45646</v>
      </c>
      <c r="F75460" s="14" t="s">
        <v>53</v>
      </c>
      <c r="G75460" s="16">
        <v>1.7504931511620123</v>
      </c>
    </row>
    <row r="75461" spans="1:7" x14ac:dyDescent="0.3">
      <c r="A75461" s="13" t="s">
        <v>386</v>
      </c>
      <c r="B75461" s="14" t="s">
        <v>1</v>
      </c>
      <c r="C75461" s="14" t="s">
        <v>200</v>
      </c>
      <c r="D75461" s="14" t="s">
        <v>387</v>
      </c>
      <c r="E75461" s="15">
        <v>45647</v>
      </c>
      <c r="F75461" s="14" t="s">
        <v>53</v>
      </c>
      <c r="G75461" s="16">
        <v>1.7504931511620123</v>
      </c>
    </row>
    <row r="75462" spans="1:7" x14ac:dyDescent="0.3">
      <c r="A75462" s="13" t="s">
        <v>386</v>
      </c>
      <c r="B75462" s="14" t="s">
        <v>1</v>
      </c>
      <c r="C75462" s="14" t="s">
        <v>200</v>
      </c>
      <c r="D75462" s="14" t="s">
        <v>387</v>
      </c>
      <c r="E75462" s="15">
        <v>45648</v>
      </c>
      <c r="F75462" s="14" t="s">
        <v>53</v>
      </c>
      <c r="G75462" s="16">
        <v>1.7504931511620123</v>
      </c>
    </row>
    <row r="75463" spans="1:7" x14ac:dyDescent="0.3">
      <c r="A75463" s="13" t="s">
        <v>386</v>
      </c>
      <c r="B75463" s="14" t="s">
        <v>1</v>
      </c>
      <c r="C75463" s="14" t="s">
        <v>200</v>
      </c>
      <c r="D75463" s="14" t="s">
        <v>387</v>
      </c>
      <c r="E75463" s="15">
        <v>45649</v>
      </c>
      <c r="F75463" s="14" t="s">
        <v>53</v>
      </c>
      <c r="G75463" s="16">
        <v>1.7623049283305801</v>
      </c>
    </row>
    <row r="75464" spans="1:7" x14ac:dyDescent="0.3">
      <c r="A75464" s="13" t="s">
        <v>386</v>
      </c>
      <c r="B75464" s="14" t="s">
        <v>1</v>
      </c>
      <c r="C75464" s="14" t="s">
        <v>200</v>
      </c>
      <c r="D75464" s="14" t="s">
        <v>387</v>
      </c>
      <c r="E75464" s="15">
        <v>45650</v>
      </c>
      <c r="F75464" s="14" t="s">
        <v>53</v>
      </c>
      <c r="G75464" s="16">
        <v>1.7794230701175229</v>
      </c>
    </row>
    <row r="75465" spans="1:7" x14ac:dyDescent="0.3">
      <c r="A75465" s="13" t="s">
        <v>386</v>
      </c>
      <c r="B75465" s="14" t="s">
        <v>1</v>
      </c>
      <c r="C75465" s="14" t="s">
        <v>200</v>
      </c>
      <c r="D75465" s="14" t="s">
        <v>387</v>
      </c>
      <c r="E75465" s="15">
        <v>45651</v>
      </c>
      <c r="F75465" s="14" t="s">
        <v>53</v>
      </c>
      <c r="G75465" s="16">
        <v>1.7794230701175229</v>
      </c>
    </row>
    <row r="75466" spans="1:7" x14ac:dyDescent="0.3">
      <c r="A75466" s="13" t="s">
        <v>386</v>
      </c>
      <c r="B75466" s="14" t="s">
        <v>1</v>
      </c>
      <c r="C75466" s="14" t="s">
        <v>200</v>
      </c>
      <c r="D75466" s="14" t="s">
        <v>387</v>
      </c>
      <c r="E75466" s="15">
        <v>45652</v>
      </c>
      <c r="F75466" s="14" t="s">
        <v>53</v>
      </c>
      <c r="G75466" s="16">
        <v>1.7794230701175229</v>
      </c>
    </row>
    <row r="75467" spans="1:7" x14ac:dyDescent="0.3">
      <c r="A75467" s="13" t="s">
        <v>386</v>
      </c>
      <c r="B75467" s="14" t="s">
        <v>1</v>
      </c>
      <c r="C75467" s="14" t="s">
        <v>200</v>
      </c>
      <c r="D75467" s="14" t="s">
        <v>387</v>
      </c>
      <c r="E75467" s="15">
        <v>45653</v>
      </c>
      <c r="F75467" s="14" t="s">
        <v>53</v>
      </c>
      <c r="G75467" s="16">
        <v>1.7794230701175229</v>
      </c>
    </row>
    <row r="75468" spans="1:7" x14ac:dyDescent="0.3">
      <c r="A75468" s="13" t="s">
        <v>386</v>
      </c>
      <c r="B75468" s="14" t="s">
        <v>1</v>
      </c>
      <c r="C75468" s="14" t="s">
        <v>200</v>
      </c>
      <c r="D75468" s="14" t="s">
        <v>387</v>
      </c>
      <c r="E75468" s="15">
        <v>45654</v>
      </c>
      <c r="F75468" s="14" t="s">
        <v>53</v>
      </c>
      <c r="G75468" s="16">
        <v>1.7794230701175229</v>
      </c>
    </row>
    <row r="75469" spans="1:7" x14ac:dyDescent="0.3">
      <c r="A75469" s="13" t="s">
        <v>386</v>
      </c>
      <c r="B75469" s="14" t="s">
        <v>1</v>
      </c>
      <c r="C75469" s="14" t="s">
        <v>200</v>
      </c>
      <c r="D75469" s="14" t="s">
        <v>387</v>
      </c>
      <c r="E75469" s="15">
        <v>45655</v>
      </c>
      <c r="F75469" s="14" t="s">
        <v>53</v>
      </c>
      <c r="G75469" s="16">
        <v>1.7794230701175229</v>
      </c>
    </row>
    <row r="75470" spans="1:7" x14ac:dyDescent="0.3">
      <c r="A75470" s="13" t="s">
        <v>386</v>
      </c>
      <c r="B75470" s="14" t="s">
        <v>1</v>
      </c>
      <c r="C75470" s="14" t="s">
        <v>200</v>
      </c>
      <c r="D75470" s="14" t="s">
        <v>387</v>
      </c>
      <c r="E75470" s="15">
        <v>45656</v>
      </c>
      <c r="F75470" s="14" t="s">
        <v>53</v>
      </c>
      <c r="G75470" s="16">
        <v>1.7852689077237054</v>
      </c>
    </row>
    <row r="75471" spans="1:7" x14ac:dyDescent="0.3">
      <c r="A75471" s="13" t="s">
        <v>386</v>
      </c>
      <c r="B75471" s="14" t="s">
        <v>1</v>
      </c>
      <c r="C75471" s="14" t="s">
        <v>200</v>
      </c>
      <c r="D75471" s="14" t="s">
        <v>387</v>
      </c>
      <c r="E75471" s="15">
        <v>45657</v>
      </c>
      <c r="F75471" s="14" t="s">
        <v>53</v>
      </c>
      <c r="G75471" s="16">
        <v>1.8319463260177855</v>
      </c>
    </row>
    <row r="75472" spans="1:7" x14ac:dyDescent="0.3">
      <c r="A75472" s="13" t="s">
        <v>386</v>
      </c>
      <c r="B75472" s="14" t="s">
        <v>1</v>
      </c>
      <c r="C75472" s="14" t="s">
        <v>200</v>
      </c>
      <c r="D75472" s="14" t="s">
        <v>387</v>
      </c>
      <c r="E75472" s="15">
        <v>45658</v>
      </c>
      <c r="F75472" s="14" t="s">
        <v>53</v>
      </c>
      <c r="G75472" s="16">
        <v>1.8319463260177855</v>
      </c>
    </row>
    <row r="75473" spans="1:7" x14ac:dyDescent="0.3">
      <c r="A75473" s="13" t="s">
        <v>386</v>
      </c>
      <c r="B75473" s="14" t="s">
        <v>1</v>
      </c>
      <c r="C75473" s="14" t="s">
        <v>200</v>
      </c>
      <c r="D75473" s="14" t="s">
        <v>387</v>
      </c>
      <c r="E75473" s="15">
        <v>45659</v>
      </c>
      <c r="F75473" s="14" t="s">
        <v>53</v>
      </c>
      <c r="G75473" s="16">
        <v>1.8590872397319949</v>
      </c>
    </row>
    <row r="75474" spans="1:7" x14ac:dyDescent="0.3">
      <c r="A75474" s="13" t="s">
        <v>386</v>
      </c>
      <c r="B75474" s="14" t="s">
        <v>1</v>
      </c>
      <c r="C75474" s="14" t="s">
        <v>200</v>
      </c>
      <c r="D75474" s="14" t="s">
        <v>387</v>
      </c>
      <c r="E75474" s="15">
        <v>45660</v>
      </c>
      <c r="F75474" s="14" t="s">
        <v>53</v>
      </c>
      <c r="G75474" s="16">
        <v>1.861874450588874</v>
      </c>
    </row>
    <row r="75475" spans="1:7" x14ac:dyDescent="0.3">
      <c r="A75475" s="13" t="s">
        <v>386</v>
      </c>
      <c r="B75475" s="14" t="s">
        <v>1</v>
      </c>
      <c r="C75475" s="14" t="s">
        <v>200</v>
      </c>
      <c r="D75475" s="14" t="s">
        <v>387</v>
      </c>
      <c r="E75475" s="15">
        <v>45661</v>
      </c>
      <c r="F75475" s="14" t="s">
        <v>53</v>
      </c>
      <c r="G75475" s="16">
        <v>1.861874450588874</v>
      </c>
    </row>
    <row r="75476" spans="1:7" x14ac:dyDescent="0.3">
      <c r="A75476" s="13" t="s">
        <v>386</v>
      </c>
      <c r="B75476" s="14" t="s">
        <v>1</v>
      </c>
      <c r="C75476" s="14" t="s">
        <v>200</v>
      </c>
      <c r="D75476" s="14" t="s">
        <v>387</v>
      </c>
      <c r="E75476" s="15">
        <v>45662</v>
      </c>
      <c r="F75476" s="14" t="s">
        <v>53</v>
      </c>
      <c r="G75476" s="16">
        <v>1.861874450588874</v>
      </c>
    </row>
    <row r="75477" spans="1:7" x14ac:dyDescent="0.3">
      <c r="A75477" s="13" t="s">
        <v>386</v>
      </c>
      <c r="B75477" s="14" t="s">
        <v>1</v>
      </c>
      <c r="C75477" s="14" t="s">
        <v>200</v>
      </c>
      <c r="D75477" s="14" t="s">
        <v>387</v>
      </c>
      <c r="E75477" s="15">
        <v>45663</v>
      </c>
      <c r="F75477" s="14" t="s">
        <v>53</v>
      </c>
      <c r="G75477" s="16">
        <v>1.8532201793245087</v>
      </c>
    </row>
    <row r="75478" spans="1:7" x14ac:dyDescent="0.3">
      <c r="A75478" s="13" t="s">
        <v>386</v>
      </c>
      <c r="B75478" s="14" t="s">
        <v>1</v>
      </c>
      <c r="C75478" s="14" t="s">
        <v>200</v>
      </c>
      <c r="D75478" s="14" t="s">
        <v>387</v>
      </c>
      <c r="E75478" s="15">
        <v>45664</v>
      </c>
      <c r="F75478" s="14" t="s">
        <v>53</v>
      </c>
      <c r="G75478" s="16">
        <v>1.8800924851666936</v>
      </c>
    </row>
    <row r="75479" spans="1:7" x14ac:dyDescent="0.3">
      <c r="A75479" s="13" t="s">
        <v>386</v>
      </c>
      <c r="B75479" s="14" t="s">
        <v>1</v>
      </c>
      <c r="C75479" s="14" t="s">
        <v>200</v>
      </c>
      <c r="D75479" s="14" t="s">
        <v>387</v>
      </c>
      <c r="E75479" s="15">
        <v>45665</v>
      </c>
      <c r="F75479" s="14" t="s">
        <v>53</v>
      </c>
      <c r="G75479" s="16">
        <v>1.9040932924634337</v>
      </c>
    </row>
    <row r="75480" spans="1:7" x14ac:dyDescent="0.3">
      <c r="A75480" s="13" t="s">
        <v>386</v>
      </c>
      <c r="B75480" s="14" t="s">
        <v>1</v>
      </c>
      <c r="C75480" s="14" t="s">
        <v>200</v>
      </c>
      <c r="D75480" s="14" t="s">
        <v>387</v>
      </c>
      <c r="E75480" s="15">
        <v>45666</v>
      </c>
      <c r="F75480" s="14" t="s">
        <v>53</v>
      </c>
      <c r="G75480" s="16">
        <v>1.9040932924634337</v>
      </c>
    </row>
    <row r="75481" spans="1:7" x14ac:dyDescent="0.3">
      <c r="A75481" s="13" t="s">
        <v>386</v>
      </c>
      <c r="B75481" s="14" t="s">
        <v>1</v>
      </c>
      <c r="C75481" s="14" t="s">
        <v>200</v>
      </c>
      <c r="D75481" s="14" t="s">
        <v>387</v>
      </c>
      <c r="E75481" s="15">
        <v>45667</v>
      </c>
      <c r="F75481" s="14" t="s">
        <v>53</v>
      </c>
      <c r="G75481" s="16">
        <v>1.9396910865734265</v>
      </c>
    </row>
    <row r="75482" spans="1:7" x14ac:dyDescent="0.3">
      <c r="A75482" s="13" t="s">
        <v>386</v>
      </c>
      <c r="B75482" s="14" t="s">
        <v>1</v>
      </c>
      <c r="C75482" s="14" t="s">
        <v>200</v>
      </c>
      <c r="D75482" s="14" t="s">
        <v>387</v>
      </c>
      <c r="E75482" s="15">
        <v>45668</v>
      </c>
      <c r="F75482" s="14" t="s">
        <v>53</v>
      </c>
      <c r="G75482" s="16">
        <v>1.9396910865734265</v>
      </c>
    </row>
    <row r="75483" spans="1:7" x14ac:dyDescent="0.3">
      <c r="A75483" s="13" t="s">
        <v>386</v>
      </c>
      <c r="B75483" s="14" t="s">
        <v>1</v>
      </c>
      <c r="C75483" s="14" t="s">
        <v>200</v>
      </c>
      <c r="D75483" s="14" t="s">
        <v>387</v>
      </c>
      <c r="E75483" s="15">
        <v>45669</v>
      </c>
      <c r="F75483" s="14" t="s">
        <v>53</v>
      </c>
      <c r="G75483" s="16">
        <v>1.9396910865734265</v>
      </c>
    </row>
    <row r="75484" spans="1:7" x14ac:dyDescent="0.3">
      <c r="A75484" s="13" t="s">
        <v>386</v>
      </c>
      <c r="B75484" s="14" t="s">
        <v>1</v>
      </c>
      <c r="C75484" s="14" t="s">
        <v>200</v>
      </c>
      <c r="D75484" s="14" t="s">
        <v>387</v>
      </c>
      <c r="E75484" s="15">
        <v>45670</v>
      </c>
      <c r="F75484" s="14" t="s">
        <v>53</v>
      </c>
      <c r="G75484" s="16">
        <v>1.9524186226982296</v>
      </c>
    </row>
    <row r="75485" spans="1:7" x14ac:dyDescent="0.3">
      <c r="A75485" s="13" t="s">
        <v>386</v>
      </c>
      <c r="B75485" s="14" t="s">
        <v>1</v>
      </c>
      <c r="C75485" s="14" t="s">
        <v>200</v>
      </c>
      <c r="D75485" s="14" t="s">
        <v>387</v>
      </c>
      <c r="E75485" s="15">
        <v>45671</v>
      </c>
      <c r="F75485" s="14" t="s">
        <v>53</v>
      </c>
      <c r="G75485" s="16">
        <v>1.9673039748926742</v>
      </c>
    </row>
    <row r="75486" spans="1:7" x14ac:dyDescent="0.3">
      <c r="A75486" s="13" t="s">
        <v>386</v>
      </c>
      <c r="B75486" s="14" t="s">
        <v>1</v>
      </c>
      <c r="C75486" s="14" t="s">
        <v>200</v>
      </c>
      <c r="D75486" s="14" t="s">
        <v>387</v>
      </c>
      <c r="E75486" s="15">
        <v>45672</v>
      </c>
      <c r="F75486" s="14" t="s">
        <v>53</v>
      </c>
      <c r="G75486" s="16">
        <v>1.9684712359306282</v>
      </c>
    </row>
    <row r="75487" spans="1:7" x14ac:dyDescent="0.3">
      <c r="A75487" s="13" t="s">
        <v>386</v>
      </c>
      <c r="B75487" s="14" t="s">
        <v>1</v>
      </c>
      <c r="C75487" s="14" t="s">
        <v>200</v>
      </c>
      <c r="D75487" s="14" t="s">
        <v>387</v>
      </c>
      <c r="E75487" s="15">
        <v>45673</v>
      </c>
      <c r="F75487" s="14" t="s">
        <v>53</v>
      </c>
      <c r="G75487" s="16">
        <v>1.9740811446998172</v>
      </c>
    </row>
    <row r="75488" spans="1:7" x14ac:dyDescent="0.3">
      <c r="A75488" s="13" t="s">
        <v>386</v>
      </c>
      <c r="B75488" s="14" t="s">
        <v>1</v>
      </c>
      <c r="C75488" s="14" t="s">
        <v>200</v>
      </c>
      <c r="D75488" s="14" t="s">
        <v>387</v>
      </c>
      <c r="E75488" s="15">
        <v>45674</v>
      </c>
      <c r="F75488" s="14" t="s">
        <v>53</v>
      </c>
      <c r="G75488" s="16">
        <v>1.9912927600837793</v>
      </c>
    </row>
    <row r="75489" spans="1:7" x14ac:dyDescent="0.3">
      <c r="A75489" s="13" t="s">
        <v>386</v>
      </c>
      <c r="B75489" s="14" t="s">
        <v>1</v>
      </c>
      <c r="C75489" s="14" t="s">
        <v>200</v>
      </c>
      <c r="D75489" s="14" t="s">
        <v>387</v>
      </c>
      <c r="E75489" s="15">
        <v>45675</v>
      </c>
      <c r="F75489" s="14" t="s">
        <v>53</v>
      </c>
      <c r="G75489" s="16">
        <v>1.9912927600837793</v>
      </c>
    </row>
    <row r="75490" spans="1:7" x14ac:dyDescent="0.3">
      <c r="A75490" s="13" t="s">
        <v>386</v>
      </c>
      <c r="B75490" s="14" t="s">
        <v>1</v>
      </c>
      <c r="C75490" s="14" t="s">
        <v>200</v>
      </c>
      <c r="D75490" s="14" t="s">
        <v>387</v>
      </c>
      <c r="E75490" s="15">
        <v>45676</v>
      </c>
      <c r="F75490" s="14" t="s">
        <v>53</v>
      </c>
      <c r="G75490" s="16">
        <v>1.9912927600837793</v>
      </c>
    </row>
    <row r="75491" spans="1:7" x14ac:dyDescent="0.3">
      <c r="A75491" s="13" t="s">
        <v>386</v>
      </c>
      <c r="B75491" s="14" t="s">
        <v>1</v>
      </c>
      <c r="C75491" s="14" t="s">
        <v>200</v>
      </c>
      <c r="D75491" s="14" t="s">
        <v>387</v>
      </c>
      <c r="E75491" s="15">
        <v>45677</v>
      </c>
      <c r="F75491" s="14" t="s">
        <v>53</v>
      </c>
      <c r="G75491" s="16">
        <v>1.9912927600837793</v>
      </c>
    </row>
    <row r="75492" spans="1:7" x14ac:dyDescent="0.3">
      <c r="A75492" s="13" t="s">
        <v>386</v>
      </c>
      <c r="B75492" s="14" t="s">
        <v>1</v>
      </c>
      <c r="C75492" s="14" t="s">
        <v>200</v>
      </c>
      <c r="D75492" s="14" t="s">
        <v>387</v>
      </c>
      <c r="E75492" s="15">
        <v>45678</v>
      </c>
      <c r="F75492" s="14" t="s">
        <v>53</v>
      </c>
      <c r="G75492" s="16">
        <v>1.9680671134268644</v>
      </c>
    </row>
    <row r="75493" spans="1:7" x14ac:dyDescent="0.3">
      <c r="A75493" s="13" t="s">
        <v>386</v>
      </c>
      <c r="B75493" s="14" t="s">
        <v>1</v>
      </c>
      <c r="C75493" s="14" t="s">
        <v>200</v>
      </c>
      <c r="D75493" s="14" t="s">
        <v>387</v>
      </c>
      <c r="E75493" s="15">
        <v>45679</v>
      </c>
      <c r="F75493" s="14" t="s">
        <v>53</v>
      </c>
      <c r="G75493" s="16">
        <v>1.9958280268166577</v>
      </c>
    </row>
    <row r="75494" spans="1:7" x14ac:dyDescent="0.3">
      <c r="A75494" s="13" t="s">
        <v>386</v>
      </c>
      <c r="B75494" s="14" t="s">
        <v>1</v>
      </c>
      <c r="C75494" s="14" t="s">
        <v>200</v>
      </c>
      <c r="D75494" s="14" t="s">
        <v>387</v>
      </c>
      <c r="E75494" s="15">
        <v>45680</v>
      </c>
      <c r="F75494" s="14" t="s">
        <v>53</v>
      </c>
      <c r="G75494" s="16">
        <v>1.9961531105315082</v>
      </c>
    </row>
    <row r="75495" spans="1:7" x14ac:dyDescent="0.3">
      <c r="A75495" s="13" t="s">
        <v>386</v>
      </c>
      <c r="B75495" s="14" t="s">
        <v>1</v>
      </c>
      <c r="C75495" s="14" t="s">
        <v>200</v>
      </c>
      <c r="D75495" s="14" t="s">
        <v>387</v>
      </c>
      <c r="E75495" s="15">
        <v>45681</v>
      </c>
      <c r="F75495" s="14" t="s">
        <v>53</v>
      </c>
      <c r="G75495" s="16">
        <v>1.9802665101014922</v>
      </c>
    </row>
    <row r="75496" spans="1:7" x14ac:dyDescent="0.3">
      <c r="A75496" s="13" t="s">
        <v>386</v>
      </c>
      <c r="B75496" s="14" t="s">
        <v>1</v>
      </c>
      <c r="C75496" s="14" t="s">
        <v>200</v>
      </c>
      <c r="D75496" s="14" t="s">
        <v>387</v>
      </c>
      <c r="E75496" s="15">
        <v>45682</v>
      </c>
      <c r="F75496" s="14" t="s">
        <v>53</v>
      </c>
      <c r="G75496" s="16">
        <v>1.9802665101014922</v>
      </c>
    </row>
    <row r="75497" spans="1:7" x14ac:dyDescent="0.3">
      <c r="A75497" s="13" t="s">
        <v>386</v>
      </c>
      <c r="B75497" s="14" t="s">
        <v>1</v>
      </c>
      <c r="C75497" s="14" t="s">
        <v>200</v>
      </c>
      <c r="D75497" s="14" t="s">
        <v>387</v>
      </c>
      <c r="E75497" s="15">
        <v>45683</v>
      </c>
      <c r="F75497" s="14" t="s">
        <v>53</v>
      </c>
      <c r="G75497" s="16">
        <v>1.9802665101014922</v>
      </c>
    </row>
    <row r="75498" spans="1:7" x14ac:dyDescent="0.3">
      <c r="A75498" s="13" t="s">
        <v>386</v>
      </c>
      <c r="B75498" s="14" t="s">
        <v>1</v>
      </c>
      <c r="C75498" s="14" t="s">
        <v>200</v>
      </c>
      <c r="D75498" s="14" t="s">
        <v>387</v>
      </c>
      <c r="E75498" s="15">
        <v>45684</v>
      </c>
      <c r="F75498" s="14" t="s">
        <v>53</v>
      </c>
      <c r="G75498" s="16">
        <v>1.9826529490655356</v>
      </c>
    </row>
    <row r="75499" spans="1:7" x14ac:dyDescent="0.3">
      <c r="A75499" s="13" t="s">
        <v>386</v>
      </c>
      <c r="B75499" s="14" t="s">
        <v>1</v>
      </c>
      <c r="C75499" s="14" t="s">
        <v>200</v>
      </c>
      <c r="D75499" s="14" t="s">
        <v>387</v>
      </c>
      <c r="E75499" s="15">
        <v>45685</v>
      </c>
      <c r="F75499" s="14" t="s">
        <v>53</v>
      </c>
      <c r="G75499" s="16">
        <v>2.0092149537119579</v>
      </c>
    </row>
    <row r="75500" spans="1:7" x14ac:dyDescent="0.3">
      <c r="A75500" s="13" t="s">
        <v>386</v>
      </c>
      <c r="B75500" s="14" t="s">
        <v>1</v>
      </c>
      <c r="C75500" s="14" t="s">
        <v>200</v>
      </c>
      <c r="D75500" s="14" t="s">
        <v>387</v>
      </c>
      <c r="E75500" s="15">
        <v>45686</v>
      </c>
      <c r="F75500" s="14" t="s">
        <v>53</v>
      </c>
      <c r="G75500" s="16">
        <v>2.012986002833379</v>
      </c>
    </row>
    <row r="75501" spans="1:7" x14ac:dyDescent="0.3">
      <c r="A75501" s="13" t="s">
        <v>386</v>
      </c>
      <c r="B75501" s="14" t="s">
        <v>1</v>
      </c>
      <c r="C75501" s="14" t="s">
        <v>200</v>
      </c>
      <c r="D75501" s="14" t="s">
        <v>387</v>
      </c>
      <c r="E75501" s="15">
        <v>45687</v>
      </c>
      <c r="F75501" s="14" t="s">
        <v>53</v>
      </c>
      <c r="G75501" s="16">
        <v>2.0229172635010526</v>
      </c>
    </row>
    <row r="75502" spans="1:7" x14ac:dyDescent="0.3">
      <c r="A75502" s="13" t="s">
        <v>386</v>
      </c>
      <c r="B75502" s="14" t="s">
        <v>1</v>
      </c>
      <c r="C75502" s="14" t="s">
        <v>200</v>
      </c>
      <c r="D75502" s="14" t="s">
        <v>387</v>
      </c>
      <c r="E75502" s="15">
        <v>45688</v>
      </c>
      <c r="F75502" s="14" t="s">
        <v>53</v>
      </c>
      <c r="G75502" s="16">
        <v>2.0331202255583447</v>
      </c>
    </row>
    <row r="75503" spans="1:7" x14ac:dyDescent="0.3">
      <c r="A75503" s="13" t="s">
        <v>386</v>
      </c>
      <c r="B75503" s="14" t="s">
        <v>1</v>
      </c>
      <c r="C75503" s="14" t="s">
        <v>200</v>
      </c>
      <c r="D75503" s="14" t="s">
        <v>387</v>
      </c>
      <c r="E75503" s="15">
        <v>45689</v>
      </c>
      <c r="F75503" s="14" t="s">
        <v>53</v>
      </c>
      <c r="G75503" s="16">
        <v>2.0331202255583447</v>
      </c>
    </row>
    <row r="75504" spans="1:7" x14ac:dyDescent="0.3">
      <c r="A75504" s="13" t="s">
        <v>386</v>
      </c>
      <c r="B75504" s="14" t="s">
        <v>1</v>
      </c>
      <c r="C75504" s="14" t="s">
        <v>200</v>
      </c>
      <c r="D75504" s="14" t="s">
        <v>387</v>
      </c>
      <c r="E75504" s="15">
        <v>45690</v>
      </c>
      <c r="F75504" s="14" t="s">
        <v>53</v>
      </c>
      <c r="G75504" s="16">
        <v>2.0331202255583447</v>
      </c>
    </row>
    <row r="75505" spans="1:7" x14ac:dyDescent="0.3">
      <c r="A75505" s="13" t="s">
        <v>386</v>
      </c>
      <c r="B75505" s="14" t="s">
        <v>1</v>
      </c>
      <c r="C75505" s="14" t="s">
        <v>200</v>
      </c>
      <c r="D75505" s="14" t="s">
        <v>387</v>
      </c>
      <c r="E75505" s="15">
        <v>45691</v>
      </c>
      <c r="F75505" s="14" t="s">
        <v>53</v>
      </c>
      <c r="G75505" s="16">
        <v>2.0331202255583447</v>
      </c>
    </row>
    <row r="75506" spans="1:7" x14ac:dyDescent="0.3">
      <c r="A75506" s="13" t="s">
        <v>386</v>
      </c>
      <c r="B75506" s="14" t="s">
        <v>1</v>
      </c>
      <c r="C75506" s="14" t="s">
        <v>200</v>
      </c>
      <c r="D75506" s="14" t="s">
        <v>387</v>
      </c>
      <c r="E75506" s="15">
        <v>45692</v>
      </c>
      <c r="F75506" s="14" t="s">
        <v>53</v>
      </c>
      <c r="G75506" s="16">
        <v>2.0253913446014145</v>
      </c>
    </row>
    <row r="75507" spans="1:7" x14ac:dyDescent="0.3">
      <c r="A75507" s="13" t="s">
        <v>386</v>
      </c>
      <c r="B75507" s="14" t="s">
        <v>1</v>
      </c>
      <c r="C75507" s="14" t="s">
        <v>200</v>
      </c>
      <c r="D75507" s="14" t="s">
        <v>387</v>
      </c>
      <c r="E75507" s="15">
        <v>45693</v>
      </c>
      <c r="F75507" s="14" t="s">
        <v>53</v>
      </c>
      <c r="G75507" s="16">
        <v>2.0454499603634471</v>
      </c>
    </row>
    <row r="75508" spans="1:7" x14ac:dyDescent="0.3">
      <c r="A75508" s="13" t="s">
        <v>386</v>
      </c>
      <c r="B75508" s="14" t="s">
        <v>1</v>
      </c>
      <c r="C75508" s="14" t="s">
        <v>200</v>
      </c>
      <c r="D75508" s="14" t="s">
        <v>387</v>
      </c>
      <c r="E75508" s="15">
        <v>45694</v>
      </c>
      <c r="F75508" s="14" t="s">
        <v>53</v>
      </c>
      <c r="G75508" s="16">
        <v>2.0634454216294471</v>
      </c>
    </row>
    <row r="75509" spans="1:7" x14ac:dyDescent="0.3">
      <c r="A75509" s="13" t="s">
        <v>386</v>
      </c>
      <c r="B75509" s="14" t="s">
        <v>1</v>
      </c>
      <c r="C75509" s="14" t="s">
        <v>200</v>
      </c>
      <c r="D75509" s="14" t="s">
        <v>387</v>
      </c>
      <c r="E75509" s="15">
        <v>45695</v>
      </c>
      <c r="F75509" s="14" t="s">
        <v>53</v>
      </c>
      <c r="G75509" s="16">
        <v>2.0738674937201993</v>
      </c>
    </row>
    <row r="75510" spans="1:7" x14ac:dyDescent="0.3">
      <c r="A75510" s="13" t="s">
        <v>386</v>
      </c>
      <c r="B75510" s="14" t="s">
        <v>1</v>
      </c>
      <c r="C75510" s="14" t="s">
        <v>200</v>
      </c>
      <c r="D75510" s="14" t="s">
        <v>387</v>
      </c>
      <c r="E75510" s="15">
        <v>45696</v>
      </c>
      <c r="F75510" s="14" t="s">
        <v>53</v>
      </c>
      <c r="G75510" s="16">
        <v>2.0738674937201993</v>
      </c>
    </row>
    <row r="75511" spans="1:7" x14ac:dyDescent="0.3">
      <c r="A75511" s="13" t="s">
        <v>386</v>
      </c>
      <c r="B75511" s="14" t="s">
        <v>1</v>
      </c>
      <c r="C75511" s="14" t="s">
        <v>200</v>
      </c>
      <c r="D75511" s="14" t="s">
        <v>387</v>
      </c>
      <c r="E75511" s="15">
        <v>45697</v>
      </c>
      <c r="F75511" s="14" t="s">
        <v>53</v>
      </c>
      <c r="G75511" s="16">
        <v>2.0738674937201993</v>
      </c>
    </row>
    <row r="75512" spans="1:7" x14ac:dyDescent="0.3">
      <c r="A75512" s="13" t="s">
        <v>386</v>
      </c>
      <c r="B75512" s="14" t="s">
        <v>1</v>
      </c>
      <c r="C75512" s="14" t="s">
        <v>200</v>
      </c>
      <c r="D75512" s="14" t="s">
        <v>387</v>
      </c>
      <c r="E75512" s="15">
        <v>45698</v>
      </c>
      <c r="F75512" s="14" t="s">
        <v>53</v>
      </c>
      <c r="G75512" s="16">
        <v>2.0867871306386587</v>
      </c>
    </row>
    <row r="75513" spans="1:7" x14ac:dyDescent="0.3">
      <c r="A75513" s="13" t="s">
        <v>386</v>
      </c>
      <c r="B75513" s="14" t="s">
        <v>1</v>
      </c>
      <c r="C75513" s="14" t="s">
        <v>200</v>
      </c>
      <c r="D75513" s="14" t="s">
        <v>387</v>
      </c>
      <c r="E75513" s="15">
        <v>45699</v>
      </c>
      <c r="F75513" s="14" t="s">
        <v>53</v>
      </c>
      <c r="G75513" s="16">
        <v>2.0933661636652077</v>
      </c>
    </row>
    <row r="75514" spans="1:7" x14ac:dyDescent="0.3">
      <c r="A75514" s="13" t="s">
        <v>386</v>
      </c>
      <c r="B75514" s="14" t="s">
        <v>1</v>
      </c>
      <c r="C75514" s="14" t="s">
        <v>200</v>
      </c>
      <c r="D75514" s="14" t="s">
        <v>387</v>
      </c>
      <c r="E75514" s="15">
        <v>45700</v>
      </c>
      <c r="F75514" s="14" t="s">
        <v>53</v>
      </c>
      <c r="G75514" s="16">
        <v>2.1005423385996496</v>
      </c>
    </row>
    <row r="75515" spans="1:7" x14ac:dyDescent="0.3">
      <c r="A75515" s="13" t="s">
        <v>386</v>
      </c>
      <c r="B75515" s="14" t="s">
        <v>1</v>
      </c>
      <c r="C75515" s="14" t="s">
        <v>200</v>
      </c>
      <c r="D75515" s="14" t="s">
        <v>387</v>
      </c>
      <c r="E75515" s="15">
        <v>45701</v>
      </c>
      <c r="F75515" s="14" t="s">
        <v>53</v>
      </c>
      <c r="G75515" s="16">
        <v>2.0880837484056953</v>
      </c>
    </row>
    <row r="75516" spans="1:7" x14ac:dyDescent="0.3">
      <c r="A75516" s="13" t="s">
        <v>386</v>
      </c>
      <c r="B75516" s="14" t="s">
        <v>1</v>
      </c>
      <c r="C75516" s="14" t="s">
        <v>200</v>
      </c>
      <c r="D75516" s="14" t="s">
        <v>387</v>
      </c>
      <c r="E75516" s="15">
        <v>45702</v>
      </c>
      <c r="F75516" s="14" t="s">
        <v>53</v>
      </c>
      <c r="G75516" s="16">
        <v>2.0914588740233695</v>
      </c>
    </row>
    <row r="75517" spans="1:7" x14ac:dyDescent="0.3">
      <c r="A75517" s="13" t="s">
        <v>386</v>
      </c>
      <c r="B75517" s="14" t="s">
        <v>1</v>
      </c>
      <c r="C75517" s="14" t="s">
        <v>200</v>
      </c>
      <c r="D75517" s="14" t="s">
        <v>387</v>
      </c>
      <c r="E75517" s="15">
        <v>45703</v>
      </c>
      <c r="F75517" s="14" t="s">
        <v>53</v>
      </c>
      <c r="G75517" s="16">
        <v>2.0914588740233695</v>
      </c>
    </row>
    <row r="75518" spans="1:7" x14ac:dyDescent="0.3">
      <c r="A75518" s="13" t="s">
        <v>386</v>
      </c>
      <c r="B75518" s="14" t="s">
        <v>1</v>
      </c>
      <c r="C75518" s="14" t="s">
        <v>200</v>
      </c>
      <c r="D75518" s="14" t="s">
        <v>387</v>
      </c>
      <c r="E75518" s="15">
        <v>45704</v>
      </c>
      <c r="F75518" s="14" t="s">
        <v>53</v>
      </c>
      <c r="G75518" s="16">
        <v>2.0914588740233695</v>
      </c>
    </row>
    <row r="75519" spans="1:7" x14ac:dyDescent="0.3">
      <c r="A75519" s="13" t="s">
        <v>386</v>
      </c>
      <c r="B75519" s="14" t="s">
        <v>1</v>
      </c>
      <c r="C75519" s="14" t="s">
        <v>200</v>
      </c>
      <c r="D75519" s="14" t="s">
        <v>387</v>
      </c>
      <c r="E75519" s="15">
        <v>45705</v>
      </c>
      <c r="F75519" s="14" t="s">
        <v>53</v>
      </c>
      <c r="G75519" s="16">
        <v>2.0914588740233695</v>
      </c>
    </row>
    <row r="75520" spans="1:7" x14ac:dyDescent="0.3">
      <c r="A75520" s="13" t="s">
        <v>386</v>
      </c>
      <c r="B75520" s="14" t="s">
        <v>1</v>
      </c>
      <c r="C75520" s="14" t="s">
        <v>200</v>
      </c>
      <c r="D75520" s="14" t="s">
        <v>387</v>
      </c>
      <c r="E75520" s="15">
        <v>45706</v>
      </c>
      <c r="F75520" s="14" t="s">
        <v>53</v>
      </c>
      <c r="G75520" s="16">
        <v>2.0938672791199178</v>
      </c>
    </row>
    <row r="75521" spans="1:7" x14ac:dyDescent="0.3">
      <c r="A75521" s="13" t="s">
        <v>386</v>
      </c>
      <c r="B75521" s="14" t="s">
        <v>1</v>
      </c>
      <c r="C75521" s="14" t="s">
        <v>200</v>
      </c>
      <c r="D75521" s="14" t="s">
        <v>387</v>
      </c>
      <c r="E75521" s="15">
        <v>45707</v>
      </c>
      <c r="F75521" s="14" t="s">
        <v>53</v>
      </c>
      <c r="G75521" s="16">
        <v>2.1228947502997464</v>
      </c>
    </row>
    <row r="75522" spans="1:7" x14ac:dyDescent="0.3">
      <c r="A75522" s="13" t="s">
        <v>386</v>
      </c>
      <c r="B75522" s="14" t="s">
        <v>1</v>
      </c>
      <c r="C75522" s="14" t="s">
        <v>200</v>
      </c>
      <c r="D75522" s="14" t="s">
        <v>387</v>
      </c>
      <c r="E75522" s="15">
        <v>45708</v>
      </c>
      <c r="F75522" s="14" t="s">
        <v>53</v>
      </c>
      <c r="G75522" s="16">
        <v>2.1154507184306381</v>
      </c>
    </row>
    <row r="75523" spans="1:7" x14ac:dyDescent="0.3">
      <c r="A75523" s="13" t="s">
        <v>386</v>
      </c>
      <c r="B75523" s="14" t="s">
        <v>1</v>
      </c>
      <c r="C75523" s="14" t="s">
        <v>200</v>
      </c>
      <c r="D75523" s="14" t="s">
        <v>387</v>
      </c>
      <c r="E75523" s="15">
        <v>45709</v>
      </c>
      <c r="F75523" s="14" t="s">
        <v>53</v>
      </c>
      <c r="G75523" s="16">
        <v>2.1286699807915177</v>
      </c>
    </row>
    <row r="75524" spans="1:7" x14ac:dyDescent="0.3">
      <c r="A75524" s="13" t="s">
        <v>386</v>
      </c>
      <c r="B75524" s="14" t="s">
        <v>1</v>
      </c>
      <c r="C75524" s="14" t="s">
        <v>200</v>
      </c>
      <c r="D75524" s="14" t="s">
        <v>387</v>
      </c>
      <c r="E75524" s="15">
        <v>45710</v>
      </c>
      <c r="F75524" s="14" t="s">
        <v>53</v>
      </c>
      <c r="G75524" s="16">
        <v>2.1286699807915177</v>
      </c>
    </row>
    <row r="75525" spans="1:7" x14ac:dyDescent="0.3">
      <c r="A75525" s="13" t="s">
        <v>386</v>
      </c>
      <c r="B75525" s="14" t="s">
        <v>1</v>
      </c>
      <c r="C75525" s="14" t="s">
        <v>200</v>
      </c>
      <c r="D75525" s="14" t="s">
        <v>387</v>
      </c>
      <c r="E75525" s="15">
        <v>45711</v>
      </c>
      <c r="F75525" s="14" t="s">
        <v>53</v>
      </c>
      <c r="G75525" s="16">
        <v>2.1286699807915177</v>
      </c>
    </row>
    <row r="75526" spans="1:7" x14ac:dyDescent="0.3">
      <c r="A75526" s="13" t="s">
        <v>386</v>
      </c>
      <c r="B75526" s="14" t="s">
        <v>1</v>
      </c>
      <c r="C75526" s="14" t="s">
        <v>200</v>
      </c>
      <c r="D75526" s="14" t="s">
        <v>387</v>
      </c>
      <c r="E75526" s="15">
        <v>45712</v>
      </c>
      <c r="F75526" s="14" t="s">
        <v>53</v>
      </c>
      <c r="G75526" s="16">
        <v>2.1371129475544528</v>
      </c>
    </row>
    <row r="75527" spans="1:7" x14ac:dyDescent="0.3">
      <c r="A75527" s="13" t="s">
        <v>386</v>
      </c>
      <c r="B75527" s="14" t="s">
        <v>1</v>
      </c>
      <c r="C75527" s="14" t="s">
        <v>200</v>
      </c>
      <c r="D75527" s="14" t="s">
        <v>387</v>
      </c>
      <c r="E75527" s="15">
        <v>45713</v>
      </c>
      <c r="F75527" s="14" t="s">
        <v>53</v>
      </c>
      <c r="G75527" s="16">
        <v>2.1489834963977459</v>
      </c>
    </row>
    <row r="75528" spans="1:7" x14ac:dyDescent="0.3">
      <c r="A75528" s="13" t="s">
        <v>386</v>
      </c>
      <c r="B75528" s="14" t="s">
        <v>1</v>
      </c>
      <c r="C75528" s="14" t="s">
        <v>200</v>
      </c>
      <c r="D75528" s="14" t="s">
        <v>387</v>
      </c>
      <c r="E75528" s="15">
        <v>45714</v>
      </c>
      <c r="F75528" s="14" t="s">
        <v>53</v>
      </c>
      <c r="G75528" s="16">
        <v>2.1545781867541134</v>
      </c>
    </row>
    <row r="75529" spans="1:7" x14ac:dyDescent="0.3">
      <c r="A75529" s="13" t="s">
        <v>386</v>
      </c>
      <c r="B75529" s="14" t="s">
        <v>1</v>
      </c>
      <c r="C75529" s="14" t="s">
        <v>200</v>
      </c>
      <c r="D75529" s="14" t="s">
        <v>387</v>
      </c>
      <c r="E75529" s="15">
        <v>45715</v>
      </c>
      <c r="F75529" s="14" t="s">
        <v>53</v>
      </c>
      <c r="G75529" s="16">
        <v>2.1739570262167609</v>
      </c>
    </row>
    <row r="75530" spans="1:7" x14ac:dyDescent="0.3">
      <c r="A75530" s="13" t="s">
        <v>386</v>
      </c>
      <c r="B75530" s="14" t="s">
        <v>1</v>
      </c>
      <c r="C75530" s="14" t="s">
        <v>200</v>
      </c>
      <c r="D75530" s="14" t="s">
        <v>387</v>
      </c>
      <c r="E75530" s="15">
        <v>45716</v>
      </c>
      <c r="F75530" s="14" t="s">
        <v>53</v>
      </c>
      <c r="G75530" s="16">
        <v>2.1844850736880583</v>
      </c>
    </row>
    <row r="75531" spans="1:7" x14ac:dyDescent="0.3">
      <c r="A75531" s="13" t="s">
        <v>386</v>
      </c>
      <c r="B75531" s="14" t="s">
        <v>1</v>
      </c>
      <c r="C75531" s="14" t="s">
        <v>200</v>
      </c>
      <c r="D75531" s="14" t="s">
        <v>387</v>
      </c>
      <c r="E75531" s="15">
        <v>45717</v>
      </c>
      <c r="F75531" s="14" t="s">
        <v>53</v>
      </c>
      <c r="G75531" s="16">
        <v>2.1844850736880583</v>
      </c>
    </row>
    <row r="75532" spans="1:7" x14ac:dyDescent="0.3">
      <c r="A75532" s="13" t="s">
        <v>386</v>
      </c>
      <c r="B75532" s="14" t="s">
        <v>1</v>
      </c>
      <c r="C75532" s="14" t="s">
        <v>200</v>
      </c>
      <c r="D75532" s="14" t="s">
        <v>387</v>
      </c>
      <c r="E75532" s="15">
        <v>45718</v>
      </c>
      <c r="F75532" s="14" t="s">
        <v>53</v>
      </c>
      <c r="G75532" s="16">
        <v>2.1844850736880583</v>
      </c>
    </row>
    <row r="75533" spans="1:7" x14ac:dyDescent="0.3">
      <c r="A75533" s="13" t="s">
        <v>386</v>
      </c>
      <c r="B75533" s="14" t="s">
        <v>1</v>
      </c>
      <c r="C75533" s="14" t="s">
        <v>200</v>
      </c>
      <c r="D75533" s="14" t="s">
        <v>387</v>
      </c>
      <c r="E75533" s="15">
        <v>45719</v>
      </c>
      <c r="F75533" s="14" t="s">
        <v>53</v>
      </c>
      <c r="G75533" s="16">
        <v>2.1730531819073113</v>
      </c>
    </row>
    <row r="75534" spans="1:7" x14ac:dyDescent="0.3">
      <c r="A75534" s="13" t="s">
        <v>386</v>
      </c>
      <c r="B75534" s="14" t="s">
        <v>1</v>
      </c>
      <c r="C75534" s="14" t="s">
        <v>200</v>
      </c>
      <c r="D75534" s="14" t="s">
        <v>387</v>
      </c>
      <c r="E75534" s="15">
        <v>45720</v>
      </c>
      <c r="F75534" s="14" t="s">
        <v>53</v>
      </c>
      <c r="G75534" s="16">
        <v>2.1760968757871053</v>
      </c>
    </row>
    <row r="75535" spans="1:7" x14ac:dyDescent="0.3">
      <c r="A75535" s="13" t="s">
        <v>386</v>
      </c>
      <c r="B75535" s="14" t="s">
        <v>1</v>
      </c>
      <c r="C75535" s="14" t="s">
        <v>200</v>
      </c>
      <c r="D75535" s="14" t="s">
        <v>387</v>
      </c>
      <c r="E75535" s="15">
        <v>45721</v>
      </c>
      <c r="F75535" s="14" t="s">
        <v>53</v>
      </c>
      <c r="G75535" s="16">
        <v>2.1653597846313946</v>
      </c>
    </row>
    <row r="75536" spans="1:7" x14ac:dyDescent="0.3">
      <c r="A75536" s="13" t="s">
        <v>386</v>
      </c>
      <c r="B75536" s="14" t="s">
        <v>1</v>
      </c>
      <c r="C75536" s="14" t="s">
        <v>200</v>
      </c>
      <c r="D75536" s="14" t="s">
        <v>387</v>
      </c>
      <c r="E75536" s="15">
        <v>45722</v>
      </c>
      <c r="F75536" s="14" t="s">
        <v>53</v>
      </c>
      <c r="G75536" s="16">
        <v>2.1737725753153034</v>
      </c>
    </row>
    <row r="75537" spans="1:7" x14ac:dyDescent="0.3">
      <c r="A75537" s="13" t="s">
        <v>386</v>
      </c>
      <c r="B75537" s="14" t="s">
        <v>1</v>
      </c>
      <c r="C75537" s="14" t="s">
        <v>200</v>
      </c>
      <c r="D75537" s="14" t="s">
        <v>387</v>
      </c>
      <c r="E75537" s="15">
        <v>45723</v>
      </c>
      <c r="F75537" s="14" t="s">
        <v>53</v>
      </c>
      <c r="G75537" s="16">
        <v>2.1735906998086576</v>
      </c>
    </row>
    <row r="75538" spans="1:7" x14ac:dyDescent="0.3">
      <c r="A75538" s="13" t="s">
        <v>386</v>
      </c>
      <c r="B75538" s="14" t="s">
        <v>1</v>
      </c>
      <c r="C75538" s="14" t="s">
        <v>200</v>
      </c>
      <c r="D75538" s="14" t="s">
        <v>387</v>
      </c>
      <c r="E75538" s="15">
        <v>45724</v>
      </c>
      <c r="F75538" s="14" t="s">
        <v>53</v>
      </c>
      <c r="G75538" s="16">
        <v>2.1735906998086576</v>
      </c>
    </row>
    <row r="75539" spans="1:7" x14ac:dyDescent="0.3">
      <c r="A75539" s="13" t="s">
        <v>386</v>
      </c>
      <c r="B75539" s="14" t="s">
        <v>1</v>
      </c>
      <c r="C75539" s="14" t="s">
        <v>200</v>
      </c>
      <c r="D75539" s="14" t="s">
        <v>387</v>
      </c>
      <c r="E75539" s="15">
        <v>45725</v>
      </c>
      <c r="F75539" s="14" t="s">
        <v>53</v>
      </c>
      <c r="G75539" s="16">
        <v>2.1735906998086576</v>
      </c>
    </row>
    <row r="75540" spans="1:7" x14ac:dyDescent="0.3">
      <c r="A75540" s="13" t="s">
        <v>386</v>
      </c>
      <c r="B75540" s="14" t="s">
        <v>1</v>
      </c>
      <c r="C75540" s="14" t="s">
        <v>200</v>
      </c>
      <c r="D75540" s="14" t="s">
        <v>387</v>
      </c>
      <c r="E75540" s="15">
        <v>45726</v>
      </c>
      <c r="F75540" s="14" t="s">
        <v>53</v>
      </c>
      <c r="G75540" s="16">
        <v>2.1871395774026774</v>
      </c>
    </row>
    <row r="75541" spans="1:7" x14ac:dyDescent="0.3">
      <c r="A75541" s="13" t="s">
        <v>386</v>
      </c>
      <c r="B75541" s="14" t="s">
        <v>1</v>
      </c>
      <c r="C75541" s="14" t="s">
        <v>200</v>
      </c>
      <c r="D75541" s="14" t="s">
        <v>387</v>
      </c>
      <c r="E75541" s="15">
        <v>45727</v>
      </c>
      <c r="F75541" s="14" t="s">
        <v>53</v>
      </c>
      <c r="G75541" s="16">
        <v>2.1944384562863646</v>
      </c>
    </row>
    <row r="75542" spans="1:7" x14ac:dyDescent="0.3">
      <c r="A75542" s="13" t="s">
        <v>386</v>
      </c>
      <c r="B75542" s="14" t="s">
        <v>1</v>
      </c>
      <c r="C75542" s="14" t="s">
        <v>200</v>
      </c>
      <c r="D75542" s="14" t="s">
        <v>387</v>
      </c>
      <c r="E75542" s="15">
        <v>45728</v>
      </c>
      <c r="F75542" s="14" t="s">
        <v>53</v>
      </c>
      <c r="G75542" s="16">
        <v>2.2000714493496334</v>
      </c>
    </row>
    <row r="75543" spans="1:7" x14ac:dyDescent="0.3">
      <c r="A75543" s="13" t="s">
        <v>386</v>
      </c>
      <c r="B75543" s="14" t="s">
        <v>1</v>
      </c>
      <c r="C75543" s="14" t="s">
        <v>200</v>
      </c>
      <c r="D75543" s="14" t="s">
        <v>387</v>
      </c>
      <c r="E75543" s="15">
        <v>45729</v>
      </c>
      <c r="F75543" s="14" t="s">
        <v>53</v>
      </c>
      <c r="G75543" s="16">
        <v>2.2094160972161827</v>
      </c>
    </row>
    <row r="75544" spans="1:7" x14ac:dyDescent="0.3">
      <c r="A75544" s="13" t="s">
        <v>386</v>
      </c>
      <c r="B75544" s="14" t="s">
        <v>1</v>
      </c>
      <c r="C75544" s="14" t="s">
        <v>200</v>
      </c>
      <c r="D75544" s="14" t="s">
        <v>387</v>
      </c>
      <c r="E75544" s="15">
        <v>45730</v>
      </c>
      <c r="F75544" s="14" t="s">
        <v>53</v>
      </c>
      <c r="G75544" s="16">
        <v>2.2187658415850335</v>
      </c>
    </row>
    <row r="75545" spans="1:7" x14ac:dyDescent="0.3">
      <c r="A75545" s="13" t="s">
        <v>386</v>
      </c>
      <c r="B75545" s="14" t="s">
        <v>1</v>
      </c>
      <c r="C75545" s="14" t="s">
        <v>200</v>
      </c>
      <c r="D75545" s="14" t="s">
        <v>387</v>
      </c>
      <c r="E75545" s="15">
        <v>45731</v>
      </c>
      <c r="F75545" s="14" t="s">
        <v>53</v>
      </c>
      <c r="G75545" s="16">
        <v>2.2187658415850335</v>
      </c>
    </row>
    <row r="75546" spans="1:7" x14ac:dyDescent="0.3">
      <c r="A75546" s="13" t="s">
        <v>386</v>
      </c>
      <c r="B75546" s="14" t="s">
        <v>1</v>
      </c>
      <c r="C75546" s="14" t="s">
        <v>200</v>
      </c>
      <c r="D75546" s="14" t="s">
        <v>387</v>
      </c>
      <c r="E75546" s="15">
        <v>45732</v>
      </c>
      <c r="F75546" s="14" t="s">
        <v>53</v>
      </c>
      <c r="G75546" s="16">
        <v>2.2187658415850335</v>
      </c>
    </row>
    <row r="75547" spans="1:7" x14ac:dyDescent="0.3">
      <c r="A75547" s="13" t="s">
        <v>386</v>
      </c>
      <c r="B75547" s="14" t="s">
        <v>1</v>
      </c>
      <c r="C75547" s="14" t="s">
        <v>200</v>
      </c>
      <c r="D75547" s="14" t="s">
        <v>387</v>
      </c>
      <c r="E75547" s="15">
        <v>45733</v>
      </c>
      <c r="F75547" s="14" t="s">
        <v>53</v>
      </c>
      <c r="G75547" s="16">
        <v>2.2187658415850335</v>
      </c>
    </row>
    <row r="75548" spans="1:7" x14ac:dyDescent="0.3">
      <c r="A75548" s="13" t="s">
        <v>386</v>
      </c>
      <c r="B75548" s="14" t="s">
        <v>1</v>
      </c>
      <c r="C75548" s="14" t="s">
        <v>200</v>
      </c>
      <c r="D75548" s="14" t="s">
        <v>387</v>
      </c>
      <c r="E75548" s="15">
        <v>45734</v>
      </c>
      <c r="F75548" s="14" t="s">
        <v>53</v>
      </c>
      <c r="G75548" s="16">
        <v>2.2139443832077488</v>
      </c>
    </row>
    <row r="75549" spans="1:7" x14ac:dyDescent="0.3">
      <c r="A75549" s="13" t="s">
        <v>386</v>
      </c>
      <c r="B75549" s="14" t="s">
        <v>1</v>
      </c>
      <c r="C75549" s="14" t="s">
        <v>200</v>
      </c>
      <c r="D75549" s="14" t="s">
        <v>387</v>
      </c>
      <c r="E75549" s="15">
        <v>45735</v>
      </c>
      <c r="F75549" s="14" t="s">
        <v>53</v>
      </c>
      <c r="G75549" s="16">
        <v>2.2367560749607449</v>
      </c>
    </row>
    <row r="75550" spans="1:7" x14ac:dyDescent="0.3">
      <c r="A75550" s="13" t="s">
        <v>386</v>
      </c>
      <c r="B75550" s="14" t="s">
        <v>1</v>
      </c>
      <c r="C75550" s="14" t="s">
        <v>200</v>
      </c>
      <c r="D75550" s="14" t="s">
        <v>387</v>
      </c>
      <c r="E75550" s="15">
        <v>45736</v>
      </c>
      <c r="F75550" s="14" t="s">
        <v>53</v>
      </c>
      <c r="G75550" s="16">
        <v>2.2499203445998268</v>
      </c>
    </row>
    <row r="75551" spans="1:7" x14ac:dyDescent="0.3">
      <c r="A75551" s="13" t="s">
        <v>386</v>
      </c>
      <c r="B75551" s="14" t="s">
        <v>1</v>
      </c>
      <c r="C75551" s="14" t="s">
        <v>200</v>
      </c>
      <c r="D75551" s="14" t="s">
        <v>387</v>
      </c>
      <c r="E75551" s="15">
        <v>45737</v>
      </c>
      <c r="F75551" s="14" t="s">
        <v>53</v>
      </c>
      <c r="G75551" s="16">
        <v>2.2614483067811837</v>
      </c>
    </row>
    <row r="75552" spans="1:7" x14ac:dyDescent="0.3">
      <c r="A75552" s="13" t="s">
        <v>386</v>
      </c>
      <c r="B75552" s="14" t="s">
        <v>1</v>
      </c>
      <c r="C75552" s="14" t="s">
        <v>200</v>
      </c>
      <c r="D75552" s="14" t="s">
        <v>387</v>
      </c>
      <c r="E75552" s="15">
        <v>45738</v>
      </c>
      <c r="F75552" s="14" t="s">
        <v>53</v>
      </c>
      <c r="G75552" s="16">
        <v>2.2614483067811837</v>
      </c>
    </row>
    <row r="75553" spans="1:7" x14ac:dyDescent="0.3">
      <c r="A75553" s="13" t="s">
        <v>386</v>
      </c>
      <c r="B75553" s="14" t="s">
        <v>1</v>
      </c>
      <c r="C75553" s="14" t="s">
        <v>200</v>
      </c>
      <c r="D75553" s="14" t="s">
        <v>387</v>
      </c>
      <c r="E75553" s="15">
        <v>45739</v>
      </c>
      <c r="F75553" s="14" t="s">
        <v>53</v>
      </c>
      <c r="G75553" s="16">
        <v>2.2614483067811837</v>
      </c>
    </row>
    <row r="75554" spans="1:7" x14ac:dyDescent="0.3">
      <c r="A75554" s="13" t="s">
        <v>386</v>
      </c>
      <c r="B75554" s="14" t="s">
        <v>1</v>
      </c>
      <c r="C75554" s="14" t="s">
        <v>200</v>
      </c>
      <c r="D75554" s="14" t="s">
        <v>387</v>
      </c>
      <c r="E75554" s="15">
        <v>45740</v>
      </c>
      <c r="F75554" s="14" t="s">
        <v>53</v>
      </c>
      <c r="G75554" s="16">
        <v>2.2659735574276807</v>
      </c>
    </row>
    <row r="75555" spans="1:7" x14ac:dyDescent="0.3">
      <c r="A75555" s="13" t="s">
        <v>386</v>
      </c>
      <c r="B75555" s="14" t="s">
        <v>1</v>
      </c>
      <c r="C75555" s="14" t="s">
        <v>200</v>
      </c>
      <c r="D75555" s="14" t="s">
        <v>387</v>
      </c>
      <c r="E75555" s="15">
        <v>45741</v>
      </c>
      <c r="F75555" s="14" t="s">
        <v>53</v>
      </c>
      <c r="G75555" s="16">
        <v>2.2817492627044138</v>
      </c>
    </row>
    <row r="75556" spans="1:7" x14ac:dyDescent="0.3">
      <c r="A75556" s="13" t="s">
        <v>386</v>
      </c>
      <c r="B75556" s="14" t="s">
        <v>1</v>
      </c>
      <c r="C75556" s="14" t="s">
        <v>200</v>
      </c>
      <c r="D75556" s="14" t="s">
        <v>387</v>
      </c>
      <c r="E75556" s="15">
        <v>45742</v>
      </c>
      <c r="F75556" s="14" t="s">
        <v>53</v>
      </c>
      <c r="G75556" s="16">
        <v>2.2970873172784172</v>
      </c>
    </row>
    <row r="75557" spans="1:7" x14ac:dyDescent="0.3">
      <c r="A75557" s="13" t="s">
        <v>386</v>
      </c>
      <c r="B75557" s="14" t="s">
        <v>1</v>
      </c>
      <c r="C75557" s="14" t="s">
        <v>200</v>
      </c>
      <c r="D75557" s="14" t="s">
        <v>387</v>
      </c>
      <c r="E75557" s="15">
        <v>45743</v>
      </c>
      <c r="F75557" s="14" t="s">
        <v>53</v>
      </c>
      <c r="G75557" s="16">
        <v>2.2922088539444352</v>
      </c>
    </row>
    <row r="75558" spans="1:7" x14ac:dyDescent="0.3">
      <c r="A75558" s="13" t="s">
        <v>386</v>
      </c>
      <c r="B75558" s="14" t="s">
        <v>1</v>
      </c>
      <c r="C75558" s="14" t="s">
        <v>200</v>
      </c>
      <c r="D75558" s="14" t="s">
        <v>387</v>
      </c>
      <c r="E75558" s="15">
        <v>45744</v>
      </c>
      <c r="F75558" s="14" t="s">
        <v>53</v>
      </c>
      <c r="G75558" s="16">
        <v>2.299442629459894</v>
      </c>
    </row>
    <row r="75559" spans="1:7" x14ac:dyDescent="0.3">
      <c r="A75559" s="13" t="s">
        <v>386</v>
      </c>
      <c r="B75559" s="14" t="s">
        <v>1</v>
      </c>
      <c r="C75559" s="14" t="s">
        <v>200</v>
      </c>
      <c r="D75559" s="14" t="s">
        <v>387</v>
      </c>
      <c r="E75559" s="15">
        <v>45745</v>
      </c>
      <c r="F75559" s="14" t="s">
        <v>53</v>
      </c>
      <c r="G75559" s="16">
        <v>2.299442629459894</v>
      </c>
    </row>
    <row r="75560" spans="1:7" x14ac:dyDescent="0.3">
      <c r="A75560" s="13" t="s">
        <v>386</v>
      </c>
      <c r="B75560" s="14" t="s">
        <v>1</v>
      </c>
      <c r="C75560" s="14" t="s">
        <v>200</v>
      </c>
      <c r="D75560" s="14" t="s">
        <v>387</v>
      </c>
      <c r="E75560" s="15">
        <v>45746</v>
      </c>
      <c r="F75560" s="14" t="s">
        <v>53</v>
      </c>
      <c r="G75560" s="16">
        <v>2.299442629459894</v>
      </c>
    </row>
    <row r="75561" spans="1:7" x14ac:dyDescent="0.3">
      <c r="A75561" s="13" t="s">
        <v>386</v>
      </c>
      <c r="B75561" s="14" t="s">
        <v>1</v>
      </c>
      <c r="C75561" s="14" t="s">
        <v>200</v>
      </c>
      <c r="D75561" s="14" t="s">
        <v>387</v>
      </c>
      <c r="E75561" s="15">
        <v>45747</v>
      </c>
      <c r="F75561" s="14" t="s">
        <v>53</v>
      </c>
      <c r="G75561" s="16">
        <v>2.3103856971621433</v>
      </c>
    </row>
    <row r="75562" spans="1:7" x14ac:dyDescent="0.3">
      <c r="A75562" s="13" t="s">
        <v>388</v>
      </c>
      <c r="B75562" s="14" t="s">
        <v>1</v>
      </c>
      <c r="C75562" s="14" t="s">
        <v>47</v>
      </c>
      <c r="D75562" s="14" t="s">
        <v>389</v>
      </c>
      <c r="E75562" s="15">
        <v>45383</v>
      </c>
      <c r="F75562" s="14" t="s">
        <v>61</v>
      </c>
      <c r="G75562" s="16">
        <v>0</v>
      </c>
    </row>
    <row r="75563" spans="1:7" x14ac:dyDescent="0.3">
      <c r="A75563" s="13" t="s">
        <v>388</v>
      </c>
      <c r="B75563" s="14" t="s">
        <v>1</v>
      </c>
      <c r="C75563" s="14" t="s">
        <v>47</v>
      </c>
      <c r="D75563" s="14" t="s">
        <v>389</v>
      </c>
      <c r="E75563" s="15">
        <v>45384</v>
      </c>
      <c r="F75563" s="14" t="s">
        <v>61</v>
      </c>
      <c r="G75563" s="16">
        <v>0</v>
      </c>
    </row>
    <row r="75564" spans="1:7" x14ac:dyDescent="0.3">
      <c r="A75564" s="13" t="s">
        <v>388</v>
      </c>
      <c r="B75564" s="14" t="s">
        <v>1</v>
      </c>
      <c r="C75564" s="14" t="s">
        <v>47</v>
      </c>
      <c r="D75564" s="14" t="s">
        <v>389</v>
      </c>
      <c r="E75564" s="15">
        <v>45385</v>
      </c>
      <c r="F75564" s="14" t="s">
        <v>61</v>
      </c>
      <c r="G75564" s="16">
        <v>0</v>
      </c>
    </row>
    <row r="75565" spans="1:7" x14ac:dyDescent="0.3">
      <c r="A75565" s="13" t="s">
        <v>388</v>
      </c>
      <c r="B75565" s="14" t="s">
        <v>1</v>
      </c>
      <c r="C75565" s="14" t="s">
        <v>47</v>
      </c>
      <c r="D75565" s="14" t="s">
        <v>389</v>
      </c>
      <c r="E75565" s="15">
        <v>45386</v>
      </c>
      <c r="F75565" s="14" t="s">
        <v>61</v>
      </c>
      <c r="G75565" s="16">
        <v>0</v>
      </c>
    </row>
    <row r="75566" spans="1:7" x14ac:dyDescent="0.3">
      <c r="A75566" s="13" t="s">
        <v>388</v>
      </c>
      <c r="B75566" s="14" t="s">
        <v>1</v>
      </c>
      <c r="C75566" s="14" t="s">
        <v>47</v>
      </c>
      <c r="D75566" s="14" t="s">
        <v>389</v>
      </c>
      <c r="E75566" s="15">
        <v>45387</v>
      </c>
      <c r="F75566" s="14" t="s">
        <v>61</v>
      </c>
      <c r="G75566" s="16">
        <v>0</v>
      </c>
    </row>
    <row r="75567" spans="1:7" x14ac:dyDescent="0.3">
      <c r="A75567" s="13" t="s">
        <v>388</v>
      </c>
      <c r="B75567" s="14" t="s">
        <v>1</v>
      </c>
      <c r="C75567" s="14" t="s">
        <v>47</v>
      </c>
      <c r="D75567" s="14" t="s">
        <v>389</v>
      </c>
      <c r="E75567" s="15">
        <v>45388</v>
      </c>
      <c r="F75567" s="14" t="s">
        <v>61</v>
      </c>
      <c r="G75567" s="16">
        <v>0</v>
      </c>
    </row>
    <row r="75568" spans="1:7" x14ac:dyDescent="0.3">
      <c r="A75568" s="13" t="s">
        <v>388</v>
      </c>
      <c r="B75568" s="14" t="s">
        <v>1</v>
      </c>
      <c r="C75568" s="14" t="s">
        <v>47</v>
      </c>
      <c r="D75568" s="14" t="s">
        <v>389</v>
      </c>
      <c r="E75568" s="15">
        <v>45389</v>
      </c>
      <c r="F75568" s="14" t="s">
        <v>61</v>
      </c>
      <c r="G75568" s="16">
        <v>0</v>
      </c>
    </row>
    <row r="75569" spans="1:7" x14ac:dyDescent="0.3">
      <c r="A75569" s="13" t="s">
        <v>388</v>
      </c>
      <c r="B75569" s="14" t="s">
        <v>1</v>
      </c>
      <c r="C75569" s="14" t="s">
        <v>47</v>
      </c>
      <c r="D75569" s="14" t="s">
        <v>389</v>
      </c>
      <c r="E75569" s="15">
        <v>45390</v>
      </c>
      <c r="F75569" s="14" t="s">
        <v>61</v>
      </c>
      <c r="G75569" s="16">
        <v>0</v>
      </c>
    </row>
    <row r="75570" spans="1:7" x14ac:dyDescent="0.3">
      <c r="A75570" s="13" t="s">
        <v>388</v>
      </c>
      <c r="B75570" s="14" t="s">
        <v>1</v>
      </c>
      <c r="C75570" s="14" t="s">
        <v>47</v>
      </c>
      <c r="D75570" s="14" t="s">
        <v>389</v>
      </c>
      <c r="E75570" s="15">
        <v>45391</v>
      </c>
      <c r="F75570" s="14" t="s">
        <v>61</v>
      </c>
      <c r="G75570" s="16">
        <v>0</v>
      </c>
    </row>
    <row r="75571" spans="1:7" x14ac:dyDescent="0.3">
      <c r="A75571" s="13" t="s">
        <v>388</v>
      </c>
      <c r="B75571" s="14" t="s">
        <v>1</v>
      </c>
      <c r="C75571" s="14" t="s">
        <v>47</v>
      </c>
      <c r="D75571" s="14" t="s">
        <v>389</v>
      </c>
      <c r="E75571" s="15">
        <v>45392</v>
      </c>
      <c r="F75571" s="14" t="s">
        <v>61</v>
      </c>
      <c r="G75571" s="16">
        <v>0</v>
      </c>
    </row>
    <row r="75572" spans="1:7" x14ac:dyDescent="0.3">
      <c r="A75572" s="13" t="s">
        <v>388</v>
      </c>
      <c r="B75572" s="14" t="s">
        <v>1</v>
      </c>
      <c r="C75572" s="14" t="s">
        <v>47</v>
      </c>
      <c r="D75572" s="14" t="s">
        <v>389</v>
      </c>
      <c r="E75572" s="15">
        <v>45393</v>
      </c>
      <c r="F75572" s="14" t="s">
        <v>61</v>
      </c>
      <c r="G75572" s="16">
        <v>0</v>
      </c>
    </row>
    <row r="75573" spans="1:7" x14ac:dyDescent="0.3">
      <c r="A75573" s="13" t="s">
        <v>388</v>
      </c>
      <c r="B75573" s="14" t="s">
        <v>1</v>
      </c>
      <c r="C75573" s="14" t="s">
        <v>47</v>
      </c>
      <c r="D75573" s="14" t="s">
        <v>389</v>
      </c>
      <c r="E75573" s="15">
        <v>45394</v>
      </c>
      <c r="F75573" s="14" t="s">
        <v>61</v>
      </c>
      <c r="G75573" s="16">
        <v>0</v>
      </c>
    </row>
    <row r="75574" spans="1:7" x14ac:dyDescent="0.3">
      <c r="A75574" s="13" t="s">
        <v>388</v>
      </c>
      <c r="B75574" s="14" t="s">
        <v>1</v>
      </c>
      <c r="C75574" s="14" t="s">
        <v>47</v>
      </c>
      <c r="D75574" s="14" t="s">
        <v>389</v>
      </c>
      <c r="E75574" s="15">
        <v>45395</v>
      </c>
      <c r="F75574" s="14" t="s">
        <v>61</v>
      </c>
      <c r="G75574" s="16">
        <v>0</v>
      </c>
    </row>
    <row r="75575" spans="1:7" x14ac:dyDescent="0.3">
      <c r="A75575" s="13" t="s">
        <v>388</v>
      </c>
      <c r="B75575" s="14" t="s">
        <v>1</v>
      </c>
      <c r="C75575" s="14" t="s">
        <v>47</v>
      </c>
      <c r="D75575" s="14" t="s">
        <v>389</v>
      </c>
      <c r="E75575" s="15">
        <v>45396</v>
      </c>
      <c r="F75575" s="14" t="s">
        <v>61</v>
      </c>
      <c r="G75575" s="16">
        <v>0</v>
      </c>
    </row>
    <row r="75576" spans="1:7" x14ac:dyDescent="0.3">
      <c r="A75576" s="13" t="s">
        <v>388</v>
      </c>
      <c r="B75576" s="14" t="s">
        <v>1</v>
      </c>
      <c r="C75576" s="14" t="s">
        <v>47</v>
      </c>
      <c r="D75576" s="14" t="s">
        <v>389</v>
      </c>
      <c r="E75576" s="15">
        <v>45397</v>
      </c>
      <c r="F75576" s="14" t="s">
        <v>61</v>
      </c>
      <c r="G75576" s="16">
        <v>0</v>
      </c>
    </row>
    <row r="75577" spans="1:7" x14ac:dyDescent="0.3">
      <c r="A75577" s="13" t="s">
        <v>388</v>
      </c>
      <c r="B75577" s="14" t="s">
        <v>1</v>
      </c>
      <c r="C75577" s="14" t="s">
        <v>47</v>
      </c>
      <c r="D75577" s="14" t="s">
        <v>389</v>
      </c>
      <c r="E75577" s="15">
        <v>45398</v>
      </c>
      <c r="F75577" s="14" t="s">
        <v>61</v>
      </c>
      <c r="G75577" s="16">
        <v>0</v>
      </c>
    </row>
    <row r="75578" spans="1:7" x14ac:dyDescent="0.3">
      <c r="A75578" s="13" t="s">
        <v>388</v>
      </c>
      <c r="B75578" s="14" t="s">
        <v>1</v>
      </c>
      <c r="C75578" s="14" t="s">
        <v>47</v>
      </c>
      <c r="D75578" s="14" t="s">
        <v>389</v>
      </c>
      <c r="E75578" s="15">
        <v>45399</v>
      </c>
      <c r="F75578" s="14" t="s">
        <v>61</v>
      </c>
      <c r="G75578" s="16">
        <v>0</v>
      </c>
    </row>
    <row r="75579" spans="1:7" x14ac:dyDescent="0.3">
      <c r="A75579" s="13" t="s">
        <v>388</v>
      </c>
      <c r="B75579" s="14" t="s">
        <v>1</v>
      </c>
      <c r="C75579" s="14" t="s">
        <v>47</v>
      </c>
      <c r="D75579" s="14" t="s">
        <v>389</v>
      </c>
      <c r="E75579" s="15">
        <v>45400</v>
      </c>
      <c r="F75579" s="14" t="s">
        <v>61</v>
      </c>
      <c r="G75579" s="16">
        <v>0</v>
      </c>
    </row>
    <row r="75580" spans="1:7" x14ac:dyDescent="0.3">
      <c r="A75580" s="13" t="s">
        <v>388</v>
      </c>
      <c r="B75580" s="14" t="s">
        <v>1</v>
      </c>
      <c r="C75580" s="14" t="s">
        <v>47</v>
      </c>
      <c r="D75580" s="14" t="s">
        <v>389</v>
      </c>
      <c r="E75580" s="15">
        <v>45401</v>
      </c>
      <c r="F75580" s="14" t="s">
        <v>61</v>
      </c>
      <c r="G75580" s="16">
        <v>0</v>
      </c>
    </row>
    <row r="75581" spans="1:7" x14ac:dyDescent="0.3">
      <c r="A75581" s="13" t="s">
        <v>388</v>
      </c>
      <c r="B75581" s="14" t="s">
        <v>1</v>
      </c>
      <c r="C75581" s="14" t="s">
        <v>47</v>
      </c>
      <c r="D75581" s="14" t="s">
        <v>389</v>
      </c>
      <c r="E75581" s="15">
        <v>45402</v>
      </c>
      <c r="F75581" s="14" t="s">
        <v>61</v>
      </c>
      <c r="G75581" s="16">
        <v>0</v>
      </c>
    </row>
    <row r="75582" spans="1:7" x14ac:dyDescent="0.3">
      <c r="A75582" s="13" t="s">
        <v>388</v>
      </c>
      <c r="B75582" s="14" t="s">
        <v>1</v>
      </c>
      <c r="C75582" s="14" t="s">
        <v>47</v>
      </c>
      <c r="D75582" s="14" t="s">
        <v>389</v>
      </c>
      <c r="E75582" s="15">
        <v>45403</v>
      </c>
      <c r="F75582" s="14" t="s">
        <v>61</v>
      </c>
      <c r="G75582" s="16">
        <v>0</v>
      </c>
    </row>
    <row r="75583" spans="1:7" x14ac:dyDescent="0.3">
      <c r="A75583" s="13" t="s">
        <v>388</v>
      </c>
      <c r="B75583" s="14" t="s">
        <v>1</v>
      </c>
      <c r="C75583" s="14" t="s">
        <v>47</v>
      </c>
      <c r="D75583" s="14" t="s">
        <v>389</v>
      </c>
      <c r="E75583" s="15">
        <v>45404</v>
      </c>
      <c r="F75583" s="14" t="s">
        <v>61</v>
      </c>
      <c r="G75583" s="16">
        <v>0</v>
      </c>
    </row>
    <row r="75584" spans="1:7" x14ac:dyDescent="0.3">
      <c r="A75584" s="13" t="s">
        <v>388</v>
      </c>
      <c r="B75584" s="14" t="s">
        <v>1</v>
      </c>
      <c r="C75584" s="14" t="s">
        <v>47</v>
      </c>
      <c r="D75584" s="14" t="s">
        <v>389</v>
      </c>
      <c r="E75584" s="15">
        <v>45405</v>
      </c>
      <c r="F75584" s="14" t="s">
        <v>61</v>
      </c>
      <c r="G75584" s="16">
        <v>0</v>
      </c>
    </row>
    <row r="75585" spans="1:7" x14ac:dyDescent="0.3">
      <c r="A75585" s="13" t="s">
        <v>388</v>
      </c>
      <c r="B75585" s="14" t="s">
        <v>1</v>
      </c>
      <c r="C75585" s="14" t="s">
        <v>47</v>
      </c>
      <c r="D75585" s="14" t="s">
        <v>389</v>
      </c>
      <c r="E75585" s="15">
        <v>45406</v>
      </c>
      <c r="F75585" s="14" t="s">
        <v>61</v>
      </c>
      <c r="G75585" s="16">
        <v>0</v>
      </c>
    </row>
    <row r="75586" spans="1:7" x14ac:dyDescent="0.3">
      <c r="A75586" s="13" t="s">
        <v>388</v>
      </c>
      <c r="B75586" s="14" t="s">
        <v>1</v>
      </c>
      <c r="C75586" s="14" t="s">
        <v>47</v>
      </c>
      <c r="D75586" s="14" t="s">
        <v>389</v>
      </c>
      <c r="E75586" s="15">
        <v>45407</v>
      </c>
      <c r="F75586" s="14" t="s">
        <v>61</v>
      </c>
      <c r="G75586" s="16">
        <v>0</v>
      </c>
    </row>
    <row r="75587" spans="1:7" x14ac:dyDescent="0.3">
      <c r="A75587" s="13" t="s">
        <v>388</v>
      </c>
      <c r="B75587" s="14" t="s">
        <v>1</v>
      </c>
      <c r="C75587" s="14" t="s">
        <v>47</v>
      </c>
      <c r="D75587" s="14" t="s">
        <v>389</v>
      </c>
      <c r="E75587" s="15">
        <v>45408</v>
      </c>
      <c r="F75587" s="14" t="s">
        <v>61</v>
      </c>
      <c r="G75587" s="16">
        <v>0</v>
      </c>
    </row>
    <row r="75588" spans="1:7" x14ac:dyDescent="0.3">
      <c r="A75588" s="13" t="s">
        <v>388</v>
      </c>
      <c r="B75588" s="14" t="s">
        <v>1</v>
      </c>
      <c r="C75588" s="14" t="s">
        <v>47</v>
      </c>
      <c r="D75588" s="14" t="s">
        <v>389</v>
      </c>
      <c r="E75588" s="15">
        <v>45409</v>
      </c>
      <c r="F75588" s="14" t="s">
        <v>61</v>
      </c>
      <c r="G75588" s="16">
        <v>0</v>
      </c>
    </row>
    <row r="75589" spans="1:7" x14ac:dyDescent="0.3">
      <c r="A75589" s="13" t="s">
        <v>388</v>
      </c>
      <c r="B75589" s="14" t="s">
        <v>1</v>
      </c>
      <c r="C75589" s="14" t="s">
        <v>47</v>
      </c>
      <c r="D75589" s="14" t="s">
        <v>389</v>
      </c>
      <c r="E75589" s="15">
        <v>45410</v>
      </c>
      <c r="F75589" s="14" t="s">
        <v>61</v>
      </c>
      <c r="G75589" s="16">
        <v>0</v>
      </c>
    </row>
    <row r="75590" spans="1:7" x14ac:dyDescent="0.3">
      <c r="A75590" s="13" t="s">
        <v>388</v>
      </c>
      <c r="B75590" s="14" t="s">
        <v>1</v>
      </c>
      <c r="C75590" s="14" t="s">
        <v>47</v>
      </c>
      <c r="D75590" s="14" t="s">
        <v>389</v>
      </c>
      <c r="E75590" s="15">
        <v>45411</v>
      </c>
      <c r="F75590" s="14" t="s">
        <v>61</v>
      </c>
      <c r="G75590" s="16">
        <v>0</v>
      </c>
    </row>
    <row r="75591" spans="1:7" x14ac:dyDescent="0.3">
      <c r="A75591" s="13" t="s">
        <v>388</v>
      </c>
      <c r="B75591" s="14" t="s">
        <v>1</v>
      </c>
      <c r="C75591" s="14" t="s">
        <v>47</v>
      </c>
      <c r="D75591" s="14" t="s">
        <v>389</v>
      </c>
      <c r="E75591" s="15">
        <v>45412</v>
      </c>
      <c r="F75591" s="14" t="s">
        <v>61</v>
      </c>
      <c r="G75591" s="16">
        <v>0</v>
      </c>
    </row>
    <row r="75592" spans="1:7" x14ac:dyDescent="0.3">
      <c r="A75592" s="13" t="s">
        <v>388</v>
      </c>
      <c r="B75592" s="14" t="s">
        <v>1</v>
      </c>
      <c r="C75592" s="14" t="s">
        <v>47</v>
      </c>
      <c r="D75592" s="14" t="s">
        <v>389</v>
      </c>
      <c r="E75592" s="15">
        <v>45413</v>
      </c>
      <c r="F75592" s="14" t="s">
        <v>61</v>
      </c>
      <c r="G75592" s="16">
        <v>2.413638673774273E-3</v>
      </c>
    </row>
    <row r="75593" spans="1:7" x14ac:dyDescent="0.3">
      <c r="A75593" s="13" t="s">
        <v>388</v>
      </c>
      <c r="B75593" s="14" t="s">
        <v>1</v>
      </c>
      <c r="C75593" s="14" t="s">
        <v>47</v>
      </c>
      <c r="D75593" s="14" t="s">
        <v>389</v>
      </c>
      <c r="E75593" s="15">
        <v>45414</v>
      </c>
      <c r="F75593" s="14" t="s">
        <v>61</v>
      </c>
      <c r="G75593" s="16">
        <v>3.0583784130633384E-3</v>
      </c>
    </row>
    <row r="75594" spans="1:7" x14ac:dyDescent="0.3">
      <c r="A75594" s="13" t="s">
        <v>388</v>
      </c>
      <c r="B75594" s="14" t="s">
        <v>1</v>
      </c>
      <c r="C75594" s="14" t="s">
        <v>47</v>
      </c>
      <c r="D75594" s="14" t="s">
        <v>389</v>
      </c>
      <c r="E75594" s="15">
        <v>45415</v>
      </c>
      <c r="F75594" s="14" t="s">
        <v>61</v>
      </c>
      <c r="G75594" s="16">
        <v>3.4763872871258288E-3</v>
      </c>
    </row>
    <row r="75595" spans="1:7" x14ac:dyDescent="0.3">
      <c r="A75595" s="13" t="s">
        <v>388</v>
      </c>
      <c r="B75595" s="14" t="s">
        <v>1</v>
      </c>
      <c r="C75595" s="14" t="s">
        <v>47</v>
      </c>
      <c r="D75595" s="14" t="s">
        <v>389</v>
      </c>
      <c r="E75595" s="15">
        <v>45416</v>
      </c>
      <c r="F75595" s="14" t="s">
        <v>61</v>
      </c>
      <c r="G75595" s="16">
        <v>3.4763872871258288E-3</v>
      </c>
    </row>
    <row r="75596" spans="1:7" x14ac:dyDescent="0.3">
      <c r="A75596" s="13" t="s">
        <v>388</v>
      </c>
      <c r="B75596" s="14" t="s">
        <v>1</v>
      </c>
      <c r="C75596" s="14" t="s">
        <v>47</v>
      </c>
      <c r="D75596" s="14" t="s">
        <v>389</v>
      </c>
      <c r="E75596" s="15">
        <v>45417</v>
      </c>
      <c r="F75596" s="14" t="s">
        <v>61</v>
      </c>
      <c r="G75596" s="16">
        <v>3.4763872871258288E-3</v>
      </c>
    </row>
    <row r="75597" spans="1:7" x14ac:dyDescent="0.3">
      <c r="A75597" s="13" t="s">
        <v>388</v>
      </c>
      <c r="B75597" s="14" t="s">
        <v>1</v>
      </c>
      <c r="C75597" s="14" t="s">
        <v>47</v>
      </c>
      <c r="D75597" s="14" t="s">
        <v>389</v>
      </c>
      <c r="E75597" s="15">
        <v>45418</v>
      </c>
      <c r="F75597" s="14" t="s">
        <v>61</v>
      </c>
      <c r="G75597" s="16">
        <v>3.4763872871258288E-3</v>
      </c>
    </row>
    <row r="75598" spans="1:7" x14ac:dyDescent="0.3">
      <c r="A75598" s="13" t="s">
        <v>388</v>
      </c>
      <c r="B75598" s="14" t="s">
        <v>1</v>
      </c>
      <c r="C75598" s="14" t="s">
        <v>47</v>
      </c>
      <c r="D75598" s="14" t="s">
        <v>389</v>
      </c>
      <c r="E75598" s="15">
        <v>45419</v>
      </c>
      <c r="F75598" s="14" t="s">
        <v>61</v>
      </c>
      <c r="G75598" s="16">
        <v>1.521386704629923E-3</v>
      </c>
    </row>
    <row r="75599" spans="1:7" x14ac:dyDescent="0.3">
      <c r="A75599" s="13" t="s">
        <v>388</v>
      </c>
      <c r="B75599" s="14" t="s">
        <v>1</v>
      </c>
      <c r="C75599" s="14" t="s">
        <v>47</v>
      </c>
      <c r="D75599" s="14" t="s">
        <v>389</v>
      </c>
      <c r="E75599" s="15">
        <v>45420</v>
      </c>
      <c r="F75599" s="14" t="s">
        <v>61</v>
      </c>
      <c r="G75599" s="16">
        <v>0</v>
      </c>
    </row>
    <row r="75600" spans="1:7" x14ac:dyDescent="0.3">
      <c r="A75600" s="13" t="s">
        <v>388</v>
      </c>
      <c r="B75600" s="14" t="s">
        <v>1</v>
      </c>
      <c r="C75600" s="14" t="s">
        <v>47</v>
      </c>
      <c r="D75600" s="14" t="s">
        <v>389</v>
      </c>
      <c r="E75600" s="15">
        <v>45421</v>
      </c>
      <c r="F75600" s="14" t="s">
        <v>61</v>
      </c>
      <c r="G75600" s="16">
        <v>0</v>
      </c>
    </row>
    <row r="75601" spans="1:7" x14ac:dyDescent="0.3">
      <c r="A75601" s="13" t="s">
        <v>388</v>
      </c>
      <c r="B75601" s="14" t="s">
        <v>1</v>
      </c>
      <c r="C75601" s="14" t="s">
        <v>47</v>
      </c>
      <c r="D75601" s="14" t="s">
        <v>389</v>
      </c>
      <c r="E75601" s="15">
        <v>45422</v>
      </c>
      <c r="F75601" s="14" t="s">
        <v>61</v>
      </c>
      <c r="G75601" s="16">
        <v>0</v>
      </c>
    </row>
    <row r="75602" spans="1:7" x14ac:dyDescent="0.3">
      <c r="A75602" s="13" t="s">
        <v>388</v>
      </c>
      <c r="B75602" s="14" t="s">
        <v>1</v>
      </c>
      <c r="C75602" s="14" t="s">
        <v>47</v>
      </c>
      <c r="D75602" s="14" t="s">
        <v>389</v>
      </c>
      <c r="E75602" s="15">
        <v>45423</v>
      </c>
      <c r="F75602" s="14" t="s">
        <v>61</v>
      </c>
      <c r="G75602" s="16">
        <v>0</v>
      </c>
    </row>
    <row r="75603" spans="1:7" x14ac:dyDescent="0.3">
      <c r="A75603" s="13" t="s">
        <v>388</v>
      </c>
      <c r="B75603" s="14" t="s">
        <v>1</v>
      </c>
      <c r="C75603" s="14" t="s">
        <v>47</v>
      </c>
      <c r="D75603" s="14" t="s">
        <v>389</v>
      </c>
      <c r="E75603" s="15">
        <v>45424</v>
      </c>
      <c r="F75603" s="14" t="s">
        <v>61</v>
      </c>
      <c r="G75603" s="16">
        <v>0</v>
      </c>
    </row>
    <row r="75604" spans="1:7" x14ac:dyDescent="0.3">
      <c r="A75604" s="13" t="s">
        <v>388</v>
      </c>
      <c r="B75604" s="14" t="s">
        <v>1</v>
      </c>
      <c r="C75604" s="14" t="s">
        <v>47</v>
      </c>
      <c r="D75604" s="14" t="s">
        <v>389</v>
      </c>
      <c r="E75604" s="15">
        <v>45425</v>
      </c>
      <c r="F75604" s="14" t="s">
        <v>61</v>
      </c>
      <c r="G75604" s="16">
        <v>0</v>
      </c>
    </row>
    <row r="75605" spans="1:7" x14ac:dyDescent="0.3">
      <c r="A75605" s="13" t="s">
        <v>388</v>
      </c>
      <c r="B75605" s="14" t="s">
        <v>1</v>
      </c>
      <c r="C75605" s="14" t="s">
        <v>47</v>
      </c>
      <c r="D75605" s="14" t="s">
        <v>389</v>
      </c>
      <c r="E75605" s="15">
        <v>45426</v>
      </c>
      <c r="F75605" s="14" t="s">
        <v>61</v>
      </c>
      <c r="G75605" s="16">
        <v>0</v>
      </c>
    </row>
    <row r="75606" spans="1:7" x14ac:dyDescent="0.3">
      <c r="A75606" s="13" t="s">
        <v>388</v>
      </c>
      <c r="B75606" s="14" t="s">
        <v>1</v>
      </c>
      <c r="C75606" s="14" t="s">
        <v>47</v>
      </c>
      <c r="D75606" s="14" t="s">
        <v>389</v>
      </c>
      <c r="E75606" s="15">
        <v>45427</v>
      </c>
      <c r="F75606" s="14" t="s">
        <v>61</v>
      </c>
      <c r="G75606" s="16">
        <v>0</v>
      </c>
    </row>
    <row r="75607" spans="1:7" x14ac:dyDescent="0.3">
      <c r="A75607" s="13" t="s">
        <v>388</v>
      </c>
      <c r="B75607" s="14" t="s">
        <v>1</v>
      </c>
      <c r="C75607" s="14" t="s">
        <v>47</v>
      </c>
      <c r="D75607" s="14" t="s">
        <v>389</v>
      </c>
      <c r="E75607" s="15">
        <v>45428</v>
      </c>
      <c r="F75607" s="14" t="s">
        <v>61</v>
      </c>
      <c r="G75607" s="16">
        <v>0</v>
      </c>
    </row>
    <row r="75608" spans="1:7" x14ac:dyDescent="0.3">
      <c r="A75608" s="13" t="s">
        <v>388</v>
      </c>
      <c r="B75608" s="14" t="s">
        <v>1</v>
      </c>
      <c r="C75608" s="14" t="s">
        <v>47</v>
      </c>
      <c r="D75608" s="14" t="s">
        <v>389</v>
      </c>
      <c r="E75608" s="15">
        <v>45429</v>
      </c>
      <c r="F75608" s="14" t="s">
        <v>61</v>
      </c>
      <c r="G75608" s="16">
        <v>3.5983676241513689E-3</v>
      </c>
    </row>
    <row r="75609" spans="1:7" x14ac:dyDescent="0.3">
      <c r="A75609" s="13" t="s">
        <v>388</v>
      </c>
      <c r="B75609" s="14" t="s">
        <v>1</v>
      </c>
      <c r="C75609" s="14" t="s">
        <v>47</v>
      </c>
      <c r="D75609" s="14" t="s">
        <v>389</v>
      </c>
      <c r="E75609" s="15">
        <v>45430</v>
      </c>
      <c r="F75609" s="14" t="s">
        <v>61</v>
      </c>
      <c r="G75609" s="16">
        <v>3.5983676241513689E-3</v>
      </c>
    </row>
    <row r="75610" spans="1:7" x14ac:dyDescent="0.3">
      <c r="A75610" s="13" t="s">
        <v>388</v>
      </c>
      <c r="B75610" s="14" t="s">
        <v>1</v>
      </c>
      <c r="C75610" s="14" t="s">
        <v>47</v>
      </c>
      <c r="D75610" s="14" t="s">
        <v>389</v>
      </c>
      <c r="E75610" s="15">
        <v>45431</v>
      </c>
      <c r="F75610" s="14" t="s">
        <v>61</v>
      </c>
      <c r="G75610" s="16">
        <v>3.5983676241513689E-3</v>
      </c>
    </row>
    <row r="75611" spans="1:7" x14ac:dyDescent="0.3">
      <c r="A75611" s="13" t="s">
        <v>388</v>
      </c>
      <c r="B75611" s="14" t="s">
        <v>1</v>
      </c>
      <c r="C75611" s="14" t="s">
        <v>47</v>
      </c>
      <c r="D75611" s="14" t="s">
        <v>389</v>
      </c>
      <c r="E75611" s="15">
        <v>45432</v>
      </c>
      <c r="F75611" s="14" t="s">
        <v>61</v>
      </c>
      <c r="G75611" s="16">
        <v>1.5088866680373967E-3</v>
      </c>
    </row>
    <row r="75612" spans="1:7" x14ac:dyDescent="0.3">
      <c r="A75612" s="13" t="s">
        <v>388</v>
      </c>
      <c r="B75612" s="14" t="s">
        <v>1</v>
      </c>
      <c r="C75612" s="14" t="s">
        <v>47</v>
      </c>
      <c r="D75612" s="14" t="s">
        <v>389</v>
      </c>
      <c r="E75612" s="15">
        <v>45433</v>
      </c>
      <c r="F75612" s="14" t="s">
        <v>61</v>
      </c>
      <c r="G75612" s="16">
        <v>7.5453875861446517E-3</v>
      </c>
    </row>
    <row r="75613" spans="1:7" x14ac:dyDescent="0.3">
      <c r="A75613" s="13" t="s">
        <v>388</v>
      </c>
      <c r="B75613" s="14" t="s">
        <v>1</v>
      </c>
      <c r="C75613" s="14" t="s">
        <v>47</v>
      </c>
      <c r="D75613" s="14" t="s">
        <v>389</v>
      </c>
      <c r="E75613" s="15">
        <v>45434</v>
      </c>
      <c r="F75613" s="14" t="s">
        <v>61</v>
      </c>
      <c r="G75613" s="16">
        <v>5.4021064530754767E-2</v>
      </c>
    </row>
    <row r="75614" spans="1:7" x14ac:dyDescent="0.3">
      <c r="A75614" s="13" t="s">
        <v>388</v>
      </c>
      <c r="B75614" s="14" t="s">
        <v>1</v>
      </c>
      <c r="C75614" s="14" t="s">
        <v>47</v>
      </c>
      <c r="D75614" s="14" t="s">
        <v>389</v>
      </c>
      <c r="E75614" s="15">
        <v>45435</v>
      </c>
      <c r="F75614" s="14" t="s">
        <v>61</v>
      </c>
      <c r="G75614" s="16">
        <v>5.1968957444615806E-2</v>
      </c>
    </row>
    <row r="75615" spans="1:7" x14ac:dyDescent="0.3">
      <c r="A75615" s="13" t="s">
        <v>388</v>
      </c>
      <c r="B75615" s="14" t="s">
        <v>1</v>
      </c>
      <c r="C75615" s="14" t="s">
        <v>47</v>
      </c>
      <c r="D75615" s="14" t="s">
        <v>389</v>
      </c>
      <c r="E75615" s="15">
        <v>45436</v>
      </c>
      <c r="F75615" s="14" t="s">
        <v>61</v>
      </c>
      <c r="G75615" s="16">
        <v>4.970032628324194E-2</v>
      </c>
    </row>
    <row r="75616" spans="1:7" x14ac:dyDescent="0.3">
      <c r="A75616" s="13" t="s">
        <v>388</v>
      </c>
      <c r="B75616" s="14" t="s">
        <v>1</v>
      </c>
      <c r="C75616" s="14" t="s">
        <v>47</v>
      </c>
      <c r="D75616" s="14" t="s">
        <v>389</v>
      </c>
      <c r="E75616" s="15">
        <v>45437</v>
      </c>
      <c r="F75616" s="14" t="s">
        <v>61</v>
      </c>
      <c r="G75616" s="16">
        <v>4.970032628324194E-2</v>
      </c>
    </row>
    <row r="75617" spans="1:7" x14ac:dyDescent="0.3">
      <c r="A75617" s="13" t="s">
        <v>388</v>
      </c>
      <c r="B75617" s="14" t="s">
        <v>1</v>
      </c>
      <c r="C75617" s="14" t="s">
        <v>47</v>
      </c>
      <c r="D75617" s="14" t="s">
        <v>389</v>
      </c>
      <c r="E75617" s="15">
        <v>45438</v>
      </c>
      <c r="F75617" s="14" t="s">
        <v>61</v>
      </c>
      <c r="G75617" s="16">
        <v>4.970032628324194E-2</v>
      </c>
    </row>
    <row r="75618" spans="1:7" x14ac:dyDescent="0.3">
      <c r="A75618" s="13" t="s">
        <v>388</v>
      </c>
      <c r="B75618" s="14" t="s">
        <v>1</v>
      </c>
      <c r="C75618" s="14" t="s">
        <v>47</v>
      </c>
      <c r="D75618" s="14" t="s">
        <v>389</v>
      </c>
      <c r="E75618" s="15">
        <v>45439</v>
      </c>
      <c r="F75618" s="14" t="s">
        <v>61</v>
      </c>
      <c r="G75618" s="16">
        <v>4.970032628324194E-2</v>
      </c>
    </row>
    <row r="75619" spans="1:7" x14ac:dyDescent="0.3">
      <c r="A75619" s="13" t="s">
        <v>388</v>
      </c>
      <c r="B75619" s="14" t="s">
        <v>1</v>
      </c>
      <c r="C75619" s="14" t="s">
        <v>47</v>
      </c>
      <c r="D75619" s="14" t="s">
        <v>389</v>
      </c>
      <c r="E75619" s="15">
        <v>45440</v>
      </c>
      <c r="F75619" s="14" t="s">
        <v>61</v>
      </c>
      <c r="G75619" s="16">
        <v>4.7550056492030979E-2</v>
      </c>
    </row>
    <row r="75620" spans="1:7" x14ac:dyDescent="0.3">
      <c r="A75620" s="13" t="s">
        <v>388</v>
      </c>
      <c r="B75620" s="14" t="s">
        <v>1</v>
      </c>
      <c r="C75620" s="14" t="s">
        <v>47</v>
      </c>
      <c r="D75620" s="14" t="s">
        <v>389</v>
      </c>
      <c r="E75620" s="15">
        <v>45441</v>
      </c>
      <c r="F75620" s="14" t="s">
        <v>61</v>
      </c>
      <c r="G75620" s="16">
        <v>9.0957762733443609E-2</v>
      </c>
    </row>
    <row r="75621" spans="1:7" x14ac:dyDescent="0.3">
      <c r="A75621" s="13" t="s">
        <v>388</v>
      </c>
      <c r="B75621" s="14" t="s">
        <v>1</v>
      </c>
      <c r="C75621" s="14" t="s">
        <v>47</v>
      </c>
      <c r="D75621" s="14" t="s">
        <v>389</v>
      </c>
      <c r="E75621" s="15">
        <v>45442</v>
      </c>
      <c r="F75621" s="14" t="s">
        <v>61</v>
      </c>
      <c r="G75621" s="16">
        <v>0.10694666043783518</v>
      </c>
    </row>
    <row r="75622" spans="1:7" x14ac:dyDescent="0.3">
      <c r="A75622" s="13" t="s">
        <v>388</v>
      </c>
      <c r="B75622" s="14" t="s">
        <v>1</v>
      </c>
      <c r="C75622" s="14" t="s">
        <v>47</v>
      </c>
      <c r="D75622" s="14" t="s">
        <v>389</v>
      </c>
      <c r="E75622" s="15">
        <v>45443</v>
      </c>
      <c r="F75622" s="14" t="s">
        <v>61</v>
      </c>
      <c r="G75622" s="16">
        <v>0.10475014632742076</v>
      </c>
    </row>
    <row r="75623" spans="1:7" x14ac:dyDescent="0.3">
      <c r="A75623" s="13" t="s">
        <v>388</v>
      </c>
      <c r="B75623" s="14" t="s">
        <v>1</v>
      </c>
      <c r="C75623" s="14" t="s">
        <v>47</v>
      </c>
      <c r="D75623" s="14" t="s">
        <v>389</v>
      </c>
      <c r="E75623" s="15">
        <v>45444</v>
      </c>
      <c r="F75623" s="14" t="s">
        <v>61</v>
      </c>
      <c r="G75623" s="16">
        <v>0.10475014632742076</v>
      </c>
    </row>
    <row r="75624" spans="1:7" x14ac:dyDescent="0.3">
      <c r="A75624" s="13" t="s">
        <v>388</v>
      </c>
      <c r="B75624" s="14" t="s">
        <v>1</v>
      </c>
      <c r="C75624" s="14" t="s">
        <v>47</v>
      </c>
      <c r="D75624" s="14" t="s">
        <v>389</v>
      </c>
      <c r="E75624" s="15">
        <v>45445</v>
      </c>
      <c r="F75624" s="14" t="s">
        <v>61</v>
      </c>
      <c r="G75624" s="16">
        <v>0.10475014632742076</v>
      </c>
    </row>
    <row r="75625" spans="1:7" x14ac:dyDescent="0.3">
      <c r="A75625" s="13" t="s">
        <v>388</v>
      </c>
      <c r="B75625" s="14" t="s">
        <v>1</v>
      </c>
      <c r="C75625" s="14" t="s">
        <v>47</v>
      </c>
      <c r="D75625" s="14" t="s">
        <v>389</v>
      </c>
      <c r="E75625" s="15">
        <v>45446</v>
      </c>
      <c r="F75625" s="14" t="s">
        <v>61</v>
      </c>
      <c r="G75625" s="16">
        <v>0.10475014632742076</v>
      </c>
    </row>
    <row r="75626" spans="1:7" x14ac:dyDescent="0.3">
      <c r="A75626" s="13" t="s">
        <v>388</v>
      </c>
      <c r="B75626" s="14" t="s">
        <v>1</v>
      </c>
      <c r="C75626" s="14" t="s">
        <v>47</v>
      </c>
      <c r="D75626" s="14" t="s">
        <v>389</v>
      </c>
      <c r="E75626" s="15">
        <v>45447</v>
      </c>
      <c r="F75626" s="14" t="s">
        <v>61</v>
      </c>
      <c r="G75626" s="16">
        <v>0.12864179586467672</v>
      </c>
    </row>
    <row r="75627" spans="1:7" x14ac:dyDescent="0.3">
      <c r="A75627" s="13" t="s">
        <v>388</v>
      </c>
      <c r="B75627" s="14" t="s">
        <v>1</v>
      </c>
      <c r="C75627" s="14" t="s">
        <v>47</v>
      </c>
      <c r="D75627" s="14" t="s">
        <v>389</v>
      </c>
      <c r="E75627" s="15">
        <v>45448</v>
      </c>
      <c r="F75627" s="14" t="s">
        <v>61</v>
      </c>
      <c r="G75627" s="16">
        <v>0.14699329612972376</v>
      </c>
    </row>
    <row r="75628" spans="1:7" x14ac:dyDescent="0.3">
      <c r="A75628" s="13" t="s">
        <v>388</v>
      </c>
      <c r="B75628" s="14" t="s">
        <v>1</v>
      </c>
      <c r="C75628" s="14" t="s">
        <v>47</v>
      </c>
      <c r="D75628" s="14" t="s">
        <v>389</v>
      </c>
      <c r="E75628" s="15">
        <v>45449</v>
      </c>
      <c r="F75628" s="14" t="s">
        <v>61</v>
      </c>
      <c r="G75628" s="16">
        <v>0.1446317251821973</v>
      </c>
    </row>
    <row r="75629" spans="1:7" x14ac:dyDescent="0.3">
      <c r="A75629" s="13" t="s">
        <v>388</v>
      </c>
      <c r="B75629" s="14" t="s">
        <v>1</v>
      </c>
      <c r="C75629" s="14" t="s">
        <v>47</v>
      </c>
      <c r="D75629" s="14" t="s">
        <v>389</v>
      </c>
      <c r="E75629" s="15">
        <v>45450</v>
      </c>
      <c r="F75629" s="14" t="s">
        <v>61</v>
      </c>
      <c r="G75629" s="16">
        <v>0.14368176137640193</v>
      </c>
    </row>
    <row r="75630" spans="1:7" x14ac:dyDescent="0.3">
      <c r="A75630" s="13" t="s">
        <v>388</v>
      </c>
      <c r="B75630" s="14" t="s">
        <v>1</v>
      </c>
      <c r="C75630" s="14" t="s">
        <v>47</v>
      </c>
      <c r="D75630" s="14" t="s">
        <v>389</v>
      </c>
      <c r="E75630" s="15">
        <v>45451</v>
      </c>
      <c r="F75630" s="14" t="s">
        <v>61</v>
      </c>
      <c r="G75630" s="16">
        <v>0.14368176137640193</v>
      </c>
    </row>
    <row r="75631" spans="1:7" x14ac:dyDescent="0.3">
      <c r="A75631" s="13" t="s">
        <v>388</v>
      </c>
      <c r="B75631" s="14" t="s">
        <v>1</v>
      </c>
      <c r="C75631" s="14" t="s">
        <v>47</v>
      </c>
      <c r="D75631" s="14" t="s">
        <v>389</v>
      </c>
      <c r="E75631" s="15">
        <v>45452</v>
      </c>
      <c r="F75631" s="14" t="s">
        <v>61</v>
      </c>
      <c r="G75631" s="16">
        <v>0.14368176137640193</v>
      </c>
    </row>
    <row r="75632" spans="1:7" x14ac:dyDescent="0.3">
      <c r="A75632" s="13" t="s">
        <v>388</v>
      </c>
      <c r="B75632" s="14" t="s">
        <v>1</v>
      </c>
      <c r="C75632" s="14" t="s">
        <v>47</v>
      </c>
      <c r="D75632" s="14" t="s">
        <v>389</v>
      </c>
      <c r="E75632" s="15">
        <v>45453</v>
      </c>
      <c r="F75632" s="14" t="s">
        <v>61</v>
      </c>
      <c r="G75632" s="16">
        <v>0.14204920436906163</v>
      </c>
    </row>
    <row r="75633" spans="1:7" x14ac:dyDescent="0.3">
      <c r="A75633" s="13" t="s">
        <v>388</v>
      </c>
      <c r="B75633" s="14" t="s">
        <v>1</v>
      </c>
      <c r="C75633" s="14" t="s">
        <v>47</v>
      </c>
      <c r="D75633" s="14" t="s">
        <v>389</v>
      </c>
      <c r="E75633" s="15">
        <v>45454</v>
      </c>
      <c r="F75633" s="14" t="s">
        <v>61</v>
      </c>
      <c r="G75633" s="16">
        <v>0.13604353518750337</v>
      </c>
    </row>
    <row r="75634" spans="1:7" x14ac:dyDescent="0.3">
      <c r="A75634" s="13" t="s">
        <v>388</v>
      </c>
      <c r="B75634" s="14" t="s">
        <v>1</v>
      </c>
      <c r="C75634" s="14" t="s">
        <v>47</v>
      </c>
      <c r="D75634" s="14" t="s">
        <v>389</v>
      </c>
      <c r="E75634" s="15">
        <v>45455</v>
      </c>
      <c r="F75634" s="14" t="s">
        <v>61</v>
      </c>
      <c r="G75634" s="16">
        <v>0.13308016039480847</v>
      </c>
    </row>
    <row r="75635" spans="1:7" x14ac:dyDescent="0.3">
      <c r="A75635" s="13" t="s">
        <v>388</v>
      </c>
      <c r="B75635" s="14" t="s">
        <v>1</v>
      </c>
      <c r="C75635" s="14" t="s">
        <v>47</v>
      </c>
      <c r="D75635" s="14" t="s">
        <v>389</v>
      </c>
      <c r="E75635" s="15">
        <v>45456</v>
      </c>
      <c r="F75635" s="14" t="s">
        <v>61</v>
      </c>
      <c r="G75635" s="16">
        <v>0.16165444660105646</v>
      </c>
    </row>
    <row r="75636" spans="1:7" x14ac:dyDescent="0.3">
      <c r="A75636" s="13" t="s">
        <v>388</v>
      </c>
      <c r="B75636" s="14" t="s">
        <v>1</v>
      </c>
      <c r="C75636" s="14" t="s">
        <v>47</v>
      </c>
      <c r="D75636" s="14" t="s">
        <v>389</v>
      </c>
      <c r="E75636" s="15">
        <v>45457</v>
      </c>
      <c r="F75636" s="14" t="s">
        <v>61</v>
      </c>
      <c r="G75636" s="16">
        <v>0.16610669442387282</v>
      </c>
    </row>
    <row r="75637" spans="1:7" x14ac:dyDescent="0.3">
      <c r="A75637" s="13" t="s">
        <v>388</v>
      </c>
      <c r="B75637" s="14" t="s">
        <v>1</v>
      </c>
      <c r="C75637" s="14" t="s">
        <v>47</v>
      </c>
      <c r="D75637" s="14" t="s">
        <v>389</v>
      </c>
      <c r="E75637" s="15">
        <v>45458</v>
      </c>
      <c r="F75637" s="14" t="s">
        <v>61</v>
      </c>
      <c r="G75637" s="16">
        <v>0.16610669442387282</v>
      </c>
    </row>
    <row r="75638" spans="1:7" x14ac:dyDescent="0.3">
      <c r="A75638" s="13" t="s">
        <v>388</v>
      </c>
      <c r="B75638" s="14" t="s">
        <v>1</v>
      </c>
      <c r="C75638" s="14" t="s">
        <v>47</v>
      </c>
      <c r="D75638" s="14" t="s">
        <v>389</v>
      </c>
      <c r="E75638" s="15">
        <v>45459</v>
      </c>
      <c r="F75638" s="14" t="s">
        <v>61</v>
      </c>
      <c r="G75638" s="16">
        <v>0.16610669442387282</v>
      </c>
    </row>
    <row r="75639" spans="1:7" x14ac:dyDescent="0.3">
      <c r="A75639" s="13" t="s">
        <v>388</v>
      </c>
      <c r="B75639" s="14" t="s">
        <v>1</v>
      </c>
      <c r="C75639" s="14" t="s">
        <v>47</v>
      </c>
      <c r="D75639" s="14" t="s">
        <v>389</v>
      </c>
      <c r="E75639" s="15">
        <v>45460</v>
      </c>
      <c r="F75639" s="14" t="s">
        <v>61</v>
      </c>
      <c r="G75639" s="16">
        <v>0.16456067342944594</v>
      </c>
    </row>
    <row r="75640" spans="1:7" x14ac:dyDescent="0.3">
      <c r="A75640" s="13" t="s">
        <v>388</v>
      </c>
      <c r="B75640" s="14" t="s">
        <v>1</v>
      </c>
      <c r="C75640" s="14" t="s">
        <v>47</v>
      </c>
      <c r="D75640" s="14" t="s">
        <v>389</v>
      </c>
      <c r="E75640" s="15">
        <v>45461</v>
      </c>
      <c r="F75640" s="14" t="s">
        <v>61</v>
      </c>
      <c r="G75640" s="16">
        <v>0.16533353522545019</v>
      </c>
    </row>
    <row r="75641" spans="1:7" x14ac:dyDescent="0.3">
      <c r="A75641" s="13" t="s">
        <v>388</v>
      </c>
      <c r="B75641" s="14" t="s">
        <v>1</v>
      </c>
      <c r="C75641" s="14" t="s">
        <v>47</v>
      </c>
      <c r="D75641" s="14" t="s">
        <v>389</v>
      </c>
      <c r="E75641" s="15">
        <v>45462</v>
      </c>
      <c r="F75641" s="14" t="s">
        <v>61</v>
      </c>
      <c r="G75641" s="16">
        <v>0.16533353522545019</v>
      </c>
    </row>
    <row r="75642" spans="1:7" x14ac:dyDescent="0.3">
      <c r="A75642" s="13" t="s">
        <v>388</v>
      </c>
      <c r="B75642" s="14" t="s">
        <v>1</v>
      </c>
      <c r="C75642" s="14" t="s">
        <v>47</v>
      </c>
      <c r="D75642" s="14" t="s">
        <v>389</v>
      </c>
      <c r="E75642" s="15">
        <v>45463</v>
      </c>
      <c r="F75642" s="14" t="s">
        <v>61</v>
      </c>
      <c r="G75642" s="16">
        <v>0.20113163575205045</v>
      </c>
    </row>
    <row r="75643" spans="1:7" x14ac:dyDescent="0.3">
      <c r="A75643" s="13" t="s">
        <v>388</v>
      </c>
      <c r="B75643" s="14" t="s">
        <v>1</v>
      </c>
      <c r="C75643" s="14" t="s">
        <v>47</v>
      </c>
      <c r="D75643" s="14" t="s">
        <v>389</v>
      </c>
      <c r="E75643" s="15">
        <v>45464</v>
      </c>
      <c r="F75643" s="14" t="s">
        <v>61</v>
      </c>
      <c r="G75643" s="16">
        <v>0.19707225562219252</v>
      </c>
    </row>
    <row r="75644" spans="1:7" x14ac:dyDescent="0.3">
      <c r="A75644" s="13" t="s">
        <v>388</v>
      </c>
      <c r="B75644" s="14" t="s">
        <v>1</v>
      </c>
      <c r="C75644" s="14" t="s">
        <v>47</v>
      </c>
      <c r="D75644" s="14" t="s">
        <v>389</v>
      </c>
      <c r="E75644" s="15">
        <v>45465</v>
      </c>
      <c r="F75644" s="14" t="s">
        <v>61</v>
      </c>
      <c r="G75644" s="16">
        <v>0.19707225562219252</v>
      </c>
    </row>
    <row r="75645" spans="1:7" x14ac:dyDescent="0.3">
      <c r="A75645" s="13" t="s">
        <v>388</v>
      </c>
      <c r="B75645" s="14" t="s">
        <v>1</v>
      </c>
      <c r="C75645" s="14" t="s">
        <v>47</v>
      </c>
      <c r="D75645" s="14" t="s">
        <v>389</v>
      </c>
      <c r="E75645" s="15">
        <v>45466</v>
      </c>
      <c r="F75645" s="14" t="s">
        <v>61</v>
      </c>
      <c r="G75645" s="16">
        <v>0.19707225562219252</v>
      </c>
    </row>
    <row r="75646" spans="1:7" x14ac:dyDescent="0.3">
      <c r="A75646" s="13" t="s">
        <v>388</v>
      </c>
      <c r="B75646" s="14" t="s">
        <v>1</v>
      </c>
      <c r="C75646" s="14" t="s">
        <v>47</v>
      </c>
      <c r="D75646" s="14" t="s">
        <v>389</v>
      </c>
      <c r="E75646" s="15">
        <v>45467</v>
      </c>
      <c r="F75646" s="14" t="s">
        <v>61</v>
      </c>
      <c r="G75646" s="16">
        <v>0.19712771544285082</v>
      </c>
    </row>
    <row r="75647" spans="1:7" x14ac:dyDescent="0.3">
      <c r="A75647" s="13" t="s">
        <v>388</v>
      </c>
      <c r="B75647" s="14" t="s">
        <v>1</v>
      </c>
      <c r="C75647" s="14" t="s">
        <v>47</v>
      </c>
      <c r="D75647" s="14" t="s">
        <v>389</v>
      </c>
      <c r="E75647" s="15">
        <v>45468</v>
      </c>
      <c r="F75647" s="14" t="s">
        <v>61</v>
      </c>
      <c r="G75647" s="16">
        <v>0.19419700563109829</v>
      </c>
    </row>
    <row r="75648" spans="1:7" x14ac:dyDescent="0.3">
      <c r="A75648" s="13" t="s">
        <v>388</v>
      </c>
      <c r="B75648" s="14" t="s">
        <v>1</v>
      </c>
      <c r="C75648" s="14" t="s">
        <v>47</v>
      </c>
      <c r="D75648" s="14" t="s">
        <v>389</v>
      </c>
      <c r="E75648" s="15">
        <v>45469</v>
      </c>
      <c r="F75648" s="14" t="s">
        <v>61</v>
      </c>
      <c r="G75648" s="16">
        <v>0.19277303860969847</v>
      </c>
    </row>
    <row r="75649" spans="1:7" x14ac:dyDescent="0.3">
      <c r="A75649" s="13" t="s">
        <v>388</v>
      </c>
      <c r="B75649" s="14" t="s">
        <v>1</v>
      </c>
      <c r="C75649" s="14" t="s">
        <v>47</v>
      </c>
      <c r="D75649" s="14" t="s">
        <v>389</v>
      </c>
      <c r="E75649" s="15">
        <v>45470</v>
      </c>
      <c r="F75649" s="14" t="s">
        <v>61</v>
      </c>
      <c r="G75649" s="16">
        <v>0.19030712723287002</v>
      </c>
    </row>
    <row r="75650" spans="1:7" x14ac:dyDescent="0.3">
      <c r="A75650" s="13" t="s">
        <v>388</v>
      </c>
      <c r="B75650" s="14" t="s">
        <v>1</v>
      </c>
      <c r="C75650" s="14" t="s">
        <v>47</v>
      </c>
      <c r="D75650" s="14" t="s">
        <v>389</v>
      </c>
      <c r="E75650" s="15">
        <v>45471</v>
      </c>
      <c r="F75650" s="14" t="s">
        <v>61</v>
      </c>
      <c r="G75650" s="16">
        <v>0.18807984907939498</v>
      </c>
    </row>
    <row r="75651" spans="1:7" x14ac:dyDescent="0.3">
      <c r="A75651" s="13" t="s">
        <v>388</v>
      </c>
      <c r="B75651" s="14" t="s">
        <v>1</v>
      </c>
      <c r="C75651" s="14" t="s">
        <v>47</v>
      </c>
      <c r="D75651" s="14" t="s">
        <v>389</v>
      </c>
      <c r="E75651" s="15">
        <v>45472</v>
      </c>
      <c r="F75651" s="14" t="s">
        <v>61</v>
      </c>
      <c r="G75651" s="16">
        <v>0.18807984907939498</v>
      </c>
    </row>
    <row r="75652" spans="1:7" x14ac:dyDescent="0.3">
      <c r="A75652" s="13" t="s">
        <v>388</v>
      </c>
      <c r="B75652" s="14" t="s">
        <v>1</v>
      </c>
      <c r="C75652" s="14" t="s">
        <v>47</v>
      </c>
      <c r="D75652" s="14" t="s">
        <v>389</v>
      </c>
      <c r="E75652" s="15">
        <v>45473</v>
      </c>
      <c r="F75652" s="14" t="s">
        <v>61</v>
      </c>
      <c r="G75652" s="16">
        <v>0.18807984907939498</v>
      </c>
    </row>
    <row r="75653" spans="1:7" x14ac:dyDescent="0.3">
      <c r="A75653" s="13" t="s">
        <v>388</v>
      </c>
      <c r="B75653" s="14" t="s">
        <v>1</v>
      </c>
      <c r="C75653" s="14" t="s">
        <v>47</v>
      </c>
      <c r="D75653" s="14" t="s">
        <v>389</v>
      </c>
      <c r="E75653" s="15">
        <v>45474</v>
      </c>
      <c r="F75653" s="14" t="s">
        <v>61</v>
      </c>
      <c r="G75653" s="16">
        <v>0.19421023059459605</v>
      </c>
    </row>
    <row r="75654" spans="1:7" x14ac:dyDescent="0.3">
      <c r="A75654" s="13" t="s">
        <v>388</v>
      </c>
      <c r="B75654" s="14" t="s">
        <v>1</v>
      </c>
      <c r="C75654" s="14" t="s">
        <v>47</v>
      </c>
      <c r="D75654" s="14" t="s">
        <v>389</v>
      </c>
      <c r="E75654" s="15">
        <v>45475</v>
      </c>
      <c r="F75654" s="14" t="s">
        <v>61</v>
      </c>
      <c r="G75654" s="16">
        <v>0.18924609285782443</v>
      </c>
    </row>
    <row r="75655" spans="1:7" x14ac:dyDescent="0.3">
      <c r="A75655" s="13" t="s">
        <v>388</v>
      </c>
      <c r="B75655" s="14" t="s">
        <v>1</v>
      </c>
      <c r="C75655" s="14" t="s">
        <v>47</v>
      </c>
      <c r="D75655" s="14" t="s">
        <v>389</v>
      </c>
      <c r="E75655" s="15">
        <v>45476</v>
      </c>
      <c r="F75655" s="14" t="s">
        <v>61</v>
      </c>
      <c r="G75655" s="16">
        <v>0.19697832825631278</v>
      </c>
    </row>
    <row r="75656" spans="1:7" x14ac:dyDescent="0.3">
      <c r="A75656" s="13" t="s">
        <v>388</v>
      </c>
      <c r="B75656" s="14" t="s">
        <v>1</v>
      </c>
      <c r="C75656" s="14" t="s">
        <v>47</v>
      </c>
      <c r="D75656" s="14" t="s">
        <v>389</v>
      </c>
      <c r="E75656" s="15">
        <v>45477</v>
      </c>
      <c r="F75656" s="14" t="s">
        <v>61</v>
      </c>
      <c r="G75656" s="16">
        <v>0.19697832825631278</v>
      </c>
    </row>
    <row r="75657" spans="1:7" x14ac:dyDescent="0.3">
      <c r="A75657" s="13" t="s">
        <v>388</v>
      </c>
      <c r="B75657" s="14" t="s">
        <v>1</v>
      </c>
      <c r="C75657" s="14" t="s">
        <v>47</v>
      </c>
      <c r="D75657" s="14" t="s">
        <v>389</v>
      </c>
      <c r="E75657" s="15">
        <v>45478</v>
      </c>
      <c r="F75657" s="14" t="s">
        <v>61</v>
      </c>
      <c r="G75657" s="16">
        <v>0.19400983492946489</v>
      </c>
    </row>
    <row r="75658" spans="1:7" x14ac:dyDescent="0.3">
      <c r="A75658" s="13" t="s">
        <v>388</v>
      </c>
      <c r="B75658" s="14" t="s">
        <v>1</v>
      </c>
      <c r="C75658" s="14" t="s">
        <v>47</v>
      </c>
      <c r="D75658" s="14" t="s">
        <v>389</v>
      </c>
      <c r="E75658" s="15">
        <v>45479</v>
      </c>
      <c r="F75658" s="14" t="s">
        <v>61</v>
      </c>
      <c r="G75658" s="16">
        <v>0.19400983492946489</v>
      </c>
    </row>
    <row r="75659" spans="1:7" x14ac:dyDescent="0.3">
      <c r="A75659" s="13" t="s">
        <v>388</v>
      </c>
      <c r="B75659" s="14" t="s">
        <v>1</v>
      </c>
      <c r="C75659" s="14" t="s">
        <v>47</v>
      </c>
      <c r="D75659" s="14" t="s">
        <v>389</v>
      </c>
      <c r="E75659" s="15">
        <v>45480</v>
      </c>
      <c r="F75659" s="14" t="s">
        <v>61</v>
      </c>
      <c r="G75659" s="16">
        <v>0.19400983492946489</v>
      </c>
    </row>
    <row r="75660" spans="1:7" x14ac:dyDescent="0.3">
      <c r="A75660" s="13" t="s">
        <v>388</v>
      </c>
      <c r="B75660" s="14" t="s">
        <v>1</v>
      </c>
      <c r="C75660" s="14" t="s">
        <v>47</v>
      </c>
      <c r="D75660" s="14" t="s">
        <v>389</v>
      </c>
      <c r="E75660" s="15">
        <v>45481</v>
      </c>
      <c r="F75660" s="14" t="s">
        <v>61</v>
      </c>
      <c r="G75660" s="16">
        <v>0.19013086677036695</v>
      </c>
    </row>
    <row r="75661" spans="1:7" x14ac:dyDescent="0.3">
      <c r="A75661" s="13" t="s">
        <v>388</v>
      </c>
      <c r="B75661" s="14" t="s">
        <v>1</v>
      </c>
      <c r="C75661" s="14" t="s">
        <v>47</v>
      </c>
      <c r="D75661" s="14" t="s">
        <v>389</v>
      </c>
      <c r="E75661" s="15">
        <v>45482</v>
      </c>
      <c r="F75661" s="14" t="s">
        <v>61</v>
      </c>
      <c r="G75661" s="16">
        <v>0.1840710895016904</v>
      </c>
    </row>
    <row r="75662" spans="1:7" x14ac:dyDescent="0.3">
      <c r="A75662" s="13" t="s">
        <v>388</v>
      </c>
      <c r="B75662" s="14" t="s">
        <v>1</v>
      </c>
      <c r="C75662" s="14" t="s">
        <v>47</v>
      </c>
      <c r="D75662" s="14" t="s">
        <v>389</v>
      </c>
      <c r="E75662" s="15">
        <v>45483</v>
      </c>
      <c r="F75662" s="14" t="s">
        <v>61</v>
      </c>
      <c r="G75662" s="16">
        <v>0.18171917651168729</v>
      </c>
    </row>
    <row r="75663" spans="1:7" x14ac:dyDescent="0.3">
      <c r="A75663" s="13" t="s">
        <v>388</v>
      </c>
      <c r="B75663" s="14" t="s">
        <v>1</v>
      </c>
      <c r="C75663" s="14" t="s">
        <v>47</v>
      </c>
      <c r="D75663" s="14" t="s">
        <v>389</v>
      </c>
      <c r="E75663" s="15">
        <v>45484</v>
      </c>
      <c r="F75663" s="14" t="s">
        <v>61</v>
      </c>
      <c r="G75663" s="16">
        <v>0.17900476398187395</v>
      </c>
    </row>
    <row r="75664" spans="1:7" x14ac:dyDescent="0.3">
      <c r="A75664" s="13" t="s">
        <v>388</v>
      </c>
      <c r="B75664" s="14" t="s">
        <v>1</v>
      </c>
      <c r="C75664" s="14" t="s">
        <v>47</v>
      </c>
      <c r="D75664" s="14" t="s">
        <v>389</v>
      </c>
      <c r="E75664" s="15">
        <v>45485</v>
      </c>
      <c r="F75664" s="14" t="s">
        <v>61</v>
      </c>
      <c r="G75664" s="16">
        <v>0.1762729753661206</v>
      </c>
    </row>
    <row r="75665" spans="1:7" x14ac:dyDescent="0.3">
      <c r="A75665" s="13" t="s">
        <v>388</v>
      </c>
      <c r="B75665" s="14" t="s">
        <v>1</v>
      </c>
      <c r="C75665" s="14" t="s">
        <v>47</v>
      </c>
      <c r="D75665" s="14" t="s">
        <v>389</v>
      </c>
      <c r="E75665" s="15">
        <v>45486</v>
      </c>
      <c r="F75665" s="14" t="s">
        <v>61</v>
      </c>
      <c r="G75665" s="16">
        <v>0.1762729753661206</v>
      </c>
    </row>
    <row r="75666" spans="1:7" x14ac:dyDescent="0.3">
      <c r="A75666" s="13" t="s">
        <v>388</v>
      </c>
      <c r="B75666" s="14" t="s">
        <v>1</v>
      </c>
      <c r="C75666" s="14" t="s">
        <v>47</v>
      </c>
      <c r="D75666" s="14" t="s">
        <v>389</v>
      </c>
      <c r="E75666" s="15">
        <v>45487</v>
      </c>
      <c r="F75666" s="14" t="s">
        <v>61</v>
      </c>
      <c r="G75666" s="16">
        <v>0.1762729753661206</v>
      </c>
    </row>
    <row r="75667" spans="1:7" x14ac:dyDescent="0.3">
      <c r="A75667" s="13" t="s">
        <v>388</v>
      </c>
      <c r="B75667" s="14" t="s">
        <v>1</v>
      </c>
      <c r="C75667" s="14" t="s">
        <v>47</v>
      </c>
      <c r="D75667" s="14" t="s">
        <v>389</v>
      </c>
      <c r="E75667" s="15">
        <v>45488</v>
      </c>
      <c r="F75667" s="14" t="s">
        <v>61</v>
      </c>
      <c r="G75667" s="16">
        <v>0.17737861585209816</v>
      </c>
    </row>
    <row r="75668" spans="1:7" x14ac:dyDescent="0.3">
      <c r="A75668" s="13" t="s">
        <v>388</v>
      </c>
      <c r="B75668" s="14" t="s">
        <v>1</v>
      </c>
      <c r="C75668" s="14" t="s">
        <v>47</v>
      </c>
      <c r="D75668" s="14" t="s">
        <v>389</v>
      </c>
      <c r="E75668" s="15">
        <v>45489</v>
      </c>
      <c r="F75668" s="14" t="s">
        <v>61</v>
      </c>
      <c r="G75668" s="16">
        <v>0.17079915718780289</v>
      </c>
    </row>
    <row r="75669" spans="1:7" x14ac:dyDescent="0.3">
      <c r="A75669" s="13" t="s">
        <v>388</v>
      </c>
      <c r="B75669" s="14" t="s">
        <v>1</v>
      </c>
      <c r="C75669" s="14" t="s">
        <v>47</v>
      </c>
      <c r="D75669" s="14" t="s">
        <v>389</v>
      </c>
      <c r="E75669" s="15">
        <v>45490</v>
      </c>
      <c r="F75669" s="14" t="s">
        <v>61</v>
      </c>
      <c r="G75669" s="16">
        <v>0.16806183151565438</v>
      </c>
    </row>
    <row r="75670" spans="1:7" x14ac:dyDescent="0.3">
      <c r="A75670" s="13" t="s">
        <v>388</v>
      </c>
      <c r="B75670" s="14" t="s">
        <v>1</v>
      </c>
      <c r="C75670" s="14" t="s">
        <v>47</v>
      </c>
      <c r="D75670" s="14" t="s">
        <v>389</v>
      </c>
      <c r="E75670" s="15">
        <v>45491</v>
      </c>
      <c r="F75670" s="14" t="s">
        <v>61</v>
      </c>
      <c r="G75670" s="16">
        <v>0.16660653358806365</v>
      </c>
    </row>
    <row r="75671" spans="1:7" x14ac:dyDescent="0.3">
      <c r="A75671" s="13" t="s">
        <v>388</v>
      </c>
      <c r="B75671" s="14" t="s">
        <v>1</v>
      </c>
      <c r="C75671" s="14" t="s">
        <v>47</v>
      </c>
      <c r="D75671" s="14" t="s">
        <v>389</v>
      </c>
      <c r="E75671" s="15">
        <v>45492</v>
      </c>
      <c r="F75671" s="14" t="s">
        <v>61</v>
      </c>
      <c r="G75671" s="16">
        <v>0.16471894028356168</v>
      </c>
    </row>
    <row r="75672" spans="1:7" x14ac:dyDescent="0.3">
      <c r="A75672" s="13" t="s">
        <v>388</v>
      </c>
      <c r="B75672" s="14" t="s">
        <v>1</v>
      </c>
      <c r="C75672" s="14" t="s">
        <v>47</v>
      </c>
      <c r="D75672" s="14" t="s">
        <v>389</v>
      </c>
      <c r="E75672" s="15">
        <v>45493</v>
      </c>
      <c r="F75672" s="14" t="s">
        <v>61</v>
      </c>
      <c r="G75672" s="16">
        <v>0.16471894028356168</v>
      </c>
    </row>
    <row r="75673" spans="1:7" x14ac:dyDescent="0.3">
      <c r="A75673" s="13" t="s">
        <v>388</v>
      </c>
      <c r="B75673" s="14" t="s">
        <v>1</v>
      </c>
      <c r="C75673" s="14" t="s">
        <v>47</v>
      </c>
      <c r="D75673" s="14" t="s">
        <v>389</v>
      </c>
      <c r="E75673" s="15">
        <v>45494</v>
      </c>
      <c r="F75673" s="14" t="s">
        <v>61</v>
      </c>
      <c r="G75673" s="16">
        <v>0.16471894028356168</v>
      </c>
    </row>
    <row r="75674" spans="1:7" x14ac:dyDescent="0.3">
      <c r="A75674" s="13" t="s">
        <v>388</v>
      </c>
      <c r="B75674" s="14" t="s">
        <v>1</v>
      </c>
      <c r="C75674" s="14" t="s">
        <v>47</v>
      </c>
      <c r="D75674" s="14" t="s">
        <v>389</v>
      </c>
      <c r="E75674" s="15">
        <v>45495</v>
      </c>
      <c r="F75674" s="14" t="s">
        <v>61</v>
      </c>
      <c r="G75674" s="16">
        <v>0.16245738566853477</v>
      </c>
    </row>
    <row r="75675" spans="1:7" x14ac:dyDescent="0.3">
      <c r="A75675" s="13" t="s">
        <v>388</v>
      </c>
      <c r="B75675" s="14" t="s">
        <v>1</v>
      </c>
      <c r="C75675" s="14" t="s">
        <v>47</v>
      </c>
      <c r="D75675" s="14" t="s">
        <v>389</v>
      </c>
      <c r="E75675" s="15">
        <v>45496</v>
      </c>
      <c r="F75675" s="14" t="s">
        <v>61</v>
      </c>
      <c r="G75675" s="16">
        <v>0.15691848516020854</v>
      </c>
    </row>
    <row r="75676" spans="1:7" x14ac:dyDescent="0.3">
      <c r="A75676" s="13" t="s">
        <v>388</v>
      </c>
      <c r="B75676" s="14" t="s">
        <v>1</v>
      </c>
      <c r="C75676" s="14" t="s">
        <v>47</v>
      </c>
      <c r="D75676" s="14" t="s">
        <v>389</v>
      </c>
      <c r="E75676" s="15">
        <v>45497</v>
      </c>
      <c r="F75676" s="14" t="s">
        <v>61</v>
      </c>
      <c r="G75676" s="16">
        <v>0.15504812202920359</v>
      </c>
    </row>
    <row r="75677" spans="1:7" x14ac:dyDescent="0.3">
      <c r="A75677" s="13" t="s">
        <v>388</v>
      </c>
      <c r="B75677" s="14" t="s">
        <v>1</v>
      </c>
      <c r="C75677" s="14" t="s">
        <v>47</v>
      </c>
      <c r="D75677" s="14" t="s">
        <v>389</v>
      </c>
      <c r="E75677" s="15">
        <v>45498</v>
      </c>
      <c r="F75677" s="14" t="s">
        <v>61</v>
      </c>
      <c r="G75677" s="16">
        <v>0.15292702258595911</v>
      </c>
    </row>
    <row r="75678" spans="1:7" x14ac:dyDescent="0.3">
      <c r="A75678" s="13" t="s">
        <v>388</v>
      </c>
      <c r="B75678" s="14" t="s">
        <v>1</v>
      </c>
      <c r="C75678" s="14" t="s">
        <v>47</v>
      </c>
      <c r="D75678" s="14" t="s">
        <v>389</v>
      </c>
      <c r="E75678" s="15">
        <v>45499</v>
      </c>
      <c r="F75678" s="14" t="s">
        <v>61</v>
      </c>
      <c r="G75678" s="16">
        <v>0.1507758615361795</v>
      </c>
    </row>
    <row r="75679" spans="1:7" x14ac:dyDescent="0.3">
      <c r="A75679" s="13" t="s">
        <v>388</v>
      </c>
      <c r="B75679" s="14" t="s">
        <v>1</v>
      </c>
      <c r="C75679" s="14" t="s">
        <v>47</v>
      </c>
      <c r="D75679" s="14" t="s">
        <v>389</v>
      </c>
      <c r="E75679" s="15">
        <v>45500</v>
      </c>
      <c r="F75679" s="14" t="s">
        <v>61</v>
      </c>
      <c r="G75679" s="16">
        <v>0.1507758615361795</v>
      </c>
    </row>
    <row r="75680" spans="1:7" x14ac:dyDescent="0.3">
      <c r="A75680" s="13" t="s">
        <v>388</v>
      </c>
      <c r="B75680" s="14" t="s">
        <v>1</v>
      </c>
      <c r="C75680" s="14" t="s">
        <v>47</v>
      </c>
      <c r="D75680" s="14" t="s">
        <v>389</v>
      </c>
      <c r="E75680" s="15">
        <v>45501</v>
      </c>
      <c r="F75680" s="14" t="s">
        <v>61</v>
      </c>
      <c r="G75680" s="16">
        <v>0.1507758615361795</v>
      </c>
    </row>
    <row r="75681" spans="1:7" x14ac:dyDescent="0.3">
      <c r="A75681" s="13" t="s">
        <v>388</v>
      </c>
      <c r="B75681" s="14" t="s">
        <v>1</v>
      </c>
      <c r="C75681" s="14" t="s">
        <v>47</v>
      </c>
      <c r="D75681" s="14" t="s">
        <v>389</v>
      </c>
      <c r="E75681" s="15">
        <v>45502</v>
      </c>
      <c r="F75681" s="14" t="s">
        <v>61</v>
      </c>
      <c r="G75681" s="16">
        <v>0.14935711467732293</v>
      </c>
    </row>
    <row r="75682" spans="1:7" x14ac:dyDescent="0.3">
      <c r="A75682" s="13" t="s">
        <v>388</v>
      </c>
      <c r="B75682" s="14" t="s">
        <v>1</v>
      </c>
      <c r="C75682" s="14" t="s">
        <v>47</v>
      </c>
      <c r="D75682" s="14" t="s">
        <v>389</v>
      </c>
      <c r="E75682" s="15">
        <v>45503</v>
      </c>
      <c r="F75682" s="14" t="s">
        <v>61</v>
      </c>
      <c r="G75682" s="16">
        <v>0.14351456457777126</v>
      </c>
    </row>
    <row r="75683" spans="1:7" x14ac:dyDescent="0.3">
      <c r="A75683" s="13" t="s">
        <v>388</v>
      </c>
      <c r="B75683" s="14" t="s">
        <v>1</v>
      </c>
      <c r="C75683" s="14" t="s">
        <v>47</v>
      </c>
      <c r="D75683" s="14" t="s">
        <v>389</v>
      </c>
      <c r="E75683" s="15">
        <v>45504</v>
      </c>
      <c r="F75683" s="14" t="s">
        <v>61</v>
      </c>
      <c r="G75683" s="16">
        <v>0.14141557473708202</v>
      </c>
    </row>
    <row r="75684" spans="1:7" x14ac:dyDescent="0.3">
      <c r="A75684" s="13" t="s">
        <v>388</v>
      </c>
      <c r="B75684" s="14" t="s">
        <v>1</v>
      </c>
      <c r="C75684" s="14" t="s">
        <v>47</v>
      </c>
      <c r="D75684" s="14" t="s">
        <v>389</v>
      </c>
      <c r="E75684" s="15">
        <v>45505</v>
      </c>
      <c r="F75684" s="14" t="s">
        <v>61</v>
      </c>
      <c r="G75684" s="16">
        <v>0.13992608560364223</v>
      </c>
    </row>
    <row r="75685" spans="1:7" x14ac:dyDescent="0.3">
      <c r="A75685" s="13" t="s">
        <v>388</v>
      </c>
      <c r="B75685" s="14" t="s">
        <v>1</v>
      </c>
      <c r="C75685" s="14" t="s">
        <v>47</v>
      </c>
      <c r="D75685" s="14" t="s">
        <v>389</v>
      </c>
      <c r="E75685" s="15">
        <v>45506</v>
      </c>
      <c r="F75685" s="14" t="s">
        <v>61</v>
      </c>
      <c r="G75685" s="16">
        <v>0.13594854537756629</v>
      </c>
    </row>
    <row r="75686" spans="1:7" x14ac:dyDescent="0.3">
      <c r="A75686" s="13" t="s">
        <v>388</v>
      </c>
      <c r="B75686" s="14" t="s">
        <v>1</v>
      </c>
      <c r="C75686" s="14" t="s">
        <v>47</v>
      </c>
      <c r="D75686" s="14" t="s">
        <v>389</v>
      </c>
      <c r="E75686" s="15">
        <v>45507</v>
      </c>
      <c r="F75686" s="14" t="s">
        <v>61</v>
      </c>
      <c r="G75686" s="16">
        <v>0.13594854537756629</v>
      </c>
    </row>
    <row r="75687" spans="1:7" x14ac:dyDescent="0.3">
      <c r="A75687" s="13" t="s">
        <v>388</v>
      </c>
      <c r="B75687" s="14" t="s">
        <v>1</v>
      </c>
      <c r="C75687" s="14" t="s">
        <v>47</v>
      </c>
      <c r="D75687" s="14" t="s">
        <v>389</v>
      </c>
      <c r="E75687" s="15">
        <v>45508</v>
      </c>
      <c r="F75687" s="14" t="s">
        <v>61</v>
      </c>
      <c r="G75687" s="16">
        <v>0.13594854537756629</v>
      </c>
    </row>
    <row r="75688" spans="1:7" x14ac:dyDescent="0.3">
      <c r="A75688" s="13" t="s">
        <v>388</v>
      </c>
      <c r="B75688" s="14" t="s">
        <v>1</v>
      </c>
      <c r="C75688" s="14" t="s">
        <v>47</v>
      </c>
      <c r="D75688" s="14" t="s">
        <v>389</v>
      </c>
      <c r="E75688" s="15">
        <v>45509</v>
      </c>
      <c r="F75688" s="14" t="s">
        <v>61</v>
      </c>
      <c r="G75688" s="16">
        <v>0.13594854537756629</v>
      </c>
    </row>
    <row r="75689" spans="1:7" x14ac:dyDescent="0.3">
      <c r="A75689" s="13" t="s">
        <v>388</v>
      </c>
      <c r="B75689" s="14" t="s">
        <v>1</v>
      </c>
      <c r="C75689" s="14" t="s">
        <v>47</v>
      </c>
      <c r="D75689" s="14" t="s">
        <v>389</v>
      </c>
      <c r="E75689" s="15">
        <v>45510</v>
      </c>
      <c r="F75689" s="14" t="s">
        <v>61</v>
      </c>
      <c r="G75689" s="16">
        <v>0.13380566905993946</v>
      </c>
    </row>
    <row r="75690" spans="1:7" x14ac:dyDescent="0.3">
      <c r="A75690" s="13" t="s">
        <v>388</v>
      </c>
      <c r="B75690" s="14" t="s">
        <v>1</v>
      </c>
      <c r="C75690" s="14" t="s">
        <v>47</v>
      </c>
      <c r="D75690" s="14" t="s">
        <v>389</v>
      </c>
      <c r="E75690" s="15">
        <v>45511</v>
      </c>
      <c r="F75690" s="14" t="s">
        <v>61</v>
      </c>
      <c r="G75690" s="16">
        <v>0.12654481793420452</v>
      </c>
    </row>
    <row r="75691" spans="1:7" x14ac:dyDescent="0.3">
      <c r="A75691" s="13" t="s">
        <v>388</v>
      </c>
      <c r="B75691" s="14" t="s">
        <v>1</v>
      </c>
      <c r="C75691" s="14" t="s">
        <v>47</v>
      </c>
      <c r="D75691" s="14" t="s">
        <v>389</v>
      </c>
      <c r="E75691" s="15">
        <v>45512</v>
      </c>
      <c r="F75691" s="14" t="s">
        <v>61</v>
      </c>
      <c r="G75691" s="16">
        <v>0.12476787067017771</v>
      </c>
    </row>
    <row r="75692" spans="1:7" x14ac:dyDescent="0.3">
      <c r="A75692" s="13" t="s">
        <v>388</v>
      </c>
      <c r="B75692" s="14" t="s">
        <v>1</v>
      </c>
      <c r="C75692" s="14" t="s">
        <v>47</v>
      </c>
      <c r="D75692" s="14" t="s">
        <v>389</v>
      </c>
      <c r="E75692" s="15">
        <v>45513</v>
      </c>
      <c r="F75692" s="14" t="s">
        <v>61</v>
      </c>
      <c r="G75692" s="16">
        <v>0.1229970358522114</v>
      </c>
    </row>
    <row r="75693" spans="1:7" x14ac:dyDescent="0.3">
      <c r="A75693" s="13" t="s">
        <v>388</v>
      </c>
      <c r="B75693" s="14" t="s">
        <v>1</v>
      </c>
      <c r="C75693" s="14" t="s">
        <v>47</v>
      </c>
      <c r="D75693" s="14" t="s">
        <v>389</v>
      </c>
      <c r="E75693" s="15">
        <v>45514</v>
      </c>
      <c r="F75693" s="14" t="s">
        <v>61</v>
      </c>
      <c r="G75693" s="16">
        <v>0.1229970358522114</v>
      </c>
    </row>
    <row r="75694" spans="1:7" x14ac:dyDescent="0.3">
      <c r="A75694" s="13" t="s">
        <v>388</v>
      </c>
      <c r="B75694" s="14" t="s">
        <v>1</v>
      </c>
      <c r="C75694" s="14" t="s">
        <v>47</v>
      </c>
      <c r="D75694" s="14" t="s">
        <v>389</v>
      </c>
      <c r="E75694" s="15">
        <v>45515</v>
      </c>
      <c r="F75694" s="14" t="s">
        <v>61</v>
      </c>
      <c r="G75694" s="16">
        <v>0.1229970358522114</v>
      </c>
    </row>
    <row r="75695" spans="1:7" x14ac:dyDescent="0.3">
      <c r="A75695" s="13" t="s">
        <v>388</v>
      </c>
      <c r="B75695" s="14" t="s">
        <v>1</v>
      </c>
      <c r="C75695" s="14" t="s">
        <v>47</v>
      </c>
      <c r="D75695" s="14" t="s">
        <v>389</v>
      </c>
      <c r="E75695" s="15">
        <v>45516</v>
      </c>
      <c r="F75695" s="14" t="s">
        <v>61</v>
      </c>
      <c r="G75695" s="16">
        <v>0.12097683076107012</v>
      </c>
    </row>
    <row r="75696" spans="1:7" x14ac:dyDescent="0.3">
      <c r="A75696" s="13" t="s">
        <v>388</v>
      </c>
      <c r="B75696" s="14" t="s">
        <v>1</v>
      </c>
      <c r="C75696" s="14" t="s">
        <v>47</v>
      </c>
      <c r="D75696" s="14" t="s">
        <v>389</v>
      </c>
      <c r="E75696" s="15">
        <v>45517</v>
      </c>
      <c r="F75696" s="14" t="s">
        <v>61</v>
      </c>
      <c r="G75696" s="16">
        <v>0.11555914882847518</v>
      </c>
    </row>
    <row r="75697" spans="1:7" x14ac:dyDescent="0.3">
      <c r="A75697" s="13" t="s">
        <v>388</v>
      </c>
      <c r="B75697" s="14" t="s">
        <v>1</v>
      </c>
      <c r="C75697" s="14" t="s">
        <v>47</v>
      </c>
      <c r="D75697" s="14" t="s">
        <v>389</v>
      </c>
      <c r="E75697" s="15">
        <v>45518</v>
      </c>
      <c r="F75697" s="14" t="s">
        <v>61</v>
      </c>
      <c r="G75697" s="16">
        <v>0.1135091515919103</v>
      </c>
    </row>
    <row r="75698" spans="1:7" x14ac:dyDescent="0.3">
      <c r="A75698" s="13" t="s">
        <v>388</v>
      </c>
      <c r="B75698" s="14" t="s">
        <v>1</v>
      </c>
      <c r="C75698" s="14" t="s">
        <v>47</v>
      </c>
      <c r="D75698" s="14" t="s">
        <v>389</v>
      </c>
      <c r="E75698" s="15">
        <v>45519</v>
      </c>
      <c r="F75698" s="14" t="s">
        <v>61</v>
      </c>
      <c r="G75698" s="16">
        <v>0.11200963402474813</v>
      </c>
    </row>
    <row r="75699" spans="1:7" x14ac:dyDescent="0.3">
      <c r="A75699" s="13" t="s">
        <v>388</v>
      </c>
      <c r="B75699" s="14" t="s">
        <v>1</v>
      </c>
      <c r="C75699" s="14" t="s">
        <v>47</v>
      </c>
      <c r="D75699" s="14" t="s">
        <v>389</v>
      </c>
      <c r="E75699" s="15">
        <v>45520</v>
      </c>
      <c r="F75699" s="14" t="s">
        <v>61</v>
      </c>
      <c r="G75699" s="16">
        <v>0.11128377025075706</v>
      </c>
    </row>
    <row r="75700" spans="1:7" x14ac:dyDescent="0.3">
      <c r="A75700" s="13" t="s">
        <v>388</v>
      </c>
      <c r="B75700" s="14" t="s">
        <v>1</v>
      </c>
      <c r="C75700" s="14" t="s">
        <v>47</v>
      </c>
      <c r="D75700" s="14" t="s">
        <v>389</v>
      </c>
      <c r="E75700" s="15">
        <v>45521</v>
      </c>
      <c r="F75700" s="14" t="s">
        <v>61</v>
      </c>
      <c r="G75700" s="16">
        <v>0.11128377025075706</v>
      </c>
    </row>
    <row r="75701" spans="1:7" x14ac:dyDescent="0.3">
      <c r="A75701" s="13" t="s">
        <v>388</v>
      </c>
      <c r="B75701" s="14" t="s">
        <v>1</v>
      </c>
      <c r="C75701" s="14" t="s">
        <v>47</v>
      </c>
      <c r="D75701" s="14" t="s">
        <v>389</v>
      </c>
      <c r="E75701" s="15">
        <v>45522</v>
      </c>
      <c r="F75701" s="14" t="s">
        <v>61</v>
      </c>
      <c r="G75701" s="16">
        <v>0.11128377025075706</v>
      </c>
    </row>
    <row r="75702" spans="1:7" x14ac:dyDescent="0.3">
      <c r="A75702" s="13" t="s">
        <v>388</v>
      </c>
      <c r="B75702" s="14" t="s">
        <v>1</v>
      </c>
      <c r="C75702" s="14" t="s">
        <v>47</v>
      </c>
      <c r="D75702" s="14" t="s">
        <v>389</v>
      </c>
      <c r="E75702" s="15">
        <v>45523</v>
      </c>
      <c r="F75702" s="14" t="s">
        <v>61</v>
      </c>
      <c r="G75702" s="16">
        <v>0.10874293485325941</v>
      </c>
    </row>
    <row r="75703" spans="1:7" x14ac:dyDescent="0.3">
      <c r="A75703" s="13" t="s">
        <v>388</v>
      </c>
      <c r="B75703" s="14" t="s">
        <v>1</v>
      </c>
      <c r="C75703" s="14" t="s">
        <v>47</v>
      </c>
      <c r="D75703" s="14" t="s">
        <v>389</v>
      </c>
      <c r="E75703" s="15">
        <v>45524</v>
      </c>
      <c r="F75703" s="14" t="s">
        <v>61</v>
      </c>
      <c r="G75703" s="16">
        <v>0.10241447966653201</v>
      </c>
    </row>
    <row r="75704" spans="1:7" x14ac:dyDescent="0.3">
      <c r="A75704" s="13" t="s">
        <v>388</v>
      </c>
      <c r="B75704" s="14" t="s">
        <v>1</v>
      </c>
      <c r="C75704" s="14" t="s">
        <v>47</v>
      </c>
      <c r="D75704" s="14" t="s">
        <v>389</v>
      </c>
      <c r="E75704" s="15">
        <v>45525</v>
      </c>
      <c r="F75704" s="14" t="s">
        <v>61</v>
      </c>
      <c r="G75704" s="16">
        <v>0.10023962404911581</v>
      </c>
    </row>
    <row r="75705" spans="1:7" x14ac:dyDescent="0.3">
      <c r="A75705" s="13" t="s">
        <v>388</v>
      </c>
      <c r="B75705" s="14" t="s">
        <v>1</v>
      </c>
      <c r="C75705" s="14" t="s">
        <v>47</v>
      </c>
      <c r="D75705" s="14" t="s">
        <v>389</v>
      </c>
      <c r="E75705" s="15">
        <v>45526</v>
      </c>
      <c r="F75705" s="14" t="s">
        <v>61</v>
      </c>
      <c r="G75705" s="16">
        <v>9.8570462662066552E-2</v>
      </c>
    </row>
    <row r="75706" spans="1:7" x14ac:dyDescent="0.3">
      <c r="A75706" s="13" t="s">
        <v>388</v>
      </c>
      <c r="B75706" s="14" t="s">
        <v>1</v>
      </c>
      <c r="C75706" s="14" t="s">
        <v>47</v>
      </c>
      <c r="D75706" s="14" t="s">
        <v>389</v>
      </c>
      <c r="E75706" s="15">
        <v>45527</v>
      </c>
      <c r="F75706" s="14" t="s">
        <v>61</v>
      </c>
      <c r="G75706" s="16">
        <v>9.5841352373303212E-2</v>
      </c>
    </row>
    <row r="75707" spans="1:7" x14ac:dyDescent="0.3">
      <c r="A75707" s="13" t="s">
        <v>388</v>
      </c>
      <c r="B75707" s="14" t="s">
        <v>1</v>
      </c>
      <c r="C75707" s="14" t="s">
        <v>47</v>
      </c>
      <c r="D75707" s="14" t="s">
        <v>389</v>
      </c>
      <c r="E75707" s="15">
        <v>45528</v>
      </c>
      <c r="F75707" s="14" t="s">
        <v>61</v>
      </c>
      <c r="G75707" s="16">
        <v>9.5841352373303212E-2</v>
      </c>
    </row>
    <row r="75708" spans="1:7" x14ac:dyDescent="0.3">
      <c r="A75708" s="13" t="s">
        <v>388</v>
      </c>
      <c r="B75708" s="14" t="s">
        <v>1</v>
      </c>
      <c r="C75708" s="14" t="s">
        <v>47</v>
      </c>
      <c r="D75708" s="14" t="s">
        <v>389</v>
      </c>
      <c r="E75708" s="15">
        <v>45529</v>
      </c>
      <c r="F75708" s="14" t="s">
        <v>61</v>
      </c>
      <c r="G75708" s="16">
        <v>9.5841352373303212E-2</v>
      </c>
    </row>
    <row r="75709" spans="1:7" x14ac:dyDescent="0.3">
      <c r="A75709" s="13" t="s">
        <v>388</v>
      </c>
      <c r="B75709" s="14" t="s">
        <v>1</v>
      </c>
      <c r="C75709" s="14" t="s">
        <v>47</v>
      </c>
      <c r="D75709" s="14" t="s">
        <v>389</v>
      </c>
      <c r="E75709" s="15">
        <v>45530</v>
      </c>
      <c r="F75709" s="14" t="s">
        <v>61</v>
      </c>
      <c r="G75709" s="16">
        <v>9.5841352373303212E-2</v>
      </c>
    </row>
    <row r="75710" spans="1:7" x14ac:dyDescent="0.3">
      <c r="A75710" s="13" t="s">
        <v>388</v>
      </c>
      <c r="B75710" s="14" t="s">
        <v>1</v>
      </c>
      <c r="C75710" s="14" t="s">
        <v>47</v>
      </c>
      <c r="D75710" s="14" t="s">
        <v>389</v>
      </c>
      <c r="E75710" s="15">
        <v>45531</v>
      </c>
      <c r="F75710" s="14" t="s">
        <v>61</v>
      </c>
      <c r="G75710" s="16">
        <v>9.390810061649156E-2</v>
      </c>
    </row>
    <row r="75711" spans="1:7" x14ac:dyDescent="0.3">
      <c r="A75711" s="13" t="s">
        <v>388</v>
      </c>
      <c r="B75711" s="14" t="s">
        <v>1</v>
      </c>
      <c r="C75711" s="14" t="s">
        <v>47</v>
      </c>
      <c r="D75711" s="14" t="s">
        <v>389</v>
      </c>
      <c r="E75711" s="15">
        <v>45532</v>
      </c>
      <c r="F75711" s="14" t="s">
        <v>61</v>
      </c>
      <c r="G75711" s="16">
        <v>8.6110877921760712E-2</v>
      </c>
    </row>
    <row r="75712" spans="1:7" x14ac:dyDescent="0.3">
      <c r="A75712" s="13" t="s">
        <v>388</v>
      </c>
      <c r="B75712" s="14" t="s">
        <v>1</v>
      </c>
      <c r="C75712" s="14" t="s">
        <v>47</v>
      </c>
      <c r="D75712" s="14" t="s">
        <v>389</v>
      </c>
      <c r="E75712" s="15">
        <v>45533</v>
      </c>
      <c r="F75712" s="14" t="s">
        <v>61</v>
      </c>
      <c r="G75712" s="16">
        <v>8.4373492097356201E-2</v>
      </c>
    </row>
    <row r="75713" spans="1:7" x14ac:dyDescent="0.3">
      <c r="A75713" s="13" t="s">
        <v>388</v>
      </c>
      <c r="B75713" s="14" t="s">
        <v>1</v>
      </c>
      <c r="C75713" s="14" t="s">
        <v>47</v>
      </c>
      <c r="D75713" s="14" t="s">
        <v>389</v>
      </c>
      <c r="E75713" s="15">
        <v>45534</v>
      </c>
      <c r="F75713" s="14" t="s">
        <v>61</v>
      </c>
      <c r="G75713" s="16">
        <v>8.2545744528448872E-2</v>
      </c>
    </row>
    <row r="75714" spans="1:7" x14ac:dyDescent="0.3">
      <c r="A75714" s="13" t="s">
        <v>388</v>
      </c>
      <c r="B75714" s="14" t="s">
        <v>1</v>
      </c>
      <c r="C75714" s="14" t="s">
        <v>47</v>
      </c>
      <c r="D75714" s="14" t="s">
        <v>389</v>
      </c>
      <c r="E75714" s="15">
        <v>45535</v>
      </c>
      <c r="F75714" s="14" t="s">
        <v>61</v>
      </c>
      <c r="G75714" s="16">
        <v>8.2545744528448872E-2</v>
      </c>
    </row>
    <row r="75715" spans="1:7" x14ac:dyDescent="0.3">
      <c r="A75715" s="13" t="s">
        <v>388</v>
      </c>
      <c r="B75715" s="14" t="s">
        <v>1</v>
      </c>
      <c r="C75715" s="14" t="s">
        <v>47</v>
      </c>
      <c r="D75715" s="14" t="s">
        <v>389</v>
      </c>
      <c r="E75715" s="15">
        <v>45536</v>
      </c>
      <c r="F75715" s="14" t="s">
        <v>61</v>
      </c>
      <c r="G75715" s="16">
        <v>8.2545744528448872E-2</v>
      </c>
    </row>
    <row r="75716" spans="1:7" x14ac:dyDescent="0.3">
      <c r="A75716" s="13" t="s">
        <v>388</v>
      </c>
      <c r="B75716" s="14" t="s">
        <v>1</v>
      </c>
      <c r="C75716" s="14" t="s">
        <v>47</v>
      </c>
      <c r="D75716" s="14" t="s">
        <v>389</v>
      </c>
      <c r="E75716" s="15">
        <v>45537</v>
      </c>
      <c r="F75716" s="14" t="s">
        <v>61</v>
      </c>
      <c r="G75716" s="16">
        <v>8.2545744528448872E-2</v>
      </c>
    </row>
    <row r="75717" spans="1:7" x14ac:dyDescent="0.3">
      <c r="A75717" s="13" t="s">
        <v>388</v>
      </c>
      <c r="B75717" s="14" t="s">
        <v>1</v>
      </c>
      <c r="C75717" s="14" t="s">
        <v>47</v>
      </c>
      <c r="D75717" s="14" t="s">
        <v>389</v>
      </c>
      <c r="E75717" s="15">
        <v>45538</v>
      </c>
      <c r="F75717" s="14" t="s">
        <v>61</v>
      </c>
      <c r="G75717" s="16">
        <v>8.3737959005307408E-2</v>
      </c>
    </row>
    <row r="75718" spans="1:7" x14ac:dyDescent="0.3">
      <c r="A75718" s="13" t="s">
        <v>388</v>
      </c>
      <c r="B75718" s="14" t="s">
        <v>1</v>
      </c>
      <c r="C75718" s="14" t="s">
        <v>47</v>
      </c>
      <c r="D75718" s="14" t="s">
        <v>389</v>
      </c>
      <c r="E75718" s="15">
        <v>45539</v>
      </c>
      <c r="F75718" s="14" t="s">
        <v>61</v>
      </c>
      <c r="G75718" s="16">
        <v>7.9641560510886431E-2</v>
      </c>
    </row>
    <row r="75719" spans="1:7" x14ac:dyDescent="0.3">
      <c r="A75719" s="13" t="s">
        <v>388</v>
      </c>
      <c r="B75719" s="14" t="s">
        <v>1</v>
      </c>
      <c r="C75719" s="14" t="s">
        <v>47</v>
      </c>
      <c r="D75719" s="14" t="s">
        <v>389</v>
      </c>
      <c r="E75719" s="15">
        <v>45540</v>
      </c>
      <c r="F75719" s="14" t="s">
        <v>61</v>
      </c>
      <c r="G75719" s="16">
        <v>8.3731932644992332E-2</v>
      </c>
    </row>
    <row r="75720" spans="1:7" x14ac:dyDescent="0.3">
      <c r="A75720" s="13" t="s">
        <v>388</v>
      </c>
      <c r="B75720" s="14" t="s">
        <v>1</v>
      </c>
      <c r="C75720" s="14" t="s">
        <v>47</v>
      </c>
      <c r="D75720" s="14" t="s">
        <v>389</v>
      </c>
      <c r="E75720" s="15">
        <v>45541</v>
      </c>
      <c r="F75720" s="14" t="s">
        <v>61</v>
      </c>
      <c r="G75720" s="16">
        <v>8.1936358399116144E-2</v>
      </c>
    </row>
    <row r="75721" spans="1:7" x14ac:dyDescent="0.3">
      <c r="A75721" s="13" t="s">
        <v>388</v>
      </c>
      <c r="B75721" s="14" t="s">
        <v>1</v>
      </c>
      <c r="C75721" s="14" t="s">
        <v>47</v>
      </c>
      <c r="D75721" s="14" t="s">
        <v>389</v>
      </c>
      <c r="E75721" s="15">
        <v>45542</v>
      </c>
      <c r="F75721" s="14" t="s">
        <v>61</v>
      </c>
      <c r="G75721" s="16">
        <v>8.1936358399116144E-2</v>
      </c>
    </row>
    <row r="75722" spans="1:7" x14ac:dyDescent="0.3">
      <c r="A75722" s="13" t="s">
        <v>388</v>
      </c>
      <c r="B75722" s="14" t="s">
        <v>1</v>
      </c>
      <c r="C75722" s="14" t="s">
        <v>47</v>
      </c>
      <c r="D75722" s="14" t="s">
        <v>389</v>
      </c>
      <c r="E75722" s="15">
        <v>45543</v>
      </c>
      <c r="F75722" s="14" t="s">
        <v>61</v>
      </c>
      <c r="G75722" s="16">
        <v>8.1936358399116144E-2</v>
      </c>
    </row>
    <row r="75723" spans="1:7" x14ac:dyDescent="0.3">
      <c r="A75723" s="13" t="s">
        <v>388</v>
      </c>
      <c r="B75723" s="14" t="s">
        <v>1</v>
      </c>
      <c r="C75723" s="14" t="s">
        <v>47</v>
      </c>
      <c r="D75723" s="14" t="s">
        <v>389</v>
      </c>
      <c r="E75723" s="15">
        <v>45544</v>
      </c>
      <c r="F75723" s="14" t="s">
        <v>61</v>
      </c>
      <c r="G75723" s="16">
        <v>8.0350823191809653E-2</v>
      </c>
    </row>
    <row r="75724" spans="1:7" x14ac:dyDescent="0.3">
      <c r="A75724" s="13" t="s">
        <v>388</v>
      </c>
      <c r="B75724" s="14" t="s">
        <v>1</v>
      </c>
      <c r="C75724" s="14" t="s">
        <v>47</v>
      </c>
      <c r="D75724" s="14" t="s">
        <v>389</v>
      </c>
      <c r="E75724" s="15">
        <v>45545</v>
      </c>
      <c r="F75724" s="14" t="s">
        <v>61</v>
      </c>
      <c r="G75724" s="16">
        <v>7.4663790198695887E-2</v>
      </c>
    </row>
    <row r="75725" spans="1:7" x14ac:dyDescent="0.3">
      <c r="A75725" s="13" t="s">
        <v>388</v>
      </c>
      <c r="B75725" s="14" t="s">
        <v>1</v>
      </c>
      <c r="C75725" s="14" t="s">
        <v>47</v>
      </c>
      <c r="D75725" s="14" t="s">
        <v>389</v>
      </c>
      <c r="E75725" s="15">
        <v>45546</v>
      </c>
      <c r="F75725" s="14" t="s">
        <v>61</v>
      </c>
      <c r="G75725" s="16">
        <v>7.2785122501284438E-2</v>
      </c>
    </row>
    <row r="75726" spans="1:7" x14ac:dyDescent="0.3">
      <c r="A75726" s="13" t="s">
        <v>388</v>
      </c>
      <c r="B75726" s="14" t="s">
        <v>1</v>
      </c>
      <c r="C75726" s="14" t="s">
        <v>47</v>
      </c>
      <c r="D75726" s="14" t="s">
        <v>389</v>
      </c>
      <c r="E75726" s="15">
        <v>45547</v>
      </c>
      <c r="F75726" s="14" t="s">
        <v>61</v>
      </c>
      <c r="G75726" s="16">
        <v>7.5234409063561089E-2</v>
      </c>
    </row>
    <row r="75727" spans="1:7" x14ac:dyDescent="0.3">
      <c r="A75727" s="13" t="s">
        <v>388</v>
      </c>
      <c r="B75727" s="14" t="s">
        <v>1</v>
      </c>
      <c r="C75727" s="14" t="s">
        <v>47</v>
      </c>
      <c r="D75727" s="14" t="s">
        <v>389</v>
      </c>
      <c r="E75727" s="15">
        <v>45548</v>
      </c>
      <c r="F75727" s="14" t="s">
        <v>61</v>
      </c>
      <c r="G75727" s="16">
        <v>7.9522951251967122E-2</v>
      </c>
    </row>
    <row r="75728" spans="1:7" x14ac:dyDescent="0.3">
      <c r="A75728" s="13" t="s">
        <v>388</v>
      </c>
      <c r="B75728" s="14" t="s">
        <v>1</v>
      </c>
      <c r="C75728" s="14" t="s">
        <v>47</v>
      </c>
      <c r="D75728" s="14" t="s">
        <v>389</v>
      </c>
      <c r="E75728" s="15">
        <v>45549</v>
      </c>
      <c r="F75728" s="14" t="s">
        <v>61</v>
      </c>
      <c r="G75728" s="16">
        <v>7.9522951251967122E-2</v>
      </c>
    </row>
    <row r="75729" spans="1:7" x14ac:dyDescent="0.3">
      <c r="A75729" s="13" t="s">
        <v>388</v>
      </c>
      <c r="B75729" s="14" t="s">
        <v>1</v>
      </c>
      <c r="C75729" s="14" t="s">
        <v>47</v>
      </c>
      <c r="D75729" s="14" t="s">
        <v>389</v>
      </c>
      <c r="E75729" s="15">
        <v>45550</v>
      </c>
      <c r="F75729" s="14" t="s">
        <v>61</v>
      </c>
      <c r="G75729" s="16">
        <v>7.9522951251967122E-2</v>
      </c>
    </row>
    <row r="75730" spans="1:7" x14ac:dyDescent="0.3">
      <c r="A75730" s="13" t="s">
        <v>388</v>
      </c>
      <c r="B75730" s="14" t="s">
        <v>1</v>
      </c>
      <c r="C75730" s="14" t="s">
        <v>47</v>
      </c>
      <c r="D75730" s="14" t="s">
        <v>389</v>
      </c>
      <c r="E75730" s="15">
        <v>45551</v>
      </c>
      <c r="F75730" s="14" t="s">
        <v>61</v>
      </c>
      <c r="G75730" s="16">
        <v>7.7130828059741682E-2</v>
      </c>
    </row>
    <row r="75731" spans="1:7" x14ac:dyDescent="0.3">
      <c r="A75731" s="13" t="s">
        <v>388</v>
      </c>
      <c r="B75731" s="14" t="s">
        <v>1</v>
      </c>
      <c r="C75731" s="14" t="s">
        <v>47</v>
      </c>
      <c r="D75731" s="14" t="s">
        <v>389</v>
      </c>
      <c r="E75731" s="15">
        <v>45552</v>
      </c>
      <c r="F75731" s="14" t="s">
        <v>61</v>
      </c>
      <c r="G75731" s="16">
        <v>7.2888357615282034E-2</v>
      </c>
    </row>
    <row r="75732" spans="1:7" x14ac:dyDescent="0.3">
      <c r="A75732" s="13" t="s">
        <v>388</v>
      </c>
      <c r="B75732" s="14" t="s">
        <v>1</v>
      </c>
      <c r="C75732" s="14" t="s">
        <v>47</v>
      </c>
      <c r="D75732" s="14" t="s">
        <v>389</v>
      </c>
      <c r="E75732" s="15">
        <v>45553</v>
      </c>
      <c r="F75732" s="14" t="s">
        <v>61</v>
      </c>
      <c r="G75732" s="16">
        <v>7.1496583329393945E-2</v>
      </c>
    </row>
    <row r="75733" spans="1:7" x14ac:dyDescent="0.3">
      <c r="A75733" s="13" t="s">
        <v>388</v>
      </c>
      <c r="B75733" s="14" t="s">
        <v>1</v>
      </c>
      <c r="C75733" s="14" t="s">
        <v>47</v>
      </c>
      <c r="D75733" s="14" t="s">
        <v>389</v>
      </c>
      <c r="E75733" s="15">
        <v>45554</v>
      </c>
      <c r="F75733" s="14" t="s">
        <v>61</v>
      </c>
      <c r="G75733" s="16">
        <v>6.9198075858578303E-2</v>
      </c>
    </row>
    <row r="75734" spans="1:7" x14ac:dyDescent="0.3">
      <c r="A75734" s="13" t="s">
        <v>388</v>
      </c>
      <c r="B75734" s="14" t="s">
        <v>1</v>
      </c>
      <c r="C75734" s="14" t="s">
        <v>47</v>
      </c>
      <c r="D75734" s="14" t="s">
        <v>389</v>
      </c>
      <c r="E75734" s="15">
        <v>45555</v>
      </c>
      <c r="F75734" s="14" t="s">
        <v>61</v>
      </c>
      <c r="G75734" s="16">
        <v>7.7874494522260904E-2</v>
      </c>
    </row>
    <row r="75735" spans="1:7" x14ac:dyDescent="0.3">
      <c r="A75735" s="13" t="s">
        <v>388</v>
      </c>
      <c r="B75735" s="14" t="s">
        <v>1</v>
      </c>
      <c r="C75735" s="14" t="s">
        <v>47</v>
      </c>
      <c r="D75735" s="14" t="s">
        <v>389</v>
      </c>
      <c r="E75735" s="15">
        <v>45556</v>
      </c>
      <c r="F75735" s="14" t="s">
        <v>61</v>
      </c>
      <c r="G75735" s="16">
        <v>7.7874494522260904E-2</v>
      </c>
    </row>
    <row r="75736" spans="1:7" x14ac:dyDescent="0.3">
      <c r="A75736" s="13" t="s">
        <v>388</v>
      </c>
      <c r="B75736" s="14" t="s">
        <v>1</v>
      </c>
      <c r="C75736" s="14" t="s">
        <v>47</v>
      </c>
      <c r="D75736" s="14" t="s">
        <v>389</v>
      </c>
      <c r="E75736" s="15">
        <v>45557</v>
      </c>
      <c r="F75736" s="14" t="s">
        <v>61</v>
      </c>
      <c r="G75736" s="16">
        <v>7.7874494522260904E-2</v>
      </c>
    </row>
    <row r="75737" spans="1:7" x14ac:dyDescent="0.3">
      <c r="A75737" s="13" t="s">
        <v>388</v>
      </c>
      <c r="B75737" s="14" t="s">
        <v>1</v>
      </c>
      <c r="C75737" s="14" t="s">
        <v>47</v>
      </c>
      <c r="D75737" s="14" t="s">
        <v>389</v>
      </c>
      <c r="E75737" s="15">
        <v>45558</v>
      </c>
      <c r="F75737" s="14" t="s">
        <v>61</v>
      </c>
      <c r="G75737" s="16">
        <v>7.6141682769056321E-2</v>
      </c>
    </row>
    <row r="75738" spans="1:7" x14ac:dyDescent="0.3">
      <c r="A75738" s="13" t="s">
        <v>388</v>
      </c>
      <c r="B75738" s="14" t="s">
        <v>1</v>
      </c>
      <c r="C75738" s="14" t="s">
        <v>47</v>
      </c>
      <c r="D75738" s="14" t="s">
        <v>389</v>
      </c>
      <c r="E75738" s="15">
        <v>45559</v>
      </c>
      <c r="F75738" s="14" t="s">
        <v>61</v>
      </c>
      <c r="G75738" s="16">
        <v>7.6570616687694854E-2</v>
      </c>
    </row>
    <row r="75739" spans="1:7" x14ac:dyDescent="0.3">
      <c r="A75739" s="13" t="s">
        <v>388</v>
      </c>
      <c r="B75739" s="14" t="s">
        <v>1</v>
      </c>
      <c r="C75739" s="14" t="s">
        <v>47</v>
      </c>
      <c r="D75739" s="14" t="s">
        <v>389</v>
      </c>
      <c r="E75739" s="15">
        <v>45560</v>
      </c>
      <c r="F75739" s="14" t="s">
        <v>61</v>
      </c>
      <c r="G75739" s="16">
        <v>7.4806377208462865E-2</v>
      </c>
    </row>
    <row r="75740" spans="1:7" x14ac:dyDescent="0.3">
      <c r="A75740" s="13" t="s">
        <v>388</v>
      </c>
      <c r="B75740" s="14" t="s">
        <v>1</v>
      </c>
      <c r="C75740" s="14" t="s">
        <v>47</v>
      </c>
      <c r="D75740" s="14" t="s">
        <v>389</v>
      </c>
      <c r="E75740" s="15">
        <v>45561</v>
      </c>
      <c r="F75740" s="14" t="s">
        <v>61</v>
      </c>
      <c r="G75740" s="16">
        <v>7.2431683803805311E-2</v>
      </c>
    </row>
    <row r="75741" spans="1:7" x14ac:dyDescent="0.3">
      <c r="A75741" s="13" t="s">
        <v>388</v>
      </c>
      <c r="B75741" s="14" t="s">
        <v>1</v>
      </c>
      <c r="C75741" s="14" t="s">
        <v>47</v>
      </c>
      <c r="D75741" s="14" t="s">
        <v>389</v>
      </c>
      <c r="E75741" s="15">
        <v>45562</v>
      </c>
      <c r="F75741" s="14" t="s">
        <v>61</v>
      </c>
      <c r="G75741" s="16">
        <v>7.0406547784456514E-2</v>
      </c>
    </row>
    <row r="75742" spans="1:7" x14ac:dyDescent="0.3">
      <c r="A75742" s="13" t="s">
        <v>388</v>
      </c>
      <c r="B75742" s="14" t="s">
        <v>1</v>
      </c>
      <c r="C75742" s="14" t="s">
        <v>47</v>
      </c>
      <c r="D75742" s="14" t="s">
        <v>389</v>
      </c>
      <c r="E75742" s="15">
        <v>45563</v>
      </c>
      <c r="F75742" s="14" t="s">
        <v>61</v>
      </c>
      <c r="G75742" s="16">
        <v>7.0406547784456514E-2</v>
      </c>
    </row>
    <row r="75743" spans="1:7" x14ac:dyDescent="0.3">
      <c r="A75743" s="13" t="s">
        <v>388</v>
      </c>
      <c r="B75743" s="14" t="s">
        <v>1</v>
      </c>
      <c r="C75743" s="14" t="s">
        <v>47</v>
      </c>
      <c r="D75743" s="14" t="s">
        <v>389</v>
      </c>
      <c r="E75743" s="15">
        <v>45564</v>
      </c>
      <c r="F75743" s="14" t="s">
        <v>61</v>
      </c>
      <c r="G75743" s="16">
        <v>7.0406547784456514E-2</v>
      </c>
    </row>
    <row r="75744" spans="1:7" x14ac:dyDescent="0.3">
      <c r="A75744" s="13" t="s">
        <v>388</v>
      </c>
      <c r="B75744" s="14" t="s">
        <v>1</v>
      </c>
      <c r="C75744" s="14" t="s">
        <v>47</v>
      </c>
      <c r="D75744" s="14" t="s">
        <v>389</v>
      </c>
      <c r="E75744" s="15">
        <v>45565</v>
      </c>
      <c r="F75744" s="14" t="s">
        <v>61</v>
      </c>
      <c r="G75744" s="16">
        <v>7.6454631878391507E-2</v>
      </c>
    </row>
    <row r="75745" spans="1:7" x14ac:dyDescent="0.3">
      <c r="A75745" s="13" t="s">
        <v>388</v>
      </c>
      <c r="B75745" s="14" t="s">
        <v>1</v>
      </c>
      <c r="C75745" s="14" t="s">
        <v>47</v>
      </c>
      <c r="D75745" s="14" t="s">
        <v>389</v>
      </c>
      <c r="E75745" s="15">
        <v>45566</v>
      </c>
      <c r="F75745" s="14" t="s">
        <v>61</v>
      </c>
      <c r="G75745" s="16">
        <v>7.4920595988431565E-2</v>
      </c>
    </row>
    <row r="75746" spans="1:7" x14ac:dyDescent="0.3">
      <c r="A75746" s="13" t="s">
        <v>388</v>
      </c>
      <c r="B75746" s="14" t="s">
        <v>1</v>
      </c>
      <c r="C75746" s="14" t="s">
        <v>47</v>
      </c>
      <c r="D75746" s="14" t="s">
        <v>389</v>
      </c>
      <c r="E75746" s="15">
        <v>45567</v>
      </c>
      <c r="F75746" s="14" t="s">
        <v>61</v>
      </c>
      <c r="G75746" s="16">
        <v>7.7845953081078528E-2</v>
      </c>
    </row>
    <row r="75747" spans="1:7" x14ac:dyDescent="0.3">
      <c r="A75747" s="13" t="s">
        <v>388</v>
      </c>
      <c r="B75747" s="14" t="s">
        <v>1</v>
      </c>
      <c r="C75747" s="14" t="s">
        <v>47</v>
      </c>
      <c r="D75747" s="14" t="s">
        <v>389</v>
      </c>
      <c r="E75747" s="15">
        <v>45568</v>
      </c>
      <c r="F75747" s="14" t="s">
        <v>61</v>
      </c>
      <c r="G75747" s="16">
        <v>7.5813686027555796E-2</v>
      </c>
    </row>
    <row r="75748" spans="1:7" x14ac:dyDescent="0.3">
      <c r="A75748" s="13" t="s">
        <v>388</v>
      </c>
      <c r="B75748" s="14" t="s">
        <v>1</v>
      </c>
      <c r="C75748" s="14" t="s">
        <v>47</v>
      </c>
      <c r="D75748" s="14" t="s">
        <v>389</v>
      </c>
      <c r="E75748" s="15">
        <v>45569</v>
      </c>
      <c r="F75748" s="14" t="s">
        <v>61</v>
      </c>
      <c r="G75748" s="16">
        <v>7.40391853869658E-2</v>
      </c>
    </row>
    <row r="75749" spans="1:7" x14ac:dyDescent="0.3">
      <c r="A75749" s="13" t="s">
        <v>388</v>
      </c>
      <c r="B75749" s="14" t="s">
        <v>1</v>
      </c>
      <c r="C75749" s="14" t="s">
        <v>47</v>
      </c>
      <c r="D75749" s="14" t="s">
        <v>389</v>
      </c>
      <c r="E75749" s="15">
        <v>45570</v>
      </c>
      <c r="F75749" s="14" t="s">
        <v>61</v>
      </c>
      <c r="G75749" s="16">
        <v>7.40391853869658E-2</v>
      </c>
    </row>
    <row r="75750" spans="1:7" x14ac:dyDescent="0.3">
      <c r="A75750" s="13" t="s">
        <v>388</v>
      </c>
      <c r="B75750" s="14" t="s">
        <v>1</v>
      </c>
      <c r="C75750" s="14" t="s">
        <v>47</v>
      </c>
      <c r="D75750" s="14" t="s">
        <v>389</v>
      </c>
      <c r="E75750" s="15">
        <v>45571</v>
      </c>
      <c r="F75750" s="14" t="s">
        <v>61</v>
      </c>
      <c r="G75750" s="16">
        <v>7.40391853869658E-2</v>
      </c>
    </row>
    <row r="75751" spans="1:7" x14ac:dyDescent="0.3">
      <c r="A75751" s="13" t="s">
        <v>388</v>
      </c>
      <c r="B75751" s="14" t="s">
        <v>1</v>
      </c>
      <c r="C75751" s="14" t="s">
        <v>47</v>
      </c>
      <c r="D75751" s="14" t="s">
        <v>389</v>
      </c>
      <c r="E75751" s="15">
        <v>45572</v>
      </c>
      <c r="F75751" s="14" t="s">
        <v>61</v>
      </c>
      <c r="G75751" s="16">
        <v>7.1912577273360048E-2</v>
      </c>
    </row>
    <row r="75752" spans="1:7" x14ac:dyDescent="0.3">
      <c r="A75752" s="13" t="s">
        <v>388</v>
      </c>
      <c r="B75752" s="14" t="s">
        <v>1</v>
      </c>
      <c r="C75752" s="14" t="s">
        <v>47</v>
      </c>
      <c r="D75752" s="14" t="s">
        <v>389</v>
      </c>
      <c r="E75752" s="15">
        <v>45573</v>
      </c>
      <c r="F75752" s="14" t="s">
        <v>61</v>
      </c>
      <c r="G75752" s="16">
        <v>6.5436558476857962E-2</v>
      </c>
    </row>
    <row r="75753" spans="1:7" x14ac:dyDescent="0.3">
      <c r="A75753" s="13" t="s">
        <v>388</v>
      </c>
      <c r="B75753" s="14" t="s">
        <v>1</v>
      </c>
      <c r="C75753" s="14" t="s">
        <v>47</v>
      </c>
      <c r="D75753" s="14" t="s">
        <v>389</v>
      </c>
      <c r="E75753" s="15">
        <v>45574</v>
      </c>
      <c r="F75753" s="14" t="s">
        <v>61</v>
      </c>
      <c r="G75753" s="16">
        <v>6.3532000547620288E-2</v>
      </c>
    </row>
    <row r="75754" spans="1:7" x14ac:dyDescent="0.3">
      <c r="A75754" s="13" t="s">
        <v>388</v>
      </c>
      <c r="B75754" s="14" t="s">
        <v>1</v>
      </c>
      <c r="C75754" s="14" t="s">
        <v>47</v>
      </c>
      <c r="D75754" s="14" t="s">
        <v>389</v>
      </c>
      <c r="E75754" s="15">
        <v>45575</v>
      </c>
      <c r="F75754" s="14" t="s">
        <v>61</v>
      </c>
      <c r="G75754" s="16">
        <v>6.138656385411094E-2</v>
      </c>
    </row>
    <row r="75755" spans="1:7" x14ac:dyDescent="0.3">
      <c r="A75755" s="13" t="s">
        <v>388</v>
      </c>
      <c r="B75755" s="14" t="s">
        <v>1</v>
      </c>
      <c r="C75755" s="14" t="s">
        <v>47</v>
      </c>
      <c r="D75755" s="14" t="s">
        <v>389</v>
      </c>
      <c r="E75755" s="15">
        <v>45576</v>
      </c>
      <c r="F75755" s="14" t="s">
        <v>61</v>
      </c>
      <c r="G75755" s="16">
        <v>5.9205032451146763E-2</v>
      </c>
    </row>
    <row r="75756" spans="1:7" x14ac:dyDescent="0.3">
      <c r="A75756" s="13" t="s">
        <v>388</v>
      </c>
      <c r="B75756" s="14" t="s">
        <v>1</v>
      </c>
      <c r="C75756" s="14" t="s">
        <v>47</v>
      </c>
      <c r="D75756" s="14" t="s">
        <v>389</v>
      </c>
      <c r="E75756" s="15">
        <v>45577</v>
      </c>
      <c r="F75756" s="14" t="s">
        <v>61</v>
      </c>
      <c r="G75756" s="16">
        <v>5.9205032451146763E-2</v>
      </c>
    </row>
    <row r="75757" spans="1:7" x14ac:dyDescent="0.3">
      <c r="A75757" s="13" t="s">
        <v>388</v>
      </c>
      <c r="B75757" s="14" t="s">
        <v>1</v>
      </c>
      <c r="C75757" s="14" t="s">
        <v>47</v>
      </c>
      <c r="D75757" s="14" t="s">
        <v>389</v>
      </c>
      <c r="E75757" s="15">
        <v>45578</v>
      </c>
      <c r="F75757" s="14" t="s">
        <v>61</v>
      </c>
      <c r="G75757" s="16">
        <v>5.9205032451146763E-2</v>
      </c>
    </row>
    <row r="75758" spans="1:7" x14ac:dyDescent="0.3">
      <c r="A75758" s="13" t="s">
        <v>388</v>
      </c>
      <c r="B75758" s="14" t="s">
        <v>1</v>
      </c>
      <c r="C75758" s="14" t="s">
        <v>47</v>
      </c>
      <c r="D75758" s="14" t="s">
        <v>389</v>
      </c>
      <c r="E75758" s="15">
        <v>45579</v>
      </c>
      <c r="F75758" s="14" t="s">
        <v>61</v>
      </c>
      <c r="G75758" s="16">
        <v>5.9205032451146763E-2</v>
      </c>
    </row>
    <row r="75759" spans="1:7" x14ac:dyDescent="0.3">
      <c r="A75759" s="13" t="s">
        <v>388</v>
      </c>
      <c r="B75759" s="14" t="s">
        <v>1</v>
      </c>
      <c r="C75759" s="14" t="s">
        <v>47</v>
      </c>
      <c r="D75759" s="14" t="s">
        <v>389</v>
      </c>
      <c r="E75759" s="15">
        <v>45580</v>
      </c>
      <c r="F75759" s="14" t="s">
        <v>61</v>
      </c>
      <c r="G75759" s="16">
        <v>6.0575272767386008E-2</v>
      </c>
    </row>
    <row r="75760" spans="1:7" x14ac:dyDescent="0.3">
      <c r="A75760" s="13" t="s">
        <v>388</v>
      </c>
      <c r="B75760" s="14" t="s">
        <v>1</v>
      </c>
      <c r="C75760" s="14" t="s">
        <v>47</v>
      </c>
      <c r="D75760" s="14" t="s">
        <v>389</v>
      </c>
      <c r="E75760" s="15">
        <v>45581</v>
      </c>
      <c r="F75760" s="14" t="s">
        <v>61</v>
      </c>
      <c r="G75760" s="16">
        <v>5.1999127059269255E-2</v>
      </c>
    </row>
    <row r="75761" spans="1:7" x14ac:dyDescent="0.3">
      <c r="A75761" s="13" t="s">
        <v>388</v>
      </c>
      <c r="B75761" s="14" t="s">
        <v>1</v>
      </c>
      <c r="C75761" s="14" t="s">
        <v>47</v>
      </c>
      <c r="D75761" s="14" t="s">
        <v>389</v>
      </c>
      <c r="E75761" s="15">
        <v>45582</v>
      </c>
      <c r="F75761" s="14" t="s">
        <v>61</v>
      </c>
      <c r="G75761" s="16">
        <v>4.9985836431731046E-2</v>
      </c>
    </row>
    <row r="75762" spans="1:7" x14ac:dyDescent="0.3">
      <c r="A75762" s="13" t="s">
        <v>388</v>
      </c>
      <c r="B75762" s="14" t="s">
        <v>1</v>
      </c>
      <c r="C75762" s="14" t="s">
        <v>47</v>
      </c>
      <c r="D75762" s="14" t="s">
        <v>389</v>
      </c>
      <c r="E75762" s="15">
        <v>45583</v>
      </c>
      <c r="F75762" s="14" t="s">
        <v>61</v>
      </c>
      <c r="G75762" s="16">
        <v>4.7662982254441828E-2</v>
      </c>
    </row>
    <row r="75763" spans="1:7" x14ac:dyDescent="0.3">
      <c r="A75763" s="13" t="s">
        <v>388</v>
      </c>
      <c r="B75763" s="14" t="s">
        <v>1</v>
      </c>
      <c r="C75763" s="14" t="s">
        <v>47</v>
      </c>
      <c r="D75763" s="14" t="s">
        <v>389</v>
      </c>
      <c r="E75763" s="15">
        <v>45584</v>
      </c>
      <c r="F75763" s="14" t="s">
        <v>61</v>
      </c>
      <c r="G75763" s="16">
        <v>4.7662982254441828E-2</v>
      </c>
    </row>
    <row r="75764" spans="1:7" x14ac:dyDescent="0.3">
      <c r="A75764" s="13" t="s">
        <v>388</v>
      </c>
      <c r="B75764" s="14" t="s">
        <v>1</v>
      </c>
      <c r="C75764" s="14" t="s">
        <v>47</v>
      </c>
      <c r="D75764" s="14" t="s">
        <v>389</v>
      </c>
      <c r="E75764" s="15">
        <v>45585</v>
      </c>
      <c r="F75764" s="14" t="s">
        <v>61</v>
      </c>
      <c r="G75764" s="16">
        <v>4.7662982254441828E-2</v>
      </c>
    </row>
    <row r="75765" spans="1:7" x14ac:dyDescent="0.3">
      <c r="A75765" s="13" t="s">
        <v>388</v>
      </c>
      <c r="B75765" s="14" t="s">
        <v>1</v>
      </c>
      <c r="C75765" s="14" t="s">
        <v>47</v>
      </c>
      <c r="D75765" s="14" t="s">
        <v>389</v>
      </c>
      <c r="E75765" s="15">
        <v>45586</v>
      </c>
      <c r="F75765" s="14" t="s">
        <v>61</v>
      </c>
      <c r="G75765" s="16">
        <v>4.8485810091477122E-2</v>
      </c>
    </row>
    <row r="75766" spans="1:7" x14ac:dyDescent="0.3">
      <c r="A75766" s="13" t="s">
        <v>388</v>
      </c>
      <c r="B75766" s="14" t="s">
        <v>1</v>
      </c>
      <c r="C75766" s="14" t="s">
        <v>47</v>
      </c>
      <c r="D75766" s="14" t="s">
        <v>389</v>
      </c>
      <c r="E75766" s="15">
        <v>45587</v>
      </c>
      <c r="F75766" s="14" t="s">
        <v>61</v>
      </c>
      <c r="G75766" s="16">
        <v>4.2004903139494593E-2</v>
      </c>
    </row>
    <row r="75767" spans="1:7" x14ac:dyDescent="0.3">
      <c r="A75767" s="13" t="s">
        <v>388</v>
      </c>
      <c r="B75767" s="14" t="s">
        <v>1</v>
      </c>
      <c r="C75767" s="14" t="s">
        <v>47</v>
      </c>
      <c r="D75767" s="14" t="s">
        <v>389</v>
      </c>
      <c r="E75767" s="15">
        <v>45588</v>
      </c>
      <c r="F75767" s="14" t="s">
        <v>61</v>
      </c>
      <c r="G75767" s="16">
        <v>3.9904946839946949E-2</v>
      </c>
    </row>
    <row r="75768" spans="1:7" x14ac:dyDescent="0.3">
      <c r="A75768" s="13" t="s">
        <v>388</v>
      </c>
      <c r="B75768" s="14" t="s">
        <v>1</v>
      </c>
      <c r="C75768" s="14" t="s">
        <v>47</v>
      </c>
      <c r="D75768" s="14" t="s">
        <v>389</v>
      </c>
      <c r="E75768" s="15">
        <v>45589</v>
      </c>
      <c r="F75768" s="14" t="s">
        <v>61</v>
      </c>
      <c r="G75768" s="16">
        <v>3.7600808517061962E-2</v>
      </c>
    </row>
    <row r="75769" spans="1:7" x14ac:dyDescent="0.3">
      <c r="A75769" s="13" t="s">
        <v>388</v>
      </c>
      <c r="B75769" s="14" t="s">
        <v>1</v>
      </c>
      <c r="C75769" s="14" t="s">
        <v>47</v>
      </c>
      <c r="D75769" s="14" t="s">
        <v>389</v>
      </c>
      <c r="E75769" s="15">
        <v>45590</v>
      </c>
      <c r="F75769" s="14" t="s">
        <v>61</v>
      </c>
      <c r="G75769" s="16">
        <v>3.5585925470025023E-2</v>
      </c>
    </row>
    <row r="75770" spans="1:7" x14ac:dyDescent="0.3">
      <c r="A75770" s="13" t="s">
        <v>388</v>
      </c>
      <c r="B75770" s="14" t="s">
        <v>1</v>
      </c>
      <c r="C75770" s="14" t="s">
        <v>47</v>
      </c>
      <c r="D75770" s="14" t="s">
        <v>389</v>
      </c>
      <c r="E75770" s="15">
        <v>45591</v>
      </c>
      <c r="F75770" s="14" t="s">
        <v>61</v>
      </c>
      <c r="G75770" s="16">
        <v>3.5585925470025023E-2</v>
      </c>
    </row>
    <row r="75771" spans="1:7" x14ac:dyDescent="0.3">
      <c r="A75771" s="13" t="s">
        <v>388</v>
      </c>
      <c r="B75771" s="14" t="s">
        <v>1</v>
      </c>
      <c r="C75771" s="14" t="s">
        <v>47</v>
      </c>
      <c r="D75771" s="14" t="s">
        <v>389</v>
      </c>
      <c r="E75771" s="15">
        <v>45592</v>
      </c>
      <c r="F75771" s="14" t="s">
        <v>61</v>
      </c>
      <c r="G75771" s="16">
        <v>3.5585925470025023E-2</v>
      </c>
    </row>
    <row r="75772" spans="1:7" x14ac:dyDescent="0.3">
      <c r="A75772" s="13" t="s">
        <v>388</v>
      </c>
      <c r="B75772" s="14" t="s">
        <v>1</v>
      </c>
      <c r="C75772" s="14" t="s">
        <v>47</v>
      </c>
      <c r="D75772" s="14" t="s">
        <v>389</v>
      </c>
      <c r="E75772" s="15">
        <v>45593</v>
      </c>
      <c r="F75772" s="14" t="s">
        <v>61</v>
      </c>
      <c r="G75772" s="16">
        <v>3.5585925470025023E-2</v>
      </c>
    </row>
    <row r="75773" spans="1:7" x14ac:dyDescent="0.3">
      <c r="A75773" s="13" t="s">
        <v>388</v>
      </c>
      <c r="B75773" s="14" t="s">
        <v>1</v>
      </c>
      <c r="C75773" s="14" t="s">
        <v>47</v>
      </c>
      <c r="D75773" s="14" t="s">
        <v>389</v>
      </c>
      <c r="E75773" s="15">
        <v>45594</v>
      </c>
      <c r="F75773" s="14" t="s">
        <v>61</v>
      </c>
      <c r="G75773" s="16">
        <v>3.7326163579977686E-2</v>
      </c>
    </row>
    <row r="75774" spans="1:7" x14ac:dyDescent="0.3">
      <c r="A75774" s="13" t="s">
        <v>388</v>
      </c>
      <c r="B75774" s="14" t="s">
        <v>1</v>
      </c>
      <c r="C75774" s="14" t="s">
        <v>47</v>
      </c>
      <c r="D75774" s="14" t="s">
        <v>389</v>
      </c>
      <c r="E75774" s="15">
        <v>45595</v>
      </c>
      <c r="F75774" s="14" t="s">
        <v>61</v>
      </c>
      <c r="G75774" s="16">
        <v>2.8566835960021447E-2</v>
      </c>
    </row>
    <row r="75775" spans="1:7" x14ac:dyDescent="0.3">
      <c r="A75775" s="13" t="s">
        <v>388</v>
      </c>
      <c r="B75775" s="14" t="s">
        <v>1</v>
      </c>
      <c r="C75775" s="14" t="s">
        <v>47</v>
      </c>
      <c r="D75775" s="14" t="s">
        <v>389</v>
      </c>
      <c r="E75775" s="15">
        <v>45596</v>
      </c>
      <c r="F75775" s="14" t="s">
        <v>61</v>
      </c>
      <c r="G75775" s="16">
        <v>2.6321521078724385E-2</v>
      </c>
    </row>
    <row r="75776" spans="1:7" x14ac:dyDescent="0.3">
      <c r="A75776" s="13" t="s">
        <v>388</v>
      </c>
      <c r="B75776" s="14" t="s">
        <v>1</v>
      </c>
      <c r="C75776" s="14" t="s">
        <v>47</v>
      </c>
      <c r="D75776" s="14" t="s">
        <v>389</v>
      </c>
      <c r="E75776" s="15">
        <v>45597</v>
      </c>
      <c r="F75776" s="14" t="s">
        <v>61</v>
      </c>
      <c r="G75776" s="16">
        <v>2.4264833912813717E-2</v>
      </c>
    </row>
    <row r="75777" spans="1:7" x14ac:dyDescent="0.3">
      <c r="A75777" s="13" t="s">
        <v>388</v>
      </c>
      <c r="B75777" s="14" t="s">
        <v>1</v>
      </c>
      <c r="C75777" s="14" t="s">
        <v>47</v>
      </c>
      <c r="D75777" s="14" t="s">
        <v>389</v>
      </c>
      <c r="E75777" s="15">
        <v>45598</v>
      </c>
      <c r="F75777" s="14" t="s">
        <v>61</v>
      </c>
      <c r="G75777" s="16">
        <v>2.4264833912813717E-2</v>
      </c>
    </row>
    <row r="75778" spans="1:7" x14ac:dyDescent="0.3">
      <c r="A75778" s="13" t="s">
        <v>388</v>
      </c>
      <c r="B75778" s="14" t="s">
        <v>1</v>
      </c>
      <c r="C75778" s="14" t="s">
        <v>47</v>
      </c>
      <c r="D75778" s="14" t="s">
        <v>389</v>
      </c>
      <c r="E75778" s="15">
        <v>45599</v>
      </c>
      <c r="F75778" s="14" t="s">
        <v>61</v>
      </c>
      <c r="G75778" s="16">
        <v>2.4264833912813717E-2</v>
      </c>
    </row>
    <row r="75779" spans="1:7" x14ac:dyDescent="0.3">
      <c r="A75779" s="13" t="s">
        <v>388</v>
      </c>
      <c r="B75779" s="14" t="s">
        <v>1</v>
      </c>
      <c r="C75779" s="14" t="s">
        <v>47</v>
      </c>
      <c r="D75779" s="14" t="s">
        <v>389</v>
      </c>
      <c r="E75779" s="15">
        <v>45600</v>
      </c>
      <c r="F75779" s="14" t="s">
        <v>61</v>
      </c>
      <c r="G75779" s="16">
        <v>2.4663256734717112E-2</v>
      </c>
    </row>
    <row r="75780" spans="1:7" x14ac:dyDescent="0.3">
      <c r="A75780" s="13" t="s">
        <v>388</v>
      </c>
      <c r="B75780" s="14" t="s">
        <v>1</v>
      </c>
      <c r="C75780" s="14" t="s">
        <v>47</v>
      </c>
      <c r="D75780" s="14" t="s">
        <v>389</v>
      </c>
      <c r="E75780" s="15">
        <v>45601</v>
      </c>
      <c r="F75780" s="14" t="s">
        <v>61</v>
      </c>
      <c r="G75780" s="16">
        <v>1.8219248420368168E-2</v>
      </c>
    </row>
    <row r="75781" spans="1:7" x14ac:dyDescent="0.3">
      <c r="A75781" s="13" t="s">
        <v>388</v>
      </c>
      <c r="B75781" s="14" t="s">
        <v>1</v>
      </c>
      <c r="C75781" s="14" t="s">
        <v>47</v>
      </c>
      <c r="D75781" s="14" t="s">
        <v>389</v>
      </c>
      <c r="E75781" s="15">
        <v>45602</v>
      </c>
      <c r="F75781" s="14" t="s">
        <v>61</v>
      </c>
      <c r="G75781" s="16">
        <v>1.6408121788991634E-2</v>
      </c>
    </row>
    <row r="75782" spans="1:7" x14ac:dyDescent="0.3">
      <c r="A75782" s="13" t="s">
        <v>388</v>
      </c>
      <c r="B75782" s="14" t="s">
        <v>1</v>
      </c>
      <c r="C75782" s="14" t="s">
        <v>47</v>
      </c>
      <c r="D75782" s="14" t="s">
        <v>389</v>
      </c>
      <c r="E75782" s="15">
        <v>45603</v>
      </c>
      <c r="F75782" s="14" t="s">
        <v>61</v>
      </c>
      <c r="G75782" s="16">
        <v>1.5061648501393729E-2</v>
      </c>
    </row>
    <row r="75783" spans="1:7" x14ac:dyDescent="0.3">
      <c r="A75783" s="13" t="s">
        <v>388</v>
      </c>
      <c r="B75783" s="14" t="s">
        <v>1</v>
      </c>
      <c r="C75783" s="14" t="s">
        <v>47</v>
      </c>
      <c r="D75783" s="14" t="s">
        <v>389</v>
      </c>
      <c r="E75783" s="15">
        <v>45604</v>
      </c>
      <c r="F75783" s="14" t="s">
        <v>61</v>
      </c>
      <c r="G75783" s="16">
        <v>1.2999776575158909E-2</v>
      </c>
    </row>
    <row r="75784" spans="1:7" x14ac:dyDescent="0.3">
      <c r="A75784" s="13" t="s">
        <v>388</v>
      </c>
      <c r="B75784" s="14" t="s">
        <v>1</v>
      </c>
      <c r="C75784" s="14" t="s">
        <v>47</v>
      </c>
      <c r="D75784" s="14" t="s">
        <v>389</v>
      </c>
      <c r="E75784" s="15">
        <v>45605</v>
      </c>
      <c r="F75784" s="14" t="s">
        <v>61</v>
      </c>
      <c r="G75784" s="16">
        <v>1.2999776575158909E-2</v>
      </c>
    </row>
    <row r="75785" spans="1:7" x14ac:dyDescent="0.3">
      <c r="A75785" s="13" t="s">
        <v>388</v>
      </c>
      <c r="B75785" s="14" t="s">
        <v>1</v>
      </c>
      <c r="C75785" s="14" t="s">
        <v>47</v>
      </c>
      <c r="D75785" s="14" t="s">
        <v>389</v>
      </c>
      <c r="E75785" s="15">
        <v>45606</v>
      </c>
      <c r="F75785" s="14" t="s">
        <v>61</v>
      </c>
      <c r="G75785" s="16">
        <v>1.2999776575158909E-2</v>
      </c>
    </row>
    <row r="75786" spans="1:7" x14ac:dyDescent="0.3">
      <c r="A75786" s="13" t="s">
        <v>388</v>
      </c>
      <c r="B75786" s="14" t="s">
        <v>1</v>
      </c>
      <c r="C75786" s="14" t="s">
        <v>47</v>
      </c>
      <c r="D75786" s="14" t="s">
        <v>389</v>
      </c>
      <c r="E75786" s="15">
        <v>45607</v>
      </c>
      <c r="F75786" s="14" t="s">
        <v>61</v>
      </c>
      <c r="G75786" s="16">
        <v>1.2999776575158909E-2</v>
      </c>
    </row>
    <row r="75787" spans="1:7" x14ac:dyDescent="0.3">
      <c r="A75787" s="13" t="s">
        <v>388</v>
      </c>
      <c r="B75787" s="14" t="s">
        <v>1</v>
      </c>
      <c r="C75787" s="14" t="s">
        <v>47</v>
      </c>
      <c r="D75787" s="14" t="s">
        <v>389</v>
      </c>
      <c r="E75787" s="15">
        <v>45608</v>
      </c>
      <c r="F75787" s="14" t="s">
        <v>61</v>
      </c>
      <c r="G75787" s="16">
        <v>1.0872731151302434E-2</v>
      </c>
    </row>
    <row r="75788" spans="1:7" x14ac:dyDescent="0.3">
      <c r="A75788" s="13" t="s">
        <v>388</v>
      </c>
      <c r="B75788" s="14" t="s">
        <v>1</v>
      </c>
      <c r="C75788" s="14" t="s">
        <v>47</v>
      </c>
      <c r="D75788" s="14" t="s">
        <v>389</v>
      </c>
      <c r="E75788" s="15">
        <v>45609</v>
      </c>
      <c r="F75788" s="14" t="s">
        <v>61</v>
      </c>
      <c r="G75788" s="16">
        <v>1.8848405060087187E-3</v>
      </c>
    </row>
    <row r="75789" spans="1:7" x14ac:dyDescent="0.3">
      <c r="A75789" s="13" t="s">
        <v>388</v>
      </c>
      <c r="B75789" s="14" t="s">
        <v>1</v>
      </c>
      <c r="C75789" s="14" t="s">
        <v>47</v>
      </c>
      <c r="D75789" s="14" t="s">
        <v>389</v>
      </c>
      <c r="E75789" s="15">
        <v>45610</v>
      </c>
      <c r="F75789" s="14" t="s">
        <v>61</v>
      </c>
      <c r="G75789" s="16">
        <v>0</v>
      </c>
    </row>
    <row r="75790" spans="1:7" x14ac:dyDescent="0.3">
      <c r="A75790" s="13" t="s">
        <v>388</v>
      </c>
      <c r="B75790" s="14" t="s">
        <v>1</v>
      </c>
      <c r="C75790" s="14" t="s">
        <v>47</v>
      </c>
      <c r="D75790" s="14" t="s">
        <v>389</v>
      </c>
      <c r="E75790" s="15">
        <v>45611</v>
      </c>
      <c r="F75790" s="14" t="s">
        <v>61</v>
      </c>
      <c r="G75790" s="16">
        <v>0</v>
      </c>
    </row>
    <row r="75791" spans="1:7" x14ac:dyDescent="0.3">
      <c r="A75791" s="13" t="s">
        <v>388</v>
      </c>
      <c r="B75791" s="14" t="s">
        <v>1</v>
      </c>
      <c r="C75791" s="14" t="s">
        <v>47</v>
      </c>
      <c r="D75791" s="14" t="s">
        <v>389</v>
      </c>
      <c r="E75791" s="15">
        <v>45612</v>
      </c>
      <c r="F75791" s="14" t="s">
        <v>61</v>
      </c>
      <c r="G75791" s="16">
        <v>0</v>
      </c>
    </row>
    <row r="75792" spans="1:7" x14ac:dyDescent="0.3">
      <c r="A75792" s="13" t="s">
        <v>388</v>
      </c>
      <c r="B75792" s="14" t="s">
        <v>1</v>
      </c>
      <c r="C75792" s="14" t="s">
        <v>47</v>
      </c>
      <c r="D75792" s="14" t="s">
        <v>389</v>
      </c>
      <c r="E75792" s="15">
        <v>45613</v>
      </c>
      <c r="F75792" s="14" t="s">
        <v>61</v>
      </c>
      <c r="G75792" s="16">
        <v>0</v>
      </c>
    </row>
    <row r="75793" spans="1:7" x14ac:dyDescent="0.3">
      <c r="A75793" s="13" t="s">
        <v>388</v>
      </c>
      <c r="B75793" s="14" t="s">
        <v>1</v>
      </c>
      <c r="C75793" s="14" t="s">
        <v>47</v>
      </c>
      <c r="D75793" s="14" t="s">
        <v>389</v>
      </c>
      <c r="E75793" s="15">
        <v>45614</v>
      </c>
      <c r="F75793" s="14" t="s">
        <v>61</v>
      </c>
      <c r="G75793" s="16">
        <v>0</v>
      </c>
    </row>
    <row r="75794" spans="1:7" x14ac:dyDescent="0.3">
      <c r="A75794" s="13" t="s">
        <v>388</v>
      </c>
      <c r="B75794" s="14" t="s">
        <v>1</v>
      </c>
      <c r="C75794" s="14" t="s">
        <v>47</v>
      </c>
      <c r="D75794" s="14" t="s">
        <v>389</v>
      </c>
      <c r="E75794" s="15">
        <v>45615</v>
      </c>
      <c r="F75794" s="14" t="s">
        <v>61</v>
      </c>
      <c r="G75794" s="16">
        <v>0</v>
      </c>
    </row>
    <row r="75795" spans="1:7" x14ac:dyDescent="0.3">
      <c r="A75795" s="13" t="s">
        <v>388</v>
      </c>
      <c r="B75795" s="14" t="s">
        <v>1</v>
      </c>
      <c r="C75795" s="14" t="s">
        <v>47</v>
      </c>
      <c r="D75795" s="14" t="s">
        <v>389</v>
      </c>
      <c r="E75795" s="15">
        <v>45616</v>
      </c>
      <c r="F75795" s="14" t="s">
        <v>61</v>
      </c>
      <c r="G75795" s="16">
        <v>0</v>
      </c>
    </row>
    <row r="75796" spans="1:7" x14ac:dyDescent="0.3">
      <c r="A75796" s="13" t="s">
        <v>388</v>
      </c>
      <c r="B75796" s="14" t="s">
        <v>1</v>
      </c>
      <c r="C75796" s="14" t="s">
        <v>47</v>
      </c>
      <c r="D75796" s="14" t="s">
        <v>389</v>
      </c>
      <c r="E75796" s="15">
        <v>45617</v>
      </c>
      <c r="F75796" s="14" t="s">
        <v>61</v>
      </c>
      <c r="G75796" s="16">
        <v>0</v>
      </c>
    </row>
    <row r="75797" spans="1:7" x14ac:dyDescent="0.3">
      <c r="A75797" s="13" t="s">
        <v>388</v>
      </c>
      <c r="B75797" s="14" t="s">
        <v>1</v>
      </c>
      <c r="C75797" s="14" t="s">
        <v>47</v>
      </c>
      <c r="D75797" s="14" t="s">
        <v>389</v>
      </c>
      <c r="E75797" s="15">
        <v>45618</v>
      </c>
      <c r="F75797" s="14" t="s">
        <v>61</v>
      </c>
      <c r="G75797" s="16">
        <v>0</v>
      </c>
    </row>
    <row r="75798" spans="1:7" x14ac:dyDescent="0.3">
      <c r="A75798" s="13" t="s">
        <v>388</v>
      </c>
      <c r="B75798" s="14" t="s">
        <v>1</v>
      </c>
      <c r="C75798" s="14" t="s">
        <v>47</v>
      </c>
      <c r="D75798" s="14" t="s">
        <v>389</v>
      </c>
      <c r="E75798" s="15">
        <v>45619</v>
      </c>
      <c r="F75798" s="14" t="s">
        <v>61</v>
      </c>
      <c r="G75798" s="16">
        <v>0</v>
      </c>
    </row>
    <row r="75799" spans="1:7" x14ac:dyDescent="0.3">
      <c r="A75799" s="13" t="s">
        <v>388</v>
      </c>
      <c r="B75799" s="14" t="s">
        <v>1</v>
      </c>
      <c r="C75799" s="14" t="s">
        <v>47</v>
      </c>
      <c r="D75799" s="14" t="s">
        <v>389</v>
      </c>
      <c r="E75799" s="15">
        <v>45620</v>
      </c>
      <c r="F75799" s="14" t="s">
        <v>61</v>
      </c>
      <c r="G75799" s="16">
        <v>0</v>
      </c>
    </row>
    <row r="75800" spans="1:7" x14ac:dyDescent="0.3">
      <c r="A75800" s="13" t="s">
        <v>388</v>
      </c>
      <c r="B75800" s="14" t="s">
        <v>1</v>
      </c>
      <c r="C75800" s="14" t="s">
        <v>47</v>
      </c>
      <c r="D75800" s="14" t="s">
        <v>389</v>
      </c>
      <c r="E75800" s="15">
        <v>45621</v>
      </c>
      <c r="F75800" s="14" t="s">
        <v>61</v>
      </c>
      <c r="G75800" s="16">
        <v>0</v>
      </c>
    </row>
    <row r="75801" spans="1:7" x14ac:dyDescent="0.3">
      <c r="A75801" s="13" t="s">
        <v>388</v>
      </c>
      <c r="B75801" s="14" t="s">
        <v>1</v>
      </c>
      <c r="C75801" s="14" t="s">
        <v>47</v>
      </c>
      <c r="D75801" s="14" t="s">
        <v>389</v>
      </c>
      <c r="E75801" s="15">
        <v>45622</v>
      </c>
      <c r="F75801" s="14" t="s">
        <v>61</v>
      </c>
      <c r="G75801" s="16">
        <v>0</v>
      </c>
    </row>
    <row r="75802" spans="1:7" x14ac:dyDescent="0.3">
      <c r="A75802" s="13" t="s">
        <v>388</v>
      </c>
      <c r="B75802" s="14" t="s">
        <v>1</v>
      </c>
      <c r="C75802" s="14" t="s">
        <v>47</v>
      </c>
      <c r="D75802" s="14" t="s">
        <v>389</v>
      </c>
      <c r="E75802" s="15">
        <v>45623</v>
      </c>
      <c r="F75802" s="14" t="s">
        <v>61</v>
      </c>
      <c r="G75802" s="16">
        <v>0</v>
      </c>
    </row>
    <row r="75803" spans="1:7" x14ac:dyDescent="0.3">
      <c r="A75803" s="13" t="s">
        <v>388</v>
      </c>
      <c r="B75803" s="14" t="s">
        <v>1</v>
      </c>
      <c r="C75803" s="14" t="s">
        <v>47</v>
      </c>
      <c r="D75803" s="14" t="s">
        <v>389</v>
      </c>
      <c r="E75803" s="15">
        <v>45624</v>
      </c>
      <c r="F75803" s="14" t="s">
        <v>61</v>
      </c>
      <c r="G75803" s="16">
        <v>0</v>
      </c>
    </row>
    <row r="75804" spans="1:7" x14ac:dyDescent="0.3">
      <c r="A75804" s="13" t="s">
        <v>388</v>
      </c>
      <c r="B75804" s="14" t="s">
        <v>1</v>
      </c>
      <c r="C75804" s="14" t="s">
        <v>47</v>
      </c>
      <c r="D75804" s="14" t="s">
        <v>389</v>
      </c>
      <c r="E75804" s="15">
        <v>45625</v>
      </c>
      <c r="F75804" s="14" t="s">
        <v>61</v>
      </c>
      <c r="G75804" s="16">
        <v>0</v>
      </c>
    </row>
    <row r="75805" spans="1:7" x14ac:dyDescent="0.3">
      <c r="A75805" s="13" t="s">
        <v>388</v>
      </c>
      <c r="B75805" s="14" t="s">
        <v>1</v>
      </c>
      <c r="C75805" s="14" t="s">
        <v>47</v>
      </c>
      <c r="D75805" s="14" t="s">
        <v>389</v>
      </c>
      <c r="E75805" s="15">
        <v>45626</v>
      </c>
      <c r="F75805" s="14" t="s">
        <v>61</v>
      </c>
      <c r="G75805" s="16">
        <v>0</v>
      </c>
    </row>
    <row r="75806" spans="1:7" x14ac:dyDescent="0.3">
      <c r="A75806" s="13" t="s">
        <v>388</v>
      </c>
      <c r="B75806" s="14" t="s">
        <v>1</v>
      </c>
      <c r="C75806" s="14" t="s">
        <v>47</v>
      </c>
      <c r="D75806" s="14" t="s">
        <v>389</v>
      </c>
      <c r="E75806" s="15">
        <v>45627</v>
      </c>
      <c r="F75806" s="14" t="s">
        <v>61</v>
      </c>
      <c r="G75806" s="16">
        <v>0</v>
      </c>
    </row>
    <row r="75807" spans="1:7" x14ac:dyDescent="0.3">
      <c r="A75807" s="13" t="s">
        <v>388</v>
      </c>
      <c r="B75807" s="14" t="s">
        <v>1</v>
      </c>
      <c r="C75807" s="14" t="s">
        <v>47</v>
      </c>
      <c r="D75807" s="14" t="s">
        <v>389</v>
      </c>
      <c r="E75807" s="15">
        <v>45628</v>
      </c>
      <c r="F75807" s="14" t="s">
        <v>61</v>
      </c>
      <c r="G75807" s="16">
        <v>0</v>
      </c>
    </row>
    <row r="75808" spans="1:7" x14ac:dyDescent="0.3">
      <c r="A75808" s="13" t="s">
        <v>388</v>
      </c>
      <c r="B75808" s="14" t="s">
        <v>1</v>
      </c>
      <c r="C75808" s="14" t="s">
        <v>47</v>
      </c>
      <c r="D75808" s="14" t="s">
        <v>389</v>
      </c>
      <c r="E75808" s="15">
        <v>45629</v>
      </c>
      <c r="F75808" s="14" t="s">
        <v>61</v>
      </c>
      <c r="G75808" s="16">
        <v>0</v>
      </c>
    </row>
    <row r="75809" spans="1:7" x14ac:dyDescent="0.3">
      <c r="A75809" s="13" t="s">
        <v>388</v>
      </c>
      <c r="B75809" s="14" t="s">
        <v>1</v>
      </c>
      <c r="C75809" s="14" t="s">
        <v>47</v>
      </c>
      <c r="D75809" s="14" t="s">
        <v>389</v>
      </c>
      <c r="E75809" s="15">
        <v>45630</v>
      </c>
      <c r="F75809" s="14" t="s">
        <v>61</v>
      </c>
      <c r="G75809" s="16">
        <v>0</v>
      </c>
    </row>
    <row r="75810" spans="1:7" x14ac:dyDescent="0.3">
      <c r="A75810" s="13" t="s">
        <v>388</v>
      </c>
      <c r="B75810" s="14" t="s">
        <v>1</v>
      </c>
      <c r="C75810" s="14" t="s">
        <v>47</v>
      </c>
      <c r="D75810" s="14" t="s">
        <v>389</v>
      </c>
      <c r="E75810" s="15">
        <v>45631</v>
      </c>
      <c r="F75810" s="14" t="s">
        <v>61</v>
      </c>
      <c r="G75810" s="16">
        <v>0</v>
      </c>
    </row>
    <row r="75811" spans="1:7" x14ac:dyDescent="0.3">
      <c r="A75811" s="13" t="s">
        <v>388</v>
      </c>
      <c r="B75811" s="14" t="s">
        <v>1</v>
      </c>
      <c r="C75811" s="14" t="s">
        <v>47</v>
      </c>
      <c r="D75811" s="14" t="s">
        <v>389</v>
      </c>
      <c r="E75811" s="15">
        <v>45632</v>
      </c>
      <c r="F75811" s="14" t="s">
        <v>61</v>
      </c>
      <c r="G75811" s="16">
        <v>0</v>
      </c>
    </row>
    <row r="75812" spans="1:7" x14ac:dyDescent="0.3">
      <c r="A75812" s="13" t="s">
        <v>388</v>
      </c>
      <c r="B75812" s="14" t="s">
        <v>1</v>
      </c>
      <c r="C75812" s="14" t="s">
        <v>47</v>
      </c>
      <c r="D75812" s="14" t="s">
        <v>389</v>
      </c>
      <c r="E75812" s="15">
        <v>45633</v>
      </c>
      <c r="F75812" s="14" t="s">
        <v>61</v>
      </c>
      <c r="G75812" s="16">
        <v>0</v>
      </c>
    </row>
    <row r="75813" spans="1:7" x14ac:dyDescent="0.3">
      <c r="A75813" s="13" t="s">
        <v>388</v>
      </c>
      <c r="B75813" s="14" t="s">
        <v>1</v>
      </c>
      <c r="C75813" s="14" t="s">
        <v>47</v>
      </c>
      <c r="D75813" s="14" t="s">
        <v>389</v>
      </c>
      <c r="E75813" s="15">
        <v>45634</v>
      </c>
      <c r="F75813" s="14" t="s">
        <v>61</v>
      </c>
      <c r="G75813" s="16">
        <v>0</v>
      </c>
    </row>
    <row r="75814" spans="1:7" x14ac:dyDescent="0.3">
      <c r="A75814" s="13" t="s">
        <v>388</v>
      </c>
      <c r="B75814" s="14" t="s">
        <v>1</v>
      </c>
      <c r="C75814" s="14" t="s">
        <v>47</v>
      </c>
      <c r="D75814" s="14" t="s">
        <v>389</v>
      </c>
      <c r="E75814" s="15">
        <v>45635</v>
      </c>
      <c r="F75814" s="14" t="s">
        <v>61</v>
      </c>
      <c r="G75814" s="16">
        <v>0</v>
      </c>
    </row>
    <row r="75815" spans="1:7" x14ac:dyDescent="0.3">
      <c r="A75815" s="13" t="s">
        <v>388</v>
      </c>
      <c r="B75815" s="14" t="s">
        <v>1</v>
      </c>
      <c r="C75815" s="14" t="s">
        <v>47</v>
      </c>
      <c r="D75815" s="14" t="s">
        <v>389</v>
      </c>
      <c r="E75815" s="15">
        <v>45636</v>
      </c>
      <c r="F75815" s="14" t="s">
        <v>61</v>
      </c>
      <c r="G75815" s="16">
        <v>0</v>
      </c>
    </row>
    <row r="75816" spans="1:7" x14ac:dyDescent="0.3">
      <c r="A75816" s="13" t="s">
        <v>388</v>
      </c>
      <c r="B75816" s="14" t="s">
        <v>1</v>
      </c>
      <c r="C75816" s="14" t="s">
        <v>47</v>
      </c>
      <c r="D75816" s="14" t="s">
        <v>389</v>
      </c>
      <c r="E75816" s="15">
        <v>45637</v>
      </c>
      <c r="F75816" s="14" t="s">
        <v>61</v>
      </c>
      <c r="G75816" s="16">
        <v>0</v>
      </c>
    </row>
    <row r="75817" spans="1:7" x14ac:dyDescent="0.3">
      <c r="A75817" s="13" t="s">
        <v>388</v>
      </c>
      <c r="B75817" s="14" t="s">
        <v>1</v>
      </c>
      <c r="C75817" s="14" t="s">
        <v>47</v>
      </c>
      <c r="D75817" s="14" t="s">
        <v>389</v>
      </c>
      <c r="E75817" s="15">
        <v>45638</v>
      </c>
      <c r="F75817" s="14" t="s">
        <v>61</v>
      </c>
      <c r="G75817" s="16">
        <v>0</v>
      </c>
    </row>
    <row r="75818" spans="1:7" x14ac:dyDescent="0.3">
      <c r="A75818" s="13" t="s">
        <v>388</v>
      </c>
      <c r="B75818" s="14" t="s">
        <v>1</v>
      </c>
      <c r="C75818" s="14" t="s">
        <v>47</v>
      </c>
      <c r="D75818" s="14" t="s">
        <v>389</v>
      </c>
      <c r="E75818" s="15">
        <v>45639</v>
      </c>
      <c r="F75818" s="14" t="s">
        <v>61</v>
      </c>
      <c r="G75818" s="16">
        <v>0</v>
      </c>
    </row>
    <row r="75819" spans="1:7" x14ac:dyDescent="0.3">
      <c r="A75819" s="13" t="s">
        <v>388</v>
      </c>
      <c r="B75819" s="14" t="s">
        <v>1</v>
      </c>
      <c r="C75819" s="14" t="s">
        <v>47</v>
      </c>
      <c r="D75819" s="14" t="s">
        <v>389</v>
      </c>
      <c r="E75819" s="15">
        <v>45640</v>
      </c>
      <c r="F75819" s="14" t="s">
        <v>61</v>
      </c>
      <c r="G75819" s="16">
        <v>0</v>
      </c>
    </row>
    <row r="75820" spans="1:7" x14ac:dyDescent="0.3">
      <c r="A75820" s="13" t="s">
        <v>388</v>
      </c>
      <c r="B75820" s="14" t="s">
        <v>1</v>
      </c>
      <c r="C75820" s="14" t="s">
        <v>47</v>
      </c>
      <c r="D75820" s="14" t="s">
        <v>389</v>
      </c>
      <c r="E75820" s="15">
        <v>45641</v>
      </c>
      <c r="F75820" s="14" t="s">
        <v>61</v>
      </c>
      <c r="G75820" s="16">
        <v>0</v>
      </c>
    </row>
    <row r="75821" spans="1:7" x14ac:dyDescent="0.3">
      <c r="A75821" s="13" t="s">
        <v>388</v>
      </c>
      <c r="B75821" s="14" t="s">
        <v>1</v>
      </c>
      <c r="C75821" s="14" t="s">
        <v>47</v>
      </c>
      <c r="D75821" s="14" t="s">
        <v>389</v>
      </c>
      <c r="E75821" s="15">
        <v>45642</v>
      </c>
      <c r="F75821" s="14" t="s">
        <v>61</v>
      </c>
      <c r="G75821" s="16">
        <v>0</v>
      </c>
    </row>
    <row r="75822" spans="1:7" x14ac:dyDescent="0.3">
      <c r="A75822" s="13" t="s">
        <v>388</v>
      </c>
      <c r="B75822" s="14" t="s">
        <v>1</v>
      </c>
      <c r="C75822" s="14" t="s">
        <v>47</v>
      </c>
      <c r="D75822" s="14" t="s">
        <v>389</v>
      </c>
      <c r="E75822" s="15">
        <v>45643</v>
      </c>
      <c r="F75822" s="14" t="s">
        <v>61</v>
      </c>
      <c r="G75822" s="16">
        <v>0</v>
      </c>
    </row>
    <row r="75823" spans="1:7" x14ac:dyDescent="0.3">
      <c r="A75823" s="13" t="s">
        <v>388</v>
      </c>
      <c r="B75823" s="14" t="s">
        <v>1</v>
      </c>
      <c r="C75823" s="14" t="s">
        <v>47</v>
      </c>
      <c r="D75823" s="14" t="s">
        <v>389</v>
      </c>
      <c r="E75823" s="15">
        <v>45644</v>
      </c>
      <c r="F75823" s="14" t="s">
        <v>61</v>
      </c>
      <c r="G75823" s="16">
        <v>0</v>
      </c>
    </row>
    <row r="75824" spans="1:7" x14ac:dyDescent="0.3">
      <c r="A75824" s="13" t="s">
        <v>388</v>
      </c>
      <c r="B75824" s="14" t="s">
        <v>1</v>
      </c>
      <c r="C75824" s="14" t="s">
        <v>47</v>
      </c>
      <c r="D75824" s="14" t="s">
        <v>389</v>
      </c>
      <c r="E75824" s="15">
        <v>45645</v>
      </c>
      <c r="F75824" s="14" t="s">
        <v>61</v>
      </c>
      <c r="G75824" s="16">
        <v>0</v>
      </c>
    </row>
    <row r="75825" spans="1:7" x14ac:dyDescent="0.3">
      <c r="A75825" s="13" t="s">
        <v>388</v>
      </c>
      <c r="B75825" s="14" t="s">
        <v>1</v>
      </c>
      <c r="C75825" s="14" t="s">
        <v>47</v>
      </c>
      <c r="D75825" s="14" t="s">
        <v>389</v>
      </c>
      <c r="E75825" s="15">
        <v>45646</v>
      </c>
      <c r="F75825" s="14" t="s">
        <v>61</v>
      </c>
      <c r="G75825" s="16">
        <v>0</v>
      </c>
    </row>
    <row r="75826" spans="1:7" x14ac:dyDescent="0.3">
      <c r="A75826" s="13" t="s">
        <v>388</v>
      </c>
      <c r="B75826" s="14" t="s">
        <v>1</v>
      </c>
      <c r="C75826" s="14" t="s">
        <v>47</v>
      </c>
      <c r="D75826" s="14" t="s">
        <v>389</v>
      </c>
      <c r="E75826" s="15">
        <v>45647</v>
      </c>
      <c r="F75826" s="14" t="s">
        <v>61</v>
      </c>
      <c r="G75826" s="16">
        <v>0</v>
      </c>
    </row>
    <row r="75827" spans="1:7" x14ac:dyDescent="0.3">
      <c r="A75827" s="13" t="s">
        <v>388</v>
      </c>
      <c r="B75827" s="14" t="s">
        <v>1</v>
      </c>
      <c r="C75827" s="14" t="s">
        <v>47</v>
      </c>
      <c r="D75827" s="14" t="s">
        <v>389</v>
      </c>
      <c r="E75827" s="15">
        <v>45648</v>
      </c>
      <c r="F75827" s="14" t="s">
        <v>61</v>
      </c>
      <c r="G75827" s="16">
        <v>0</v>
      </c>
    </row>
    <row r="75828" spans="1:7" x14ac:dyDescent="0.3">
      <c r="A75828" s="13" t="s">
        <v>388</v>
      </c>
      <c r="B75828" s="14" t="s">
        <v>1</v>
      </c>
      <c r="C75828" s="14" t="s">
        <v>47</v>
      </c>
      <c r="D75828" s="14" t="s">
        <v>389</v>
      </c>
      <c r="E75828" s="15">
        <v>45649</v>
      </c>
      <c r="F75828" s="14" t="s">
        <v>61</v>
      </c>
      <c r="G75828" s="16">
        <v>0</v>
      </c>
    </row>
    <row r="75829" spans="1:7" x14ac:dyDescent="0.3">
      <c r="A75829" s="13" t="s">
        <v>388</v>
      </c>
      <c r="B75829" s="14" t="s">
        <v>1</v>
      </c>
      <c r="C75829" s="14" t="s">
        <v>47</v>
      </c>
      <c r="D75829" s="14" t="s">
        <v>389</v>
      </c>
      <c r="E75829" s="15">
        <v>45650</v>
      </c>
      <c r="F75829" s="14" t="s">
        <v>61</v>
      </c>
      <c r="G75829" s="16">
        <v>0</v>
      </c>
    </row>
    <row r="75830" spans="1:7" x14ac:dyDescent="0.3">
      <c r="A75830" s="13" t="s">
        <v>388</v>
      </c>
      <c r="B75830" s="14" t="s">
        <v>1</v>
      </c>
      <c r="C75830" s="14" t="s">
        <v>47</v>
      </c>
      <c r="D75830" s="14" t="s">
        <v>389</v>
      </c>
      <c r="E75830" s="15">
        <v>45651</v>
      </c>
      <c r="F75830" s="14" t="s">
        <v>61</v>
      </c>
      <c r="G75830" s="16">
        <v>0</v>
      </c>
    </row>
    <row r="75831" spans="1:7" x14ac:dyDescent="0.3">
      <c r="A75831" s="13" t="s">
        <v>388</v>
      </c>
      <c r="B75831" s="14" t="s">
        <v>1</v>
      </c>
      <c r="C75831" s="14" t="s">
        <v>47</v>
      </c>
      <c r="D75831" s="14" t="s">
        <v>389</v>
      </c>
      <c r="E75831" s="15">
        <v>45652</v>
      </c>
      <c r="F75831" s="14" t="s">
        <v>61</v>
      </c>
      <c r="G75831" s="16">
        <v>0</v>
      </c>
    </row>
    <row r="75832" spans="1:7" x14ac:dyDescent="0.3">
      <c r="A75832" s="13" t="s">
        <v>388</v>
      </c>
      <c r="B75832" s="14" t="s">
        <v>1</v>
      </c>
      <c r="C75832" s="14" t="s">
        <v>47</v>
      </c>
      <c r="D75832" s="14" t="s">
        <v>389</v>
      </c>
      <c r="E75832" s="15">
        <v>45653</v>
      </c>
      <c r="F75832" s="14" t="s">
        <v>61</v>
      </c>
      <c r="G75832" s="16">
        <v>0</v>
      </c>
    </row>
    <row r="75833" spans="1:7" x14ac:dyDescent="0.3">
      <c r="A75833" s="13" t="s">
        <v>388</v>
      </c>
      <c r="B75833" s="14" t="s">
        <v>1</v>
      </c>
      <c r="C75833" s="14" t="s">
        <v>47</v>
      </c>
      <c r="D75833" s="14" t="s">
        <v>389</v>
      </c>
      <c r="E75833" s="15">
        <v>45654</v>
      </c>
      <c r="F75833" s="14" t="s">
        <v>61</v>
      </c>
      <c r="G75833" s="16">
        <v>0</v>
      </c>
    </row>
    <row r="75834" spans="1:7" x14ac:dyDescent="0.3">
      <c r="A75834" s="13" t="s">
        <v>388</v>
      </c>
      <c r="B75834" s="14" t="s">
        <v>1</v>
      </c>
      <c r="C75834" s="14" t="s">
        <v>47</v>
      </c>
      <c r="D75834" s="14" t="s">
        <v>389</v>
      </c>
      <c r="E75834" s="15">
        <v>45655</v>
      </c>
      <c r="F75834" s="14" t="s">
        <v>61</v>
      </c>
      <c r="G75834" s="16">
        <v>0</v>
      </c>
    </row>
    <row r="75835" spans="1:7" x14ac:dyDescent="0.3">
      <c r="A75835" s="13" t="s">
        <v>388</v>
      </c>
      <c r="B75835" s="14" t="s">
        <v>1</v>
      </c>
      <c r="C75835" s="14" t="s">
        <v>47</v>
      </c>
      <c r="D75835" s="14" t="s">
        <v>389</v>
      </c>
      <c r="E75835" s="15">
        <v>45656</v>
      </c>
      <c r="F75835" s="14" t="s">
        <v>61</v>
      </c>
      <c r="G75835" s="16">
        <v>0</v>
      </c>
    </row>
    <row r="75836" spans="1:7" x14ac:dyDescent="0.3">
      <c r="A75836" s="13" t="s">
        <v>388</v>
      </c>
      <c r="B75836" s="14" t="s">
        <v>1</v>
      </c>
      <c r="C75836" s="14" t="s">
        <v>47</v>
      </c>
      <c r="D75836" s="14" t="s">
        <v>389</v>
      </c>
      <c r="E75836" s="15">
        <v>45657</v>
      </c>
      <c r="F75836" s="14" t="s">
        <v>61</v>
      </c>
      <c r="G75836" s="16">
        <v>0</v>
      </c>
    </row>
    <row r="75837" spans="1:7" x14ac:dyDescent="0.3">
      <c r="A75837" s="13" t="s">
        <v>388</v>
      </c>
      <c r="B75837" s="14" t="s">
        <v>1</v>
      </c>
      <c r="C75837" s="14" t="s">
        <v>47</v>
      </c>
      <c r="D75837" s="14" t="s">
        <v>389</v>
      </c>
      <c r="E75837" s="15">
        <v>45658</v>
      </c>
      <c r="F75837" s="14" t="s">
        <v>61</v>
      </c>
      <c r="G75837" s="16">
        <v>0</v>
      </c>
    </row>
    <row r="75838" spans="1:7" x14ac:dyDescent="0.3">
      <c r="A75838" s="13" t="s">
        <v>388</v>
      </c>
      <c r="B75838" s="14" t="s">
        <v>1</v>
      </c>
      <c r="C75838" s="14" t="s">
        <v>47</v>
      </c>
      <c r="D75838" s="14" t="s">
        <v>389</v>
      </c>
      <c r="E75838" s="15">
        <v>45659</v>
      </c>
      <c r="F75838" s="14" t="s">
        <v>61</v>
      </c>
      <c r="G75838" s="16">
        <v>0</v>
      </c>
    </row>
    <row r="75839" spans="1:7" x14ac:dyDescent="0.3">
      <c r="A75839" s="13" t="s">
        <v>388</v>
      </c>
      <c r="B75839" s="14" t="s">
        <v>1</v>
      </c>
      <c r="C75839" s="14" t="s">
        <v>47</v>
      </c>
      <c r="D75839" s="14" t="s">
        <v>389</v>
      </c>
      <c r="E75839" s="15">
        <v>45660</v>
      </c>
      <c r="F75839" s="14" t="s">
        <v>61</v>
      </c>
      <c r="G75839" s="16">
        <v>0</v>
      </c>
    </row>
    <row r="75840" spans="1:7" x14ac:dyDescent="0.3">
      <c r="A75840" s="13" t="s">
        <v>388</v>
      </c>
      <c r="B75840" s="14" t="s">
        <v>1</v>
      </c>
      <c r="C75840" s="14" t="s">
        <v>47</v>
      </c>
      <c r="D75840" s="14" t="s">
        <v>389</v>
      </c>
      <c r="E75840" s="15">
        <v>45661</v>
      </c>
      <c r="F75840" s="14" t="s">
        <v>61</v>
      </c>
      <c r="G75840" s="16">
        <v>0</v>
      </c>
    </row>
    <row r="75841" spans="1:7" x14ac:dyDescent="0.3">
      <c r="A75841" s="13" t="s">
        <v>388</v>
      </c>
      <c r="B75841" s="14" t="s">
        <v>1</v>
      </c>
      <c r="C75841" s="14" t="s">
        <v>47</v>
      </c>
      <c r="D75841" s="14" t="s">
        <v>389</v>
      </c>
      <c r="E75841" s="15">
        <v>45662</v>
      </c>
      <c r="F75841" s="14" t="s">
        <v>61</v>
      </c>
      <c r="G75841" s="16">
        <v>0</v>
      </c>
    </row>
    <row r="75842" spans="1:7" x14ac:dyDescent="0.3">
      <c r="A75842" s="13" t="s">
        <v>388</v>
      </c>
      <c r="B75842" s="14" t="s">
        <v>1</v>
      </c>
      <c r="C75842" s="14" t="s">
        <v>47</v>
      </c>
      <c r="D75842" s="14" t="s">
        <v>389</v>
      </c>
      <c r="E75842" s="15">
        <v>45663</v>
      </c>
      <c r="F75842" s="14" t="s">
        <v>61</v>
      </c>
      <c r="G75842" s="16">
        <v>0</v>
      </c>
    </row>
    <row r="75843" spans="1:7" x14ac:dyDescent="0.3">
      <c r="A75843" s="13" t="s">
        <v>388</v>
      </c>
      <c r="B75843" s="14" t="s">
        <v>1</v>
      </c>
      <c r="C75843" s="14" t="s">
        <v>47</v>
      </c>
      <c r="D75843" s="14" t="s">
        <v>389</v>
      </c>
      <c r="E75843" s="15">
        <v>45664</v>
      </c>
      <c r="F75843" s="14" t="s">
        <v>61</v>
      </c>
      <c r="G75843" s="16">
        <v>0</v>
      </c>
    </row>
    <row r="75844" spans="1:7" x14ac:dyDescent="0.3">
      <c r="A75844" s="13" t="s">
        <v>388</v>
      </c>
      <c r="B75844" s="14" t="s">
        <v>1</v>
      </c>
      <c r="C75844" s="14" t="s">
        <v>47</v>
      </c>
      <c r="D75844" s="14" t="s">
        <v>389</v>
      </c>
      <c r="E75844" s="15">
        <v>45665</v>
      </c>
      <c r="F75844" s="14" t="s">
        <v>61</v>
      </c>
      <c r="G75844" s="16">
        <v>0</v>
      </c>
    </row>
    <row r="75845" spans="1:7" x14ac:dyDescent="0.3">
      <c r="A75845" s="13" t="s">
        <v>388</v>
      </c>
      <c r="B75845" s="14" t="s">
        <v>1</v>
      </c>
      <c r="C75845" s="14" t="s">
        <v>47</v>
      </c>
      <c r="D75845" s="14" t="s">
        <v>389</v>
      </c>
      <c r="E75845" s="15">
        <v>45666</v>
      </c>
      <c r="F75845" s="14" t="s">
        <v>61</v>
      </c>
      <c r="G75845" s="16">
        <v>0</v>
      </c>
    </row>
    <row r="75846" spans="1:7" x14ac:dyDescent="0.3">
      <c r="A75846" s="13" t="s">
        <v>388</v>
      </c>
      <c r="B75846" s="14" t="s">
        <v>1</v>
      </c>
      <c r="C75846" s="14" t="s">
        <v>47</v>
      </c>
      <c r="D75846" s="14" t="s">
        <v>389</v>
      </c>
      <c r="E75846" s="15">
        <v>45667</v>
      </c>
      <c r="F75846" s="14" t="s">
        <v>61</v>
      </c>
      <c r="G75846" s="16">
        <v>0</v>
      </c>
    </row>
    <row r="75847" spans="1:7" x14ac:dyDescent="0.3">
      <c r="A75847" s="13" t="s">
        <v>388</v>
      </c>
      <c r="B75847" s="14" t="s">
        <v>1</v>
      </c>
      <c r="C75847" s="14" t="s">
        <v>47</v>
      </c>
      <c r="D75847" s="14" t="s">
        <v>389</v>
      </c>
      <c r="E75847" s="15">
        <v>45668</v>
      </c>
      <c r="F75847" s="14" t="s">
        <v>61</v>
      </c>
      <c r="G75847" s="16">
        <v>0</v>
      </c>
    </row>
    <row r="75848" spans="1:7" x14ac:dyDescent="0.3">
      <c r="A75848" s="13" t="s">
        <v>388</v>
      </c>
      <c r="B75848" s="14" t="s">
        <v>1</v>
      </c>
      <c r="C75848" s="14" t="s">
        <v>47</v>
      </c>
      <c r="D75848" s="14" t="s">
        <v>389</v>
      </c>
      <c r="E75848" s="15">
        <v>45669</v>
      </c>
      <c r="F75848" s="14" t="s">
        <v>61</v>
      </c>
      <c r="G75848" s="16">
        <v>0</v>
      </c>
    </row>
    <row r="75849" spans="1:7" x14ac:dyDescent="0.3">
      <c r="A75849" s="13" t="s">
        <v>388</v>
      </c>
      <c r="B75849" s="14" t="s">
        <v>1</v>
      </c>
      <c r="C75849" s="14" t="s">
        <v>47</v>
      </c>
      <c r="D75849" s="14" t="s">
        <v>389</v>
      </c>
      <c r="E75849" s="15">
        <v>45670</v>
      </c>
      <c r="F75849" s="14" t="s">
        <v>61</v>
      </c>
      <c r="G75849" s="16">
        <v>0</v>
      </c>
    </row>
    <row r="75850" spans="1:7" x14ac:dyDescent="0.3">
      <c r="A75850" s="13" t="s">
        <v>388</v>
      </c>
      <c r="B75850" s="14" t="s">
        <v>1</v>
      </c>
      <c r="C75850" s="14" t="s">
        <v>47</v>
      </c>
      <c r="D75850" s="14" t="s">
        <v>389</v>
      </c>
      <c r="E75850" s="15">
        <v>45671</v>
      </c>
      <c r="F75850" s="14" t="s">
        <v>61</v>
      </c>
      <c r="G75850" s="16">
        <v>0</v>
      </c>
    </row>
    <row r="75851" spans="1:7" x14ac:dyDescent="0.3">
      <c r="A75851" s="13" t="s">
        <v>388</v>
      </c>
      <c r="B75851" s="14" t="s">
        <v>1</v>
      </c>
      <c r="C75851" s="14" t="s">
        <v>47</v>
      </c>
      <c r="D75851" s="14" t="s">
        <v>389</v>
      </c>
      <c r="E75851" s="15">
        <v>45672</v>
      </c>
      <c r="F75851" s="14" t="s">
        <v>61</v>
      </c>
      <c r="G75851" s="16">
        <v>0</v>
      </c>
    </row>
    <row r="75852" spans="1:7" x14ac:dyDescent="0.3">
      <c r="A75852" s="13" t="s">
        <v>388</v>
      </c>
      <c r="B75852" s="14" t="s">
        <v>1</v>
      </c>
      <c r="C75852" s="14" t="s">
        <v>47</v>
      </c>
      <c r="D75852" s="14" t="s">
        <v>389</v>
      </c>
      <c r="E75852" s="15">
        <v>45673</v>
      </c>
      <c r="F75852" s="14" t="s">
        <v>61</v>
      </c>
      <c r="G75852" s="16">
        <v>0</v>
      </c>
    </row>
    <row r="75853" spans="1:7" x14ac:dyDescent="0.3">
      <c r="A75853" s="13" t="s">
        <v>388</v>
      </c>
      <c r="B75853" s="14" t="s">
        <v>1</v>
      </c>
      <c r="C75853" s="14" t="s">
        <v>47</v>
      </c>
      <c r="D75853" s="14" t="s">
        <v>389</v>
      </c>
      <c r="E75853" s="15">
        <v>45674</v>
      </c>
      <c r="F75853" s="14" t="s">
        <v>61</v>
      </c>
      <c r="G75853" s="16">
        <v>0</v>
      </c>
    </row>
    <row r="75854" spans="1:7" x14ac:dyDescent="0.3">
      <c r="A75854" s="13" t="s">
        <v>388</v>
      </c>
      <c r="B75854" s="14" t="s">
        <v>1</v>
      </c>
      <c r="C75854" s="14" t="s">
        <v>47</v>
      </c>
      <c r="D75854" s="14" t="s">
        <v>389</v>
      </c>
      <c r="E75854" s="15">
        <v>45675</v>
      </c>
      <c r="F75854" s="14" t="s">
        <v>61</v>
      </c>
      <c r="G75854" s="16">
        <v>0</v>
      </c>
    </row>
    <row r="75855" spans="1:7" x14ac:dyDescent="0.3">
      <c r="A75855" s="13" t="s">
        <v>388</v>
      </c>
      <c r="B75855" s="14" t="s">
        <v>1</v>
      </c>
      <c r="C75855" s="14" t="s">
        <v>47</v>
      </c>
      <c r="D75855" s="14" t="s">
        <v>389</v>
      </c>
      <c r="E75855" s="15">
        <v>45676</v>
      </c>
      <c r="F75855" s="14" t="s">
        <v>61</v>
      </c>
      <c r="G75855" s="16">
        <v>0</v>
      </c>
    </row>
    <row r="75856" spans="1:7" x14ac:dyDescent="0.3">
      <c r="A75856" s="13" t="s">
        <v>388</v>
      </c>
      <c r="B75856" s="14" t="s">
        <v>1</v>
      </c>
      <c r="C75856" s="14" t="s">
        <v>47</v>
      </c>
      <c r="D75856" s="14" t="s">
        <v>389</v>
      </c>
      <c r="E75856" s="15">
        <v>45677</v>
      </c>
      <c r="F75856" s="14" t="s">
        <v>61</v>
      </c>
      <c r="G75856" s="16">
        <v>0</v>
      </c>
    </row>
    <row r="75857" spans="1:7" x14ac:dyDescent="0.3">
      <c r="A75857" s="13" t="s">
        <v>388</v>
      </c>
      <c r="B75857" s="14" t="s">
        <v>1</v>
      </c>
      <c r="C75857" s="14" t="s">
        <v>47</v>
      </c>
      <c r="D75857" s="14" t="s">
        <v>389</v>
      </c>
      <c r="E75857" s="15">
        <v>45678</v>
      </c>
      <c r="F75857" s="14" t="s">
        <v>61</v>
      </c>
      <c r="G75857" s="16">
        <v>0</v>
      </c>
    </row>
    <row r="75858" spans="1:7" x14ac:dyDescent="0.3">
      <c r="A75858" s="13" t="s">
        <v>388</v>
      </c>
      <c r="B75858" s="14" t="s">
        <v>1</v>
      </c>
      <c r="C75858" s="14" t="s">
        <v>47</v>
      </c>
      <c r="D75858" s="14" t="s">
        <v>389</v>
      </c>
      <c r="E75858" s="15">
        <v>45679</v>
      </c>
      <c r="F75858" s="14" t="s">
        <v>61</v>
      </c>
      <c r="G75858" s="16">
        <v>0</v>
      </c>
    </row>
    <row r="75859" spans="1:7" x14ac:dyDescent="0.3">
      <c r="A75859" s="13" t="s">
        <v>388</v>
      </c>
      <c r="B75859" s="14" t="s">
        <v>1</v>
      </c>
      <c r="C75859" s="14" t="s">
        <v>47</v>
      </c>
      <c r="D75859" s="14" t="s">
        <v>389</v>
      </c>
      <c r="E75859" s="15">
        <v>45680</v>
      </c>
      <c r="F75859" s="14" t="s">
        <v>61</v>
      </c>
      <c r="G75859" s="16">
        <v>0</v>
      </c>
    </row>
    <row r="75860" spans="1:7" x14ac:dyDescent="0.3">
      <c r="A75860" s="13" t="s">
        <v>388</v>
      </c>
      <c r="B75860" s="14" t="s">
        <v>1</v>
      </c>
      <c r="C75860" s="14" t="s">
        <v>47</v>
      </c>
      <c r="D75860" s="14" t="s">
        <v>389</v>
      </c>
      <c r="E75860" s="15">
        <v>45681</v>
      </c>
      <c r="F75860" s="14" t="s">
        <v>61</v>
      </c>
      <c r="G75860" s="16">
        <v>0</v>
      </c>
    </row>
    <row r="75861" spans="1:7" x14ac:dyDescent="0.3">
      <c r="A75861" s="13" t="s">
        <v>388</v>
      </c>
      <c r="B75861" s="14" t="s">
        <v>1</v>
      </c>
      <c r="C75861" s="14" t="s">
        <v>47</v>
      </c>
      <c r="D75861" s="14" t="s">
        <v>389</v>
      </c>
      <c r="E75861" s="15">
        <v>45682</v>
      </c>
      <c r="F75861" s="14" t="s">
        <v>61</v>
      </c>
      <c r="G75861" s="16">
        <v>0</v>
      </c>
    </row>
    <row r="75862" spans="1:7" x14ac:dyDescent="0.3">
      <c r="A75862" s="13" t="s">
        <v>388</v>
      </c>
      <c r="B75862" s="14" t="s">
        <v>1</v>
      </c>
      <c r="C75862" s="14" t="s">
        <v>47</v>
      </c>
      <c r="D75862" s="14" t="s">
        <v>389</v>
      </c>
      <c r="E75862" s="15">
        <v>45683</v>
      </c>
      <c r="F75862" s="14" t="s">
        <v>61</v>
      </c>
      <c r="G75862" s="16">
        <v>0</v>
      </c>
    </row>
    <row r="75863" spans="1:7" x14ac:dyDescent="0.3">
      <c r="A75863" s="13" t="s">
        <v>388</v>
      </c>
      <c r="B75863" s="14" t="s">
        <v>1</v>
      </c>
      <c r="C75863" s="14" t="s">
        <v>47</v>
      </c>
      <c r="D75863" s="14" t="s">
        <v>389</v>
      </c>
      <c r="E75863" s="15">
        <v>45684</v>
      </c>
      <c r="F75863" s="14" t="s">
        <v>61</v>
      </c>
      <c r="G75863" s="16">
        <v>0</v>
      </c>
    </row>
    <row r="75864" spans="1:7" x14ac:dyDescent="0.3">
      <c r="A75864" s="13" t="s">
        <v>388</v>
      </c>
      <c r="B75864" s="14" t="s">
        <v>1</v>
      </c>
      <c r="C75864" s="14" t="s">
        <v>47</v>
      </c>
      <c r="D75864" s="14" t="s">
        <v>389</v>
      </c>
      <c r="E75864" s="15">
        <v>45685</v>
      </c>
      <c r="F75864" s="14" t="s">
        <v>61</v>
      </c>
      <c r="G75864" s="16">
        <v>0</v>
      </c>
    </row>
    <row r="75865" spans="1:7" x14ac:dyDescent="0.3">
      <c r="A75865" s="13" t="s">
        <v>388</v>
      </c>
      <c r="B75865" s="14" t="s">
        <v>1</v>
      </c>
      <c r="C75865" s="14" t="s">
        <v>47</v>
      </c>
      <c r="D75865" s="14" t="s">
        <v>389</v>
      </c>
      <c r="E75865" s="15">
        <v>45686</v>
      </c>
      <c r="F75865" s="14" t="s">
        <v>61</v>
      </c>
      <c r="G75865" s="16">
        <v>0</v>
      </c>
    </row>
    <row r="75866" spans="1:7" x14ac:dyDescent="0.3">
      <c r="A75866" s="13" t="s">
        <v>388</v>
      </c>
      <c r="B75866" s="14" t="s">
        <v>1</v>
      </c>
      <c r="C75866" s="14" t="s">
        <v>47</v>
      </c>
      <c r="D75866" s="14" t="s">
        <v>389</v>
      </c>
      <c r="E75866" s="15">
        <v>45687</v>
      </c>
      <c r="F75866" s="14" t="s">
        <v>61</v>
      </c>
      <c r="G75866" s="16">
        <v>0</v>
      </c>
    </row>
    <row r="75867" spans="1:7" x14ac:dyDescent="0.3">
      <c r="A75867" s="13" t="s">
        <v>388</v>
      </c>
      <c r="B75867" s="14" t="s">
        <v>1</v>
      </c>
      <c r="C75867" s="14" t="s">
        <v>47</v>
      </c>
      <c r="D75867" s="14" t="s">
        <v>389</v>
      </c>
      <c r="E75867" s="15">
        <v>45688</v>
      </c>
      <c r="F75867" s="14" t="s">
        <v>61</v>
      </c>
      <c r="G75867" s="16">
        <v>0</v>
      </c>
    </row>
    <row r="75868" spans="1:7" x14ac:dyDescent="0.3">
      <c r="A75868" s="13" t="s">
        <v>388</v>
      </c>
      <c r="B75868" s="14" t="s">
        <v>1</v>
      </c>
      <c r="C75868" s="14" t="s">
        <v>47</v>
      </c>
      <c r="D75868" s="14" t="s">
        <v>389</v>
      </c>
      <c r="E75868" s="15">
        <v>45689</v>
      </c>
      <c r="F75868" s="14" t="s">
        <v>61</v>
      </c>
      <c r="G75868" s="16">
        <v>0</v>
      </c>
    </row>
    <row r="75869" spans="1:7" x14ac:dyDescent="0.3">
      <c r="A75869" s="13" t="s">
        <v>388</v>
      </c>
      <c r="B75869" s="14" t="s">
        <v>1</v>
      </c>
      <c r="C75869" s="14" t="s">
        <v>47</v>
      </c>
      <c r="D75869" s="14" t="s">
        <v>389</v>
      </c>
      <c r="E75869" s="15">
        <v>45690</v>
      </c>
      <c r="F75869" s="14" t="s">
        <v>61</v>
      </c>
      <c r="G75869" s="16">
        <v>0</v>
      </c>
    </row>
    <row r="75870" spans="1:7" x14ac:dyDescent="0.3">
      <c r="A75870" s="13" t="s">
        <v>388</v>
      </c>
      <c r="B75870" s="14" t="s">
        <v>1</v>
      </c>
      <c r="C75870" s="14" t="s">
        <v>47</v>
      </c>
      <c r="D75870" s="14" t="s">
        <v>389</v>
      </c>
      <c r="E75870" s="15">
        <v>45691</v>
      </c>
      <c r="F75870" s="14" t="s">
        <v>61</v>
      </c>
      <c r="G75870" s="16">
        <v>0</v>
      </c>
    </row>
    <row r="75871" spans="1:7" x14ac:dyDescent="0.3">
      <c r="A75871" s="13" t="s">
        <v>388</v>
      </c>
      <c r="B75871" s="14" t="s">
        <v>1</v>
      </c>
      <c r="C75871" s="14" t="s">
        <v>47</v>
      </c>
      <c r="D75871" s="14" t="s">
        <v>389</v>
      </c>
      <c r="E75871" s="15">
        <v>45692</v>
      </c>
      <c r="F75871" s="14" t="s">
        <v>61</v>
      </c>
      <c r="G75871" s="16">
        <v>0</v>
      </c>
    </row>
    <row r="75872" spans="1:7" x14ac:dyDescent="0.3">
      <c r="A75872" s="13" t="s">
        <v>388</v>
      </c>
      <c r="B75872" s="14" t="s">
        <v>1</v>
      </c>
      <c r="C75872" s="14" t="s">
        <v>47</v>
      </c>
      <c r="D75872" s="14" t="s">
        <v>389</v>
      </c>
      <c r="E75872" s="15">
        <v>45693</v>
      </c>
      <c r="F75872" s="14" t="s">
        <v>61</v>
      </c>
      <c r="G75872" s="16">
        <v>0</v>
      </c>
    </row>
    <row r="75873" spans="1:7" x14ac:dyDescent="0.3">
      <c r="A75873" s="13" t="s">
        <v>388</v>
      </c>
      <c r="B75873" s="14" t="s">
        <v>1</v>
      </c>
      <c r="C75873" s="14" t="s">
        <v>47</v>
      </c>
      <c r="D75873" s="14" t="s">
        <v>389</v>
      </c>
      <c r="E75873" s="15">
        <v>45694</v>
      </c>
      <c r="F75873" s="14" t="s">
        <v>61</v>
      </c>
      <c r="G75873" s="16">
        <v>0</v>
      </c>
    </row>
    <row r="75874" spans="1:7" x14ac:dyDescent="0.3">
      <c r="A75874" s="13" t="s">
        <v>388</v>
      </c>
      <c r="B75874" s="14" t="s">
        <v>1</v>
      </c>
      <c r="C75874" s="14" t="s">
        <v>47</v>
      </c>
      <c r="D75874" s="14" t="s">
        <v>389</v>
      </c>
      <c r="E75874" s="15">
        <v>45695</v>
      </c>
      <c r="F75874" s="14" t="s">
        <v>61</v>
      </c>
      <c r="G75874" s="16">
        <v>0</v>
      </c>
    </row>
    <row r="75875" spans="1:7" x14ac:dyDescent="0.3">
      <c r="A75875" s="13" t="s">
        <v>388</v>
      </c>
      <c r="B75875" s="14" t="s">
        <v>1</v>
      </c>
      <c r="C75875" s="14" t="s">
        <v>47</v>
      </c>
      <c r="D75875" s="14" t="s">
        <v>389</v>
      </c>
      <c r="E75875" s="15">
        <v>45696</v>
      </c>
      <c r="F75875" s="14" t="s">
        <v>61</v>
      </c>
      <c r="G75875" s="16">
        <v>0</v>
      </c>
    </row>
    <row r="75876" spans="1:7" x14ac:dyDescent="0.3">
      <c r="A75876" s="13" t="s">
        <v>388</v>
      </c>
      <c r="B75876" s="14" t="s">
        <v>1</v>
      </c>
      <c r="C75876" s="14" t="s">
        <v>47</v>
      </c>
      <c r="D75876" s="14" t="s">
        <v>389</v>
      </c>
      <c r="E75876" s="15">
        <v>45697</v>
      </c>
      <c r="F75876" s="14" t="s">
        <v>61</v>
      </c>
      <c r="G75876" s="16">
        <v>0</v>
      </c>
    </row>
    <row r="75877" spans="1:7" x14ac:dyDescent="0.3">
      <c r="A75877" s="13" t="s">
        <v>388</v>
      </c>
      <c r="B75877" s="14" t="s">
        <v>1</v>
      </c>
      <c r="C75877" s="14" t="s">
        <v>47</v>
      </c>
      <c r="D75877" s="14" t="s">
        <v>389</v>
      </c>
      <c r="E75877" s="15">
        <v>45698</v>
      </c>
      <c r="F75877" s="14" t="s">
        <v>61</v>
      </c>
      <c r="G75877" s="16">
        <v>0</v>
      </c>
    </row>
    <row r="75878" spans="1:7" x14ac:dyDescent="0.3">
      <c r="A75878" s="13" t="s">
        <v>388</v>
      </c>
      <c r="B75878" s="14" t="s">
        <v>1</v>
      </c>
      <c r="C75878" s="14" t="s">
        <v>47</v>
      </c>
      <c r="D75878" s="14" t="s">
        <v>389</v>
      </c>
      <c r="E75878" s="15">
        <v>45699</v>
      </c>
      <c r="F75878" s="14" t="s">
        <v>61</v>
      </c>
      <c r="G75878" s="16">
        <v>0</v>
      </c>
    </row>
    <row r="75879" spans="1:7" x14ac:dyDescent="0.3">
      <c r="A75879" s="13" t="s">
        <v>388</v>
      </c>
      <c r="B75879" s="14" t="s">
        <v>1</v>
      </c>
      <c r="C75879" s="14" t="s">
        <v>47</v>
      </c>
      <c r="D75879" s="14" t="s">
        <v>389</v>
      </c>
      <c r="E75879" s="15">
        <v>45700</v>
      </c>
      <c r="F75879" s="14" t="s">
        <v>61</v>
      </c>
      <c r="G75879" s="16">
        <v>0</v>
      </c>
    </row>
    <row r="75880" spans="1:7" x14ac:dyDescent="0.3">
      <c r="A75880" s="13" t="s">
        <v>388</v>
      </c>
      <c r="B75880" s="14" t="s">
        <v>1</v>
      </c>
      <c r="C75880" s="14" t="s">
        <v>47</v>
      </c>
      <c r="D75880" s="14" t="s">
        <v>389</v>
      </c>
      <c r="E75880" s="15">
        <v>45701</v>
      </c>
      <c r="F75880" s="14" t="s">
        <v>61</v>
      </c>
      <c r="G75880" s="16">
        <v>0</v>
      </c>
    </row>
    <row r="75881" spans="1:7" x14ac:dyDescent="0.3">
      <c r="A75881" s="13" t="s">
        <v>388</v>
      </c>
      <c r="B75881" s="14" t="s">
        <v>1</v>
      </c>
      <c r="C75881" s="14" t="s">
        <v>47</v>
      </c>
      <c r="D75881" s="14" t="s">
        <v>389</v>
      </c>
      <c r="E75881" s="15">
        <v>45702</v>
      </c>
      <c r="F75881" s="14" t="s">
        <v>61</v>
      </c>
      <c r="G75881" s="16">
        <v>0</v>
      </c>
    </row>
    <row r="75882" spans="1:7" x14ac:dyDescent="0.3">
      <c r="A75882" s="13" t="s">
        <v>388</v>
      </c>
      <c r="B75882" s="14" t="s">
        <v>1</v>
      </c>
      <c r="C75882" s="14" t="s">
        <v>47</v>
      </c>
      <c r="D75882" s="14" t="s">
        <v>389</v>
      </c>
      <c r="E75882" s="15">
        <v>45703</v>
      </c>
      <c r="F75882" s="14" t="s">
        <v>61</v>
      </c>
      <c r="G75882" s="16">
        <v>0</v>
      </c>
    </row>
    <row r="75883" spans="1:7" x14ac:dyDescent="0.3">
      <c r="A75883" s="13" t="s">
        <v>388</v>
      </c>
      <c r="B75883" s="14" t="s">
        <v>1</v>
      </c>
      <c r="C75883" s="14" t="s">
        <v>47</v>
      </c>
      <c r="D75883" s="14" t="s">
        <v>389</v>
      </c>
      <c r="E75883" s="15">
        <v>45704</v>
      </c>
      <c r="F75883" s="14" t="s">
        <v>61</v>
      </c>
      <c r="G75883" s="16">
        <v>0</v>
      </c>
    </row>
    <row r="75884" spans="1:7" x14ac:dyDescent="0.3">
      <c r="A75884" s="13" t="s">
        <v>388</v>
      </c>
      <c r="B75884" s="14" t="s">
        <v>1</v>
      </c>
      <c r="C75884" s="14" t="s">
        <v>47</v>
      </c>
      <c r="D75884" s="14" t="s">
        <v>389</v>
      </c>
      <c r="E75884" s="15">
        <v>45705</v>
      </c>
      <c r="F75884" s="14" t="s">
        <v>61</v>
      </c>
      <c r="G75884" s="16">
        <v>0</v>
      </c>
    </row>
    <row r="75885" spans="1:7" x14ac:dyDescent="0.3">
      <c r="A75885" s="13" t="s">
        <v>388</v>
      </c>
      <c r="B75885" s="14" t="s">
        <v>1</v>
      </c>
      <c r="C75885" s="14" t="s">
        <v>47</v>
      </c>
      <c r="D75885" s="14" t="s">
        <v>389</v>
      </c>
      <c r="E75885" s="15">
        <v>45706</v>
      </c>
      <c r="F75885" s="14" t="s">
        <v>61</v>
      </c>
      <c r="G75885" s="16">
        <v>0</v>
      </c>
    </row>
    <row r="75886" spans="1:7" x14ac:dyDescent="0.3">
      <c r="A75886" s="13" t="s">
        <v>388</v>
      </c>
      <c r="B75886" s="14" t="s">
        <v>1</v>
      </c>
      <c r="C75886" s="14" t="s">
        <v>47</v>
      </c>
      <c r="D75886" s="14" t="s">
        <v>389</v>
      </c>
      <c r="E75886" s="15">
        <v>45707</v>
      </c>
      <c r="F75886" s="14" t="s">
        <v>61</v>
      </c>
      <c r="G75886" s="16">
        <v>0</v>
      </c>
    </row>
    <row r="75887" spans="1:7" x14ac:dyDescent="0.3">
      <c r="A75887" s="13" t="s">
        <v>388</v>
      </c>
      <c r="B75887" s="14" t="s">
        <v>1</v>
      </c>
      <c r="C75887" s="14" t="s">
        <v>47</v>
      </c>
      <c r="D75887" s="14" t="s">
        <v>389</v>
      </c>
      <c r="E75887" s="15">
        <v>45708</v>
      </c>
      <c r="F75887" s="14" t="s">
        <v>61</v>
      </c>
      <c r="G75887" s="16">
        <v>0</v>
      </c>
    </row>
    <row r="75888" spans="1:7" x14ac:dyDescent="0.3">
      <c r="A75888" s="13" t="s">
        <v>388</v>
      </c>
      <c r="B75888" s="14" t="s">
        <v>1</v>
      </c>
      <c r="C75888" s="14" t="s">
        <v>47</v>
      </c>
      <c r="D75888" s="14" t="s">
        <v>389</v>
      </c>
      <c r="E75888" s="15">
        <v>45709</v>
      </c>
      <c r="F75888" s="14" t="s">
        <v>61</v>
      </c>
      <c r="G75888" s="16">
        <v>0</v>
      </c>
    </row>
    <row r="75889" spans="1:7" x14ac:dyDescent="0.3">
      <c r="A75889" s="13" t="s">
        <v>388</v>
      </c>
      <c r="B75889" s="14" t="s">
        <v>1</v>
      </c>
      <c r="C75889" s="14" t="s">
        <v>47</v>
      </c>
      <c r="D75889" s="14" t="s">
        <v>389</v>
      </c>
      <c r="E75889" s="15">
        <v>45710</v>
      </c>
      <c r="F75889" s="14" t="s">
        <v>61</v>
      </c>
      <c r="G75889" s="16">
        <v>0</v>
      </c>
    </row>
    <row r="75890" spans="1:7" x14ac:dyDescent="0.3">
      <c r="A75890" s="13" t="s">
        <v>388</v>
      </c>
      <c r="B75890" s="14" t="s">
        <v>1</v>
      </c>
      <c r="C75890" s="14" t="s">
        <v>47</v>
      </c>
      <c r="D75890" s="14" t="s">
        <v>389</v>
      </c>
      <c r="E75890" s="15">
        <v>45711</v>
      </c>
      <c r="F75890" s="14" t="s">
        <v>61</v>
      </c>
      <c r="G75890" s="16">
        <v>0</v>
      </c>
    </row>
    <row r="75891" spans="1:7" x14ac:dyDescent="0.3">
      <c r="A75891" s="13" t="s">
        <v>388</v>
      </c>
      <c r="B75891" s="14" t="s">
        <v>1</v>
      </c>
      <c r="C75891" s="14" t="s">
        <v>47</v>
      </c>
      <c r="D75891" s="14" t="s">
        <v>389</v>
      </c>
      <c r="E75891" s="15">
        <v>45712</v>
      </c>
      <c r="F75891" s="14" t="s">
        <v>61</v>
      </c>
      <c r="G75891" s="16">
        <v>0</v>
      </c>
    </row>
    <row r="75892" spans="1:7" x14ac:dyDescent="0.3">
      <c r="A75892" s="13" t="s">
        <v>388</v>
      </c>
      <c r="B75892" s="14" t="s">
        <v>1</v>
      </c>
      <c r="C75892" s="14" t="s">
        <v>47</v>
      </c>
      <c r="D75892" s="14" t="s">
        <v>389</v>
      </c>
      <c r="E75892" s="15">
        <v>45713</v>
      </c>
      <c r="F75892" s="14" t="s">
        <v>61</v>
      </c>
      <c r="G75892" s="16">
        <v>0</v>
      </c>
    </row>
    <row r="75893" spans="1:7" x14ac:dyDescent="0.3">
      <c r="A75893" s="13" t="s">
        <v>388</v>
      </c>
      <c r="B75893" s="14" t="s">
        <v>1</v>
      </c>
      <c r="C75893" s="14" t="s">
        <v>47</v>
      </c>
      <c r="D75893" s="14" t="s">
        <v>389</v>
      </c>
      <c r="E75893" s="15">
        <v>45714</v>
      </c>
      <c r="F75893" s="14" t="s">
        <v>61</v>
      </c>
      <c r="G75893" s="16">
        <v>0</v>
      </c>
    </row>
    <row r="75894" spans="1:7" x14ac:dyDescent="0.3">
      <c r="A75894" s="13" t="s">
        <v>388</v>
      </c>
      <c r="B75894" s="14" t="s">
        <v>1</v>
      </c>
      <c r="C75894" s="14" t="s">
        <v>47</v>
      </c>
      <c r="D75894" s="14" t="s">
        <v>389</v>
      </c>
      <c r="E75894" s="15">
        <v>45715</v>
      </c>
      <c r="F75894" s="14" t="s">
        <v>61</v>
      </c>
      <c r="G75894" s="16">
        <v>0</v>
      </c>
    </row>
    <row r="75895" spans="1:7" x14ac:dyDescent="0.3">
      <c r="A75895" s="13" t="s">
        <v>388</v>
      </c>
      <c r="B75895" s="14" t="s">
        <v>1</v>
      </c>
      <c r="C75895" s="14" t="s">
        <v>47</v>
      </c>
      <c r="D75895" s="14" t="s">
        <v>389</v>
      </c>
      <c r="E75895" s="15">
        <v>45716</v>
      </c>
      <c r="F75895" s="14" t="s">
        <v>61</v>
      </c>
      <c r="G75895" s="16">
        <v>0</v>
      </c>
    </row>
    <row r="75896" spans="1:7" x14ac:dyDescent="0.3">
      <c r="A75896" s="13" t="s">
        <v>388</v>
      </c>
      <c r="B75896" s="14" t="s">
        <v>1</v>
      </c>
      <c r="C75896" s="14" t="s">
        <v>47</v>
      </c>
      <c r="D75896" s="14" t="s">
        <v>389</v>
      </c>
      <c r="E75896" s="15">
        <v>45717</v>
      </c>
      <c r="F75896" s="14" t="s">
        <v>61</v>
      </c>
      <c r="G75896" s="16">
        <v>0</v>
      </c>
    </row>
    <row r="75897" spans="1:7" x14ac:dyDescent="0.3">
      <c r="A75897" s="13" t="s">
        <v>388</v>
      </c>
      <c r="B75897" s="14" t="s">
        <v>1</v>
      </c>
      <c r="C75897" s="14" t="s">
        <v>47</v>
      </c>
      <c r="D75897" s="14" t="s">
        <v>389</v>
      </c>
      <c r="E75897" s="15">
        <v>45718</v>
      </c>
      <c r="F75897" s="14" t="s">
        <v>61</v>
      </c>
      <c r="G75897" s="16">
        <v>0</v>
      </c>
    </row>
    <row r="75898" spans="1:7" x14ac:dyDescent="0.3">
      <c r="A75898" s="13" t="s">
        <v>388</v>
      </c>
      <c r="B75898" s="14" t="s">
        <v>1</v>
      </c>
      <c r="C75898" s="14" t="s">
        <v>47</v>
      </c>
      <c r="D75898" s="14" t="s">
        <v>389</v>
      </c>
      <c r="E75898" s="15">
        <v>45719</v>
      </c>
      <c r="F75898" s="14" t="s">
        <v>61</v>
      </c>
      <c r="G75898" s="16">
        <v>0</v>
      </c>
    </row>
    <row r="75899" spans="1:7" x14ac:dyDescent="0.3">
      <c r="A75899" s="13" t="s">
        <v>388</v>
      </c>
      <c r="B75899" s="14" t="s">
        <v>1</v>
      </c>
      <c r="C75899" s="14" t="s">
        <v>47</v>
      </c>
      <c r="D75899" s="14" t="s">
        <v>389</v>
      </c>
      <c r="E75899" s="15">
        <v>45720</v>
      </c>
      <c r="F75899" s="14" t="s">
        <v>61</v>
      </c>
      <c r="G75899" s="16">
        <v>0</v>
      </c>
    </row>
    <row r="75900" spans="1:7" x14ac:dyDescent="0.3">
      <c r="A75900" s="13" t="s">
        <v>388</v>
      </c>
      <c r="B75900" s="14" t="s">
        <v>1</v>
      </c>
      <c r="C75900" s="14" t="s">
        <v>47</v>
      </c>
      <c r="D75900" s="14" t="s">
        <v>389</v>
      </c>
      <c r="E75900" s="15">
        <v>45721</v>
      </c>
      <c r="F75900" s="14" t="s">
        <v>61</v>
      </c>
      <c r="G75900" s="16">
        <v>0</v>
      </c>
    </row>
    <row r="75901" spans="1:7" x14ac:dyDescent="0.3">
      <c r="A75901" s="13" t="s">
        <v>388</v>
      </c>
      <c r="B75901" s="14" t="s">
        <v>1</v>
      </c>
      <c r="C75901" s="14" t="s">
        <v>47</v>
      </c>
      <c r="D75901" s="14" t="s">
        <v>389</v>
      </c>
      <c r="E75901" s="15">
        <v>45722</v>
      </c>
      <c r="F75901" s="14" t="s">
        <v>61</v>
      </c>
      <c r="G75901" s="16">
        <v>0</v>
      </c>
    </row>
    <row r="75902" spans="1:7" x14ac:dyDescent="0.3">
      <c r="A75902" s="13" t="s">
        <v>388</v>
      </c>
      <c r="B75902" s="14" t="s">
        <v>1</v>
      </c>
      <c r="C75902" s="14" t="s">
        <v>47</v>
      </c>
      <c r="D75902" s="14" t="s">
        <v>389</v>
      </c>
      <c r="E75902" s="15">
        <v>45723</v>
      </c>
      <c r="F75902" s="14" t="s">
        <v>61</v>
      </c>
      <c r="G75902" s="16">
        <v>0</v>
      </c>
    </row>
    <row r="75903" spans="1:7" x14ac:dyDescent="0.3">
      <c r="A75903" s="13" t="s">
        <v>388</v>
      </c>
      <c r="B75903" s="14" t="s">
        <v>1</v>
      </c>
      <c r="C75903" s="14" t="s">
        <v>47</v>
      </c>
      <c r="D75903" s="14" t="s">
        <v>389</v>
      </c>
      <c r="E75903" s="15">
        <v>45724</v>
      </c>
      <c r="F75903" s="14" t="s">
        <v>61</v>
      </c>
      <c r="G75903" s="16">
        <v>0</v>
      </c>
    </row>
    <row r="75904" spans="1:7" x14ac:dyDescent="0.3">
      <c r="A75904" s="13" t="s">
        <v>388</v>
      </c>
      <c r="B75904" s="14" t="s">
        <v>1</v>
      </c>
      <c r="C75904" s="14" t="s">
        <v>47</v>
      </c>
      <c r="D75904" s="14" t="s">
        <v>389</v>
      </c>
      <c r="E75904" s="15">
        <v>45725</v>
      </c>
      <c r="F75904" s="14" t="s">
        <v>61</v>
      </c>
      <c r="G75904" s="16">
        <v>0</v>
      </c>
    </row>
    <row r="75905" spans="1:7" x14ac:dyDescent="0.3">
      <c r="A75905" s="13" t="s">
        <v>388</v>
      </c>
      <c r="B75905" s="14" t="s">
        <v>1</v>
      </c>
      <c r="C75905" s="14" t="s">
        <v>47</v>
      </c>
      <c r="D75905" s="14" t="s">
        <v>389</v>
      </c>
      <c r="E75905" s="15">
        <v>45726</v>
      </c>
      <c r="F75905" s="14" t="s">
        <v>61</v>
      </c>
      <c r="G75905" s="16">
        <v>0</v>
      </c>
    </row>
    <row r="75906" spans="1:7" x14ac:dyDescent="0.3">
      <c r="A75906" s="13" t="s">
        <v>388</v>
      </c>
      <c r="B75906" s="14" t="s">
        <v>1</v>
      </c>
      <c r="C75906" s="14" t="s">
        <v>47</v>
      </c>
      <c r="D75906" s="14" t="s">
        <v>389</v>
      </c>
      <c r="E75906" s="15">
        <v>45727</v>
      </c>
      <c r="F75906" s="14" t="s">
        <v>61</v>
      </c>
      <c r="G75906" s="16">
        <v>0</v>
      </c>
    </row>
    <row r="75907" spans="1:7" x14ac:dyDescent="0.3">
      <c r="A75907" s="13" t="s">
        <v>388</v>
      </c>
      <c r="B75907" s="14" t="s">
        <v>1</v>
      </c>
      <c r="C75907" s="14" t="s">
        <v>47</v>
      </c>
      <c r="D75907" s="14" t="s">
        <v>389</v>
      </c>
      <c r="E75907" s="15">
        <v>45728</v>
      </c>
      <c r="F75907" s="14" t="s">
        <v>61</v>
      </c>
      <c r="G75907" s="16">
        <v>0</v>
      </c>
    </row>
    <row r="75908" spans="1:7" x14ac:dyDescent="0.3">
      <c r="A75908" s="13" t="s">
        <v>388</v>
      </c>
      <c r="B75908" s="14" t="s">
        <v>1</v>
      </c>
      <c r="C75908" s="14" t="s">
        <v>47</v>
      </c>
      <c r="D75908" s="14" t="s">
        <v>389</v>
      </c>
      <c r="E75908" s="15">
        <v>45729</v>
      </c>
      <c r="F75908" s="14" t="s">
        <v>61</v>
      </c>
      <c r="G75908" s="16">
        <v>0</v>
      </c>
    </row>
    <row r="75909" spans="1:7" x14ac:dyDescent="0.3">
      <c r="A75909" s="13" t="s">
        <v>388</v>
      </c>
      <c r="B75909" s="14" t="s">
        <v>1</v>
      </c>
      <c r="C75909" s="14" t="s">
        <v>47</v>
      </c>
      <c r="D75909" s="14" t="s">
        <v>389</v>
      </c>
      <c r="E75909" s="15">
        <v>45730</v>
      </c>
      <c r="F75909" s="14" t="s">
        <v>61</v>
      </c>
      <c r="G75909" s="16">
        <v>0</v>
      </c>
    </row>
    <row r="75910" spans="1:7" x14ac:dyDescent="0.3">
      <c r="A75910" s="13" t="s">
        <v>388</v>
      </c>
      <c r="B75910" s="14" t="s">
        <v>1</v>
      </c>
      <c r="C75910" s="14" t="s">
        <v>47</v>
      </c>
      <c r="D75910" s="14" t="s">
        <v>389</v>
      </c>
      <c r="E75910" s="15">
        <v>45731</v>
      </c>
      <c r="F75910" s="14" t="s">
        <v>61</v>
      </c>
      <c r="G75910" s="16">
        <v>0</v>
      </c>
    </row>
    <row r="75911" spans="1:7" x14ac:dyDescent="0.3">
      <c r="A75911" s="13" t="s">
        <v>388</v>
      </c>
      <c r="B75911" s="14" t="s">
        <v>1</v>
      </c>
      <c r="C75911" s="14" t="s">
        <v>47</v>
      </c>
      <c r="D75911" s="14" t="s">
        <v>389</v>
      </c>
      <c r="E75911" s="15">
        <v>45732</v>
      </c>
      <c r="F75911" s="14" t="s">
        <v>61</v>
      </c>
      <c r="G75911" s="16">
        <v>0</v>
      </c>
    </row>
    <row r="75912" spans="1:7" x14ac:dyDescent="0.3">
      <c r="A75912" s="13" t="s">
        <v>388</v>
      </c>
      <c r="B75912" s="14" t="s">
        <v>1</v>
      </c>
      <c r="C75912" s="14" t="s">
        <v>47</v>
      </c>
      <c r="D75912" s="14" t="s">
        <v>389</v>
      </c>
      <c r="E75912" s="15">
        <v>45733</v>
      </c>
      <c r="F75912" s="14" t="s">
        <v>61</v>
      </c>
      <c r="G75912" s="16">
        <v>0</v>
      </c>
    </row>
    <row r="75913" spans="1:7" x14ac:dyDescent="0.3">
      <c r="A75913" s="13" t="s">
        <v>388</v>
      </c>
      <c r="B75913" s="14" t="s">
        <v>1</v>
      </c>
      <c r="C75913" s="14" t="s">
        <v>47</v>
      </c>
      <c r="D75913" s="14" t="s">
        <v>389</v>
      </c>
      <c r="E75913" s="15">
        <v>45734</v>
      </c>
      <c r="F75913" s="14" t="s">
        <v>61</v>
      </c>
      <c r="G75913" s="16">
        <v>0</v>
      </c>
    </row>
    <row r="75914" spans="1:7" x14ac:dyDescent="0.3">
      <c r="A75914" s="13" t="s">
        <v>388</v>
      </c>
      <c r="B75914" s="14" t="s">
        <v>1</v>
      </c>
      <c r="C75914" s="14" t="s">
        <v>47</v>
      </c>
      <c r="D75914" s="14" t="s">
        <v>389</v>
      </c>
      <c r="E75914" s="15">
        <v>45735</v>
      </c>
      <c r="F75914" s="14" t="s">
        <v>61</v>
      </c>
      <c r="G75914" s="16">
        <v>0</v>
      </c>
    </row>
    <row r="75915" spans="1:7" x14ac:dyDescent="0.3">
      <c r="A75915" s="13" t="s">
        <v>388</v>
      </c>
      <c r="B75915" s="14" t="s">
        <v>1</v>
      </c>
      <c r="C75915" s="14" t="s">
        <v>47</v>
      </c>
      <c r="D75915" s="14" t="s">
        <v>389</v>
      </c>
      <c r="E75915" s="15">
        <v>45736</v>
      </c>
      <c r="F75915" s="14" t="s">
        <v>61</v>
      </c>
      <c r="G75915" s="16">
        <v>0</v>
      </c>
    </row>
    <row r="75916" spans="1:7" x14ac:dyDescent="0.3">
      <c r="A75916" s="13" t="s">
        <v>388</v>
      </c>
      <c r="B75916" s="14" t="s">
        <v>1</v>
      </c>
      <c r="C75916" s="14" t="s">
        <v>47</v>
      </c>
      <c r="D75916" s="14" t="s">
        <v>389</v>
      </c>
      <c r="E75916" s="15">
        <v>45737</v>
      </c>
      <c r="F75916" s="14" t="s">
        <v>61</v>
      </c>
      <c r="G75916" s="16">
        <v>0</v>
      </c>
    </row>
    <row r="75917" spans="1:7" x14ac:dyDescent="0.3">
      <c r="A75917" s="13" t="s">
        <v>388</v>
      </c>
      <c r="B75917" s="14" t="s">
        <v>1</v>
      </c>
      <c r="C75917" s="14" t="s">
        <v>47</v>
      </c>
      <c r="D75917" s="14" t="s">
        <v>389</v>
      </c>
      <c r="E75917" s="15">
        <v>45738</v>
      </c>
      <c r="F75917" s="14" t="s">
        <v>61</v>
      </c>
      <c r="G75917" s="16">
        <v>0</v>
      </c>
    </row>
    <row r="75918" spans="1:7" x14ac:dyDescent="0.3">
      <c r="A75918" s="13" t="s">
        <v>388</v>
      </c>
      <c r="B75918" s="14" t="s">
        <v>1</v>
      </c>
      <c r="C75918" s="14" t="s">
        <v>47</v>
      </c>
      <c r="D75918" s="14" t="s">
        <v>389</v>
      </c>
      <c r="E75918" s="15">
        <v>45739</v>
      </c>
      <c r="F75918" s="14" t="s">
        <v>61</v>
      </c>
      <c r="G75918" s="16">
        <v>0</v>
      </c>
    </row>
    <row r="75919" spans="1:7" x14ac:dyDescent="0.3">
      <c r="A75919" s="13" t="s">
        <v>388</v>
      </c>
      <c r="B75919" s="14" t="s">
        <v>1</v>
      </c>
      <c r="C75919" s="14" t="s">
        <v>47</v>
      </c>
      <c r="D75919" s="14" t="s">
        <v>389</v>
      </c>
      <c r="E75919" s="15">
        <v>45740</v>
      </c>
      <c r="F75919" s="14" t="s">
        <v>61</v>
      </c>
      <c r="G75919" s="16">
        <v>0</v>
      </c>
    </row>
    <row r="75920" spans="1:7" x14ac:dyDescent="0.3">
      <c r="A75920" s="13" t="s">
        <v>388</v>
      </c>
      <c r="B75920" s="14" t="s">
        <v>1</v>
      </c>
      <c r="C75920" s="14" t="s">
        <v>47</v>
      </c>
      <c r="D75920" s="14" t="s">
        <v>389</v>
      </c>
      <c r="E75920" s="15">
        <v>45741</v>
      </c>
      <c r="F75920" s="14" t="s">
        <v>61</v>
      </c>
      <c r="G75920" s="16">
        <v>0</v>
      </c>
    </row>
    <row r="75921" spans="1:7" x14ac:dyDescent="0.3">
      <c r="A75921" s="13" t="s">
        <v>388</v>
      </c>
      <c r="B75921" s="14" t="s">
        <v>1</v>
      </c>
      <c r="C75921" s="14" t="s">
        <v>47</v>
      </c>
      <c r="D75921" s="14" t="s">
        <v>389</v>
      </c>
      <c r="E75921" s="15">
        <v>45742</v>
      </c>
      <c r="F75921" s="14" t="s">
        <v>61</v>
      </c>
      <c r="G75921" s="16">
        <v>0</v>
      </c>
    </row>
    <row r="75922" spans="1:7" x14ac:dyDescent="0.3">
      <c r="A75922" s="13" t="s">
        <v>388</v>
      </c>
      <c r="B75922" s="14" t="s">
        <v>1</v>
      </c>
      <c r="C75922" s="14" t="s">
        <v>47</v>
      </c>
      <c r="D75922" s="14" t="s">
        <v>389</v>
      </c>
      <c r="E75922" s="15">
        <v>45743</v>
      </c>
      <c r="F75922" s="14" t="s">
        <v>61</v>
      </c>
      <c r="G75922" s="16">
        <v>0</v>
      </c>
    </row>
    <row r="75923" spans="1:7" x14ac:dyDescent="0.3">
      <c r="A75923" s="13" t="s">
        <v>388</v>
      </c>
      <c r="B75923" s="14" t="s">
        <v>1</v>
      </c>
      <c r="C75923" s="14" t="s">
        <v>47</v>
      </c>
      <c r="D75923" s="14" t="s">
        <v>389</v>
      </c>
      <c r="E75923" s="15">
        <v>45744</v>
      </c>
      <c r="F75923" s="14" t="s">
        <v>61</v>
      </c>
      <c r="G75923" s="16">
        <v>0</v>
      </c>
    </row>
    <row r="75924" spans="1:7" x14ac:dyDescent="0.3">
      <c r="A75924" s="13" t="s">
        <v>388</v>
      </c>
      <c r="B75924" s="14" t="s">
        <v>1</v>
      </c>
      <c r="C75924" s="14" t="s">
        <v>47</v>
      </c>
      <c r="D75924" s="14" t="s">
        <v>389</v>
      </c>
      <c r="E75924" s="15">
        <v>45745</v>
      </c>
      <c r="F75924" s="14" t="s">
        <v>61</v>
      </c>
      <c r="G75924" s="16">
        <v>0</v>
      </c>
    </row>
    <row r="75925" spans="1:7" x14ac:dyDescent="0.3">
      <c r="A75925" s="13" t="s">
        <v>388</v>
      </c>
      <c r="B75925" s="14" t="s">
        <v>1</v>
      </c>
      <c r="C75925" s="14" t="s">
        <v>47</v>
      </c>
      <c r="D75925" s="14" t="s">
        <v>389</v>
      </c>
      <c r="E75925" s="15">
        <v>45746</v>
      </c>
      <c r="F75925" s="14" t="s">
        <v>61</v>
      </c>
      <c r="G75925" s="16">
        <v>0</v>
      </c>
    </row>
    <row r="75926" spans="1:7" x14ac:dyDescent="0.3">
      <c r="A75926" s="13" t="s">
        <v>388</v>
      </c>
      <c r="B75926" s="14" t="s">
        <v>1</v>
      </c>
      <c r="C75926" s="14" t="s">
        <v>47</v>
      </c>
      <c r="D75926" s="14" t="s">
        <v>389</v>
      </c>
      <c r="E75926" s="15">
        <v>45747</v>
      </c>
      <c r="F75926" s="14" t="s">
        <v>61</v>
      </c>
      <c r="G75926" s="16">
        <v>0</v>
      </c>
    </row>
    <row r="75927" spans="1:7" x14ac:dyDescent="0.3">
      <c r="A75927" s="13" t="s">
        <v>390</v>
      </c>
      <c r="B75927" s="14" t="s">
        <v>1</v>
      </c>
      <c r="C75927" s="14" t="s">
        <v>63</v>
      </c>
      <c r="D75927" s="14" t="s">
        <v>391</v>
      </c>
      <c r="E75927" s="15">
        <v>45383</v>
      </c>
      <c r="F75927" s="14" t="s">
        <v>15</v>
      </c>
      <c r="G75927" s="16">
        <v>0</v>
      </c>
    </row>
    <row r="75928" spans="1:7" x14ac:dyDescent="0.3">
      <c r="A75928" s="13" t="s">
        <v>390</v>
      </c>
      <c r="B75928" s="14" t="s">
        <v>1</v>
      </c>
      <c r="C75928" s="14" t="s">
        <v>63</v>
      </c>
      <c r="D75928" s="14" t="s">
        <v>391</v>
      </c>
      <c r="E75928" s="15">
        <v>45384</v>
      </c>
      <c r="F75928" s="14" t="s">
        <v>15</v>
      </c>
      <c r="G75928" s="16">
        <v>0</v>
      </c>
    </row>
    <row r="75929" spans="1:7" x14ac:dyDescent="0.3">
      <c r="A75929" s="13" t="s">
        <v>390</v>
      </c>
      <c r="B75929" s="14" t="s">
        <v>1</v>
      </c>
      <c r="C75929" s="14" t="s">
        <v>63</v>
      </c>
      <c r="D75929" s="14" t="s">
        <v>391</v>
      </c>
      <c r="E75929" s="15">
        <v>45385</v>
      </c>
      <c r="F75929" s="14" t="s">
        <v>15</v>
      </c>
      <c r="G75929" s="16">
        <v>4.6343227587741398E-2</v>
      </c>
    </row>
    <row r="75930" spans="1:7" x14ac:dyDescent="0.3">
      <c r="A75930" s="13" t="s">
        <v>390</v>
      </c>
      <c r="B75930" s="14" t="s">
        <v>1</v>
      </c>
      <c r="C75930" s="14" t="s">
        <v>63</v>
      </c>
      <c r="D75930" s="14" t="s">
        <v>391</v>
      </c>
      <c r="E75930" s="15">
        <v>45386</v>
      </c>
      <c r="F75930" s="14" t="s">
        <v>15</v>
      </c>
      <c r="G75930" s="16">
        <v>4.6343227587741398E-2</v>
      </c>
    </row>
    <row r="75931" spans="1:7" x14ac:dyDescent="0.3">
      <c r="A75931" s="13" t="s">
        <v>390</v>
      </c>
      <c r="B75931" s="14" t="s">
        <v>1</v>
      </c>
      <c r="C75931" s="14" t="s">
        <v>63</v>
      </c>
      <c r="D75931" s="14" t="s">
        <v>391</v>
      </c>
      <c r="E75931" s="15">
        <v>45387</v>
      </c>
      <c r="F75931" s="14" t="s">
        <v>15</v>
      </c>
      <c r="G75931" s="16">
        <v>6.003494561668006E-2</v>
      </c>
    </row>
    <row r="75932" spans="1:7" x14ac:dyDescent="0.3">
      <c r="A75932" s="13" t="s">
        <v>390</v>
      </c>
      <c r="B75932" s="14" t="s">
        <v>1</v>
      </c>
      <c r="C75932" s="14" t="s">
        <v>63</v>
      </c>
      <c r="D75932" s="14" t="s">
        <v>391</v>
      </c>
      <c r="E75932" s="15">
        <v>45388</v>
      </c>
      <c r="F75932" s="14" t="s">
        <v>15</v>
      </c>
      <c r="G75932" s="16">
        <v>6.003494561668006E-2</v>
      </c>
    </row>
    <row r="75933" spans="1:7" x14ac:dyDescent="0.3">
      <c r="A75933" s="13" t="s">
        <v>390</v>
      </c>
      <c r="B75933" s="14" t="s">
        <v>1</v>
      </c>
      <c r="C75933" s="14" t="s">
        <v>63</v>
      </c>
      <c r="D75933" s="14" t="s">
        <v>391</v>
      </c>
      <c r="E75933" s="15">
        <v>45389</v>
      </c>
      <c r="F75933" s="14" t="s">
        <v>15</v>
      </c>
      <c r="G75933" s="16">
        <v>6.003494561668006E-2</v>
      </c>
    </row>
    <row r="75934" spans="1:7" x14ac:dyDescent="0.3">
      <c r="A75934" s="13" t="s">
        <v>390</v>
      </c>
      <c r="B75934" s="14" t="s">
        <v>1</v>
      </c>
      <c r="C75934" s="14" t="s">
        <v>63</v>
      </c>
      <c r="D75934" s="14" t="s">
        <v>391</v>
      </c>
      <c r="E75934" s="15">
        <v>45390</v>
      </c>
      <c r="F75934" s="14" t="s">
        <v>15</v>
      </c>
      <c r="G75934" s="16">
        <v>8.2560605546208352E-2</v>
      </c>
    </row>
    <row r="75935" spans="1:7" x14ac:dyDescent="0.3">
      <c r="A75935" s="13" t="s">
        <v>390</v>
      </c>
      <c r="B75935" s="14" t="s">
        <v>1</v>
      </c>
      <c r="C75935" s="14" t="s">
        <v>63</v>
      </c>
      <c r="D75935" s="14" t="s">
        <v>391</v>
      </c>
      <c r="E75935" s="15">
        <v>45391</v>
      </c>
      <c r="F75935" s="14" t="s">
        <v>15</v>
      </c>
      <c r="G75935" s="16">
        <v>0.11682422475325892</v>
      </c>
    </row>
    <row r="75936" spans="1:7" x14ac:dyDescent="0.3">
      <c r="A75936" s="13" t="s">
        <v>390</v>
      </c>
      <c r="B75936" s="14" t="s">
        <v>1</v>
      </c>
      <c r="C75936" s="14" t="s">
        <v>63</v>
      </c>
      <c r="D75936" s="14" t="s">
        <v>391</v>
      </c>
      <c r="E75936" s="15">
        <v>45392</v>
      </c>
      <c r="F75936" s="14" t="s">
        <v>15</v>
      </c>
      <c r="G75936" s="16">
        <v>0.11682422475325892</v>
      </c>
    </row>
    <row r="75937" spans="1:7" x14ac:dyDescent="0.3">
      <c r="A75937" s="13" t="s">
        <v>390</v>
      </c>
      <c r="B75937" s="14" t="s">
        <v>1</v>
      </c>
      <c r="C75937" s="14" t="s">
        <v>63</v>
      </c>
      <c r="D75937" s="14" t="s">
        <v>391</v>
      </c>
      <c r="E75937" s="15">
        <v>45393</v>
      </c>
      <c r="F75937" s="14" t="s">
        <v>15</v>
      </c>
      <c r="G75937" s="16">
        <v>0.12803019215198874</v>
      </c>
    </row>
    <row r="75938" spans="1:7" x14ac:dyDescent="0.3">
      <c r="A75938" s="13" t="s">
        <v>390</v>
      </c>
      <c r="B75938" s="14" t="s">
        <v>1</v>
      </c>
      <c r="C75938" s="14" t="s">
        <v>63</v>
      </c>
      <c r="D75938" s="14" t="s">
        <v>391</v>
      </c>
      <c r="E75938" s="15">
        <v>45394</v>
      </c>
      <c r="F75938" s="14" t="s">
        <v>15</v>
      </c>
      <c r="G75938" s="16">
        <v>0.15313176366303577</v>
      </c>
    </row>
    <row r="75939" spans="1:7" x14ac:dyDescent="0.3">
      <c r="A75939" s="13" t="s">
        <v>390</v>
      </c>
      <c r="B75939" s="14" t="s">
        <v>1</v>
      </c>
      <c r="C75939" s="14" t="s">
        <v>63</v>
      </c>
      <c r="D75939" s="14" t="s">
        <v>391</v>
      </c>
      <c r="E75939" s="15">
        <v>45395</v>
      </c>
      <c r="F75939" s="14" t="s">
        <v>15</v>
      </c>
      <c r="G75939" s="16">
        <v>0.15313176366303577</v>
      </c>
    </row>
    <row r="75940" spans="1:7" x14ac:dyDescent="0.3">
      <c r="A75940" s="13" t="s">
        <v>390</v>
      </c>
      <c r="B75940" s="14" t="s">
        <v>1</v>
      </c>
      <c r="C75940" s="14" t="s">
        <v>63</v>
      </c>
      <c r="D75940" s="14" t="s">
        <v>391</v>
      </c>
      <c r="E75940" s="15">
        <v>45396</v>
      </c>
      <c r="F75940" s="14" t="s">
        <v>15</v>
      </c>
      <c r="G75940" s="16">
        <v>0.15313176366303577</v>
      </c>
    </row>
    <row r="75941" spans="1:7" x14ac:dyDescent="0.3">
      <c r="A75941" s="13" t="s">
        <v>390</v>
      </c>
      <c r="B75941" s="14" t="s">
        <v>1</v>
      </c>
      <c r="C75941" s="14" t="s">
        <v>63</v>
      </c>
      <c r="D75941" s="14" t="s">
        <v>391</v>
      </c>
      <c r="E75941" s="15">
        <v>45397</v>
      </c>
      <c r="F75941" s="14" t="s">
        <v>15</v>
      </c>
      <c r="G75941" s="16">
        <v>0.16424829412376332</v>
      </c>
    </row>
    <row r="75942" spans="1:7" x14ac:dyDescent="0.3">
      <c r="A75942" s="13" t="s">
        <v>390</v>
      </c>
      <c r="B75942" s="14" t="s">
        <v>1</v>
      </c>
      <c r="C75942" s="14" t="s">
        <v>63</v>
      </c>
      <c r="D75942" s="14" t="s">
        <v>391</v>
      </c>
      <c r="E75942" s="15">
        <v>45398</v>
      </c>
      <c r="F75942" s="14" t="s">
        <v>15</v>
      </c>
      <c r="G75942" s="16">
        <v>0.19760408582107311</v>
      </c>
    </row>
    <row r="75943" spans="1:7" x14ac:dyDescent="0.3">
      <c r="A75943" s="13" t="s">
        <v>390</v>
      </c>
      <c r="B75943" s="14" t="s">
        <v>1</v>
      </c>
      <c r="C75943" s="14" t="s">
        <v>63</v>
      </c>
      <c r="D75943" s="14" t="s">
        <v>391</v>
      </c>
      <c r="E75943" s="15">
        <v>45399</v>
      </c>
      <c r="F75943" s="14" t="s">
        <v>15</v>
      </c>
      <c r="G75943" s="16">
        <v>0.21045173210036114</v>
      </c>
    </row>
    <row r="75944" spans="1:7" x14ac:dyDescent="0.3">
      <c r="A75944" s="13" t="s">
        <v>390</v>
      </c>
      <c r="B75944" s="14" t="s">
        <v>1</v>
      </c>
      <c r="C75944" s="14" t="s">
        <v>63</v>
      </c>
      <c r="D75944" s="14" t="s">
        <v>391</v>
      </c>
      <c r="E75944" s="15">
        <v>45400</v>
      </c>
      <c r="F75944" s="14" t="s">
        <v>15</v>
      </c>
      <c r="G75944" s="16">
        <v>0.22170884890982462</v>
      </c>
    </row>
    <row r="75945" spans="1:7" x14ac:dyDescent="0.3">
      <c r="A75945" s="13" t="s">
        <v>390</v>
      </c>
      <c r="B75945" s="14" t="s">
        <v>1</v>
      </c>
      <c r="C75945" s="14" t="s">
        <v>63</v>
      </c>
      <c r="D75945" s="14" t="s">
        <v>391</v>
      </c>
      <c r="E75945" s="15">
        <v>45401</v>
      </c>
      <c r="F75945" s="14" t="s">
        <v>15</v>
      </c>
      <c r="G75945" s="16">
        <v>0.23275898309134002</v>
      </c>
    </row>
    <row r="75946" spans="1:7" x14ac:dyDescent="0.3">
      <c r="A75946" s="13" t="s">
        <v>390</v>
      </c>
      <c r="B75946" s="14" t="s">
        <v>1</v>
      </c>
      <c r="C75946" s="14" t="s">
        <v>63</v>
      </c>
      <c r="D75946" s="14" t="s">
        <v>391</v>
      </c>
      <c r="E75946" s="15">
        <v>45402</v>
      </c>
      <c r="F75946" s="14" t="s">
        <v>15</v>
      </c>
      <c r="G75946" s="16">
        <v>0.23275898309134002</v>
      </c>
    </row>
    <row r="75947" spans="1:7" x14ac:dyDescent="0.3">
      <c r="A75947" s="13" t="s">
        <v>390</v>
      </c>
      <c r="B75947" s="14" t="s">
        <v>1</v>
      </c>
      <c r="C75947" s="14" t="s">
        <v>63</v>
      </c>
      <c r="D75947" s="14" t="s">
        <v>391</v>
      </c>
      <c r="E75947" s="15">
        <v>45403</v>
      </c>
      <c r="F75947" s="14" t="s">
        <v>15</v>
      </c>
      <c r="G75947" s="16">
        <v>0.23275898309134002</v>
      </c>
    </row>
    <row r="75948" spans="1:7" x14ac:dyDescent="0.3">
      <c r="A75948" s="13" t="s">
        <v>390</v>
      </c>
      <c r="B75948" s="14" t="s">
        <v>1</v>
      </c>
      <c r="C75948" s="14" t="s">
        <v>63</v>
      </c>
      <c r="D75948" s="14" t="s">
        <v>391</v>
      </c>
      <c r="E75948" s="15">
        <v>45404</v>
      </c>
      <c r="F75948" s="14" t="s">
        <v>15</v>
      </c>
      <c r="G75948" s="16">
        <v>0.24444250114998367</v>
      </c>
    </row>
    <row r="75949" spans="1:7" x14ac:dyDescent="0.3">
      <c r="A75949" s="13" t="s">
        <v>390</v>
      </c>
      <c r="B75949" s="14" t="s">
        <v>1</v>
      </c>
      <c r="C75949" s="14" t="s">
        <v>63</v>
      </c>
      <c r="D75949" s="14" t="s">
        <v>391</v>
      </c>
      <c r="E75949" s="15">
        <v>45405</v>
      </c>
      <c r="F75949" s="14" t="s">
        <v>15</v>
      </c>
      <c r="G75949" s="16">
        <v>0.27805131420380358</v>
      </c>
    </row>
    <row r="75950" spans="1:7" x14ac:dyDescent="0.3">
      <c r="A75950" s="13" t="s">
        <v>390</v>
      </c>
      <c r="B75950" s="14" t="s">
        <v>1</v>
      </c>
      <c r="C75950" s="14" t="s">
        <v>63</v>
      </c>
      <c r="D75950" s="14" t="s">
        <v>391</v>
      </c>
      <c r="E75950" s="15">
        <v>45406</v>
      </c>
      <c r="F75950" s="14" t="s">
        <v>15</v>
      </c>
      <c r="G75950" s="16">
        <v>0.29002034903976487</v>
      </c>
    </row>
    <row r="75951" spans="1:7" x14ac:dyDescent="0.3">
      <c r="A75951" s="13" t="s">
        <v>390</v>
      </c>
      <c r="B75951" s="14" t="s">
        <v>1</v>
      </c>
      <c r="C75951" s="14" t="s">
        <v>63</v>
      </c>
      <c r="D75951" s="14" t="s">
        <v>391</v>
      </c>
      <c r="E75951" s="15">
        <v>45407</v>
      </c>
      <c r="F75951" s="14" t="s">
        <v>15</v>
      </c>
      <c r="G75951" s="16">
        <v>0.30369013372438397</v>
      </c>
    </row>
    <row r="75952" spans="1:7" x14ac:dyDescent="0.3">
      <c r="A75952" s="13" t="s">
        <v>390</v>
      </c>
      <c r="B75952" s="14" t="s">
        <v>1</v>
      </c>
      <c r="C75952" s="14" t="s">
        <v>63</v>
      </c>
      <c r="D75952" s="14" t="s">
        <v>391</v>
      </c>
      <c r="E75952" s="15">
        <v>45408</v>
      </c>
      <c r="F75952" s="14" t="s">
        <v>15</v>
      </c>
      <c r="G75952" s="16">
        <v>0.31788303931827994</v>
      </c>
    </row>
    <row r="75953" spans="1:7" x14ac:dyDescent="0.3">
      <c r="A75953" s="13" t="s">
        <v>390</v>
      </c>
      <c r="B75953" s="14" t="s">
        <v>1</v>
      </c>
      <c r="C75953" s="14" t="s">
        <v>63</v>
      </c>
      <c r="D75953" s="14" t="s">
        <v>391</v>
      </c>
      <c r="E75953" s="15">
        <v>45409</v>
      </c>
      <c r="F75953" s="14" t="s">
        <v>15</v>
      </c>
      <c r="G75953" s="16">
        <v>0.31788303931827994</v>
      </c>
    </row>
    <row r="75954" spans="1:7" x14ac:dyDescent="0.3">
      <c r="A75954" s="13" t="s">
        <v>390</v>
      </c>
      <c r="B75954" s="14" t="s">
        <v>1</v>
      </c>
      <c r="C75954" s="14" t="s">
        <v>63</v>
      </c>
      <c r="D75954" s="14" t="s">
        <v>391</v>
      </c>
      <c r="E75954" s="15">
        <v>45410</v>
      </c>
      <c r="F75954" s="14" t="s">
        <v>15</v>
      </c>
      <c r="G75954" s="16">
        <v>0.31788303931827994</v>
      </c>
    </row>
    <row r="75955" spans="1:7" x14ac:dyDescent="0.3">
      <c r="A75955" s="13" t="s">
        <v>390</v>
      </c>
      <c r="B75955" s="14" t="s">
        <v>1</v>
      </c>
      <c r="C75955" s="14" t="s">
        <v>63</v>
      </c>
      <c r="D75955" s="14" t="s">
        <v>391</v>
      </c>
      <c r="E75955" s="15">
        <v>45411</v>
      </c>
      <c r="F75955" s="14" t="s">
        <v>15</v>
      </c>
      <c r="G75955" s="16">
        <v>0.32888521826541894</v>
      </c>
    </row>
    <row r="75956" spans="1:7" x14ac:dyDescent="0.3">
      <c r="A75956" s="13" t="s">
        <v>390</v>
      </c>
      <c r="B75956" s="14" t="s">
        <v>1</v>
      </c>
      <c r="C75956" s="14" t="s">
        <v>63</v>
      </c>
      <c r="D75956" s="14" t="s">
        <v>391</v>
      </c>
      <c r="E75956" s="15">
        <v>45412</v>
      </c>
      <c r="F75956" s="14" t="s">
        <v>15</v>
      </c>
      <c r="G75956" s="16">
        <v>0.36495486737386135</v>
      </c>
    </row>
    <row r="75957" spans="1:7" x14ac:dyDescent="0.3">
      <c r="A75957" s="13" t="s">
        <v>390</v>
      </c>
      <c r="B75957" s="14" t="s">
        <v>1</v>
      </c>
      <c r="C75957" s="14" t="s">
        <v>63</v>
      </c>
      <c r="D75957" s="14" t="s">
        <v>391</v>
      </c>
      <c r="E75957" s="15">
        <v>45413</v>
      </c>
      <c r="F75957" s="14" t="s">
        <v>15</v>
      </c>
      <c r="G75957" s="16">
        <v>0.36495486737386135</v>
      </c>
    </row>
    <row r="75958" spans="1:7" x14ac:dyDescent="0.3">
      <c r="A75958" s="13" t="s">
        <v>390</v>
      </c>
      <c r="B75958" s="14" t="s">
        <v>1</v>
      </c>
      <c r="C75958" s="14" t="s">
        <v>63</v>
      </c>
      <c r="D75958" s="14" t="s">
        <v>391</v>
      </c>
      <c r="E75958" s="15">
        <v>45414</v>
      </c>
      <c r="F75958" s="14" t="s">
        <v>15</v>
      </c>
      <c r="G75958" s="16">
        <v>0</v>
      </c>
    </row>
    <row r="75959" spans="1:7" x14ac:dyDescent="0.3">
      <c r="A75959" s="13" t="s">
        <v>390</v>
      </c>
      <c r="B75959" s="14" t="s">
        <v>1</v>
      </c>
      <c r="C75959" s="14" t="s">
        <v>63</v>
      </c>
      <c r="D75959" s="14" t="s">
        <v>391</v>
      </c>
      <c r="E75959" s="15">
        <v>45415</v>
      </c>
      <c r="F75959" s="14" t="s">
        <v>15</v>
      </c>
      <c r="G75959" s="16">
        <v>0</v>
      </c>
    </row>
    <row r="75960" spans="1:7" x14ac:dyDescent="0.3">
      <c r="A75960" s="13" t="s">
        <v>390</v>
      </c>
      <c r="B75960" s="14" t="s">
        <v>1</v>
      </c>
      <c r="C75960" s="14" t="s">
        <v>63</v>
      </c>
      <c r="D75960" s="14" t="s">
        <v>391</v>
      </c>
      <c r="E75960" s="15">
        <v>45416</v>
      </c>
      <c r="F75960" s="14" t="s">
        <v>15</v>
      </c>
      <c r="G75960" s="16">
        <v>0</v>
      </c>
    </row>
    <row r="75961" spans="1:7" x14ac:dyDescent="0.3">
      <c r="A75961" s="13" t="s">
        <v>390</v>
      </c>
      <c r="B75961" s="14" t="s">
        <v>1</v>
      </c>
      <c r="C75961" s="14" t="s">
        <v>63</v>
      </c>
      <c r="D75961" s="14" t="s">
        <v>391</v>
      </c>
      <c r="E75961" s="15">
        <v>45417</v>
      </c>
      <c r="F75961" s="14" t="s">
        <v>15</v>
      </c>
      <c r="G75961" s="16">
        <v>0</v>
      </c>
    </row>
    <row r="75962" spans="1:7" x14ac:dyDescent="0.3">
      <c r="A75962" s="13" t="s">
        <v>390</v>
      </c>
      <c r="B75962" s="14" t="s">
        <v>1</v>
      </c>
      <c r="C75962" s="14" t="s">
        <v>63</v>
      </c>
      <c r="D75962" s="14" t="s">
        <v>391</v>
      </c>
      <c r="E75962" s="15">
        <v>45418</v>
      </c>
      <c r="F75962" s="14" t="s">
        <v>15</v>
      </c>
      <c r="G75962" s="16">
        <v>0</v>
      </c>
    </row>
    <row r="75963" spans="1:7" x14ac:dyDescent="0.3">
      <c r="A75963" s="13" t="s">
        <v>390</v>
      </c>
      <c r="B75963" s="14" t="s">
        <v>1</v>
      </c>
      <c r="C75963" s="14" t="s">
        <v>63</v>
      </c>
      <c r="D75963" s="14" t="s">
        <v>391</v>
      </c>
      <c r="E75963" s="15">
        <v>45419</v>
      </c>
      <c r="F75963" s="14" t="s">
        <v>15</v>
      </c>
      <c r="G75963" s="16">
        <v>0</v>
      </c>
    </row>
    <row r="75964" spans="1:7" x14ac:dyDescent="0.3">
      <c r="A75964" s="13" t="s">
        <v>390</v>
      </c>
      <c r="B75964" s="14" t="s">
        <v>1</v>
      </c>
      <c r="C75964" s="14" t="s">
        <v>63</v>
      </c>
      <c r="D75964" s="14" t="s">
        <v>391</v>
      </c>
      <c r="E75964" s="15">
        <v>45420</v>
      </c>
      <c r="F75964" s="14" t="s">
        <v>15</v>
      </c>
      <c r="G75964" s="16">
        <v>3.3597265435241969E-2</v>
      </c>
    </row>
    <row r="75965" spans="1:7" x14ac:dyDescent="0.3">
      <c r="A75965" s="13" t="s">
        <v>390</v>
      </c>
      <c r="B75965" s="14" t="s">
        <v>1</v>
      </c>
      <c r="C75965" s="14" t="s">
        <v>63</v>
      </c>
      <c r="D75965" s="14" t="s">
        <v>391</v>
      </c>
      <c r="E75965" s="15">
        <v>45421</v>
      </c>
      <c r="F75965" s="14" t="s">
        <v>15</v>
      </c>
      <c r="G75965" s="16">
        <v>3.3597265435241969E-2</v>
      </c>
    </row>
    <row r="75966" spans="1:7" x14ac:dyDescent="0.3">
      <c r="A75966" s="13" t="s">
        <v>390</v>
      </c>
      <c r="B75966" s="14" t="s">
        <v>1</v>
      </c>
      <c r="C75966" s="14" t="s">
        <v>63</v>
      </c>
      <c r="D75966" s="14" t="s">
        <v>391</v>
      </c>
      <c r="E75966" s="15">
        <v>45422</v>
      </c>
      <c r="F75966" s="14" t="s">
        <v>15</v>
      </c>
      <c r="G75966" s="16">
        <v>4.4251577282570329E-2</v>
      </c>
    </row>
    <row r="75967" spans="1:7" x14ac:dyDescent="0.3">
      <c r="A75967" s="13" t="s">
        <v>390</v>
      </c>
      <c r="B75967" s="14" t="s">
        <v>1</v>
      </c>
      <c r="C75967" s="14" t="s">
        <v>63</v>
      </c>
      <c r="D75967" s="14" t="s">
        <v>391</v>
      </c>
      <c r="E75967" s="15">
        <v>45423</v>
      </c>
      <c r="F75967" s="14" t="s">
        <v>15</v>
      </c>
      <c r="G75967" s="16">
        <v>4.4251577282570329E-2</v>
      </c>
    </row>
    <row r="75968" spans="1:7" x14ac:dyDescent="0.3">
      <c r="A75968" s="13" t="s">
        <v>390</v>
      </c>
      <c r="B75968" s="14" t="s">
        <v>1</v>
      </c>
      <c r="C75968" s="14" t="s">
        <v>63</v>
      </c>
      <c r="D75968" s="14" t="s">
        <v>391</v>
      </c>
      <c r="E75968" s="15">
        <v>45424</v>
      </c>
      <c r="F75968" s="14" t="s">
        <v>15</v>
      </c>
      <c r="G75968" s="16">
        <v>4.4251577282570329E-2</v>
      </c>
    </row>
    <row r="75969" spans="1:7" x14ac:dyDescent="0.3">
      <c r="A75969" s="13" t="s">
        <v>390</v>
      </c>
      <c r="B75969" s="14" t="s">
        <v>1</v>
      </c>
      <c r="C75969" s="14" t="s">
        <v>63</v>
      </c>
      <c r="D75969" s="14" t="s">
        <v>391</v>
      </c>
      <c r="E75969" s="15">
        <v>45425</v>
      </c>
      <c r="F75969" s="14" t="s">
        <v>15</v>
      </c>
      <c r="G75969" s="16">
        <v>6.5208555908557481E-2</v>
      </c>
    </row>
    <row r="75970" spans="1:7" x14ac:dyDescent="0.3">
      <c r="A75970" s="13" t="s">
        <v>390</v>
      </c>
      <c r="B75970" s="14" t="s">
        <v>1</v>
      </c>
      <c r="C75970" s="14" t="s">
        <v>63</v>
      </c>
      <c r="D75970" s="14" t="s">
        <v>391</v>
      </c>
      <c r="E75970" s="15">
        <v>45426</v>
      </c>
      <c r="F75970" s="14" t="s">
        <v>15</v>
      </c>
      <c r="G75970" s="16">
        <v>9.9721576405579992E-2</v>
      </c>
    </row>
    <row r="75971" spans="1:7" x14ac:dyDescent="0.3">
      <c r="A75971" s="13" t="s">
        <v>390</v>
      </c>
      <c r="B75971" s="14" t="s">
        <v>1</v>
      </c>
      <c r="C75971" s="14" t="s">
        <v>63</v>
      </c>
      <c r="D75971" s="14" t="s">
        <v>391</v>
      </c>
      <c r="E75971" s="15">
        <v>45427</v>
      </c>
      <c r="F75971" s="14" t="s">
        <v>15</v>
      </c>
      <c r="G75971" s="16">
        <v>9.9721576405579992E-2</v>
      </c>
    </row>
    <row r="75972" spans="1:7" x14ac:dyDescent="0.3">
      <c r="A75972" s="13" t="s">
        <v>390</v>
      </c>
      <c r="B75972" s="14" t="s">
        <v>1</v>
      </c>
      <c r="C75972" s="14" t="s">
        <v>63</v>
      </c>
      <c r="D75972" s="14" t="s">
        <v>391</v>
      </c>
      <c r="E75972" s="15">
        <v>45428</v>
      </c>
      <c r="F75972" s="14" t="s">
        <v>15</v>
      </c>
      <c r="G75972" s="16">
        <v>0.1104365350146775</v>
      </c>
    </row>
    <row r="75973" spans="1:7" x14ac:dyDescent="0.3">
      <c r="A75973" s="13" t="s">
        <v>390</v>
      </c>
      <c r="B75973" s="14" t="s">
        <v>1</v>
      </c>
      <c r="C75973" s="14" t="s">
        <v>63</v>
      </c>
      <c r="D75973" s="14" t="s">
        <v>391</v>
      </c>
      <c r="E75973" s="15">
        <v>45429</v>
      </c>
      <c r="F75973" s="14" t="s">
        <v>15</v>
      </c>
      <c r="G75973" s="16">
        <v>0.13507337516025761</v>
      </c>
    </row>
    <row r="75974" spans="1:7" x14ac:dyDescent="0.3">
      <c r="A75974" s="13" t="s">
        <v>390</v>
      </c>
      <c r="B75974" s="14" t="s">
        <v>1</v>
      </c>
      <c r="C75974" s="14" t="s">
        <v>63</v>
      </c>
      <c r="D75974" s="14" t="s">
        <v>391</v>
      </c>
      <c r="E75974" s="15">
        <v>45430</v>
      </c>
      <c r="F75974" s="14" t="s">
        <v>15</v>
      </c>
      <c r="G75974" s="16">
        <v>0.13507337516025761</v>
      </c>
    </row>
    <row r="75975" spans="1:7" x14ac:dyDescent="0.3">
      <c r="A75975" s="13" t="s">
        <v>390</v>
      </c>
      <c r="B75975" s="14" t="s">
        <v>1</v>
      </c>
      <c r="C75975" s="14" t="s">
        <v>63</v>
      </c>
      <c r="D75975" s="14" t="s">
        <v>391</v>
      </c>
      <c r="E75975" s="15">
        <v>45431</v>
      </c>
      <c r="F75975" s="14" t="s">
        <v>15</v>
      </c>
      <c r="G75975" s="16">
        <v>0.13507337516025761</v>
      </c>
    </row>
    <row r="75976" spans="1:7" x14ac:dyDescent="0.3">
      <c r="A75976" s="13" t="s">
        <v>390</v>
      </c>
      <c r="B75976" s="14" t="s">
        <v>1</v>
      </c>
      <c r="C75976" s="14" t="s">
        <v>63</v>
      </c>
      <c r="D75976" s="14" t="s">
        <v>391</v>
      </c>
      <c r="E75976" s="15">
        <v>45432</v>
      </c>
      <c r="F75976" s="14" t="s">
        <v>15</v>
      </c>
      <c r="G75976" s="16">
        <v>0.13507337516025761</v>
      </c>
    </row>
    <row r="75977" spans="1:7" x14ac:dyDescent="0.3">
      <c r="A75977" s="13" t="s">
        <v>390</v>
      </c>
      <c r="B75977" s="14" t="s">
        <v>1</v>
      </c>
      <c r="C75977" s="14" t="s">
        <v>63</v>
      </c>
      <c r="D75977" s="14" t="s">
        <v>391</v>
      </c>
      <c r="E75977" s="15">
        <v>45433</v>
      </c>
      <c r="F75977" s="14" t="s">
        <v>15</v>
      </c>
      <c r="G75977" s="16">
        <v>0.15136979494694813</v>
      </c>
    </row>
    <row r="75978" spans="1:7" x14ac:dyDescent="0.3">
      <c r="A75978" s="13" t="s">
        <v>390</v>
      </c>
      <c r="B75978" s="14" t="s">
        <v>1</v>
      </c>
      <c r="C75978" s="14" t="s">
        <v>63</v>
      </c>
      <c r="D75978" s="14" t="s">
        <v>391</v>
      </c>
      <c r="E75978" s="15">
        <v>45434</v>
      </c>
      <c r="F75978" s="14" t="s">
        <v>15</v>
      </c>
      <c r="G75978" s="16">
        <v>0.15136979494694813</v>
      </c>
    </row>
    <row r="75979" spans="1:7" x14ac:dyDescent="0.3">
      <c r="A75979" s="13" t="s">
        <v>390</v>
      </c>
      <c r="B75979" s="14" t="s">
        <v>1</v>
      </c>
      <c r="C75979" s="14" t="s">
        <v>63</v>
      </c>
      <c r="D75979" s="14" t="s">
        <v>391</v>
      </c>
      <c r="E75979" s="15">
        <v>45435</v>
      </c>
      <c r="F75979" s="14" t="s">
        <v>15</v>
      </c>
      <c r="G75979" s="16">
        <v>0.19511803107306369</v>
      </c>
    </row>
    <row r="75980" spans="1:7" x14ac:dyDescent="0.3">
      <c r="A75980" s="13" t="s">
        <v>390</v>
      </c>
      <c r="B75980" s="14" t="s">
        <v>1</v>
      </c>
      <c r="C75980" s="14" t="s">
        <v>63</v>
      </c>
      <c r="D75980" s="14" t="s">
        <v>391</v>
      </c>
      <c r="E75980" s="15">
        <v>45436</v>
      </c>
      <c r="F75980" s="14" t="s">
        <v>15</v>
      </c>
      <c r="G75980" s="16">
        <v>0.21751928848073268</v>
      </c>
    </row>
    <row r="75981" spans="1:7" x14ac:dyDescent="0.3">
      <c r="A75981" s="13" t="s">
        <v>390</v>
      </c>
      <c r="B75981" s="14" t="s">
        <v>1</v>
      </c>
      <c r="C75981" s="14" t="s">
        <v>63</v>
      </c>
      <c r="D75981" s="14" t="s">
        <v>391</v>
      </c>
      <c r="E75981" s="15">
        <v>45437</v>
      </c>
      <c r="F75981" s="14" t="s">
        <v>15</v>
      </c>
      <c r="G75981" s="16">
        <v>0.21751928848073268</v>
      </c>
    </row>
    <row r="75982" spans="1:7" x14ac:dyDescent="0.3">
      <c r="A75982" s="13" t="s">
        <v>390</v>
      </c>
      <c r="B75982" s="14" t="s">
        <v>1</v>
      </c>
      <c r="C75982" s="14" t="s">
        <v>63</v>
      </c>
      <c r="D75982" s="14" t="s">
        <v>391</v>
      </c>
      <c r="E75982" s="15">
        <v>45438</v>
      </c>
      <c r="F75982" s="14" t="s">
        <v>15</v>
      </c>
      <c r="G75982" s="16">
        <v>0.21751928848073268</v>
      </c>
    </row>
    <row r="75983" spans="1:7" x14ac:dyDescent="0.3">
      <c r="A75983" s="13" t="s">
        <v>390</v>
      </c>
      <c r="B75983" s="14" t="s">
        <v>1</v>
      </c>
      <c r="C75983" s="14" t="s">
        <v>63</v>
      </c>
      <c r="D75983" s="14" t="s">
        <v>391</v>
      </c>
      <c r="E75983" s="15">
        <v>45439</v>
      </c>
      <c r="F75983" s="14" t="s">
        <v>15</v>
      </c>
      <c r="G75983" s="16">
        <v>0.22761994309280914</v>
      </c>
    </row>
    <row r="75984" spans="1:7" x14ac:dyDescent="0.3">
      <c r="A75984" s="13" t="s">
        <v>390</v>
      </c>
      <c r="B75984" s="14" t="s">
        <v>1</v>
      </c>
      <c r="C75984" s="14" t="s">
        <v>63</v>
      </c>
      <c r="D75984" s="14" t="s">
        <v>391</v>
      </c>
      <c r="E75984" s="15">
        <v>45440</v>
      </c>
      <c r="F75984" s="14" t="s">
        <v>15</v>
      </c>
      <c r="G75984" s="16">
        <v>0.26004282234871939</v>
      </c>
    </row>
    <row r="75985" spans="1:7" x14ac:dyDescent="0.3">
      <c r="A75985" s="13" t="s">
        <v>390</v>
      </c>
      <c r="B75985" s="14" t="s">
        <v>1</v>
      </c>
      <c r="C75985" s="14" t="s">
        <v>63</v>
      </c>
      <c r="D75985" s="14" t="s">
        <v>391</v>
      </c>
      <c r="E75985" s="15">
        <v>45441</v>
      </c>
      <c r="F75985" s="14" t="s">
        <v>15</v>
      </c>
      <c r="G75985" s="16">
        <v>0.27163221867737025</v>
      </c>
    </row>
    <row r="75986" spans="1:7" x14ac:dyDescent="0.3">
      <c r="A75986" s="13" t="s">
        <v>390</v>
      </c>
      <c r="B75986" s="14" t="s">
        <v>1</v>
      </c>
      <c r="C75986" s="14" t="s">
        <v>63</v>
      </c>
      <c r="D75986" s="14" t="s">
        <v>391</v>
      </c>
      <c r="E75986" s="15">
        <v>45442</v>
      </c>
      <c r="F75986" s="14" t="s">
        <v>15</v>
      </c>
      <c r="G75986" s="16">
        <v>0.28498778158647475</v>
      </c>
    </row>
    <row r="75987" spans="1:7" x14ac:dyDescent="0.3">
      <c r="A75987" s="13" t="s">
        <v>390</v>
      </c>
      <c r="B75987" s="14" t="s">
        <v>1</v>
      </c>
      <c r="C75987" s="14" t="s">
        <v>63</v>
      </c>
      <c r="D75987" s="14" t="s">
        <v>391</v>
      </c>
      <c r="E75987" s="15">
        <v>45443</v>
      </c>
      <c r="F75987" s="14" t="s">
        <v>15</v>
      </c>
      <c r="G75987" s="16">
        <v>0.29603161259331195</v>
      </c>
    </row>
    <row r="75988" spans="1:7" x14ac:dyDescent="0.3">
      <c r="A75988" s="13" t="s">
        <v>390</v>
      </c>
      <c r="B75988" s="14" t="s">
        <v>1</v>
      </c>
      <c r="C75988" s="14" t="s">
        <v>63</v>
      </c>
      <c r="D75988" s="14" t="s">
        <v>391</v>
      </c>
      <c r="E75988" s="15">
        <v>45444</v>
      </c>
      <c r="F75988" s="14" t="s">
        <v>15</v>
      </c>
      <c r="G75988" s="16">
        <v>0.29603161259331195</v>
      </c>
    </row>
    <row r="75989" spans="1:7" x14ac:dyDescent="0.3">
      <c r="A75989" s="13" t="s">
        <v>390</v>
      </c>
      <c r="B75989" s="14" t="s">
        <v>1</v>
      </c>
      <c r="C75989" s="14" t="s">
        <v>63</v>
      </c>
      <c r="D75989" s="14" t="s">
        <v>391</v>
      </c>
      <c r="E75989" s="15">
        <v>45445</v>
      </c>
      <c r="F75989" s="14" t="s">
        <v>15</v>
      </c>
      <c r="G75989" s="16">
        <v>0.29603161259331195</v>
      </c>
    </row>
    <row r="75990" spans="1:7" x14ac:dyDescent="0.3">
      <c r="A75990" s="13" t="s">
        <v>390</v>
      </c>
      <c r="B75990" s="14" t="s">
        <v>1</v>
      </c>
      <c r="C75990" s="14" t="s">
        <v>63</v>
      </c>
      <c r="D75990" s="14" t="s">
        <v>391</v>
      </c>
      <c r="E75990" s="15">
        <v>45446</v>
      </c>
      <c r="F75990" s="14" t="s">
        <v>15</v>
      </c>
      <c r="G75990" s="16">
        <v>0.29603161259331195</v>
      </c>
    </row>
    <row r="75991" spans="1:7" x14ac:dyDescent="0.3">
      <c r="A75991" s="13" t="s">
        <v>390</v>
      </c>
      <c r="B75991" s="14" t="s">
        <v>1</v>
      </c>
      <c r="C75991" s="14" t="s">
        <v>63</v>
      </c>
      <c r="D75991" s="14" t="s">
        <v>391</v>
      </c>
      <c r="E75991" s="15">
        <v>45447</v>
      </c>
      <c r="F75991" s="14" t="s">
        <v>15</v>
      </c>
      <c r="G75991" s="16">
        <v>0</v>
      </c>
    </row>
    <row r="75992" spans="1:7" x14ac:dyDescent="0.3">
      <c r="A75992" s="13" t="s">
        <v>390</v>
      </c>
      <c r="B75992" s="14" t="s">
        <v>1</v>
      </c>
      <c r="C75992" s="14" t="s">
        <v>63</v>
      </c>
      <c r="D75992" s="14" t="s">
        <v>391</v>
      </c>
      <c r="E75992" s="15">
        <v>45448</v>
      </c>
      <c r="F75992" s="14" t="s">
        <v>15</v>
      </c>
      <c r="G75992" s="16">
        <v>0</v>
      </c>
    </row>
    <row r="75993" spans="1:7" x14ac:dyDescent="0.3">
      <c r="A75993" s="13" t="s">
        <v>390</v>
      </c>
      <c r="B75993" s="14" t="s">
        <v>1</v>
      </c>
      <c r="C75993" s="14" t="s">
        <v>63</v>
      </c>
      <c r="D75993" s="14" t="s">
        <v>391</v>
      </c>
      <c r="E75993" s="15">
        <v>45449</v>
      </c>
      <c r="F75993" s="14" t="s">
        <v>15</v>
      </c>
      <c r="G75993" s="16">
        <v>0</v>
      </c>
    </row>
    <row r="75994" spans="1:7" x14ac:dyDescent="0.3">
      <c r="A75994" s="13" t="s">
        <v>390</v>
      </c>
      <c r="B75994" s="14" t="s">
        <v>1</v>
      </c>
      <c r="C75994" s="14" t="s">
        <v>63</v>
      </c>
      <c r="D75994" s="14" t="s">
        <v>391</v>
      </c>
      <c r="E75994" s="15">
        <v>45450</v>
      </c>
      <c r="F75994" s="14" t="s">
        <v>15</v>
      </c>
      <c r="G75994" s="16">
        <v>0</v>
      </c>
    </row>
    <row r="75995" spans="1:7" x14ac:dyDescent="0.3">
      <c r="A75995" s="13" t="s">
        <v>390</v>
      </c>
      <c r="B75995" s="14" t="s">
        <v>1</v>
      </c>
      <c r="C75995" s="14" t="s">
        <v>63</v>
      </c>
      <c r="D75995" s="14" t="s">
        <v>391</v>
      </c>
      <c r="E75995" s="15">
        <v>45451</v>
      </c>
      <c r="F75995" s="14" t="s">
        <v>15</v>
      </c>
      <c r="G75995" s="16">
        <v>0</v>
      </c>
    </row>
    <row r="75996" spans="1:7" x14ac:dyDescent="0.3">
      <c r="A75996" s="13" t="s">
        <v>390</v>
      </c>
      <c r="B75996" s="14" t="s">
        <v>1</v>
      </c>
      <c r="C75996" s="14" t="s">
        <v>63</v>
      </c>
      <c r="D75996" s="14" t="s">
        <v>391</v>
      </c>
      <c r="E75996" s="15">
        <v>45452</v>
      </c>
      <c r="F75996" s="14" t="s">
        <v>15</v>
      </c>
      <c r="G75996" s="16">
        <v>0</v>
      </c>
    </row>
    <row r="75997" spans="1:7" x14ac:dyDescent="0.3">
      <c r="A75997" s="13" t="s">
        <v>390</v>
      </c>
      <c r="B75997" s="14" t="s">
        <v>1</v>
      </c>
      <c r="C75997" s="14" t="s">
        <v>63</v>
      </c>
      <c r="D75997" s="14" t="s">
        <v>391</v>
      </c>
      <c r="E75997" s="15">
        <v>45453</v>
      </c>
      <c r="F75997" s="14" t="s">
        <v>15</v>
      </c>
      <c r="G75997" s="16">
        <v>0</v>
      </c>
    </row>
    <row r="75998" spans="1:7" x14ac:dyDescent="0.3">
      <c r="A75998" s="13" t="s">
        <v>390</v>
      </c>
      <c r="B75998" s="14" t="s">
        <v>1</v>
      </c>
      <c r="C75998" s="14" t="s">
        <v>63</v>
      </c>
      <c r="D75998" s="14" t="s">
        <v>391</v>
      </c>
      <c r="E75998" s="15">
        <v>45454</v>
      </c>
      <c r="F75998" s="14" t="s">
        <v>15</v>
      </c>
      <c r="G75998" s="16">
        <v>0</v>
      </c>
    </row>
    <row r="75999" spans="1:7" x14ac:dyDescent="0.3">
      <c r="A75999" s="13" t="s">
        <v>390</v>
      </c>
      <c r="B75999" s="14" t="s">
        <v>1</v>
      </c>
      <c r="C75999" s="14" t="s">
        <v>63</v>
      </c>
      <c r="D75999" s="14" t="s">
        <v>391</v>
      </c>
      <c r="E75999" s="15">
        <v>45455</v>
      </c>
      <c r="F75999" s="14" t="s">
        <v>15</v>
      </c>
      <c r="G75999" s="16">
        <v>3.0740157480062459E-2</v>
      </c>
    </row>
    <row r="76000" spans="1:7" x14ac:dyDescent="0.3">
      <c r="A76000" s="13" t="s">
        <v>390</v>
      </c>
      <c r="B76000" s="14" t="s">
        <v>1</v>
      </c>
      <c r="C76000" s="14" t="s">
        <v>63</v>
      </c>
      <c r="D76000" s="14" t="s">
        <v>391</v>
      </c>
      <c r="E76000" s="15">
        <v>45456</v>
      </c>
      <c r="F76000" s="14" t="s">
        <v>15</v>
      </c>
      <c r="G76000" s="16">
        <v>4.7786825409537506E-2</v>
      </c>
    </row>
    <row r="76001" spans="1:7" x14ac:dyDescent="0.3">
      <c r="A76001" s="13" t="s">
        <v>390</v>
      </c>
      <c r="B76001" s="14" t="s">
        <v>1</v>
      </c>
      <c r="C76001" s="14" t="s">
        <v>63</v>
      </c>
      <c r="D76001" s="14" t="s">
        <v>391</v>
      </c>
      <c r="E76001" s="15">
        <v>45457</v>
      </c>
      <c r="F76001" s="14" t="s">
        <v>15</v>
      </c>
      <c r="G76001" s="16">
        <v>5.9399092040906057E-2</v>
      </c>
    </row>
    <row r="76002" spans="1:7" x14ac:dyDescent="0.3">
      <c r="A76002" s="13" t="s">
        <v>390</v>
      </c>
      <c r="B76002" s="14" t="s">
        <v>1</v>
      </c>
      <c r="C76002" s="14" t="s">
        <v>63</v>
      </c>
      <c r="D76002" s="14" t="s">
        <v>391</v>
      </c>
      <c r="E76002" s="15">
        <v>45458</v>
      </c>
      <c r="F76002" s="14" t="s">
        <v>15</v>
      </c>
      <c r="G76002" s="16">
        <v>5.9399092040906057E-2</v>
      </c>
    </row>
    <row r="76003" spans="1:7" x14ac:dyDescent="0.3">
      <c r="A76003" s="13" t="s">
        <v>390</v>
      </c>
      <c r="B76003" s="14" t="s">
        <v>1</v>
      </c>
      <c r="C76003" s="14" t="s">
        <v>63</v>
      </c>
      <c r="D76003" s="14" t="s">
        <v>391</v>
      </c>
      <c r="E76003" s="15">
        <v>45459</v>
      </c>
      <c r="F76003" s="14" t="s">
        <v>15</v>
      </c>
      <c r="G76003" s="16">
        <v>5.9399092040906057E-2</v>
      </c>
    </row>
    <row r="76004" spans="1:7" x14ac:dyDescent="0.3">
      <c r="A76004" s="13" t="s">
        <v>390</v>
      </c>
      <c r="B76004" s="14" t="s">
        <v>1</v>
      </c>
      <c r="C76004" s="14" t="s">
        <v>63</v>
      </c>
      <c r="D76004" s="14" t="s">
        <v>391</v>
      </c>
      <c r="E76004" s="15">
        <v>45460</v>
      </c>
      <c r="F76004" s="14" t="s">
        <v>15</v>
      </c>
      <c r="G76004" s="16">
        <v>5.9399092040906057E-2</v>
      </c>
    </row>
    <row r="76005" spans="1:7" x14ac:dyDescent="0.3">
      <c r="A76005" s="13" t="s">
        <v>390</v>
      </c>
      <c r="B76005" s="14" t="s">
        <v>1</v>
      </c>
      <c r="C76005" s="14" t="s">
        <v>63</v>
      </c>
      <c r="D76005" s="14" t="s">
        <v>391</v>
      </c>
      <c r="E76005" s="15">
        <v>45461</v>
      </c>
      <c r="F76005" s="14" t="s">
        <v>15</v>
      </c>
      <c r="G76005" s="16">
        <v>7.054351830848668E-2</v>
      </c>
    </row>
    <row r="76006" spans="1:7" x14ac:dyDescent="0.3">
      <c r="A76006" s="13" t="s">
        <v>390</v>
      </c>
      <c r="B76006" s="14" t="s">
        <v>1</v>
      </c>
      <c r="C76006" s="14" t="s">
        <v>63</v>
      </c>
      <c r="D76006" s="14" t="s">
        <v>391</v>
      </c>
      <c r="E76006" s="15">
        <v>45462</v>
      </c>
      <c r="F76006" s="14" t="s">
        <v>15</v>
      </c>
      <c r="G76006" s="16">
        <v>0.1151253066967831</v>
      </c>
    </row>
    <row r="76007" spans="1:7" x14ac:dyDescent="0.3">
      <c r="A76007" s="13" t="s">
        <v>390</v>
      </c>
      <c r="B76007" s="14" t="s">
        <v>1</v>
      </c>
      <c r="C76007" s="14" t="s">
        <v>63</v>
      </c>
      <c r="D76007" s="14" t="s">
        <v>391</v>
      </c>
      <c r="E76007" s="15">
        <v>45463</v>
      </c>
      <c r="F76007" s="14" t="s">
        <v>15</v>
      </c>
      <c r="G76007" s="16">
        <v>0.12627369374304664</v>
      </c>
    </row>
    <row r="76008" spans="1:7" x14ac:dyDescent="0.3">
      <c r="A76008" s="13" t="s">
        <v>390</v>
      </c>
      <c r="B76008" s="14" t="s">
        <v>1</v>
      </c>
      <c r="C76008" s="14" t="s">
        <v>63</v>
      </c>
      <c r="D76008" s="14" t="s">
        <v>391</v>
      </c>
      <c r="E76008" s="15">
        <v>45464</v>
      </c>
      <c r="F76008" s="14" t="s">
        <v>15</v>
      </c>
      <c r="G76008" s="16">
        <v>0.13855426724638234</v>
      </c>
    </row>
    <row r="76009" spans="1:7" x14ac:dyDescent="0.3">
      <c r="A76009" s="13" t="s">
        <v>390</v>
      </c>
      <c r="B76009" s="14" t="s">
        <v>1</v>
      </c>
      <c r="C76009" s="14" t="s">
        <v>63</v>
      </c>
      <c r="D76009" s="14" t="s">
        <v>391</v>
      </c>
      <c r="E76009" s="15">
        <v>45465</v>
      </c>
      <c r="F76009" s="14" t="s">
        <v>15</v>
      </c>
      <c r="G76009" s="16">
        <v>0.13855426724638234</v>
      </c>
    </row>
    <row r="76010" spans="1:7" x14ac:dyDescent="0.3">
      <c r="A76010" s="13" t="s">
        <v>390</v>
      </c>
      <c r="B76010" s="14" t="s">
        <v>1</v>
      </c>
      <c r="C76010" s="14" t="s">
        <v>63</v>
      </c>
      <c r="D76010" s="14" t="s">
        <v>391</v>
      </c>
      <c r="E76010" s="15">
        <v>45466</v>
      </c>
      <c r="F76010" s="14" t="s">
        <v>15</v>
      </c>
      <c r="G76010" s="16">
        <v>0.13855426724638234</v>
      </c>
    </row>
    <row r="76011" spans="1:7" x14ac:dyDescent="0.3">
      <c r="A76011" s="13" t="s">
        <v>390</v>
      </c>
      <c r="B76011" s="14" t="s">
        <v>1</v>
      </c>
      <c r="C76011" s="14" t="s">
        <v>63</v>
      </c>
      <c r="D76011" s="14" t="s">
        <v>391</v>
      </c>
      <c r="E76011" s="15">
        <v>45467</v>
      </c>
      <c r="F76011" s="14" t="s">
        <v>15</v>
      </c>
      <c r="G76011" s="16">
        <v>0.15104961716797777</v>
      </c>
    </row>
    <row r="76012" spans="1:7" x14ac:dyDescent="0.3">
      <c r="A76012" s="13" t="s">
        <v>390</v>
      </c>
      <c r="B76012" s="14" t="s">
        <v>1</v>
      </c>
      <c r="C76012" s="14" t="s">
        <v>63</v>
      </c>
      <c r="D76012" s="14" t="s">
        <v>391</v>
      </c>
      <c r="E76012" s="15">
        <v>45468</v>
      </c>
      <c r="F76012" s="14" t="s">
        <v>15</v>
      </c>
      <c r="G76012" s="16">
        <v>0.18674938431365079</v>
      </c>
    </row>
    <row r="76013" spans="1:7" x14ac:dyDescent="0.3">
      <c r="A76013" s="13" t="s">
        <v>390</v>
      </c>
      <c r="B76013" s="14" t="s">
        <v>1</v>
      </c>
      <c r="C76013" s="14" t="s">
        <v>63</v>
      </c>
      <c r="D76013" s="14" t="s">
        <v>391</v>
      </c>
      <c r="E76013" s="15">
        <v>45469</v>
      </c>
      <c r="F76013" s="14" t="s">
        <v>15</v>
      </c>
      <c r="G76013" s="16">
        <v>0.19812157207100989</v>
      </c>
    </row>
    <row r="76014" spans="1:7" x14ac:dyDescent="0.3">
      <c r="A76014" s="13" t="s">
        <v>390</v>
      </c>
      <c r="B76014" s="14" t="s">
        <v>1</v>
      </c>
      <c r="C76014" s="14" t="s">
        <v>63</v>
      </c>
      <c r="D76014" s="14" t="s">
        <v>391</v>
      </c>
      <c r="E76014" s="15">
        <v>45470</v>
      </c>
      <c r="F76014" s="14" t="s">
        <v>15</v>
      </c>
      <c r="G76014" s="16">
        <v>0.20940293482387157</v>
      </c>
    </row>
    <row r="76015" spans="1:7" x14ac:dyDescent="0.3">
      <c r="A76015" s="13" t="s">
        <v>390</v>
      </c>
      <c r="B76015" s="14" t="s">
        <v>1</v>
      </c>
      <c r="C76015" s="14" t="s">
        <v>63</v>
      </c>
      <c r="D76015" s="14" t="s">
        <v>391</v>
      </c>
      <c r="E76015" s="15">
        <v>45471</v>
      </c>
      <c r="F76015" s="14" t="s">
        <v>15</v>
      </c>
      <c r="G76015" s="16">
        <v>0.22061298559427409</v>
      </c>
    </row>
    <row r="76016" spans="1:7" x14ac:dyDescent="0.3">
      <c r="A76016" s="13" t="s">
        <v>390</v>
      </c>
      <c r="B76016" s="14" t="s">
        <v>1</v>
      </c>
      <c r="C76016" s="14" t="s">
        <v>63</v>
      </c>
      <c r="D76016" s="14" t="s">
        <v>391</v>
      </c>
      <c r="E76016" s="15">
        <v>45472</v>
      </c>
      <c r="F76016" s="14" t="s">
        <v>15</v>
      </c>
      <c r="G76016" s="16">
        <v>0.22061298559427409</v>
      </c>
    </row>
    <row r="76017" spans="1:7" x14ac:dyDescent="0.3">
      <c r="A76017" s="13" t="s">
        <v>390</v>
      </c>
      <c r="B76017" s="14" t="s">
        <v>1</v>
      </c>
      <c r="C76017" s="14" t="s">
        <v>63</v>
      </c>
      <c r="D76017" s="14" t="s">
        <v>391</v>
      </c>
      <c r="E76017" s="15">
        <v>45473</v>
      </c>
      <c r="F76017" s="14" t="s">
        <v>15</v>
      </c>
      <c r="G76017" s="16">
        <v>0.22061298559427409</v>
      </c>
    </row>
    <row r="76018" spans="1:7" x14ac:dyDescent="0.3">
      <c r="A76018" s="13" t="s">
        <v>390</v>
      </c>
      <c r="B76018" s="14" t="s">
        <v>1</v>
      </c>
      <c r="C76018" s="14" t="s">
        <v>63</v>
      </c>
      <c r="D76018" s="14" t="s">
        <v>391</v>
      </c>
      <c r="E76018" s="15">
        <v>45474</v>
      </c>
      <c r="F76018" s="14" t="s">
        <v>15</v>
      </c>
      <c r="G76018" s="16">
        <v>0.22061298559427409</v>
      </c>
    </row>
    <row r="76019" spans="1:7" x14ac:dyDescent="0.3">
      <c r="A76019" s="13" t="s">
        <v>390</v>
      </c>
      <c r="B76019" s="14" t="s">
        <v>1</v>
      </c>
      <c r="C76019" s="14" t="s">
        <v>63</v>
      </c>
      <c r="D76019" s="14" t="s">
        <v>391</v>
      </c>
      <c r="E76019" s="15">
        <v>45475</v>
      </c>
      <c r="F76019" s="14" t="s">
        <v>15</v>
      </c>
      <c r="G76019" s="16">
        <v>0</v>
      </c>
    </row>
    <row r="76020" spans="1:7" x14ac:dyDescent="0.3">
      <c r="A76020" s="13" t="s">
        <v>390</v>
      </c>
      <c r="B76020" s="14" t="s">
        <v>1</v>
      </c>
      <c r="C76020" s="14" t="s">
        <v>63</v>
      </c>
      <c r="D76020" s="14" t="s">
        <v>391</v>
      </c>
      <c r="E76020" s="15">
        <v>45476</v>
      </c>
      <c r="F76020" s="14" t="s">
        <v>15</v>
      </c>
      <c r="G76020" s="16">
        <v>0</v>
      </c>
    </row>
    <row r="76021" spans="1:7" x14ac:dyDescent="0.3">
      <c r="A76021" s="13" t="s">
        <v>390</v>
      </c>
      <c r="B76021" s="14" t="s">
        <v>1</v>
      </c>
      <c r="C76021" s="14" t="s">
        <v>63</v>
      </c>
      <c r="D76021" s="14" t="s">
        <v>391</v>
      </c>
      <c r="E76021" s="15">
        <v>45477</v>
      </c>
      <c r="F76021" s="14" t="s">
        <v>15</v>
      </c>
      <c r="G76021" s="16">
        <v>0</v>
      </c>
    </row>
    <row r="76022" spans="1:7" x14ac:dyDescent="0.3">
      <c r="A76022" s="13" t="s">
        <v>390</v>
      </c>
      <c r="B76022" s="14" t="s">
        <v>1</v>
      </c>
      <c r="C76022" s="14" t="s">
        <v>63</v>
      </c>
      <c r="D76022" s="14" t="s">
        <v>391</v>
      </c>
      <c r="E76022" s="15">
        <v>45478</v>
      </c>
      <c r="F76022" s="14" t="s">
        <v>15</v>
      </c>
      <c r="G76022" s="16">
        <v>0</v>
      </c>
    </row>
    <row r="76023" spans="1:7" x14ac:dyDescent="0.3">
      <c r="A76023" s="13" t="s">
        <v>390</v>
      </c>
      <c r="B76023" s="14" t="s">
        <v>1</v>
      </c>
      <c r="C76023" s="14" t="s">
        <v>63</v>
      </c>
      <c r="D76023" s="14" t="s">
        <v>391</v>
      </c>
      <c r="E76023" s="15">
        <v>45479</v>
      </c>
      <c r="F76023" s="14" t="s">
        <v>15</v>
      </c>
      <c r="G76023" s="16">
        <v>0</v>
      </c>
    </row>
    <row r="76024" spans="1:7" x14ac:dyDescent="0.3">
      <c r="A76024" s="13" t="s">
        <v>390</v>
      </c>
      <c r="B76024" s="14" t="s">
        <v>1</v>
      </c>
      <c r="C76024" s="14" t="s">
        <v>63</v>
      </c>
      <c r="D76024" s="14" t="s">
        <v>391</v>
      </c>
      <c r="E76024" s="15">
        <v>45480</v>
      </c>
      <c r="F76024" s="14" t="s">
        <v>15</v>
      </c>
      <c r="G76024" s="16">
        <v>0</v>
      </c>
    </row>
    <row r="76025" spans="1:7" x14ac:dyDescent="0.3">
      <c r="A76025" s="13" t="s">
        <v>390</v>
      </c>
      <c r="B76025" s="14" t="s">
        <v>1</v>
      </c>
      <c r="C76025" s="14" t="s">
        <v>63</v>
      </c>
      <c r="D76025" s="14" t="s">
        <v>391</v>
      </c>
      <c r="E76025" s="15">
        <v>45481</v>
      </c>
      <c r="F76025" s="14" t="s">
        <v>15</v>
      </c>
      <c r="G76025" s="16">
        <v>0</v>
      </c>
    </row>
    <row r="76026" spans="1:7" x14ac:dyDescent="0.3">
      <c r="A76026" s="13" t="s">
        <v>390</v>
      </c>
      <c r="B76026" s="14" t="s">
        <v>1</v>
      </c>
      <c r="C76026" s="14" t="s">
        <v>63</v>
      </c>
      <c r="D76026" s="14" t="s">
        <v>391</v>
      </c>
      <c r="E76026" s="15">
        <v>45482</v>
      </c>
      <c r="F76026" s="14" t="s">
        <v>15</v>
      </c>
      <c r="G76026" s="16">
        <v>0</v>
      </c>
    </row>
    <row r="76027" spans="1:7" x14ac:dyDescent="0.3">
      <c r="A76027" s="13" t="s">
        <v>390</v>
      </c>
      <c r="B76027" s="14" t="s">
        <v>1</v>
      </c>
      <c r="C76027" s="14" t="s">
        <v>63</v>
      </c>
      <c r="D76027" s="14" t="s">
        <v>391</v>
      </c>
      <c r="E76027" s="15">
        <v>45483</v>
      </c>
      <c r="F76027" s="14" t="s">
        <v>15</v>
      </c>
      <c r="G76027" s="16">
        <v>0</v>
      </c>
    </row>
    <row r="76028" spans="1:7" x14ac:dyDescent="0.3">
      <c r="A76028" s="13" t="s">
        <v>390</v>
      </c>
      <c r="B76028" s="14" t="s">
        <v>1</v>
      </c>
      <c r="C76028" s="14" t="s">
        <v>63</v>
      </c>
      <c r="D76028" s="14" t="s">
        <v>391</v>
      </c>
      <c r="E76028" s="15">
        <v>45484</v>
      </c>
      <c r="F76028" s="14" t="s">
        <v>15</v>
      </c>
      <c r="G76028" s="16">
        <v>2.2580382888351073E-3</v>
      </c>
    </row>
    <row r="76029" spans="1:7" x14ac:dyDescent="0.3">
      <c r="A76029" s="13" t="s">
        <v>390</v>
      </c>
      <c r="B76029" s="14" t="s">
        <v>1</v>
      </c>
      <c r="C76029" s="14" t="s">
        <v>63</v>
      </c>
      <c r="D76029" s="14" t="s">
        <v>391</v>
      </c>
      <c r="E76029" s="15">
        <v>45485</v>
      </c>
      <c r="F76029" s="14" t="s">
        <v>15</v>
      </c>
      <c r="G76029" s="16">
        <v>1.5130773280368132E-2</v>
      </c>
    </row>
    <row r="76030" spans="1:7" x14ac:dyDescent="0.3">
      <c r="A76030" s="13" t="s">
        <v>390</v>
      </c>
      <c r="B76030" s="14" t="s">
        <v>1</v>
      </c>
      <c r="C76030" s="14" t="s">
        <v>63</v>
      </c>
      <c r="D76030" s="14" t="s">
        <v>391</v>
      </c>
      <c r="E76030" s="15">
        <v>45486</v>
      </c>
      <c r="F76030" s="14" t="s">
        <v>15</v>
      </c>
      <c r="G76030" s="16">
        <v>1.5130773280368132E-2</v>
      </c>
    </row>
    <row r="76031" spans="1:7" x14ac:dyDescent="0.3">
      <c r="A76031" s="13" t="s">
        <v>390</v>
      </c>
      <c r="B76031" s="14" t="s">
        <v>1</v>
      </c>
      <c r="C76031" s="14" t="s">
        <v>63</v>
      </c>
      <c r="D76031" s="14" t="s">
        <v>391</v>
      </c>
      <c r="E76031" s="15">
        <v>45487</v>
      </c>
      <c r="F76031" s="14" t="s">
        <v>15</v>
      </c>
      <c r="G76031" s="16">
        <v>1.5130773280368132E-2</v>
      </c>
    </row>
    <row r="76032" spans="1:7" x14ac:dyDescent="0.3">
      <c r="A76032" s="13" t="s">
        <v>390</v>
      </c>
      <c r="B76032" s="14" t="s">
        <v>1</v>
      </c>
      <c r="C76032" s="14" t="s">
        <v>63</v>
      </c>
      <c r="D76032" s="14" t="s">
        <v>391</v>
      </c>
      <c r="E76032" s="15">
        <v>45488</v>
      </c>
      <c r="F76032" s="14" t="s">
        <v>15</v>
      </c>
      <c r="G76032" s="16">
        <v>2.6135958122165567E-2</v>
      </c>
    </row>
    <row r="76033" spans="1:7" x14ac:dyDescent="0.3">
      <c r="A76033" s="13" t="s">
        <v>390</v>
      </c>
      <c r="B76033" s="14" t="s">
        <v>1</v>
      </c>
      <c r="C76033" s="14" t="s">
        <v>63</v>
      </c>
      <c r="D76033" s="14" t="s">
        <v>391</v>
      </c>
      <c r="E76033" s="15">
        <v>45489</v>
      </c>
      <c r="F76033" s="14" t="s">
        <v>15</v>
      </c>
      <c r="G76033" s="16">
        <v>5.9138601245142502E-2</v>
      </c>
    </row>
    <row r="76034" spans="1:7" x14ac:dyDescent="0.3">
      <c r="A76034" s="13" t="s">
        <v>390</v>
      </c>
      <c r="B76034" s="14" t="s">
        <v>1</v>
      </c>
      <c r="C76034" s="14" t="s">
        <v>63</v>
      </c>
      <c r="D76034" s="14" t="s">
        <v>391</v>
      </c>
      <c r="E76034" s="15">
        <v>45490</v>
      </c>
      <c r="F76034" s="14" t="s">
        <v>15</v>
      </c>
      <c r="G76034" s="16">
        <v>7.2045494426639795E-2</v>
      </c>
    </row>
    <row r="76035" spans="1:7" x14ac:dyDescent="0.3">
      <c r="A76035" s="13" t="s">
        <v>390</v>
      </c>
      <c r="B76035" s="14" t="s">
        <v>1</v>
      </c>
      <c r="C76035" s="14" t="s">
        <v>63</v>
      </c>
      <c r="D76035" s="14" t="s">
        <v>391</v>
      </c>
      <c r="E76035" s="15">
        <v>45491</v>
      </c>
      <c r="F76035" s="14" t="s">
        <v>15</v>
      </c>
      <c r="G76035" s="16">
        <v>8.3620218199524685E-2</v>
      </c>
    </row>
    <row r="76036" spans="1:7" x14ac:dyDescent="0.3">
      <c r="A76036" s="13" t="s">
        <v>390</v>
      </c>
      <c r="B76036" s="14" t="s">
        <v>1</v>
      </c>
      <c r="C76036" s="14" t="s">
        <v>63</v>
      </c>
      <c r="D76036" s="14" t="s">
        <v>391</v>
      </c>
      <c r="E76036" s="15">
        <v>45492</v>
      </c>
      <c r="F76036" s="14" t="s">
        <v>15</v>
      </c>
      <c r="G76036" s="16">
        <v>9.6005626907192582E-2</v>
      </c>
    </row>
    <row r="76037" spans="1:7" x14ac:dyDescent="0.3">
      <c r="A76037" s="13" t="s">
        <v>390</v>
      </c>
      <c r="B76037" s="14" t="s">
        <v>1</v>
      </c>
      <c r="C76037" s="14" t="s">
        <v>63</v>
      </c>
      <c r="D76037" s="14" t="s">
        <v>391</v>
      </c>
      <c r="E76037" s="15">
        <v>45493</v>
      </c>
      <c r="F76037" s="14" t="s">
        <v>15</v>
      </c>
      <c r="G76037" s="16">
        <v>9.6005626907192582E-2</v>
      </c>
    </row>
    <row r="76038" spans="1:7" x14ac:dyDescent="0.3">
      <c r="A76038" s="13" t="s">
        <v>390</v>
      </c>
      <c r="B76038" s="14" t="s">
        <v>1</v>
      </c>
      <c r="C76038" s="14" t="s">
        <v>63</v>
      </c>
      <c r="D76038" s="14" t="s">
        <v>391</v>
      </c>
      <c r="E76038" s="15">
        <v>45494</v>
      </c>
      <c r="F76038" s="14" t="s">
        <v>15</v>
      </c>
      <c r="G76038" s="16">
        <v>9.6005626907192582E-2</v>
      </c>
    </row>
    <row r="76039" spans="1:7" x14ac:dyDescent="0.3">
      <c r="A76039" s="13" t="s">
        <v>390</v>
      </c>
      <c r="B76039" s="14" t="s">
        <v>1</v>
      </c>
      <c r="C76039" s="14" t="s">
        <v>63</v>
      </c>
      <c r="D76039" s="14" t="s">
        <v>391</v>
      </c>
      <c r="E76039" s="15">
        <v>45495</v>
      </c>
      <c r="F76039" s="14" t="s">
        <v>15</v>
      </c>
      <c r="G76039" s="16">
        <v>0.10711553302078099</v>
      </c>
    </row>
    <row r="76040" spans="1:7" x14ac:dyDescent="0.3">
      <c r="A76040" s="13" t="s">
        <v>390</v>
      </c>
      <c r="B76040" s="14" t="s">
        <v>1</v>
      </c>
      <c r="C76040" s="14" t="s">
        <v>63</v>
      </c>
      <c r="D76040" s="14" t="s">
        <v>391</v>
      </c>
      <c r="E76040" s="15">
        <v>45496</v>
      </c>
      <c r="F76040" s="14" t="s">
        <v>15</v>
      </c>
      <c r="G76040" s="16">
        <v>0.14045214422030416</v>
      </c>
    </row>
    <row r="76041" spans="1:7" x14ac:dyDescent="0.3">
      <c r="A76041" s="13" t="s">
        <v>390</v>
      </c>
      <c r="B76041" s="14" t="s">
        <v>1</v>
      </c>
      <c r="C76041" s="14" t="s">
        <v>63</v>
      </c>
      <c r="D76041" s="14" t="s">
        <v>391</v>
      </c>
      <c r="E76041" s="15">
        <v>45497</v>
      </c>
      <c r="F76041" s="14" t="s">
        <v>15</v>
      </c>
      <c r="G76041" s="16">
        <v>0.15185022432425316</v>
      </c>
    </row>
    <row r="76042" spans="1:7" x14ac:dyDescent="0.3">
      <c r="A76042" s="13" t="s">
        <v>390</v>
      </c>
      <c r="B76042" s="14" t="s">
        <v>1</v>
      </c>
      <c r="C76042" s="14" t="s">
        <v>63</v>
      </c>
      <c r="D76042" s="14" t="s">
        <v>391</v>
      </c>
      <c r="E76042" s="15">
        <v>45498</v>
      </c>
      <c r="F76042" s="14" t="s">
        <v>15</v>
      </c>
      <c r="G76042" s="16">
        <v>0.16253446865071255</v>
      </c>
    </row>
    <row r="76043" spans="1:7" x14ac:dyDescent="0.3">
      <c r="A76043" s="13" t="s">
        <v>390</v>
      </c>
      <c r="B76043" s="14" t="s">
        <v>1</v>
      </c>
      <c r="C76043" s="14" t="s">
        <v>63</v>
      </c>
      <c r="D76043" s="14" t="s">
        <v>391</v>
      </c>
      <c r="E76043" s="15">
        <v>45499</v>
      </c>
      <c r="F76043" s="14" t="s">
        <v>15</v>
      </c>
      <c r="G76043" s="16">
        <v>0.1735956991857309</v>
      </c>
    </row>
    <row r="76044" spans="1:7" x14ac:dyDescent="0.3">
      <c r="A76044" s="13" t="s">
        <v>390</v>
      </c>
      <c r="B76044" s="14" t="s">
        <v>1</v>
      </c>
      <c r="C76044" s="14" t="s">
        <v>63</v>
      </c>
      <c r="D76044" s="14" t="s">
        <v>391</v>
      </c>
      <c r="E76044" s="15">
        <v>45500</v>
      </c>
      <c r="F76044" s="14" t="s">
        <v>15</v>
      </c>
      <c r="G76044" s="16">
        <v>0.1735956991857309</v>
      </c>
    </row>
    <row r="76045" spans="1:7" x14ac:dyDescent="0.3">
      <c r="A76045" s="13" t="s">
        <v>390</v>
      </c>
      <c r="B76045" s="14" t="s">
        <v>1</v>
      </c>
      <c r="C76045" s="14" t="s">
        <v>63</v>
      </c>
      <c r="D76045" s="14" t="s">
        <v>391</v>
      </c>
      <c r="E76045" s="15">
        <v>45501</v>
      </c>
      <c r="F76045" s="14" t="s">
        <v>15</v>
      </c>
      <c r="G76045" s="16">
        <v>0.1735956991857309</v>
      </c>
    </row>
    <row r="76046" spans="1:7" x14ac:dyDescent="0.3">
      <c r="A76046" s="13" t="s">
        <v>390</v>
      </c>
      <c r="B76046" s="14" t="s">
        <v>1</v>
      </c>
      <c r="C76046" s="14" t="s">
        <v>63</v>
      </c>
      <c r="D76046" s="14" t="s">
        <v>391</v>
      </c>
      <c r="E76046" s="15">
        <v>45502</v>
      </c>
      <c r="F76046" s="14" t="s">
        <v>15</v>
      </c>
      <c r="G76046" s="16">
        <v>0.18503979941262727</v>
      </c>
    </row>
    <row r="76047" spans="1:7" x14ac:dyDescent="0.3">
      <c r="A76047" s="13" t="s">
        <v>390</v>
      </c>
      <c r="B76047" s="14" t="s">
        <v>1</v>
      </c>
      <c r="C76047" s="14" t="s">
        <v>63</v>
      </c>
      <c r="D76047" s="14" t="s">
        <v>391</v>
      </c>
      <c r="E76047" s="15">
        <v>45503</v>
      </c>
      <c r="F76047" s="14" t="s">
        <v>15</v>
      </c>
      <c r="G76047" s="16">
        <v>0.21862900846974012</v>
      </c>
    </row>
    <row r="76048" spans="1:7" x14ac:dyDescent="0.3">
      <c r="A76048" s="13" t="s">
        <v>390</v>
      </c>
      <c r="B76048" s="14" t="s">
        <v>1</v>
      </c>
      <c r="C76048" s="14" t="s">
        <v>63</v>
      </c>
      <c r="D76048" s="14" t="s">
        <v>391</v>
      </c>
      <c r="E76048" s="15">
        <v>45504</v>
      </c>
      <c r="F76048" s="14" t="s">
        <v>15</v>
      </c>
      <c r="G76048" s="16">
        <v>0.23102949711862808</v>
      </c>
    </row>
    <row r="76049" spans="1:7" x14ac:dyDescent="0.3">
      <c r="A76049" s="13" t="s">
        <v>390</v>
      </c>
      <c r="B76049" s="14" t="s">
        <v>1</v>
      </c>
      <c r="C76049" s="14" t="s">
        <v>63</v>
      </c>
      <c r="D76049" s="14" t="s">
        <v>391</v>
      </c>
      <c r="E76049" s="15">
        <v>45505</v>
      </c>
      <c r="F76049" s="14" t="s">
        <v>15</v>
      </c>
      <c r="G76049" s="16">
        <v>0.23102949711862808</v>
      </c>
    </row>
    <row r="76050" spans="1:7" x14ac:dyDescent="0.3">
      <c r="A76050" s="13" t="s">
        <v>390</v>
      </c>
      <c r="B76050" s="14" t="s">
        <v>1</v>
      </c>
      <c r="C76050" s="14" t="s">
        <v>63</v>
      </c>
      <c r="D76050" s="14" t="s">
        <v>391</v>
      </c>
      <c r="E76050" s="15">
        <v>45506</v>
      </c>
      <c r="F76050" s="14" t="s">
        <v>15</v>
      </c>
      <c r="G76050" s="16">
        <v>0</v>
      </c>
    </row>
    <row r="76051" spans="1:7" x14ac:dyDescent="0.3">
      <c r="A76051" s="13" t="s">
        <v>390</v>
      </c>
      <c r="B76051" s="14" t="s">
        <v>1</v>
      </c>
      <c r="C76051" s="14" t="s">
        <v>63</v>
      </c>
      <c r="D76051" s="14" t="s">
        <v>391</v>
      </c>
      <c r="E76051" s="15">
        <v>45507</v>
      </c>
      <c r="F76051" s="14" t="s">
        <v>15</v>
      </c>
      <c r="G76051" s="16">
        <v>0</v>
      </c>
    </row>
    <row r="76052" spans="1:7" x14ac:dyDescent="0.3">
      <c r="A76052" s="13" t="s">
        <v>390</v>
      </c>
      <c r="B76052" s="14" t="s">
        <v>1</v>
      </c>
      <c r="C76052" s="14" t="s">
        <v>63</v>
      </c>
      <c r="D76052" s="14" t="s">
        <v>391</v>
      </c>
      <c r="E76052" s="15">
        <v>45508</v>
      </c>
      <c r="F76052" s="14" t="s">
        <v>15</v>
      </c>
      <c r="G76052" s="16">
        <v>0</v>
      </c>
    </row>
    <row r="76053" spans="1:7" x14ac:dyDescent="0.3">
      <c r="A76053" s="13" t="s">
        <v>390</v>
      </c>
      <c r="B76053" s="14" t="s">
        <v>1</v>
      </c>
      <c r="C76053" s="14" t="s">
        <v>63</v>
      </c>
      <c r="D76053" s="14" t="s">
        <v>391</v>
      </c>
      <c r="E76053" s="15">
        <v>45509</v>
      </c>
      <c r="F76053" s="14" t="s">
        <v>15</v>
      </c>
      <c r="G76053" s="16">
        <v>0</v>
      </c>
    </row>
    <row r="76054" spans="1:7" x14ac:dyDescent="0.3">
      <c r="A76054" s="13" t="s">
        <v>390</v>
      </c>
      <c r="B76054" s="14" t="s">
        <v>1</v>
      </c>
      <c r="C76054" s="14" t="s">
        <v>63</v>
      </c>
      <c r="D76054" s="14" t="s">
        <v>391</v>
      </c>
      <c r="E76054" s="15">
        <v>45510</v>
      </c>
      <c r="F76054" s="14" t="s">
        <v>15</v>
      </c>
      <c r="G76054" s="16">
        <v>0</v>
      </c>
    </row>
    <row r="76055" spans="1:7" x14ac:dyDescent="0.3">
      <c r="A76055" s="13" t="s">
        <v>390</v>
      </c>
      <c r="B76055" s="14" t="s">
        <v>1</v>
      </c>
      <c r="C76055" s="14" t="s">
        <v>63</v>
      </c>
      <c r="D76055" s="14" t="s">
        <v>391</v>
      </c>
      <c r="E76055" s="15">
        <v>45511</v>
      </c>
      <c r="F76055" s="14" t="s">
        <v>15</v>
      </c>
      <c r="G76055" s="16">
        <v>0</v>
      </c>
    </row>
    <row r="76056" spans="1:7" x14ac:dyDescent="0.3">
      <c r="A76056" s="13" t="s">
        <v>390</v>
      </c>
      <c r="B76056" s="14" t="s">
        <v>1</v>
      </c>
      <c r="C76056" s="14" t="s">
        <v>63</v>
      </c>
      <c r="D76056" s="14" t="s">
        <v>391</v>
      </c>
      <c r="E76056" s="15">
        <v>45512</v>
      </c>
      <c r="F76056" s="14" t="s">
        <v>15</v>
      </c>
      <c r="G76056" s="16">
        <v>0</v>
      </c>
    </row>
    <row r="76057" spans="1:7" x14ac:dyDescent="0.3">
      <c r="A76057" s="13" t="s">
        <v>390</v>
      </c>
      <c r="B76057" s="14" t="s">
        <v>1</v>
      </c>
      <c r="C76057" s="14" t="s">
        <v>63</v>
      </c>
      <c r="D76057" s="14" t="s">
        <v>391</v>
      </c>
      <c r="E76057" s="15">
        <v>45513</v>
      </c>
      <c r="F76057" s="14" t="s">
        <v>15</v>
      </c>
      <c r="G76057" s="16">
        <v>0</v>
      </c>
    </row>
    <row r="76058" spans="1:7" x14ac:dyDescent="0.3">
      <c r="A76058" s="13" t="s">
        <v>390</v>
      </c>
      <c r="B76058" s="14" t="s">
        <v>1</v>
      </c>
      <c r="C76058" s="14" t="s">
        <v>63</v>
      </c>
      <c r="D76058" s="14" t="s">
        <v>391</v>
      </c>
      <c r="E76058" s="15">
        <v>45514</v>
      </c>
      <c r="F76058" s="14" t="s">
        <v>15</v>
      </c>
      <c r="G76058" s="16">
        <v>0</v>
      </c>
    </row>
    <row r="76059" spans="1:7" x14ac:dyDescent="0.3">
      <c r="A76059" s="13" t="s">
        <v>390</v>
      </c>
      <c r="B76059" s="14" t="s">
        <v>1</v>
      </c>
      <c r="C76059" s="14" t="s">
        <v>63</v>
      </c>
      <c r="D76059" s="14" t="s">
        <v>391</v>
      </c>
      <c r="E76059" s="15">
        <v>45515</v>
      </c>
      <c r="F76059" s="14" t="s">
        <v>15</v>
      </c>
      <c r="G76059" s="16">
        <v>0</v>
      </c>
    </row>
    <row r="76060" spans="1:7" x14ac:dyDescent="0.3">
      <c r="A76060" s="13" t="s">
        <v>390</v>
      </c>
      <c r="B76060" s="14" t="s">
        <v>1</v>
      </c>
      <c r="C76060" s="14" t="s">
        <v>63</v>
      </c>
      <c r="D76060" s="14" t="s">
        <v>391</v>
      </c>
      <c r="E76060" s="15">
        <v>45516</v>
      </c>
      <c r="F76060" s="14" t="s">
        <v>15</v>
      </c>
      <c r="G76060" s="16">
        <v>0</v>
      </c>
    </row>
    <row r="76061" spans="1:7" x14ac:dyDescent="0.3">
      <c r="A76061" s="13" t="s">
        <v>390</v>
      </c>
      <c r="B76061" s="14" t="s">
        <v>1</v>
      </c>
      <c r="C76061" s="14" t="s">
        <v>63</v>
      </c>
      <c r="D76061" s="14" t="s">
        <v>391</v>
      </c>
      <c r="E76061" s="15">
        <v>45517</v>
      </c>
      <c r="F76061" s="14" t="s">
        <v>15</v>
      </c>
      <c r="G76061" s="16">
        <v>0</v>
      </c>
    </row>
    <row r="76062" spans="1:7" x14ac:dyDescent="0.3">
      <c r="A76062" s="13" t="s">
        <v>390</v>
      </c>
      <c r="B76062" s="14" t="s">
        <v>1</v>
      </c>
      <c r="C76062" s="14" t="s">
        <v>63</v>
      </c>
      <c r="D76062" s="14" t="s">
        <v>391</v>
      </c>
      <c r="E76062" s="15">
        <v>45518</v>
      </c>
      <c r="F76062" s="14" t="s">
        <v>15</v>
      </c>
      <c r="G76062" s="16">
        <v>0</v>
      </c>
    </row>
    <row r="76063" spans="1:7" x14ac:dyDescent="0.3">
      <c r="A76063" s="13" t="s">
        <v>390</v>
      </c>
      <c r="B76063" s="14" t="s">
        <v>1</v>
      </c>
      <c r="C76063" s="14" t="s">
        <v>63</v>
      </c>
      <c r="D76063" s="14" t="s">
        <v>391</v>
      </c>
      <c r="E76063" s="15">
        <v>45519</v>
      </c>
      <c r="F76063" s="14" t="s">
        <v>15</v>
      </c>
      <c r="G76063" s="16">
        <v>0</v>
      </c>
    </row>
    <row r="76064" spans="1:7" x14ac:dyDescent="0.3">
      <c r="A76064" s="13" t="s">
        <v>390</v>
      </c>
      <c r="B76064" s="14" t="s">
        <v>1</v>
      </c>
      <c r="C76064" s="14" t="s">
        <v>63</v>
      </c>
      <c r="D76064" s="14" t="s">
        <v>391</v>
      </c>
      <c r="E76064" s="15">
        <v>45520</v>
      </c>
      <c r="F76064" s="14" t="s">
        <v>15</v>
      </c>
      <c r="G76064" s="16">
        <v>0</v>
      </c>
    </row>
    <row r="76065" spans="1:7" x14ac:dyDescent="0.3">
      <c r="A76065" s="13" t="s">
        <v>390</v>
      </c>
      <c r="B76065" s="14" t="s">
        <v>1</v>
      </c>
      <c r="C76065" s="14" t="s">
        <v>63</v>
      </c>
      <c r="D76065" s="14" t="s">
        <v>391</v>
      </c>
      <c r="E76065" s="15">
        <v>45521</v>
      </c>
      <c r="F76065" s="14" t="s">
        <v>15</v>
      </c>
      <c r="G76065" s="16">
        <v>0</v>
      </c>
    </row>
    <row r="76066" spans="1:7" x14ac:dyDescent="0.3">
      <c r="A76066" s="13" t="s">
        <v>390</v>
      </c>
      <c r="B76066" s="14" t="s">
        <v>1</v>
      </c>
      <c r="C76066" s="14" t="s">
        <v>63</v>
      </c>
      <c r="D76066" s="14" t="s">
        <v>391</v>
      </c>
      <c r="E76066" s="15">
        <v>45522</v>
      </c>
      <c r="F76066" s="14" t="s">
        <v>15</v>
      </c>
      <c r="G76066" s="16">
        <v>0</v>
      </c>
    </row>
    <row r="76067" spans="1:7" x14ac:dyDescent="0.3">
      <c r="A76067" s="13" t="s">
        <v>390</v>
      </c>
      <c r="B76067" s="14" t="s">
        <v>1</v>
      </c>
      <c r="C76067" s="14" t="s">
        <v>63</v>
      </c>
      <c r="D76067" s="14" t="s">
        <v>391</v>
      </c>
      <c r="E76067" s="15">
        <v>45523</v>
      </c>
      <c r="F76067" s="14" t="s">
        <v>15</v>
      </c>
      <c r="G76067" s="16">
        <v>0</v>
      </c>
    </row>
    <row r="76068" spans="1:7" x14ac:dyDescent="0.3">
      <c r="A76068" s="13" t="s">
        <v>390</v>
      </c>
      <c r="B76068" s="14" t="s">
        <v>1</v>
      </c>
      <c r="C76068" s="14" t="s">
        <v>63</v>
      </c>
      <c r="D76068" s="14" t="s">
        <v>391</v>
      </c>
      <c r="E76068" s="15">
        <v>45524</v>
      </c>
      <c r="F76068" s="14" t="s">
        <v>15</v>
      </c>
      <c r="G76068" s="16">
        <v>9.5473774011193349E-3</v>
      </c>
    </row>
    <row r="76069" spans="1:7" x14ac:dyDescent="0.3">
      <c r="A76069" s="13" t="s">
        <v>390</v>
      </c>
      <c r="B76069" s="14" t="s">
        <v>1</v>
      </c>
      <c r="C76069" s="14" t="s">
        <v>63</v>
      </c>
      <c r="D76069" s="14" t="s">
        <v>391</v>
      </c>
      <c r="E76069" s="15">
        <v>45525</v>
      </c>
      <c r="F76069" s="14" t="s">
        <v>15</v>
      </c>
      <c r="G76069" s="16">
        <v>2.0623236048773377E-2</v>
      </c>
    </row>
    <row r="76070" spans="1:7" x14ac:dyDescent="0.3">
      <c r="A76070" s="13" t="s">
        <v>390</v>
      </c>
      <c r="B76070" s="14" t="s">
        <v>1</v>
      </c>
      <c r="C76070" s="14" t="s">
        <v>63</v>
      </c>
      <c r="D76070" s="14" t="s">
        <v>391</v>
      </c>
      <c r="E76070" s="15">
        <v>45526</v>
      </c>
      <c r="F76070" s="14" t="s">
        <v>15</v>
      </c>
      <c r="G76070" s="16">
        <v>3.1690188875787104E-2</v>
      </c>
    </row>
    <row r="76071" spans="1:7" x14ac:dyDescent="0.3">
      <c r="A76071" s="13" t="s">
        <v>390</v>
      </c>
      <c r="B76071" s="14" t="s">
        <v>1</v>
      </c>
      <c r="C76071" s="14" t="s">
        <v>63</v>
      </c>
      <c r="D76071" s="14" t="s">
        <v>391</v>
      </c>
      <c r="E76071" s="15">
        <v>45527</v>
      </c>
      <c r="F76071" s="14" t="s">
        <v>15</v>
      </c>
      <c r="G76071" s="16">
        <v>4.2934613350314781E-2</v>
      </c>
    </row>
    <row r="76072" spans="1:7" x14ac:dyDescent="0.3">
      <c r="A76072" s="13" t="s">
        <v>390</v>
      </c>
      <c r="B76072" s="14" t="s">
        <v>1</v>
      </c>
      <c r="C76072" s="14" t="s">
        <v>63</v>
      </c>
      <c r="D76072" s="14" t="s">
        <v>391</v>
      </c>
      <c r="E76072" s="15">
        <v>45528</v>
      </c>
      <c r="F76072" s="14" t="s">
        <v>15</v>
      </c>
      <c r="G76072" s="16">
        <v>4.2934613350314781E-2</v>
      </c>
    </row>
    <row r="76073" spans="1:7" x14ac:dyDescent="0.3">
      <c r="A76073" s="13" t="s">
        <v>390</v>
      </c>
      <c r="B76073" s="14" t="s">
        <v>1</v>
      </c>
      <c r="C76073" s="14" t="s">
        <v>63</v>
      </c>
      <c r="D76073" s="14" t="s">
        <v>391</v>
      </c>
      <c r="E76073" s="15">
        <v>45529</v>
      </c>
      <c r="F76073" s="14" t="s">
        <v>15</v>
      </c>
      <c r="G76073" s="16">
        <v>4.2934613350314781E-2</v>
      </c>
    </row>
    <row r="76074" spans="1:7" x14ac:dyDescent="0.3">
      <c r="A76074" s="13" t="s">
        <v>390</v>
      </c>
      <c r="B76074" s="14" t="s">
        <v>1</v>
      </c>
      <c r="C76074" s="14" t="s">
        <v>63</v>
      </c>
      <c r="D76074" s="14" t="s">
        <v>391</v>
      </c>
      <c r="E76074" s="15">
        <v>45530</v>
      </c>
      <c r="F76074" s="14" t="s">
        <v>15</v>
      </c>
      <c r="G76074" s="16">
        <v>5.4507465147103897E-2</v>
      </c>
    </row>
    <row r="76075" spans="1:7" x14ac:dyDescent="0.3">
      <c r="A76075" s="13" t="s">
        <v>390</v>
      </c>
      <c r="B76075" s="14" t="s">
        <v>1</v>
      </c>
      <c r="C76075" s="14" t="s">
        <v>63</v>
      </c>
      <c r="D76075" s="14" t="s">
        <v>391</v>
      </c>
      <c r="E76075" s="15">
        <v>45531</v>
      </c>
      <c r="F76075" s="14" t="s">
        <v>15</v>
      </c>
      <c r="G76075" s="16">
        <v>8.7423458640326995E-2</v>
      </c>
    </row>
    <row r="76076" spans="1:7" x14ac:dyDescent="0.3">
      <c r="A76076" s="13" t="s">
        <v>390</v>
      </c>
      <c r="B76076" s="14" t="s">
        <v>1</v>
      </c>
      <c r="C76076" s="14" t="s">
        <v>63</v>
      </c>
      <c r="D76076" s="14" t="s">
        <v>391</v>
      </c>
      <c r="E76076" s="15">
        <v>45532</v>
      </c>
      <c r="F76076" s="14" t="s">
        <v>15</v>
      </c>
      <c r="G76076" s="16">
        <v>0.10057014222495907</v>
      </c>
    </row>
    <row r="76077" spans="1:7" x14ac:dyDescent="0.3">
      <c r="A76077" s="13" t="s">
        <v>390</v>
      </c>
      <c r="B76077" s="14" t="s">
        <v>1</v>
      </c>
      <c r="C76077" s="14" t="s">
        <v>63</v>
      </c>
      <c r="D76077" s="14" t="s">
        <v>391</v>
      </c>
      <c r="E76077" s="15">
        <v>45533</v>
      </c>
      <c r="F76077" s="14" t="s">
        <v>15</v>
      </c>
      <c r="G76077" s="16">
        <v>0.11144285950678255</v>
      </c>
    </row>
    <row r="76078" spans="1:7" x14ac:dyDescent="0.3">
      <c r="A76078" s="13" t="s">
        <v>390</v>
      </c>
      <c r="B76078" s="14" t="s">
        <v>1</v>
      </c>
      <c r="C76078" s="14" t="s">
        <v>63</v>
      </c>
      <c r="D76078" s="14" t="s">
        <v>391</v>
      </c>
      <c r="E76078" s="15">
        <v>45534</v>
      </c>
      <c r="F76078" s="14" t="s">
        <v>15</v>
      </c>
      <c r="G76078" s="16">
        <v>0.12301010990506923</v>
      </c>
    </row>
    <row r="76079" spans="1:7" x14ac:dyDescent="0.3">
      <c r="A76079" s="13" t="s">
        <v>390</v>
      </c>
      <c r="B76079" s="14" t="s">
        <v>1</v>
      </c>
      <c r="C76079" s="14" t="s">
        <v>63</v>
      </c>
      <c r="D76079" s="14" t="s">
        <v>391</v>
      </c>
      <c r="E76079" s="15">
        <v>45535</v>
      </c>
      <c r="F76079" s="14" t="s">
        <v>15</v>
      </c>
      <c r="G76079" s="16">
        <v>0.12301010990506923</v>
      </c>
    </row>
    <row r="76080" spans="1:7" x14ac:dyDescent="0.3">
      <c r="A76080" s="13" t="s">
        <v>390</v>
      </c>
      <c r="B76080" s="14" t="s">
        <v>1</v>
      </c>
      <c r="C76080" s="14" t="s">
        <v>63</v>
      </c>
      <c r="D76080" s="14" t="s">
        <v>391</v>
      </c>
      <c r="E76080" s="15">
        <v>45536</v>
      </c>
      <c r="F76080" s="14" t="s">
        <v>15</v>
      </c>
      <c r="G76080" s="16">
        <v>0.12301010990506923</v>
      </c>
    </row>
    <row r="76081" spans="1:7" x14ac:dyDescent="0.3">
      <c r="A76081" s="13" t="s">
        <v>390</v>
      </c>
      <c r="B76081" s="14" t="s">
        <v>1</v>
      </c>
      <c r="C76081" s="14" t="s">
        <v>63</v>
      </c>
      <c r="D76081" s="14" t="s">
        <v>391</v>
      </c>
      <c r="E76081" s="15">
        <v>45537</v>
      </c>
      <c r="F76081" s="14" t="s">
        <v>15</v>
      </c>
      <c r="G76081" s="16">
        <v>0</v>
      </c>
    </row>
    <row r="76082" spans="1:7" x14ac:dyDescent="0.3">
      <c r="A76082" s="13" t="s">
        <v>390</v>
      </c>
      <c r="B76082" s="14" t="s">
        <v>1</v>
      </c>
      <c r="C76082" s="14" t="s">
        <v>63</v>
      </c>
      <c r="D76082" s="14" t="s">
        <v>391</v>
      </c>
      <c r="E76082" s="15">
        <v>45538</v>
      </c>
      <c r="F76082" s="14" t="s">
        <v>15</v>
      </c>
      <c r="G76082" s="16">
        <v>0</v>
      </c>
    </row>
    <row r="76083" spans="1:7" x14ac:dyDescent="0.3">
      <c r="A76083" s="13" t="s">
        <v>390</v>
      </c>
      <c r="B76083" s="14" t="s">
        <v>1</v>
      </c>
      <c r="C76083" s="14" t="s">
        <v>63</v>
      </c>
      <c r="D76083" s="14" t="s">
        <v>391</v>
      </c>
      <c r="E76083" s="15">
        <v>45539</v>
      </c>
      <c r="F76083" s="14" t="s">
        <v>15</v>
      </c>
      <c r="G76083" s="16">
        <v>0</v>
      </c>
    </row>
    <row r="76084" spans="1:7" x14ac:dyDescent="0.3">
      <c r="A76084" s="13" t="s">
        <v>390</v>
      </c>
      <c r="B76084" s="14" t="s">
        <v>1</v>
      </c>
      <c r="C76084" s="14" t="s">
        <v>63</v>
      </c>
      <c r="D76084" s="14" t="s">
        <v>391</v>
      </c>
      <c r="E76084" s="15">
        <v>45540</v>
      </c>
      <c r="F76084" s="14" t="s">
        <v>15</v>
      </c>
      <c r="G76084" s="16">
        <v>0</v>
      </c>
    </row>
    <row r="76085" spans="1:7" x14ac:dyDescent="0.3">
      <c r="A76085" s="13" t="s">
        <v>390</v>
      </c>
      <c r="B76085" s="14" t="s">
        <v>1</v>
      </c>
      <c r="C76085" s="14" t="s">
        <v>63</v>
      </c>
      <c r="D76085" s="14" t="s">
        <v>391</v>
      </c>
      <c r="E76085" s="15">
        <v>45541</v>
      </c>
      <c r="F76085" s="14" t="s">
        <v>15</v>
      </c>
      <c r="G76085" s="16">
        <v>0</v>
      </c>
    </row>
    <row r="76086" spans="1:7" x14ac:dyDescent="0.3">
      <c r="A76086" s="13" t="s">
        <v>390</v>
      </c>
      <c r="B76086" s="14" t="s">
        <v>1</v>
      </c>
      <c r="C76086" s="14" t="s">
        <v>63</v>
      </c>
      <c r="D76086" s="14" t="s">
        <v>391</v>
      </c>
      <c r="E76086" s="15">
        <v>45542</v>
      </c>
      <c r="F76086" s="14" t="s">
        <v>15</v>
      </c>
      <c r="G76086" s="16">
        <v>0</v>
      </c>
    </row>
    <row r="76087" spans="1:7" x14ac:dyDescent="0.3">
      <c r="A76087" s="13" t="s">
        <v>390</v>
      </c>
      <c r="B76087" s="14" t="s">
        <v>1</v>
      </c>
      <c r="C76087" s="14" t="s">
        <v>63</v>
      </c>
      <c r="D76087" s="14" t="s">
        <v>391</v>
      </c>
      <c r="E76087" s="15">
        <v>45543</v>
      </c>
      <c r="F76087" s="14" t="s">
        <v>15</v>
      </c>
      <c r="G76087" s="16">
        <v>0</v>
      </c>
    </row>
    <row r="76088" spans="1:7" x14ac:dyDescent="0.3">
      <c r="A76088" s="13" t="s">
        <v>390</v>
      </c>
      <c r="B76088" s="14" t="s">
        <v>1</v>
      </c>
      <c r="C76088" s="14" t="s">
        <v>63</v>
      </c>
      <c r="D76088" s="14" t="s">
        <v>391</v>
      </c>
      <c r="E76088" s="15">
        <v>45544</v>
      </c>
      <c r="F76088" s="14" t="s">
        <v>15</v>
      </c>
      <c r="G76088" s="16">
        <v>0</v>
      </c>
    </row>
    <row r="76089" spans="1:7" x14ac:dyDescent="0.3">
      <c r="A76089" s="13" t="s">
        <v>390</v>
      </c>
      <c r="B76089" s="14" t="s">
        <v>1</v>
      </c>
      <c r="C76089" s="14" t="s">
        <v>63</v>
      </c>
      <c r="D76089" s="14" t="s">
        <v>391</v>
      </c>
      <c r="E76089" s="15">
        <v>45545</v>
      </c>
      <c r="F76089" s="14" t="s">
        <v>15</v>
      </c>
      <c r="G76089" s="16">
        <v>0</v>
      </c>
    </row>
    <row r="76090" spans="1:7" x14ac:dyDescent="0.3">
      <c r="A76090" s="13" t="s">
        <v>390</v>
      </c>
      <c r="B76090" s="14" t="s">
        <v>1</v>
      </c>
      <c r="C76090" s="14" t="s">
        <v>63</v>
      </c>
      <c r="D76090" s="14" t="s">
        <v>391</v>
      </c>
      <c r="E76090" s="15">
        <v>45546</v>
      </c>
      <c r="F76090" s="14" t="s">
        <v>15</v>
      </c>
      <c r="G76090" s="16">
        <v>0</v>
      </c>
    </row>
    <row r="76091" spans="1:7" x14ac:dyDescent="0.3">
      <c r="A76091" s="13" t="s">
        <v>390</v>
      </c>
      <c r="B76091" s="14" t="s">
        <v>1</v>
      </c>
      <c r="C76091" s="14" t="s">
        <v>63</v>
      </c>
      <c r="D76091" s="14" t="s">
        <v>391</v>
      </c>
      <c r="E76091" s="15">
        <v>45547</v>
      </c>
      <c r="F76091" s="14" t="s">
        <v>15</v>
      </c>
      <c r="G76091" s="16">
        <v>0</v>
      </c>
    </row>
    <row r="76092" spans="1:7" x14ac:dyDescent="0.3">
      <c r="A76092" s="13" t="s">
        <v>390</v>
      </c>
      <c r="B76092" s="14" t="s">
        <v>1</v>
      </c>
      <c r="C76092" s="14" t="s">
        <v>63</v>
      </c>
      <c r="D76092" s="14" t="s">
        <v>391</v>
      </c>
      <c r="E76092" s="15">
        <v>45548</v>
      </c>
      <c r="F76092" s="14" t="s">
        <v>15</v>
      </c>
      <c r="G76092" s="16">
        <v>0</v>
      </c>
    </row>
    <row r="76093" spans="1:7" x14ac:dyDescent="0.3">
      <c r="A76093" s="13" t="s">
        <v>390</v>
      </c>
      <c r="B76093" s="14" t="s">
        <v>1</v>
      </c>
      <c r="C76093" s="14" t="s">
        <v>63</v>
      </c>
      <c r="D76093" s="14" t="s">
        <v>391</v>
      </c>
      <c r="E76093" s="15">
        <v>45549</v>
      </c>
      <c r="F76093" s="14" t="s">
        <v>15</v>
      </c>
      <c r="G76093" s="16">
        <v>0</v>
      </c>
    </row>
    <row r="76094" spans="1:7" x14ac:dyDescent="0.3">
      <c r="A76094" s="13" t="s">
        <v>390</v>
      </c>
      <c r="B76094" s="14" t="s">
        <v>1</v>
      </c>
      <c r="C76094" s="14" t="s">
        <v>63</v>
      </c>
      <c r="D76094" s="14" t="s">
        <v>391</v>
      </c>
      <c r="E76094" s="15">
        <v>45550</v>
      </c>
      <c r="F76094" s="14" t="s">
        <v>15</v>
      </c>
      <c r="G76094" s="16">
        <v>0</v>
      </c>
    </row>
    <row r="76095" spans="1:7" x14ac:dyDescent="0.3">
      <c r="A76095" s="13" t="s">
        <v>390</v>
      </c>
      <c r="B76095" s="14" t="s">
        <v>1</v>
      </c>
      <c r="C76095" s="14" t="s">
        <v>63</v>
      </c>
      <c r="D76095" s="14" t="s">
        <v>391</v>
      </c>
      <c r="E76095" s="15">
        <v>45551</v>
      </c>
      <c r="F76095" s="14" t="s">
        <v>15</v>
      </c>
      <c r="G76095" s="16">
        <v>0</v>
      </c>
    </row>
    <row r="76096" spans="1:7" x14ac:dyDescent="0.3">
      <c r="A76096" s="13" t="s">
        <v>390</v>
      </c>
      <c r="B76096" s="14" t="s">
        <v>1</v>
      </c>
      <c r="C76096" s="14" t="s">
        <v>63</v>
      </c>
      <c r="D76096" s="14" t="s">
        <v>391</v>
      </c>
      <c r="E76096" s="15">
        <v>45552</v>
      </c>
      <c r="F76096" s="14" t="s">
        <v>15</v>
      </c>
      <c r="G76096" s="16">
        <v>0</v>
      </c>
    </row>
    <row r="76097" spans="1:7" x14ac:dyDescent="0.3">
      <c r="A76097" s="13" t="s">
        <v>390</v>
      </c>
      <c r="B76097" s="14" t="s">
        <v>1</v>
      </c>
      <c r="C76097" s="14" t="s">
        <v>63</v>
      </c>
      <c r="D76097" s="14" t="s">
        <v>391</v>
      </c>
      <c r="E76097" s="15">
        <v>45553</v>
      </c>
      <c r="F76097" s="14" t="s">
        <v>15</v>
      </c>
      <c r="G76097" s="16">
        <v>0</v>
      </c>
    </row>
    <row r="76098" spans="1:7" x14ac:dyDescent="0.3">
      <c r="A76098" s="13" t="s">
        <v>390</v>
      </c>
      <c r="B76098" s="14" t="s">
        <v>1</v>
      </c>
      <c r="C76098" s="14" t="s">
        <v>63</v>
      </c>
      <c r="D76098" s="14" t="s">
        <v>391</v>
      </c>
      <c r="E76098" s="15">
        <v>45554</v>
      </c>
      <c r="F76098" s="14" t="s">
        <v>15</v>
      </c>
      <c r="G76098" s="16">
        <v>0</v>
      </c>
    </row>
    <row r="76099" spans="1:7" x14ac:dyDescent="0.3">
      <c r="A76099" s="13" t="s">
        <v>390</v>
      </c>
      <c r="B76099" s="14" t="s">
        <v>1</v>
      </c>
      <c r="C76099" s="14" t="s">
        <v>63</v>
      </c>
      <c r="D76099" s="14" t="s">
        <v>391</v>
      </c>
      <c r="E76099" s="15">
        <v>45555</v>
      </c>
      <c r="F76099" s="14" t="s">
        <v>15</v>
      </c>
      <c r="G76099" s="16">
        <v>0</v>
      </c>
    </row>
    <row r="76100" spans="1:7" x14ac:dyDescent="0.3">
      <c r="A76100" s="13" t="s">
        <v>390</v>
      </c>
      <c r="B76100" s="14" t="s">
        <v>1</v>
      </c>
      <c r="C76100" s="14" t="s">
        <v>63</v>
      </c>
      <c r="D76100" s="14" t="s">
        <v>391</v>
      </c>
      <c r="E76100" s="15">
        <v>45556</v>
      </c>
      <c r="F76100" s="14" t="s">
        <v>15</v>
      </c>
      <c r="G76100" s="16">
        <v>0</v>
      </c>
    </row>
    <row r="76101" spans="1:7" x14ac:dyDescent="0.3">
      <c r="A76101" s="13" t="s">
        <v>390</v>
      </c>
      <c r="B76101" s="14" t="s">
        <v>1</v>
      </c>
      <c r="C76101" s="14" t="s">
        <v>63</v>
      </c>
      <c r="D76101" s="14" t="s">
        <v>391</v>
      </c>
      <c r="E76101" s="15">
        <v>45557</v>
      </c>
      <c r="F76101" s="14" t="s">
        <v>15</v>
      </c>
      <c r="G76101" s="16">
        <v>0</v>
      </c>
    </row>
    <row r="76102" spans="1:7" x14ac:dyDescent="0.3">
      <c r="A76102" s="13" t="s">
        <v>390</v>
      </c>
      <c r="B76102" s="14" t="s">
        <v>1</v>
      </c>
      <c r="C76102" s="14" t="s">
        <v>63</v>
      </c>
      <c r="D76102" s="14" t="s">
        <v>391</v>
      </c>
      <c r="E76102" s="15">
        <v>45558</v>
      </c>
      <c r="F76102" s="14" t="s">
        <v>15</v>
      </c>
      <c r="G76102" s="16">
        <v>0</v>
      </c>
    </row>
    <row r="76103" spans="1:7" x14ac:dyDescent="0.3">
      <c r="A76103" s="13" t="s">
        <v>390</v>
      </c>
      <c r="B76103" s="14" t="s">
        <v>1</v>
      </c>
      <c r="C76103" s="14" t="s">
        <v>63</v>
      </c>
      <c r="D76103" s="14" t="s">
        <v>391</v>
      </c>
      <c r="E76103" s="15">
        <v>45559</v>
      </c>
      <c r="F76103" s="14" t="s">
        <v>15</v>
      </c>
      <c r="G76103" s="16">
        <v>3.0734298254026973E-2</v>
      </c>
    </row>
    <row r="76104" spans="1:7" x14ac:dyDescent="0.3">
      <c r="A76104" s="13" t="s">
        <v>390</v>
      </c>
      <c r="B76104" s="14" t="s">
        <v>1</v>
      </c>
      <c r="C76104" s="14" t="s">
        <v>63</v>
      </c>
      <c r="D76104" s="14" t="s">
        <v>391</v>
      </c>
      <c r="E76104" s="15">
        <v>45560</v>
      </c>
      <c r="F76104" s="14" t="s">
        <v>15</v>
      </c>
      <c r="G76104" s="16">
        <v>4.2119069207710441E-2</v>
      </c>
    </row>
    <row r="76105" spans="1:7" x14ac:dyDescent="0.3">
      <c r="A76105" s="13" t="s">
        <v>390</v>
      </c>
      <c r="B76105" s="14" t="s">
        <v>1</v>
      </c>
      <c r="C76105" s="14" t="s">
        <v>63</v>
      </c>
      <c r="D76105" s="14" t="s">
        <v>391</v>
      </c>
      <c r="E76105" s="15">
        <v>45561</v>
      </c>
      <c r="F76105" s="14" t="s">
        <v>15</v>
      </c>
      <c r="G76105" s="16">
        <v>5.3068083099841463E-2</v>
      </c>
    </row>
    <row r="76106" spans="1:7" x14ac:dyDescent="0.3">
      <c r="A76106" s="13" t="s">
        <v>390</v>
      </c>
      <c r="B76106" s="14" t="s">
        <v>1</v>
      </c>
      <c r="C76106" s="14" t="s">
        <v>63</v>
      </c>
      <c r="D76106" s="14" t="s">
        <v>391</v>
      </c>
      <c r="E76106" s="15">
        <v>45562</v>
      </c>
      <c r="F76106" s="14" t="s">
        <v>15</v>
      </c>
      <c r="G76106" s="16">
        <v>6.8085816667232069E-2</v>
      </c>
    </row>
    <row r="76107" spans="1:7" x14ac:dyDescent="0.3">
      <c r="A76107" s="13" t="s">
        <v>390</v>
      </c>
      <c r="B76107" s="14" t="s">
        <v>1</v>
      </c>
      <c r="C76107" s="14" t="s">
        <v>63</v>
      </c>
      <c r="D76107" s="14" t="s">
        <v>391</v>
      </c>
      <c r="E76107" s="15">
        <v>45563</v>
      </c>
      <c r="F76107" s="14" t="s">
        <v>15</v>
      </c>
      <c r="G76107" s="16">
        <v>6.8085816667232069E-2</v>
      </c>
    </row>
    <row r="76108" spans="1:7" x14ac:dyDescent="0.3">
      <c r="A76108" s="13" t="s">
        <v>390</v>
      </c>
      <c r="B76108" s="14" t="s">
        <v>1</v>
      </c>
      <c r="C76108" s="14" t="s">
        <v>63</v>
      </c>
      <c r="D76108" s="14" t="s">
        <v>391</v>
      </c>
      <c r="E76108" s="15">
        <v>45564</v>
      </c>
      <c r="F76108" s="14" t="s">
        <v>15</v>
      </c>
      <c r="G76108" s="16">
        <v>6.8085816667232069E-2</v>
      </c>
    </row>
    <row r="76109" spans="1:7" x14ac:dyDescent="0.3">
      <c r="A76109" s="13" t="s">
        <v>390</v>
      </c>
      <c r="B76109" s="14" t="s">
        <v>1</v>
      </c>
      <c r="C76109" s="14" t="s">
        <v>63</v>
      </c>
      <c r="D76109" s="14" t="s">
        <v>391</v>
      </c>
      <c r="E76109" s="15">
        <v>45565</v>
      </c>
      <c r="F76109" s="14" t="s">
        <v>15</v>
      </c>
      <c r="G76109" s="16">
        <v>7.9837729328705878E-2</v>
      </c>
    </row>
    <row r="76110" spans="1:7" x14ac:dyDescent="0.3">
      <c r="A76110" s="13" t="s">
        <v>390</v>
      </c>
      <c r="B76110" s="14" t="s">
        <v>1</v>
      </c>
      <c r="C76110" s="14" t="s">
        <v>63</v>
      </c>
      <c r="D76110" s="14" t="s">
        <v>391</v>
      </c>
      <c r="E76110" s="15">
        <v>45566</v>
      </c>
      <c r="F76110" s="14" t="s">
        <v>15</v>
      </c>
      <c r="G76110" s="16">
        <v>7.9837729328705878E-2</v>
      </c>
    </row>
    <row r="76111" spans="1:7" x14ac:dyDescent="0.3">
      <c r="A76111" s="13" t="s">
        <v>390</v>
      </c>
      <c r="B76111" s="14" t="s">
        <v>1</v>
      </c>
      <c r="C76111" s="14" t="s">
        <v>63</v>
      </c>
      <c r="D76111" s="14" t="s">
        <v>391</v>
      </c>
      <c r="E76111" s="15">
        <v>45567</v>
      </c>
      <c r="F76111" s="14" t="s">
        <v>15</v>
      </c>
      <c r="G76111" s="16">
        <v>0</v>
      </c>
    </row>
    <row r="76112" spans="1:7" x14ac:dyDescent="0.3">
      <c r="A76112" s="13" t="s">
        <v>390</v>
      </c>
      <c r="B76112" s="14" t="s">
        <v>1</v>
      </c>
      <c r="C76112" s="14" t="s">
        <v>63</v>
      </c>
      <c r="D76112" s="14" t="s">
        <v>391</v>
      </c>
      <c r="E76112" s="15">
        <v>45568</v>
      </c>
      <c r="F76112" s="14" t="s">
        <v>15</v>
      </c>
      <c r="G76112" s="16">
        <v>0</v>
      </c>
    </row>
    <row r="76113" spans="1:7" x14ac:dyDescent="0.3">
      <c r="A76113" s="13" t="s">
        <v>390</v>
      </c>
      <c r="B76113" s="14" t="s">
        <v>1</v>
      </c>
      <c r="C76113" s="14" t="s">
        <v>63</v>
      </c>
      <c r="D76113" s="14" t="s">
        <v>391</v>
      </c>
      <c r="E76113" s="15">
        <v>45569</v>
      </c>
      <c r="F76113" s="14" t="s">
        <v>15</v>
      </c>
      <c r="G76113" s="16">
        <v>0</v>
      </c>
    </row>
    <row r="76114" spans="1:7" x14ac:dyDescent="0.3">
      <c r="A76114" s="13" t="s">
        <v>390</v>
      </c>
      <c r="B76114" s="14" t="s">
        <v>1</v>
      </c>
      <c r="C76114" s="14" t="s">
        <v>63</v>
      </c>
      <c r="D76114" s="14" t="s">
        <v>391</v>
      </c>
      <c r="E76114" s="15">
        <v>45570</v>
      </c>
      <c r="F76114" s="14" t="s">
        <v>15</v>
      </c>
      <c r="G76114" s="16">
        <v>0</v>
      </c>
    </row>
    <row r="76115" spans="1:7" x14ac:dyDescent="0.3">
      <c r="A76115" s="13" t="s">
        <v>390</v>
      </c>
      <c r="B76115" s="14" t="s">
        <v>1</v>
      </c>
      <c r="C76115" s="14" t="s">
        <v>63</v>
      </c>
      <c r="D76115" s="14" t="s">
        <v>391</v>
      </c>
      <c r="E76115" s="15">
        <v>45571</v>
      </c>
      <c r="F76115" s="14" t="s">
        <v>15</v>
      </c>
      <c r="G76115" s="16">
        <v>0</v>
      </c>
    </row>
    <row r="76116" spans="1:7" x14ac:dyDescent="0.3">
      <c r="A76116" s="13" t="s">
        <v>390</v>
      </c>
      <c r="B76116" s="14" t="s">
        <v>1</v>
      </c>
      <c r="C76116" s="14" t="s">
        <v>63</v>
      </c>
      <c r="D76116" s="14" t="s">
        <v>391</v>
      </c>
      <c r="E76116" s="15">
        <v>45572</v>
      </c>
      <c r="F76116" s="14" t="s">
        <v>15</v>
      </c>
      <c r="G76116" s="16">
        <v>0</v>
      </c>
    </row>
    <row r="76117" spans="1:7" x14ac:dyDescent="0.3">
      <c r="A76117" s="13" t="s">
        <v>390</v>
      </c>
      <c r="B76117" s="14" t="s">
        <v>1</v>
      </c>
      <c r="C76117" s="14" t="s">
        <v>63</v>
      </c>
      <c r="D76117" s="14" t="s">
        <v>391</v>
      </c>
      <c r="E76117" s="15">
        <v>45573</v>
      </c>
      <c r="F76117" s="14" t="s">
        <v>15</v>
      </c>
      <c r="G76117" s="16">
        <v>0</v>
      </c>
    </row>
    <row r="76118" spans="1:7" x14ac:dyDescent="0.3">
      <c r="A76118" s="13" t="s">
        <v>390</v>
      </c>
      <c r="B76118" s="14" t="s">
        <v>1</v>
      </c>
      <c r="C76118" s="14" t="s">
        <v>63</v>
      </c>
      <c r="D76118" s="14" t="s">
        <v>391</v>
      </c>
      <c r="E76118" s="15">
        <v>45574</v>
      </c>
      <c r="F76118" s="14" t="s">
        <v>15</v>
      </c>
      <c r="G76118" s="16">
        <v>0</v>
      </c>
    </row>
    <row r="76119" spans="1:7" x14ac:dyDescent="0.3">
      <c r="A76119" s="13" t="s">
        <v>390</v>
      </c>
      <c r="B76119" s="14" t="s">
        <v>1</v>
      </c>
      <c r="C76119" s="14" t="s">
        <v>63</v>
      </c>
      <c r="D76119" s="14" t="s">
        <v>391</v>
      </c>
      <c r="E76119" s="15">
        <v>45575</v>
      </c>
      <c r="F76119" s="14" t="s">
        <v>15</v>
      </c>
      <c r="G76119" s="16">
        <v>0</v>
      </c>
    </row>
    <row r="76120" spans="1:7" x14ac:dyDescent="0.3">
      <c r="A76120" s="13" t="s">
        <v>390</v>
      </c>
      <c r="B76120" s="14" t="s">
        <v>1</v>
      </c>
      <c r="C76120" s="14" t="s">
        <v>63</v>
      </c>
      <c r="D76120" s="14" t="s">
        <v>391</v>
      </c>
      <c r="E76120" s="15">
        <v>45576</v>
      </c>
      <c r="F76120" s="14" t="s">
        <v>15</v>
      </c>
      <c r="G76120" s="16">
        <v>0</v>
      </c>
    </row>
    <row r="76121" spans="1:7" x14ac:dyDescent="0.3">
      <c r="A76121" s="13" t="s">
        <v>390</v>
      </c>
      <c r="B76121" s="14" t="s">
        <v>1</v>
      </c>
      <c r="C76121" s="14" t="s">
        <v>63</v>
      </c>
      <c r="D76121" s="14" t="s">
        <v>391</v>
      </c>
      <c r="E76121" s="15">
        <v>45577</v>
      </c>
      <c r="F76121" s="14" t="s">
        <v>15</v>
      </c>
      <c r="G76121" s="16">
        <v>0</v>
      </c>
    </row>
    <row r="76122" spans="1:7" x14ac:dyDescent="0.3">
      <c r="A76122" s="13" t="s">
        <v>390</v>
      </c>
      <c r="B76122" s="14" t="s">
        <v>1</v>
      </c>
      <c r="C76122" s="14" t="s">
        <v>63</v>
      </c>
      <c r="D76122" s="14" t="s">
        <v>391</v>
      </c>
      <c r="E76122" s="15">
        <v>45578</v>
      </c>
      <c r="F76122" s="14" t="s">
        <v>15</v>
      </c>
      <c r="G76122" s="16">
        <v>0</v>
      </c>
    </row>
    <row r="76123" spans="1:7" x14ac:dyDescent="0.3">
      <c r="A76123" s="13" t="s">
        <v>390</v>
      </c>
      <c r="B76123" s="14" t="s">
        <v>1</v>
      </c>
      <c r="C76123" s="14" t="s">
        <v>63</v>
      </c>
      <c r="D76123" s="14" t="s">
        <v>391</v>
      </c>
      <c r="E76123" s="15">
        <v>45579</v>
      </c>
      <c r="F76123" s="14" t="s">
        <v>15</v>
      </c>
      <c r="G76123" s="16">
        <v>0</v>
      </c>
    </row>
    <row r="76124" spans="1:7" x14ac:dyDescent="0.3">
      <c r="A76124" s="13" t="s">
        <v>390</v>
      </c>
      <c r="B76124" s="14" t="s">
        <v>1</v>
      </c>
      <c r="C76124" s="14" t="s">
        <v>63</v>
      </c>
      <c r="D76124" s="14" t="s">
        <v>391</v>
      </c>
      <c r="E76124" s="15">
        <v>45580</v>
      </c>
      <c r="F76124" s="14" t="s">
        <v>15</v>
      </c>
      <c r="G76124" s="16">
        <v>0</v>
      </c>
    </row>
    <row r="76125" spans="1:7" x14ac:dyDescent="0.3">
      <c r="A76125" s="13" t="s">
        <v>390</v>
      </c>
      <c r="B76125" s="14" t="s">
        <v>1</v>
      </c>
      <c r="C76125" s="14" t="s">
        <v>63</v>
      </c>
      <c r="D76125" s="14" t="s">
        <v>391</v>
      </c>
      <c r="E76125" s="15">
        <v>45581</v>
      </c>
      <c r="F76125" s="14" t="s">
        <v>15</v>
      </c>
      <c r="G76125" s="16">
        <v>0</v>
      </c>
    </row>
    <row r="76126" spans="1:7" x14ac:dyDescent="0.3">
      <c r="A76126" s="13" t="s">
        <v>390</v>
      </c>
      <c r="B76126" s="14" t="s">
        <v>1</v>
      </c>
      <c r="C76126" s="14" t="s">
        <v>63</v>
      </c>
      <c r="D76126" s="14" t="s">
        <v>391</v>
      </c>
      <c r="E76126" s="15">
        <v>45582</v>
      </c>
      <c r="F76126" s="14" t="s">
        <v>15</v>
      </c>
      <c r="G76126" s="16">
        <v>0</v>
      </c>
    </row>
    <row r="76127" spans="1:7" x14ac:dyDescent="0.3">
      <c r="A76127" s="13" t="s">
        <v>390</v>
      </c>
      <c r="B76127" s="14" t="s">
        <v>1</v>
      </c>
      <c r="C76127" s="14" t="s">
        <v>63</v>
      </c>
      <c r="D76127" s="14" t="s">
        <v>391</v>
      </c>
      <c r="E76127" s="15">
        <v>45583</v>
      </c>
      <c r="F76127" s="14" t="s">
        <v>15</v>
      </c>
      <c r="G76127" s="16">
        <v>0</v>
      </c>
    </row>
    <row r="76128" spans="1:7" x14ac:dyDescent="0.3">
      <c r="A76128" s="13" t="s">
        <v>390</v>
      </c>
      <c r="B76128" s="14" t="s">
        <v>1</v>
      </c>
      <c r="C76128" s="14" t="s">
        <v>63</v>
      </c>
      <c r="D76128" s="14" t="s">
        <v>391</v>
      </c>
      <c r="E76128" s="15">
        <v>45584</v>
      </c>
      <c r="F76128" s="14" t="s">
        <v>15</v>
      </c>
      <c r="G76128" s="16">
        <v>0</v>
      </c>
    </row>
    <row r="76129" spans="1:7" x14ac:dyDescent="0.3">
      <c r="A76129" s="13" t="s">
        <v>390</v>
      </c>
      <c r="B76129" s="14" t="s">
        <v>1</v>
      </c>
      <c r="C76129" s="14" t="s">
        <v>63</v>
      </c>
      <c r="D76129" s="14" t="s">
        <v>391</v>
      </c>
      <c r="E76129" s="15">
        <v>45585</v>
      </c>
      <c r="F76129" s="14" t="s">
        <v>15</v>
      </c>
      <c r="G76129" s="16">
        <v>0</v>
      </c>
    </row>
    <row r="76130" spans="1:7" x14ac:dyDescent="0.3">
      <c r="A76130" s="13" t="s">
        <v>390</v>
      </c>
      <c r="B76130" s="14" t="s">
        <v>1</v>
      </c>
      <c r="C76130" s="14" t="s">
        <v>63</v>
      </c>
      <c r="D76130" s="14" t="s">
        <v>391</v>
      </c>
      <c r="E76130" s="15">
        <v>45586</v>
      </c>
      <c r="F76130" s="14" t="s">
        <v>15</v>
      </c>
      <c r="G76130" s="16">
        <v>0</v>
      </c>
    </row>
    <row r="76131" spans="1:7" x14ac:dyDescent="0.3">
      <c r="A76131" s="13" t="s">
        <v>390</v>
      </c>
      <c r="B76131" s="14" t="s">
        <v>1</v>
      </c>
      <c r="C76131" s="14" t="s">
        <v>63</v>
      </c>
      <c r="D76131" s="14" t="s">
        <v>391</v>
      </c>
      <c r="E76131" s="15">
        <v>45587</v>
      </c>
      <c r="F76131" s="14" t="s">
        <v>15</v>
      </c>
      <c r="G76131" s="16">
        <v>0</v>
      </c>
    </row>
    <row r="76132" spans="1:7" x14ac:dyDescent="0.3">
      <c r="A76132" s="13" t="s">
        <v>390</v>
      </c>
      <c r="B76132" s="14" t="s">
        <v>1</v>
      </c>
      <c r="C76132" s="14" t="s">
        <v>63</v>
      </c>
      <c r="D76132" s="14" t="s">
        <v>391</v>
      </c>
      <c r="E76132" s="15">
        <v>45588</v>
      </c>
      <c r="F76132" s="14" t="s">
        <v>15</v>
      </c>
      <c r="G76132" s="16">
        <v>0</v>
      </c>
    </row>
    <row r="76133" spans="1:7" x14ac:dyDescent="0.3">
      <c r="A76133" s="13" t="s">
        <v>390</v>
      </c>
      <c r="B76133" s="14" t="s">
        <v>1</v>
      </c>
      <c r="C76133" s="14" t="s">
        <v>63</v>
      </c>
      <c r="D76133" s="14" t="s">
        <v>391</v>
      </c>
      <c r="E76133" s="15">
        <v>45589</v>
      </c>
      <c r="F76133" s="14" t="s">
        <v>15</v>
      </c>
      <c r="G76133" s="16">
        <v>0</v>
      </c>
    </row>
    <row r="76134" spans="1:7" x14ac:dyDescent="0.3">
      <c r="A76134" s="13" t="s">
        <v>390</v>
      </c>
      <c r="B76134" s="14" t="s">
        <v>1</v>
      </c>
      <c r="C76134" s="14" t="s">
        <v>63</v>
      </c>
      <c r="D76134" s="14" t="s">
        <v>391</v>
      </c>
      <c r="E76134" s="15">
        <v>45590</v>
      </c>
      <c r="F76134" s="14" t="s">
        <v>15</v>
      </c>
      <c r="G76134" s="16">
        <v>1.0769007082323255E-2</v>
      </c>
    </row>
    <row r="76135" spans="1:7" x14ac:dyDescent="0.3">
      <c r="A76135" s="13" t="s">
        <v>390</v>
      </c>
      <c r="B76135" s="14" t="s">
        <v>1</v>
      </c>
      <c r="C76135" s="14" t="s">
        <v>63</v>
      </c>
      <c r="D76135" s="14" t="s">
        <v>391</v>
      </c>
      <c r="E76135" s="15">
        <v>45591</v>
      </c>
      <c r="F76135" s="14" t="s">
        <v>15</v>
      </c>
      <c r="G76135" s="16">
        <v>1.0769007082323255E-2</v>
      </c>
    </row>
    <row r="76136" spans="1:7" x14ac:dyDescent="0.3">
      <c r="A76136" s="13" t="s">
        <v>390</v>
      </c>
      <c r="B76136" s="14" t="s">
        <v>1</v>
      </c>
      <c r="C76136" s="14" t="s">
        <v>63</v>
      </c>
      <c r="D76136" s="14" t="s">
        <v>391</v>
      </c>
      <c r="E76136" s="15">
        <v>45592</v>
      </c>
      <c r="F76136" s="14" t="s">
        <v>15</v>
      </c>
      <c r="G76136" s="16">
        <v>1.0769007082323255E-2</v>
      </c>
    </row>
    <row r="76137" spans="1:7" x14ac:dyDescent="0.3">
      <c r="A76137" s="13" t="s">
        <v>390</v>
      </c>
      <c r="B76137" s="14" t="s">
        <v>1</v>
      </c>
      <c r="C76137" s="14" t="s">
        <v>63</v>
      </c>
      <c r="D76137" s="14" t="s">
        <v>391</v>
      </c>
      <c r="E76137" s="15">
        <v>45593</v>
      </c>
      <c r="F76137" s="14" t="s">
        <v>15</v>
      </c>
      <c r="G76137" s="16">
        <v>1.0769007082323255E-2</v>
      </c>
    </row>
    <row r="76138" spans="1:7" x14ac:dyDescent="0.3">
      <c r="A76138" s="13" t="s">
        <v>390</v>
      </c>
      <c r="B76138" s="14" t="s">
        <v>1</v>
      </c>
      <c r="C76138" s="14" t="s">
        <v>63</v>
      </c>
      <c r="D76138" s="14" t="s">
        <v>391</v>
      </c>
      <c r="E76138" s="15">
        <v>45594</v>
      </c>
      <c r="F76138" s="14" t="s">
        <v>15</v>
      </c>
      <c r="G76138" s="16">
        <v>2.4122186993953798E-2</v>
      </c>
    </row>
    <row r="76139" spans="1:7" x14ac:dyDescent="0.3">
      <c r="A76139" s="13" t="s">
        <v>390</v>
      </c>
      <c r="B76139" s="14" t="s">
        <v>1</v>
      </c>
      <c r="C76139" s="14" t="s">
        <v>63</v>
      </c>
      <c r="D76139" s="14" t="s">
        <v>391</v>
      </c>
      <c r="E76139" s="15">
        <v>45595</v>
      </c>
      <c r="F76139" s="14" t="s">
        <v>15</v>
      </c>
      <c r="G76139" s="16">
        <v>7.390764804949497E-2</v>
      </c>
    </row>
    <row r="76140" spans="1:7" x14ac:dyDescent="0.3">
      <c r="A76140" s="13" t="s">
        <v>390</v>
      </c>
      <c r="B76140" s="14" t="s">
        <v>1</v>
      </c>
      <c r="C76140" s="14" t="s">
        <v>63</v>
      </c>
      <c r="D76140" s="14" t="s">
        <v>391</v>
      </c>
      <c r="E76140" s="15">
        <v>45596</v>
      </c>
      <c r="F76140" s="14" t="s">
        <v>15</v>
      </c>
      <c r="G76140" s="16">
        <v>7.390764804949497E-2</v>
      </c>
    </row>
    <row r="76141" spans="1:7" x14ac:dyDescent="0.3">
      <c r="A76141" s="13" t="s">
        <v>390</v>
      </c>
      <c r="B76141" s="14" t="s">
        <v>1</v>
      </c>
      <c r="C76141" s="14" t="s">
        <v>63</v>
      </c>
      <c r="D76141" s="14" t="s">
        <v>391</v>
      </c>
      <c r="E76141" s="15">
        <v>45597</v>
      </c>
      <c r="F76141" s="14" t="s">
        <v>15</v>
      </c>
      <c r="G76141" s="16">
        <v>0</v>
      </c>
    </row>
    <row r="76142" spans="1:7" x14ac:dyDescent="0.3">
      <c r="A76142" s="13" t="s">
        <v>390</v>
      </c>
      <c r="B76142" s="14" t="s">
        <v>1</v>
      </c>
      <c r="C76142" s="14" t="s">
        <v>63</v>
      </c>
      <c r="D76142" s="14" t="s">
        <v>391</v>
      </c>
      <c r="E76142" s="15">
        <v>45598</v>
      </c>
      <c r="F76142" s="14" t="s">
        <v>15</v>
      </c>
      <c r="G76142" s="16">
        <v>0</v>
      </c>
    </row>
    <row r="76143" spans="1:7" x14ac:dyDescent="0.3">
      <c r="A76143" s="13" t="s">
        <v>390</v>
      </c>
      <c r="B76143" s="14" t="s">
        <v>1</v>
      </c>
      <c r="C76143" s="14" t="s">
        <v>63</v>
      </c>
      <c r="D76143" s="14" t="s">
        <v>391</v>
      </c>
      <c r="E76143" s="15">
        <v>45599</v>
      </c>
      <c r="F76143" s="14" t="s">
        <v>15</v>
      </c>
      <c r="G76143" s="16">
        <v>0</v>
      </c>
    </row>
    <row r="76144" spans="1:7" x14ac:dyDescent="0.3">
      <c r="A76144" s="13" t="s">
        <v>390</v>
      </c>
      <c r="B76144" s="14" t="s">
        <v>1</v>
      </c>
      <c r="C76144" s="14" t="s">
        <v>63</v>
      </c>
      <c r="D76144" s="14" t="s">
        <v>391</v>
      </c>
      <c r="E76144" s="15">
        <v>45600</v>
      </c>
      <c r="F76144" s="14" t="s">
        <v>15</v>
      </c>
      <c r="G76144" s="16">
        <v>0</v>
      </c>
    </row>
    <row r="76145" spans="1:7" x14ac:dyDescent="0.3">
      <c r="A76145" s="13" t="s">
        <v>390</v>
      </c>
      <c r="B76145" s="14" t="s">
        <v>1</v>
      </c>
      <c r="C76145" s="14" t="s">
        <v>63</v>
      </c>
      <c r="D76145" s="14" t="s">
        <v>391</v>
      </c>
      <c r="E76145" s="15">
        <v>45601</v>
      </c>
      <c r="F76145" s="14" t="s">
        <v>15</v>
      </c>
      <c r="G76145" s="16">
        <v>0</v>
      </c>
    </row>
    <row r="76146" spans="1:7" x14ac:dyDescent="0.3">
      <c r="A76146" s="13" t="s">
        <v>390</v>
      </c>
      <c r="B76146" s="14" t="s">
        <v>1</v>
      </c>
      <c r="C76146" s="14" t="s">
        <v>63</v>
      </c>
      <c r="D76146" s="14" t="s">
        <v>391</v>
      </c>
      <c r="E76146" s="15">
        <v>45602</v>
      </c>
      <c r="F76146" s="14" t="s">
        <v>15</v>
      </c>
      <c r="G76146" s="16">
        <v>0</v>
      </c>
    </row>
    <row r="76147" spans="1:7" x14ac:dyDescent="0.3">
      <c r="A76147" s="13" t="s">
        <v>390</v>
      </c>
      <c r="B76147" s="14" t="s">
        <v>1</v>
      </c>
      <c r="C76147" s="14" t="s">
        <v>63</v>
      </c>
      <c r="D76147" s="14" t="s">
        <v>391</v>
      </c>
      <c r="E76147" s="15">
        <v>45603</v>
      </c>
      <c r="F76147" s="14" t="s">
        <v>15</v>
      </c>
      <c r="G76147" s="16">
        <v>0</v>
      </c>
    </row>
    <row r="76148" spans="1:7" x14ac:dyDescent="0.3">
      <c r="A76148" s="13" t="s">
        <v>390</v>
      </c>
      <c r="B76148" s="14" t="s">
        <v>1</v>
      </c>
      <c r="C76148" s="14" t="s">
        <v>63</v>
      </c>
      <c r="D76148" s="14" t="s">
        <v>391</v>
      </c>
      <c r="E76148" s="15">
        <v>45604</v>
      </c>
      <c r="F76148" s="14" t="s">
        <v>15</v>
      </c>
      <c r="G76148" s="16">
        <v>0</v>
      </c>
    </row>
    <row r="76149" spans="1:7" x14ac:dyDescent="0.3">
      <c r="A76149" s="13" t="s">
        <v>390</v>
      </c>
      <c r="B76149" s="14" t="s">
        <v>1</v>
      </c>
      <c r="C76149" s="14" t="s">
        <v>63</v>
      </c>
      <c r="D76149" s="14" t="s">
        <v>391</v>
      </c>
      <c r="E76149" s="15">
        <v>45605</v>
      </c>
      <c r="F76149" s="14" t="s">
        <v>15</v>
      </c>
      <c r="G76149" s="16">
        <v>0</v>
      </c>
    </row>
    <row r="76150" spans="1:7" x14ac:dyDescent="0.3">
      <c r="A76150" s="13" t="s">
        <v>390</v>
      </c>
      <c r="B76150" s="14" t="s">
        <v>1</v>
      </c>
      <c r="C76150" s="14" t="s">
        <v>63</v>
      </c>
      <c r="D76150" s="14" t="s">
        <v>391</v>
      </c>
      <c r="E76150" s="15">
        <v>45606</v>
      </c>
      <c r="F76150" s="14" t="s">
        <v>15</v>
      </c>
      <c r="G76150" s="16">
        <v>0</v>
      </c>
    </row>
    <row r="76151" spans="1:7" x14ac:dyDescent="0.3">
      <c r="A76151" s="13" t="s">
        <v>390</v>
      </c>
      <c r="B76151" s="14" t="s">
        <v>1</v>
      </c>
      <c r="C76151" s="14" t="s">
        <v>63</v>
      </c>
      <c r="D76151" s="14" t="s">
        <v>391</v>
      </c>
      <c r="E76151" s="15">
        <v>45607</v>
      </c>
      <c r="F76151" s="14" t="s">
        <v>15</v>
      </c>
      <c r="G76151" s="16">
        <v>0</v>
      </c>
    </row>
    <row r="76152" spans="1:7" x14ac:dyDescent="0.3">
      <c r="A76152" s="13" t="s">
        <v>390</v>
      </c>
      <c r="B76152" s="14" t="s">
        <v>1</v>
      </c>
      <c r="C76152" s="14" t="s">
        <v>63</v>
      </c>
      <c r="D76152" s="14" t="s">
        <v>391</v>
      </c>
      <c r="E76152" s="15">
        <v>45608</v>
      </c>
      <c r="F76152" s="14" t="s">
        <v>15</v>
      </c>
      <c r="G76152" s="16">
        <v>0</v>
      </c>
    </row>
    <row r="76153" spans="1:7" x14ac:dyDescent="0.3">
      <c r="A76153" s="13" t="s">
        <v>390</v>
      </c>
      <c r="B76153" s="14" t="s">
        <v>1</v>
      </c>
      <c r="C76153" s="14" t="s">
        <v>63</v>
      </c>
      <c r="D76153" s="14" t="s">
        <v>391</v>
      </c>
      <c r="E76153" s="15">
        <v>45609</v>
      </c>
      <c r="F76153" s="14" t="s">
        <v>15</v>
      </c>
      <c r="G76153" s="16">
        <v>0</v>
      </c>
    </row>
    <row r="76154" spans="1:7" x14ac:dyDescent="0.3">
      <c r="A76154" s="13" t="s">
        <v>390</v>
      </c>
      <c r="B76154" s="14" t="s">
        <v>1</v>
      </c>
      <c r="C76154" s="14" t="s">
        <v>63</v>
      </c>
      <c r="D76154" s="14" t="s">
        <v>391</v>
      </c>
      <c r="E76154" s="15">
        <v>45610</v>
      </c>
      <c r="F76154" s="14" t="s">
        <v>15</v>
      </c>
      <c r="G76154" s="16">
        <v>0</v>
      </c>
    </row>
    <row r="76155" spans="1:7" x14ac:dyDescent="0.3">
      <c r="A76155" s="13" t="s">
        <v>390</v>
      </c>
      <c r="B76155" s="14" t="s">
        <v>1</v>
      </c>
      <c r="C76155" s="14" t="s">
        <v>63</v>
      </c>
      <c r="D76155" s="14" t="s">
        <v>391</v>
      </c>
      <c r="E76155" s="15">
        <v>45611</v>
      </c>
      <c r="F76155" s="14" t="s">
        <v>15</v>
      </c>
      <c r="G76155" s="16">
        <v>0</v>
      </c>
    </row>
    <row r="76156" spans="1:7" x14ac:dyDescent="0.3">
      <c r="A76156" s="13" t="s">
        <v>390</v>
      </c>
      <c r="B76156" s="14" t="s">
        <v>1</v>
      </c>
      <c r="C76156" s="14" t="s">
        <v>63</v>
      </c>
      <c r="D76156" s="14" t="s">
        <v>391</v>
      </c>
      <c r="E76156" s="15">
        <v>45612</v>
      </c>
      <c r="F76156" s="14" t="s">
        <v>15</v>
      </c>
      <c r="G76156" s="16">
        <v>0</v>
      </c>
    </row>
    <row r="76157" spans="1:7" x14ac:dyDescent="0.3">
      <c r="A76157" s="13" t="s">
        <v>390</v>
      </c>
      <c r="B76157" s="14" t="s">
        <v>1</v>
      </c>
      <c r="C76157" s="14" t="s">
        <v>63</v>
      </c>
      <c r="D76157" s="14" t="s">
        <v>391</v>
      </c>
      <c r="E76157" s="15">
        <v>45613</v>
      </c>
      <c r="F76157" s="14" t="s">
        <v>15</v>
      </c>
      <c r="G76157" s="16">
        <v>0</v>
      </c>
    </row>
    <row r="76158" spans="1:7" x14ac:dyDescent="0.3">
      <c r="A76158" s="13" t="s">
        <v>390</v>
      </c>
      <c r="B76158" s="14" t="s">
        <v>1</v>
      </c>
      <c r="C76158" s="14" t="s">
        <v>63</v>
      </c>
      <c r="D76158" s="14" t="s">
        <v>391</v>
      </c>
      <c r="E76158" s="15">
        <v>45614</v>
      </c>
      <c r="F76158" s="14" t="s">
        <v>15</v>
      </c>
      <c r="G76158" s="16">
        <v>0</v>
      </c>
    </row>
    <row r="76159" spans="1:7" x14ac:dyDescent="0.3">
      <c r="A76159" s="13" t="s">
        <v>390</v>
      </c>
      <c r="B76159" s="14" t="s">
        <v>1</v>
      </c>
      <c r="C76159" s="14" t="s">
        <v>63</v>
      </c>
      <c r="D76159" s="14" t="s">
        <v>391</v>
      </c>
      <c r="E76159" s="15">
        <v>45615</v>
      </c>
      <c r="F76159" s="14" t="s">
        <v>15</v>
      </c>
      <c r="G76159" s="16">
        <v>0</v>
      </c>
    </row>
    <row r="76160" spans="1:7" x14ac:dyDescent="0.3">
      <c r="A76160" s="13" t="s">
        <v>390</v>
      </c>
      <c r="B76160" s="14" t="s">
        <v>1</v>
      </c>
      <c r="C76160" s="14" t="s">
        <v>63</v>
      </c>
      <c r="D76160" s="14" t="s">
        <v>391</v>
      </c>
      <c r="E76160" s="15">
        <v>45616</v>
      </c>
      <c r="F76160" s="14" t="s">
        <v>15</v>
      </c>
      <c r="G76160" s="16">
        <v>0</v>
      </c>
    </row>
    <row r="76161" spans="1:7" x14ac:dyDescent="0.3">
      <c r="A76161" s="13" t="s">
        <v>390</v>
      </c>
      <c r="B76161" s="14" t="s">
        <v>1</v>
      </c>
      <c r="C76161" s="14" t="s">
        <v>63</v>
      </c>
      <c r="D76161" s="14" t="s">
        <v>391</v>
      </c>
      <c r="E76161" s="15">
        <v>45617</v>
      </c>
      <c r="F76161" s="14" t="s">
        <v>15</v>
      </c>
      <c r="G76161" s="16">
        <v>0</v>
      </c>
    </row>
    <row r="76162" spans="1:7" x14ac:dyDescent="0.3">
      <c r="A76162" s="13" t="s">
        <v>390</v>
      </c>
      <c r="B76162" s="14" t="s">
        <v>1</v>
      </c>
      <c r="C76162" s="14" t="s">
        <v>63</v>
      </c>
      <c r="D76162" s="14" t="s">
        <v>391</v>
      </c>
      <c r="E76162" s="15">
        <v>45618</v>
      </c>
      <c r="F76162" s="14" t="s">
        <v>15</v>
      </c>
      <c r="G76162" s="16">
        <v>0</v>
      </c>
    </row>
    <row r="76163" spans="1:7" x14ac:dyDescent="0.3">
      <c r="A76163" s="13" t="s">
        <v>390</v>
      </c>
      <c r="B76163" s="14" t="s">
        <v>1</v>
      </c>
      <c r="C76163" s="14" t="s">
        <v>63</v>
      </c>
      <c r="D76163" s="14" t="s">
        <v>391</v>
      </c>
      <c r="E76163" s="15">
        <v>45619</v>
      </c>
      <c r="F76163" s="14" t="s">
        <v>15</v>
      </c>
      <c r="G76163" s="16">
        <v>0</v>
      </c>
    </row>
    <row r="76164" spans="1:7" x14ac:dyDescent="0.3">
      <c r="A76164" s="13" t="s">
        <v>390</v>
      </c>
      <c r="B76164" s="14" t="s">
        <v>1</v>
      </c>
      <c r="C76164" s="14" t="s">
        <v>63</v>
      </c>
      <c r="D76164" s="14" t="s">
        <v>391</v>
      </c>
      <c r="E76164" s="15">
        <v>45620</v>
      </c>
      <c r="F76164" s="14" t="s">
        <v>15</v>
      </c>
      <c r="G76164" s="16">
        <v>0</v>
      </c>
    </row>
    <row r="76165" spans="1:7" x14ac:dyDescent="0.3">
      <c r="A76165" s="13" t="s">
        <v>390</v>
      </c>
      <c r="B76165" s="14" t="s">
        <v>1</v>
      </c>
      <c r="C76165" s="14" t="s">
        <v>63</v>
      </c>
      <c r="D76165" s="14" t="s">
        <v>391</v>
      </c>
      <c r="E76165" s="15">
        <v>45621</v>
      </c>
      <c r="F76165" s="14" t="s">
        <v>15</v>
      </c>
      <c r="G76165" s="16">
        <v>0</v>
      </c>
    </row>
    <row r="76166" spans="1:7" x14ac:dyDescent="0.3">
      <c r="A76166" s="13" t="s">
        <v>390</v>
      </c>
      <c r="B76166" s="14" t="s">
        <v>1</v>
      </c>
      <c r="C76166" s="14" t="s">
        <v>63</v>
      </c>
      <c r="D76166" s="14" t="s">
        <v>391</v>
      </c>
      <c r="E76166" s="15">
        <v>45622</v>
      </c>
      <c r="F76166" s="14" t="s">
        <v>15</v>
      </c>
      <c r="G76166" s="16">
        <v>0</v>
      </c>
    </row>
    <row r="76167" spans="1:7" x14ac:dyDescent="0.3">
      <c r="A76167" s="13" t="s">
        <v>390</v>
      </c>
      <c r="B76167" s="14" t="s">
        <v>1</v>
      </c>
      <c r="C76167" s="14" t="s">
        <v>63</v>
      </c>
      <c r="D76167" s="14" t="s">
        <v>391</v>
      </c>
      <c r="E76167" s="15">
        <v>45623</v>
      </c>
      <c r="F76167" s="14" t="s">
        <v>15</v>
      </c>
      <c r="G76167" s="16">
        <v>0</v>
      </c>
    </row>
    <row r="76168" spans="1:7" x14ac:dyDescent="0.3">
      <c r="A76168" s="13" t="s">
        <v>390</v>
      </c>
      <c r="B76168" s="14" t="s">
        <v>1</v>
      </c>
      <c r="C76168" s="14" t="s">
        <v>63</v>
      </c>
      <c r="D76168" s="14" t="s">
        <v>391</v>
      </c>
      <c r="E76168" s="15">
        <v>45624</v>
      </c>
      <c r="F76168" s="14" t="s">
        <v>15</v>
      </c>
      <c r="G76168" s="16">
        <v>0</v>
      </c>
    </row>
    <row r="76169" spans="1:7" x14ac:dyDescent="0.3">
      <c r="A76169" s="13" t="s">
        <v>390</v>
      </c>
      <c r="B76169" s="14" t="s">
        <v>1</v>
      </c>
      <c r="C76169" s="14" t="s">
        <v>63</v>
      </c>
      <c r="D76169" s="14" t="s">
        <v>391</v>
      </c>
      <c r="E76169" s="15">
        <v>45625</v>
      </c>
      <c r="F76169" s="14" t="s">
        <v>15</v>
      </c>
      <c r="G76169" s="16">
        <v>5.8388061753053399E-3</v>
      </c>
    </row>
    <row r="76170" spans="1:7" x14ac:dyDescent="0.3">
      <c r="A76170" s="13" t="s">
        <v>390</v>
      </c>
      <c r="B76170" s="14" t="s">
        <v>1</v>
      </c>
      <c r="C76170" s="14" t="s">
        <v>63</v>
      </c>
      <c r="D76170" s="14" t="s">
        <v>391</v>
      </c>
      <c r="E76170" s="15">
        <v>45626</v>
      </c>
      <c r="F76170" s="14" t="s">
        <v>15</v>
      </c>
      <c r="G76170" s="16">
        <v>5.8388061753053399E-3</v>
      </c>
    </row>
    <row r="76171" spans="1:7" x14ac:dyDescent="0.3">
      <c r="A76171" s="13" t="s">
        <v>390</v>
      </c>
      <c r="B76171" s="14" t="s">
        <v>1</v>
      </c>
      <c r="C76171" s="14" t="s">
        <v>63</v>
      </c>
      <c r="D76171" s="14" t="s">
        <v>391</v>
      </c>
      <c r="E76171" s="15">
        <v>45627</v>
      </c>
      <c r="F76171" s="14" t="s">
        <v>15</v>
      </c>
      <c r="G76171" s="16">
        <v>5.8388061753053399E-3</v>
      </c>
    </row>
    <row r="76172" spans="1:7" x14ac:dyDescent="0.3">
      <c r="A76172" s="13" t="s">
        <v>390</v>
      </c>
      <c r="B76172" s="14" t="s">
        <v>1</v>
      </c>
      <c r="C76172" s="14" t="s">
        <v>63</v>
      </c>
      <c r="D76172" s="14" t="s">
        <v>391</v>
      </c>
      <c r="E76172" s="15">
        <v>45628</v>
      </c>
      <c r="F76172" s="14" t="s">
        <v>15</v>
      </c>
      <c r="G76172" s="16">
        <v>0</v>
      </c>
    </row>
    <row r="76173" spans="1:7" x14ac:dyDescent="0.3">
      <c r="A76173" s="13" t="s">
        <v>390</v>
      </c>
      <c r="B76173" s="14" t="s">
        <v>1</v>
      </c>
      <c r="C76173" s="14" t="s">
        <v>63</v>
      </c>
      <c r="D76173" s="14" t="s">
        <v>391</v>
      </c>
      <c r="E76173" s="15">
        <v>45629</v>
      </c>
      <c r="F76173" s="14" t="s">
        <v>15</v>
      </c>
      <c r="G76173" s="16">
        <v>0</v>
      </c>
    </row>
    <row r="76174" spans="1:7" x14ac:dyDescent="0.3">
      <c r="A76174" s="13" t="s">
        <v>390</v>
      </c>
      <c r="B76174" s="14" t="s">
        <v>1</v>
      </c>
      <c r="C76174" s="14" t="s">
        <v>63</v>
      </c>
      <c r="D76174" s="14" t="s">
        <v>391</v>
      </c>
      <c r="E76174" s="15">
        <v>45630</v>
      </c>
      <c r="F76174" s="14" t="s">
        <v>15</v>
      </c>
      <c r="G76174" s="16">
        <v>0</v>
      </c>
    </row>
    <row r="76175" spans="1:7" x14ac:dyDescent="0.3">
      <c r="A76175" s="13" t="s">
        <v>390</v>
      </c>
      <c r="B76175" s="14" t="s">
        <v>1</v>
      </c>
      <c r="C76175" s="14" t="s">
        <v>63</v>
      </c>
      <c r="D76175" s="14" t="s">
        <v>391</v>
      </c>
      <c r="E76175" s="15">
        <v>45631</v>
      </c>
      <c r="F76175" s="14" t="s">
        <v>15</v>
      </c>
      <c r="G76175" s="16">
        <v>0</v>
      </c>
    </row>
    <row r="76176" spans="1:7" x14ac:dyDescent="0.3">
      <c r="A76176" s="13" t="s">
        <v>390</v>
      </c>
      <c r="B76176" s="14" t="s">
        <v>1</v>
      </c>
      <c r="C76176" s="14" t="s">
        <v>63</v>
      </c>
      <c r="D76176" s="14" t="s">
        <v>391</v>
      </c>
      <c r="E76176" s="15">
        <v>45632</v>
      </c>
      <c r="F76176" s="14" t="s">
        <v>15</v>
      </c>
      <c r="G76176" s="16">
        <v>0</v>
      </c>
    </row>
    <row r="76177" spans="1:7" x14ac:dyDescent="0.3">
      <c r="A76177" s="13" t="s">
        <v>390</v>
      </c>
      <c r="B76177" s="14" t="s">
        <v>1</v>
      </c>
      <c r="C76177" s="14" t="s">
        <v>63</v>
      </c>
      <c r="D76177" s="14" t="s">
        <v>391</v>
      </c>
      <c r="E76177" s="15">
        <v>45633</v>
      </c>
      <c r="F76177" s="14" t="s">
        <v>15</v>
      </c>
      <c r="G76177" s="16">
        <v>0</v>
      </c>
    </row>
    <row r="76178" spans="1:7" x14ac:dyDescent="0.3">
      <c r="A76178" s="13" t="s">
        <v>390</v>
      </c>
      <c r="B76178" s="14" t="s">
        <v>1</v>
      </c>
      <c r="C76178" s="14" t="s">
        <v>63</v>
      </c>
      <c r="D76178" s="14" t="s">
        <v>391</v>
      </c>
      <c r="E76178" s="15">
        <v>45634</v>
      </c>
      <c r="F76178" s="14" t="s">
        <v>15</v>
      </c>
      <c r="G76178" s="16">
        <v>0</v>
      </c>
    </row>
    <row r="76179" spans="1:7" x14ac:dyDescent="0.3">
      <c r="A76179" s="13" t="s">
        <v>390</v>
      </c>
      <c r="B76179" s="14" t="s">
        <v>1</v>
      </c>
      <c r="C76179" s="14" t="s">
        <v>63</v>
      </c>
      <c r="D76179" s="14" t="s">
        <v>391</v>
      </c>
      <c r="E76179" s="15">
        <v>45635</v>
      </c>
      <c r="F76179" s="14" t="s">
        <v>15</v>
      </c>
      <c r="G76179" s="16">
        <v>0</v>
      </c>
    </row>
    <row r="76180" spans="1:7" x14ac:dyDescent="0.3">
      <c r="A76180" s="13" t="s">
        <v>390</v>
      </c>
      <c r="B76180" s="14" t="s">
        <v>1</v>
      </c>
      <c r="C76180" s="14" t="s">
        <v>63</v>
      </c>
      <c r="D76180" s="14" t="s">
        <v>391</v>
      </c>
      <c r="E76180" s="15">
        <v>45636</v>
      </c>
      <c r="F76180" s="14" t="s">
        <v>15</v>
      </c>
      <c r="G76180" s="16">
        <v>0</v>
      </c>
    </row>
    <row r="76181" spans="1:7" x14ac:dyDescent="0.3">
      <c r="A76181" s="13" t="s">
        <v>390</v>
      </c>
      <c r="B76181" s="14" t="s">
        <v>1</v>
      </c>
      <c r="C76181" s="14" t="s">
        <v>63</v>
      </c>
      <c r="D76181" s="14" t="s">
        <v>391</v>
      </c>
      <c r="E76181" s="15">
        <v>45637</v>
      </c>
      <c r="F76181" s="14" t="s">
        <v>15</v>
      </c>
      <c r="G76181" s="16">
        <v>0</v>
      </c>
    </row>
    <row r="76182" spans="1:7" x14ac:dyDescent="0.3">
      <c r="A76182" s="13" t="s">
        <v>390</v>
      </c>
      <c r="B76182" s="14" t="s">
        <v>1</v>
      </c>
      <c r="C76182" s="14" t="s">
        <v>63</v>
      </c>
      <c r="D76182" s="14" t="s">
        <v>391</v>
      </c>
      <c r="E76182" s="15">
        <v>45638</v>
      </c>
      <c r="F76182" s="14" t="s">
        <v>15</v>
      </c>
      <c r="G76182" s="16">
        <v>0</v>
      </c>
    </row>
    <row r="76183" spans="1:7" x14ac:dyDescent="0.3">
      <c r="A76183" s="13" t="s">
        <v>390</v>
      </c>
      <c r="B76183" s="14" t="s">
        <v>1</v>
      </c>
      <c r="C76183" s="14" t="s">
        <v>63</v>
      </c>
      <c r="D76183" s="14" t="s">
        <v>391</v>
      </c>
      <c r="E76183" s="15">
        <v>45639</v>
      </c>
      <c r="F76183" s="14" t="s">
        <v>15</v>
      </c>
      <c r="G76183" s="16">
        <v>0</v>
      </c>
    </row>
    <row r="76184" spans="1:7" x14ac:dyDescent="0.3">
      <c r="A76184" s="13" t="s">
        <v>390</v>
      </c>
      <c r="B76184" s="14" t="s">
        <v>1</v>
      </c>
      <c r="C76184" s="14" t="s">
        <v>63</v>
      </c>
      <c r="D76184" s="14" t="s">
        <v>391</v>
      </c>
      <c r="E76184" s="15">
        <v>45640</v>
      </c>
      <c r="F76184" s="14" t="s">
        <v>15</v>
      </c>
      <c r="G76184" s="16">
        <v>0</v>
      </c>
    </row>
    <row r="76185" spans="1:7" x14ac:dyDescent="0.3">
      <c r="A76185" s="13" t="s">
        <v>390</v>
      </c>
      <c r="B76185" s="14" t="s">
        <v>1</v>
      </c>
      <c r="C76185" s="14" t="s">
        <v>63</v>
      </c>
      <c r="D76185" s="14" t="s">
        <v>391</v>
      </c>
      <c r="E76185" s="15">
        <v>45641</v>
      </c>
      <c r="F76185" s="14" t="s">
        <v>15</v>
      </c>
      <c r="G76185" s="16">
        <v>0</v>
      </c>
    </row>
    <row r="76186" spans="1:7" x14ac:dyDescent="0.3">
      <c r="A76186" s="13" t="s">
        <v>390</v>
      </c>
      <c r="B76186" s="14" t="s">
        <v>1</v>
      </c>
      <c r="C76186" s="14" t="s">
        <v>63</v>
      </c>
      <c r="D76186" s="14" t="s">
        <v>391</v>
      </c>
      <c r="E76186" s="15">
        <v>45642</v>
      </c>
      <c r="F76186" s="14" t="s">
        <v>15</v>
      </c>
      <c r="G76186" s="16">
        <v>0</v>
      </c>
    </row>
    <row r="76187" spans="1:7" x14ac:dyDescent="0.3">
      <c r="A76187" s="13" t="s">
        <v>390</v>
      </c>
      <c r="B76187" s="14" t="s">
        <v>1</v>
      </c>
      <c r="C76187" s="14" t="s">
        <v>63</v>
      </c>
      <c r="D76187" s="14" t="s">
        <v>391</v>
      </c>
      <c r="E76187" s="15">
        <v>45643</v>
      </c>
      <c r="F76187" s="14" t="s">
        <v>15</v>
      </c>
      <c r="G76187" s="16">
        <v>0</v>
      </c>
    </row>
    <row r="76188" spans="1:7" x14ac:dyDescent="0.3">
      <c r="A76188" s="13" t="s">
        <v>390</v>
      </c>
      <c r="B76188" s="14" t="s">
        <v>1</v>
      </c>
      <c r="C76188" s="14" t="s">
        <v>63</v>
      </c>
      <c r="D76188" s="14" t="s">
        <v>391</v>
      </c>
      <c r="E76188" s="15">
        <v>45644</v>
      </c>
      <c r="F76188" s="14" t="s">
        <v>15</v>
      </c>
      <c r="G76188" s="16">
        <v>0</v>
      </c>
    </row>
    <row r="76189" spans="1:7" x14ac:dyDescent="0.3">
      <c r="A76189" s="13" t="s">
        <v>390</v>
      </c>
      <c r="B76189" s="14" t="s">
        <v>1</v>
      </c>
      <c r="C76189" s="14" t="s">
        <v>63</v>
      </c>
      <c r="D76189" s="14" t="s">
        <v>391</v>
      </c>
      <c r="E76189" s="15">
        <v>45645</v>
      </c>
      <c r="F76189" s="14" t="s">
        <v>15</v>
      </c>
      <c r="G76189" s="16">
        <v>0</v>
      </c>
    </row>
    <row r="76190" spans="1:7" x14ac:dyDescent="0.3">
      <c r="A76190" s="13" t="s">
        <v>390</v>
      </c>
      <c r="B76190" s="14" t="s">
        <v>1</v>
      </c>
      <c r="C76190" s="14" t="s">
        <v>63</v>
      </c>
      <c r="D76190" s="14" t="s">
        <v>391</v>
      </c>
      <c r="E76190" s="15">
        <v>45646</v>
      </c>
      <c r="F76190" s="14" t="s">
        <v>15</v>
      </c>
      <c r="G76190" s="16">
        <v>0</v>
      </c>
    </row>
    <row r="76191" spans="1:7" x14ac:dyDescent="0.3">
      <c r="A76191" s="13" t="s">
        <v>390</v>
      </c>
      <c r="B76191" s="14" t="s">
        <v>1</v>
      </c>
      <c r="C76191" s="14" t="s">
        <v>63</v>
      </c>
      <c r="D76191" s="14" t="s">
        <v>391</v>
      </c>
      <c r="E76191" s="15">
        <v>45647</v>
      </c>
      <c r="F76191" s="14" t="s">
        <v>15</v>
      </c>
      <c r="G76191" s="16">
        <v>0</v>
      </c>
    </row>
    <row r="76192" spans="1:7" x14ac:dyDescent="0.3">
      <c r="A76192" s="13" t="s">
        <v>390</v>
      </c>
      <c r="B76192" s="14" t="s">
        <v>1</v>
      </c>
      <c r="C76192" s="14" t="s">
        <v>63</v>
      </c>
      <c r="D76192" s="14" t="s">
        <v>391</v>
      </c>
      <c r="E76192" s="15">
        <v>45648</v>
      </c>
      <c r="F76192" s="14" t="s">
        <v>15</v>
      </c>
      <c r="G76192" s="16">
        <v>0</v>
      </c>
    </row>
    <row r="76193" spans="1:7" x14ac:dyDescent="0.3">
      <c r="A76193" s="13" t="s">
        <v>390</v>
      </c>
      <c r="B76193" s="14" t="s">
        <v>1</v>
      </c>
      <c r="C76193" s="14" t="s">
        <v>63</v>
      </c>
      <c r="D76193" s="14" t="s">
        <v>391</v>
      </c>
      <c r="E76193" s="15">
        <v>45649</v>
      </c>
      <c r="F76193" s="14" t="s">
        <v>15</v>
      </c>
      <c r="G76193" s="16">
        <v>0</v>
      </c>
    </row>
    <row r="76194" spans="1:7" x14ac:dyDescent="0.3">
      <c r="A76194" s="13" t="s">
        <v>390</v>
      </c>
      <c r="B76194" s="14" t="s">
        <v>1</v>
      </c>
      <c r="C76194" s="14" t="s">
        <v>63</v>
      </c>
      <c r="D76194" s="14" t="s">
        <v>391</v>
      </c>
      <c r="E76194" s="15">
        <v>45650</v>
      </c>
      <c r="F76194" s="14" t="s">
        <v>15</v>
      </c>
      <c r="G76194" s="16">
        <v>0</v>
      </c>
    </row>
    <row r="76195" spans="1:7" x14ac:dyDescent="0.3">
      <c r="A76195" s="13" t="s">
        <v>390</v>
      </c>
      <c r="B76195" s="14" t="s">
        <v>1</v>
      </c>
      <c r="C76195" s="14" t="s">
        <v>63</v>
      </c>
      <c r="D76195" s="14" t="s">
        <v>391</v>
      </c>
      <c r="E76195" s="15">
        <v>45651</v>
      </c>
      <c r="F76195" s="14" t="s">
        <v>15</v>
      </c>
      <c r="G76195" s="16">
        <v>0</v>
      </c>
    </row>
    <row r="76196" spans="1:7" x14ac:dyDescent="0.3">
      <c r="A76196" s="13" t="s">
        <v>390</v>
      </c>
      <c r="B76196" s="14" t="s">
        <v>1</v>
      </c>
      <c r="C76196" s="14" t="s">
        <v>63</v>
      </c>
      <c r="D76196" s="14" t="s">
        <v>391</v>
      </c>
      <c r="E76196" s="15">
        <v>45652</v>
      </c>
      <c r="F76196" s="14" t="s">
        <v>15</v>
      </c>
      <c r="G76196" s="16">
        <v>0</v>
      </c>
    </row>
    <row r="76197" spans="1:7" x14ac:dyDescent="0.3">
      <c r="A76197" s="13" t="s">
        <v>390</v>
      </c>
      <c r="B76197" s="14" t="s">
        <v>1</v>
      </c>
      <c r="C76197" s="14" t="s">
        <v>63</v>
      </c>
      <c r="D76197" s="14" t="s">
        <v>391</v>
      </c>
      <c r="E76197" s="15">
        <v>45653</v>
      </c>
      <c r="F76197" s="14" t="s">
        <v>15</v>
      </c>
      <c r="G76197" s="16">
        <v>0</v>
      </c>
    </row>
    <row r="76198" spans="1:7" x14ac:dyDescent="0.3">
      <c r="A76198" s="13" t="s">
        <v>390</v>
      </c>
      <c r="B76198" s="14" t="s">
        <v>1</v>
      </c>
      <c r="C76198" s="14" t="s">
        <v>63</v>
      </c>
      <c r="D76198" s="14" t="s">
        <v>391</v>
      </c>
      <c r="E76198" s="15">
        <v>45654</v>
      </c>
      <c r="F76198" s="14" t="s">
        <v>15</v>
      </c>
      <c r="G76198" s="16">
        <v>0</v>
      </c>
    </row>
    <row r="76199" spans="1:7" x14ac:dyDescent="0.3">
      <c r="A76199" s="13" t="s">
        <v>390</v>
      </c>
      <c r="B76199" s="14" t="s">
        <v>1</v>
      </c>
      <c r="C76199" s="14" t="s">
        <v>63</v>
      </c>
      <c r="D76199" s="14" t="s">
        <v>391</v>
      </c>
      <c r="E76199" s="15">
        <v>45655</v>
      </c>
      <c r="F76199" s="14" t="s">
        <v>15</v>
      </c>
      <c r="G76199" s="16">
        <v>0</v>
      </c>
    </row>
    <row r="76200" spans="1:7" x14ac:dyDescent="0.3">
      <c r="A76200" s="13" t="s">
        <v>390</v>
      </c>
      <c r="B76200" s="14" t="s">
        <v>1</v>
      </c>
      <c r="C76200" s="14" t="s">
        <v>63</v>
      </c>
      <c r="D76200" s="14" t="s">
        <v>391</v>
      </c>
      <c r="E76200" s="15">
        <v>45656</v>
      </c>
      <c r="F76200" s="14" t="s">
        <v>15</v>
      </c>
      <c r="G76200" s="16">
        <v>0</v>
      </c>
    </row>
    <row r="76201" spans="1:7" x14ac:dyDescent="0.3">
      <c r="A76201" s="13" t="s">
        <v>390</v>
      </c>
      <c r="B76201" s="14" t="s">
        <v>1</v>
      </c>
      <c r="C76201" s="14" t="s">
        <v>63</v>
      </c>
      <c r="D76201" s="14" t="s">
        <v>391</v>
      </c>
      <c r="E76201" s="15">
        <v>45657</v>
      </c>
      <c r="F76201" s="14" t="s">
        <v>15</v>
      </c>
      <c r="G76201" s="16">
        <v>0</v>
      </c>
    </row>
    <row r="76202" spans="1:7" x14ac:dyDescent="0.3">
      <c r="A76202" s="13" t="s">
        <v>390</v>
      </c>
      <c r="B76202" s="14" t="s">
        <v>1</v>
      </c>
      <c r="C76202" s="14" t="s">
        <v>63</v>
      </c>
      <c r="D76202" s="14" t="s">
        <v>391</v>
      </c>
      <c r="E76202" s="15">
        <v>45658</v>
      </c>
      <c r="F76202" s="14" t="s">
        <v>15</v>
      </c>
      <c r="G76202" s="16">
        <v>0</v>
      </c>
    </row>
    <row r="76203" spans="1:7" x14ac:dyDescent="0.3">
      <c r="A76203" s="13" t="s">
        <v>390</v>
      </c>
      <c r="B76203" s="14" t="s">
        <v>1</v>
      </c>
      <c r="C76203" s="14" t="s">
        <v>63</v>
      </c>
      <c r="D76203" s="14" t="s">
        <v>391</v>
      </c>
      <c r="E76203" s="15">
        <v>45659</v>
      </c>
      <c r="F76203" s="14" t="s">
        <v>15</v>
      </c>
      <c r="G76203" s="16">
        <v>0</v>
      </c>
    </row>
    <row r="76204" spans="1:7" x14ac:dyDescent="0.3">
      <c r="A76204" s="13" t="s">
        <v>390</v>
      </c>
      <c r="B76204" s="14" t="s">
        <v>1</v>
      </c>
      <c r="C76204" s="14" t="s">
        <v>63</v>
      </c>
      <c r="D76204" s="14" t="s">
        <v>391</v>
      </c>
      <c r="E76204" s="15">
        <v>45660</v>
      </c>
      <c r="F76204" s="14" t="s">
        <v>15</v>
      </c>
      <c r="G76204" s="16">
        <v>0</v>
      </c>
    </row>
    <row r="76205" spans="1:7" x14ac:dyDescent="0.3">
      <c r="A76205" s="13" t="s">
        <v>390</v>
      </c>
      <c r="B76205" s="14" t="s">
        <v>1</v>
      </c>
      <c r="C76205" s="14" t="s">
        <v>63</v>
      </c>
      <c r="D76205" s="14" t="s">
        <v>391</v>
      </c>
      <c r="E76205" s="15">
        <v>45661</v>
      </c>
      <c r="F76205" s="14" t="s">
        <v>15</v>
      </c>
      <c r="G76205" s="16">
        <v>0</v>
      </c>
    </row>
    <row r="76206" spans="1:7" x14ac:dyDescent="0.3">
      <c r="A76206" s="13" t="s">
        <v>390</v>
      </c>
      <c r="B76206" s="14" t="s">
        <v>1</v>
      </c>
      <c r="C76206" s="14" t="s">
        <v>63</v>
      </c>
      <c r="D76206" s="14" t="s">
        <v>391</v>
      </c>
      <c r="E76206" s="15">
        <v>45662</v>
      </c>
      <c r="F76206" s="14" t="s">
        <v>15</v>
      </c>
      <c r="G76206" s="16">
        <v>0</v>
      </c>
    </row>
    <row r="76207" spans="1:7" x14ac:dyDescent="0.3">
      <c r="A76207" s="13" t="s">
        <v>390</v>
      </c>
      <c r="B76207" s="14" t="s">
        <v>1</v>
      </c>
      <c r="C76207" s="14" t="s">
        <v>63</v>
      </c>
      <c r="D76207" s="14" t="s">
        <v>391</v>
      </c>
      <c r="E76207" s="15">
        <v>45663</v>
      </c>
      <c r="F76207" s="14" t="s">
        <v>15</v>
      </c>
      <c r="G76207" s="16">
        <v>0</v>
      </c>
    </row>
    <row r="76208" spans="1:7" x14ac:dyDescent="0.3">
      <c r="A76208" s="13" t="s">
        <v>390</v>
      </c>
      <c r="B76208" s="14" t="s">
        <v>1</v>
      </c>
      <c r="C76208" s="14" t="s">
        <v>63</v>
      </c>
      <c r="D76208" s="14" t="s">
        <v>391</v>
      </c>
      <c r="E76208" s="15">
        <v>45664</v>
      </c>
      <c r="F76208" s="14" t="s">
        <v>15</v>
      </c>
      <c r="G76208" s="16">
        <v>0</v>
      </c>
    </row>
    <row r="76209" spans="1:7" x14ac:dyDescent="0.3">
      <c r="A76209" s="13" t="s">
        <v>390</v>
      </c>
      <c r="B76209" s="14" t="s">
        <v>1</v>
      </c>
      <c r="C76209" s="14" t="s">
        <v>63</v>
      </c>
      <c r="D76209" s="14" t="s">
        <v>391</v>
      </c>
      <c r="E76209" s="15">
        <v>45665</v>
      </c>
      <c r="F76209" s="14" t="s">
        <v>15</v>
      </c>
      <c r="G76209" s="16">
        <v>0</v>
      </c>
    </row>
    <row r="76210" spans="1:7" x14ac:dyDescent="0.3">
      <c r="A76210" s="13" t="s">
        <v>390</v>
      </c>
      <c r="B76210" s="14" t="s">
        <v>1</v>
      </c>
      <c r="C76210" s="14" t="s">
        <v>63</v>
      </c>
      <c r="D76210" s="14" t="s">
        <v>391</v>
      </c>
      <c r="E76210" s="15">
        <v>45666</v>
      </c>
      <c r="F76210" s="14" t="s">
        <v>15</v>
      </c>
      <c r="G76210" s="16">
        <v>0</v>
      </c>
    </row>
    <row r="76211" spans="1:7" x14ac:dyDescent="0.3">
      <c r="A76211" s="13" t="s">
        <v>390</v>
      </c>
      <c r="B76211" s="14" t="s">
        <v>1</v>
      </c>
      <c r="C76211" s="14" t="s">
        <v>63</v>
      </c>
      <c r="D76211" s="14" t="s">
        <v>391</v>
      </c>
      <c r="E76211" s="15">
        <v>45667</v>
      </c>
      <c r="F76211" s="14" t="s">
        <v>15</v>
      </c>
      <c r="G76211" s="16">
        <v>0</v>
      </c>
    </row>
    <row r="76212" spans="1:7" x14ac:dyDescent="0.3">
      <c r="A76212" s="13" t="s">
        <v>390</v>
      </c>
      <c r="B76212" s="14" t="s">
        <v>1</v>
      </c>
      <c r="C76212" s="14" t="s">
        <v>63</v>
      </c>
      <c r="D76212" s="14" t="s">
        <v>391</v>
      </c>
      <c r="E76212" s="15">
        <v>45668</v>
      </c>
      <c r="F76212" s="14" t="s">
        <v>15</v>
      </c>
      <c r="G76212" s="16">
        <v>0</v>
      </c>
    </row>
    <row r="76213" spans="1:7" x14ac:dyDescent="0.3">
      <c r="A76213" s="13" t="s">
        <v>390</v>
      </c>
      <c r="B76213" s="14" t="s">
        <v>1</v>
      </c>
      <c r="C76213" s="14" t="s">
        <v>63</v>
      </c>
      <c r="D76213" s="14" t="s">
        <v>391</v>
      </c>
      <c r="E76213" s="15">
        <v>45669</v>
      </c>
      <c r="F76213" s="14" t="s">
        <v>15</v>
      </c>
      <c r="G76213" s="16">
        <v>0</v>
      </c>
    </row>
    <row r="76214" spans="1:7" x14ac:dyDescent="0.3">
      <c r="A76214" s="13" t="s">
        <v>390</v>
      </c>
      <c r="B76214" s="14" t="s">
        <v>1</v>
      </c>
      <c r="C76214" s="14" t="s">
        <v>63</v>
      </c>
      <c r="D76214" s="14" t="s">
        <v>391</v>
      </c>
      <c r="E76214" s="15">
        <v>45670</v>
      </c>
      <c r="F76214" s="14" t="s">
        <v>15</v>
      </c>
      <c r="G76214" s="16">
        <v>0</v>
      </c>
    </row>
    <row r="76215" spans="1:7" x14ac:dyDescent="0.3">
      <c r="A76215" s="13" t="s">
        <v>390</v>
      </c>
      <c r="B76215" s="14" t="s">
        <v>1</v>
      </c>
      <c r="C76215" s="14" t="s">
        <v>63</v>
      </c>
      <c r="D76215" s="14" t="s">
        <v>391</v>
      </c>
      <c r="E76215" s="15">
        <v>45671</v>
      </c>
      <c r="F76215" s="14" t="s">
        <v>15</v>
      </c>
      <c r="G76215" s="16">
        <v>0</v>
      </c>
    </row>
    <row r="76216" spans="1:7" x14ac:dyDescent="0.3">
      <c r="A76216" s="13" t="s">
        <v>390</v>
      </c>
      <c r="B76216" s="14" t="s">
        <v>1</v>
      </c>
      <c r="C76216" s="14" t="s">
        <v>63</v>
      </c>
      <c r="D76216" s="14" t="s">
        <v>391</v>
      </c>
      <c r="E76216" s="15">
        <v>45672</v>
      </c>
      <c r="F76216" s="14" t="s">
        <v>15</v>
      </c>
      <c r="G76216" s="16">
        <v>0</v>
      </c>
    </row>
    <row r="76217" spans="1:7" x14ac:dyDescent="0.3">
      <c r="A76217" s="13" t="s">
        <v>390</v>
      </c>
      <c r="B76217" s="14" t="s">
        <v>1</v>
      </c>
      <c r="C76217" s="14" t="s">
        <v>63</v>
      </c>
      <c r="D76217" s="14" t="s">
        <v>391</v>
      </c>
      <c r="E76217" s="15">
        <v>45673</v>
      </c>
      <c r="F76217" s="14" t="s">
        <v>15</v>
      </c>
      <c r="G76217" s="16">
        <v>0</v>
      </c>
    </row>
    <row r="76218" spans="1:7" x14ac:dyDescent="0.3">
      <c r="A76218" s="13" t="s">
        <v>390</v>
      </c>
      <c r="B76218" s="14" t="s">
        <v>1</v>
      </c>
      <c r="C76218" s="14" t="s">
        <v>63</v>
      </c>
      <c r="D76218" s="14" t="s">
        <v>391</v>
      </c>
      <c r="E76218" s="15">
        <v>45674</v>
      </c>
      <c r="F76218" s="14" t="s">
        <v>15</v>
      </c>
      <c r="G76218" s="16">
        <v>0</v>
      </c>
    </row>
    <row r="76219" spans="1:7" x14ac:dyDescent="0.3">
      <c r="A76219" s="13" t="s">
        <v>390</v>
      </c>
      <c r="B76219" s="14" t="s">
        <v>1</v>
      </c>
      <c r="C76219" s="14" t="s">
        <v>63</v>
      </c>
      <c r="D76219" s="14" t="s">
        <v>391</v>
      </c>
      <c r="E76219" s="15">
        <v>45675</v>
      </c>
      <c r="F76219" s="14" t="s">
        <v>15</v>
      </c>
      <c r="G76219" s="16">
        <v>0</v>
      </c>
    </row>
    <row r="76220" spans="1:7" x14ac:dyDescent="0.3">
      <c r="A76220" s="13" t="s">
        <v>390</v>
      </c>
      <c r="B76220" s="14" t="s">
        <v>1</v>
      </c>
      <c r="C76220" s="14" t="s">
        <v>63</v>
      </c>
      <c r="D76220" s="14" t="s">
        <v>391</v>
      </c>
      <c r="E76220" s="15">
        <v>45676</v>
      </c>
      <c r="F76220" s="14" t="s">
        <v>15</v>
      </c>
      <c r="G76220" s="16">
        <v>0</v>
      </c>
    </row>
    <row r="76221" spans="1:7" x14ac:dyDescent="0.3">
      <c r="A76221" s="13" t="s">
        <v>390</v>
      </c>
      <c r="B76221" s="14" t="s">
        <v>1</v>
      </c>
      <c r="C76221" s="14" t="s">
        <v>63</v>
      </c>
      <c r="D76221" s="14" t="s">
        <v>391</v>
      </c>
      <c r="E76221" s="15">
        <v>45677</v>
      </c>
      <c r="F76221" s="14" t="s">
        <v>15</v>
      </c>
      <c r="G76221" s="16">
        <v>0</v>
      </c>
    </row>
    <row r="76222" spans="1:7" x14ac:dyDescent="0.3">
      <c r="A76222" s="13" t="s">
        <v>390</v>
      </c>
      <c r="B76222" s="14" t="s">
        <v>1</v>
      </c>
      <c r="C76222" s="14" t="s">
        <v>63</v>
      </c>
      <c r="D76222" s="14" t="s">
        <v>391</v>
      </c>
      <c r="E76222" s="15">
        <v>45678</v>
      </c>
      <c r="F76222" s="14" t="s">
        <v>15</v>
      </c>
      <c r="G76222" s="16">
        <v>0</v>
      </c>
    </row>
    <row r="76223" spans="1:7" x14ac:dyDescent="0.3">
      <c r="A76223" s="13" t="s">
        <v>390</v>
      </c>
      <c r="B76223" s="14" t="s">
        <v>1</v>
      </c>
      <c r="C76223" s="14" t="s">
        <v>63</v>
      </c>
      <c r="D76223" s="14" t="s">
        <v>391</v>
      </c>
      <c r="E76223" s="15">
        <v>45679</v>
      </c>
      <c r="F76223" s="14" t="s">
        <v>15</v>
      </c>
      <c r="G76223" s="16">
        <v>0</v>
      </c>
    </row>
    <row r="76224" spans="1:7" x14ac:dyDescent="0.3">
      <c r="A76224" s="13" t="s">
        <v>390</v>
      </c>
      <c r="B76224" s="14" t="s">
        <v>1</v>
      </c>
      <c r="C76224" s="14" t="s">
        <v>63</v>
      </c>
      <c r="D76224" s="14" t="s">
        <v>391</v>
      </c>
      <c r="E76224" s="15">
        <v>45680</v>
      </c>
      <c r="F76224" s="14" t="s">
        <v>15</v>
      </c>
      <c r="G76224" s="16">
        <v>0</v>
      </c>
    </row>
    <row r="76225" spans="1:7" x14ac:dyDescent="0.3">
      <c r="A76225" s="13" t="s">
        <v>390</v>
      </c>
      <c r="B76225" s="14" t="s">
        <v>1</v>
      </c>
      <c r="C76225" s="14" t="s">
        <v>63</v>
      </c>
      <c r="D76225" s="14" t="s">
        <v>391</v>
      </c>
      <c r="E76225" s="15">
        <v>45681</v>
      </c>
      <c r="F76225" s="14" t="s">
        <v>15</v>
      </c>
      <c r="G76225" s="16">
        <v>0</v>
      </c>
    </row>
    <row r="76226" spans="1:7" x14ac:dyDescent="0.3">
      <c r="A76226" s="13" t="s">
        <v>390</v>
      </c>
      <c r="B76226" s="14" t="s">
        <v>1</v>
      </c>
      <c r="C76226" s="14" t="s">
        <v>63</v>
      </c>
      <c r="D76226" s="14" t="s">
        <v>391</v>
      </c>
      <c r="E76226" s="15">
        <v>45682</v>
      </c>
      <c r="F76226" s="14" t="s">
        <v>15</v>
      </c>
      <c r="G76226" s="16">
        <v>0</v>
      </c>
    </row>
    <row r="76227" spans="1:7" x14ac:dyDescent="0.3">
      <c r="A76227" s="13" t="s">
        <v>390</v>
      </c>
      <c r="B76227" s="14" t="s">
        <v>1</v>
      </c>
      <c r="C76227" s="14" t="s">
        <v>63</v>
      </c>
      <c r="D76227" s="14" t="s">
        <v>391</v>
      </c>
      <c r="E76227" s="15">
        <v>45683</v>
      </c>
      <c r="F76227" s="14" t="s">
        <v>15</v>
      </c>
      <c r="G76227" s="16">
        <v>0</v>
      </c>
    </row>
    <row r="76228" spans="1:7" x14ac:dyDescent="0.3">
      <c r="A76228" s="13" t="s">
        <v>390</v>
      </c>
      <c r="B76228" s="14" t="s">
        <v>1</v>
      </c>
      <c r="C76228" s="14" t="s">
        <v>63</v>
      </c>
      <c r="D76228" s="14" t="s">
        <v>391</v>
      </c>
      <c r="E76228" s="15">
        <v>45684</v>
      </c>
      <c r="F76228" s="14" t="s">
        <v>15</v>
      </c>
      <c r="G76228" s="16">
        <v>0</v>
      </c>
    </row>
    <row r="76229" spans="1:7" x14ac:dyDescent="0.3">
      <c r="A76229" s="13" t="s">
        <v>390</v>
      </c>
      <c r="B76229" s="14" t="s">
        <v>1</v>
      </c>
      <c r="C76229" s="14" t="s">
        <v>63</v>
      </c>
      <c r="D76229" s="14" t="s">
        <v>391</v>
      </c>
      <c r="E76229" s="15">
        <v>45685</v>
      </c>
      <c r="F76229" s="14" t="s">
        <v>15</v>
      </c>
      <c r="G76229" s="16">
        <v>0</v>
      </c>
    </row>
    <row r="76230" spans="1:7" x14ac:dyDescent="0.3">
      <c r="A76230" s="13" t="s">
        <v>390</v>
      </c>
      <c r="B76230" s="14" t="s">
        <v>1</v>
      </c>
      <c r="C76230" s="14" t="s">
        <v>63</v>
      </c>
      <c r="D76230" s="14" t="s">
        <v>391</v>
      </c>
      <c r="E76230" s="15">
        <v>45686</v>
      </c>
      <c r="F76230" s="14" t="s">
        <v>15</v>
      </c>
      <c r="G76230" s="16">
        <v>0</v>
      </c>
    </row>
    <row r="76231" spans="1:7" x14ac:dyDescent="0.3">
      <c r="A76231" s="13" t="s">
        <v>390</v>
      </c>
      <c r="B76231" s="14" t="s">
        <v>1</v>
      </c>
      <c r="C76231" s="14" t="s">
        <v>63</v>
      </c>
      <c r="D76231" s="14" t="s">
        <v>391</v>
      </c>
      <c r="E76231" s="15">
        <v>45687</v>
      </c>
      <c r="F76231" s="14" t="s">
        <v>15</v>
      </c>
      <c r="G76231" s="16">
        <v>0</v>
      </c>
    </row>
    <row r="76232" spans="1:7" x14ac:dyDescent="0.3">
      <c r="A76232" s="13" t="s">
        <v>390</v>
      </c>
      <c r="B76232" s="14" t="s">
        <v>1</v>
      </c>
      <c r="C76232" s="14" t="s">
        <v>63</v>
      </c>
      <c r="D76232" s="14" t="s">
        <v>391</v>
      </c>
      <c r="E76232" s="15">
        <v>45688</v>
      </c>
      <c r="F76232" s="14" t="s">
        <v>15</v>
      </c>
      <c r="G76232" s="16">
        <v>0</v>
      </c>
    </row>
    <row r="76233" spans="1:7" x14ac:dyDescent="0.3">
      <c r="A76233" s="13" t="s">
        <v>390</v>
      </c>
      <c r="B76233" s="14" t="s">
        <v>1</v>
      </c>
      <c r="C76233" s="14" t="s">
        <v>63</v>
      </c>
      <c r="D76233" s="14" t="s">
        <v>391</v>
      </c>
      <c r="E76233" s="15">
        <v>45689</v>
      </c>
      <c r="F76233" s="14" t="s">
        <v>15</v>
      </c>
      <c r="G76233" s="16">
        <v>0</v>
      </c>
    </row>
    <row r="76234" spans="1:7" x14ac:dyDescent="0.3">
      <c r="A76234" s="13" t="s">
        <v>390</v>
      </c>
      <c r="B76234" s="14" t="s">
        <v>1</v>
      </c>
      <c r="C76234" s="14" t="s">
        <v>63</v>
      </c>
      <c r="D76234" s="14" t="s">
        <v>391</v>
      </c>
      <c r="E76234" s="15">
        <v>45690</v>
      </c>
      <c r="F76234" s="14" t="s">
        <v>15</v>
      </c>
      <c r="G76234" s="16">
        <v>0</v>
      </c>
    </row>
    <row r="76235" spans="1:7" x14ac:dyDescent="0.3">
      <c r="A76235" s="13" t="s">
        <v>390</v>
      </c>
      <c r="B76235" s="14" t="s">
        <v>1</v>
      </c>
      <c r="C76235" s="14" t="s">
        <v>63</v>
      </c>
      <c r="D76235" s="14" t="s">
        <v>391</v>
      </c>
      <c r="E76235" s="15">
        <v>45691</v>
      </c>
      <c r="F76235" s="14" t="s">
        <v>15</v>
      </c>
      <c r="G76235" s="16">
        <v>0</v>
      </c>
    </row>
    <row r="76236" spans="1:7" x14ac:dyDescent="0.3">
      <c r="A76236" s="13" t="s">
        <v>390</v>
      </c>
      <c r="B76236" s="14" t="s">
        <v>1</v>
      </c>
      <c r="C76236" s="14" t="s">
        <v>63</v>
      </c>
      <c r="D76236" s="14" t="s">
        <v>391</v>
      </c>
      <c r="E76236" s="15">
        <v>45692</v>
      </c>
      <c r="F76236" s="14" t="s">
        <v>15</v>
      </c>
      <c r="G76236" s="16">
        <v>0</v>
      </c>
    </row>
    <row r="76237" spans="1:7" x14ac:dyDescent="0.3">
      <c r="A76237" s="13" t="s">
        <v>390</v>
      </c>
      <c r="B76237" s="14" t="s">
        <v>1</v>
      </c>
      <c r="C76237" s="14" t="s">
        <v>63</v>
      </c>
      <c r="D76237" s="14" t="s">
        <v>391</v>
      </c>
      <c r="E76237" s="15">
        <v>45693</v>
      </c>
      <c r="F76237" s="14" t="s">
        <v>15</v>
      </c>
      <c r="G76237" s="16">
        <v>0</v>
      </c>
    </row>
    <row r="76238" spans="1:7" x14ac:dyDescent="0.3">
      <c r="A76238" s="13" t="s">
        <v>390</v>
      </c>
      <c r="B76238" s="14" t="s">
        <v>1</v>
      </c>
      <c r="C76238" s="14" t="s">
        <v>63</v>
      </c>
      <c r="D76238" s="14" t="s">
        <v>391</v>
      </c>
      <c r="E76238" s="15">
        <v>45694</v>
      </c>
      <c r="F76238" s="14" t="s">
        <v>15</v>
      </c>
      <c r="G76238" s="16">
        <v>0</v>
      </c>
    </row>
    <row r="76239" spans="1:7" x14ac:dyDescent="0.3">
      <c r="A76239" s="13" t="s">
        <v>390</v>
      </c>
      <c r="B76239" s="14" t="s">
        <v>1</v>
      </c>
      <c r="C76239" s="14" t="s">
        <v>63</v>
      </c>
      <c r="D76239" s="14" t="s">
        <v>391</v>
      </c>
      <c r="E76239" s="15">
        <v>45695</v>
      </c>
      <c r="F76239" s="14" t="s">
        <v>15</v>
      </c>
      <c r="G76239" s="16">
        <v>0</v>
      </c>
    </row>
    <row r="76240" spans="1:7" x14ac:dyDescent="0.3">
      <c r="A76240" s="13" t="s">
        <v>390</v>
      </c>
      <c r="B76240" s="14" t="s">
        <v>1</v>
      </c>
      <c r="C76240" s="14" t="s">
        <v>63</v>
      </c>
      <c r="D76240" s="14" t="s">
        <v>391</v>
      </c>
      <c r="E76240" s="15">
        <v>45696</v>
      </c>
      <c r="F76240" s="14" t="s">
        <v>15</v>
      </c>
      <c r="G76240" s="16">
        <v>0</v>
      </c>
    </row>
    <row r="76241" spans="1:7" x14ac:dyDescent="0.3">
      <c r="A76241" s="13" t="s">
        <v>390</v>
      </c>
      <c r="B76241" s="14" t="s">
        <v>1</v>
      </c>
      <c r="C76241" s="14" t="s">
        <v>63</v>
      </c>
      <c r="D76241" s="14" t="s">
        <v>391</v>
      </c>
      <c r="E76241" s="15">
        <v>45697</v>
      </c>
      <c r="F76241" s="14" t="s">
        <v>15</v>
      </c>
      <c r="G76241" s="16">
        <v>0</v>
      </c>
    </row>
    <row r="76242" spans="1:7" x14ac:dyDescent="0.3">
      <c r="A76242" s="13" t="s">
        <v>390</v>
      </c>
      <c r="B76242" s="14" t="s">
        <v>1</v>
      </c>
      <c r="C76242" s="14" t="s">
        <v>63</v>
      </c>
      <c r="D76242" s="14" t="s">
        <v>391</v>
      </c>
      <c r="E76242" s="15">
        <v>45698</v>
      </c>
      <c r="F76242" s="14" t="s">
        <v>15</v>
      </c>
      <c r="G76242" s="16">
        <v>0</v>
      </c>
    </row>
    <row r="76243" spans="1:7" x14ac:dyDescent="0.3">
      <c r="A76243" s="13" t="s">
        <v>390</v>
      </c>
      <c r="B76243" s="14" t="s">
        <v>1</v>
      </c>
      <c r="C76243" s="14" t="s">
        <v>63</v>
      </c>
      <c r="D76243" s="14" t="s">
        <v>391</v>
      </c>
      <c r="E76243" s="15">
        <v>45699</v>
      </c>
      <c r="F76243" s="14" t="s">
        <v>15</v>
      </c>
      <c r="G76243" s="16">
        <v>0</v>
      </c>
    </row>
    <row r="76244" spans="1:7" x14ac:dyDescent="0.3">
      <c r="A76244" s="13" t="s">
        <v>390</v>
      </c>
      <c r="B76244" s="14" t="s">
        <v>1</v>
      </c>
      <c r="C76244" s="14" t="s">
        <v>63</v>
      </c>
      <c r="D76244" s="14" t="s">
        <v>391</v>
      </c>
      <c r="E76244" s="15">
        <v>45700</v>
      </c>
      <c r="F76244" s="14" t="s">
        <v>15</v>
      </c>
      <c r="G76244" s="16">
        <v>0</v>
      </c>
    </row>
    <row r="76245" spans="1:7" x14ac:dyDescent="0.3">
      <c r="A76245" s="13" t="s">
        <v>390</v>
      </c>
      <c r="B76245" s="14" t="s">
        <v>1</v>
      </c>
      <c r="C76245" s="14" t="s">
        <v>63</v>
      </c>
      <c r="D76245" s="14" t="s">
        <v>391</v>
      </c>
      <c r="E76245" s="15">
        <v>45701</v>
      </c>
      <c r="F76245" s="14" t="s">
        <v>15</v>
      </c>
      <c r="G76245" s="16">
        <v>0</v>
      </c>
    </row>
    <row r="76246" spans="1:7" x14ac:dyDescent="0.3">
      <c r="A76246" s="13" t="s">
        <v>390</v>
      </c>
      <c r="B76246" s="14" t="s">
        <v>1</v>
      </c>
      <c r="C76246" s="14" t="s">
        <v>63</v>
      </c>
      <c r="D76246" s="14" t="s">
        <v>391</v>
      </c>
      <c r="E76246" s="15">
        <v>45702</v>
      </c>
      <c r="F76246" s="14" t="s">
        <v>15</v>
      </c>
      <c r="G76246" s="16">
        <v>0</v>
      </c>
    </row>
    <row r="76247" spans="1:7" x14ac:dyDescent="0.3">
      <c r="A76247" s="13" t="s">
        <v>390</v>
      </c>
      <c r="B76247" s="14" t="s">
        <v>1</v>
      </c>
      <c r="C76247" s="14" t="s">
        <v>63</v>
      </c>
      <c r="D76247" s="14" t="s">
        <v>391</v>
      </c>
      <c r="E76247" s="15">
        <v>45703</v>
      </c>
      <c r="F76247" s="14" t="s">
        <v>15</v>
      </c>
      <c r="G76247" s="16">
        <v>0</v>
      </c>
    </row>
    <row r="76248" spans="1:7" x14ac:dyDescent="0.3">
      <c r="A76248" s="13" t="s">
        <v>390</v>
      </c>
      <c r="B76248" s="14" t="s">
        <v>1</v>
      </c>
      <c r="C76248" s="14" t="s">
        <v>63</v>
      </c>
      <c r="D76248" s="14" t="s">
        <v>391</v>
      </c>
      <c r="E76248" s="15">
        <v>45704</v>
      </c>
      <c r="F76248" s="14" t="s">
        <v>15</v>
      </c>
      <c r="G76248" s="16">
        <v>0</v>
      </c>
    </row>
    <row r="76249" spans="1:7" x14ac:dyDescent="0.3">
      <c r="A76249" s="13" t="s">
        <v>390</v>
      </c>
      <c r="B76249" s="14" t="s">
        <v>1</v>
      </c>
      <c r="C76249" s="14" t="s">
        <v>63</v>
      </c>
      <c r="D76249" s="14" t="s">
        <v>391</v>
      </c>
      <c r="E76249" s="15">
        <v>45705</v>
      </c>
      <c r="F76249" s="14" t="s">
        <v>15</v>
      </c>
      <c r="G76249" s="16">
        <v>0</v>
      </c>
    </row>
    <row r="76250" spans="1:7" x14ac:dyDescent="0.3">
      <c r="A76250" s="13" t="s">
        <v>390</v>
      </c>
      <c r="B76250" s="14" t="s">
        <v>1</v>
      </c>
      <c r="C76250" s="14" t="s">
        <v>63</v>
      </c>
      <c r="D76250" s="14" t="s">
        <v>391</v>
      </c>
      <c r="E76250" s="15">
        <v>45706</v>
      </c>
      <c r="F76250" s="14" t="s">
        <v>15</v>
      </c>
      <c r="G76250" s="16">
        <v>0</v>
      </c>
    </row>
    <row r="76251" spans="1:7" x14ac:dyDescent="0.3">
      <c r="A76251" s="13" t="s">
        <v>390</v>
      </c>
      <c r="B76251" s="14" t="s">
        <v>1</v>
      </c>
      <c r="C76251" s="14" t="s">
        <v>63</v>
      </c>
      <c r="D76251" s="14" t="s">
        <v>391</v>
      </c>
      <c r="E76251" s="15">
        <v>45707</v>
      </c>
      <c r="F76251" s="14" t="s">
        <v>15</v>
      </c>
      <c r="G76251" s="16">
        <v>0</v>
      </c>
    </row>
    <row r="76252" spans="1:7" x14ac:dyDescent="0.3">
      <c r="A76252" s="13" t="s">
        <v>390</v>
      </c>
      <c r="B76252" s="14" t="s">
        <v>1</v>
      </c>
      <c r="C76252" s="14" t="s">
        <v>63</v>
      </c>
      <c r="D76252" s="14" t="s">
        <v>391</v>
      </c>
      <c r="E76252" s="15">
        <v>45708</v>
      </c>
      <c r="F76252" s="14" t="s">
        <v>15</v>
      </c>
      <c r="G76252" s="16">
        <v>0</v>
      </c>
    </row>
    <row r="76253" spans="1:7" x14ac:dyDescent="0.3">
      <c r="A76253" s="13" t="s">
        <v>390</v>
      </c>
      <c r="B76253" s="14" t="s">
        <v>1</v>
      </c>
      <c r="C76253" s="14" t="s">
        <v>63</v>
      </c>
      <c r="D76253" s="14" t="s">
        <v>391</v>
      </c>
      <c r="E76253" s="15">
        <v>45709</v>
      </c>
      <c r="F76253" s="14" t="s">
        <v>15</v>
      </c>
      <c r="G76253" s="16">
        <v>0</v>
      </c>
    </row>
    <row r="76254" spans="1:7" x14ac:dyDescent="0.3">
      <c r="A76254" s="13" t="s">
        <v>390</v>
      </c>
      <c r="B76254" s="14" t="s">
        <v>1</v>
      </c>
      <c r="C76254" s="14" t="s">
        <v>63</v>
      </c>
      <c r="D76254" s="14" t="s">
        <v>391</v>
      </c>
      <c r="E76254" s="15">
        <v>45710</v>
      </c>
      <c r="F76254" s="14" t="s">
        <v>15</v>
      </c>
      <c r="G76254" s="16">
        <v>0</v>
      </c>
    </row>
    <row r="76255" spans="1:7" x14ac:dyDescent="0.3">
      <c r="A76255" s="13" t="s">
        <v>390</v>
      </c>
      <c r="B76255" s="14" t="s">
        <v>1</v>
      </c>
      <c r="C76255" s="14" t="s">
        <v>63</v>
      </c>
      <c r="D76255" s="14" t="s">
        <v>391</v>
      </c>
      <c r="E76255" s="15">
        <v>45711</v>
      </c>
      <c r="F76255" s="14" t="s">
        <v>15</v>
      </c>
      <c r="G76255" s="16">
        <v>0</v>
      </c>
    </row>
    <row r="76256" spans="1:7" x14ac:dyDescent="0.3">
      <c r="A76256" s="13" t="s">
        <v>390</v>
      </c>
      <c r="B76256" s="14" t="s">
        <v>1</v>
      </c>
      <c r="C76256" s="14" t="s">
        <v>63</v>
      </c>
      <c r="D76256" s="14" t="s">
        <v>391</v>
      </c>
      <c r="E76256" s="15">
        <v>45712</v>
      </c>
      <c r="F76256" s="14" t="s">
        <v>15</v>
      </c>
      <c r="G76256" s="16">
        <v>0</v>
      </c>
    </row>
    <row r="76257" spans="1:7" x14ac:dyDescent="0.3">
      <c r="A76257" s="13" t="s">
        <v>390</v>
      </c>
      <c r="B76257" s="14" t="s">
        <v>1</v>
      </c>
      <c r="C76257" s="14" t="s">
        <v>63</v>
      </c>
      <c r="D76257" s="14" t="s">
        <v>391</v>
      </c>
      <c r="E76257" s="15">
        <v>45713</v>
      </c>
      <c r="F76257" s="14" t="s">
        <v>15</v>
      </c>
      <c r="G76257" s="16">
        <v>0</v>
      </c>
    </row>
    <row r="76258" spans="1:7" x14ac:dyDescent="0.3">
      <c r="A76258" s="13" t="s">
        <v>390</v>
      </c>
      <c r="B76258" s="14" t="s">
        <v>1</v>
      </c>
      <c r="C76258" s="14" t="s">
        <v>63</v>
      </c>
      <c r="D76258" s="14" t="s">
        <v>391</v>
      </c>
      <c r="E76258" s="15">
        <v>45714</v>
      </c>
      <c r="F76258" s="14" t="s">
        <v>15</v>
      </c>
      <c r="G76258" s="16">
        <v>0</v>
      </c>
    </row>
    <row r="76259" spans="1:7" x14ac:dyDescent="0.3">
      <c r="A76259" s="13" t="s">
        <v>390</v>
      </c>
      <c r="B76259" s="14" t="s">
        <v>1</v>
      </c>
      <c r="C76259" s="14" t="s">
        <v>63</v>
      </c>
      <c r="D76259" s="14" t="s">
        <v>391</v>
      </c>
      <c r="E76259" s="15">
        <v>45715</v>
      </c>
      <c r="F76259" s="14" t="s">
        <v>15</v>
      </c>
      <c r="G76259" s="16">
        <v>0</v>
      </c>
    </row>
    <row r="76260" spans="1:7" x14ac:dyDescent="0.3">
      <c r="A76260" s="13" t="s">
        <v>390</v>
      </c>
      <c r="B76260" s="14" t="s">
        <v>1</v>
      </c>
      <c r="C76260" s="14" t="s">
        <v>63</v>
      </c>
      <c r="D76260" s="14" t="s">
        <v>391</v>
      </c>
      <c r="E76260" s="15">
        <v>45716</v>
      </c>
      <c r="F76260" s="14" t="s">
        <v>15</v>
      </c>
      <c r="G76260" s="16">
        <v>0</v>
      </c>
    </row>
    <row r="76261" spans="1:7" x14ac:dyDescent="0.3">
      <c r="A76261" s="13" t="s">
        <v>390</v>
      </c>
      <c r="B76261" s="14" t="s">
        <v>1</v>
      </c>
      <c r="C76261" s="14" t="s">
        <v>63</v>
      </c>
      <c r="D76261" s="14" t="s">
        <v>391</v>
      </c>
      <c r="E76261" s="15">
        <v>45717</v>
      </c>
      <c r="F76261" s="14" t="s">
        <v>15</v>
      </c>
      <c r="G76261" s="16">
        <v>0</v>
      </c>
    </row>
    <row r="76262" spans="1:7" x14ac:dyDescent="0.3">
      <c r="A76262" s="13" t="s">
        <v>390</v>
      </c>
      <c r="B76262" s="14" t="s">
        <v>1</v>
      </c>
      <c r="C76262" s="14" t="s">
        <v>63</v>
      </c>
      <c r="D76262" s="14" t="s">
        <v>391</v>
      </c>
      <c r="E76262" s="15">
        <v>45718</v>
      </c>
      <c r="F76262" s="14" t="s">
        <v>15</v>
      </c>
      <c r="G76262" s="16">
        <v>0</v>
      </c>
    </row>
    <row r="76263" spans="1:7" x14ac:dyDescent="0.3">
      <c r="A76263" s="13" t="s">
        <v>390</v>
      </c>
      <c r="B76263" s="14" t="s">
        <v>1</v>
      </c>
      <c r="C76263" s="14" t="s">
        <v>63</v>
      </c>
      <c r="D76263" s="14" t="s">
        <v>391</v>
      </c>
      <c r="E76263" s="15">
        <v>45719</v>
      </c>
      <c r="F76263" s="14" t="s">
        <v>15</v>
      </c>
      <c r="G76263" s="16">
        <v>0</v>
      </c>
    </row>
    <row r="76264" spans="1:7" x14ac:dyDescent="0.3">
      <c r="A76264" s="13" t="s">
        <v>390</v>
      </c>
      <c r="B76264" s="14" t="s">
        <v>1</v>
      </c>
      <c r="C76264" s="14" t="s">
        <v>63</v>
      </c>
      <c r="D76264" s="14" t="s">
        <v>391</v>
      </c>
      <c r="E76264" s="15">
        <v>45720</v>
      </c>
      <c r="F76264" s="14" t="s">
        <v>15</v>
      </c>
      <c r="G76264" s="16">
        <v>0</v>
      </c>
    </row>
    <row r="76265" spans="1:7" x14ac:dyDescent="0.3">
      <c r="A76265" s="13" t="s">
        <v>390</v>
      </c>
      <c r="B76265" s="14" t="s">
        <v>1</v>
      </c>
      <c r="C76265" s="14" t="s">
        <v>63</v>
      </c>
      <c r="D76265" s="14" t="s">
        <v>391</v>
      </c>
      <c r="E76265" s="15">
        <v>45721</v>
      </c>
      <c r="F76265" s="14" t="s">
        <v>15</v>
      </c>
      <c r="G76265" s="16">
        <v>0</v>
      </c>
    </row>
    <row r="76266" spans="1:7" x14ac:dyDescent="0.3">
      <c r="A76266" s="13" t="s">
        <v>390</v>
      </c>
      <c r="B76266" s="14" t="s">
        <v>1</v>
      </c>
      <c r="C76266" s="14" t="s">
        <v>63</v>
      </c>
      <c r="D76266" s="14" t="s">
        <v>391</v>
      </c>
      <c r="E76266" s="15">
        <v>45722</v>
      </c>
      <c r="F76266" s="14" t="s">
        <v>15</v>
      </c>
      <c r="G76266" s="16">
        <v>0</v>
      </c>
    </row>
    <row r="76267" spans="1:7" x14ac:dyDescent="0.3">
      <c r="A76267" s="13" t="s">
        <v>390</v>
      </c>
      <c r="B76267" s="14" t="s">
        <v>1</v>
      </c>
      <c r="C76267" s="14" t="s">
        <v>63</v>
      </c>
      <c r="D76267" s="14" t="s">
        <v>391</v>
      </c>
      <c r="E76267" s="15">
        <v>45723</v>
      </c>
      <c r="F76267" s="14" t="s">
        <v>15</v>
      </c>
      <c r="G76267" s="16">
        <v>0</v>
      </c>
    </row>
    <row r="76268" spans="1:7" x14ac:dyDescent="0.3">
      <c r="A76268" s="13" t="s">
        <v>390</v>
      </c>
      <c r="B76268" s="14" t="s">
        <v>1</v>
      </c>
      <c r="C76268" s="14" t="s">
        <v>63</v>
      </c>
      <c r="D76268" s="14" t="s">
        <v>391</v>
      </c>
      <c r="E76268" s="15">
        <v>45724</v>
      </c>
      <c r="F76268" s="14" t="s">
        <v>15</v>
      </c>
      <c r="G76268" s="16">
        <v>0</v>
      </c>
    </row>
    <row r="76269" spans="1:7" x14ac:dyDescent="0.3">
      <c r="A76269" s="13" t="s">
        <v>390</v>
      </c>
      <c r="B76269" s="14" t="s">
        <v>1</v>
      </c>
      <c r="C76269" s="14" t="s">
        <v>63</v>
      </c>
      <c r="D76269" s="14" t="s">
        <v>391</v>
      </c>
      <c r="E76269" s="15">
        <v>45725</v>
      </c>
      <c r="F76269" s="14" t="s">
        <v>15</v>
      </c>
      <c r="G76269" s="16">
        <v>0</v>
      </c>
    </row>
    <row r="76270" spans="1:7" x14ac:dyDescent="0.3">
      <c r="A76270" s="13" t="s">
        <v>390</v>
      </c>
      <c r="B76270" s="14" t="s">
        <v>1</v>
      </c>
      <c r="C76270" s="14" t="s">
        <v>63</v>
      </c>
      <c r="D76270" s="14" t="s">
        <v>391</v>
      </c>
      <c r="E76270" s="15">
        <v>45726</v>
      </c>
      <c r="F76270" s="14" t="s">
        <v>15</v>
      </c>
      <c r="G76270" s="16">
        <v>0</v>
      </c>
    </row>
    <row r="76271" spans="1:7" x14ac:dyDescent="0.3">
      <c r="A76271" s="13" t="s">
        <v>390</v>
      </c>
      <c r="B76271" s="14" t="s">
        <v>1</v>
      </c>
      <c r="C76271" s="14" t="s">
        <v>63</v>
      </c>
      <c r="D76271" s="14" t="s">
        <v>391</v>
      </c>
      <c r="E76271" s="15">
        <v>45727</v>
      </c>
      <c r="F76271" s="14" t="s">
        <v>15</v>
      </c>
      <c r="G76271" s="16">
        <v>0</v>
      </c>
    </row>
    <row r="76272" spans="1:7" x14ac:dyDescent="0.3">
      <c r="A76272" s="13" t="s">
        <v>390</v>
      </c>
      <c r="B76272" s="14" t="s">
        <v>1</v>
      </c>
      <c r="C76272" s="14" t="s">
        <v>63</v>
      </c>
      <c r="D76272" s="14" t="s">
        <v>391</v>
      </c>
      <c r="E76272" s="15">
        <v>45728</v>
      </c>
      <c r="F76272" s="14" t="s">
        <v>15</v>
      </c>
      <c r="G76272" s="16">
        <v>0</v>
      </c>
    </row>
    <row r="76273" spans="1:7" x14ac:dyDescent="0.3">
      <c r="A76273" s="13" t="s">
        <v>390</v>
      </c>
      <c r="B76273" s="14" t="s">
        <v>1</v>
      </c>
      <c r="C76273" s="14" t="s">
        <v>63</v>
      </c>
      <c r="D76273" s="14" t="s">
        <v>391</v>
      </c>
      <c r="E76273" s="15">
        <v>45729</v>
      </c>
      <c r="F76273" s="14" t="s">
        <v>15</v>
      </c>
      <c r="G76273" s="16">
        <v>0</v>
      </c>
    </row>
    <row r="76274" spans="1:7" x14ac:dyDescent="0.3">
      <c r="A76274" s="13" t="s">
        <v>390</v>
      </c>
      <c r="B76274" s="14" t="s">
        <v>1</v>
      </c>
      <c r="C76274" s="14" t="s">
        <v>63</v>
      </c>
      <c r="D76274" s="14" t="s">
        <v>391</v>
      </c>
      <c r="E76274" s="15">
        <v>45730</v>
      </c>
      <c r="F76274" s="14" t="s">
        <v>15</v>
      </c>
      <c r="G76274" s="16">
        <v>0</v>
      </c>
    </row>
    <row r="76275" spans="1:7" x14ac:dyDescent="0.3">
      <c r="A76275" s="13" t="s">
        <v>390</v>
      </c>
      <c r="B76275" s="14" t="s">
        <v>1</v>
      </c>
      <c r="C76275" s="14" t="s">
        <v>63</v>
      </c>
      <c r="D76275" s="14" t="s">
        <v>391</v>
      </c>
      <c r="E76275" s="15">
        <v>45731</v>
      </c>
      <c r="F76275" s="14" t="s">
        <v>15</v>
      </c>
      <c r="G76275" s="16">
        <v>0</v>
      </c>
    </row>
    <row r="76276" spans="1:7" x14ac:dyDescent="0.3">
      <c r="A76276" s="13" t="s">
        <v>390</v>
      </c>
      <c r="B76276" s="14" t="s">
        <v>1</v>
      </c>
      <c r="C76276" s="14" t="s">
        <v>63</v>
      </c>
      <c r="D76276" s="14" t="s">
        <v>391</v>
      </c>
      <c r="E76276" s="15">
        <v>45732</v>
      </c>
      <c r="F76276" s="14" t="s">
        <v>15</v>
      </c>
      <c r="G76276" s="16">
        <v>0</v>
      </c>
    </row>
    <row r="76277" spans="1:7" x14ac:dyDescent="0.3">
      <c r="A76277" s="13" t="s">
        <v>390</v>
      </c>
      <c r="B76277" s="14" t="s">
        <v>1</v>
      </c>
      <c r="C76277" s="14" t="s">
        <v>63</v>
      </c>
      <c r="D76277" s="14" t="s">
        <v>391</v>
      </c>
      <c r="E76277" s="15">
        <v>45733</v>
      </c>
      <c r="F76277" s="14" t="s">
        <v>15</v>
      </c>
      <c r="G76277" s="16">
        <v>0</v>
      </c>
    </row>
    <row r="76278" spans="1:7" x14ac:dyDescent="0.3">
      <c r="A76278" s="13" t="s">
        <v>390</v>
      </c>
      <c r="B76278" s="14" t="s">
        <v>1</v>
      </c>
      <c r="C76278" s="14" t="s">
        <v>63</v>
      </c>
      <c r="D76278" s="14" t="s">
        <v>391</v>
      </c>
      <c r="E76278" s="15">
        <v>45734</v>
      </c>
      <c r="F76278" s="14" t="s">
        <v>15</v>
      </c>
      <c r="G76278" s="16">
        <v>0</v>
      </c>
    </row>
    <row r="76279" spans="1:7" x14ac:dyDescent="0.3">
      <c r="A76279" s="13" t="s">
        <v>390</v>
      </c>
      <c r="B76279" s="14" t="s">
        <v>1</v>
      </c>
      <c r="C76279" s="14" t="s">
        <v>63</v>
      </c>
      <c r="D76279" s="14" t="s">
        <v>391</v>
      </c>
      <c r="E76279" s="15">
        <v>45735</v>
      </c>
      <c r="F76279" s="14" t="s">
        <v>15</v>
      </c>
      <c r="G76279" s="16">
        <v>0</v>
      </c>
    </row>
    <row r="76280" spans="1:7" x14ac:dyDescent="0.3">
      <c r="A76280" s="13" t="s">
        <v>390</v>
      </c>
      <c r="B76280" s="14" t="s">
        <v>1</v>
      </c>
      <c r="C76280" s="14" t="s">
        <v>63</v>
      </c>
      <c r="D76280" s="14" t="s">
        <v>391</v>
      </c>
      <c r="E76280" s="15">
        <v>45736</v>
      </c>
      <c r="F76280" s="14" t="s">
        <v>15</v>
      </c>
      <c r="G76280" s="16">
        <v>0</v>
      </c>
    </row>
    <row r="76281" spans="1:7" x14ac:dyDescent="0.3">
      <c r="A76281" s="13" t="s">
        <v>390</v>
      </c>
      <c r="B76281" s="14" t="s">
        <v>1</v>
      </c>
      <c r="C76281" s="14" t="s">
        <v>63</v>
      </c>
      <c r="D76281" s="14" t="s">
        <v>391</v>
      </c>
      <c r="E76281" s="15">
        <v>45737</v>
      </c>
      <c r="F76281" s="14" t="s">
        <v>15</v>
      </c>
      <c r="G76281" s="16">
        <v>0</v>
      </c>
    </row>
    <row r="76282" spans="1:7" x14ac:dyDescent="0.3">
      <c r="A76282" s="13" t="s">
        <v>390</v>
      </c>
      <c r="B76282" s="14" t="s">
        <v>1</v>
      </c>
      <c r="C76282" s="14" t="s">
        <v>63</v>
      </c>
      <c r="D76282" s="14" t="s">
        <v>391</v>
      </c>
      <c r="E76282" s="15">
        <v>45738</v>
      </c>
      <c r="F76282" s="14" t="s">
        <v>15</v>
      </c>
      <c r="G76282" s="16">
        <v>0</v>
      </c>
    </row>
    <row r="76283" spans="1:7" x14ac:dyDescent="0.3">
      <c r="A76283" s="13" t="s">
        <v>390</v>
      </c>
      <c r="B76283" s="14" t="s">
        <v>1</v>
      </c>
      <c r="C76283" s="14" t="s">
        <v>63</v>
      </c>
      <c r="D76283" s="14" t="s">
        <v>391</v>
      </c>
      <c r="E76283" s="15">
        <v>45739</v>
      </c>
      <c r="F76283" s="14" t="s">
        <v>15</v>
      </c>
      <c r="G76283" s="16">
        <v>0</v>
      </c>
    </row>
    <row r="76284" spans="1:7" x14ac:dyDescent="0.3">
      <c r="A76284" s="13" t="s">
        <v>390</v>
      </c>
      <c r="B76284" s="14" t="s">
        <v>1</v>
      </c>
      <c r="C76284" s="14" t="s">
        <v>63</v>
      </c>
      <c r="D76284" s="14" t="s">
        <v>391</v>
      </c>
      <c r="E76284" s="15">
        <v>45740</v>
      </c>
      <c r="F76284" s="14" t="s">
        <v>15</v>
      </c>
      <c r="G76284" s="16">
        <v>0</v>
      </c>
    </row>
    <row r="76285" spans="1:7" x14ac:dyDescent="0.3">
      <c r="A76285" s="13" t="s">
        <v>390</v>
      </c>
      <c r="B76285" s="14" t="s">
        <v>1</v>
      </c>
      <c r="C76285" s="14" t="s">
        <v>63</v>
      </c>
      <c r="D76285" s="14" t="s">
        <v>391</v>
      </c>
      <c r="E76285" s="15">
        <v>45741</v>
      </c>
      <c r="F76285" s="14" t="s">
        <v>15</v>
      </c>
      <c r="G76285" s="16">
        <v>0</v>
      </c>
    </row>
    <row r="76286" spans="1:7" x14ac:dyDescent="0.3">
      <c r="A76286" s="13" t="s">
        <v>390</v>
      </c>
      <c r="B76286" s="14" t="s">
        <v>1</v>
      </c>
      <c r="C76286" s="14" t="s">
        <v>63</v>
      </c>
      <c r="D76286" s="14" t="s">
        <v>391</v>
      </c>
      <c r="E76286" s="15">
        <v>45742</v>
      </c>
      <c r="F76286" s="14" t="s">
        <v>15</v>
      </c>
      <c r="G76286" s="16">
        <v>0</v>
      </c>
    </row>
    <row r="76287" spans="1:7" x14ac:dyDescent="0.3">
      <c r="A76287" s="13" t="s">
        <v>390</v>
      </c>
      <c r="B76287" s="14" t="s">
        <v>1</v>
      </c>
      <c r="C76287" s="14" t="s">
        <v>63</v>
      </c>
      <c r="D76287" s="14" t="s">
        <v>391</v>
      </c>
      <c r="E76287" s="15">
        <v>45743</v>
      </c>
      <c r="F76287" s="14" t="s">
        <v>15</v>
      </c>
      <c r="G76287" s="16">
        <v>0</v>
      </c>
    </row>
    <row r="76288" spans="1:7" x14ac:dyDescent="0.3">
      <c r="A76288" s="13" t="s">
        <v>390</v>
      </c>
      <c r="B76288" s="14" t="s">
        <v>1</v>
      </c>
      <c r="C76288" s="14" t="s">
        <v>63</v>
      </c>
      <c r="D76288" s="14" t="s">
        <v>391</v>
      </c>
      <c r="E76288" s="15">
        <v>45744</v>
      </c>
      <c r="F76288" s="14" t="s">
        <v>15</v>
      </c>
      <c r="G76288" s="16">
        <v>0</v>
      </c>
    </row>
    <row r="76289" spans="1:7" x14ac:dyDescent="0.3">
      <c r="A76289" s="13" t="s">
        <v>390</v>
      </c>
      <c r="B76289" s="14" t="s">
        <v>1</v>
      </c>
      <c r="C76289" s="14" t="s">
        <v>63</v>
      </c>
      <c r="D76289" s="14" t="s">
        <v>391</v>
      </c>
      <c r="E76289" s="15">
        <v>45745</v>
      </c>
      <c r="F76289" s="14" t="s">
        <v>15</v>
      </c>
      <c r="G76289" s="16">
        <v>0</v>
      </c>
    </row>
    <row r="76290" spans="1:7" x14ac:dyDescent="0.3">
      <c r="A76290" s="13" t="s">
        <v>390</v>
      </c>
      <c r="B76290" s="14" t="s">
        <v>1</v>
      </c>
      <c r="C76290" s="14" t="s">
        <v>63</v>
      </c>
      <c r="D76290" s="14" t="s">
        <v>391</v>
      </c>
      <c r="E76290" s="15">
        <v>45746</v>
      </c>
      <c r="F76290" s="14" t="s">
        <v>15</v>
      </c>
      <c r="G76290" s="16">
        <v>0</v>
      </c>
    </row>
    <row r="76291" spans="1:7" x14ac:dyDescent="0.3">
      <c r="A76291" s="13" t="s">
        <v>390</v>
      </c>
      <c r="B76291" s="14" t="s">
        <v>1</v>
      </c>
      <c r="C76291" s="14" t="s">
        <v>63</v>
      </c>
      <c r="D76291" s="14" t="s">
        <v>391</v>
      </c>
      <c r="E76291" s="15">
        <v>45747</v>
      </c>
      <c r="F76291" s="14" t="s">
        <v>15</v>
      </c>
      <c r="G76291" s="16">
        <v>0</v>
      </c>
    </row>
    <row r="76292" spans="1:7" x14ac:dyDescent="0.3">
      <c r="A76292" s="13" t="s">
        <v>392</v>
      </c>
      <c r="B76292" s="14" t="s">
        <v>1</v>
      </c>
      <c r="C76292" s="14" t="s">
        <v>59</v>
      </c>
      <c r="D76292" s="14" t="s">
        <v>122</v>
      </c>
      <c r="E76292" s="15">
        <v>45383</v>
      </c>
      <c r="F76292" s="14" t="s">
        <v>15</v>
      </c>
      <c r="G76292" s="16">
        <v>0</v>
      </c>
    </row>
    <row r="76293" spans="1:7" x14ac:dyDescent="0.3">
      <c r="A76293" s="13" t="s">
        <v>392</v>
      </c>
      <c r="B76293" s="14" t="s">
        <v>1</v>
      </c>
      <c r="C76293" s="14" t="s">
        <v>59</v>
      </c>
      <c r="D76293" s="14" t="s">
        <v>122</v>
      </c>
      <c r="E76293" s="15">
        <v>45384</v>
      </c>
      <c r="F76293" s="14" t="s">
        <v>15</v>
      </c>
      <c r="G76293" s="16">
        <v>0</v>
      </c>
    </row>
    <row r="76294" spans="1:7" x14ac:dyDescent="0.3">
      <c r="A76294" s="13" t="s">
        <v>392</v>
      </c>
      <c r="B76294" s="14" t="s">
        <v>1</v>
      </c>
      <c r="C76294" s="14" t="s">
        <v>59</v>
      </c>
      <c r="D76294" s="14" t="s">
        <v>122</v>
      </c>
      <c r="E76294" s="15">
        <v>45385</v>
      </c>
      <c r="F76294" s="14" t="s">
        <v>15</v>
      </c>
      <c r="G76294" s="16">
        <v>0</v>
      </c>
    </row>
    <row r="76295" spans="1:7" x14ac:dyDescent="0.3">
      <c r="A76295" s="13" t="s">
        <v>392</v>
      </c>
      <c r="B76295" s="14" t="s">
        <v>1</v>
      </c>
      <c r="C76295" s="14" t="s">
        <v>59</v>
      </c>
      <c r="D76295" s="14" t="s">
        <v>122</v>
      </c>
      <c r="E76295" s="15">
        <v>45386</v>
      </c>
      <c r="F76295" s="14" t="s">
        <v>15</v>
      </c>
      <c r="G76295" s="16">
        <v>0</v>
      </c>
    </row>
    <row r="76296" spans="1:7" x14ac:dyDescent="0.3">
      <c r="A76296" s="13" t="s">
        <v>392</v>
      </c>
      <c r="B76296" s="14" t="s">
        <v>1</v>
      </c>
      <c r="C76296" s="14" t="s">
        <v>59</v>
      </c>
      <c r="D76296" s="14" t="s">
        <v>122</v>
      </c>
      <c r="E76296" s="15">
        <v>45387</v>
      </c>
      <c r="F76296" s="14" t="s">
        <v>15</v>
      </c>
      <c r="G76296" s="16">
        <v>0</v>
      </c>
    </row>
    <row r="76297" spans="1:7" x14ac:dyDescent="0.3">
      <c r="A76297" s="13" t="s">
        <v>392</v>
      </c>
      <c r="B76297" s="14" t="s">
        <v>1</v>
      </c>
      <c r="C76297" s="14" t="s">
        <v>59</v>
      </c>
      <c r="D76297" s="14" t="s">
        <v>122</v>
      </c>
      <c r="E76297" s="15">
        <v>45388</v>
      </c>
      <c r="F76297" s="14" t="s">
        <v>15</v>
      </c>
      <c r="G76297" s="16">
        <v>0</v>
      </c>
    </row>
    <row r="76298" spans="1:7" x14ac:dyDescent="0.3">
      <c r="A76298" s="13" t="s">
        <v>392</v>
      </c>
      <c r="B76298" s="14" t="s">
        <v>1</v>
      </c>
      <c r="C76298" s="14" t="s">
        <v>59</v>
      </c>
      <c r="D76298" s="14" t="s">
        <v>122</v>
      </c>
      <c r="E76298" s="15">
        <v>45389</v>
      </c>
      <c r="F76298" s="14" t="s">
        <v>15</v>
      </c>
      <c r="G76298" s="16">
        <v>0</v>
      </c>
    </row>
    <row r="76299" spans="1:7" x14ac:dyDescent="0.3">
      <c r="A76299" s="13" t="s">
        <v>392</v>
      </c>
      <c r="B76299" s="14" t="s">
        <v>1</v>
      </c>
      <c r="C76299" s="14" t="s">
        <v>59</v>
      </c>
      <c r="D76299" s="14" t="s">
        <v>122</v>
      </c>
      <c r="E76299" s="15">
        <v>45390</v>
      </c>
      <c r="F76299" s="14" t="s">
        <v>15</v>
      </c>
      <c r="G76299" s="16">
        <v>0</v>
      </c>
    </row>
    <row r="76300" spans="1:7" x14ac:dyDescent="0.3">
      <c r="A76300" s="13" t="s">
        <v>392</v>
      </c>
      <c r="B76300" s="14" t="s">
        <v>1</v>
      </c>
      <c r="C76300" s="14" t="s">
        <v>59</v>
      </c>
      <c r="D76300" s="14" t="s">
        <v>122</v>
      </c>
      <c r="E76300" s="15">
        <v>45391</v>
      </c>
      <c r="F76300" s="14" t="s">
        <v>15</v>
      </c>
      <c r="G76300" s="16">
        <v>0</v>
      </c>
    </row>
    <row r="76301" spans="1:7" x14ac:dyDescent="0.3">
      <c r="A76301" s="13" t="s">
        <v>392</v>
      </c>
      <c r="B76301" s="14" t="s">
        <v>1</v>
      </c>
      <c r="C76301" s="14" t="s">
        <v>59</v>
      </c>
      <c r="D76301" s="14" t="s">
        <v>122</v>
      </c>
      <c r="E76301" s="15">
        <v>45392</v>
      </c>
      <c r="F76301" s="14" t="s">
        <v>15</v>
      </c>
      <c r="G76301" s="16">
        <v>0</v>
      </c>
    </row>
    <row r="76302" spans="1:7" x14ac:dyDescent="0.3">
      <c r="A76302" s="13" t="s">
        <v>392</v>
      </c>
      <c r="B76302" s="14" t="s">
        <v>1</v>
      </c>
      <c r="C76302" s="14" t="s">
        <v>59</v>
      </c>
      <c r="D76302" s="14" t="s">
        <v>122</v>
      </c>
      <c r="E76302" s="15">
        <v>45393</v>
      </c>
      <c r="F76302" s="14" t="s">
        <v>15</v>
      </c>
      <c r="G76302" s="16">
        <v>0</v>
      </c>
    </row>
    <row r="76303" spans="1:7" x14ac:dyDescent="0.3">
      <c r="A76303" s="13" t="s">
        <v>392</v>
      </c>
      <c r="B76303" s="14" t="s">
        <v>1</v>
      </c>
      <c r="C76303" s="14" t="s">
        <v>59</v>
      </c>
      <c r="D76303" s="14" t="s">
        <v>122</v>
      </c>
      <c r="E76303" s="15">
        <v>45394</v>
      </c>
      <c r="F76303" s="14" t="s">
        <v>15</v>
      </c>
      <c r="G76303" s="16">
        <v>0</v>
      </c>
    </row>
    <row r="76304" spans="1:7" x14ac:dyDescent="0.3">
      <c r="A76304" s="13" t="s">
        <v>392</v>
      </c>
      <c r="B76304" s="14" t="s">
        <v>1</v>
      </c>
      <c r="C76304" s="14" t="s">
        <v>59</v>
      </c>
      <c r="D76304" s="14" t="s">
        <v>122</v>
      </c>
      <c r="E76304" s="15">
        <v>45395</v>
      </c>
      <c r="F76304" s="14" t="s">
        <v>15</v>
      </c>
      <c r="G76304" s="16">
        <v>0</v>
      </c>
    </row>
    <row r="76305" spans="1:7" x14ac:dyDescent="0.3">
      <c r="A76305" s="13" t="s">
        <v>392</v>
      </c>
      <c r="B76305" s="14" t="s">
        <v>1</v>
      </c>
      <c r="C76305" s="14" t="s">
        <v>59</v>
      </c>
      <c r="D76305" s="14" t="s">
        <v>122</v>
      </c>
      <c r="E76305" s="15">
        <v>45396</v>
      </c>
      <c r="F76305" s="14" t="s">
        <v>15</v>
      </c>
      <c r="G76305" s="16">
        <v>0</v>
      </c>
    </row>
    <row r="76306" spans="1:7" x14ac:dyDescent="0.3">
      <c r="A76306" s="13" t="s">
        <v>392</v>
      </c>
      <c r="B76306" s="14" t="s">
        <v>1</v>
      </c>
      <c r="C76306" s="14" t="s">
        <v>59</v>
      </c>
      <c r="D76306" s="14" t="s">
        <v>122</v>
      </c>
      <c r="E76306" s="15">
        <v>45397</v>
      </c>
      <c r="F76306" s="14" t="s">
        <v>15</v>
      </c>
      <c r="G76306" s="16">
        <v>0</v>
      </c>
    </row>
    <row r="76307" spans="1:7" x14ac:dyDescent="0.3">
      <c r="A76307" s="13" t="s">
        <v>392</v>
      </c>
      <c r="B76307" s="14" t="s">
        <v>1</v>
      </c>
      <c r="C76307" s="14" t="s">
        <v>59</v>
      </c>
      <c r="D76307" s="14" t="s">
        <v>122</v>
      </c>
      <c r="E76307" s="15">
        <v>45398</v>
      </c>
      <c r="F76307" s="14" t="s">
        <v>15</v>
      </c>
      <c r="G76307" s="16">
        <v>0</v>
      </c>
    </row>
    <row r="76308" spans="1:7" x14ac:dyDescent="0.3">
      <c r="A76308" s="13" t="s">
        <v>392</v>
      </c>
      <c r="B76308" s="14" t="s">
        <v>1</v>
      </c>
      <c r="C76308" s="14" t="s">
        <v>59</v>
      </c>
      <c r="D76308" s="14" t="s">
        <v>122</v>
      </c>
      <c r="E76308" s="15">
        <v>45399</v>
      </c>
      <c r="F76308" s="14" t="s">
        <v>15</v>
      </c>
      <c r="G76308" s="16">
        <v>0</v>
      </c>
    </row>
    <row r="76309" spans="1:7" x14ac:dyDescent="0.3">
      <c r="A76309" s="13" t="s">
        <v>392</v>
      </c>
      <c r="B76309" s="14" t="s">
        <v>1</v>
      </c>
      <c r="C76309" s="14" t="s">
        <v>59</v>
      </c>
      <c r="D76309" s="14" t="s">
        <v>122</v>
      </c>
      <c r="E76309" s="15">
        <v>45400</v>
      </c>
      <c r="F76309" s="14" t="s">
        <v>15</v>
      </c>
      <c r="G76309" s="16">
        <v>0</v>
      </c>
    </row>
    <row r="76310" spans="1:7" x14ac:dyDescent="0.3">
      <c r="A76310" s="13" t="s">
        <v>392</v>
      </c>
      <c r="B76310" s="14" t="s">
        <v>1</v>
      </c>
      <c r="C76310" s="14" t="s">
        <v>59</v>
      </c>
      <c r="D76310" s="14" t="s">
        <v>122</v>
      </c>
      <c r="E76310" s="15">
        <v>45401</v>
      </c>
      <c r="F76310" s="14" t="s">
        <v>15</v>
      </c>
      <c r="G76310" s="16">
        <v>0</v>
      </c>
    </row>
    <row r="76311" spans="1:7" x14ac:dyDescent="0.3">
      <c r="A76311" s="13" t="s">
        <v>392</v>
      </c>
      <c r="B76311" s="14" t="s">
        <v>1</v>
      </c>
      <c r="C76311" s="14" t="s">
        <v>59</v>
      </c>
      <c r="D76311" s="14" t="s">
        <v>122</v>
      </c>
      <c r="E76311" s="15">
        <v>45402</v>
      </c>
      <c r="F76311" s="14" t="s">
        <v>15</v>
      </c>
      <c r="G76311" s="16">
        <v>0</v>
      </c>
    </row>
    <row r="76312" spans="1:7" x14ac:dyDescent="0.3">
      <c r="A76312" s="13" t="s">
        <v>392</v>
      </c>
      <c r="B76312" s="14" t="s">
        <v>1</v>
      </c>
      <c r="C76312" s="14" t="s">
        <v>59</v>
      </c>
      <c r="D76312" s="14" t="s">
        <v>122</v>
      </c>
      <c r="E76312" s="15">
        <v>45403</v>
      </c>
      <c r="F76312" s="14" t="s">
        <v>15</v>
      </c>
      <c r="G76312" s="16">
        <v>0</v>
      </c>
    </row>
    <row r="76313" spans="1:7" x14ac:dyDescent="0.3">
      <c r="A76313" s="13" t="s">
        <v>392</v>
      </c>
      <c r="B76313" s="14" t="s">
        <v>1</v>
      </c>
      <c r="C76313" s="14" t="s">
        <v>59</v>
      </c>
      <c r="D76313" s="14" t="s">
        <v>122</v>
      </c>
      <c r="E76313" s="15">
        <v>45404</v>
      </c>
      <c r="F76313" s="14" t="s">
        <v>15</v>
      </c>
      <c r="G76313" s="16">
        <v>0</v>
      </c>
    </row>
    <row r="76314" spans="1:7" x14ac:dyDescent="0.3">
      <c r="A76314" s="13" t="s">
        <v>392</v>
      </c>
      <c r="B76314" s="14" t="s">
        <v>1</v>
      </c>
      <c r="C76314" s="14" t="s">
        <v>59</v>
      </c>
      <c r="D76314" s="14" t="s">
        <v>122</v>
      </c>
      <c r="E76314" s="15">
        <v>45405</v>
      </c>
      <c r="F76314" s="14" t="s">
        <v>15</v>
      </c>
      <c r="G76314" s="16">
        <v>0</v>
      </c>
    </row>
    <row r="76315" spans="1:7" x14ac:dyDescent="0.3">
      <c r="A76315" s="13" t="s">
        <v>392</v>
      </c>
      <c r="B76315" s="14" t="s">
        <v>1</v>
      </c>
      <c r="C76315" s="14" t="s">
        <v>59</v>
      </c>
      <c r="D76315" s="14" t="s">
        <v>122</v>
      </c>
      <c r="E76315" s="15">
        <v>45406</v>
      </c>
      <c r="F76315" s="14" t="s">
        <v>15</v>
      </c>
      <c r="G76315" s="16">
        <v>0</v>
      </c>
    </row>
    <row r="76316" spans="1:7" x14ac:dyDescent="0.3">
      <c r="A76316" s="13" t="s">
        <v>392</v>
      </c>
      <c r="B76316" s="14" t="s">
        <v>1</v>
      </c>
      <c r="C76316" s="14" t="s">
        <v>59</v>
      </c>
      <c r="D76316" s="14" t="s">
        <v>122</v>
      </c>
      <c r="E76316" s="15">
        <v>45407</v>
      </c>
      <c r="F76316" s="14" t="s">
        <v>15</v>
      </c>
      <c r="G76316" s="16">
        <v>0</v>
      </c>
    </row>
    <row r="76317" spans="1:7" x14ac:dyDescent="0.3">
      <c r="A76317" s="13" t="s">
        <v>392</v>
      </c>
      <c r="B76317" s="14" t="s">
        <v>1</v>
      </c>
      <c r="C76317" s="14" t="s">
        <v>59</v>
      </c>
      <c r="D76317" s="14" t="s">
        <v>122</v>
      </c>
      <c r="E76317" s="15">
        <v>45408</v>
      </c>
      <c r="F76317" s="14" t="s">
        <v>15</v>
      </c>
      <c r="G76317" s="16">
        <v>0</v>
      </c>
    </row>
    <row r="76318" spans="1:7" x14ac:dyDescent="0.3">
      <c r="A76318" s="13" t="s">
        <v>392</v>
      </c>
      <c r="B76318" s="14" t="s">
        <v>1</v>
      </c>
      <c r="C76318" s="14" t="s">
        <v>59</v>
      </c>
      <c r="D76318" s="14" t="s">
        <v>122</v>
      </c>
      <c r="E76318" s="15">
        <v>45409</v>
      </c>
      <c r="F76318" s="14" t="s">
        <v>15</v>
      </c>
      <c r="G76318" s="16">
        <v>0</v>
      </c>
    </row>
    <row r="76319" spans="1:7" x14ac:dyDescent="0.3">
      <c r="A76319" s="13" t="s">
        <v>392</v>
      </c>
      <c r="B76319" s="14" t="s">
        <v>1</v>
      </c>
      <c r="C76319" s="14" t="s">
        <v>59</v>
      </c>
      <c r="D76319" s="14" t="s">
        <v>122</v>
      </c>
      <c r="E76319" s="15">
        <v>45410</v>
      </c>
      <c r="F76319" s="14" t="s">
        <v>15</v>
      </c>
      <c r="G76319" s="16">
        <v>0</v>
      </c>
    </row>
    <row r="76320" spans="1:7" x14ac:dyDescent="0.3">
      <c r="A76320" s="13" t="s">
        <v>392</v>
      </c>
      <c r="B76320" s="14" t="s">
        <v>1</v>
      </c>
      <c r="C76320" s="14" t="s">
        <v>59</v>
      </c>
      <c r="D76320" s="14" t="s">
        <v>122</v>
      </c>
      <c r="E76320" s="15">
        <v>45411</v>
      </c>
      <c r="F76320" s="14" t="s">
        <v>15</v>
      </c>
      <c r="G76320" s="16">
        <v>0</v>
      </c>
    </row>
    <row r="76321" spans="1:7" x14ac:dyDescent="0.3">
      <c r="A76321" s="13" t="s">
        <v>392</v>
      </c>
      <c r="B76321" s="14" t="s">
        <v>1</v>
      </c>
      <c r="C76321" s="14" t="s">
        <v>59</v>
      </c>
      <c r="D76321" s="14" t="s">
        <v>122</v>
      </c>
      <c r="E76321" s="15">
        <v>45412</v>
      </c>
      <c r="F76321" s="14" t="s">
        <v>15</v>
      </c>
      <c r="G76321" s="16">
        <v>0</v>
      </c>
    </row>
    <row r="76322" spans="1:7" x14ac:dyDescent="0.3">
      <c r="A76322" s="13" t="s">
        <v>392</v>
      </c>
      <c r="B76322" s="14" t="s">
        <v>1</v>
      </c>
      <c r="C76322" s="14" t="s">
        <v>59</v>
      </c>
      <c r="D76322" s="14" t="s">
        <v>122</v>
      </c>
      <c r="E76322" s="15">
        <v>45413</v>
      </c>
      <c r="F76322" s="14" t="s">
        <v>15</v>
      </c>
      <c r="G76322" s="16">
        <v>0</v>
      </c>
    </row>
    <row r="76323" spans="1:7" x14ac:dyDescent="0.3">
      <c r="A76323" s="13" t="s">
        <v>392</v>
      </c>
      <c r="B76323" s="14" t="s">
        <v>1</v>
      </c>
      <c r="C76323" s="14" t="s">
        <v>59</v>
      </c>
      <c r="D76323" s="14" t="s">
        <v>122</v>
      </c>
      <c r="E76323" s="15">
        <v>45414</v>
      </c>
      <c r="F76323" s="14" t="s">
        <v>15</v>
      </c>
      <c r="G76323" s="16">
        <v>0</v>
      </c>
    </row>
    <row r="76324" spans="1:7" x14ac:dyDescent="0.3">
      <c r="A76324" s="13" t="s">
        <v>392</v>
      </c>
      <c r="B76324" s="14" t="s">
        <v>1</v>
      </c>
      <c r="C76324" s="14" t="s">
        <v>59</v>
      </c>
      <c r="D76324" s="14" t="s">
        <v>122</v>
      </c>
      <c r="E76324" s="15">
        <v>45415</v>
      </c>
      <c r="F76324" s="14" t="s">
        <v>15</v>
      </c>
      <c r="G76324" s="16">
        <v>0</v>
      </c>
    </row>
    <row r="76325" spans="1:7" x14ac:dyDescent="0.3">
      <c r="A76325" s="13" t="s">
        <v>392</v>
      </c>
      <c r="B76325" s="14" t="s">
        <v>1</v>
      </c>
      <c r="C76325" s="14" t="s">
        <v>59</v>
      </c>
      <c r="D76325" s="14" t="s">
        <v>122</v>
      </c>
      <c r="E76325" s="15">
        <v>45416</v>
      </c>
      <c r="F76325" s="14" t="s">
        <v>15</v>
      </c>
      <c r="G76325" s="16">
        <v>0</v>
      </c>
    </row>
    <row r="76326" spans="1:7" x14ac:dyDescent="0.3">
      <c r="A76326" s="13" t="s">
        <v>392</v>
      </c>
      <c r="B76326" s="14" t="s">
        <v>1</v>
      </c>
      <c r="C76326" s="14" t="s">
        <v>59</v>
      </c>
      <c r="D76326" s="14" t="s">
        <v>122</v>
      </c>
      <c r="E76326" s="15">
        <v>45417</v>
      </c>
      <c r="F76326" s="14" t="s">
        <v>15</v>
      </c>
      <c r="G76326" s="16">
        <v>0</v>
      </c>
    </row>
    <row r="76327" spans="1:7" x14ac:dyDescent="0.3">
      <c r="A76327" s="13" t="s">
        <v>392</v>
      </c>
      <c r="B76327" s="14" t="s">
        <v>1</v>
      </c>
      <c r="C76327" s="14" t="s">
        <v>59</v>
      </c>
      <c r="D76327" s="14" t="s">
        <v>122</v>
      </c>
      <c r="E76327" s="15">
        <v>45418</v>
      </c>
      <c r="F76327" s="14" t="s">
        <v>15</v>
      </c>
      <c r="G76327" s="16">
        <v>0</v>
      </c>
    </row>
    <row r="76328" spans="1:7" x14ac:dyDescent="0.3">
      <c r="A76328" s="13" t="s">
        <v>392</v>
      </c>
      <c r="B76328" s="14" t="s">
        <v>1</v>
      </c>
      <c r="C76328" s="14" t="s">
        <v>59</v>
      </c>
      <c r="D76328" s="14" t="s">
        <v>122</v>
      </c>
      <c r="E76328" s="15">
        <v>45419</v>
      </c>
      <c r="F76328" s="14" t="s">
        <v>15</v>
      </c>
      <c r="G76328" s="16">
        <v>0</v>
      </c>
    </row>
    <row r="76329" spans="1:7" x14ac:dyDescent="0.3">
      <c r="A76329" s="13" t="s">
        <v>392</v>
      </c>
      <c r="B76329" s="14" t="s">
        <v>1</v>
      </c>
      <c r="C76329" s="14" t="s">
        <v>59</v>
      </c>
      <c r="D76329" s="14" t="s">
        <v>122</v>
      </c>
      <c r="E76329" s="15">
        <v>45420</v>
      </c>
      <c r="F76329" s="14" t="s">
        <v>15</v>
      </c>
      <c r="G76329" s="16">
        <v>0</v>
      </c>
    </row>
    <row r="76330" spans="1:7" x14ac:dyDescent="0.3">
      <c r="A76330" s="13" t="s">
        <v>392</v>
      </c>
      <c r="B76330" s="14" t="s">
        <v>1</v>
      </c>
      <c r="C76330" s="14" t="s">
        <v>59</v>
      </c>
      <c r="D76330" s="14" t="s">
        <v>122</v>
      </c>
      <c r="E76330" s="15">
        <v>45421</v>
      </c>
      <c r="F76330" s="14" t="s">
        <v>15</v>
      </c>
      <c r="G76330" s="16">
        <v>0</v>
      </c>
    </row>
    <row r="76331" spans="1:7" x14ac:dyDescent="0.3">
      <c r="A76331" s="13" t="s">
        <v>392</v>
      </c>
      <c r="B76331" s="14" t="s">
        <v>1</v>
      </c>
      <c r="C76331" s="14" t="s">
        <v>59</v>
      </c>
      <c r="D76331" s="14" t="s">
        <v>122</v>
      </c>
      <c r="E76331" s="15">
        <v>45422</v>
      </c>
      <c r="F76331" s="14" t="s">
        <v>15</v>
      </c>
      <c r="G76331" s="16">
        <v>0</v>
      </c>
    </row>
    <row r="76332" spans="1:7" x14ac:dyDescent="0.3">
      <c r="A76332" s="13" t="s">
        <v>392</v>
      </c>
      <c r="B76332" s="14" t="s">
        <v>1</v>
      </c>
      <c r="C76332" s="14" t="s">
        <v>59</v>
      </c>
      <c r="D76332" s="14" t="s">
        <v>122</v>
      </c>
      <c r="E76332" s="15">
        <v>45423</v>
      </c>
      <c r="F76332" s="14" t="s">
        <v>15</v>
      </c>
      <c r="G76332" s="16">
        <v>0</v>
      </c>
    </row>
    <row r="76333" spans="1:7" x14ac:dyDescent="0.3">
      <c r="A76333" s="13" t="s">
        <v>392</v>
      </c>
      <c r="B76333" s="14" t="s">
        <v>1</v>
      </c>
      <c r="C76333" s="14" t="s">
        <v>59</v>
      </c>
      <c r="D76333" s="14" t="s">
        <v>122</v>
      </c>
      <c r="E76333" s="15">
        <v>45424</v>
      </c>
      <c r="F76333" s="14" t="s">
        <v>15</v>
      </c>
      <c r="G76333" s="16">
        <v>0</v>
      </c>
    </row>
    <row r="76334" spans="1:7" x14ac:dyDescent="0.3">
      <c r="A76334" s="13" t="s">
        <v>392</v>
      </c>
      <c r="B76334" s="14" t="s">
        <v>1</v>
      </c>
      <c r="C76334" s="14" t="s">
        <v>59</v>
      </c>
      <c r="D76334" s="14" t="s">
        <v>122</v>
      </c>
      <c r="E76334" s="15">
        <v>45425</v>
      </c>
      <c r="F76334" s="14" t="s">
        <v>15</v>
      </c>
      <c r="G76334" s="16">
        <v>0</v>
      </c>
    </row>
    <row r="76335" spans="1:7" x14ac:dyDescent="0.3">
      <c r="A76335" s="13" t="s">
        <v>392</v>
      </c>
      <c r="B76335" s="14" t="s">
        <v>1</v>
      </c>
      <c r="C76335" s="14" t="s">
        <v>59</v>
      </c>
      <c r="D76335" s="14" t="s">
        <v>122</v>
      </c>
      <c r="E76335" s="15">
        <v>45426</v>
      </c>
      <c r="F76335" s="14" t="s">
        <v>15</v>
      </c>
      <c r="G76335" s="16">
        <v>0</v>
      </c>
    </row>
    <row r="76336" spans="1:7" x14ac:dyDescent="0.3">
      <c r="A76336" s="13" t="s">
        <v>392</v>
      </c>
      <c r="B76336" s="14" t="s">
        <v>1</v>
      </c>
      <c r="C76336" s="14" t="s">
        <v>59</v>
      </c>
      <c r="D76336" s="14" t="s">
        <v>122</v>
      </c>
      <c r="E76336" s="15">
        <v>45427</v>
      </c>
      <c r="F76336" s="14" t="s">
        <v>15</v>
      </c>
      <c r="G76336" s="16">
        <v>0</v>
      </c>
    </row>
    <row r="76337" spans="1:7" x14ac:dyDescent="0.3">
      <c r="A76337" s="13" t="s">
        <v>392</v>
      </c>
      <c r="B76337" s="14" t="s">
        <v>1</v>
      </c>
      <c r="C76337" s="14" t="s">
        <v>59</v>
      </c>
      <c r="D76337" s="14" t="s">
        <v>122</v>
      </c>
      <c r="E76337" s="15">
        <v>45428</v>
      </c>
      <c r="F76337" s="14" t="s">
        <v>15</v>
      </c>
      <c r="G76337" s="16">
        <v>0</v>
      </c>
    </row>
    <row r="76338" spans="1:7" x14ac:dyDescent="0.3">
      <c r="A76338" s="13" t="s">
        <v>392</v>
      </c>
      <c r="B76338" s="14" t="s">
        <v>1</v>
      </c>
      <c r="C76338" s="14" t="s">
        <v>59</v>
      </c>
      <c r="D76338" s="14" t="s">
        <v>122</v>
      </c>
      <c r="E76338" s="15">
        <v>45429</v>
      </c>
      <c r="F76338" s="14" t="s">
        <v>15</v>
      </c>
      <c r="G76338" s="16">
        <v>0</v>
      </c>
    </row>
    <row r="76339" spans="1:7" x14ac:dyDescent="0.3">
      <c r="A76339" s="13" t="s">
        <v>392</v>
      </c>
      <c r="B76339" s="14" t="s">
        <v>1</v>
      </c>
      <c r="C76339" s="14" t="s">
        <v>59</v>
      </c>
      <c r="D76339" s="14" t="s">
        <v>122</v>
      </c>
      <c r="E76339" s="15">
        <v>45430</v>
      </c>
      <c r="F76339" s="14" t="s">
        <v>15</v>
      </c>
      <c r="G76339" s="16">
        <v>0</v>
      </c>
    </row>
    <row r="76340" spans="1:7" x14ac:dyDescent="0.3">
      <c r="A76340" s="13" t="s">
        <v>392</v>
      </c>
      <c r="B76340" s="14" t="s">
        <v>1</v>
      </c>
      <c r="C76340" s="14" t="s">
        <v>59</v>
      </c>
      <c r="D76340" s="14" t="s">
        <v>122</v>
      </c>
      <c r="E76340" s="15">
        <v>45431</v>
      </c>
      <c r="F76340" s="14" t="s">
        <v>15</v>
      </c>
      <c r="G76340" s="16">
        <v>0</v>
      </c>
    </row>
    <row r="76341" spans="1:7" x14ac:dyDescent="0.3">
      <c r="A76341" s="13" t="s">
        <v>392</v>
      </c>
      <c r="B76341" s="14" t="s">
        <v>1</v>
      </c>
      <c r="C76341" s="14" t="s">
        <v>59</v>
      </c>
      <c r="D76341" s="14" t="s">
        <v>122</v>
      </c>
      <c r="E76341" s="15">
        <v>45432</v>
      </c>
      <c r="F76341" s="14" t="s">
        <v>15</v>
      </c>
      <c r="G76341" s="16">
        <v>0</v>
      </c>
    </row>
    <row r="76342" spans="1:7" x14ac:dyDescent="0.3">
      <c r="A76342" s="13" t="s">
        <v>392</v>
      </c>
      <c r="B76342" s="14" t="s">
        <v>1</v>
      </c>
      <c r="C76342" s="14" t="s">
        <v>59</v>
      </c>
      <c r="D76342" s="14" t="s">
        <v>122</v>
      </c>
      <c r="E76342" s="15">
        <v>45433</v>
      </c>
      <c r="F76342" s="14" t="s">
        <v>15</v>
      </c>
      <c r="G76342" s="16">
        <v>0</v>
      </c>
    </row>
    <row r="76343" spans="1:7" x14ac:dyDescent="0.3">
      <c r="A76343" s="13" t="s">
        <v>392</v>
      </c>
      <c r="B76343" s="14" t="s">
        <v>1</v>
      </c>
      <c r="C76343" s="14" t="s">
        <v>59</v>
      </c>
      <c r="D76343" s="14" t="s">
        <v>122</v>
      </c>
      <c r="E76343" s="15">
        <v>45434</v>
      </c>
      <c r="F76343" s="14" t="s">
        <v>15</v>
      </c>
      <c r="G76343" s="16">
        <v>0</v>
      </c>
    </row>
    <row r="76344" spans="1:7" x14ac:dyDescent="0.3">
      <c r="A76344" s="13" t="s">
        <v>392</v>
      </c>
      <c r="B76344" s="14" t="s">
        <v>1</v>
      </c>
      <c r="C76344" s="14" t="s">
        <v>59</v>
      </c>
      <c r="D76344" s="14" t="s">
        <v>122</v>
      </c>
      <c r="E76344" s="15">
        <v>45435</v>
      </c>
      <c r="F76344" s="14" t="s">
        <v>15</v>
      </c>
      <c r="G76344" s="16">
        <v>0</v>
      </c>
    </row>
    <row r="76345" spans="1:7" x14ac:dyDescent="0.3">
      <c r="A76345" s="13" t="s">
        <v>392</v>
      </c>
      <c r="B76345" s="14" t="s">
        <v>1</v>
      </c>
      <c r="C76345" s="14" t="s">
        <v>59</v>
      </c>
      <c r="D76345" s="14" t="s">
        <v>122</v>
      </c>
      <c r="E76345" s="15">
        <v>45436</v>
      </c>
      <c r="F76345" s="14" t="s">
        <v>15</v>
      </c>
      <c r="G76345" s="16">
        <v>0</v>
      </c>
    </row>
    <row r="76346" spans="1:7" x14ac:dyDescent="0.3">
      <c r="A76346" s="13" t="s">
        <v>392</v>
      </c>
      <c r="B76346" s="14" t="s">
        <v>1</v>
      </c>
      <c r="C76346" s="14" t="s">
        <v>59</v>
      </c>
      <c r="D76346" s="14" t="s">
        <v>122</v>
      </c>
      <c r="E76346" s="15">
        <v>45437</v>
      </c>
      <c r="F76346" s="14" t="s">
        <v>15</v>
      </c>
      <c r="G76346" s="16">
        <v>0</v>
      </c>
    </row>
    <row r="76347" spans="1:7" x14ac:dyDescent="0.3">
      <c r="A76347" s="13" t="s">
        <v>392</v>
      </c>
      <c r="B76347" s="14" t="s">
        <v>1</v>
      </c>
      <c r="C76347" s="14" t="s">
        <v>59</v>
      </c>
      <c r="D76347" s="14" t="s">
        <v>122</v>
      </c>
      <c r="E76347" s="15">
        <v>45438</v>
      </c>
      <c r="F76347" s="14" t="s">
        <v>15</v>
      </c>
      <c r="G76347" s="16">
        <v>0</v>
      </c>
    </row>
    <row r="76348" spans="1:7" x14ac:dyDescent="0.3">
      <c r="A76348" s="13" t="s">
        <v>392</v>
      </c>
      <c r="B76348" s="14" t="s">
        <v>1</v>
      </c>
      <c r="C76348" s="14" t="s">
        <v>59</v>
      </c>
      <c r="D76348" s="14" t="s">
        <v>122</v>
      </c>
      <c r="E76348" s="15">
        <v>45439</v>
      </c>
      <c r="F76348" s="14" t="s">
        <v>15</v>
      </c>
      <c r="G76348" s="16">
        <v>0</v>
      </c>
    </row>
    <row r="76349" spans="1:7" x14ac:dyDescent="0.3">
      <c r="A76349" s="13" t="s">
        <v>392</v>
      </c>
      <c r="B76349" s="14" t="s">
        <v>1</v>
      </c>
      <c r="C76349" s="14" t="s">
        <v>59</v>
      </c>
      <c r="D76349" s="14" t="s">
        <v>122</v>
      </c>
      <c r="E76349" s="15">
        <v>45440</v>
      </c>
      <c r="F76349" s="14" t="s">
        <v>15</v>
      </c>
      <c r="G76349" s="16">
        <v>0</v>
      </c>
    </row>
    <row r="76350" spans="1:7" x14ac:dyDescent="0.3">
      <c r="A76350" s="13" t="s">
        <v>392</v>
      </c>
      <c r="B76350" s="14" t="s">
        <v>1</v>
      </c>
      <c r="C76350" s="14" t="s">
        <v>59</v>
      </c>
      <c r="D76350" s="14" t="s">
        <v>122</v>
      </c>
      <c r="E76350" s="15">
        <v>45441</v>
      </c>
      <c r="F76350" s="14" t="s">
        <v>15</v>
      </c>
      <c r="G76350" s="16">
        <v>0</v>
      </c>
    </row>
    <row r="76351" spans="1:7" x14ac:dyDescent="0.3">
      <c r="A76351" s="13" t="s">
        <v>392</v>
      </c>
      <c r="B76351" s="14" t="s">
        <v>1</v>
      </c>
      <c r="C76351" s="14" t="s">
        <v>59</v>
      </c>
      <c r="D76351" s="14" t="s">
        <v>122</v>
      </c>
      <c r="E76351" s="15">
        <v>45442</v>
      </c>
      <c r="F76351" s="14" t="s">
        <v>15</v>
      </c>
      <c r="G76351" s="16">
        <v>0</v>
      </c>
    </row>
    <row r="76352" spans="1:7" x14ac:dyDescent="0.3">
      <c r="A76352" s="13" t="s">
        <v>392</v>
      </c>
      <c r="B76352" s="14" t="s">
        <v>1</v>
      </c>
      <c r="C76352" s="14" t="s">
        <v>59</v>
      </c>
      <c r="D76352" s="14" t="s">
        <v>122</v>
      </c>
      <c r="E76352" s="15">
        <v>45443</v>
      </c>
      <c r="F76352" s="14" t="s">
        <v>15</v>
      </c>
      <c r="G76352" s="16">
        <v>0</v>
      </c>
    </row>
    <row r="76353" spans="1:7" x14ac:dyDescent="0.3">
      <c r="A76353" s="13" t="s">
        <v>392</v>
      </c>
      <c r="B76353" s="14" t="s">
        <v>1</v>
      </c>
      <c r="C76353" s="14" t="s">
        <v>59</v>
      </c>
      <c r="D76353" s="14" t="s">
        <v>122</v>
      </c>
      <c r="E76353" s="15">
        <v>45444</v>
      </c>
      <c r="F76353" s="14" t="s">
        <v>15</v>
      </c>
      <c r="G76353" s="16">
        <v>0</v>
      </c>
    </row>
    <row r="76354" spans="1:7" x14ac:dyDescent="0.3">
      <c r="A76354" s="13" t="s">
        <v>392</v>
      </c>
      <c r="B76354" s="14" t="s">
        <v>1</v>
      </c>
      <c r="C76354" s="14" t="s">
        <v>59</v>
      </c>
      <c r="D76354" s="14" t="s">
        <v>122</v>
      </c>
      <c r="E76354" s="15">
        <v>45445</v>
      </c>
      <c r="F76354" s="14" t="s">
        <v>15</v>
      </c>
      <c r="G76354" s="16">
        <v>0</v>
      </c>
    </row>
    <row r="76355" spans="1:7" x14ac:dyDescent="0.3">
      <c r="A76355" s="13" t="s">
        <v>392</v>
      </c>
      <c r="B76355" s="14" t="s">
        <v>1</v>
      </c>
      <c r="C76355" s="14" t="s">
        <v>59</v>
      </c>
      <c r="D76355" s="14" t="s">
        <v>122</v>
      </c>
      <c r="E76355" s="15">
        <v>45446</v>
      </c>
      <c r="F76355" s="14" t="s">
        <v>15</v>
      </c>
      <c r="G76355" s="16">
        <v>0</v>
      </c>
    </row>
    <row r="76356" spans="1:7" x14ac:dyDescent="0.3">
      <c r="A76356" s="13" t="s">
        <v>392</v>
      </c>
      <c r="B76356" s="14" t="s">
        <v>1</v>
      </c>
      <c r="C76356" s="14" t="s">
        <v>59</v>
      </c>
      <c r="D76356" s="14" t="s">
        <v>122</v>
      </c>
      <c r="E76356" s="15">
        <v>45447</v>
      </c>
      <c r="F76356" s="14" t="s">
        <v>15</v>
      </c>
      <c r="G76356" s="16">
        <v>0</v>
      </c>
    </row>
    <row r="76357" spans="1:7" x14ac:dyDescent="0.3">
      <c r="A76357" s="13" t="s">
        <v>392</v>
      </c>
      <c r="B76357" s="14" t="s">
        <v>1</v>
      </c>
      <c r="C76357" s="14" t="s">
        <v>59</v>
      </c>
      <c r="D76357" s="14" t="s">
        <v>122</v>
      </c>
      <c r="E76357" s="15">
        <v>45448</v>
      </c>
      <c r="F76357" s="14" t="s">
        <v>15</v>
      </c>
      <c r="G76357" s="16">
        <v>0</v>
      </c>
    </row>
    <row r="76358" spans="1:7" x14ac:dyDescent="0.3">
      <c r="A76358" s="13" t="s">
        <v>392</v>
      </c>
      <c r="B76358" s="14" t="s">
        <v>1</v>
      </c>
      <c r="C76358" s="14" t="s">
        <v>59</v>
      </c>
      <c r="D76358" s="14" t="s">
        <v>122</v>
      </c>
      <c r="E76358" s="15">
        <v>45449</v>
      </c>
      <c r="F76358" s="14" t="s">
        <v>15</v>
      </c>
      <c r="G76358" s="16">
        <v>0</v>
      </c>
    </row>
    <row r="76359" spans="1:7" x14ac:dyDescent="0.3">
      <c r="A76359" s="13" t="s">
        <v>392</v>
      </c>
      <c r="B76359" s="14" t="s">
        <v>1</v>
      </c>
      <c r="C76359" s="14" t="s">
        <v>59</v>
      </c>
      <c r="D76359" s="14" t="s">
        <v>122</v>
      </c>
      <c r="E76359" s="15">
        <v>45450</v>
      </c>
      <c r="F76359" s="14" t="s">
        <v>15</v>
      </c>
      <c r="G76359" s="16">
        <v>0</v>
      </c>
    </row>
    <row r="76360" spans="1:7" x14ac:dyDescent="0.3">
      <c r="A76360" s="13" t="s">
        <v>392</v>
      </c>
      <c r="B76360" s="14" t="s">
        <v>1</v>
      </c>
      <c r="C76360" s="14" t="s">
        <v>59</v>
      </c>
      <c r="D76360" s="14" t="s">
        <v>122</v>
      </c>
      <c r="E76360" s="15">
        <v>45451</v>
      </c>
      <c r="F76360" s="14" t="s">
        <v>15</v>
      </c>
      <c r="G76360" s="16">
        <v>0</v>
      </c>
    </row>
    <row r="76361" spans="1:7" x14ac:dyDescent="0.3">
      <c r="A76361" s="13" t="s">
        <v>392</v>
      </c>
      <c r="B76361" s="14" t="s">
        <v>1</v>
      </c>
      <c r="C76361" s="14" t="s">
        <v>59</v>
      </c>
      <c r="D76361" s="14" t="s">
        <v>122</v>
      </c>
      <c r="E76361" s="15">
        <v>45452</v>
      </c>
      <c r="F76361" s="14" t="s">
        <v>15</v>
      </c>
      <c r="G76361" s="16">
        <v>0</v>
      </c>
    </row>
    <row r="76362" spans="1:7" x14ac:dyDescent="0.3">
      <c r="A76362" s="13" t="s">
        <v>392</v>
      </c>
      <c r="B76362" s="14" t="s">
        <v>1</v>
      </c>
      <c r="C76362" s="14" t="s">
        <v>59</v>
      </c>
      <c r="D76362" s="14" t="s">
        <v>122</v>
      </c>
      <c r="E76362" s="15">
        <v>45453</v>
      </c>
      <c r="F76362" s="14" t="s">
        <v>15</v>
      </c>
      <c r="G76362" s="16">
        <v>0</v>
      </c>
    </row>
    <row r="76363" spans="1:7" x14ac:dyDescent="0.3">
      <c r="A76363" s="13" t="s">
        <v>392</v>
      </c>
      <c r="B76363" s="14" t="s">
        <v>1</v>
      </c>
      <c r="C76363" s="14" t="s">
        <v>59</v>
      </c>
      <c r="D76363" s="14" t="s">
        <v>122</v>
      </c>
      <c r="E76363" s="15">
        <v>45454</v>
      </c>
      <c r="F76363" s="14" t="s">
        <v>15</v>
      </c>
      <c r="G76363" s="16">
        <v>0</v>
      </c>
    </row>
    <row r="76364" spans="1:7" x14ac:dyDescent="0.3">
      <c r="A76364" s="13" t="s">
        <v>392</v>
      </c>
      <c r="B76364" s="14" t="s">
        <v>1</v>
      </c>
      <c r="C76364" s="14" t="s">
        <v>59</v>
      </c>
      <c r="D76364" s="14" t="s">
        <v>122</v>
      </c>
      <c r="E76364" s="15">
        <v>45455</v>
      </c>
      <c r="F76364" s="14" t="s">
        <v>15</v>
      </c>
      <c r="G76364" s="16">
        <v>0</v>
      </c>
    </row>
    <row r="76365" spans="1:7" x14ac:dyDescent="0.3">
      <c r="A76365" s="13" t="s">
        <v>392</v>
      </c>
      <c r="B76365" s="14" t="s">
        <v>1</v>
      </c>
      <c r="C76365" s="14" t="s">
        <v>59</v>
      </c>
      <c r="D76365" s="14" t="s">
        <v>122</v>
      </c>
      <c r="E76365" s="15">
        <v>45456</v>
      </c>
      <c r="F76365" s="14" t="s">
        <v>15</v>
      </c>
      <c r="G76365" s="16">
        <v>0</v>
      </c>
    </row>
    <row r="76366" spans="1:7" x14ac:dyDescent="0.3">
      <c r="A76366" s="13" t="s">
        <v>392</v>
      </c>
      <c r="B76366" s="14" t="s">
        <v>1</v>
      </c>
      <c r="C76366" s="14" t="s">
        <v>59</v>
      </c>
      <c r="D76366" s="14" t="s">
        <v>122</v>
      </c>
      <c r="E76366" s="15">
        <v>45457</v>
      </c>
      <c r="F76366" s="14" t="s">
        <v>15</v>
      </c>
      <c r="G76366" s="16">
        <v>0</v>
      </c>
    </row>
    <row r="76367" spans="1:7" x14ac:dyDescent="0.3">
      <c r="A76367" s="13" t="s">
        <v>392</v>
      </c>
      <c r="B76367" s="14" t="s">
        <v>1</v>
      </c>
      <c r="C76367" s="14" t="s">
        <v>59</v>
      </c>
      <c r="D76367" s="14" t="s">
        <v>122</v>
      </c>
      <c r="E76367" s="15">
        <v>45458</v>
      </c>
      <c r="F76367" s="14" t="s">
        <v>15</v>
      </c>
      <c r="G76367" s="16">
        <v>0</v>
      </c>
    </row>
    <row r="76368" spans="1:7" x14ac:dyDescent="0.3">
      <c r="A76368" s="13" t="s">
        <v>392</v>
      </c>
      <c r="B76368" s="14" t="s">
        <v>1</v>
      </c>
      <c r="C76368" s="14" t="s">
        <v>59</v>
      </c>
      <c r="D76368" s="14" t="s">
        <v>122</v>
      </c>
      <c r="E76368" s="15">
        <v>45459</v>
      </c>
      <c r="F76368" s="14" t="s">
        <v>15</v>
      </c>
      <c r="G76368" s="16">
        <v>0</v>
      </c>
    </row>
    <row r="76369" spans="1:7" x14ac:dyDescent="0.3">
      <c r="A76369" s="13" t="s">
        <v>392</v>
      </c>
      <c r="B76369" s="14" t="s">
        <v>1</v>
      </c>
      <c r="C76369" s="14" t="s">
        <v>59</v>
      </c>
      <c r="D76369" s="14" t="s">
        <v>122</v>
      </c>
      <c r="E76369" s="15">
        <v>45460</v>
      </c>
      <c r="F76369" s="14" t="s">
        <v>15</v>
      </c>
      <c r="G76369" s="16">
        <v>0</v>
      </c>
    </row>
    <row r="76370" spans="1:7" x14ac:dyDescent="0.3">
      <c r="A76370" s="13" t="s">
        <v>392</v>
      </c>
      <c r="B76370" s="14" t="s">
        <v>1</v>
      </c>
      <c r="C76370" s="14" t="s">
        <v>59</v>
      </c>
      <c r="D76370" s="14" t="s">
        <v>122</v>
      </c>
      <c r="E76370" s="15">
        <v>45461</v>
      </c>
      <c r="F76370" s="14" t="s">
        <v>15</v>
      </c>
      <c r="G76370" s="16">
        <v>0</v>
      </c>
    </row>
    <row r="76371" spans="1:7" x14ac:dyDescent="0.3">
      <c r="A76371" s="13" t="s">
        <v>392</v>
      </c>
      <c r="B76371" s="14" t="s">
        <v>1</v>
      </c>
      <c r="C76371" s="14" t="s">
        <v>59</v>
      </c>
      <c r="D76371" s="14" t="s">
        <v>122</v>
      </c>
      <c r="E76371" s="15">
        <v>45462</v>
      </c>
      <c r="F76371" s="14" t="s">
        <v>15</v>
      </c>
      <c r="G76371" s="16">
        <v>0</v>
      </c>
    </row>
    <row r="76372" spans="1:7" x14ac:dyDescent="0.3">
      <c r="A76372" s="13" t="s">
        <v>392</v>
      </c>
      <c r="B76372" s="14" t="s">
        <v>1</v>
      </c>
      <c r="C76372" s="14" t="s">
        <v>59</v>
      </c>
      <c r="D76372" s="14" t="s">
        <v>122</v>
      </c>
      <c r="E76372" s="15">
        <v>45463</v>
      </c>
      <c r="F76372" s="14" t="s">
        <v>15</v>
      </c>
      <c r="G76372" s="16">
        <v>0</v>
      </c>
    </row>
    <row r="76373" spans="1:7" x14ac:dyDescent="0.3">
      <c r="A76373" s="13" t="s">
        <v>392</v>
      </c>
      <c r="B76373" s="14" t="s">
        <v>1</v>
      </c>
      <c r="C76373" s="14" t="s">
        <v>59</v>
      </c>
      <c r="D76373" s="14" t="s">
        <v>122</v>
      </c>
      <c r="E76373" s="15">
        <v>45464</v>
      </c>
      <c r="F76373" s="14" t="s">
        <v>15</v>
      </c>
      <c r="G76373" s="16">
        <v>0</v>
      </c>
    </row>
    <row r="76374" spans="1:7" x14ac:dyDescent="0.3">
      <c r="A76374" s="13" t="s">
        <v>392</v>
      </c>
      <c r="B76374" s="14" t="s">
        <v>1</v>
      </c>
      <c r="C76374" s="14" t="s">
        <v>59</v>
      </c>
      <c r="D76374" s="14" t="s">
        <v>122</v>
      </c>
      <c r="E76374" s="15">
        <v>45465</v>
      </c>
      <c r="F76374" s="14" t="s">
        <v>15</v>
      </c>
      <c r="G76374" s="16">
        <v>0</v>
      </c>
    </row>
    <row r="76375" spans="1:7" x14ac:dyDescent="0.3">
      <c r="A76375" s="13" t="s">
        <v>392</v>
      </c>
      <c r="B76375" s="14" t="s">
        <v>1</v>
      </c>
      <c r="C76375" s="14" t="s">
        <v>59</v>
      </c>
      <c r="D76375" s="14" t="s">
        <v>122</v>
      </c>
      <c r="E76375" s="15">
        <v>45466</v>
      </c>
      <c r="F76375" s="14" t="s">
        <v>15</v>
      </c>
      <c r="G76375" s="16">
        <v>0</v>
      </c>
    </row>
    <row r="76376" spans="1:7" x14ac:dyDescent="0.3">
      <c r="A76376" s="13" t="s">
        <v>392</v>
      </c>
      <c r="B76376" s="14" t="s">
        <v>1</v>
      </c>
      <c r="C76376" s="14" t="s">
        <v>59</v>
      </c>
      <c r="D76376" s="14" t="s">
        <v>122</v>
      </c>
      <c r="E76376" s="15">
        <v>45467</v>
      </c>
      <c r="F76376" s="14" t="s">
        <v>15</v>
      </c>
      <c r="G76376" s="16">
        <v>0</v>
      </c>
    </row>
    <row r="76377" spans="1:7" x14ac:dyDescent="0.3">
      <c r="A76377" s="13" t="s">
        <v>392</v>
      </c>
      <c r="B76377" s="14" t="s">
        <v>1</v>
      </c>
      <c r="C76377" s="14" t="s">
        <v>59</v>
      </c>
      <c r="D76377" s="14" t="s">
        <v>122</v>
      </c>
      <c r="E76377" s="15">
        <v>45468</v>
      </c>
      <c r="F76377" s="14" t="s">
        <v>15</v>
      </c>
      <c r="G76377" s="16">
        <v>0</v>
      </c>
    </row>
    <row r="76378" spans="1:7" x14ac:dyDescent="0.3">
      <c r="A76378" s="13" t="s">
        <v>392</v>
      </c>
      <c r="B76378" s="14" t="s">
        <v>1</v>
      </c>
      <c r="C76378" s="14" t="s">
        <v>59</v>
      </c>
      <c r="D76378" s="14" t="s">
        <v>122</v>
      </c>
      <c r="E76378" s="15">
        <v>45469</v>
      </c>
      <c r="F76378" s="14" t="s">
        <v>15</v>
      </c>
      <c r="G76378" s="16">
        <v>0</v>
      </c>
    </row>
    <row r="76379" spans="1:7" x14ac:dyDescent="0.3">
      <c r="A76379" s="13" t="s">
        <v>392</v>
      </c>
      <c r="B76379" s="14" t="s">
        <v>1</v>
      </c>
      <c r="C76379" s="14" t="s">
        <v>59</v>
      </c>
      <c r="D76379" s="14" t="s">
        <v>122</v>
      </c>
      <c r="E76379" s="15">
        <v>45470</v>
      </c>
      <c r="F76379" s="14" t="s">
        <v>15</v>
      </c>
      <c r="G76379" s="16">
        <v>0</v>
      </c>
    </row>
    <row r="76380" spans="1:7" x14ac:dyDescent="0.3">
      <c r="A76380" s="13" t="s">
        <v>392</v>
      </c>
      <c r="B76380" s="14" t="s">
        <v>1</v>
      </c>
      <c r="C76380" s="14" t="s">
        <v>59</v>
      </c>
      <c r="D76380" s="14" t="s">
        <v>122</v>
      </c>
      <c r="E76380" s="15">
        <v>45471</v>
      </c>
      <c r="F76380" s="14" t="s">
        <v>15</v>
      </c>
      <c r="G76380" s="16">
        <v>0</v>
      </c>
    </row>
    <row r="76381" spans="1:7" x14ac:dyDescent="0.3">
      <c r="A76381" s="13" t="s">
        <v>392</v>
      </c>
      <c r="B76381" s="14" t="s">
        <v>1</v>
      </c>
      <c r="C76381" s="14" t="s">
        <v>59</v>
      </c>
      <c r="D76381" s="14" t="s">
        <v>122</v>
      </c>
      <c r="E76381" s="15">
        <v>45472</v>
      </c>
      <c r="F76381" s="14" t="s">
        <v>15</v>
      </c>
      <c r="G76381" s="16">
        <v>0</v>
      </c>
    </row>
    <row r="76382" spans="1:7" x14ac:dyDescent="0.3">
      <c r="A76382" s="13" t="s">
        <v>392</v>
      </c>
      <c r="B76382" s="14" t="s">
        <v>1</v>
      </c>
      <c r="C76382" s="14" t="s">
        <v>59</v>
      </c>
      <c r="D76382" s="14" t="s">
        <v>122</v>
      </c>
      <c r="E76382" s="15">
        <v>45473</v>
      </c>
      <c r="F76382" s="14" t="s">
        <v>15</v>
      </c>
      <c r="G76382" s="16">
        <v>0</v>
      </c>
    </row>
    <row r="76383" spans="1:7" x14ac:dyDescent="0.3">
      <c r="A76383" s="13" t="s">
        <v>392</v>
      </c>
      <c r="B76383" s="14" t="s">
        <v>1</v>
      </c>
      <c r="C76383" s="14" t="s">
        <v>59</v>
      </c>
      <c r="D76383" s="14" t="s">
        <v>122</v>
      </c>
      <c r="E76383" s="15">
        <v>45474</v>
      </c>
      <c r="F76383" s="14" t="s">
        <v>15</v>
      </c>
      <c r="G76383" s="16">
        <v>0</v>
      </c>
    </row>
    <row r="76384" spans="1:7" x14ac:dyDescent="0.3">
      <c r="A76384" s="13" t="s">
        <v>392</v>
      </c>
      <c r="B76384" s="14" t="s">
        <v>1</v>
      </c>
      <c r="C76384" s="14" t="s">
        <v>59</v>
      </c>
      <c r="D76384" s="14" t="s">
        <v>122</v>
      </c>
      <c r="E76384" s="15">
        <v>45475</v>
      </c>
      <c r="F76384" s="14" t="s">
        <v>15</v>
      </c>
      <c r="G76384" s="16">
        <v>0</v>
      </c>
    </row>
    <row r="76385" spans="1:7" x14ac:dyDescent="0.3">
      <c r="A76385" s="13" t="s">
        <v>392</v>
      </c>
      <c r="B76385" s="14" t="s">
        <v>1</v>
      </c>
      <c r="C76385" s="14" t="s">
        <v>59</v>
      </c>
      <c r="D76385" s="14" t="s">
        <v>122</v>
      </c>
      <c r="E76385" s="15">
        <v>45476</v>
      </c>
      <c r="F76385" s="14" t="s">
        <v>15</v>
      </c>
      <c r="G76385" s="16">
        <v>0</v>
      </c>
    </row>
    <row r="76386" spans="1:7" x14ac:dyDescent="0.3">
      <c r="A76386" s="13" t="s">
        <v>392</v>
      </c>
      <c r="B76386" s="14" t="s">
        <v>1</v>
      </c>
      <c r="C76386" s="14" t="s">
        <v>59</v>
      </c>
      <c r="D76386" s="14" t="s">
        <v>122</v>
      </c>
      <c r="E76386" s="15">
        <v>45477</v>
      </c>
      <c r="F76386" s="14" t="s">
        <v>15</v>
      </c>
      <c r="G76386" s="16">
        <v>0</v>
      </c>
    </row>
    <row r="76387" spans="1:7" x14ac:dyDescent="0.3">
      <c r="A76387" s="13" t="s">
        <v>392</v>
      </c>
      <c r="B76387" s="14" t="s">
        <v>1</v>
      </c>
      <c r="C76387" s="14" t="s">
        <v>59</v>
      </c>
      <c r="D76387" s="14" t="s">
        <v>122</v>
      </c>
      <c r="E76387" s="15">
        <v>45478</v>
      </c>
      <c r="F76387" s="14" t="s">
        <v>15</v>
      </c>
      <c r="G76387" s="16">
        <v>0</v>
      </c>
    </row>
    <row r="76388" spans="1:7" x14ac:dyDescent="0.3">
      <c r="A76388" s="13" t="s">
        <v>392</v>
      </c>
      <c r="B76388" s="14" t="s">
        <v>1</v>
      </c>
      <c r="C76388" s="14" t="s">
        <v>59</v>
      </c>
      <c r="D76388" s="14" t="s">
        <v>122</v>
      </c>
      <c r="E76388" s="15">
        <v>45479</v>
      </c>
      <c r="F76388" s="14" t="s">
        <v>15</v>
      </c>
      <c r="G76388" s="16">
        <v>0</v>
      </c>
    </row>
    <row r="76389" spans="1:7" x14ac:dyDescent="0.3">
      <c r="A76389" s="13" t="s">
        <v>392</v>
      </c>
      <c r="B76389" s="14" t="s">
        <v>1</v>
      </c>
      <c r="C76389" s="14" t="s">
        <v>59</v>
      </c>
      <c r="D76389" s="14" t="s">
        <v>122</v>
      </c>
      <c r="E76389" s="15">
        <v>45480</v>
      </c>
      <c r="F76389" s="14" t="s">
        <v>15</v>
      </c>
      <c r="G76389" s="16">
        <v>0</v>
      </c>
    </row>
    <row r="76390" spans="1:7" x14ac:dyDescent="0.3">
      <c r="A76390" s="13" t="s">
        <v>392</v>
      </c>
      <c r="B76390" s="14" t="s">
        <v>1</v>
      </c>
      <c r="C76390" s="14" t="s">
        <v>59</v>
      </c>
      <c r="D76390" s="14" t="s">
        <v>122</v>
      </c>
      <c r="E76390" s="15">
        <v>45481</v>
      </c>
      <c r="F76390" s="14" t="s">
        <v>15</v>
      </c>
      <c r="G76390" s="16">
        <v>0</v>
      </c>
    </row>
    <row r="76391" spans="1:7" x14ac:dyDescent="0.3">
      <c r="A76391" s="13" t="s">
        <v>392</v>
      </c>
      <c r="B76391" s="14" t="s">
        <v>1</v>
      </c>
      <c r="C76391" s="14" t="s">
        <v>59</v>
      </c>
      <c r="D76391" s="14" t="s">
        <v>122</v>
      </c>
      <c r="E76391" s="15">
        <v>45482</v>
      </c>
      <c r="F76391" s="14" t="s">
        <v>15</v>
      </c>
      <c r="G76391" s="16">
        <v>0</v>
      </c>
    </row>
    <row r="76392" spans="1:7" x14ac:dyDescent="0.3">
      <c r="A76392" s="13" t="s">
        <v>392</v>
      </c>
      <c r="B76392" s="14" t="s">
        <v>1</v>
      </c>
      <c r="C76392" s="14" t="s">
        <v>59</v>
      </c>
      <c r="D76392" s="14" t="s">
        <v>122</v>
      </c>
      <c r="E76392" s="15">
        <v>45483</v>
      </c>
      <c r="F76392" s="14" t="s">
        <v>15</v>
      </c>
      <c r="G76392" s="16">
        <v>0</v>
      </c>
    </row>
    <row r="76393" spans="1:7" x14ac:dyDescent="0.3">
      <c r="A76393" s="13" t="s">
        <v>392</v>
      </c>
      <c r="B76393" s="14" t="s">
        <v>1</v>
      </c>
      <c r="C76393" s="14" t="s">
        <v>59</v>
      </c>
      <c r="D76393" s="14" t="s">
        <v>122</v>
      </c>
      <c r="E76393" s="15">
        <v>45484</v>
      </c>
      <c r="F76393" s="14" t="s">
        <v>15</v>
      </c>
      <c r="G76393" s="16">
        <v>0</v>
      </c>
    </row>
    <row r="76394" spans="1:7" x14ac:dyDescent="0.3">
      <c r="A76394" s="13" t="s">
        <v>392</v>
      </c>
      <c r="B76394" s="14" t="s">
        <v>1</v>
      </c>
      <c r="C76394" s="14" t="s">
        <v>59</v>
      </c>
      <c r="D76394" s="14" t="s">
        <v>122</v>
      </c>
      <c r="E76394" s="15">
        <v>45485</v>
      </c>
      <c r="F76394" s="14" t="s">
        <v>15</v>
      </c>
      <c r="G76394" s="16">
        <v>0</v>
      </c>
    </row>
    <row r="76395" spans="1:7" x14ac:dyDescent="0.3">
      <c r="A76395" s="13" t="s">
        <v>392</v>
      </c>
      <c r="B76395" s="14" t="s">
        <v>1</v>
      </c>
      <c r="C76395" s="14" t="s">
        <v>59</v>
      </c>
      <c r="D76395" s="14" t="s">
        <v>122</v>
      </c>
      <c r="E76395" s="15">
        <v>45486</v>
      </c>
      <c r="F76395" s="14" t="s">
        <v>15</v>
      </c>
      <c r="G76395" s="16">
        <v>0</v>
      </c>
    </row>
    <row r="76396" spans="1:7" x14ac:dyDescent="0.3">
      <c r="A76396" s="13" t="s">
        <v>392</v>
      </c>
      <c r="B76396" s="14" t="s">
        <v>1</v>
      </c>
      <c r="C76396" s="14" t="s">
        <v>59</v>
      </c>
      <c r="D76396" s="14" t="s">
        <v>122</v>
      </c>
      <c r="E76396" s="15">
        <v>45487</v>
      </c>
      <c r="F76396" s="14" t="s">
        <v>15</v>
      </c>
      <c r="G76396" s="16">
        <v>0</v>
      </c>
    </row>
    <row r="76397" spans="1:7" x14ac:dyDescent="0.3">
      <c r="A76397" s="13" t="s">
        <v>392</v>
      </c>
      <c r="B76397" s="14" t="s">
        <v>1</v>
      </c>
      <c r="C76397" s="14" t="s">
        <v>59</v>
      </c>
      <c r="D76397" s="14" t="s">
        <v>122</v>
      </c>
      <c r="E76397" s="15">
        <v>45488</v>
      </c>
      <c r="F76397" s="14" t="s">
        <v>15</v>
      </c>
      <c r="G76397" s="16">
        <v>0</v>
      </c>
    </row>
    <row r="76398" spans="1:7" x14ac:dyDescent="0.3">
      <c r="A76398" s="13" t="s">
        <v>392</v>
      </c>
      <c r="B76398" s="14" t="s">
        <v>1</v>
      </c>
      <c r="C76398" s="14" t="s">
        <v>59</v>
      </c>
      <c r="D76398" s="14" t="s">
        <v>122</v>
      </c>
      <c r="E76398" s="15">
        <v>45489</v>
      </c>
      <c r="F76398" s="14" t="s">
        <v>15</v>
      </c>
      <c r="G76398" s="16">
        <v>0</v>
      </c>
    </row>
    <row r="76399" spans="1:7" x14ac:dyDescent="0.3">
      <c r="A76399" s="13" t="s">
        <v>392</v>
      </c>
      <c r="B76399" s="14" t="s">
        <v>1</v>
      </c>
      <c r="C76399" s="14" t="s">
        <v>59</v>
      </c>
      <c r="D76399" s="14" t="s">
        <v>122</v>
      </c>
      <c r="E76399" s="15">
        <v>45490</v>
      </c>
      <c r="F76399" s="14" t="s">
        <v>15</v>
      </c>
      <c r="G76399" s="16">
        <v>0</v>
      </c>
    </row>
    <row r="76400" spans="1:7" x14ac:dyDescent="0.3">
      <c r="A76400" s="13" t="s">
        <v>392</v>
      </c>
      <c r="B76400" s="14" t="s">
        <v>1</v>
      </c>
      <c r="C76400" s="14" t="s">
        <v>59</v>
      </c>
      <c r="D76400" s="14" t="s">
        <v>122</v>
      </c>
      <c r="E76400" s="15">
        <v>45491</v>
      </c>
      <c r="F76400" s="14" t="s">
        <v>15</v>
      </c>
      <c r="G76400" s="16">
        <v>0</v>
      </c>
    </row>
    <row r="76401" spans="1:7" x14ac:dyDescent="0.3">
      <c r="A76401" s="13" t="s">
        <v>392</v>
      </c>
      <c r="B76401" s="14" t="s">
        <v>1</v>
      </c>
      <c r="C76401" s="14" t="s">
        <v>59</v>
      </c>
      <c r="D76401" s="14" t="s">
        <v>122</v>
      </c>
      <c r="E76401" s="15">
        <v>45492</v>
      </c>
      <c r="F76401" s="14" t="s">
        <v>15</v>
      </c>
      <c r="G76401" s="16">
        <v>0</v>
      </c>
    </row>
    <row r="76402" spans="1:7" x14ac:dyDescent="0.3">
      <c r="A76402" s="13" t="s">
        <v>392</v>
      </c>
      <c r="B76402" s="14" t="s">
        <v>1</v>
      </c>
      <c r="C76402" s="14" t="s">
        <v>59</v>
      </c>
      <c r="D76402" s="14" t="s">
        <v>122</v>
      </c>
      <c r="E76402" s="15">
        <v>45493</v>
      </c>
      <c r="F76402" s="14" t="s">
        <v>15</v>
      </c>
      <c r="G76402" s="16">
        <v>0</v>
      </c>
    </row>
    <row r="76403" spans="1:7" x14ac:dyDescent="0.3">
      <c r="A76403" s="13" t="s">
        <v>392</v>
      </c>
      <c r="B76403" s="14" t="s">
        <v>1</v>
      </c>
      <c r="C76403" s="14" t="s">
        <v>59</v>
      </c>
      <c r="D76403" s="14" t="s">
        <v>122</v>
      </c>
      <c r="E76403" s="15">
        <v>45494</v>
      </c>
      <c r="F76403" s="14" t="s">
        <v>15</v>
      </c>
      <c r="G76403" s="16">
        <v>0</v>
      </c>
    </row>
    <row r="76404" spans="1:7" x14ac:dyDescent="0.3">
      <c r="A76404" s="13" t="s">
        <v>392</v>
      </c>
      <c r="B76404" s="14" t="s">
        <v>1</v>
      </c>
      <c r="C76404" s="14" t="s">
        <v>59</v>
      </c>
      <c r="D76404" s="14" t="s">
        <v>122</v>
      </c>
      <c r="E76404" s="15">
        <v>45495</v>
      </c>
      <c r="F76404" s="14" t="s">
        <v>15</v>
      </c>
      <c r="G76404" s="16">
        <v>0</v>
      </c>
    </row>
    <row r="76405" spans="1:7" x14ac:dyDescent="0.3">
      <c r="A76405" s="13" t="s">
        <v>392</v>
      </c>
      <c r="B76405" s="14" t="s">
        <v>1</v>
      </c>
      <c r="C76405" s="14" t="s">
        <v>59</v>
      </c>
      <c r="D76405" s="14" t="s">
        <v>122</v>
      </c>
      <c r="E76405" s="15">
        <v>45496</v>
      </c>
      <c r="F76405" s="14" t="s">
        <v>15</v>
      </c>
      <c r="G76405" s="16">
        <v>0</v>
      </c>
    </row>
    <row r="76406" spans="1:7" x14ac:dyDescent="0.3">
      <c r="A76406" s="13" t="s">
        <v>392</v>
      </c>
      <c r="B76406" s="14" t="s">
        <v>1</v>
      </c>
      <c r="C76406" s="14" t="s">
        <v>59</v>
      </c>
      <c r="D76406" s="14" t="s">
        <v>122</v>
      </c>
      <c r="E76406" s="15">
        <v>45497</v>
      </c>
      <c r="F76406" s="14" t="s">
        <v>15</v>
      </c>
      <c r="G76406" s="16">
        <v>0</v>
      </c>
    </row>
    <row r="76407" spans="1:7" x14ac:dyDescent="0.3">
      <c r="A76407" s="13" t="s">
        <v>392</v>
      </c>
      <c r="B76407" s="14" t="s">
        <v>1</v>
      </c>
      <c r="C76407" s="14" t="s">
        <v>59</v>
      </c>
      <c r="D76407" s="14" t="s">
        <v>122</v>
      </c>
      <c r="E76407" s="15">
        <v>45498</v>
      </c>
      <c r="F76407" s="14" t="s">
        <v>15</v>
      </c>
      <c r="G76407" s="16">
        <v>0</v>
      </c>
    </row>
    <row r="76408" spans="1:7" x14ac:dyDescent="0.3">
      <c r="A76408" s="13" t="s">
        <v>392</v>
      </c>
      <c r="B76408" s="14" t="s">
        <v>1</v>
      </c>
      <c r="C76408" s="14" t="s">
        <v>59</v>
      </c>
      <c r="D76408" s="14" t="s">
        <v>122</v>
      </c>
      <c r="E76408" s="15">
        <v>45499</v>
      </c>
      <c r="F76408" s="14" t="s">
        <v>15</v>
      </c>
      <c r="G76408" s="16">
        <v>0</v>
      </c>
    </row>
    <row r="76409" spans="1:7" x14ac:dyDescent="0.3">
      <c r="A76409" s="13" t="s">
        <v>392</v>
      </c>
      <c r="B76409" s="14" t="s">
        <v>1</v>
      </c>
      <c r="C76409" s="14" t="s">
        <v>59</v>
      </c>
      <c r="D76409" s="14" t="s">
        <v>122</v>
      </c>
      <c r="E76409" s="15">
        <v>45500</v>
      </c>
      <c r="F76409" s="14" t="s">
        <v>15</v>
      </c>
      <c r="G76409" s="16">
        <v>0</v>
      </c>
    </row>
    <row r="76410" spans="1:7" x14ac:dyDescent="0.3">
      <c r="A76410" s="13" t="s">
        <v>392</v>
      </c>
      <c r="B76410" s="14" t="s">
        <v>1</v>
      </c>
      <c r="C76410" s="14" t="s">
        <v>59</v>
      </c>
      <c r="D76410" s="14" t="s">
        <v>122</v>
      </c>
      <c r="E76410" s="15">
        <v>45501</v>
      </c>
      <c r="F76410" s="14" t="s">
        <v>15</v>
      </c>
      <c r="G76410" s="16">
        <v>0</v>
      </c>
    </row>
    <row r="76411" spans="1:7" x14ac:dyDescent="0.3">
      <c r="A76411" s="13" t="s">
        <v>392</v>
      </c>
      <c r="B76411" s="14" t="s">
        <v>1</v>
      </c>
      <c r="C76411" s="14" t="s">
        <v>59</v>
      </c>
      <c r="D76411" s="14" t="s">
        <v>122</v>
      </c>
      <c r="E76411" s="15">
        <v>45502</v>
      </c>
      <c r="F76411" s="14" t="s">
        <v>15</v>
      </c>
      <c r="G76411" s="16">
        <v>0</v>
      </c>
    </row>
    <row r="76412" spans="1:7" x14ac:dyDescent="0.3">
      <c r="A76412" s="13" t="s">
        <v>392</v>
      </c>
      <c r="B76412" s="14" t="s">
        <v>1</v>
      </c>
      <c r="C76412" s="14" t="s">
        <v>59</v>
      </c>
      <c r="D76412" s="14" t="s">
        <v>122</v>
      </c>
      <c r="E76412" s="15">
        <v>45503</v>
      </c>
      <c r="F76412" s="14" t="s">
        <v>15</v>
      </c>
      <c r="G76412" s="16">
        <v>0</v>
      </c>
    </row>
    <row r="76413" spans="1:7" x14ac:dyDescent="0.3">
      <c r="A76413" s="13" t="s">
        <v>392</v>
      </c>
      <c r="B76413" s="14" t="s">
        <v>1</v>
      </c>
      <c r="C76413" s="14" t="s">
        <v>59</v>
      </c>
      <c r="D76413" s="14" t="s">
        <v>122</v>
      </c>
      <c r="E76413" s="15">
        <v>45504</v>
      </c>
      <c r="F76413" s="14" t="s">
        <v>15</v>
      </c>
      <c r="G76413" s="16">
        <v>0</v>
      </c>
    </row>
    <row r="76414" spans="1:7" x14ac:dyDescent="0.3">
      <c r="A76414" s="13" t="s">
        <v>392</v>
      </c>
      <c r="B76414" s="14" t="s">
        <v>1</v>
      </c>
      <c r="C76414" s="14" t="s">
        <v>59</v>
      </c>
      <c r="D76414" s="14" t="s">
        <v>122</v>
      </c>
      <c r="E76414" s="15">
        <v>45505</v>
      </c>
      <c r="F76414" s="14" t="s">
        <v>15</v>
      </c>
      <c r="G76414" s="16">
        <v>0</v>
      </c>
    </row>
    <row r="76415" spans="1:7" x14ac:dyDescent="0.3">
      <c r="A76415" s="13" t="s">
        <v>392</v>
      </c>
      <c r="B76415" s="14" t="s">
        <v>1</v>
      </c>
      <c r="C76415" s="14" t="s">
        <v>59</v>
      </c>
      <c r="D76415" s="14" t="s">
        <v>122</v>
      </c>
      <c r="E76415" s="15">
        <v>45506</v>
      </c>
      <c r="F76415" s="14" t="s">
        <v>15</v>
      </c>
      <c r="G76415" s="16">
        <v>0</v>
      </c>
    </row>
    <row r="76416" spans="1:7" x14ac:dyDescent="0.3">
      <c r="A76416" s="13" t="s">
        <v>392</v>
      </c>
      <c r="B76416" s="14" t="s">
        <v>1</v>
      </c>
      <c r="C76416" s="14" t="s">
        <v>59</v>
      </c>
      <c r="D76416" s="14" t="s">
        <v>122</v>
      </c>
      <c r="E76416" s="15">
        <v>45507</v>
      </c>
      <c r="F76416" s="14" t="s">
        <v>15</v>
      </c>
      <c r="G76416" s="16">
        <v>0</v>
      </c>
    </row>
    <row r="76417" spans="1:7" x14ac:dyDescent="0.3">
      <c r="A76417" s="13" t="s">
        <v>392</v>
      </c>
      <c r="B76417" s="14" t="s">
        <v>1</v>
      </c>
      <c r="C76417" s="14" t="s">
        <v>59</v>
      </c>
      <c r="D76417" s="14" t="s">
        <v>122</v>
      </c>
      <c r="E76417" s="15">
        <v>45508</v>
      </c>
      <c r="F76417" s="14" t="s">
        <v>15</v>
      </c>
      <c r="G76417" s="16">
        <v>0</v>
      </c>
    </row>
    <row r="76418" spans="1:7" x14ac:dyDescent="0.3">
      <c r="A76418" s="13" t="s">
        <v>392</v>
      </c>
      <c r="B76418" s="14" t="s">
        <v>1</v>
      </c>
      <c r="C76418" s="14" t="s">
        <v>59</v>
      </c>
      <c r="D76418" s="14" t="s">
        <v>122</v>
      </c>
      <c r="E76418" s="15">
        <v>45509</v>
      </c>
      <c r="F76418" s="14" t="s">
        <v>15</v>
      </c>
      <c r="G76418" s="16">
        <v>0</v>
      </c>
    </row>
    <row r="76419" spans="1:7" x14ac:dyDescent="0.3">
      <c r="A76419" s="13" t="s">
        <v>392</v>
      </c>
      <c r="B76419" s="14" t="s">
        <v>1</v>
      </c>
      <c r="C76419" s="14" t="s">
        <v>59</v>
      </c>
      <c r="D76419" s="14" t="s">
        <v>122</v>
      </c>
      <c r="E76419" s="15">
        <v>45510</v>
      </c>
      <c r="F76419" s="14" t="s">
        <v>15</v>
      </c>
      <c r="G76419" s="16">
        <v>0</v>
      </c>
    </row>
    <row r="76420" spans="1:7" x14ac:dyDescent="0.3">
      <c r="A76420" s="13" t="s">
        <v>392</v>
      </c>
      <c r="B76420" s="14" t="s">
        <v>1</v>
      </c>
      <c r="C76420" s="14" t="s">
        <v>59</v>
      </c>
      <c r="D76420" s="14" t="s">
        <v>122</v>
      </c>
      <c r="E76420" s="15">
        <v>45511</v>
      </c>
      <c r="F76420" s="14" t="s">
        <v>15</v>
      </c>
      <c r="G76420" s="16">
        <v>0</v>
      </c>
    </row>
    <row r="76421" spans="1:7" x14ac:dyDescent="0.3">
      <c r="A76421" s="13" t="s">
        <v>392</v>
      </c>
      <c r="B76421" s="14" t="s">
        <v>1</v>
      </c>
      <c r="C76421" s="14" t="s">
        <v>59</v>
      </c>
      <c r="D76421" s="14" t="s">
        <v>122</v>
      </c>
      <c r="E76421" s="15">
        <v>45512</v>
      </c>
      <c r="F76421" s="14" t="s">
        <v>15</v>
      </c>
      <c r="G76421" s="16">
        <v>0</v>
      </c>
    </row>
    <row r="76422" spans="1:7" x14ac:dyDescent="0.3">
      <c r="A76422" s="13" t="s">
        <v>392</v>
      </c>
      <c r="B76422" s="14" t="s">
        <v>1</v>
      </c>
      <c r="C76422" s="14" t="s">
        <v>59</v>
      </c>
      <c r="D76422" s="14" t="s">
        <v>122</v>
      </c>
      <c r="E76422" s="15">
        <v>45513</v>
      </c>
      <c r="F76422" s="14" t="s">
        <v>15</v>
      </c>
      <c r="G76422" s="16">
        <v>0</v>
      </c>
    </row>
    <row r="76423" spans="1:7" x14ac:dyDescent="0.3">
      <c r="A76423" s="13" t="s">
        <v>392</v>
      </c>
      <c r="B76423" s="14" t="s">
        <v>1</v>
      </c>
      <c r="C76423" s="14" t="s">
        <v>59</v>
      </c>
      <c r="D76423" s="14" t="s">
        <v>122</v>
      </c>
      <c r="E76423" s="15">
        <v>45514</v>
      </c>
      <c r="F76423" s="14" t="s">
        <v>15</v>
      </c>
      <c r="G76423" s="16">
        <v>0</v>
      </c>
    </row>
    <row r="76424" spans="1:7" x14ac:dyDescent="0.3">
      <c r="A76424" s="13" t="s">
        <v>392</v>
      </c>
      <c r="B76424" s="14" t="s">
        <v>1</v>
      </c>
      <c r="C76424" s="14" t="s">
        <v>59</v>
      </c>
      <c r="D76424" s="14" t="s">
        <v>122</v>
      </c>
      <c r="E76424" s="15">
        <v>45515</v>
      </c>
      <c r="F76424" s="14" t="s">
        <v>15</v>
      </c>
      <c r="G76424" s="16">
        <v>0</v>
      </c>
    </row>
    <row r="76425" spans="1:7" x14ac:dyDescent="0.3">
      <c r="A76425" s="13" t="s">
        <v>392</v>
      </c>
      <c r="B76425" s="14" t="s">
        <v>1</v>
      </c>
      <c r="C76425" s="14" t="s">
        <v>59</v>
      </c>
      <c r="D76425" s="14" t="s">
        <v>122</v>
      </c>
      <c r="E76425" s="15">
        <v>45516</v>
      </c>
      <c r="F76425" s="14" t="s">
        <v>15</v>
      </c>
      <c r="G76425" s="16">
        <v>0</v>
      </c>
    </row>
    <row r="76426" spans="1:7" x14ac:dyDescent="0.3">
      <c r="A76426" s="13" t="s">
        <v>392</v>
      </c>
      <c r="B76426" s="14" t="s">
        <v>1</v>
      </c>
      <c r="C76426" s="14" t="s">
        <v>59</v>
      </c>
      <c r="D76426" s="14" t="s">
        <v>122</v>
      </c>
      <c r="E76426" s="15">
        <v>45517</v>
      </c>
      <c r="F76426" s="14" t="s">
        <v>15</v>
      </c>
      <c r="G76426" s="16">
        <v>0</v>
      </c>
    </row>
    <row r="76427" spans="1:7" x14ac:dyDescent="0.3">
      <c r="A76427" s="13" t="s">
        <v>392</v>
      </c>
      <c r="B76427" s="14" t="s">
        <v>1</v>
      </c>
      <c r="C76427" s="14" t="s">
        <v>59</v>
      </c>
      <c r="D76427" s="14" t="s">
        <v>122</v>
      </c>
      <c r="E76427" s="15">
        <v>45518</v>
      </c>
      <c r="F76427" s="14" t="s">
        <v>15</v>
      </c>
      <c r="G76427" s="16">
        <v>0</v>
      </c>
    </row>
    <row r="76428" spans="1:7" x14ac:dyDescent="0.3">
      <c r="A76428" s="13" t="s">
        <v>392</v>
      </c>
      <c r="B76428" s="14" t="s">
        <v>1</v>
      </c>
      <c r="C76428" s="14" t="s">
        <v>59</v>
      </c>
      <c r="D76428" s="14" t="s">
        <v>122</v>
      </c>
      <c r="E76428" s="15">
        <v>45519</v>
      </c>
      <c r="F76428" s="14" t="s">
        <v>15</v>
      </c>
      <c r="G76428" s="16">
        <v>0</v>
      </c>
    </row>
    <row r="76429" spans="1:7" x14ac:dyDescent="0.3">
      <c r="A76429" s="13" t="s">
        <v>392</v>
      </c>
      <c r="B76429" s="14" t="s">
        <v>1</v>
      </c>
      <c r="C76429" s="14" t="s">
        <v>59</v>
      </c>
      <c r="D76429" s="14" t="s">
        <v>122</v>
      </c>
      <c r="E76429" s="15">
        <v>45520</v>
      </c>
      <c r="F76429" s="14" t="s">
        <v>15</v>
      </c>
      <c r="G76429" s="16">
        <v>0</v>
      </c>
    </row>
    <row r="76430" spans="1:7" x14ac:dyDescent="0.3">
      <c r="A76430" s="13" t="s">
        <v>392</v>
      </c>
      <c r="B76430" s="14" t="s">
        <v>1</v>
      </c>
      <c r="C76430" s="14" t="s">
        <v>59</v>
      </c>
      <c r="D76430" s="14" t="s">
        <v>122</v>
      </c>
      <c r="E76430" s="15">
        <v>45521</v>
      </c>
      <c r="F76430" s="14" t="s">
        <v>15</v>
      </c>
      <c r="G76430" s="16">
        <v>0</v>
      </c>
    </row>
    <row r="76431" spans="1:7" x14ac:dyDescent="0.3">
      <c r="A76431" s="13" t="s">
        <v>392</v>
      </c>
      <c r="B76431" s="14" t="s">
        <v>1</v>
      </c>
      <c r="C76431" s="14" t="s">
        <v>59</v>
      </c>
      <c r="D76431" s="14" t="s">
        <v>122</v>
      </c>
      <c r="E76431" s="15">
        <v>45522</v>
      </c>
      <c r="F76431" s="14" t="s">
        <v>15</v>
      </c>
      <c r="G76431" s="16">
        <v>0</v>
      </c>
    </row>
    <row r="76432" spans="1:7" x14ac:dyDescent="0.3">
      <c r="A76432" s="13" t="s">
        <v>392</v>
      </c>
      <c r="B76432" s="14" t="s">
        <v>1</v>
      </c>
      <c r="C76432" s="14" t="s">
        <v>59</v>
      </c>
      <c r="D76432" s="14" t="s">
        <v>122</v>
      </c>
      <c r="E76432" s="15">
        <v>45523</v>
      </c>
      <c r="F76432" s="14" t="s">
        <v>15</v>
      </c>
      <c r="G76432" s="16">
        <v>0</v>
      </c>
    </row>
    <row r="76433" spans="1:7" x14ac:dyDescent="0.3">
      <c r="A76433" s="13" t="s">
        <v>392</v>
      </c>
      <c r="B76433" s="14" t="s">
        <v>1</v>
      </c>
      <c r="C76433" s="14" t="s">
        <v>59</v>
      </c>
      <c r="D76433" s="14" t="s">
        <v>122</v>
      </c>
      <c r="E76433" s="15">
        <v>45524</v>
      </c>
      <c r="F76433" s="14" t="s">
        <v>15</v>
      </c>
      <c r="G76433" s="16">
        <v>0</v>
      </c>
    </row>
    <row r="76434" spans="1:7" x14ac:dyDescent="0.3">
      <c r="A76434" s="13" t="s">
        <v>392</v>
      </c>
      <c r="B76434" s="14" t="s">
        <v>1</v>
      </c>
      <c r="C76434" s="14" t="s">
        <v>59</v>
      </c>
      <c r="D76434" s="14" t="s">
        <v>122</v>
      </c>
      <c r="E76434" s="15">
        <v>45525</v>
      </c>
      <c r="F76434" s="14" t="s">
        <v>15</v>
      </c>
      <c r="G76434" s="16">
        <v>0</v>
      </c>
    </row>
    <row r="76435" spans="1:7" x14ac:dyDescent="0.3">
      <c r="A76435" s="13" t="s">
        <v>392</v>
      </c>
      <c r="B76435" s="14" t="s">
        <v>1</v>
      </c>
      <c r="C76435" s="14" t="s">
        <v>59</v>
      </c>
      <c r="D76435" s="14" t="s">
        <v>122</v>
      </c>
      <c r="E76435" s="15">
        <v>45526</v>
      </c>
      <c r="F76435" s="14" t="s">
        <v>15</v>
      </c>
      <c r="G76435" s="16">
        <v>0</v>
      </c>
    </row>
    <row r="76436" spans="1:7" x14ac:dyDescent="0.3">
      <c r="A76436" s="13" t="s">
        <v>392</v>
      </c>
      <c r="B76436" s="14" t="s">
        <v>1</v>
      </c>
      <c r="C76436" s="14" t="s">
        <v>59</v>
      </c>
      <c r="D76436" s="14" t="s">
        <v>122</v>
      </c>
      <c r="E76436" s="15">
        <v>45527</v>
      </c>
      <c r="F76436" s="14" t="s">
        <v>15</v>
      </c>
      <c r="G76436" s="16">
        <v>0</v>
      </c>
    </row>
    <row r="76437" spans="1:7" x14ac:dyDescent="0.3">
      <c r="A76437" s="13" t="s">
        <v>392</v>
      </c>
      <c r="B76437" s="14" t="s">
        <v>1</v>
      </c>
      <c r="C76437" s="14" t="s">
        <v>59</v>
      </c>
      <c r="D76437" s="14" t="s">
        <v>122</v>
      </c>
      <c r="E76437" s="15">
        <v>45528</v>
      </c>
      <c r="F76437" s="14" t="s">
        <v>15</v>
      </c>
      <c r="G76437" s="16">
        <v>0</v>
      </c>
    </row>
    <row r="76438" spans="1:7" x14ac:dyDescent="0.3">
      <c r="A76438" s="13" t="s">
        <v>392</v>
      </c>
      <c r="B76438" s="14" t="s">
        <v>1</v>
      </c>
      <c r="C76438" s="14" t="s">
        <v>59</v>
      </c>
      <c r="D76438" s="14" t="s">
        <v>122</v>
      </c>
      <c r="E76438" s="15">
        <v>45529</v>
      </c>
      <c r="F76438" s="14" t="s">
        <v>15</v>
      </c>
      <c r="G76438" s="16">
        <v>0</v>
      </c>
    </row>
    <row r="76439" spans="1:7" x14ac:dyDescent="0.3">
      <c r="A76439" s="13" t="s">
        <v>392</v>
      </c>
      <c r="B76439" s="14" t="s">
        <v>1</v>
      </c>
      <c r="C76439" s="14" t="s">
        <v>59</v>
      </c>
      <c r="D76439" s="14" t="s">
        <v>122</v>
      </c>
      <c r="E76439" s="15">
        <v>45530</v>
      </c>
      <c r="F76439" s="14" t="s">
        <v>15</v>
      </c>
      <c r="G76439" s="16">
        <v>0</v>
      </c>
    </row>
    <row r="76440" spans="1:7" x14ac:dyDescent="0.3">
      <c r="A76440" s="13" t="s">
        <v>392</v>
      </c>
      <c r="B76440" s="14" t="s">
        <v>1</v>
      </c>
      <c r="C76440" s="14" t="s">
        <v>59</v>
      </c>
      <c r="D76440" s="14" t="s">
        <v>122</v>
      </c>
      <c r="E76440" s="15">
        <v>45531</v>
      </c>
      <c r="F76440" s="14" t="s">
        <v>15</v>
      </c>
      <c r="G76440" s="16">
        <v>0</v>
      </c>
    </row>
    <row r="76441" spans="1:7" x14ac:dyDescent="0.3">
      <c r="A76441" s="13" t="s">
        <v>392</v>
      </c>
      <c r="B76441" s="14" t="s">
        <v>1</v>
      </c>
      <c r="C76441" s="14" t="s">
        <v>59</v>
      </c>
      <c r="D76441" s="14" t="s">
        <v>122</v>
      </c>
      <c r="E76441" s="15">
        <v>45532</v>
      </c>
      <c r="F76441" s="14" t="s">
        <v>15</v>
      </c>
      <c r="G76441" s="16">
        <v>0</v>
      </c>
    </row>
    <row r="76442" spans="1:7" x14ac:dyDescent="0.3">
      <c r="A76442" s="13" t="s">
        <v>392</v>
      </c>
      <c r="B76442" s="14" t="s">
        <v>1</v>
      </c>
      <c r="C76442" s="14" t="s">
        <v>59</v>
      </c>
      <c r="D76442" s="14" t="s">
        <v>122</v>
      </c>
      <c r="E76442" s="15">
        <v>45533</v>
      </c>
      <c r="F76442" s="14" t="s">
        <v>15</v>
      </c>
      <c r="G76442" s="16">
        <v>0</v>
      </c>
    </row>
    <row r="76443" spans="1:7" x14ac:dyDescent="0.3">
      <c r="A76443" s="13" t="s">
        <v>392</v>
      </c>
      <c r="B76443" s="14" t="s">
        <v>1</v>
      </c>
      <c r="C76443" s="14" t="s">
        <v>59</v>
      </c>
      <c r="D76443" s="14" t="s">
        <v>122</v>
      </c>
      <c r="E76443" s="15">
        <v>45534</v>
      </c>
      <c r="F76443" s="14" t="s">
        <v>15</v>
      </c>
      <c r="G76443" s="16">
        <v>0</v>
      </c>
    </row>
    <row r="76444" spans="1:7" x14ac:dyDescent="0.3">
      <c r="A76444" s="13" t="s">
        <v>392</v>
      </c>
      <c r="B76444" s="14" t="s">
        <v>1</v>
      </c>
      <c r="C76444" s="14" t="s">
        <v>59</v>
      </c>
      <c r="D76444" s="14" t="s">
        <v>122</v>
      </c>
      <c r="E76444" s="15">
        <v>45535</v>
      </c>
      <c r="F76444" s="14" t="s">
        <v>15</v>
      </c>
      <c r="G76444" s="16">
        <v>0</v>
      </c>
    </row>
    <row r="76445" spans="1:7" x14ac:dyDescent="0.3">
      <c r="A76445" s="13" t="s">
        <v>392</v>
      </c>
      <c r="B76445" s="14" t="s">
        <v>1</v>
      </c>
      <c r="C76445" s="14" t="s">
        <v>59</v>
      </c>
      <c r="D76445" s="14" t="s">
        <v>122</v>
      </c>
      <c r="E76445" s="15">
        <v>45536</v>
      </c>
      <c r="F76445" s="14" t="s">
        <v>15</v>
      </c>
      <c r="G76445" s="16">
        <v>0</v>
      </c>
    </row>
    <row r="76446" spans="1:7" x14ac:dyDescent="0.3">
      <c r="A76446" s="13" t="s">
        <v>392</v>
      </c>
      <c r="B76446" s="14" t="s">
        <v>1</v>
      </c>
      <c r="C76446" s="14" t="s">
        <v>59</v>
      </c>
      <c r="D76446" s="14" t="s">
        <v>122</v>
      </c>
      <c r="E76446" s="15">
        <v>45537</v>
      </c>
      <c r="F76446" s="14" t="s">
        <v>15</v>
      </c>
      <c r="G76446" s="16">
        <v>0</v>
      </c>
    </row>
    <row r="76447" spans="1:7" x14ac:dyDescent="0.3">
      <c r="A76447" s="13" t="s">
        <v>392</v>
      </c>
      <c r="B76447" s="14" t="s">
        <v>1</v>
      </c>
      <c r="C76447" s="14" t="s">
        <v>59</v>
      </c>
      <c r="D76447" s="14" t="s">
        <v>122</v>
      </c>
      <c r="E76447" s="15">
        <v>45538</v>
      </c>
      <c r="F76447" s="14" t="s">
        <v>15</v>
      </c>
      <c r="G76447" s="16">
        <v>0</v>
      </c>
    </row>
    <row r="76448" spans="1:7" x14ac:dyDescent="0.3">
      <c r="A76448" s="13" t="s">
        <v>392</v>
      </c>
      <c r="B76448" s="14" t="s">
        <v>1</v>
      </c>
      <c r="C76448" s="14" t="s">
        <v>59</v>
      </c>
      <c r="D76448" s="14" t="s">
        <v>122</v>
      </c>
      <c r="E76448" s="15">
        <v>45539</v>
      </c>
      <c r="F76448" s="14" t="s">
        <v>15</v>
      </c>
      <c r="G76448" s="16">
        <v>0</v>
      </c>
    </row>
    <row r="76449" spans="1:7" x14ac:dyDescent="0.3">
      <c r="A76449" s="13" t="s">
        <v>392</v>
      </c>
      <c r="B76449" s="14" t="s">
        <v>1</v>
      </c>
      <c r="C76449" s="14" t="s">
        <v>59</v>
      </c>
      <c r="D76449" s="14" t="s">
        <v>122</v>
      </c>
      <c r="E76449" s="15">
        <v>45540</v>
      </c>
      <c r="F76449" s="14" t="s">
        <v>15</v>
      </c>
      <c r="G76449" s="16">
        <v>0</v>
      </c>
    </row>
    <row r="76450" spans="1:7" x14ac:dyDescent="0.3">
      <c r="A76450" s="13" t="s">
        <v>392</v>
      </c>
      <c r="B76450" s="14" t="s">
        <v>1</v>
      </c>
      <c r="C76450" s="14" t="s">
        <v>59</v>
      </c>
      <c r="D76450" s="14" t="s">
        <v>122</v>
      </c>
      <c r="E76450" s="15">
        <v>45541</v>
      </c>
      <c r="F76450" s="14" t="s">
        <v>15</v>
      </c>
      <c r="G76450" s="16">
        <v>0</v>
      </c>
    </row>
    <row r="76451" spans="1:7" x14ac:dyDescent="0.3">
      <c r="A76451" s="13" t="s">
        <v>392</v>
      </c>
      <c r="B76451" s="14" t="s">
        <v>1</v>
      </c>
      <c r="C76451" s="14" t="s">
        <v>59</v>
      </c>
      <c r="D76451" s="14" t="s">
        <v>122</v>
      </c>
      <c r="E76451" s="15">
        <v>45542</v>
      </c>
      <c r="F76451" s="14" t="s">
        <v>15</v>
      </c>
      <c r="G76451" s="16">
        <v>0</v>
      </c>
    </row>
    <row r="76452" spans="1:7" x14ac:dyDescent="0.3">
      <c r="A76452" s="13" t="s">
        <v>392</v>
      </c>
      <c r="B76452" s="14" t="s">
        <v>1</v>
      </c>
      <c r="C76452" s="14" t="s">
        <v>59</v>
      </c>
      <c r="D76452" s="14" t="s">
        <v>122</v>
      </c>
      <c r="E76452" s="15">
        <v>45543</v>
      </c>
      <c r="F76452" s="14" t="s">
        <v>15</v>
      </c>
      <c r="G76452" s="16">
        <v>0</v>
      </c>
    </row>
    <row r="76453" spans="1:7" x14ac:dyDescent="0.3">
      <c r="A76453" s="13" t="s">
        <v>392</v>
      </c>
      <c r="B76453" s="14" t="s">
        <v>1</v>
      </c>
      <c r="C76453" s="14" t="s">
        <v>59</v>
      </c>
      <c r="D76453" s="14" t="s">
        <v>122</v>
      </c>
      <c r="E76453" s="15">
        <v>45544</v>
      </c>
      <c r="F76453" s="14" t="s">
        <v>15</v>
      </c>
      <c r="G76453" s="16">
        <v>0</v>
      </c>
    </row>
    <row r="76454" spans="1:7" x14ac:dyDescent="0.3">
      <c r="A76454" s="13" t="s">
        <v>392</v>
      </c>
      <c r="B76454" s="14" t="s">
        <v>1</v>
      </c>
      <c r="C76454" s="14" t="s">
        <v>59</v>
      </c>
      <c r="D76454" s="14" t="s">
        <v>122</v>
      </c>
      <c r="E76454" s="15">
        <v>45545</v>
      </c>
      <c r="F76454" s="14" t="s">
        <v>15</v>
      </c>
      <c r="G76454" s="16">
        <v>0</v>
      </c>
    </row>
    <row r="76455" spans="1:7" x14ac:dyDescent="0.3">
      <c r="A76455" s="13" t="s">
        <v>392</v>
      </c>
      <c r="B76455" s="14" t="s">
        <v>1</v>
      </c>
      <c r="C76455" s="14" t="s">
        <v>59</v>
      </c>
      <c r="D76455" s="14" t="s">
        <v>122</v>
      </c>
      <c r="E76455" s="15">
        <v>45546</v>
      </c>
      <c r="F76455" s="14" t="s">
        <v>15</v>
      </c>
      <c r="G76455" s="16">
        <v>0</v>
      </c>
    </row>
    <row r="76456" spans="1:7" x14ac:dyDescent="0.3">
      <c r="A76456" s="13" t="s">
        <v>392</v>
      </c>
      <c r="B76456" s="14" t="s">
        <v>1</v>
      </c>
      <c r="C76456" s="14" t="s">
        <v>59</v>
      </c>
      <c r="D76456" s="14" t="s">
        <v>122</v>
      </c>
      <c r="E76456" s="15">
        <v>45547</v>
      </c>
      <c r="F76456" s="14" t="s">
        <v>15</v>
      </c>
      <c r="G76456" s="16">
        <v>0</v>
      </c>
    </row>
    <row r="76457" spans="1:7" x14ac:dyDescent="0.3">
      <c r="A76457" s="13" t="s">
        <v>392</v>
      </c>
      <c r="B76457" s="14" t="s">
        <v>1</v>
      </c>
      <c r="C76457" s="14" t="s">
        <v>59</v>
      </c>
      <c r="D76457" s="14" t="s">
        <v>122</v>
      </c>
      <c r="E76457" s="15">
        <v>45548</v>
      </c>
      <c r="F76457" s="14" t="s">
        <v>15</v>
      </c>
      <c r="G76457" s="16">
        <v>0</v>
      </c>
    </row>
    <row r="76458" spans="1:7" x14ac:dyDescent="0.3">
      <c r="A76458" s="13" t="s">
        <v>392</v>
      </c>
      <c r="B76458" s="14" t="s">
        <v>1</v>
      </c>
      <c r="C76458" s="14" t="s">
        <v>59</v>
      </c>
      <c r="D76458" s="14" t="s">
        <v>122</v>
      </c>
      <c r="E76458" s="15">
        <v>45549</v>
      </c>
      <c r="F76458" s="14" t="s">
        <v>15</v>
      </c>
      <c r="G76458" s="16">
        <v>0</v>
      </c>
    </row>
    <row r="76459" spans="1:7" x14ac:dyDescent="0.3">
      <c r="A76459" s="13" t="s">
        <v>392</v>
      </c>
      <c r="B76459" s="14" t="s">
        <v>1</v>
      </c>
      <c r="C76459" s="14" t="s">
        <v>59</v>
      </c>
      <c r="D76459" s="14" t="s">
        <v>122</v>
      </c>
      <c r="E76459" s="15">
        <v>45550</v>
      </c>
      <c r="F76459" s="14" t="s">
        <v>15</v>
      </c>
      <c r="G76459" s="16">
        <v>0</v>
      </c>
    </row>
    <row r="76460" spans="1:7" x14ac:dyDescent="0.3">
      <c r="A76460" s="13" t="s">
        <v>392</v>
      </c>
      <c r="B76460" s="14" t="s">
        <v>1</v>
      </c>
      <c r="C76460" s="14" t="s">
        <v>59</v>
      </c>
      <c r="D76460" s="14" t="s">
        <v>122</v>
      </c>
      <c r="E76460" s="15">
        <v>45551</v>
      </c>
      <c r="F76460" s="14" t="s">
        <v>15</v>
      </c>
      <c r="G76460" s="16">
        <v>0</v>
      </c>
    </row>
    <row r="76461" spans="1:7" x14ac:dyDescent="0.3">
      <c r="A76461" s="13" t="s">
        <v>392</v>
      </c>
      <c r="B76461" s="14" t="s">
        <v>1</v>
      </c>
      <c r="C76461" s="14" t="s">
        <v>59</v>
      </c>
      <c r="D76461" s="14" t="s">
        <v>122</v>
      </c>
      <c r="E76461" s="15">
        <v>45552</v>
      </c>
      <c r="F76461" s="14" t="s">
        <v>15</v>
      </c>
      <c r="G76461" s="16">
        <v>0</v>
      </c>
    </row>
    <row r="76462" spans="1:7" x14ac:dyDescent="0.3">
      <c r="A76462" s="13" t="s">
        <v>392</v>
      </c>
      <c r="B76462" s="14" t="s">
        <v>1</v>
      </c>
      <c r="C76462" s="14" t="s">
        <v>59</v>
      </c>
      <c r="D76462" s="14" t="s">
        <v>122</v>
      </c>
      <c r="E76462" s="15">
        <v>45553</v>
      </c>
      <c r="F76462" s="14" t="s">
        <v>15</v>
      </c>
      <c r="G76462" s="16">
        <v>0</v>
      </c>
    </row>
    <row r="76463" spans="1:7" x14ac:dyDescent="0.3">
      <c r="A76463" s="13" t="s">
        <v>392</v>
      </c>
      <c r="B76463" s="14" t="s">
        <v>1</v>
      </c>
      <c r="C76463" s="14" t="s">
        <v>59</v>
      </c>
      <c r="D76463" s="14" t="s">
        <v>122</v>
      </c>
      <c r="E76463" s="15">
        <v>45554</v>
      </c>
      <c r="F76463" s="14" t="s">
        <v>15</v>
      </c>
      <c r="G76463" s="16">
        <v>0</v>
      </c>
    </row>
    <row r="76464" spans="1:7" x14ac:dyDescent="0.3">
      <c r="A76464" s="13" t="s">
        <v>392</v>
      </c>
      <c r="B76464" s="14" t="s">
        <v>1</v>
      </c>
      <c r="C76464" s="14" t="s">
        <v>59</v>
      </c>
      <c r="D76464" s="14" t="s">
        <v>122</v>
      </c>
      <c r="E76464" s="15">
        <v>45555</v>
      </c>
      <c r="F76464" s="14" t="s">
        <v>15</v>
      </c>
      <c r="G76464" s="16">
        <v>0</v>
      </c>
    </row>
    <row r="76465" spans="1:7" x14ac:dyDescent="0.3">
      <c r="A76465" s="13" t="s">
        <v>392</v>
      </c>
      <c r="B76465" s="14" t="s">
        <v>1</v>
      </c>
      <c r="C76465" s="14" t="s">
        <v>59</v>
      </c>
      <c r="D76465" s="14" t="s">
        <v>122</v>
      </c>
      <c r="E76465" s="15">
        <v>45556</v>
      </c>
      <c r="F76465" s="14" t="s">
        <v>15</v>
      </c>
      <c r="G76465" s="16">
        <v>0</v>
      </c>
    </row>
    <row r="76466" spans="1:7" x14ac:dyDescent="0.3">
      <c r="A76466" s="13" t="s">
        <v>392</v>
      </c>
      <c r="B76466" s="14" t="s">
        <v>1</v>
      </c>
      <c r="C76466" s="14" t="s">
        <v>59</v>
      </c>
      <c r="D76466" s="14" t="s">
        <v>122</v>
      </c>
      <c r="E76466" s="15">
        <v>45557</v>
      </c>
      <c r="F76466" s="14" t="s">
        <v>15</v>
      </c>
      <c r="G76466" s="16">
        <v>0</v>
      </c>
    </row>
    <row r="76467" spans="1:7" x14ac:dyDescent="0.3">
      <c r="A76467" s="13" t="s">
        <v>392</v>
      </c>
      <c r="B76467" s="14" t="s">
        <v>1</v>
      </c>
      <c r="C76467" s="14" t="s">
        <v>59</v>
      </c>
      <c r="D76467" s="14" t="s">
        <v>122</v>
      </c>
      <c r="E76467" s="15">
        <v>45558</v>
      </c>
      <c r="F76467" s="14" t="s">
        <v>15</v>
      </c>
      <c r="G76467" s="16">
        <v>0</v>
      </c>
    </row>
    <row r="76468" spans="1:7" x14ac:dyDescent="0.3">
      <c r="A76468" s="13" t="s">
        <v>392</v>
      </c>
      <c r="B76468" s="14" t="s">
        <v>1</v>
      </c>
      <c r="C76468" s="14" t="s">
        <v>59</v>
      </c>
      <c r="D76468" s="14" t="s">
        <v>122</v>
      </c>
      <c r="E76468" s="15">
        <v>45559</v>
      </c>
      <c r="F76468" s="14" t="s">
        <v>15</v>
      </c>
      <c r="G76468" s="16">
        <v>0</v>
      </c>
    </row>
    <row r="76469" spans="1:7" x14ac:dyDescent="0.3">
      <c r="A76469" s="13" t="s">
        <v>392</v>
      </c>
      <c r="B76469" s="14" t="s">
        <v>1</v>
      </c>
      <c r="C76469" s="14" t="s">
        <v>59</v>
      </c>
      <c r="D76469" s="14" t="s">
        <v>122</v>
      </c>
      <c r="E76469" s="15">
        <v>45560</v>
      </c>
      <c r="F76469" s="14" t="s">
        <v>15</v>
      </c>
      <c r="G76469" s="16">
        <v>0</v>
      </c>
    </row>
    <row r="76470" spans="1:7" x14ac:dyDescent="0.3">
      <c r="A76470" s="13" t="s">
        <v>392</v>
      </c>
      <c r="B76470" s="14" t="s">
        <v>1</v>
      </c>
      <c r="C76470" s="14" t="s">
        <v>59</v>
      </c>
      <c r="D76470" s="14" t="s">
        <v>122</v>
      </c>
      <c r="E76470" s="15">
        <v>45561</v>
      </c>
      <c r="F76470" s="14" t="s">
        <v>15</v>
      </c>
      <c r="G76470" s="16">
        <v>0</v>
      </c>
    </row>
    <row r="76471" spans="1:7" x14ac:dyDescent="0.3">
      <c r="A76471" s="13" t="s">
        <v>392</v>
      </c>
      <c r="B76471" s="14" t="s">
        <v>1</v>
      </c>
      <c r="C76471" s="14" t="s">
        <v>59</v>
      </c>
      <c r="D76471" s="14" t="s">
        <v>122</v>
      </c>
      <c r="E76471" s="15">
        <v>45562</v>
      </c>
      <c r="F76471" s="14" t="s">
        <v>15</v>
      </c>
      <c r="G76471" s="16">
        <v>0</v>
      </c>
    </row>
    <row r="76472" spans="1:7" x14ac:dyDescent="0.3">
      <c r="A76472" s="13" t="s">
        <v>392</v>
      </c>
      <c r="B76472" s="14" t="s">
        <v>1</v>
      </c>
      <c r="C76472" s="14" t="s">
        <v>59</v>
      </c>
      <c r="D76472" s="14" t="s">
        <v>122</v>
      </c>
      <c r="E76472" s="15">
        <v>45563</v>
      </c>
      <c r="F76472" s="14" t="s">
        <v>15</v>
      </c>
      <c r="G76472" s="16">
        <v>0</v>
      </c>
    </row>
    <row r="76473" spans="1:7" x14ac:dyDescent="0.3">
      <c r="A76473" s="13" t="s">
        <v>392</v>
      </c>
      <c r="B76473" s="14" t="s">
        <v>1</v>
      </c>
      <c r="C76473" s="14" t="s">
        <v>59</v>
      </c>
      <c r="D76473" s="14" t="s">
        <v>122</v>
      </c>
      <c r="E76473" s="15">
        <v>45564</v>
      </c>
      <c r="F76473" s="14" t="s">
        <v>15</v>
      </c>
      <c r="G76473" s="16">
        <v>0</v>
      </c>
    </row>
    <row r="76474" spans="1:7" x14ac:dyDescent="0.3">
      <c r="A76474" s="13" t="s">
        <v>392</v>
      </c>
      <c r="B76474" s="14" t="s">
        <v>1</v>
      </c>
      <c r="C76474" s="14" t="s">
        <v>59</v>
      </c>
      <c r="D76474" s="14" t="s">
        <v>122</v>
      </c>
      <c r="E76474" s="15">
        <v>45565</v>
      </c>
      <c r="F76474" s="14" t="s">
        <v>15</v>
      </c>
      <c r="G76474" s="16">
        <v>0</v>
      </c>
    </row>
    <row r="76475" spans="1:7" x14ac:dyDescent="0.3">
      <c r="A76475" s="13" t="s">
        <v>392</v>
      </c>
      <c r="B76475" s="14" t="s">
        <v>1</v>
      </c>
      <c r="C76475" s="14" t="s">
        <v>59</v>
      </c>
      <c r="D76475" s="14" t="s">
        <v>122</v>
      </c>
      <c r="E76475" s="15">
        <v>45566</v>
      </c>
      <c r="F76475" s="14" t="s">
        <v>15</v>
      </c>
      <c r="G76475" s="16">
        <v>0</v>
      </c>
    </row>
    <row r="76476" spans="1:7" x14ac:dyDescent="0.3">
      <c r="A76476" s="13" t="s">
        <v>392</v>
      </c>
      <c r="B76476" s="14" t="s">
        <v>1</v>
      </c>
      <c r="C76476" s="14" t="s">
        <v>59</v>
      </c>
      <c r="D76476" s="14" t="s">
        <v>122</v>
      </c>
      <c r="E76476" s="15">
        <v>45567</v>
      </c>
      <c r="F76476" s="14" t="s">
        <v>15</v>
      </c>
      <c r="G76476" s="16">
        <v>0</v>
      </c>
    </row>
    <row r="76477" spans="1:7" x14ac:dyDescent="0.3">
      <c r="A76477" s="13" t="s">
        <v>392</v>
      </c>
      <c r="B76477" s="14" t="s">
        <v>1</v>
      </c>
      <c r="C76477" s="14" t="s">
        <v>59</v>
      </c>
      <c r="D76477" s="14" t="s">
        <v>122</v>
      </c>
      <c r="E76477" s="15">
        <v>45568</v>
      </c>
      <c r="F76477" s="14" t="s">
        <v>15</v>
      </c>
      <c r="G76477" s="16">
        <v>0</v>
      </c>
    </row>
    <row r="76478" spans="1:7" x14ac:dyDescent="0.3">
      <c r="A76478" s="13" t="s">
        <v>392</v>
      </c>
      <c r="B76478" s="14" t="s">
        <v>1</v>
      </c>
      <c r="C76478" s="14" t="s">
        <v>59</v>
      </c>
      <c r="D76478" s="14" t="s">
        <v>122</v>
      </c>
      <c r="E76478" s="15">
        <v>45569</v>
      </c>
      <c r="F76478" s="14" t="s">
        <v>15</v>
      </c>
      <c r="G76478" s="16">
        <v>0</v>
      </c>
    </row>
    <row r="76479" spans="1:7" x14ac:dyDescent="0.3">
      <c r="A76479" s="13" t="s">
        <v>392</v>
      </c>
      <c r="B76479" s="14" t="s">
        <v>1</v>
      </c>
      <c r="C76479" s="14" t="s">
        <v>59</v>
      </c>
      <c r="D76479" s="14" t="s">
        <v>122</v>
      </c>
      <c r="E76479" s="15">
        <v>45570</v>
      </c>
      <c r="F76479" s="14" t="s">
        <v>15</v>
      </c>
      <c r="G76479" s="16">
        <v>0</v>
      </c>
    </row>
    <row r="76480" spans="1:7" x14ac:dyDescent="0.3">
      <c r="A76480" s="13" t="s">
        <v>392</v>
      </c>
      <c r="B76480" s="14" t="s">
        <v>1</v>
      </c>
      <c r="C76480" s="14" t="s">
        <v>59</v>
      </c>
      <c r="D76480" s="14" t="s">
        <v>122</v>
      </c>
      <c r="E76480" s="15">
        <v>45571</v>
      </c>
      <c r="F76480" s="14" t="s">
        <v>15</v>
      </c>
      <c r="G76480" s="16">
        <v>0</v>
      </c>
    </row>
    <row r="76481" spans="1:7" x14ac:dyDescent="0.3">
      <c r="A76481" s="13" t="s">
        <v>392</v>
      </c>
      <c r="B76481" s="14" t="s">
        <v>1</v>
      </c>
      <c r="C76481" s="14" t="s">
        <v>59</v>
      </c>
      <c r="D76481" s="14" t="s">
        <v>122</v>
      </c>
      <c r="E76481" s="15">
        <v>45572</v>
      </c>
      <c r="F76481" s="14" t="s">
        <v>15</v>
      </c>
      <c r="G76481" s="16">
        <v>0</v>
      </c>
    </row>
    <row r="76482" spans="1:7" x14ac:dyDescent="0.3">
      <c r="A76482" s="13" t="s">
        <v>392</v>
      </c>
      <c r="B76482" s="14" t="s">
        <v>1</v>
      </c>
      <c r="C76482" s="14" t="s">
        <v>59</v>
      </c>
      <c r="D76482" s="14" t="s">
        <v>122</v>
      </c>
      <c r="E76482" s="15">
        <v>45573</v>
      </c>
      <c r="F76482" s="14" t="s">
        <v>15</v>
      </c>
      <c r="G76482" s="16">
        <v>0</v>
      </c>
    </row>
    <row r="76483" spans="1:7" x14ac:dyDescent="0.3">
      <c r="A76483" s="13" t="s">
        <v>392</v>
      </c>
      <c r="B76483" s="14" t="s">
        <v>1</v>
      </c>
      <c r="C76483" s="14" t="s">
        <v>59</v>
      </c>
      <c r="D76483" s="14" t="s">
        <v>122</v>
      </c>
      <c r="E76483" s="15">
        <v>45574</v>
      </c>
      <c r="F76483" s="14" t="s">
        <v>15</v>
      </c>
      <c r="G76483" s="16">
        <v>0</v>
      </c>
    </row>
    <row r="76484" spans="1:7" x14ac:dyDescent="0.3">
      <c r="A76484" s="13" t="s">
        <v>392</v>
      </c>
      <c r="B76484" s="14" t="s">
        <v>1</v>
      </c>
      <c r="C76484" s="14" t="s">
        <v>59</v>
      </c>
      <c r="D76484" s="14" t="s">
        <v>122</v>
      </c>
      <c r="E76484" s="15">
        <v>45575</v>
      </c>
      <c r="F76484" s="14" t="s">
        <v>15</v>
      </c>
      <c r="G76484" s="16">
        <v>0</v>
      </c>
    </row>
    <row r="76485" spans="1:7" x14ac:dyDescent="0.3">
      <c r="A76485" s="13" t="s">
        <v>392</v>
      </c>
      <c r="B76485" s="14" t="s">
        <v>1</v>
      </c>
      <c r="C76485" s="14" t="s">
        <v>59</v>
      </c>
      <c r="D76485" s="14" t="s">
        <v>122</v>
      </c>
      <c r="E76485" s="15">
        <v>45576</v>
      </c>
      <c r="F76485" s="14" t="s">
        <v>15</v>
      </c>
      <c r="G76485" s="16">
        <v>0</v>
      </c>
    </row>
    <row r="76486" spans="1:7" x14ac:dyDescent="0.3">
      <c r="A76486" s="13" t="s">
        <v>392</v>
      </c>
      <c r="B76486" s="14" t="s">
        <v>1</v>
      </c>
      <c r="C76486" s="14" t="s">
        <v>59</v>
      </c>
      <c r="D76486" s="14" t="s">
        <v>122</v>
      </c>
      <c r="E76486" s="15">
        <v>45577</v>
      </c>
      <c r="F76486" s="14" t="s">
        <v>15</v>
      </c>
      <c r="G76486" s="16">
        <v>0</v>
      </c>
    </row>
    <row r="76487" spans="1:7" x14ac:dyDescent="0.3">
      <c r="A76487" s="13" t="s">
        <v>392</v>
      </c>
      <c r="B76487" s="14" t="s">
        <v>1</v>
      </c>
      <c r="C76487" s="14" t="s">
        <v>59</v>
      </c>
      <c r="D76487" s="14" t="s">
        <v>122</v>
      </c>
      <c r="E76487" s="15">
        <v>45578</v>
      </c>
      <c r="F76487" s="14" t="s">
        <v>15</v>
      </c>
      <c r="G76487" s="16">
        <v>0</v>
      </c>
    </row>
    <row r="76488" spans="1:7" x14ac:dyDescent="0.3">
      <c r="A76488" s="13" t="s">
        <v>392</v>
      </c>
      <c r="B76488" s="14" t="s">
        <v>1</v>
      </c>
      <c r="C76488" s="14" t="s">
        <v>59</v>
      </c>
      <c r="D76488" s="14" t="s">
        <v>122</v>
      </c>
      <c r="E76488" s="15">
        <v>45579</v>
      </c>
      <c r="F76488" s="14" t="s">
        <v>15</v>
      </c>
      <c r="G76488" s="16">
        <v>0</v>
      </c>
    </row>
    <row r="76489" spans="1:7" x14ac:dyDescent="0.3">
      <c r="A76489" s="13" t="s">
        <v>392</v>
      </c>
      <c r="B76489" s="14" t="s">
        <v>1</v>
      </c>
      <c r="C76489" s="14" t="s">
        <v>59</v>
      </c>
      <c r="D76489" s="14" t="s">
        <v>122</v>
      </c>
      <c r="E76489" s="15">
        <v>45580</v>
      </c>
      <c r="F76489" s="14" t="s">
        <v>15</v>
      </c>
      <c r="G76489" s="16">
        <v>0</v>
      </c>
    </row>
    <row r="76490" spans="1:7" x14ac:dyDescent="0.3">
      <c r="A76490" s="13" t="s">
        <v>392</v>
      </c>
      <c r="B76490" s="14" t="s">
        <v>1</v>
      </c>
      <c r="C76490" s="14" t="s">
        <v>59</v>
      </c>
      <c r="D76490" s="14" t="s">
        <v>122</v>
      </c>
      <c r="E76490" s="15">
        <v>45581</v>
      </c>
      <c r="F76490" s="14" t="s">
        <v>15</v>
      </c>
      <c r="G76490" s="16">
        <v>0</v>
      </c>
    </row>
    <row r="76491" spans="1:7" x14ac:dyDescent="0.3">
      <c r="A76491" s="13" t="s">
        <v>392</v>
      </c>
      <c r="B76491" s="14" t="s">
        <v>1</v>
      </c>
      <c r="C76491" s="14" t="s">
        <v>59</v>
      </c>
      <c r="D76491" s="14" t="s">
        <v>122</v>
      </c>
      <c r="E76491" s="15">
        <v>45582</v>
      </c>
      <c r="F76491" s="14" t="s">
        <v>15</v>
      </c>
      <c r="G76491" s="16">
        <v>0</v>
      </c>
    </row>
    <row r="76492" spans="1:7" x14ac:dyDescent="0.3">
      <c r="A76492" s="13" t="s">
        <v>392</v>
      </c>
      <c r="B76492" s="14" t="s">
        <v>1</v>
      </c>
      <c r="C76492" s="14" t="s">
        <v>59</v>
      </c>
      <c r="D76492" s="14" t="s">
        <v>122</v>
      </c>
      <c r="E76492" s="15">
        <v>45583</v>
      </c>
      <c r="F76492" s="14" t="s">
        <v>15</v>
      </c>
      <c r="G76492" s="16">
        <v>0</v>
      </c>
    </row>
    <row r="76493" spans="1:7" x14ac:dyDescent="0.3">
      <c r="A76493" s="13" t="s">
        <v>392</v>
      </c>
      <c r="B76493" s="14" t="s">
        <v>1</v>
      </c>
      <c r="C76493" s="14" t="s">
        <v>59</v>
      </c>
      <c r="D76493" s="14" t="s">
        <v>122</v>
      </c>
      <c r="E76493" s="15">
        <v>45584</v>
      </c>
      <c r="F76493" s="14" t="s">
        <v>15</v>
      </c>
      <c r="G76493" s="16">
        <v>0</v>
      </c>
    </row>
    <row r="76494" spans="1:7" x14ac:dyDescent="0.3">
      <c r="A76494" s="13" t="s">
        <v>392</v>
      </c>
      <c r="B76494" s="14" t="s">
        <v>1</v>
      </c>
      <c r="C76494" s="14" t="s">
        <v>59</v>
      </c>
      <c r="D76494" s="14" t="s">
        <v>122</v>
      </c>
      <c r="E76494" s="15">
        <v>45585</v>
      </c>
      <c r="F76494" s="14" t="s">
        <v>15</v>
      </c>
      <c r="G76494" s="16">
        <v>0</v>
      </c>
    </row>
    <row r="76495" spans="1:7" x14ac:dyDescent="0.3">
      <c r="A76495" s="13" t="s">
        <v>392</v>
      </c>
      <c r="B76495" s="14" t="s">
        <v>1</v>
      </c>
      <c r="C76495" s="14" t="s">
        <v>59</v>
      </c>
      <c r="D76495" s="14" t="s">
        <v>122</v>
      </c>
      <c r="E76495" s="15">
        <v>45586</v>
      </c>
      <c r="F76495" s="14" t="s">
        <v>15</v>
      </c>
      <c r="G76495" s="16">
        <v>0</v>
      </c>
    </row>
    <row r="76496" spans="1:7" x14ac:dyDescent="0.3">
      <c r="A76496" s="13" t="s">
        <v>392</v>
      </c>
      <c r="B76496" s="14" t="s">
        <v>1</v>
      </c>
      <c r="C76496" s="14" t="s">
        <v>59</v>
      </c>
      <c r="D76496" s="14" t="s">
        <v>122</v>
      </c>
      <c r="E76496" s="15">
        <v>45587</v>
      </c>
      <c r="F76496" s="14" t="s">
        <v>15</v>
      </c>
      <c r="G76496" s="16">
        <v>0</v>
      </c>
    </row>
    <row r="76497" spans="1:7" x14ac:dyDescent="0.3">
      <c r="A76497" s="13" t="s">
        <v>392</v>
      </c>
      <c r="B76497" s="14" t="s">
        <v>1</v>
      </c>
      <c r="C76497" s="14" t="s">
        <v>59</v>
      </c>
      <c r="D76497" s="14" t="s">
        <v>122</v>
      </c>
      <c r="E76497" s="15">
        <v>45588</v>
      </c>
      <c r="F76497" s="14" t="s">
        <v>15</v>
      </c>
      <c r="G76497" s="16">
        <v>0</v>
      </c>
    </row>
    <row r="76498" spans="1:7" x14ac:dyDescent="0.3">
      <c r="A76498" s="13" t="s">
        <v>392</v>
      </c>
      <c r="B76498" s="14" t="s">
        <v>1</v>
      </c>
      <c r="C76498" s="14" t="s">
        <v>59</v>
      </c>
      <c r="D76498" s="14" t="s">
        <v>122</v>
      </c>
      <c r="E76498" s="15">
        <v>45589</v>
      </c>
      <c r="F76498" s="14" t="s">
        <v>15</v>
      </c>
      <c r="G76498" s="16">
        <v>0</v>
      </c>
    </row>
    <row r="76499" spans="1:7" x14ac:dyDescent="0.3">
      <c r="A76499" s="13" t="s">
        <v>392</v>
      </c>
      <c r="B76499" s="14" t="s">
        <v>1</v>
      </c>
      <c r="C76499" s="14" t="s">
        <v>59</v>
      </c>
      <c r="D76499" s="14" t="s">
        <v>122</v>
      </c>
      <c r="E76499" s="15">
        <v>45590</v>
      </c>
      <c r="F76499" s="14" t="s">
        <v>15</v>
      </c>
      <c r="G76499" s="16">
        <v>0</v>
      </c>
    </row>
    <row r="76500" spans="1:7" x14ac:dyDescent="0.3">
      <c r="A76500" s="13" t="s">
        <v>392</v>
      </c>
      <c r="B76500" s="14" t="s">
        <v>1</v>
      </c>
      <c r="C76500" s="14" t="s">
        <v>59</v>
      </c>
      <c r="D76500" s="14" t="s">
        <v>122</v>
      </c>
      <c r="E76500" s="15">
        <v>45591</v>
      </c>
      <c r="F76500" s="14" t="s">
        <v>15</v>
      </c>
      <c r="G76500" s="16">
        <v>0</v>
      </c>
    </row>
    <row r="76501" spans="1:7" x14ac:dyDescent="0.3">
      <c r="A76501" s="13" t="s">
        <v>392</v>
      </c>
      <c r="B76501" s="14" t="s">
        <v>1</v>
      </c>
      <c r="C76501" s="14" t="s">
        <v>59</v>
      </c>
      <c r="D76501" s="14" t="s">
        <v>122</v>
      </c>
      <c r="E76501" s="15">
        <v>45592</v>
      </c>
      <c r="F76501" s="14" t="s">
        <v>15</v>
      </c>
      <c r="G76501" s="16">
        <v>0</v>
      </c>
    </row>
    <row r="76502" spans="1:7" x14ac:dyDescent="0.3">
      <c r="A76502" s="13" t="s">
        <v>392</v>
      </c>
      <c r="B76502" s="14" t="s">
        <v>1</v>
      </c>
      <c r="C76502" s="14" t="s">
        <v>59</v>
      </c>
      <c r="D76502" s="14" t="s">
        <v>122</v>
      </c>
      <c r="E76502" s="15">
        <v>45593</v>
      </c>
      <c r="F76502" s="14" t="s">
        <v>15</v>
      </c>
      <c r="G76502" s="16">
        <v>0</v>
      </c>
    </row>
    <row r="76503" spans="1:7" x14ac:dyDescent="0.3">
      <c r="A76503" s="13" t="s">
        <v>392</v>
      </c>
      <c r="B76503" s="14" t="s">
        <v>1</v>
      </c>
      <c r="C76503" s="14" t="s">
        <v>59</v>
      </c>
      <c r="D76503" s="14" t="s">
        <v>122</v>
      </c>
      <c r="E76503" s="15">
        <v>45594</v>
      </c>
      <c r="F76503" s="14" t="s">
        <v>15</v>
      </c>
      <c r="G76503" s="16">
        <v>0</v>
      </c>
    </row>
    <row r="76504" spans="1:7" x14ac:dyDescent="0.3">
      <c r="A76504" s="13" t="s">
        <v>392</v>
      </c>
      <c r="B76504" s="14" t="s">
        <v>1</v>
      </c>
      <c r="C76504" s="14" t="s">
        <v>59</v>
      </c>
      <c r="D76504" s="14" t="s">
        <v>122</v>
      </c>
      <c r="E76504" s="15">
        <v>45595</v>
      </c>
      <c r="F76504" s="14" t="s">
        <v>15</v>
      </c>
      <c r="G76504" s="16">
        <v>0</v>
      </c>
    </row>
    <row r="76505" spans="1:7" x14ac:dyDescent="0.3">
      <c r="A76505" s="13" t="s">
        <v>392</v>
      </c>
      <c r="B76505" s="14" t="s">
        <v>1</v>
      </c>
      <c r="C76505" s="14" t="s">
        <v>59</v>
      </c>
      <c r="D76505" s="14" t="s">
        <v>122</v>
      </c>
      <c r="E76505" s="15">
        <v>45596</v>
      </c>
      <c r="F76505" s="14" t="s">
        <v>15</v>
      </c>
      <c r="G76505" s="16">
        <v>0</v>
      </c>
    </row>
    <row r="76506" spans="1:7" x14ac:dyDescent="0.3">
      <c r="A76506" s="13" t="s">
        <v>392</v>
      </c>
      <c r="B76506" s="14" t="s">
        <v>1</v>
      </c>
      <c r="C76506" s="14" t="s">
        <v>59</v>
      </c>
      <c r="D76506" s="14" t="s">
        <v>122</v>
      </c>
      <c r="E76506" s="15">
        <v>45597</v>
      </c>
      <c r="F76506" s="14" t="s">
        <v>15</v>
      </c>
      <c r="G76506" s="16">
        <v>0</v>
      </c>
    </row>
    <row r="76507" spans="1:7" x14ac:dyDescent="0.3">
      <c r="A76507" s="13" t="s">
        <v>392</v>
      </c>
      <c r="B76507" s="14" t="s">
        <v>1</v>
      </c>
      <c r="C76507" s="14" t="s">
        <v>59</v>
      </c>
      <c r="D76507" s="14" t="s">
        <v>122</v>
      </c>
      <c r="E76507" s="15">
        <v>45598</v>
      </c>
      <c r="F76507" s="14" t="s">
        <v>15</v>
      </c>
      <c r="G76507" s="16">
        <v>0</v>
      </c>
    </row>
    <row r="76508" spans="1:7" x14ac:dyDescent="0.3">
      <c r="A76508" s="13" t="s">
        <v>392</v>
      </c>
      <c r="B76508" s="14" t="s">
        <v>1</v>
      </c>
      <c r="C76508" s="14" t="s">
        <v>59</v>
      </c>
      <c r="D76508" s="14" t="s">
        <v>122</v>
      </c>
      <c r="E76508" s="15">
        <v>45599</v>
      </c>
      <c r="F76508" s="14" t="s">
        <v>15</v>
      </c>
      <c r="G76508" s="16">
        <v>0</v>
      </c>
    </row>
    <row r="76509" spans="1:7" x14ac:dyDescent="0.3">
      <c r="A76509" s="13" t="s">
        <v>392</v>
      </c>
      <c r="B76509" s="14" t="s">
        <v>1</v>
      </c>
      <c r="C76509" s="14" t="s">
        <v>59</v>
      </c>
      <c r="D76509" s="14" t="s">
        <v>122</v>
      </c>
      <c r="E76509" s="15">
        <v>45600</v>
      </c>
      <c r="F76509" s="14" t="s">
        <v>15</v>
      </c>
      <c r="G76509" s="16">
        <v>0</v>
      </c>
    </row>
    <row r="76510" spans="1:7" x14ac:dyDescent="0.3">
      <c r="A76510" s="13" t="s">
        <v>392</v>
      </c>
      <c r="B76510" s="14" t="s">
        <v>1</v>
      </c>
      <c r="C76510" s="14" t="s">
        <v>59</v>
      </c>
      <c r="D76510" s="14" t="s">
        <v>122</v>
      </c>
      <c r="E76510" s="15">
        <v>45601</v>
      </c>
      <c r="F76510" s="14" t="s">
        <v>15</v>
      </c>
      <c r="G76510" s="16">
        <v>0</v>
      </c>
    </row>
    <row r="76511" spans="1:7" x14ac:dyDescent="0.3">
      <c r="A76511" s="13" t="s">
        <v>392</v>
      </c>
      <c r="B76511" s="14" t="s">
        <v>1</v>
      </c>
      <c r="C76511" s="14" t="s">
        <v>59</v>
      </c>
      <c r="D76511" s="14" t="s">
        <v>122</v>
      </c>
      <c r="E76511" s="15">
        <v>45602</v>
      </c>
      <c r="F76511" s="14" t="s">
        <v>15</v>
      </c>
      <c r="G76511" s="16">
        <v>0</v>
      </c>
    </row>
    <row r="76512" spans="1:7" x14ac:dyDescent="0.3">
      <c r="A76512" s="13" t="s">
        <v>392</v>
      </c>
      <c r="B76512" s="14" t="s">
        <v>1</v>
      </c>
      <c r="C76512" s="14" t="s">
        <v>59</v>
      </c>
      <c r="D76512" s="14" t="s">
        <v>122</v>
      </c>
      <c r="E76512" s="15">
        <v>45603</v>
      </c>
      <c r="F76512" s="14" t="s">
        <v>15</v>
      </c>
      <c r="G76512" s="16">
        <v>0</v>
      </c>
    </row>
    <row r="76513" spans="1:7" x14ac:dyDescent="0.3">
      <c r="A76513" s="13" t="s">
        <v>392</v>
      </c>
      <c r="B76513" s="14" t="s">
        <v>1</v>
      </c>
      <c r="C76513" s="14" t="s">
        <v>59</v>
      </c>
      <c r="D76513" s="14" t="s">
        <v>122</v>
      </c>
      <c r="E76513" s="15">
        <v>45604</v>
      </c>
      <c r="F76513" s="14" t="s">
        <v>15</v>
      </c>
      <c r="G76513" s="16">
        <v>0</v>
      </c>
    </row>
    <row r="76514" spans="1:7" x14ac:dyDescent="0.3">
      <c r="A76514" s="13" t="s">
        <v>392</v>
      </c>
      <c r="B76514" s="14" t="s">
        <v>1</v>
      </c>
      <c r="C76514" s="14" t="s">
        <v>59</v>
      </c>
      <c r="D76514" s="14" t="s">
        <v>122</v>
      </c>
      <c r="E76514" s="15">
        <v>45605</v>
      </c>
      <c r="F76514" s="14" t="s">
        <v>15</v>
      </c>
      <c r="G76514" s="16">
        <v>0</v>
      </c>
    </row>
    <row r="76515" spans="1:7" x14ac:dyDescent="0.3">
      <c r="A76515" s="13" t="s">
        <v>392</v>
      </c>
      <c r="B76515" s="14" t="s">
        <v>1</v>
      </c>
      <c r="C76515" s="14" t="s">
        <v>59</v>
      </c>
      <c r="D76515" s="14" t="s">
        <v>122</v>
      </c>
      <c r="E76515" s="15">
        <v>45606</v>
      </c>
      <c r="F76515" s="14" t="s">
        <v>15</v>
      </c>
      <c r="G76515" s="16">
        <v>0</v>
      </c>
    </row>
    <row r="76516" spans="1:7" x14ac:dyDescent="0.3">
      <c r="A76516" s="13" t="s">
        <v>392</v>
      </c>
      <c r="B76516" s="14" t="s">
        <v>1</v>
      </c>
      <c r="C76516" s="14" t="s">
        <v>59</v>
      </c>
      <c r="D76516" s="14" t="s">
        <v>122</v>
      </c>
      <c r="E76516" s="15">
        <v>45607</v>
      </c>
      <c r="F76516" s="14" t="s">
        <v>15</v>
      </c>
      <c r="G76516" s="16">
        <v>0</v>
      </c>
    </row>
    <row r="76517" spans="1:7" x14ac:dyDescent="0.3">
      <c r="A76517" s="13" t="s">
        <v>392</v>
      </c>
      <c r="B76517" s="14" t="s">
        <v>1</v>
      </c>
      <c r="C76517" s="14" t="s">
        <v>59</v>
      </c>
      <c r="D76517" s="14" t="s">
        <v>122</v>
      </c>
      <c r="E76517" s="15">
        <v>45608</v>
      </c>
      <c r="F76517" s="14" t="s">
        <v>15</v>
      </c>
      <c r="G76517" s="16">
        <v>0</v>
      </c>
    </row>
    <row r="76518" spans="1:7" x14ac:dyDescent="0.3">
      <c r="A76518" s="13" t="s">
        <v>392</v>
      </c>
      <c r="B76518" s="14" t="s">
        <v>1</v>
      </c>
      <c r="C76518" s="14" t="s">
        <v>59</v>
      </c>
      <c r="D76518" s="14" t="s">
        <v>122</v>
      </c>
      <c r="E76518" s="15">
        <v>45609</v>
      </c>
      <c r="F76518" s="14" t="s">
        <v>15</v>
      </c>
      <c r="G76518" s="16">
        <v>0</v>
      </c>
    </row>
    <row r="76519" spans="1:7" x14ac:dyDescent="0.3">
      <c r="A76519" s="13" t="s">
        <v>392</v>
      </c>
      <c r="B76519" s="14" t="s">
        <v>1</v>
      </c>
      <c r="C76519" s="14" t="s">
        <v>59</v>
      </c>
      <c r="D76519" s="14" t="s">
        <v>122</v>
      </c>
      <c r="E76519" s="15">
        <v>45610</v>
      </c>
      <c r="F76519" s="14" t="s">
        <v>15</v>
      </c>
      <c r="G76519" s="16">
        <v>0</v>
      </c>
    </row>
    <row r="76520" spans="1:7" x14ac:dyDescent="0.3">
      <c r="A76520" s="13" t="s">
        <v>392</v>
      </c>
      <c r="B76520" s="14" t="s">
        <v>1</v>
      </c>
      <c r="C76520" s="14" t="s">
        <v>59</v>
      </c>
      <c r="D76520" s="14" t="s">
        <v>122</v>
      </c>
      <c r="E76520" s="15">
        <v>45611</v>
      </c>
      <c r="F76520" s="14" t="s">
        <v>15</v>
      </c>
      <c r="G76520" s="16">
        <v>0</v>
      </c>
    </row>
    <row r="76521" spans="1:7" x14ac:dyDescent="0.3">
      <c r="A76521" s="13" t="s">
        <v>392</v>
      </c>
      <c r="B76521" s="14" t="s">
        <v>1</v>
      </c>
      <c r="C76521" s="14" t="s">
        <v>59</v>
      </c>
      <c r="D76521" s="14" t="s">
        <v>122</v>
      </c>
      <c r="E76521" s="15">
        <v>45612</v>
      </c>
      <c r="F76521" s="14" t="s">
        <v>15</v>
      </c>
      <c r="G76521" s="16">
        <v>0</v>
      </c>
    </row>
    <row r="76522" spans="1:7" x14ac:dyDescent="0.3">
      <c r="A76522" s="13" t="s">
        <v>392</v>
      </c>
      <c r="B76522" s="14" t="s">
        <v>1</v>
      </c>
      <c r="C76522" s="14" t="s">
        <v>59</v>
      </c>
      <c r="D76522" s="14" t="s">
        <v>122</v>
      </c>
      <c r="E76522" s="15">
        <v>45613</v>
      </c>
      <c r="F76522" s="14" t="s">
        <v>15</v>
      </c>
      <c r="G76522" s="16">
        <v>0</v>
      </c>
    </row>
    <row r="76523" spans="1:7" x14ac:dyDescent="0.3">
      <c r="A76523" s="13" t="s">
        <v>392</v>
      </c>
      <c r="B76523" s="14" t="s">
        <v>1</v>
      </c>
      <c r="C76523" s="14" t="s">
        <v>59</v>
      </c>
      <c r="D76523" s="14" t="s">
        <v>122</v>
      </c>
      <c r="E76523" s="15">
        <v>45614</v>
      </c>
      <c r="F76523" s="14" t="s">
        <v>15</v>
      </c>
      <c r="G76523" s="16">
        <v>0</v>
      </c>
    </row>
    <row r="76524" spans="1:7" x14ac:dyDescent="0.3">
      <c r="A76524" s="13" t="s">
        <v>392</v>
      </c>
      <c r="B76524" s="14" t="s">
        <v>1</v>
      </c>
      <c r="C76524" s="14" t="s">
        <v>59</v>
      </c>
      <c r="D76524" s="14" t="s">
        <v>122</v>
      </c>
      <c r="E76524" s="15">
        <v>45615</v>
      </c>
      <c r="F76524" s="14" t="s">
        <v>15</v>
      </c>
      <c r="G76524" s="16">
        <v>0</v>
      </c>
    </row>
    <row r="76525" spans="1:7" x14ac:dyDescent="0.3">
      <c r="A76525" s="13" t="s">
        <v>392</v>
      </c>
      <c r="B76525" s="14" t="s">
        <v>1</v>
      </c>
      <c r="C76525" s="14" t="s">
        <v>59</v>
      </c>
      <c r="D76525" s="14" t="s">
        <v>122</v>
      </c>
      <c r="E76525" s="15">
        <v>45616</v>
      </c>
      <c r="F76525" s="14" t="s">
        <v>15</v>
      </c>
      <c r="G76525" s="16">
        <v>0</v>
      </c>
    </row>
    <row r="76526" spans="1:7" x14ac:dyDescent="0.3">
      <c r="A76526" s="13" t="s">
        <v>392</v>
      </c>
      <c r="B76526" s="14" t="s">
        <v>1</v>
      </c>
      <c r="C76526" s="14" t="s">
        <v>59</v>
      </c>
      <c r="D76526" s="14" t="s">
        <v>122</v>
      </c>
      <c r="E76526" s="15">
        <v>45617</v>
      </c>
      <c r="F76526" s="14" t="s">
        <v>15</v>
      </c>
      <c r="G76526" s="16">
        <v>0</v>
      </c>
    </row>
    <row r="76527" spans="1:7" x14ac:dyDescent="0.3">
      <c r="A76527" s="13" t="s">
        <v>392</v>
      </c>
      <c r="B76527" s="14" t="s">
        <v>1</v>
      </c>
      <c r="C76527" s="14" t="s">
        <v>59</v>
      </c>
      <c r="D76527" s="14" t="s">
        <v>122</v>
      </c>
      <c r="E76527" s="15">
        <v>45618</v>
      </c>
      <c r="F76527" s="14" t="s">
        <v>15</v>
      </c>
      <c r="G76527" s="16">
        <v>0</v>
      </c>
    </row>
    <row r="76528" spans="1:7" x14ac:dyDescent="0.3">
      <c r="A76528" s="13" t="s">
        <v>392</v>
      </c>
      <c r="B76528" s="14" t="s">
        <v>1</v>
      </c>
      <c r="C76528" s="14" t="s">
        <v>59</v>
      </c>
      <c r="D76528" s="14" t="s">
        <v>122</v>
      </c>
      <c r="E76528" s="15">
        <v>45619</v>
      </c>
      <c r="F76528" s="14" t="s">
        <v>15</v>
      </c>
      <c r="G76528" s="16">
        <v>0</v>
      </c>
    </row>
    <row r="76529" spans="1:7" x14ac:dyDescent="0.3">
      <c r="A76529" s="13" t="s">
        <v>392</v>
      </c>
      <c r="B76529" s="14" t="s">
        <v>1</v>
      </c>
      <c r="C76529" s="14" t="s">
        <v>59</v>
      </c>
      <c r="D76529" s="14" t="s">
        <v>122</v>
      </c>
      <c r="E76529" s="15">
        <v>45620</v>
      </c>
      <c r="F76529" s="14" t="s">
        <v>15</v>
      </c>
      <c r="G76529" s="16">
        <v>0</v>
      </c>
    </row>
    <row r="76530" spans="1:7" x14ac:dyDescent="0.3">
      <c r="A76530" s="13" t="s">
        <v>392</v>
      </c>
      <c r="B76530" s="14" t="s">
        <v>1</v>
      </c>
      <c r="C76530" s="14" t="s">
        <v>59</v>
      </c>
      <c r="D76530" s="14" t="s">
        <v>122</v>
      </c>
      <c r="E76530" s="15">
        <v>45621</v>
      </c>
      <c r="F76530" s="14" t="s">
        <v>15</v>
      </c>
      <c r="G76530" s="16">
        <v>0</v>
      </c>
    </row>
    <row r="76531" spans="1:7" x14ac:dyDescent="0.3">
      <c r="A76531" s="13" t="s">
        <v>392</v>
      </c>
      <c r="B76531" s="14" t="s">
        <v>1</v>
      </c>
      <c r="C76531" s="14" t="s">
        <v>59</v>
      </c>
      <c r="D76531" s="14" t="s">
        <v>122</v>
      </c>
      <c r="E76531" s="15">
        <v>45622</v>
      </c>
      <c r="F76531" s="14" t="s">
        <v>15</v>
      </c>
      <c r="G76531" s="16">
        <v>0</v>
      </c>
    </row>
    <row r="76532" spans="1:7" x14ac:dyDescent="0.3">
      <c r="A76532" s="13" t="s">
        <v>392</v>
      </c>
      <c r="B76532" s="14" t="s">
        <v>1</v>
      </c>
      <c r="C76532" s="14" t="s">
        <v>59</v>
      </c>
      <c r="D76532" s="14" t="s">
        <v>122</v>
      </c>
      <c r="E76532" s="15">
        <v>45623</v>
      </c>
      <c r="F76532" s="14" t="s">
        <v>15</v>
      </c>
      <c r="G76532" s="16">
        <v>0</v>
      </c>
    </row>
    <row r="76533" spans="1:7" x14ac:dyDescent="0.3">
      <c r="A76533" s="13" t="s">
        <v>392</v>
      </c>
      <c r="B76533" s="14" t="s">
        <v>1</v>
      </c>
      <c r="C76533" s="14" t="s">
        <v>59</v>
      </c>
      <c r="D76533" s="14" t="s">
        <v>122</v>
      </c>
      <c r="E76533" s="15">
        <v>45624</v>
      </c>
      <c r="F76533" s="14" t="s">
        <v>15</v>
      </c>
      <c r="G76533" s="16">
        <v>0</v>
      </c>
    </row>
    <row r="76534" spans="1:7" x14ac:dyDescent="0.3">
      <c r="A76534" s="13" t="s">
        <v>392</v>
      </c>
      <c r="B76534" s="14" t="s">
        <v>1</v>
      </c>
      <c r="C76534" s="14" t="s">
        <v>59</v>
      </c>
      <c r="D76534" s="14" t="s">
        <v>122</v>
      </c>
      <c r="E76534" s="15">
        <v>45625</v>
      </c>
      <c r="F76534" s="14" t="s">
        <v>15</v>
      </c>
      <c r="G76534" s="16">
        <v>0</v>
      </c>
    </row>
    <row r="76535" spans="1:7" x14ac:dyDescent="0.3">
      <c r="A76535" s="13" t="s">
        <v>392</v>
      </c>
      <c r="B76535" s="14" t="s">
        <v>1</v>
      </c>
      <c r="C76535" s="14" t="s">
        <v>59</v>
      </c>
      <c r="D76535" s="14" t="s">
        <v>122</v>
      </c>
      <c r="E76535" s="15">
        <v>45626</v>
      </c>
      <c r="F76535" s="14" t="s">
        <v>15</v>
      </c>
      <c r="G76535" s="16">
        <v>0</v>
      </c>
    </row>
    <row r="76536" spans="1:7" x14ac:dyDescent="0.3">
      <c r="A76536" s="13" t="s">
        <v>392</v>
      </c>
      <c r="B76536" s="14" t="s">
        <v>1</v>
      </c>
      <c r="C76536" s="14" t="s">
        <v>59</v>
      </c>
      <c r="D76536" s="14" t="s">
        <v>122</v>
      </c>
      <c r="E76536" s="15">
        <v>45627</v>
      </c>
      <c r="F76536" s="14" t="s">
        <v>15</v>
      </c>
      <c r="G76536" s="16">
        <v>0</v>
      </c>
    </row>
    <row r="76537" spans="1:7" x14ac:dyDescent="0.3">
      <c r="A76537" s="13" t="s">
        <v>392</v>
      </c>
      <c r="B76537" s="14" t="s">
        <v>1</v>
      </c>
      <c r="C76537" s="14" t="s">
        <v>59</v>
      </c>
      <c r="D76537" s="14" t="s">
        <v>122</v>
      </c>
      <c r="E76537" s="15">
        <v>45628</v>
      </c>
      <c r="F76537" s="14" t="s">
        <v>15</v>
      </c>
      <c r="G76537" s="16">
        <v>0</v>
      </c>
    </row>
    <row r="76538" spans="1:7" x14ac:dyDescent="0.3">
      <c r="A76538" s="13" t="s">
        <v>392</v>
      </c>
      <c r="B76538" s="14" t="s">
        <v>1</v>
      </c>
      <c r="C76538" s="14" t="s">
        <v>59</v>
      </c>
      <c r="D76538" s="14" t="s">
        <v>122</v>
      </c>
      <c r="E76538" s="15">
        <v>45629</v>
      </c>
      <c r="F76538" s="14" t="s">
        <v>15</v>
      </c>
      <c r="G76538" s="16">
        <v>0</v>
      </c>
    </row>
    <row r="76539" spans="1:7" x14ac:dyDescent="0.3">
      <c r="A76539" s="13" t="s">
        <v>392</v>
      </c>
      <c r="B76539" s="14" t="s">
        <v>1</v>
      </c>
      <c r="C76539" s="14" t="s">
        <v>59</v>
      </c>
      <c r="D76539" s="14" t="s">
        <v>122</v>
      </c>
      <c r="E76539" s="15">
        <v>45630</v>
      </c>
      <c r="F76539" s="14" t="s">
        <v>15</v>
      </c>
      <c r="G76539" s="16">
        <v>0</v>
      </c>
    </row>
    <row r="76540" spans="1:7" x14ac:dyDescent="0.3">
      <c r="A76540" s="13" t="s">
        <v>392</v>
      </c>
      <c r="B76540" s="14" t="s">
        <v>1</v>
      </c>
      <c r="C76540" s="14" t="s">
        <v>59</v>
      </c>
      <c r="D76540" s="14" t="s">
        <v>122</v>
      </c>
      <c r="E76540" s="15">
        <v>45631</v>
      </c>
      <c r="F76540" s="14" t="s">
        <v>15</v>
      </c>
      <c r="G76540" s="16">
        <v>0</v>
      </c>
    </row>
    <row r="76541" spans="1:7" x14ac:dyDescent="0.3">
      <c r="A76541" s="13" t="s">
        <v>392</v>
      </c>
      <c r="B76541" s="14" t="s">
        <v>1</v>
      </c>
      <c r="C76541" s="14" t="s">
        <v>59</v>
      </c>
      <c r="D76541" s="14" t="s">
        <v>122</v>
      </c>
      <c r="E76541" s="15">
        <v>45632</v>
      </c>
      <c r="F76541" s="14" t="s">
        <v>15</v>
      </c>
      <c r="G76541" s="16">
        <v>0</v>
      </c>
    </row>
    <row r="76542" spans="1:7" x14ac:dyDescent="0.3">
      <c r="A76542" s="13" t="s">
        <v>392</v>
      </c>
      <c r="B76542" s="14" t="s">
        <v>1</v>
      </c>
      <c r="C76542" s="14" t="s">
        <v>59</v>
      </c>
      <c r="D76542" s="14" t="s">
        <v>122</v>
      </c>
      <c r="E76542" s="15">
        <v>45633</v>
      </c>
      <c r="F76542" s="14" t="s">
        <v>15</v>
      </c>
      <c r="G76542" s="16">
        <v>0</v>
      </c>
    </row>
    <row r="76543" spans="1:7" x14ac:dyDescent="0.3">
      <c r="A76543" s="13" t="s">
        <v>392</v>
      </c>
      <c r="B76543" s="14" t="s">
        <v>1</v>
      </c>
      <c r="C76543" s="14" t="s">
        <v>59</v>
      </c>
      <c r="D76543" s="14" t="s">
        <v>122</v>
      </c>
      <c r="E76543" s="15">
        <v>45634</v>
      </c>
      <c r="F76543" s="14" t="s">
        <v>15</v>
      </c>
      <c r="G76543" s="16">
        <v>0</v>
      </c>
    </row>
    <row r="76544" spans="1:7" x14ac:dyDescent="0.3">
      <c r="A76544" s="13" t="s">
        <v>392</v>
      </c>
      <c r="B76544" s="14" t="s">
        <v>1</v>
      </c>
      <c r="C76544" s="14" t="s">
        <v>59</v>
      </c>
      <c r="D76544" s="14" t="s">
        <v>122</v>
      </c>
      <c r="E76544" s="15">
        <v>45635</v>
      </c>
      <c r="F76544" s="14" t="s">
        <v>15</v>
      </c>
      <c r="G76544" s="16">
        <v>0</v>
      </c>
    </row>
    <row r="76545" spans="1:7" x14ac:dyDescent="0.3">
      <c r="A76545" s="13" t="s">
        <v>392</v>
      </c>
      <c r="B76545" s="14" t="s">
        <v>1</v>
      </c>
      <c r="C76545" s="14" t="s">
        <v>59</v>
      </c>
      <c r="D76545" s="14" t="s">
        <v>122</v>
      </c>
      <c r="E76545" s="15">
        <v>45636</v>
      </c>
      <c r="F76545" s="14" t="s">
        <v>15</v>
      </c>
      <c r="G76545" s="16">
        <v>0</v>
      </c>
    </row>
    <row r="76546" spans="1:7" x14ac:dyDescent="0.3">
      <c r="A76546" s="13" t="s">
        <v>392</v>
      </c>
      <c r="B76546" s="14" t="s">
        <v>1</v>
      </c>
      <c r="C76546" s="14" t="s">
        <v>59</v>
      </c>
      <c r="D76546" s="14" t="s">
        <v>122</v>
      </c>
      <c r="E76546" s="15">
        <v>45637</v>
      </c>
      <c r="F76546" s="14" t="s">
        <v>15</v>
      </c>
      <c r="G76546" s="16">
        <v>0</v>
      </c>
    </row>
    <row r="76547" spans="1:7" x14ac:dyDescent="0.3">
      <c r="A76547" s="13" t="s">
        <v>392</v>
      </c>
      <c r="B76547" s="14" t="s">
        <v>1</v>
      </c>
      <c r="C76547" s="14" t="s">
        <v>59</v>
      </c>
      <c r="D76547" s="14" t="s">
        <v>122</v>
      </c>
      <c r="E76547" s="15">
        <v>45638</v>
      </c>
      <c r="F76547" s="14" t="s">
        <v>15</v>
      </c>
      <c r="G76547" s="16">
        <v>0</v>
      </c>
    </row>
    <row r="76548" spans="1:7" x14ac:dyDescent="0.3">
      <c r="A76548" s="13" t="s">
        <v>392</v>
      </c>
      <c r="B76548" s="14" t="s">
        <v>1</v>
      </c>
      <c r="C76548" s="14" t="s">
        <v>59</v>
      </c>
      <c r="D76548" s="14" t="s">
        <v>122</v>
      </c>
      <c r="E76548" s="15">
        <v>45639</v>
      </c>
      <c r="F76548" s="14" t="s">
        <v>15</v>
      </c>
      <c r="G76548" s="16">
        <v>0</v>
      </c>
    </row>
    <row r="76549" spans="1:7" x14ac:dyDescent="0.3">
      <c r="A76549" s="13" t="s">
        <v>392</v>
      </c>
      <c r="B76549" s="14" t="s">
        <v>1</v>
      </c>
      <c r="C76549" s="14" t="s">
        <v>59</v>
      </c>
      <c r="D76549" s="14" t="s">
        <v>122</v>
      </c>
      <c r="E76549" s="15">
        <v>45640</v>
      </c>
      <c r="F76549" s="14" t="s">
        <v>15</v>
      </c>
      <c r="G76549" s="16">
        <v>0</v>
      </c>
    </row>
    <row r="76550" spans="1:7" x14ac:dyDescent="0.3">
      <c r="A76550" s="13" t="s">
        <v>392</v>
      </c>
      <c r="B76550" s="14" t="s">
        <v>1</v>
      </c>
      <c r="C76550" s="14" t="s">
        <v>59</v>
      </c>
      <c r="D76550" s="14" t="s">
        <v>122</v>
      </c>
      <c r="E76550" s="15">
        <v>45641</v>
      </c>
      <c r="F76550" s="14" t="s">
        <v>15</v>
      </c>
      <c r="G76550" s="16">
        <v>0</v>
      </c>
    </row>
    <row r="76551" spans="1:7" x14ac:dyDescent="0.3">
      <c r="A76551" s="13" t="s">
        <v>392</v>
      </c>
      <c r="B76551" s="14" t="s">
        <v>1</v>
      </c>
      <c r="C76551" s="14" t="s">
        <v>59</v>
      </c>
      <c r="D76551" s="14" t="s">
        <v>122</v>
      </c>
      <c r="E76551" s="15">
        <v>45642</v>
      </c>
      <c r="F76551" s="14" t="s">
        <v>15</v>
      </c>
      <c r="G76551" s="16">
        <v>0</v>
      </c>
    </row>
    <row r="76552" spans="1:7" x14ac:dyDescent="0.3">
      <c r="A76552" s="13" t="s">
        <v>392</v>
      </c>
      <c r="B76552" s="14" t="s">
        <v>1</v>
      </c>
      <c r="C76552" s="14" t="s">
        <v>59</v>
      </c>
      <c r="D76552" s="14" t="s">
        <v>122</v>
      </c>
      <c r="E76552" s="15">
        <v>45643</v>
      </c>
      <c r="F76552" s="14" t="s">
        <v>15</v>
      </c>
      <c r="G76552" s="16">
        <v>0</v>
      </c>
    </row>
    <row r="76553" spans="1:7" x14ac:dyDescent="0.3">
      <c r="A76553" s="13" t="s">
        <v>392</v>
      </c>
      <c r="B76553" s="14" t="s">
        <v>1</v>
      </c>
      <c r="C76553" s="14" t="s">
        <v>59</v>
      </c>
      <c r="D76553" s="14" t="s">
        <v>122</v>
      </c>
      <c r="E76553" s="15">
        <v>45644</v>
      </c>
      <c r="F76553" s="14" t="s">
        <v>15</v>
      </c>
      <c r="G76553" s="16">
        <v>0</v>
      </c>
    </row>
    <row r="76554" spans="1:7" x14ac:dyDescent="0.3">
      <c r="A76554" s="13" t="s">
        <v>392</v>
      </c>
      <c r="B76554" s="14" t="s">
        <v>1</v>
      </c>
      <c r="C76554" s="14" t="s">
        <v>59</v>
      </c>
      <c r="D76554" s="14" t="s">
        <v>122</v>
      </c>
      <c r="E76554" s="15">
        <v>45645</v>
      </c>
      <c r="F76554" s="14" t="s">
        <v>15</v>
      </c>
      <c r="G76554" s="16">
        <v>0</v>
      </c>
    </row>
    <row r="76555" spans="1:7" x14ac:dyDescent="0.3">
      <c r="A76555" s="13" t="s">
        <v>392</v>
      </c>
      <c r="B76555" s="14" t="s">
        <v>1</v>
      </c>
      <c r="C76555" s="14" t="s">
        <v>59</v>
      </c>
      <c r="D76555" s="14" t="s">
        <v>122</v>
      </c>
      <c r="E76555" s="15">
        <v>45646</v>
      </c>
      <c r="F76555" s="14" t="s">
        <v>15</v>
      </c>
      <c r="G76555" s="16">
        <v>0</v>
      </c>
    </row>
    <row r="76556" spans="1:7" x14ac:dyDescent="0.3">
      <c r="A76556" s="13" t="s">
        <v>392</v>
      </c>
      <c r="B76556" s="14" t="s">
        <v>1</v>
      </c>
      <c r="C76556" s="14" t="s">
        <v>59</v>
      </c>
      <c r="D76556" s="14" t="s">
        <v>122</v>
      </c>
      <c r="E76556" s="15">
        <v>45647</v>
      </c>
      <c r="F76556" s="14" t="s">
        <v>15</v>
      </c>
      <c r="G76556" s="16">
        <v>0</v>
      </c>
    </row>
    <row r="76557" spans="1:7" x14ac:dyDescent="0.3">
      <c r="A76557" s="13" t="s">
        <v>392</v>
      </c>
      <c r="B76557" s="14" t="s">
        <v>1</v>
      </c>
      <c r="C76557" s="14" t="s">
        <v>59</v>
      </c>
      <c r="D76557" s="14" t="s">
        <v>122</v>
      </c>
      <c r="E76557" s="15">
        <v>45648</v>
      </c>
      <c r="F76557" s="14" t="s">
        <v>15</v>
      </c>
      <c r="G76557" s="16">
        <v>0</v>
      </c>
    </row>
    <row r="76558" spans="1:7" x14ac:dyDescent="0.3">
      <c r="A76558" s="13" t="s">
        <v>392</v>
      </c>
      <c r="B76558" s="14" t="s">
        <v>1</v>
      </c>
      <c r="C76558" s="14" t="s">
        <v>59</v>
      </c>
      <c r="D76558" s="14" t="s">
        <v>122</v>
      </c>
      <c r="E76558" s="15">
        <v>45649</v>
      </c>
      <c r="F76558" s="14" t="s">
        <v>15</v>
      </c>
      <c r="G76558" s="16">
        <v>0</v>
      </c>
    </row>
    <row r="76559" spans="1:7" x14ac:dyDescent="0.3">
      <c r="A76559" s="13" t="s">
        <v>392</v>
      </c>
      <c r="B76559" s="14" t="s">
        <v>1</v>
      </c>
      <c r="C76559" s="14" t="s">
        <v>59</v>
      </c>
      <c r="D76559" s="14" t="s">
        <v>122</v>
      </c>
      <c r="E76559" s="15">
        <v>45650</v>
      </c>
      <c r="F76559" s="14" t="s">
        <v>15</v>
      </c>
      <c r="G76559" s="16">
        <v>0</v>
      </c>
    </row>
    <row r="76560" spans="1:7" x14ac:dyDescent="0.3">
      <c r="A76560" s="13" t="s">
        <v>392</v>
      </c>
      <c r="B76560" s="14" t="s">
        <v>1</v>
      </c>
      <c r="C76560" s="14" t="s">
        <v>59</v>
      </c>
      <c r="D76560" s="14" t="s">
        <v>122</v>
      </c>
      <c r="E76560" s="15">
        <v>45651</v>
      </c>
      <c r="F76560" s="14" t="s">
        <v>15</v>
      </c>
      <c r="G76560" s="16">
        <v>0</v>
      </c>
    </row>
    <row r="76561" spans="1:7" x14ac:dyDescent="0.3">
      <c r="A76561" s="13" t="s">
        <v>392</v>
      </c>
      <c r="B76561" s="14" t="s">
        <v>1</v>
      </c>
      <c r="C76561" s="14" t="s">
        <v>59</v>
      </c>
      <c r="D76561" s="14" t="s">
        <v>122</v>
      </c>
      <c r="E76561" s="15">
        <v>45652</v>
      </c>
      <c r="F76561" s="14" t="s">
        <v>15</v>
      </c>
      <c r="G76561" s="16">
        <v>0</v>
      </c>
    </row>
    <row r="76562" spans="1:7" x14ac:dyDescent="0.3">
      <c r="A76562" s="13" t="s">
        <v>392</v>
      </c>
      <c r="B76562" s="14" t="s">
        <v>1</v>
      </c>
      <c r="C76562" s="14" t="s">
        <v>59</v>
      </c>
      <c r="D76562" s="14" t="s">
        <v>122</v>
      </c>
      <c r="E76562" s="15">
        <v>45653</v>
      </c>
      <c r="F76562" s="14" t="s">
        <v>15</v>
      </c>
      <c r="G76562" s="16">
        <v>0</v>
      </c>
    </row>
    <row r="76563" spans="1:7" x14ac:dyDescent="0.3">
      <c r="A76563" s="13" t="s">
        <v>392</v>
      </c>
      <c r="B76563" s="14" t="s">
        <v>1</v>
      </c>
      <c r="C76563" s="14" t="s">
        <v>59</v>
      </c>
      <c r="D76563" s="14" t="s">
        <v>122</v>
      </c>
      <c r="E76563" s="15">
        <v>45654</v>
      </c>
      <c r="F76563" s="14" t="s">
        <v>15</v>
      </c>
      <c r="G76563" s="16">
        <v>0</v>
      </c>
    </row>
    <row r="76564" spans="1:7" x14ac:dyDescent="0.3">
      <c r="A76564" s="13" t="s">
        <v>392</v>
      </c>
      <c r="B76564" s="14" t="s">
        <v>1</v>
      </c>
      <c r="C76564" s="14" t="s">
        <v>59</v>
      </c>
      <c r="D76564" s="14" t="s">
        <v>122</v>
      </c>
      <c r="E76564" s="15">
        <v>45655</v>
      </c>
      <c r="F76564" s="14" t="s">
        <v>15</v>
      </c>
      <c r="G76564" s="16">
        <v>0</v>
      </c>
    </row>
    <row r="76565" spans="1:7" x14ac:dyDescent="0.3">
      <c r="A76565" s="13" t="s">
        <v>392</v>
      </c>
      <c r="B76565" s="14" t="s">
        <v>1</v>
      </c>
      <c r="C76565" s="14" t="s">
        <v>59</v>
      </c>
      <c r="D76565" s="14" t="s">
        <v>122</v>
      </c>
      <c r="E76565" s="15">
        <v>45656</v>
      </c>
      <c r="F76565" s="14" t="s">
        <v>15</v>
      </c>
      <c r="G76565" s="16">
        <v>0</v>
      </c>
    </row>
    <row r="76566" spans="1:7" x14ac:dyDescent="0.3">
      <c r="A76566" s="13" t="s">
        <v>392</v>
      </c>
      <c r="B76566" s="14" t="s">
        <v>1</v>
      </c>
      <c r="C76566" s="14" t="s">
        <v>59</v>
      </c>
      <c r="D76566" s="14" t="s">
        <v>122</v>
      </c>
      <c r="E76566" s="15">
        <v>45657</v>
      </c>
      <c r="F76566" s="14" t="s">
        <v>15</v>
      </c>
      <c r="G76566" s="16">
        <v>0</v>
      </c>
    </row>
    <row r="76567" spans="1:7" x14ac:dyDescent="0.3">
      <c r="A76567" s="13" t="s">
        <v>392</v>
      </c>
      <c r="B76567" s="14" t="s">
        <v>1</v>
      </c>
      <c r="C76567" s="14" t="s">
        <v>59</v>
      </c>
      <c r="D76567" s="14" t="s">
        <v>122</v>
      </c>
      <c r="E76567" s="15">
        <v>45658</v>
      </c>
      <c r="F76567" s="14" t="s">
        <v>15</v>
      </c>
      <c r="G76567" s="16">
        <v>0</v>
      </c>
    </row>
    <row r="76568" spans="1:7" x14ac:dyDescent="0.3">
      <c r="A76568" s="13" t="s">
        <v>392</v>
      </c>
      <c r="B76568" s="14" t="s">
        <v>1</v>
      </c>
      <c r="C76568" s="14" t="s">
        <v>59</v>
      </c>
      <c r="D76568" s="14" t="s">
        <v>122</v>
      </c>
      <c r="E76568" s="15">
        <v>45659</v>
      </c>
      <c r="F76568" s="14" t="s">
        <v>15</v>
      </c>
      <c r="G76568" s="16">
        <v>0</v>
      </c>
    </row>
    <row r="76569" spans="1:7" x14ac:dyDescent="0.3">
      <c r="A76569" s="13" t="s">
        <v>392</v>
      </c>
      <c r="B76569" s="14" t="s">
        <v>1</v>
      </c>
      <c r="C76569" s="14" t="s">
        <v>59</v>
      </c>
      <c r="D76569" s="14" t="s">
        <v>122</v>
      </c>
      <c r="E76569" s="15">
        <v>45660</v>
      </c>
      <c r="F76569" s="14" t="s">
        <v>15</v>
      </c>
      <c r="G76569" s="16">
        <v>0</v>
      </c>
    </row>
    <row r="76570" spans="1:7" x14ac:dyDescent="0.3">
      <c r="A76570" s="13" t="s">
        <v>392</v>
      </c>
      <c r="B76570" s="14" t="s">
        <v>1</v>
      </c>
      <c r="C76570" s="14" t="s">
        <v>59</v>
      </c>
      <c r="D76570" s="14" t="s">
        <v>122</v>
      </c>
      <c r="E76570" s="15">
        <v>45661</v>
      </c>
      <c r="F76570" s="14" t="s">
        <v>15</v>
      </c>
      <c r="G76570" s="16">
        <v>0</v>
      </c>
    </row>
    <row r="76571" spans="1:7" x14ac:dyDescent="0.3">
      <c r="A76571" s="13" t="s">
        <v>392</v>
      </c>
      <c r="B76571" s="14" t="s">
        <v>1</v>
      </c>
      <c r="C76571" s="14" t="s">
        <v>59</v>
      </c>
      <c r="D76571" s="14" t="s">
        <v>122</v>
      </c>
      <c r="E76571" s="15">
        <v>45662</v>
      </c>
      <c r="F76571" s="14" t="s">
        <v>15</v>
      </c>
      <c r="G76571" s="16">
        <v>0</v>
      </c>
    </row>
    <row r="76572" spans="1:7" x14ac:dyDescent="0.3">
      <c r="A76572" s="13" t="s">
        <v>392</v>
      </c>
      <c r="B76572" s="14" t="s">
        <v>1</v>
      </c>
      <c r="C76572" s="14" t="s">
        <v>59</v>
      </c>
      <c r="D76572" s="14" t="s">
        <v>122</v>
      </c>
      <c r="E76572" s="15">
        <v>45663</v>
      </c>
      <c r="F76572" s="14" t="s">
        <v>15</v>
      </c>
      <c r="G76572" s="16">
        <v>0</v>
      </c>
    </row>
    <row r="76573" spans="1:7" x14ac:dyDescent="0.3">
      <c r="A76573" s="13" t="s">
        <v>392</v>
      </c>
      <c r="B76573" s="14" t="s">
        <v>1</v>
      </c>
      <c r="C76573" s="14" t="s">
        <v>59</v>
      </c>
      <c r="D76573" s="14" t="s">
        <v>122</v>
      </c>
      <c r="E76573" s="15">
        <v>45664</v>
      </c>
      <c r="F76573" s="14" t="s">
        <v>15</v>
      </c>
      <c r="G76573" s="16">
        <v>0</v>
      </c>
    </row>
    <row r="76574" spans="1:7" x14ac:dyDescent="0.3">
      <c r="A76574" s="13" t="s">
        <v>392</v>
      </c>
      <c r="B76574" s="14" t="s">
        <v>1</v>
      </c>
      <c r="C76574" s="14" t="s">
        <v>59</v>
      </c>
      <c r="D76574" s="14" t="s">
        <v>122</v>
      </c>
      <c r="E76574" s="15">
        <v>45665</v>
      </c>
      <c r="F76574" s="14" t="s">
        <v>15</v>
      </c>
      <c r="G76574" s="16">
        <v>0</v>
      </c>
    </row>
    <row r="76575" spans="1:7" x14ac:dyDescent="0.3">
      <c r="A76575" s="13" t="s">
        <v>392</v>
      </c>
      <c r="B76575" s="14" t="s">
        <v>1</v>
      </c>
      <c r="C76575" s="14" t="s">
        <v>59</v>
      </c>
      <c r="D76575" s="14" t="s">
        <v>122</v>
      </c>
      <c r="E76575" s="15">
        <v>45666</v>
      </c>
      <c r="F76575" s="14" t="s">
        <v>15</v>
      </c>
      <c r="G76575" s="16">
        <v>0</v>
      </c>
    </row>
    <row r="76576" spans="1:7" x14ac:dyDescent="0.3">
      <c r="A76576" s="13" t="s">
        <v>392</v>
      </c>
      <c r="B76576" s="14" t="s">
        <v>1</v>
      </c>
      <c r="C76576" s="14" t="s">
        <v>59</v>
      </c>
      <c r="D76576" s="14" t="s">
        <v>122</v>
      </c>
      <c r="E76576" s="15">
        <v>45667</v>
      </c>
      <c r="F76576" s="14" t="s">
        <v>15</v>
      </c>
      <c r="G76576" s="16">
        <v>0</v>
      </c>
    </row>
    <row r="76577" spans="1:7" x14ac:dyDescent="0.3">
      <c r="A76577" s="13" t="s">
        <v>392</v>
      </c>
      <c r="B76577" s="14" t="s">
        <v>1</v>
      </c>
      <c r="C76577" s="14" t="s">
        <v>59</v>
      </c>
      <c r="D76577" s="14" t="s">
        <v>122</v>
      </c>
      <c r="E76577" s="15">
        <v>45668</v>
      </c>
      <c r="F76577" s="14" t="s">
        <v>15</v>
      </c>
      <c r="G76577" s="16">
        <v>0</v>
      </c>
    </row>
    <row r="76578" spans="1:7" x14ac:dyDescent="0.3">
      <c r="A76578" s="13" t="s">
        <v>392</v>
      </c>
      <c r="B76578" s="14" t="s">
        <v>1</v>
      </c>
      <c r="C76578" s="14" t="s">
        <v>59</v>
      </c>
      <c r="D76578" s="14" t="s">
        <v>122</v>
      </c>
      <c r="E76578" s="15">
        <v>45669</v>
      </c>
      <c r="F76578" s="14" t="s">
        <v>15</v>
      </c>
      <c r="G76578" s="16">
        <v>0</v>
      </c>
    </row>
    <row r="76579" spans="1:7" x14ac:dyDescent="0.3">
      <c r="A76579" s="13" t="s">
        <v>392</v>
      </c>
      <c r="B76579" s="14" t="s">
        <v>1</v>
      </c>
      <c r="C76579" s="14" t="s">
        <v>59</v>
      </c>
      <c r="D76579" s="14" t="s">
        <v>122</v>
      </c>
      <c r="E76579" s="15">
        <v>45670</v>
      </c>
      <c r="F76579" s="14" t="s">
        <v>15</v>
      </c>
      <c r="G76579" s="16">
        <v>0</v>
      </c>
    </row>
    <row r="76580" spans="1:7" x14ac:dyDescent="0.3">
      <c r="A76580" s="13" t="s">
        <v>392</v>
      </c>
      <c r="B76580" s="14" t="s">
        <v>1</v>
      </c>
      <c r="C76580" s="14" t="s">
        <v>59</v>
      </c>
      <c r="D76580" s="14" t="s">
        <v>122</v>
      </c>
      <c r="E76580" s="15">
        <v>45671</v>
      </c>
      <c r="F76580" s="14" t="s">
        <v>15</v>
      </c>
      <c r="G76580" s="16">
        <v>0</v>
      </c>
    </row>
    <row r="76581" spans="1:7" x14ac:dyDescent="0.3">
      <c r="A76581" s="13" t="s">
        <v>392</v>
      </c>
      <c r="B76581" s="14" t="s">
        <v>1</v>
      </c>
      <c r="C76581" s="14" t="s">
        <v>59</v>
      </c>
      <c r="D76581" s="14" t="s">
        <v>122</v>
      </c>
      <c r="E76581" s="15">
        <v>45672</v>
      </c>
      <c r="F76581" s="14" t="s">
        <v>15</v>
      </c>
      <c r="G76581" s="16">
        <v>0</v>
      </c>
    </row>
    <row r="76582" spans="1:7" x14ac:dyDescent="0.3">
      <c r="A76582" s="13" t="s">
        <v>392</v>
      </c>
      <c r="B76582" s="14" t="s">
        <v>1</v>
      </c>
      <c r="C76582" s="14" t="s">
        <v>59</v>
      </c>
      <c r="D76582" s="14" t="s">
        <v>122</v>
      </c>
      <c r="E76582" s="15">
        <v>45673</v>
      </c>
      <c r="F76582" s="14" t="s">
        <v>15</v>
      </c>
      <c r="G76582" s="16">
        <v>0</v>
      </c>
    </row>
    <row r="76583" spans="1:7" x14ac:dyDescent="0.3">
      <c r="A76583" s="13" t="s">
        <v>392</v>
      </c>
      <c r="B76583" s="14" t="s">
        <v>1</v>
      </c>
      <c r="C76583" s="14" t="s">
        <v>59</v>
      </c>
      <c r="D76583" s="14" t="s">
        <v>122</v>
      </c>
      <c r="E76583" s="15">
        <v>45674</v>
      </c>
      <c r="F76583" s="14" t="s">
        <v>15</v>
      </c>
      <c r="G76583" s="16">
        <v>0</v>
      </c>
    </row>
    <row r="76584" spans="1:7" x14ac:dyDescent="0.3">
      <c r="A76584" s="13" t="s">
        <v>392</v>
      </c>
      <c r="B76584" s="14" t="s">
        <v>1</v>
      </c>
      <c r="C76584" s="14" t="s">
        <v>59</v>
      </c>
      <c r="D76584" s="14" t="s">
        <v>122</v>
      </c>
      <c r="E76584" s="15">
        <v>45675</v>
      </c>
      <c r="F76584" s="14" t="s">
        <v>15</v>
      </c>
      <c r="G76584" s="16">
        <v>0</v>
      </c>
    </row>
    <row r="76585" spans="1:7" x14ac:dyDescent="0.3">
      <c r="A76585" s="13" t="s">
        <v>392</v>
      </c>
      <c r="B76585" s="14" t="s">
        <v>1</v>
      </c>
      <c r="C76585" s="14" t="s">
        <v>59</v>
      </c>
      <c r="D76585" s="14" t="s">
        <v>122</v>
      </c>
      <c r="E76585" s="15">
        <v>45676</v>
      </c>
      <c r="F76585" s="14" t="s">
        <v>15</v>
      </c>
      <c r="G76585" s="16">
        <v>0</v>
      </c>
    </row>
    <row r="76586" spans="1:7" x14ac:dyDescent="0.3">
      <c r="A76586" s="13" t="s">
        <v>392</v>
      </c>
      <c r="B76586" s="14" t="s">
        <v>1</v>
      </c>
      <c r="C76586" s="14" t="s">
        <v>59</v>
      </c>
      <c r="D76586" s="14" t="s">
        <v>122</v>
      </c>
      <c r="E76586" s="15">
        <v>45677</v>
      </c>
      <c r="F76586" s="14" t="s">
        <v>15</v>
      </c>
      <c r="G76586" s="16">
        <v>0</v>
      </c>
    </row>
    <row r="76587" spans="1:7" x14ac:dyDescent="0.3">
      <c r="A76587" s="13" t="s">
        <v>392</v>
      </c>
      <c r="B76587" s="14" t="s">
        <v>1</v>
      </c>
      <c r="C76587" s="14" t="s">
        <v>59</v>
      </c>
      <c r="D76587" s="14" t="s">
        <v>122</v>
      </c>
      <c r="E76587" s="15">
        <v>45678</v>
      </c>
      <c r="F76587" s="14" t="s">
        <v>15</v>
      </c>
      <c r="G76587" s="16">
        <v>0</v>
      </c>
    </row>
    <row r="76588" spans="1:7" x14ac:dyDescent="0.3">
      <c r="A76588" s="13" t="s">
        <v>392</v>
      </c>
      <c r="B76588" s="14" t="s">
        <v>1</v>
      </c>
      <c r="C76588" s="14" t="s">
        <v>59</v>
      </c>
      <c r="D76588" s="14" t="s">
        <v>122</v>
      </c>
      <c r="E76588" s="15">
        <v>45679</v>
      </c>
      <c r="F76588" s="14" t="s">
        <v>15</v>
      </c>
      <c r="G76588" s="16">
        <v>0</v>
      </c>
    </row>
    <row r="76589" spans="1:7" x14ac:dyDescent="0.3">
      <c r="A76589" s="13" t="s">
        <v>392</v>
      </c>
      <c r="B76589" s="14" t="s">
        <v>1</v>
      </c>
      <c r="C76589" s="14" t="s">
        <v>59</v>
      </c>
      <c r="D76589" s="14" t="s">
        <v>122</v>
      </c>
      <c r="E76589" s="15">
        <v>45680</v>
      </c>
      <c r="F76589" s="14" t="s">
        <v>15</v>
      </c>
      <c r="G76589" s="16">
        <v>0</v>
      </c>
    </row>
    <row r="76590" spans="1:7" x14ac:dyDescent="0.3">
      <c r="A76590" s="13" t="s">
        <v>392</v>
      </c>
      <c r="B76590" s="14" t="s">
        <v>1</v>
      </c>
      <c r="C76590" s="14" t="s">
        <v>59</v>
      </c>
      <c r="D76590" s="14" t="s">
        <v>122</v>
      </c>
      <c r="E76590" s="15">
        <v>45681</v>
      </c>
      <c r="F76590" s="14" t="s">
        <v>15</v>
      </c>
      <c r="G76590" s="16">
        <v>0</v>
      </c>
    </row>
    <row r="76591" spans="1:7" x14ac:dyDescent="0.3">
      <c r="A76591" s="13" t="s">
        <v>392</v>
      </c>
      <c r="B76591" s="14" t="s">
        <v>1</v>
      </c>
      <c r="C76591" s="14" t="s">
        <v>59</v>
      </c>
      <c r="D76591" s="14" t="s">
        <v>122</v>
      </c>
      <c r="E76591" s="15">
        <v>45682</v>
      </c>
      <c r="F76591" s="14" t="s">
        <v>15</v>
      </c>
      <c r="G76591" s="16">
        <v>0</v>
      </c>
    </row>
    <row r="76592" spans="1:7" x14ac:dyDescent="0.3">
      <c r="A76592" s="13" t="s">
        <v>392</v>
      </c>
      <c r="B76592" s="14" t="s">
        <v>1</v>
      </c>
      <c r="C76592" s="14" t="s">
        <v>59</v>
      </c>
      <c r="D76592" s="14" t="s">
        <v>122</v>
      </c>
      <c r="E76592" s="15">
        <v>45683</v>
      </c>
      <c r="F76592" s="14" t="s">
        <v>15</v>
      </c>
      <c r="G76592" s="16">
        <v>0</v>
      </c>
    </row>
    <row r="76593" spans="1:7" x14ac:dyDescent="0.3">
      <c r="A76593" s="13" t="s">
        <v>392</v>
      </c>
      <c r="B76593" s="14" t="s">
        <v>1</v>
      </c>
      <c r="C76593" s="14" t="s">
        <v>59</v>
      </c>
      <c r="D76593" s="14" t="s">
        <v>122</v>
      </c>
      <c r="E76593" s="15">
        <v>45684</v>
      </c>
      <c r="F76593" s="14" t="s">
        <v>15</v>
      </c>
      <c r="G76593" s="16">
        <v>0</v>
      </c>
    </row>
    <row r="76594" spans="1:7" x14ac:dyDescent="0.3">
      <c r="A76594" s="13" t="s">
        <v>392</v>
      </c>
      <c r="B76594" s="14" t="s">
        <v>1</v>
      </c>
      <c r="C76594" s="14" t="s">
        <v>59</v>
      </c>
      <c r="D76594" s="14" t="s">
        <v>122</v>
      </c>
      <c r="E76594" s="15">
        <v>45685</v>
      </c>
      <c r="F76594" s="14" t="s">
        <v>15</v>
      </c>
      <c r="G76594" s="16">
        <v>0</v>
      </c>
    </row>
    <row r="76595" spans="1:7" x14ac:dyDescent="0.3">
      <c r="A76595" s="13" t="s">
        <v>392</v>
      </c>
      <c r="B76595" s="14" t="s">
        <v>1</v>
      </c>
      <c r="C76595" s="14" t="s">
        <v>59</v>
      </c>
      <c r="D76595" s="14" t="s">
        <v>122</v>
      </c>
      <c r="E76595" s="15">
        <v>45686</v>
      </c>
      <c r="F76595" s="14" t="s">
        <v>15</v>
      </c>
      <c r="G76595" s="16">
        <v>0</v>
      </c>
    </row>
    <row r="76596" spans="1:7" x14ac:dyDescent="0.3">
      <c r="A76596" s="13" t="s">
        <v>392</v>
      </c>
      <c r="B76596" s="14" t="s">
        <v>1</v>
      </c>
      <c r="C76596" s="14" t="s">
        <v>59</v>
      </c>
      <c r="D76596" s="14" t="s">
        <v>122</v>
      </c>
      <c r="E76596" s="15">
        <v>45687</v>
      </c>
      <c r="F76596" s="14" t="s">
        <v>15</v>
      </c>
      <c r="G76596" s="16">
        <v>0</v>
      </c>
    </row>
    <row r="76597" spans="1:7" x14ac:dyDescent="0.3">
      <c r="A76597" s="13" t="s">
        <v>392</v>
      </c>
      <c r="B76597" s="14" t="s">
        <v>1</v>
      </c>
      <c r="C76597" s="14" t="s">
        <v>59</v>
      </c>
      <c r="D76597" s="14" t="s">
        <v>122</v>
      </c>
      <c r="E76597" s="15">
        <v>45688</v>
      </c>
      <c r="F76597" s="14" t="s">
        <v>15</v>
      </c>
      <c r="G76597" s="16">
        <v>0</v>
      </c>
    </row>
    <row r="76598" spans="1:7" x14ac:dyDescent="0.3">
      <c r="A76598" s="13" t="s">
        <v>392</v>
      </c>
      <c r="B76598" s="14" t="s">
        <v>1</v>
      </c>
      <c r="C76598" s="14" t="s">
        <v>59</v>
      </c>
      <c r="D76598" s="14" t="s">
        <v>122</v>
      </c>
      <c r="E76598" s="15">
        <v>45689</v>
      </c>
      <c r="F76598" s="14" t="s">
        <v>15</v>
      </c>
      <c r="G76598" s="16">
        <v>0</v>
      </c>
    </row>
    <row r="76599" spans="1:7" x14ac:dyDescent="0.3">
      <c r="A76599" s="13" t="s">
        <v>392</v>
      </c>
      <c r="B76599" s="14" t="s">
        <v>1</v>
      </c>
      <c r="C76599" s="14" t="s">
        <v>59</v>
      </c>
      <c r="D76599" s="14" t="s">
        <v>122</v>
      </c>
      <c r="E76599" s="15">
        <v>45690</v>
      </c>
      <c r="F76599" s="14" t="s">
        <v>15</v>
      </c>
      <c r="G76599" s="16">
        <v>0</v>
      </c>
    </row>
    <row r="76600" spans="1:7" x14ac:dyDescent="0.3">
      <c r="A76600" s="13" t="s">
        <v>392</v>
      </c>
      <c r="B76600" s="14" t="s">
        <v>1</v>
      </c>
      <c r="C76600" s="14" t="s">
        <v>59</v>
      </c>
      <c r="D76600" s="14" t="s">
        <v>122</v>
      </c>
      <c r="E76600" s="15">
        <v>45691</v>
      </c>
      <c r="F76600" s="14" t="s">
        <v>15</v>
      </c>
      <c r="G76600" s="16">
        <v>0</v>
      </c>
    </row>
    <row r="76601" spans="1:7" x14ac:dyDescent="0.3">
      <c r="A76601" s="13" t="s">
        <v>392</v>
      </c>
      <c r="B76601" s="14" t="s">
        <v>1</v>
      </c>
      <c r="C76601" s="14" t="s">
        <v>59</v>
      </c>
      <c r="D76601" s="14" t="s">
        <v>122</v>
      </c>
      <c r="E76601" s="15">
        <v>45692</v>
      </c>
      <c r="F76601" s="14" t="s">
        <v>15</v>
      </c>
      <c r="G76601" s="16">
        <v>0</v>
      </c>
    </row>
    <row r="76602" spans="1:7" x14ac:dyDescent="0.3">
      <c r="A76602" s="13" t="s">
        <v>392</v>
      </c>
      <c r="B76602" s="14" t="s">
        <v>1</v>
      </c>
      <c r="C76602" s="14" t="s">
        <v>59</v>
      </c>
      <c r="D76602" s="14" t="s">
        <v>122</v>
      </c>
      <c r="E76602" s="15">
        <v>45693</v>
      </c>
      <c r="F76602" s="14" t="s">
        <v>15</v>
      </c>
      <c r="G76602" s="16">
        <v>0</v>
      </c>
    </row>
    <row r="76603" spans="1:7" x14ac:dyDescent="0.3">
      <c r="A76603" s="13" t="s">
        <v>392</v>
      </c>
      <c r="B76603" s="14" t="s">
        <v>1</v>
      </c>
      <c r="C76603" s="14" t="s">
        <v>59</v>
      </c>
      <c r="D76603" s="14" t="s">
        <v>122</v>
      </c>
      <c r="E76603" s="15">
        <v>45694</v>
      </c>
      <c r="F76603" s="14" t="s">
        <v>15</v>
      </c>
      <c r="G76603" s="16">
        <v>0</v>
      </c>
    </row>
    <row r="76604" spans="1:7" x14ac:dyDescent="0.3">
      <c r="A76604" s="13" t="s">
        <v>392</v>
      </c>
      <c r="B76604" s="14" t="s">
        <v>1</v>
      </c>
      <c r="C76604" s="14" t="s">
        <v>59</v>
      </c>
      <c r="D76604" s="14" t="s">
        <v>122</v>
      </c>
      <c r="E76604" s="15">
        <v>45695</v>
      </c>
      <c r="F76604" s="14" t="s">
        <v>15</v>
      </c>
      <c r="G76604" s="16">
        <v>0</v>
      </c>
    </row>
    <row r="76605" spans="1:7" x14ac:dyDescent="0.3">
      <c r="A76605" s="13" t="s">
        <v>392</v>
      </c>
      <c r="B76605" s="14" t="s">
        <v>1</v>
      </c>
      <c r="C76605" s="14" t="s">
        <v>59</v>
      </c>
      <c r="D76605" s="14" t="s">
        <v>122</v>
      </c>
      <c r="E76605" s="15">
        <v>45696</v>
      </c>
      <c r="F76605" s="14" t="s">
        <v>15</v>
      </c>
      <c r="G76605" s="16">
        <v>0</v>
      </c>
    </row>
    <row r="76606" spans="1:7" x14ac:dyDescent="0.3">
      <c r="A76606" s="13" t="s">
        <v>392</v>
      </c>
      <c r="B76606" s="14" t="s">
        <v>1</v>
      </c>
      <c r="C76606" s="14" t="s">
        <v>59</v>
      </c>
      <c r="D76606" s="14" t="s">
        <v>122</v>
      </c>
      <c r="E76606" s="15">
        <v>45697</v>
      </c>
      <c r="F76606" s="14" t="s">
        <v>15</v>
      </c>
      <c r="G76606" s="16">
        <v>0</v>
      </c>
    </row>
    <row r="76607" spans="1:7" x14ac:dyDescent="0.3">
      <c r="A76607" s="13" t="s">
        <v>392</v>
      </c>
      <c r="B76607" s="14" t="s">
        <v>1</v>
      </c>
      <c r="C76607" s="14" t="s">
        <v>59</v>
      </c>
      <c r="D76607" s="14" t="s">
        <v>122</v>
      </c>
      <c r="E76607" s="15">
        <v>45698</v>
      </c>
      <c r="F76607" s="14" t="s">
        <v>15</v>
      </c>
      <c r="G76607" s="16">
        <v>0</v>
      </c>
    </row>
    <row r="76608" spans="1:7" x14ac:dyDescent="0.3">
      <c r="A76608" s="13" t="s">
        <v>392</v>
      </c>
      <c r="B76608" s="14" t="s">
        <v>1</v>
      </c>
      <c r="C76608" s="14" t="s">
        <v>59</v>
      </c>
      <c r="D76608" s="14" t="s">
        <v>122</v>
      </c>
      <c r="E76608" s="15">
        <v>45699</v>
      </c>
      <c r="F76608" s="14" t="s">
        <v>15</v>
      </c>
      <c r="G76608" s="16">
        <v>0</v>
      </c>
    </row>
    <row r="76609" spans="1:7" x14ac:dyDescent="0.3">
      <c r="A76609" s="13" t="s">
        <v>392</v>
      </c>
      <c r="B76609" s="14" t="s">
        <v>1</v>
      </c>
      <c r="C76609" s="14" t="s">
        <v>59</v>
      </c>
      <c r="D76609" s="14" t="s">
        <v>122</v>
      </c>
      <c r="E76609" s="15">
        <v>45700</v>
      </c>
      <c r="F76609" s="14" t="s">
        <v>15</v>
      </c>
      <c r="G76609" s="16">
        <v>0</v>
      </c>
    </row>
    <row r="76610" spans="1:7" x14ac:dyDescent="0.3">
      <c r="A76610" s="13" t="s">
        <v>392</v>
      </c>
      <c r="B76610" s="14" t="s">
        <v>1</v>
      </c>
      <c r="C76610" s="14" t="s">
        <v>59</v>
      </c>
      <c r="D76610" s="14" t="s">
        <v>122</v>
      </c>
      <c r="E76610" s="15">
        <v>45701</v>
      </c>
      <c r="F76610" s="14" t="s">
        <v>15</v>
      </c>
      <c r="G76610" s="16">
        <v>0</v>
      </c>
    </row>
    <row r="76611" spans="1:7" x14ac:dyDescent="0.3">
      <c r="A76611" s="13" t="s">
        <v>392</v>
      </c>
      <c r="B76611" s="14" t="s">
        <v>1</v>
      </c>
      <c r="C76611" s="14" t="s">
        <v>59</v>
      </c>
      <c r="D76611" s="14" t="s">
        <v>122</v>
      </c>
      <c r="E76611" s="15">
        <v>45702</v>
      </c>
      <c r="F76611" s="14" t="s">
        <v>15</v>
      </c>
      <c r="G76611" s="16">
        <v>0</v>
      </c>
    </row>
    <row r="76612" spans="1:7" x14ac:dyDescent="0.3">
      <c r="A76612" s="13" t="s">
        <v>392</v>
      </c>
      <c r="B76612" s="14" t="s">
        <v>1</v>
      </c>
      <c r="C76612" s="14" t="s">
        <v>59</v>
      </c>
      <c r="D76612" s="14" t="s">
        <v>122</v>
      </c>
      <c r="E76612" s="15">
        <v>45703</v>
      </c>
      <c r="F76612" s="14" t="s">
        <v>15</v>
      </c>
      <c r="G76612" s="16">
        <v>0</v>
      </c>
    </row>
    <row r="76613" spans="1:7" x14ac:dyDescent="0.3">
      <c r="A76613" s="13" t="s">
        <v>392</v>
      </c>
      <c r="B76613" s="14" t="s">
        <v>1</v>
      </c>
      <c r="C76613" s="14" t="s">
        <v>59</v>
      </c>
      <c r="D76613" s="14" t="s">
        <v>122</v>
      </c>
      <c r="E76613" s="15">
        <v>45704</v>
      </c>
      <c r="F76613" s="14" t="s">
        <v>15</v>
      </c>
      <c r="G76613" s="16">
        <v>0</v>
      </c>
    </row>
    <row r="76614" spans="1:7" x14ac:dyDescent="0.3">
      <c r="A76614" s="13" t="s">
        <v>392</v>
      </c>
      <c r="B76614" s="14" t="s">
        <v>1</v>
      </c>
      <c r="C76614" s="14" t="s">
        <v>59</v>
      </c>
      <c r="D76614" s="14" t="s">
        <v>122</v>
      </c>
      <c r="E76614" s="15">
        <v>45705</v>
      </c>
      <c r="F76614" s="14" t="s">
        <v>15</v>
      </c>
      <c r="G76614" s="16">
        <v>0</v>
      </c>
    </row>
    <row r="76615" spans="1:7" x14ac:dyDescent="0.3">
      <c r="A76615" s="13" t="s">
        <v>392</v>
      </c>
      <c r="B76615" s="14" t="s">
        <v>1</v>
      </c>
      <c r="C76615" s="14" t="s">
        <v>59</v>
      </c>
      <c r="D76615" s="14" t="s">
        <v>122</v>
      </c>
      <c r="E76615" s="15">
        <v>45706</v>
      </c>
      <c r="F76615" s="14" t="s">
        <v>15</v>
      </c>
      <c r="G76615" s="16">
        <v>0</v>
      </c>
    </row>
    <row r="76616" spans="1:7" x14ac:dyDescent="0.3">
      <c r="A76616" s="13" t="s">
        <v>392</v>
      </c>
      <c r="B76616" s="14" t="s">
        <v>1</v>
      </c>
      <c r="C76616" s="14" t="s">
        <v>59</v>
      </c>
      <c r="D76616" s="14" t="s">
        <v>122</v>
      </c>
      <c r="E76616" s="15">
        <v>45707</v>
      </c>
      <c r="F76616" s="14" t="s">
        <v>15</v>
      </c>
      <c r="G76616" s="16">
        <v>0</v>
      </c>
    </row>
    <row r="76617" spans="1:7" x14ac:dyDescent="0.3">
      <c r="A76617" s="13" t="s">
        <v>392</v>
      </c>
      <c r="B76617" s="14" t="s">
        <v>1</v>
      </c>
      <c r="C76617" s="14" t="s">
        <v>59</v>
      </c>
      <c r="D76617" s="14" t="s">
        <v>122</v>
      </c>
      <c r="E76617" s="15">
        <v>45708</v>
      </c>
      <c r="F76617" s="14" t="s">
        <v>15</v>
      </c>
      <c r="G76617" s="16">
        <v>0</v>
      </c>
    </row>
    <row r="76618" spans="1:7" x14ac:dyDescent="0.3">
      <c r="A76618" s="13" t="s">
        <v>392</v>
      </c>
      <c r="B76618" s="14" t="s">
        <v>1</v>
      </c>
      <c r="C76618" s="14" t="s">
        <v>59</v>
      </c>
      <c r="D76618" s="14" t="s">
        <v>122</v>
      </c>
      <c r="E76618" s="15">
        <v>45709</v>
      </c>
      <c r="F76618" s="14" t="s">
        <v>15</v>
      </c>
      <c r="G76618" s="16">
        <v>0</v>
      </c>
    </row>
    <row r="76619" spans="1:7" x14ac:dyDescent="0.3">
      <c r="A76619" s="13" t="s">
        <v>392</v>
      </c>
      <c r="B76619" s="14" t="s">
        <v>1</v>
      </c>
      <c r="C76619" s="14" t="s">
        <v>59</v>
      </c>
      <c r="D76619" s="14" t="s">
        <v>122</v>
      </c>
      <c r="E76619" s="15">
        <v>45710</v>
      </c>
      <c r="F76619" s="14" t="s">
        <v>15</v>
      </c>
      <c r="G76619" s="16">
        <v>0</v>
      </c>
    </row>
    <row r="76620" spans="1:7" x14ac:dyDescent="0.3">
      <c r="A76620" s="13" t="s">
        <v>392</v>
      </c>
      <c r="B76620" s="14" t="s">
        <v>1</v>
      </c>
      <c r="C76620" s="14" t="s">
        <v>59</v>
      </c>
      <c r="D76620" s="14" t="s">
        <v>122</v>
      </c>
      <c r="E76620" s="15">
        <v>45711</v>
      </c>
      <c r="F76620" s="14" t="s">
        <v>15</v>
      </c>
      <c r="G76620" s="16">
        <v>0</v>
      </c>
    </row>
    <row r="76621" spans="1:7" x14ac:dyDescent="0.3">
      <c r="A76621" s="13" t="s">
        <v>392</v>
      </c>
      <c r="B76621" s="14" t="s">
        <v>1</v>
      </c>
      <c r="C76621" s="14" t="s">
        <v>59</v>
      </c>
      <c r="D76621" s="14" t="s">
        <v>122</v>
      </c>
      <c r="E76621" s="15">
        <v>45712</v>
      </c>
      <c r="F76621" s="14" t="s">
        <v>15</v>
      </c>
      <c r="G76621" s="16">
        <v>0</v>
      </c>
    </row>
    <row r="76622" spans="1:7" x14ac:dyDescent="0.3">
      <c r="A76622" s="13" t="s">
        <v>392</v>
      </c>
      <c r="B76622" s="14" t="s">
        <v>1</v>
      </c>
      <c r="C76622" s="14" t="s">
        <v>59</v>
      </c>
      <c r="D76622" s="14" t="s">
        <v>122</v>
      </c>
      <c r="E76622" s="15">
        <v>45713</v>
      </c>
      <c r="F76622" s="14" t="s">
        <v>15</v>
      </c>
      <c r="G76622" s="16">
        <v>0</v>
      </c>
    </row>
    <row r="76623" spans="1:7" x14ac:dyDescent="0.3">
      <c r="A76623" s="13" t="s">
        <v>392</v>
      </c>
      <c r="B76623" s="14" t="s">
        <v>1</v>
      </c>
      <c r="C76623" s="14" t="s">
        <v>59</v>
      </c>
      <c r="D76623" s="14" t="s">
        <v>122</v>
      </c>
      <c r="E76623" s="15">
        <v>45714</v>
      </c>
      <c r="F76623" s="14" t="s">
        <v>15</v>
      </c>
      <c r="G76623" s="16">
        <v>0</v>
      </c>
    </row>
    <row r="76624" spans="1:7" x14ac:dyDescent="0.3">
      <c r="A76624" s="13" t="s">
        <v>392</v>
      </c>
      <c r="B76624" s="14" t="s">
        <v>1</v>
      </c>
      <c r="C76624" s="14" t="s">
        <v>59</v>
      </c>
      <c r="D76624" s="14" t="s">
        <v>122</v>
      </c>
      <c r="E76624" s="15">
        <v>45715</v>
      </c>
      <c r="F76624" s="14" t="s">
        <v>15</v>
      </c>
      <c r="G76624" s="16">
        <v>0</v>
      </c>
    </row>
    <row r="76625" spans="1:7" x14ac:dyDescent="0.3">
      <c r="A76625" s="13" t="s">
        <v>392</v>
      </c>
      <c r="B76625" s="14" t="s">
        <v>1</v>
      </c>
      <c r="C76625" s="14" t="s">
        <v>59</v>
      </c>
      <c r="D76625" s="14" t="s">
        <v>122</v>
      </c>
      <c r="E76625" s="15">
        <v>45716</v>
      </c>
      <c r="F76625" s="14" t="s">
        <v>15</v>
      </c>
      <c r="G76625" s="16">
        <v>0</v>
      </c>
    </row>
    <row r="76626" spans="1:7" x14ac:dyDescent="0.3">
      <c r="A76626" s="13" t="s">
        <v>392</v>
      </c>
      <c r="B76626" s="14" t="s">
        <v>1</v>
      </c>
      <c r="C76626" s="14" t="s">
        <v>59</v>
      </c>
      <c r="D76626" s="14" t="s">
        <v>122</v>
      </c>
      <c r="E76626" s="15">
        <v>45717</v>
      </c>
      <c r="F76626" s="14" t="s">
        <v>15</v>
      </c>
      <c r="G76626" s="16">
        <v>0</v>
      </c>
    </row>
    <row r="76627" spans="1:7" x14ac:dyDescent="0.3">
      <c r="A76627" s="13" t="s">
        <v>392</v>
      </c>
      <c r="B76627" s="14" t="s">
        <v>1</v>
      </c>
      <c r="C76627" s="14" t="s">
        <v>59</v>
      </c>
      <c r="D76627" s="14" t="s">
        <v>122</v>
      </c>
      <c r="E76627" s="15">
        <v>45718</v>
      </c>
      <c r="F76627" s="14" t="s">
        <v>15</v>
      </c>
      <c r="G76627" s="16">
        <v>0</v>
      </c>
    </row>
    <row r="76628" spans="1:7" x14ac:dyDescent="0.3">
      <c r="A76628" s="13" t="s">
        <v>392</v>
      </c>
      <c r="B76628" s="14" t="s">
        <v>1</v>
      </c>
      <c r="C76628" s="14" t="s">
        <v>59</v>
      </c>
      <c r="D76628" s="14" t="s">
        <v>122</v>
      </c>
      <c r="E76628" s="15">
        <v>45719</v>
      </c>
      <c r="F76628" s="14" t="s">
        <v>15</v>
      </c>
      <c r="G76628" s="16">
        <v>0</v>
      </c>
    </row>
    <row r="76629" spans="1:7" x14ac:dyDescent="0.3">
      <c r="A76629" s="13" t="s">
        <v>392</v>
      </c>
      <c r="B76629" s="14" t="s">
        <v>1</v>
      </c>
      <c r="C76629" s="14" t="s">
        <v>59</v>
      </c>
      <c r="D76629" s="14" t="s">
        <v>122</v>
      </c>
      <c r="E76629" s="15">
        <v>45720</v>
      </c>
      <c r="F76629" s="14" t="s">
        <v>15</v>
      </c>
      <c r="G76629" s="16">
        <v>0</v>
      </c>
    </row>
    <row r="76630" spans="1:7" x14ac:dyDescent="0.3">
      <c r="A76630" s="13" t="s">
        <v>392</v>
      </c>
      <c r="B76630" s="14" t="s">
        <v>1</v>
      </c>
      <c r="C76630" s="14" t="s">
        <v>59</v>
      </c>
      <c r="D76630" s="14" t="s">
        <v>122</v>
      </c>
      <c r="E76630" s="15">
        <v>45721</v>
      </c>
      <c r="F76630" s="14" t="s">
        <v>15</v>
      </c>
      <c r="G76630" s="16">
        <v>0</v>
      </c>
    </row>
    <row r="76631" spans="1:7" x14ac:dyDescent="0.3">
      <c r="A76631" s="13" t="s">
        <v>392</v>
      </c>
      <c r="B76631" s="14" t="s">
        <v>1</v>
      </c>
      <c r="C76631" s="14" t="s">
        <v>59</v>
      </c>
      <c r="D76631" s="14" t="s">
        <v>122</v>
      </c>
      <c r="E76631" s="15">
        <v>45722</v>
      </c>
      <c r="F76631" s="14" t="s">
        <v>15</v>
      </c>
      <c r="G76631" s="16">
        <v>0</v>
      </c>
    </row>
    <row r="76632" spans="1:7" x14ac:dyDescent="0.3">
      <c r="A76632" s="13" t="s">
        <v>392</v>
      </c>
      <c r="B76632" s="14" t="s">
        <v>1</v>
      </c>
      <c r="C76632" s="14" t="s">
        <v>59</v>
      </c>
      <c r="D76632" s="14" t="s">
        <v>122</v>
      </c>
      <c r="E76632" s="15">
        <v>45723</v>
      </c>
      <c r="F76632" s="14" t="s">
        <v>15</v>
      </c>
      <c r="G76632" s="16">
        <v>0</v>
      </c>
    </row>
    <row r="76633" spans="1:7" x14ac:dyDescent="0.3">
      <c r="A76633" s="13" t="s">
        <v>392</v>
      </c>
      <c r="B76633" s="14" t="s">
        <v>1</v>
      </c>
      <c r="C76633" s="14" t="s">
        <v>59</v>
      </c>
      <c r="D76633" s="14" t="s">
        <v>122</v>
      </c>
      <c r="E76633" s="15">
        <v>45724</v>
      </c>
      <c r="F76633" s="14" t="s">
        <v>15</v>
      </c>
      <c r="G76633" s="16">
        <v>0</v>
      </c>
    </row>
    <row r="76634" spans="1:7" x14ac:dyDescent="0.3">
      <c r="A76634" s="13" t="s">
        <v>392</v>
      </c>
      <c r="B76634" s="14" t="s">
        <v>1</v>
      </c>
      <c r="C76634" s="14" t="s">
        <v>59</v>
      </c>
      <c r="D76634" s="14" t="s">
        <v>122</v>
      </c>
      <c r="E76634" s="15">
        <v>45725</v>
      </c>
      <c r="F76634" s="14" t="s">
        <v>15</v>
      </c>
      <c r="G76634" s="16">
        <v>0</v>
      </c>
    </row>
    <row r="76635" spans="1:7" x14ac:dyDescent="0.3">
      <c r="A76635" s="13" t="s">
        <v>392</v>
      </c>
      <c r="B76635" s="14" t="s">
        <v>1</v>
      </c>
      <c r="C76635" s="14" t="s">
        <v>59</v>
      </c>
      <c r="D76635" s="14" t="s">
        <v>122</v>
      </c>
      <c r="E76635" s="15">
        <v>45726</v>
      </c>
      <c r="F76635" s="14" t="s">
        <v>15</v>
      </c>
      <c r="G76635" s="16">
        <v>0</v>
      </c>
    </row>
    <row r="76636" spans="1:7" x14ac:dyDescent="0.3">
      <c r="A76636" s="13" t="s">
        <v>392</v>
      </c>
      <c r="B76636" s="14" t="s">
        <v>1</v>
      </c>
      <c r="C76636" s="14" t="s">
        <v>59</v>
      </c>
      <c r="D76636" s="14" t="s">
        <v>122</v>
      </c>
      <c r="E76636" s="15">
        <v>45727</v>
      </c>
      <c r="F76636" s="14" t="s">
        <v>15</v>
      </c>
      <c r="G76636" s="16">
        <v>0</v>
      </c>
    </row>
    <row r="76637" spans="1:7" x14ac:dyDescent="0.3">
      <c r="A76637" s="13" t="s">
        <v>392</v>
      </c>
      <c r="B76637" s="14" t="s">
        <v>1</v>
      </c>
      <c r="C76637" s="14" t="s">
        <v>59</v>
      </c>
      <c r="D76637" s="14" t="s">
        <v>122</v>
      </c>
      <c r="E76637" s="15">
        <v>45728</v>
      </c>
      <c r="F76637" s="14" t="s">
        <v>15</v>
      </c>
      <c r="G76637" s="16">
        <v>0</v>
      </c>
    </row>
    <row r="76638" spans="1:7" x14ac:dyDescent="0.3">
      <c r="A76638" s="13" t="s">
        <v>392</v>
      </c>
      <c r="B76638" s="14" t="s">
        <v>1</v>
      </c>
      <c r="C76638" s="14" t="s">
        <v>59</v>
      </c>
      <c r="D76638" s="14" t="s">
        <v>122</v>
      </c>
      <c r="E76638" s="15">
        <v>45729</v>
      </c>
      <c r="F76638" s="14" t="s">
        <v>15</v>
      </c>
      <c r="G76638" s="16">
        <v>0</v>
      </c>
    </row>
    <row r="76639" spans="1:7" x14ac:dyDescent="0.3">
      <c r="A76639" s="13" t="s">
        <v>392</v>
      </c>
      <c r="B76639" s="14" t="s">
        <v>1</v>
      </c>
      <c r="C76639" s="14" t="s">
        <v>59</v>
      </c>
      <c r="D76639" s="14" t="s">
        <v>122</v>
      </c>
      <c r="E76639" s="15">
        <v>45730</v>
      </c>
      <c r="F76639" s="14" t="s">
        <v>15</v>
      </c>
      <c r="G76639" s="16">
        <v>0</v>
      </c>
    </row>
    <row r="76640" spans="1:7" x14ac:dyDescent="0.3">
      <c r="A76640" s="13" t="s">
        <v>392</v>
      </c>
      <c r="B76640" s="14" t="s">
        <v>1</v>
      </c>
      <c r="C76640" s="14" t="s">
        <v>59</v>
      </c>
      <c r="D76640" s="14" t="s">
        <v>122</v>
      </c>
      <c r="E76640" s="15">
        <v>45731</v>
      </c>
      <c r="F76640" s="14" t="s">
        <v>15</v>
      </c>
      <c r="G76640" s="16">
        <v>0</v>
      </c>
    </row>
    <row r="76641" spans="1:7" x14ac:dyDescent="0.3">
      <c r="A76641" s="13" t="s">
        <v>392</v>
      </c>
      <c r="B76641" s="14" t="s">
        <v>1</v>
      </c>
      <c r="C76641" s="14" t="s">
        <v>59</v>
      </c>
      <c r="D76641" s="14" t="s">
        <v>122</v>
      </c>
      <c r="E76641" s="15">
        <v>45732</v>
      </c>
      <c r="F76641" s="14" t="s">
        <v>15</v>
      </c>
      <c r="G76641" s="16">
        <v>0</v>
      </c>
    </row>
    <row r="76642" spans="1:7" x14ac:dyDescent="0.3">
      <c r="A76642" s="13" t="s">
        <v>392</v>
      </c>
      <c r="B76642" s="14" t="s">
        <v>1</v>
      </c>
      <c r="C76642" s="14" t="s">
        <v>59</v>
      </c>
      <c r="D76642" s="14" t="s">
        <v>122</v>
      </c>
      <c r="E76642" s="15">
        <v>45733</v>
      </c>
      <c r="F76642" s="14" t="s">
        <v>15</v>
      </c>
      <c r="G76642" s="16">
        <v>0</v>
      </c>
    </row>
    <row r="76643" spans="1:7" x14ac:dyDescent="0.3">
      <c r="A76643" s="13" t="s">
        <v>392</v>
      </c>
      <c r="B76643" s="14" t="s">
        <v>1</v>
      </c>
      <c r="C76643" s="14" t="s">
        <v>59</v>
      </c>
      <c r="D76643" s="14" t="s">
        <v>122</v>
      </c>
      <c r="E76643" s="15">
        <v>45734</v>
      </c>
      <c r="F76643" s="14" t="s">
        <v>15</v>
      </c>
      <c r="G76643" s="16">
        <v>0</v>
      </c>
    </row>
    <row r="76644" spans="1:7" x14ac:dyDescent="0.3">
      <c r="A76644" s="13" t="s">
        <v>392</v>
      </c>
      <c r="B76644" s="14" t="s">
        <v>1</v>
      </c>
      <c r="C76644" s="14" t="s">
        <v>59</v>
      </c>
      <c r="D76644" s="14" t="s">
        <v>122</v>
      </c>
      <c r="E76644" s="15">
        <v>45735</v>
      </c>
      <c r="F76644" s="14" t="s">
        <v>15</v>
      </c>
      <c r="G76644" s="16">
        <v>0</v>
      </c>
    </row>
    <row r="76645" spans="1:7" x14ac:dyDescent="0.3">
      <c r="A76645" s="13" t="s">
        <v>392</v>
      </c>
      <c r="B76645" s="14" t="s">
        <v>1</v>
      </c>
      <c r="C76645" s="14" t="s">
        <v>59</v>
      </c>
      <c r="D76645" s="14" t="s">
        <v>122</v>
      </c>
      <c r="E76645" s="15">
        <v>45736</v>
      </c>
      <c r="F76645" s="14" t="s">
        <v>15</v>
      </c>
      <c r="G76645" s="16">
        <v>0</v>
      </c>
    </row>
    <row r="76646" spans="1:7" x14ac:dyDescent="0.3">
      <c r="A76646" s="13" t="s">
        <v>392</v>
      </c>
      <c r="B76646" s="14" t="s">
        <v>1</v>
      </c>
      <c r="C76646" s="14" t="s">
        <v>59</v>
      </c>
      <c r="D76646" s="14" t="s">
        <v>122</v>
      </c>
      <c r="E76646" s="15">
        <v>45737</v>
      </c>
      <c r="F76646" s="14" t="s">
        <v>15</v>
      </c>
      <c r="G76646" s="16">
        <v>0</v>
      </c>
    </row>
    <row r="76647" spans="1:7" x14ac:dyDescent="0.3">
      <c r="A76647" s="13" t="s">
        <v>392</v>
      </c>
      <c r="B76647" s="14" t="s">
        <v>1</v>
      </c>
      <c r="C76647" s="14" t="s">
        <v>59</v>
      </c>
      <c r="D76647" s="14" t="s">
        <v>122</v>
      </c>
      <c r="E76647" s="15">
        <v>45738</v>
      </c>
      <c r="F76647" s="14" t="s">
        <v>15</v>
      </c>
      <c r="G76647" s="16">
        <v>0</v>
      </c>
    </row>
    <row r="76648" spans="1:7" x14ac:dyDescent="0.3">
      <c r="A76648" s="13" t="s">
        <v>392</v>
      </c>
      <c r="B76648" s="14" t="s">
        <v>1</v>
      </c>
      <c r="C76648" s="14" t="s">
        <v>59</v>
      </c>
      <c r="D76648" s="14" t="s">
        <v>122</v>
      </c>
      <c r="E76648" s="15">
        <v>45739</v>
      </c>
      <c r="F76648" s="14" t="s">
        <v>15</v>
      </c>
      <c r="G76648" s="16">
        <v>0</v>
      </c>
    </row>
    <row r="76649" spans="1:7" x14ac:dyDescent="0.3">
      <c r="A76649" s="13" t="s">
        <v>392</v>
      </c>
      <c r="B76649" s="14" t="s">
        <v>1</v>
      </c>
      <c r="C76649" s="14" t="s">
        <v>59</v>
      </c>
      <c r="D76649" s="14" t="s">
        <v>122</v>
      </c>
      <c r="E76649" s="15">
        <v>45740</v>
      </c>
      <c r="F76649" s="14" t="s">
        <v>15</v>
      </c>
      <c r="G76649" s="16">
        <v>0</v>
      </c>
    </row>
    <row r="76650" spans="1:7" x14ac:dyDescent="0.3">
      <c r="A76650" s="13" t="s">
        <v>392</v>
      </c>
      <c r="B76650" s="14" t="s">
        <v>1</v>
      </c>
      <c r="C76650" s="14" t="s">
        <v>59</v>
      </c>
      <c r="D76650" s="14" t="s">
        <v>122</v>
      </c>
      <c r="E76650" s="15">
        <v>45741</v>
      </c>
      <c r="F76650" s="14" t="s">
        <v>15</v>
      </c>
      <c r="G76650" s="16">
        <v>0</v>
      </c>
    </row>
    <row r="76651" spans="1:7" x14ac:dyDescent="0.3">
      <c r="A76651" s="13" t="s">
        <v>392</v>
      </c>
      <c r="B76651" s="14" t="s">
        <v>1</v>
      </c>
      <c r="C76651" s="14" t="s">
        <v>59</v>
      </c>
      <c r="D76651" s="14" t="s">
        <v>122</v>
      </c>
      <c r="E76651" s="15">
        <v>45742</v>
      </c>
      <c r="F76651" s="14" t="s">
        <v>15</v>
      </c>
      <c r="G76651" s="16">
        <v>0</v>
      </c>
    </row>
    <row r="76652" spans="1:7" x14ac:dyDescent="0.3">
      <c r="A76652" s="13" t="s">
        <v>392</v>
      </c>
      <c r="B76652" s="14" t="s">
        <v>1</v>
      </c>
      <c r="C76652" s="14" t="s">
        <v>59</v>
      </c>
      <c r="D76652" s="14" t="s">
        <v>122</v>
      </c>
      <c r="E76652" s="15">
        <v>45743</v>
      </c>
      <c r="F76652" s="14" t="s">
        <v>15</v>
      </c>
      <c r="G76652" s="16">
        <v>0</v>
      </c>
    </row>
    <row r="76653" spans="1:7" x14ac:dyDescent="0.3">
      <c r="A76653" s="13" t="s">
        <v>392</v>
      </c>
      <c r="B76653" s="14" t="s">
        <v>1</v>
      </c>
      <c r="C76653" s="14" t="s">
        <v>59</v>
      </c>
      <c r="D76653" s="14" t="s">
        <v>122</v>
      </c>
      <c r="E76653" s="15">
        <v>45744</v>
      </c>
      <c r="F76653" s="14" t="s">
        <v>15</v>
      </c>
      <c r="G76653" s="16">
        <v>0</v>
      </c>
    </row>
    <row r="76654" spans="1:7" x14ac:dyDescent="0.3">
      <c r="A76654" s="13" t="s">
        <v>392</v>
      </c>
      <c r="B76654" s="14" t="s">
        <v>1</v>
      </c>
      <c r="C76654" s="14" t="s">
        <v>59</v>
      </c>
      <c r="D76654" s="14" t="s">
        <v>122</v>
      </c>
      <c r="E76654" s="15">
        <v>45745</v>
      </c>
      <c r="F76654" s="14" t="s">
        <v>15</v>
      </c>
      <c r="G76654" s="16">
        <v>0</v>
      </c>
    </row>
    <row r="76655" spans="1:7" x14ac:dyDescent="0.3">
      <c r="A76655" s="13" t="s">
        <v>392</v>
      </c>
      <c r="B76655" s="14" t="s">
        <v>1</v>
      </c>
      <c r="C76655" s="14" t="s">
        <v>59</v>
      </c>
      <c r="D76655" s="14" t="s">
        <v>122</v>
      </c>
      <c r="E76655" s="15">
        <v>45746</v>
      </c>
      <c r="F76655" s="14" t="s">
        <v>15</v>
      </c>
      <c r="G76655" s="16">
        <v>0</v>
      </c>
    </row>
    <row r="76656" spans="1:7" x14ac:dyDescent="0.3">
      <c r="A76656" s="13" t="s">
        <v>392</v>
      </c>
      <c r="B76656" s="14" t="s">
        <v>1</v>
      </c>
      <c r="C76656" s="14" t="s">
        <v>59</v>
      </c>
      <c r="D76656" s="14" t="s">
        <v>122</v>
      </c>
      <c r="E76656" s="15">
        <v>45747</v>
      </c>
      <c r="F76656" s="14" t="s">
        <v>15</v>
      </c>
      <c r="G76656" s="16">
        <v>0</v>
      </c>
    </row>
    <row r="76657" spans="1:7" x14ac:dyDescent="0.3">
      <c r="A76657" s="13" t="s">
        <v>393</v>
      </c>
      <c r="B76657" s="14" t="s">
        <v>1</v>
      </c>
      <c r="C76657" s="14" t="s">
        <v>35</v>
      </c>
      <c r="D76657" s="14" t="s">
        <v>292</v>
      </c>
      <c r="E76657" s="15">
        <v>45383</v>
      </c>
      <c r="F76657" s="14" t="s">
        <v>61</v>
      </c>
      <c r="G76657" s="16">
        <v>0</v>
      </c>
    </row>
    <row r="76658" spans="1:7" x14ac:dyDescent="0.3">
      <c r="A76658" s="13" t="s">
        <v>393</v>
      </c>
      <c r="B76658" s="14" t="s">
        <v>1</v>
      </c>
      <c r="C76658" s="14" t="s">
        <v>35</v>
      </c>
      <c r="D76658" s="14" t="s">
        <v>292</v>
      </c>
      <c r="E76658" s="15">
        <v>45384</v>
      </c>
      <c r="F76658" s="14" t="s">
        <v>61</v>
      </c>
      <c r="G76658" s="16">
        <v>0</v>
      </c>
    </row>
    <row r="76659" spans="1:7" x14ac:dyDescent="0.3">
      <c r="A76659" s="13" t="s">
        <v>393</v>
      </c>
      <c r="B76659" s="14" t="s">
        <v>1</v>
      </c>
      <c r="C76659" s="14" t="s">
        <v>35</v>
      </c>
      <c r="D76659" s="14" t="s">
        <v>292</v>
      </c>
      <c r="E76659" s="15">
        <v>45385</v>
      </c>
      <c r="F76659" s="14" t="s">
        <v>61</v>
      </c>
      <c r="G76659" s="16">
        <v>0</v>
      </c>
    </row>
    <row r="76660" spans="1:7" x14ac:dyDescent="0.3">
      <c r="A76660" s="13" t="s">
        <v>393</v>
      </c>
      <c r="B76660" s="14" t="s">
        <v>1</v>
      </c>
      <c r="C76660" s="14" t="s">
        <v>35</v>
      </c>
      <c r="D76660" s="14" t="s">
        <v>292</v>
      </c>
      <c r="E76660" s="15">
        <v>45386</v>
      </c>
      <c r="F76660" s="14" t="s">
        <v>61</v>
      </c>
      <c r="G76660" s="16">
        <v>0</v>
      </c>
    </row>
    <row r="76661" spans="1:7" x14ac:dyDescent="0.3">
      <c r="A76661" s="13" t="s">
        <v>393</v>
      </c>
      <c r="B76661" s="14" t="s">
        <v>1</v>
      </c>
      <c r="C76661" s="14" t="s">
        <v>35</v>
      </c>
      <c r="D76661" s="14" t="s">
        <v>292</v>
      </c>
      <c r="E76661" s="15">
        <v>45387</v>
      </c>
      <c r="F76661" s="14" t="s">
        <v>61</v>
      </c>
      <c r="G76661" s="16">
        <v>0</v>
      </c>
    </row>
    <row r="76662" spans="1:7" x14ac:dyDescent="0.3">
      <c r="A76662" s="13" t="s">
        <v>393</v>
      </c>
      <c r="B76662" s="14" t="s">
        <v>1</v>
      </c>
      <c r="C76662" s="14" t="s">
        <v>35</v>
      </c>
      <c r="D76662" s="14" t="s">
        <v>292</v>
      </c>
      <c r="E76662" s="15">
        <v>45388</v>
      </c>
      <c r="F76662" s="14" t="s">
        <v>61</v>
      </c>
      <c r="G76662" s="16">
        <v>0</v>
      </c>
    </row>
    <row r="76663" spans="1:7" x14ac:dyDescent="0.3">
      <c r="A76663" s="13" t="s">
        <v>393</v>
      </c>
      <c r="B76663" s="14" t="s">
        <v>1</v>
      </c>
      <c r="C76663" s="14" t="s">
        <v>35</v>
      </c>
      <c r="D76663" s="14" t="s">
        <v>292</v>
      </c>
      <c r="E76663" s="15">
        <v>45389</v>
      </c>
      <c r="F76663" s="14" t="s">
        <v>61</v>
      </c>
      <c r="G76663" s="16">
        <v>0</v>
      </c>
    </row>
    <row r="76664" spans="1:7" x14ac:dyDescent="0.3">
      <c r="A76664" s="13" t="s">
        <v>393</v>
      </c>
      <c r="B76664" s="14" t="s">
        <v>1</v>
      </c>
      <c r="C76664" s="14" t="s">
        <v>35</v>
      </c>
      <c r="D76664" s="14" t="s">
        <v>292</v>
      </c>
      <c r="E76664" s="15">
        <v>45390</v>
      </c>
      <c r="F76664" s="14" t="s">
        <v>61</v>
      </c>
      <c r="G76664" s="16">
        <v>0</v>
      </c>
    </row>
    <row r="76665" spans="1:7" x14ac:dyDescent="0.3">
      <c r="A76665" s="13" t="s">
        <v>393</v>
      </c>
      <c r="B76665" s="14" t="s">
        <v>1</v>
      </c>
      <c r="C76665" s="14" t="s">
        <v>35</v>
      </c>
      <c r="D76665" s="14" t="s">
        <v>292</v>
      </c>
      <c r="E76665" s="15">
        <v>45391</v>
      </c>
      <c r="F76665" s="14" t="s">
        <v>61</v>
      </c>
      <c r="G76665" s="16">
        <v>0</v>
      </c>
    </row>
    <row r="76666" spans="1:7" x14ac:dyDescent="0.3">
      <c r="A76666" s="13" t="s">
        <v>393</v>
      </c>
      <c r="B76666" s="14" t="s">
        <v>1</v>
      </c>
      <c r="C76666" s="14" t="s">
        <v>35</v>
      </c>
      <c r="D76666" s="14" t="s">
        <v>292</v>
      </c>
      <c r="E76666" s="15">
        <v>45392</v>
      </c>
      <c r="F76666" s="14" t="s">
        <v>61</v>
      </c>
      <c r="G76666" s="16">
        <v>0</v>
      </c>
    </row>
    <row r="76667" spans="1:7" x14ac:dyDescent="0.3">
      <c r="A76667" s="13" t="s">
        <v>393</v>
      </c>
      <c r="B76667" s="14" t="s">
        <v>1</v>
      </c>
      <c r="C76667" s="14" t="s">
        <v>35</v>
      </c>
      <c r="D76667" s="14" t="s">
        <v>292</v>
      </c>
      <c r="E76667" s="15">
        <v>45393</v>
      </c>
      <c r="F76667" s="14" t="s">
        <v>61</v>
      </c>
      <c r="G76667" s="16">
        <v>0</v>
      </c>
    </row>
    <row r="76668" spans="1:7" x14ac:dyDescent="0.3">
      <c r="A76668" s="13" t="s">
        <v>393</v>
      </c>
      <c r="B76668" s="14" t="s">
        <v>1</v>
      </c>
      <c r="C76668" s="14" t="s">
        <v>35</v>
      </c>
      <c r="D76668" s="14" t="s">
        <v>292</v>
      </c>
      <c r="E76668" s="15">
        <v>45394</v>
      </c>
      <c r="F76668" s="14" t="s">
        <v>61</v>
      </c>
      <c r="G76668" s="16">
        <v>0</v>
      </c>
    </row>
    <row r="76669" spans="1:7" x14ac:dyDescent="0.3">
      <c r="A76669" s="13" t="s">
        <v>393</v>
      </c>
      <c r="B76669" s="14" t="s">
        <v>1</v>
      </c>
      <c r="C76669" s="14" t="s">
        <v>35</v>
      </c>
      <c r="D76669" s="14" t="s">
        <v>292</v>
      </c>
      <c r="E76669" s="15">
        <v>45395</v>
      </c>
      <c r="F76669" s="14" t="s">
        <v>61</v>
      </c>
      <c r="G76669" s="16">
        <v>0</v>
      </c>
    </row>
    <row r="76670" spans="1:7" x14ac:dyDescent="0.3">
      <c r="A76670" s="13" t="s">
        <v>393</v>
      </c>
      <c r="B76670" s="14" t="s">
        <v>1</v>
      </c>
      <c r="C76670" s="14" t="s">
        <v>35</v>
      </c>
      <c r="D76670" s="14" t="s">
        <v>292</v>
      </c>
      <c r="E76670" s="15">
        <v>45396</v>
      </c>
      <c r="F76670" s="14" t="s">
        <v>61</v>
      </c>
      <c r="G76670" s="16">
        <v>0</v>
      </c>
    </row>
    <row r="76671" spans="1:7" x14ac:dyDescent="0.3">
      <c r="A76671" s="13" t="s">
        <v>393</v>
      </c>
      <c r="B76671" s="14" t="s">
        <v>1</v>
      </c>
      <c r="C76671" s="14" t="s">
        <v>35</v>
      </c>
      <c r="D76671" s="14" t="s">
        <v>292</v>
      </c>
      <c r="E76671" s="15">
        <v>45397</v>
      </c>
      <c r="F76671" s="14" t="s">
        <v>61</v>
      </c>
      <c r="G76671" s="16">
        <v>0</v>
      </c>
    </row>
    <row r="76672" spans="1:7" x14ac:dyDescent="0.3">
      <c r="A76672" s="13" t="s">
        <v>393</v>
      </c>
      <c r="B76672" s="14" t="s">
        <v>1</v>
      </c>
      <c r="C76672" s="14" t="s">
        <v>35</v>
      </c>
      <c r="D76672" s="14" t="s">
        <v>292</v>
      </c>
      <c r="E76672" s="15">
        <v>45398</v>
      </c>
      <c r="F76672" s="14" t="s">
        <v>61</v>
      </c>
      <c r="G76672" s="16">
        <v>0</v>
      </c>
    </row>
    <row r="76673" spans="1:7" x14ac:dyDescent="0.3">
      <c r="A76673" s="13" t="s">
        <v>393</v>
      </c>
      <c r="B76673" s="14" t="s">
        <v>1</v>
      </c>
      <c r="C76673" s="14" t="s">
        <v>35</v>
      </c>
      <c r="D76673" s="14" t="s">
        <v>292</v>
      </c>
      <c r="E76673" s="15">
        <v>45399</v>
      </c>
      <c r="F76673" s="14" t="s">
        <v>61</v>
      </c>
      <c r="G76673" s="16">
        <v>0</v>
      </c>
    </row>
    <row r="76674" spans="1:7" x14ac:dyDescent="0.3">
      <c r="A76674" s="13" t="s">
        <v>393</v>
      </c>
      <c r="B76674" s="14" t="s">
        <v>1</v>
      </c>
      <c r="C76674" s="14" t="s">
        <v>35</v>
      </c>
      <c r="D76674" s="14" t="s">
        <v>292</v>
      </c>
      <c r="E76674" s="15">
        <v>45400</v>
      </c>
      <c r="F76674" s="14" t="s">
        <v>61</v>
      </c>
      <c r="G76674" s="16">
        <v>0</v>
      </c>
    </row>
    <row r="76675" spans="1:7" x14ac:dyDescent="0.3">
      <c r="A76675" s="13" t="s">
        <v>393</v>
      </c>
      <c r="B76675" s="14" t="s">
        <v>1</v>
      </c>
      <c r="C76675" s="14" t="s">
        <v>35</v>
      </c>
      <c r="D76675" s="14" t="s">
        <v>292</v>
      </c>
      <c r="E76675" s="15">
        <v>45401</v>
      </c>
      <c r="F76675" s="14" t="s">
        <v>61</v>
      </c>
      <c r="G76675" s="16">
        <v>0</v>
      </c>
    </row>
    <row r="76676" spans="1:7" x14ac:dyDescent="0.3">
      <c r="A76676" s="13" t="s">
        <v>393</v>
      </c>
      <c r="B76676" s="14" t="s">
        <v>1</v>
      </c>
      <c r="C76676" s="14" t="s">
        <v>35</v>
      </c>
      <c r="D76676" s="14" t="s">
        <v>292</v>
      </c>
      <c r="E76676" s="15">
        <v>45402</v>
      </c>
      <c r="F76676" s="14" t="s">
        <v>61</v>
      </c>
      <c r="G76676" s="16">
        <v>0</v>
      </c>
    </row>
    <row r="76677" spans="1:7" x14ac:dyDescent="0.3">
      <c r="A76677" s="13" t="s">
        <v>393</v>
      </c>
      <c r="B76677" s="14" t="s">
        <v>1</v>
      </c>
      <c r="C76677" s="14" t="s">
        <v>35</v>
      </c>
      <c r="D76677" s="14" t="s">
        <v>292</v>
      </c>
      <c r="E76677" s="15">
        <v>45403</v>
      </c>
      <c r="F76677" s="14" t="s">
        <v>61</v>
      </c>
      <c r="G76677" s="16">
        <v>0</v>
      </c>
    </row>
    <row r="76678" spans="1:7" x14ac:dyDescent="0.3">
      <c r="A76678" s="13" t="s">
        <v>393</v>
      </c>
      <c r="B76678" s="14" t="s">
        <v>1</v>
      </c>
      <c r="C76678" s="14" t="s">
        <v>35</v>
      </c>
      <c r="D76678" s="14" t="s">
        <v>292</v>
      </c>
      <c r="E76678" s="15">
        <v>45404</v>
      </c>
      <c r="F76678" s="14" t="s">
        <v>61</v>
      </c>
      <c r="G76678" s="16">
        <v>0</v>
      </c>
    </row>
    <row r="76679" spans="1:7" x14ac:dyDescent="0.3">
      <c r="A76679" s="13" t="s">
        <v>393</v>
      </c>
      <c r="B76679" s="14" t="s">
        <v>1</v>
      </c>
      <c r="C76679" s="14" t="s">
        <v>35</v>
      </c>
      <c r="D76679" s="14" t="s">
        <v>292</v>
      </c>
      <c r="E76679" s="15">
        <v>45405</v>
      </c>
      <c r="F76679" s="14" t="s">
        <v>61</v>
      </c>
      <c r="G76679" s="16">
        <v>0</v>
      </c>
    </row>
    <row r="76680" spans="1:7" x14ac:dyDescent="0.3">
      <c r="A76680" s="13" t="s">
        <v>393</v>
      </c>
      <c r="B76680" s="14" t="s">
        <v>1</v>
      </c>
      <c r="C76680" s="14" t="s">
        <v>35</v>
      </c>
      <c r="D76680" s="14" t="s">
        <v>292</v>
      </c>
      <c r="E76680" s="15">
        <v>45406</v>
      </c>
      <c r="F76680" s="14" t="s">
        <v>61</v>
      </c>
      <c r="G76680" s="16">
        <v>0</v>
      </c>
    </row>
    <row r="76681" spans="1:7" x14ac:dyDescent="0.3">
      <c r="A76681" s="13" t="s">
        <v>393</v>
      </c>
      <c r="B76681" s="14" t="s">
        <v>1</v>
      </c>
      <c r="C76681" s="14" t="s">
        <v>35</v>
      </c>
      <c r="D76681" s="14" t="s">
        <v>292</v>
      </c>
      <c r="E76681" s="15">
        <v>45407</v>
      </c>
      <c r="F76681" s="14" t="s">
        <v>61</v>
      </c>
      <c r="G76681" s="16">
        <v>0</v>
      </c>
    </row>
    <row r="76682" spans="1:7" x14ac:dyDescent="0.3">
      <c r="A76682" s="13" t="s">
        <v>393</v>
      </c>
      <c r="B76682" s="14" t="s">
        <v>1</v>
      </c>
      <c r="C76682" s="14" t="s">
        <v>35</v>
      </c>
      <c r="D76682" s="14" t="s">
        <v>292</v>
      </c>
      <c r="E76682" s="15">
        <v>45408</v>
      </c>
      <c r="F76682" s="14" t="s">
        <v>61</v>
      </c>
      <c r="G76682" s="16">
        <v>0</v>
      </c>
    </row>
    <row r="76683" spans="1:7" x14ac:dyDescent="0.3">
      <c r="A76683" s="13" t="s">
        <v>393</v>
      </c>
      <c r="B76683" s="14" t="s">
        <v>1</v>
      </c>
      <c r="C76683" s="14" t="s">
        <v>35</v>
      </c>
      <c r="D76683" s="14" t="s">
        <v>292</v>
      </c>
      <c r="E76683" s="15">
        <v>45409</v>
      </c>
      <c r="F76683" s="14" t="s">
        <v>61</v>
      </c>
      <c r="G76683" s="16">
        <v>0</v>
      </c>
    </row>
    <row r="76684" spans="1:7" x14ac:dyDescent="0.3">
      <c r="A76684" s="13" t="s">
        <v>393</v>
      </c>
      <c r="B76684" s="14" t="s">
        <v>1</v>
      </c>
      <c r="C76684" s="14" t="s">
        <v>35</v>
      </c>
      <c r="D76684" s="14" t="s">
        <v>292</v>
      </c>
      <c r="E76684" s="15">
        <v>45410</v>
      </c>
      <c r="F76684" s="14" t="s">
        <v>61</v>
      </c>
      <c r="G76684" s="16">
        <v>0</v>
      </c>
    </row>
    <row r="76685" spans="1:7" x14ac:dyDescent="0.3">
      <c r="A76685" s="13" t="s">
        <v>393</v>
      </c>
      <c r="B76685" s="14" t="s">
        <v>1</v>
      </c>
      <c r="C76685" s="14" t="s">
        <v>35</v>
      </c>
      <c r="D76685" s="14" t="s">
        <v>292</v>
      </c>
      <c r="E76685" s="15">
        <v>45411</v>
      </c>
      <c r="F76685" s="14" t="s">
        <v>61</v>
      </c>
      <c r="G76685" s="16">
        <v>0</v>
      </c>
    </row>
    <row r="76686" spans="1:7" x14ac:dyDescent="0.3">
      <c r="A76686" s="13" t="s">
        <v>393</v>
      </c>
      <c r="B76686" s="14" t="s">
        <v>1</v>
      </c>
      <c r="C76686" s="14" t="s">
        <v>35</v>
      </c>
      <c r="D76686" s="14" t="s">
        <v>292</v>
      </c>
      <c r="E76686" s="15">
        <v>45412</v>
      </c>
      <c r="F76686" s="14" t="s">
        <v>61</v>
      </c>
      <c r="G76686" s="16">
        <v>0</v>
      </c>
    </row>
    <row r="76687" spans="1:7" x14ac:dyDescent="0.3">
      <c r="A76687" s="13" t="s">
        <v>393</v>
      </c>
      <c r="B76687" s="14" t="s">
        <v>1</v>
      </c>
      <c r="C76687" s="14" t="s">
        <v>35</v>
      </c>
      <c r="D76687" s="14" t="s">
        <v>292</v>
      </c>
      <c r="E76687" s="15">
        <v>45413</v>
      </c>
      <c r="F76687" s="14" t="s">
        <v>61</v>
      </c>
      <c r="G76687" s="16">
        <v>0</v>
      </c>
    </row>
    <row r="76688" spans="1:7" x14ac:dyDescent="0.3">
      <c r="A76688" s="13" t="s">
        <v>393</v>
      </c>
      <c r="B76688" s="14" t="s">
        <v>1</v>
      </c>
      <c r="C76688" s="14" t="s">
        <v>35</v>
      </c>
      <c r="D76688" s="14" t="s">
        <v>292</v>
      </c>
      <c r="E76688" s="15">
        <v>45414</v>
      </c>
      <c r="F76688" s="14" t="s">
        <v>61</v>
      </c>
      <c r="G76688" s="16">
        <v>0</v>
      </c>
    </row>
    <row r="76689" spans="1:7" x14ac:dyDescent="0.3">
      <c r="A76689" s="13" t="s">
        <v>393</v>
      </c>
      <c r="B76689" s="14" t="s">
        <v>1</v>
      </c>
      <c r="C76689" s="14" t="s">
        <v>35</v>
      </c>
      <c r="D76689" s="14" t="s">
        <v>292</v>
      </c>
      <c r="E76689" s="15">
        <v>45415</v>
      </c>
      <c r="F76689" s="14" t="s">
        <v>61</v>
      </c>
      <c r="G76689" s="16">
        <v>0</v>
      </c>
    </row>
    <row r="76690" spans="1:7" x14ac:dyDescent="0.3">
      <c r="A76690" s="13" t="s">
        <v>393</v>
      </c>
      <c r="B76690" s="14" t="s">
        <v>1</v>
      </c>
      <c r="C76690" s="14" t="s">
        <v>35</v>
      </c>
      <c r="D76690" s="14" t="s">
        <v>292</v>
      </c>
      <c r="E76690" s="15">
        <v>45416</v>
      </c>
      <c r="F76690" s="14" t="s">
        <v>61</v>
      </c>
      <c r="G76690" s="16">
        <v>0</v>
      </c>
    </row>
    <row r="76691" spans="1:7" x14ac:dyDescent="0.3">
      <c r="A76691" s="13" t="s">
        <v>393</v>
      </c>
      <c r="B76691" s="14" t="s">
        <v>1</v>
      </c>
      <c r="C76691" s="14" t="s">
        <v>35</v>
      </c>
      <c r="D76691" s="14" t="s">
        <v>292</v>
      </c>
      <c r="E76691" s="15">
        <v>45417</v>
      </c>
      <c r="F76691" s="14" t="s">
        <v>61</v>
      </c>
      <c r="G76691" s="16">
        <v>0</v>
      </c>
    </row>
    <row r="76692" spans="1:7" x14ac:dyDescent="0.3">
      <c r="A76692" s="13" t="s">
        <v>393</v>
      </c>
      <c r="B76692" s="14" t="s">
        <v>1</v>
      </c>
      <c r="C76692" s="14" t="s">
        <v>35</v>
      </c>
      <c r="D76692" s="14" t="s">
        <v>292</v>
      </c>
      <c r="E76692" s="15">
        <v>45418</v>
      </c>
      <c r="F76692" s="14" t="s">
        <v>61</v>
      </c>
      <c r="G76692" s="16">
        <v>0</v>
      </c>
    </row>
    <row r="76693" spans="1:7" x14ac:dyDescent="0.3">
      <c r="A76693" s="13" t="s">
        <v>393</v>
      </c>
      <c r="B76693" s="14" t="s">
        <v>1</v>
      </c>
      <c r="C76693" s="14" t="s">
        <v>35</v>
      </c>
      <c r="D76693" s="14" t="s">
        <v>292</v>
      </c>
      <c r="E76693" s="15">
        <v>45419</v>
      </c>
      <c r="F76693" s="14" t="s">
        <v>61</v>
      </c>
      <c r="G76693" s="16">
        <v>0</v>
      </c>
    </row>
    <row r="76694" spans="1:7" x14ac:dyDescent="0.3">
      <c r="A76694" s="13" t="s">
        <v>393</v>
      </c>
      <c r="B76694" s="14" t="s">
        <v>1</v>
      </c>
      <c r="C76694" s="14" t="s">
        <v>35</v>
      </c>
      <c r="D76694" s="14" t="s">
        <v>292</v>
      </c>
      <c r="E76694" s="15">
        <v>45420</v>
      </c>
      <c r="F76694" s="14" t="s">
        <v>61</v>
      </c>
      <c r="G76694" s="16">
        <v>0</v>
      </c>
    </row>
    <row r="76695" spans="1:7" x14ac:dyDescent="0.3">
      <c r="A76695" s="13" t="s">
        <v>393</v>
      </c>
      <c r="B76695" s="14" t="s">
        <v>1</v>
      </c>
      <c r="C76695" s="14" t="s">
        <v>35</v>
      </c>
      <c r="D76695" s="14" t="s">
        <v>292</v>
      </c>
      <c r="E76695" s="15">
        <v>45421</v>
      </c>
      <c r="F76695" s="14" t="s">
        <v>61</v>
      </c>
      <c r="G76695" s="16">
        <v>0</v>
      </c>
    </row>
    <row r="76696" spans="1:7" x14ac:dyDescent="0.3">
      <c r="A76696" s="13" t="s">
        <v>393</v>
      </c>
      <c r="B76696" s="14" t="s">
        <v>1</v>
      </c>
      <c r="C76696" s="14" t="s">
        <v>35</v>
      </c>
      <c r="D76696" s="14" t="s">
        <v>292</v>
      </c>
      <c r="E76696" s="15">
        <v>45422</v>
      </c>
      <c r="F76696" s="14" t="s">
        <v>61</v>
      </c>
      <c r="G76696" s="16">
        <v>0</v>
      </c>
    </row>
    <row r="76697" spans="1:7" x14ac:dyDescent="0.3">
      <c r="A76697" s="13" t="s">
        <v>393</v>
      </c>
      <c r="B76697" s="14" t="s">
        <v>1</v>
      </c>
      <c r="C76697" s="14" t="s">
        <v>35</v>
      </c>
      <c r="D76697" s="14" t="s">
        <v>292</v>
      </c>
      <c r="E76697" s="15">
        <v>45423</v>
      </c>
      <c r="F76697" s="14" t="s">
        <v>61</v>
      </c>
      <c r="G76697" s="16">
        <v>0</v>
      </c>
    </row>
    <row r="76698" spans="1:7" x14ac:dyDescent="0.3">
      <c r="A76698" s="13" t="s">
        <v>393</v>
      </c>
      <c r="B76698" s="14" t="s">
        <v>1</v>
      </c>
      <c r="C76698" s="14" t="s">
        <v>35</v>
      </c>
      <c r="D76698" s="14" t="s">
        <v>292</v>
      </c>
      <c r="E76698" s="15">
        <v>45424</v>
      </c>
      <c r="F76698" s="14" t="s">
        <v>61</v>
      </c>
      <c r="G76698" s="16">
        <v>0</v>
      </c>
    </row>
    <row r="76699" spans="1:7" x14ac:dyDescent="0.3">
      <c r="A76699" s="13" t="s">
        <v>393</v>
      </c>
      <c r="B76699" s="14" t="s">
        <v>1</v>
      </c>
      <c r="C76699" s="14" t="s">
        <v>35</v>
      </c>
      <c r="D76699" s="14" t="s">
        <v>292</v>
      </c>
      <c r="E76699" s="15">
        <v>45425</v>
      </c>
      <c r="F76699" s="14" t="s">
        <v>61</v>
      </c>
      <c r="G76699" s="16">
        <v>0</v>
      </c>
    </row>
    <row r="76700" spans="1:7" x14ac:dyDescent="0.3">
      <c r="A76700" s="13" t="s">
        <v>393</v>
      </c>
      <c r="B76700" s="14" t="s">
        <v>1</v>
      </c>
      <c r="C76700" s="14" t="s">
        <v>35</v>
      </c>
      <c r="D76700" s="14" t="s">
        <v>292</v>
      </c>
      <c r="E76700" s="15">
        <v>45426</v>
      </c>
      <c r="F76700" s="14" t="s">
        <v>61</v>
      </c>
      <c r="G76700" s="16">
        <v>0</v>
      </c>
    </row>
    <row r="76701" spans="1:7" x14ac:dyDescent="0.3">
      <c r="A76701" s="13" t="s">
        <v>393</v>
      </c>
      <c r="B76701" s="14" t="s">
        <v>1</v>
      </c>
      <c r="C76701" s="14" t="s">
        <v>35</v>
      </c>
      <c r="D76701" s="14" t="s">
        <v>292</v>
      </c>
      <c r="E76701" s="15">
        <v>45427</v>
      </c>
      <c r="F76701" s="14" t="s">
        <v>61</v>
      </c>
      <c r="G76701" s="16">
        <v>0</v>
      </c>
    </row>
    <row r="76702" spans="1:7" x14ac:dyDescent="0.3">
      <c r="A76702" s="13" t="s">
        <v>393</v>
      </c>
      <c r="B76702" s="14" t="s">
        <v>1</v>
      </c>
      <c r="C76702" s="14" t="s">
        <v>35</v>
      </c>
      <c r="D76702" s="14" t="s">
        <v>292</v>
      </c>
      <c r="E76702" s="15">
        <v>45428</v>
      </c>
      <c r="F76702" s="14" t="s">
        <v>61</v>
      </c>
      <c r="G76702" s="16">
        <v>0</v>
      </c>
    </row>
    <row r="76703" spans="1:7" x14ac:dyDescent="0.3">
      <c r="A76703" s="13" t="s">
        <v>393</v>
      </c>
      <c r="B76703" s="14" t="s">
        <v>1</v>
      </c>
      <c r="C76703" s="14" t="s">
        <v>35</v>
      </c>
      <c r="D76703" s="14" t="s">
        <v>292</v>
      </c>
      <c r="E76703" s="15">
        <v>45429</v>
      </c>
      <c r="F76703" s="14" t="s">
        <v>61</v>
      </c>
      <c r="G76703" s="16">
        <v>0</v>
      </c>
    </row>
    <row r="76704" spans="1:7" x14ac:dyDescent="0.3">
      <c r="A76704" s="13" t="s">
        <v>393</v>
      </c>
      <c r="B76704" s="14" t="s">
        <v>1</v>
      </c>
      <c r="C76704" s="14" t="s">
        <v>35</v>
      </c>
      <c r="D76704" s="14" t="s">
        <v>292</v>
      </c>
      <c r="E76704" s="15">
        <v>45430</v>
      </c>
      <c r="F76704" s="14" t="s">
        <v>61</v>
      </c>
      <c r="G76704" s="16">
        <v>0</v>
      </c>
    </row>
    <row r="76705" spans="1:7" x14ac:dyDescent="0.3">
      <c r="A76705" s="13" t="s">
        <v>393</v>
      </c>
      <c r="B76705" s="14" t="s">
        <v>1</v>
      </c>
      <c r="C76705" s="14" t="s">
        <v>35</v>
      </c>
      <c r="D76705" s="14" t="s">
        <v>292</v>
      </c>
      <c r="E76705" s="15">
        <v>45431</v>
      </c>
      <c r="F76705" s="14" t="s">
        <v>61</v>
      </c>
      <c r="G76705" s="16">
        <v>0</v>
      </c>
    </row>
    <row r="76706" spans="1:7" x14ac:dyDescent="0.3">
      <c r="A76706" s="13" t="s">
        <v>393</v>
      </c>
      <c r="B76706" s="14" t="s">
        <v>1</v>
      </c>
      <c r="C76706" s="14" t="s">
        <v>35</v>
      </c>
      <c r="D76706" s="14" t="s">
        <v>292</v>
      </c>
      <c r="E76706" s="15">
        <v>45432</v>
      </c>
      <c r="F76706" s="14" t="s">
        <v>61</v>
      </c>
      <c r="G76706" s="16">
        <v>0</v>
      </c>
    </row>
    <row r="76707" spans="1:7" x14ac:dyDescent="0.3">
      <c r="A76707" s="13" t="s">
        <v>393</v>
      </c>
      <c r="B76707" s="14" t="s">
        <v>1</v>
      </c>
      <c r="C76707" s="14" t="s">
        <v>35</v>
      </c>
      <c r="D76707" s="14" t="s">
        <v>292</v>
      </c>
      <c r="E76707" s="15">
        <v>45433</v>
      </c>
      <c r="F76707" s="14" t="s">
        <v>61</v>
      </c>
      <c r="G76707" s="16">
        <v>0</v>
      </c>
    </row>
    <row r="76708" spans="1:7" x14ac:dyDescent="0.3">
      <c r="A76708" s="13" t="s">
        <v>393</v>
      </c>
      <c r="B76708" s="14" t="s">
        <v>1</v>
      </c>
      <c r="C76708" s="14" t="s">
        <v>35</v>
      </c>
      <c r="D76708" s="14" t="s">
        <v>292</v>
      </c>
      <c r="E76708" s="15">
        <v>45434</v>
      </c>
      <c r="F76708" s="14" t="s">
        <v>61</v>
      </c>
      <c r="G76708" s="16">
        <v>0</v>
      </c>
    </row>
    <row r="76709" spans="1:7" x14ac:dyDescent="0.3">
      <c r="A76709" s="13" t="s">
        <v>393</v>
      </c>
      <c r="B76709" s="14" t="s">
        <v>1</v>
      </c>
      <c r="C76709" s="14" t="s">
        <v>35</v>
      </c>
      <c r="D76709" s="14" t="s">
        <v>292</v>
      </c>
      <c r="E76709" s="15">
        <v>45435</v>
      </c>
      <c r="F76709" s="14" t="s">
        <v>61</v>
      </c>
      <c r="G76709" s="16">
        <v>0</v>
      </c>
    </row>
    <row r="76710" spans="1:7" x14ac:dyDescent="0.3">
      <c r="A76710" s="13" t="s">
        <v>393</v>
      </c>
      <c r="B76710" s="14" t="s">
        <v>1</v>
      </c>
      <c r="C76710" s="14" t="s">
        <v>35</v>
      </c>
      <c r="D76710" s="14" t="s">
        <v>292</v>
      </c>
      <c r="E76710" s="15">
        <v>45436</v>
      </c>
      <c r="F76710" s="14" t="s">
        <v>61</v>
      </c>
      <c r="G76710" s="16">
        <v>0</v>
      </c>
    </row>
    <row r="76711" spans="1:7" x14ac:dyDescent="0.3">
      <c r="A76711" s="13" t="s">
        <v>393</v>
      </c>
      <c r="B76711" s="14" t="s">
        <v>1</v>
      </c>
      <c r="C76711" s="14" t="s">
        <v>35</v>
      </c>
      <c r="D76711" s="14" t="s">
        <v>292</v>
      </c>
      <c r="E76711" s="15">
        <v>45437</v>
      </c>
      <c r="F76711" s="14" t="s">
        <v>61</v>
      </c>
      <c r="G76711" s="16">
        <v>0</v>
      </c>
    </row>
    <row r="76712" spans="1:7" x14ac:dyDescent="0.3">
      <c r="A76712" s="13" t="s">
        <v>393</v>
      </c>
      <c r="B76712" s="14" t="s">
        <v>1</v>
      </c>
      <c r="C76712" s="14" t="s">
        <v>35</v>
      </c>
      <c r="D76712" s="14" t="s">
        <v>292</v>
      </c>
      <c r="E76712" s="15">
        <v>45438</v>
      </c>
      <c r="F76712" s="14" t="s">
        <v>61</v>
      </c>
      <c r="G76712" s="16">
        <v>0</v>
      </c>
    </row>
    <row r="76713" spans="1:7" x14ac:dyDescent="0.3">
      <c r="A76713" s="13" t="s">
        <v>393</v>
      </c>
      <c r="B76713" s="14" t="s">
        <v>1</v>
      </c>
      <c r="C76713" s="14" t="s">
        <v>35</v>
      </c>
      <c r="D76713" s="14" t="s">
        <v>292</v>
      </c>
      <c r="E76713" s="15">
        <v>45439</v>
      </c>
      <c r="F76713" s="14" t="s">
        <v>61</v>
      </c>
      <c r="G76713" s="16">
        <v>0</v>
      </c>
    </row>
    <row r="76714" spans="1:7" x14ac:dyDescent="0.3">
      <c r="A76714" s="13" t="s">
        <v>393</v>
      </c>
      <c r="B76714" s="14" t="s">
        <v>1</v>
      </c>
      <c r="C76714" s="14" t="s">
        <v>35</v>
      </c>
      <c r="D76714" s="14" t="s">
        <v>292</v>
      </c>
      <c r="E76714" s="15">
        <v>45440</v>
      </c>
      <c r="F76714" s="14" t="s">
        <v>61</v>
      </c>
      <c r="G76714" s="16">
        <v>0</v>
      </c>
    </row>
    <row r="76715" spans="1:7" x14ac:dyDescent="0.3">
      <c r="A76715" s="13" t="s">
        <v>393</v>
      </c>
      <c r="B76715" s="14" t="s">
        <v>1</v>
      </c>
      <c r="C76715" s="14" t="s">
        <v>35</v>
      </c>
      <c r="D76715" s="14" t="s">
        <v>292</v>
      </c>
      <c r="E76715" s="15">
        <v>45441</v>
      </c>
      <c r="F76715" s="14" t="s">
        <v>61</v>
      </c>
      <c r="G76715" s="16">
        <v>0</v>
      </c>
    </row>
    <row r="76716" spans="1:7" x14ac:dyDescent="0.3">
      <c r="A76716" s="13" t="s">
        <v>393</v>
      </c>
      <c r="B76716" s="14" t="s">
        <v>1</v>
      </c>
      <c r="C76716" s="14" t="s">
        <v>35</v>
      </c>
      <c r="D76716" s="14" t="s">
        <v>292</v>
      </c>
      <c r="E76716" s="15">
        <v>45442</v>
      </c>
      <c r="F76716" s="14" t="s">
        <v>61</v>
      </c>
      <c r="G76716" s="16">
        <v>0</v>
      </c>
    </row>
    <row r="76717" spans="1:7" x14ac:dyDescent="0.3">
      <c r="A76717" s="13" t="s">
        <v>393</v>
      </c>
      <c r="B76717" s="14" t="s">
        <v>1</v>
      </c>
      <c r="C76717" s="14" t="s">
        <v>35</v>
      </c>
      <c r="D76717" s="14" t="s">
        <v>292</v>
      </c>
      <c r="E76717" s="15">
        <v>45443</v>
      </c>
      <c r="F76717" s="14" t="s">
        <v>61</v>
      </c>
      <c r="G76717" s="16">
        <v>0</v>
      </c>
    </row>
    <row r="76718" spans="1:7" x14ac:dyDescent="0.3">
      <c r="A76718" s="13" t="s">
        <v>393</v>
      </c>
      <c r="B76718" s="14" t="s">
        <v>1</v>
      </c>
      <c r="C76718" s="14" t="s">
        <v>35</v>
      </c>
      <c r="D76718" s="14" t="s">
        <v>292</v>
      </c>
      <c r="E76718" s="15">
        <v>45444</v>
      </c>
      <c r="F76718" s="14" t="s">
        <v>61</v>
      </c>
      <c r="G76718" s="16">
        <v>0</v>
      </c>
    </row>
    <row r="76719" spans="1:7" x14ac:dyDescent="0.3">
      <c r="A76719" s="13" t="s">
        <v>393</v>
      </c>
      <c r="B76719" s="14" t="s">
        <v>1</v>
      </c>
      <c r="C76719" s="14" t="s">
        <v>35</v>
      </c>
      <c r="D76719" s="14" t="s">
        <v>292</v>
      </c>
      <c r="E76719" s="15">
        <v>45445</v>
      </c>
      <c r="F76719" s="14" t="s">
        <v>61</v>
      </c>
      <c r="G76719" s="16">
        <v>0</v>
      </c>
    </row>
    <row r="76720" spans="1:7" x14ac:dyDescent="0.3">
      <c r="A76720" s="13" t="s">
        <v>393</v>
      </c>
      <c r="B76720" s="14" t="s">
        <v>1</v>
      </c>
      <c r="C76720" s="14" t="s">
        <v>35</v>
      </c>
      <c r="D76720" s="14" t="s">
        <v>292</v>
      </c>
      <c r="E76720" s="15">
        <v>45446</v>
      </c>
      <c r="F76720" s="14" t="s">
        <v>61</v>
      </c>
      <c r="G76720" s="16">
        <v>0</v>
      </c>
    </row>
    <row r="76721" spans="1:7" x14ac:dyDescent="0.3">
      <c r="A76721" s="13" t="s">
        <v>393</v>
      </c>
      <c r="B76721" s="14" t="s">
        <v>1</v>
      </c>
      <c r="C76721" s="14" t="s">
        <v>35</v>
      </c>
      <c r="D76721" s="14" t="s">
        <v>292</v>
      </c>
      <c r="E76721" s="15">
        <v>45447</v>
      </c>
      <c r="F76721" s="14" t="s">
        <v>61</v>
      </c>
      <c r="G76721" s="16">
        <v>0</v>
      </c>
    </row>
    <row r="76722" spans="1:7" x14ac:dyDescent="0.3">
      <c r="A76722" s="13" t="s">
        <v>393</v>
      </c>
      <c r="B76722" s="14" t="s">
        <v>1</v>
      </c>
      <c r="C76722" s="14" t="s">
        <v>35</v>
      </c>
      <c r="D76722" s="14" t="s">
        <v>292</v>
      </c>
      <c r="E76722" s="15">
        <v>45448</v>
      </c>
      <c r="F76722" s="14" t="s">
        <v>61</v>
      </c>
      <c r="G76722" s="16">
        <v>0</v>
      </c>
    </row>
    <row r="76723" spans="1:7" x14ac:dyDescent="0.3">
      <c r="A76723" s="13" t="s">
        <v>393</v>
      </c>
      <c r="B76723" s="14" t="s">
        <v>1</v>
      </c>
      <c r="C76723" s="14" t="s">
        <v>35</v>
      </c>
      <c r="D76723" s="14" t="s">
        <v>292</v>
      </c>
      <c r="E76723" s="15">
        <v>45449</v>
      </c>
      <c r="F76723" s="14" t="s">
        <v>61</v>
      </c>
      <c r="G76723" s="16">
        <v>0</v>
      </c>
    </row>
    <row r="76724" spans="1:7" x14ac:dyDescent="0.3">
      <c r="A76724" s="13" t="s">
        <v>393</v>
      </c>
      <c r="B76724" s="14" t="s">
        <v>1</v>
      </c>
      <c r="C76724" s="14" t="s">
        <v>35</v>
      </c>
      <c r="D76724" s="14" t="s">
        <v>292</v>
      </c>
      <c r="E76724" s="15">
        <v>45450</v>
      </c>
      <c r="F76724" s="14" t="s">
        <v>61</v>
      </c>
      <c r="G76724" s="16">
        <v>0</v>
      </c>
    </row>
    <row r="76725" spans="1:7" x14ac:dyDescent="0.3">
      <c r="A76725" s="13" t="s">
        <v>393</v>
      </c>
      <c r="B76725" s="14" t="s">
        <v>1</v>
      </c>
      <c r="C76725" s="14" t="s">
        <v>35</v>
      </c>
      <c r="D76725" s="14" t="s">
        <v>292</v>
      </c>
      <c r="E76725" s="15">
        <v>45451</v>
      </c>
      <c r="F76725" s="14" t="s">
        <v>61</v>
      </c>
      <c r="G76725" s="16">
        <v>0</v>
      </c>
    </row>
    <row r="76726" spans="1:7" x14ac:dyDescent="0.3">
      <c r="A76726" s="13" t="s">
        <v>393</v>
      </c>
      <c r="B76726" s="14" t="s">
        <v>1</v>
      </c>
      <c r="C76726" s="14" t="s">
        <v>35</v>
      </c>
      <c r="D76726" s="14" t="s">
        <v>292</v>
      </c>
      <c r="E76726" s="15">
        <v>45452</v>
      </c>
      <c r="F76726" s="14" t="s">
        <v>61</v>
      </c>
      <c r="G76726" s="16">
        <v>0</v>
      </c>
    </row>
    <row r="76727" spans="1:7" x14ac:dyDescent="0.3">
      <c r="A76727" s="13" t="s">
        <v>393</v>
      </c>
      <c r="B76727" s="14" t="s">
        <v>1</v>
      </c>
      <c r="C76727" s="14" t="s">
        <v>35</v>
      </c>
      <c r="D76727" s="14" t="s">
        <v>292</v>
      </c>
      <c r="E76727" s="15">
        <v>45453</v>
      </c>
      <c r="F76727" s="14" t="s">
        <v>61</v>
      </c>
      <c r="G76727" s="16">
        <v>0</v>
      </c>
    </row>
    <row r="76728" spans="1:7" x14ac:dyDescent="0.3">
      <c r="A76728" s="13" t="s">
        <v>393</v>
      </c>
      <c r="B76728" s="14" t="s">
        <v>1</v>
      </c>
      <c r="C76728" s="14" t="s">
        <v>35</v>
      </c>
      <c r="D76728" s="14" t="s">
        <v>292</v>
      </c>
      <c r="E76728" s="15">
        <v>45454</v>
      </c>
      <c r="F76728" s="14" t="s">
        <v>61</v>
      </c>
      <c r="G76728" s="16">
        <v>0</v>
      </c>
    </row>
    <row r="76729" spans="1:7" x14ac:dyDescent="0.3">
      <c r="A76729" s="13" t="s">
        <v>393</v>
      </c>
      <c r="B76729" s="14" t="s">
        <v>1</v>
      </c>
      <c r="C76729" s="14" t="s">
        <v>35</v>
      </c>
      <c r="D76729" s="14" t="s">
        <v>292</v>
      </c>
      <c r="E76729" s="15">
        <v>45455</v>
      </c>
      <c r="F76729" s="14" t="s">
        <v>61</v>
      </c>
      <c r="G76729" s="16">
        <v>0</v>
      </c>
    </row>
    <row r="76730" spans="1:7" x14ac:dyDescent="0.3">
      <c r="A76730" s="13" t="s">
        <v>393</v>
      </c>
      <c r="B76730" s="14" t="s">
        <v>1</v>
      </c>
      <c r="C76730" s="14" t="s">
        <v>35</v>
      </c>
      <c r="D76730" s="14" t="s">
        <v>292</v>
      </c>
      <c r="E76730" s="15">
        <v>45456</v>
      </c>
      <c r="F76730" s="14" t="s">
        <v>61</v>
      </c>
      <c r="G76730" s="16">
        <v>0</v>
      </c>
    </row>
    <row r="76731" spans="1:7" x14ac:dyDescent="0.3">
      <c r="A76731" s="13" t="s">
        <v>393</v>
      </c>
      <c r="B76731" s="14" t="s">
        <v>1</v>
      </c>
      <c r="C76731" s="14" t="s">
        <v>35</v>
      </c>
      <c r="D76731" s="14" t="s">
        <v>292</v>
      </c>
      <c r="E76731" s="15">
        <v>45457</v>
      </c>
      <c r="F76731" s="14" t="s">
        <v>61</v>
      </c>
      <c r="G76731" s="16">
        <v>1.4192532734753604E-2</v>
      </c>
    </row>
    <row r="76732" spans="1:7" x14ac:dyDescent="0.3">
      <c r="A76732" s="13" t="s">
        <v>393</v>
      </c>
      <c r="B76732" s="14" t="s">
        <v>1</v>
      </c>
      <c r="C76732" s="14" t="s">
        <v>35</v>
      </c>
      <c r="D76732" s="14" t="s">
        <v>292</v>
      </c>
      <c r="E76732" s="15">
        <v>45458</v>
      </c>
      <c r="F76732" s="14" t="s">
        <v>61</v>
      </c>
      <c r="G76732" s="16">
        <v>1.4192532734753604E-2</v>
      </c>
    </row>
    <row r="76733" spans="1:7" x14ac:dyDescent="0.3">
      <c r="A76733" s="13" t="s">
        <v>393</v>
      </c>
      <c r="B76733" s="14" t="s">
        <v>1</v>
      </c>
      <c r="C76733" s="14" t="s">
        <v>35</v>
      </c>
      <c r="D76733" s="14" t="s">
        <v>292</v>
      </c>
      <c r="E76733" s="15">
        <v>45459</v>
      </c>
      <c r="F76733" s="14" t="s">
        <v>61</v>
      </c>
      <c r="G76733" s="16">
        <v>1.4192532734753604E-2</v>
      </c>
    </row>
    <row r="76734" spans="1:7" x14ac:dyDescent="0.3">
      <c r="A76734" s="13" t="s">
        <v>393</v>
      </c>
      <c r="B76734" s="14" t="s">
        <v>1</v>
      </c>
      <c r="C76734" s="14" t="s">
        <v>35</v>
      </c>
      <c r="D76734" s="14" t="s">
        <v>292</v>
      </c>
      <c r="E76734" s="15">
        <v>45460</v>
      </c>
      <c r="F76734" s="14" t="s">
        <v>61</v>
      </c>
      <c r="G76734" s="16">
        <v>1.2200094511548465E-2</v>
      </c>
    </row>
    <row r="76735" spans="1:7" x14ac:dyDescent="0.3">
      <c r="A76735" s="13" t="s">
        <v>393</v>
      </c>
      <c r="B76735" s="14" t="s">
        <v>1</v>
      </c>
      <c r="C76735" s="14" t="s">
        <v>35</v>
      </c>
      <c r="D76735" s="14" t="s">
        <v>292</v>
      </c>
      <c r="E76735" s="15">
        <v>45461</v>
      </c>
      <c r="F76735" s="14" t="s">
        <v>61</v>
      </c>
      <c r="G76735" s="16">
        <v>6.0839063150416074E-3</v>
      </c>
    </row>
    <row r="76736" spans="1:7" x14ac:dyDescent="0.3">
      <c r="A76736" s="13" t="s">
        <v>393</v>
      </c>
      <c r="B76736" s="14" t="s">
        <v>1</v>
      </c>
      <c r="C76736" s="14" t="s">
        <v>35</v>
      </c>
      <c r="D76736" s="14" t="s">
        <v>292</v>
      </c>
      <c r="E76736" s="15">
        <v>45462</v>
      </c>
      <c r="F76736" s="14" t="s">
        <v>61</v>
      </c>
      <c r="G76736" s="16">
        <v>4.1106372344602918E-3</v>
      </c>
    </row>
    <row r="76737" spans="1:7" x14ac:dyDescent="0.3">
      <c r="A76737" s="13" t="s">
        <v>393</v>
      </c>
      <c r="B76737" s="14" t="s">
        <v>1</v>
      </c>
      <c r="C76737" s="14" t="s">
        <v>35</v>
      </c>
      <c r="D76737" s="14" t="s">
        <v>292</v>
      </c>
      <c r="E76737" s="15">
        <v>45463</v>
      </c>
      <c r="F76737" s="14" t="s">
        <v>61</v>
      </c>
      <c r="G76737" s="16">
        <v>2.133126746889002E-3</v>
      </c>
    </row>
    <row r="76738" spans="1:7" x14ac:dyDescent="0.3">
      <c r="A76738" s="13" t="s">
        <v>393</v>
      </c>
      <c r="B76738" s="14" t="s">
        <v>1</v>
      </c>
      <c r="C76738" s="14" t="s">
        <v>35</v>
      </c>
      <c r="D76738" s="14" t="s">
        <v>292</v>
      </c>
      <c r="E76738" s="15">
        <v>45464</v>
      </c>
      <c r="F76738" s="14" t="s">
        <v>61</v>
      </c>
      <c r="G76738" s="16">
        <v>1.7077801915593542E-4</v>
      </c>
    </row>
    <row r="76739" spans="1:7" x14ac:dyDescent="0.3">
      <c r="A76739" s="13" t="s">
        <v>393</v>
      </c>
      <c r="B76739" s="14" t="s">
        <v>1</v>
      </c>
      <c r="C76739" s="14" t="s">
        <v>35</v>
      </c>
      <c r="D76739" s="14" t="s">
        <v>292</v>
      </c>
      <c r="E76739" s="15">
        <v>45465</v>
      </c>
      <c r="F76739" s="14" t="s">
        <v>61</v>
      </c>
      <c r="G76739" s="16">
        <v>1.7077801915593542E-4</v>
      </c>
    </row>
    <row r="76740" spans="1:7" x14ac:dyDescent="0.3">
      <c r="A76740" s="13" t="s">
        <v>393</v>
      </c>
      <c r="B76740" s="14" t="s">
        <v>1</v>
      </c>
      <c r="C76740" s="14" t="s">
        <v>35</v>
      </c>
      <c r="D76740" s="14" t="s">
        <v>292</v>
      </c>
      <c r="E76740" s="15">
        <v>45466</v>
      </c>
      <c r="F76740" s="14" t="s">
        <v>61</v>
      </c>
      <c r="G76740" s="16">
        <v>1.7077801915593542E-4</v>
      </c>
    </row>
    <row r="76741" spans="1:7" x14ac:dyDescent="0.3">
      <c r="A76741" s="13" t="s">
        <v>393</v>
      </c>
      <c r="B76741" s="14" t="s">
        <v>1</v>
      </c>
      <c r="C76741" s="14" t="s">
        <v>35</v>
      </c>
      <c r="D76741" s="14" t="s">
        <v>292</v>
      </c>
      <c r="E76741" s="15">
        <v>45467</v>
      </c>
      <c r="F76741" s="14" t="s">
        <v>61</v>
      </c>
      <c r="G76741" s="16">
        <v>0</v>
      </c>
    </row>
    <row r="76742" spans="1:7" x14ac:dyDescent="0.3">
      <c r="A76742" s="13" t="s">
        <v>393</v>
      </c>
      <c r="B76742" s="14" t="s">
        <v>1</v>
      </c>
      <c r="C76742" s="14" t="s">
        <v>35</v>
      </c>
      <c r="D76742" s="14" t="s">
        <v>292</v>
      </c>
      <c r="E76742" s="15">
        <v>45468</v>
      </c>
      <c r="F76742" s="14" t="s">
        <v>61</v>
      </c>
      <c r="G76742" s="16">
        <v>0</v>
      </c>
    </row>
    <row r="76743" spans="1:7" x14ac:dyDescent="0.3">
      <c r="A76743" s="13" t="s">
        <v>393</v>
      </c>
      <c r="B76743" s="14" t="s">
        <v>1</v>
      </c>
      <c r="C76743" s="14" t="s">
        <v>35</v>
      </c>
      <c r="D76743" s="14" t="s">
        <v>292</v>
      </c>
      <c r="E76743" s="15">
        <v>45469</v>
      </c>
      <c r="F76743" s="14" t="s">
        <v>61</v>
      </c>
      <c r="G76743" s="16">
        <v>0</v>
      </c>
    </row>
    <row r="76744" spans="1:7" x14ac:dyDescent="0.3">
      <c r="A76744" s="13" t="s">
        <v>393</v>
      </c>
      <c r="B76744" s="14" t="s">
        <v>1</v>
      </c>
      <c r="C76744" s="14" t="s">
        <v>35</v>
      </c>
      <c r="D76744" s="14" t="s">
        <v>292</v>
      </c>
      <c r="E76744" s="15">
        <v>45470</v>
      </c>
      <c r="F76744" s="14" t="s">
        <v>61</v>
      </c>
      <c r="G76744" s="16">
        <v>0</v>
      </c>
    </row>
    <row r="76745" spans="1:7" x14ac:dyDescent="0.3">
      <c r="A76745" s="13" t="s">
        <v>393</v>
      </c>
      <c r="B76745" s="14" t="s">
        <v>1</v>
      </c>
      <c r="C76745" s="14" t="s">
        <v>35</v>
      </c>
      <c r="D76745" s="14" t="s">
        <v>292</v>
      </c>
      <c r="E76745" s="15">
        <v>45471</v>
      </c>
      <c r="F76745" s="14" t="s">
        <v>61</v>
      </c>
      <c r="G76745" s="16">
        <v>0</v>
      </c>
    </row>
    <row r="76746" spans="1:7" x14ac:dyDescent="0.3">
      <c r="A76746" s="13" t="s">
        <v>393</v>
      </c>
      <c r="B76746" s="14" t="s">
        <v>1</v>
      </c>
      <c r="C76746" s="14" t="s">
        <v>35</v>
      </c>
      <c r="D76746" s="14" t="s">
        <v>292</v>
      </c>
      <c r="E76746" s="15">
        <v>45472</v>
      </c>
      <c r="F76746" s="14" t="s">
        <v>61</v>
      </c>
      <c r="G76746" s="16">
        <v>0</v>
      </c>
    </row>
    <row r="76747" spans="1:7" x14ac:dyDescent="0.3">
      <c r="A76747" s="13" t="s">
        <v>393</v>
      </c>
      <c r="B76747" s="14" t="s">
        <v>1</v>
      </c>
      <c r="C76747" s="14" t="s">
        <v>35</v>
      </c>
      <c r="D76747" s="14" t="s">
        <v>292</v>
      </c>
      <c r="E76747" s="15">
        <v>45473</v>
      </c>
      <c r="F76747" s="14" t="s">
        <v>61</v>
      </c>
      <c r="G76747" s="16">
        <v>0</v>
      </c>
    </row>
    <row r="76748" spans="1:7" x14ac:dyDescent="0.3">
      <c r="A76748" s="13" t="s">
        <v>393</v>
      </c>
      <c r="B76748" s="14" t="s">
        <v>1</v>
      </c>
      <c r="C76748" s="14" t="s">
        <v>35</v>
      </c>
      <c r="D76748" s="14" t="s">
        <v>292</v>
      </c>
      <c r="E76748" s="15">
        <v>45474</v>
      </c>
      <c r="F76748" s="14" t="s">
        <v>61</v>
      </c>
      <c r="G76748" s="16">
        <v>0</v>
      </c>
    </row>
    <row r="76749" spans="1:7" x14ac:dyDescent="0.3">
      <c r="A76749" s="13" t="s">
        <v>393</v>
      </c>
      <c r="B76749" s="14" t="s">
        <v>1</v>
      </c>
      <c r="C76749" s="14" t="s">
        <v>35</v>
      </c>
      <c r="D76749" s="14" t="s">
        <v>292</v>
      </c>
      <c r="E76749" s="15">
        <v>45475</v>
      </c>
      <c r="F76749" s="14" t="s">
        <v>61</v>
      </c>
      <c r="G76749" s="16">
        <v>0</v>
      </c>
    </row>
    <row r="76750" spans="1:7" x14ac:dyDescent="0.3">
      <c r="A76750" s="13" t="s">
        <v>393</v>
      </c>
      <c r="B76750" s="14" t="s">
        <v>1</v>
      </c>
      <c r="C76750" s="14" t="s">
        <v>35</v>
      </c>
      <c r="D76750" s="14" t="s">
        <v>292</v>
      </c>
      <c r="E76750" s="15">
        <v>45476</v>
      </c>
      <c r="F76750" s="14" t="s">
        <v>61</v>
      </c>
      <c r="G76750" s="16">
        <v>0</v>
      </c>
    </row>
    <row r="76751" spans="1:7" x14ac:dyDescent="0.3">
      <c r="A76751" s="13" t="s">
        <v>393</v>
      </c>
      <c r="B76751" s="14" t="s">
        <v>1</v>
      </c>
      <c r="C76751" s="14" t="s">
        <v>35</v>
      </c>
      <c r="D76751" s="14" t="s">
        <v>292</v>
      </c>
      <c r="E76751" s="15">
        <v>45477</v>
      </c>
      <c r="F76751" s="14" t="s">
        <v>61</v>
      </c>
      <c r="G76751" s="16">
        <v>0</v>
      </c>
    </row>
    <row r="76752" spans="1:7" x14ac:dyDescent="0.3">
      <c r="A76752" s="13" t="s">
        <v>393</v>
      </c>
      <c r="B76752" s="14" t="s">
        <v>1</v>
      </c>
      <c r="C76752" s="14" t="s">
        <v>35</v>
      </c>
      <c r="D76752" s="14" t="s">
        <v>292</v>
      </c>
      <c r="E76752" s="15">
        <v>45478</v>
      </c>
      <c r="F76752" s="14" t="s">
        <v>61</v>
      </c>
      <c r="G76752" s="16">
        <v>0</v>
      </c>
    </row>
    <row r="76753" spans="1:7" x14ac:dyDescent="0.3">
      <c r="A76753" s="13" t="s">
        <v>393</v>
      </c>
      <c r="B76753" s="14" t="s">
        <v>1</v>
      </c>
      <c r="C76753" s="14" t="s">
        <v>35</v>
      </c>
      <c r="D76753" s="14" t="s">
        <v>292</v>
      </c>
      <c r="E76753" s="15">
        <v>45479</v>
      </c>
      <c r="F76753" s="14" t="s">
        <v>61</v>
      </c>
      <c r="G76753" s="16">
        <v>0</v>
      </c>
    </row>
    <row r="76754" spans="1:7" x14ac:dyDescent="0.3">
      <c r="A76754" s="13" t="s">
        <v>393</v>
      </c>
      <c r="B76754" s="14" t="s">
        <v>1</v>
      </c>
      <c r="C76754" s="14" t="s">
        <v>35</v>
      </c>
      <c r="D76754" s="14" t="s">
        <v>292</v>
      </c>
      <c r="E76754" s="15">
        <v>45480</v>
      </c>
      <c r="F76754" s="14" t="s">
        <v>61</v>
      </c>
      <c r="G76754" s="16">
        <v>0</v>
      </c>
    </row>
    <row r="76755" spans="1:7" x14ac:dyDescent="0.3">
      <c r="A76755" s="13" t="s">
        <v>393</v>
      </c>
      <c r="B76755" s="14" t="s">
        <v>1</v>
      </c>
      <c r="C76755" s="14" t="s">
        <v>35</v>
      </c>
      <c r="D76755" s="14" t="s">
        <v>292</v>
      </c>
      <c r="E76755" s="15">
        <v>45481</v>
      </c>
      <c r="F76755" s="14" t="s">
        <v>61</v>
      </c>
      <c r="G76755" s="16">
        <v>0</v>
      </c>
    </row>
    <row r="76756" spans="1:7" x14ac:dyDescent="0.3">
      <c r="A76756" s="13" t="s">
        <v>393</v>
      </c>
      <c r="B76756" s="14" t="s">
        <v>1</v>
      </c>
      <c r="C76756" s="14" t="s">
        <v>35</v>
      </c>
      <c r="D76756" s="14" t="s">
        <v>292</v>
      </c>
      <c r="E76756" s="15">
        <v>45482</v>
      </c>
      <c r="F76756" s="14" t="s">
        <v>61</v>
      </c>
      <c r="G76756" s="16">
        <v>0</v>
      </c>
    </row>
    <row r="76757" spans="1:7" x14ac:dyDescent="0.3">
      <c r="A76757" s="13" t="s">
        <v>393</v>
      </c>
      <c r="B76757" s="14" t="s">
        <v>1</v>
      </c>
      <c r="C76757" s="14" t="s">
        <v>35</v>
      </c>
      <c r="D76757" s="14" t="s">
        <v>292</v>
      </c>
      <c r="E76757" s="15">
        <v>45483</v>
      </c>
      <c r="F76757" s="14" t="s">
        <v>61</v>
      </c>
      <c r="G76757" s="16">
        <v>0</v>
      </c>
    </row>
    <row r="76758" spans="1:7" x14ac:dyDescent="0.3">
      <c r="A76758" s="13" t="s">
        <v>393</v>
      </c>
      <c r="B76758" s="14" t="s">
        <v>1</v>
      </c>
      <c r="C76758" s="14" t="s">
        <v>35</v>
      </c>
      <c r="D76758" s="14" t="s">
        <v>292</v>
      </c>
      <c r="E76758" s="15">
        <v>45484</v>
      </c>
      <c r="F76758" s="14" t="s">
        <v>61</v>
      </c>
      <c r="G76758" s="16">
        <v>0</v>
      </c>
    </row>
    <row r="76759" spans="1:7" x14ac:dyDescent="0.3">
      <c r="A76759" s="13" t="s">
        <v>393</v>
      </c>
      <c r="B76759" s="14" t="s">
        <v>1</v>
      </c>
      <c r="C76759" s="14" t="s">
        <v>35</v>
      </c>
      <c r="D76759" s="14" t="s">
        <v>292</v>
      </c>
      <c r="E76759" s="15">
        <v>45485</v>
      </c>
      <c r="F76759" s="14" t="s">
        <v>61</v>
      </c>
      <c r="G76759" s="16">
        <v>0</v>
      </c>
    </row>
    <row r="76760" spans="1:7" x14ac:dyDescent="0.3">
      <c r="A76760" s="13" t="s">
        <v>393</v>
      </c>
      <c r="B76760" s="14" t="s">
        <v>1</v>
      </c>
      <c r="C76760" s="14" t="s">
        <v>35</v>
      </c>
      <c r="D76760" s="14" t="s">
        <v>292</v>
      </c>
      <c r="E76760" s="15">
        <v>45486</v>
      </c>
      <c r="F76760" s="14" t="s">
        <v>61</v>
      </c>
      <c r="G76760" s="16">
        <v>0</v>
      </c>
    </row>
    <row r="76761" spans="1:7" x14ac:dyDescent="0.3">
      <c r="A76761" s="13" t="s">
        <v>393</v>
      </c>
      <c r="B76761" s="14" t="s">
        <v>1</v>
      </c>
      <c r="C76761" s="14" t="s">
        <v>35</v>
      </c>
      <c r="D76761" s="14" t="s">
        <v>292</v>
      </c>
      <c r="E76761" s="15">
        <v>45487</v>
      </c>
      <c r="F76761" s="14" t="s">
        <v>61</v>
      </c>
      <c r="G76761" s="16">
        <v>0</v>
      </c>
    </row>
    <row r="76762" spans="1:7" x14ac:dyDescent="0.3">
      <c r="A76762" s="13" t="s">
        <v>393</v>
      </c>
      <c r="B76762" s="14" t="s">
        <v>1</v>
      </c>
      <c r="C76762" s="14" t="s">
        <v>35</v>
      </c>
      <c r="D76762" s="14" t="s">
        <v>292</v>
      </c>
      <c r="E76762" s="15">
        <v>45488</v>
      </c>
      <c r="F76762" s="14" t="s">
        <v>61</v>
      </c>
      <c r="G76762" s="16">
        <v>0</v>
      </c>
    </row>
    <row r="76763" spans="1:7" x14ac:dyDescent="0.3">
      <c r="A76763" s="13" t="s">
        <v>393</v>
      </c>
      <c r="B76763" s="14" t="s">
        <v>1</v>
      </c>
      <c r="C76763" s="14" t="s">
        <v>35</v>
      </c>
      <c r="D76763" s="14" t="s">
        <v>292</v>
      </c>
      <c r="E76763" s="15">
        <v>45489</v>
      </c>
      <c r="F76763" s="14" t="s">
        <v>61</v>
      </c>
      <c r="G76763" s="16">
        <v>0</v>
      </c>
    </row>
    <row r="76764" spans="1:7" x14ac:dyDescent="0.3">
      <c r="A76764" s="13" t="s">
        <v>393</v>
      </c>
      <c r="B76764" s="14" t="s">
        <v>1</v>
      </c>
      <c r="C76764" s="14" t="s">
        <v>35</v>
      </c>
      <c r="D76764" s="14" t="s">
        <v>292</v>
      </c>
      <c r="E76764" s="15">
        <v>45490</v>
      </c>
      <c r="F76764" s="14" t="s">
        <v>61</v>
      </c>
      <c r="G76764" s="16">
        <v>0</v>
      </c>
    </row>
    <row r="76765" spans="1:7" x14ac:dyDescent="0.3">
      <c r="A76765" s="13" t="s">
        <v>393</v>
      </c>
      <c r="B76765" s="14" t="s">
        <v>1</v>
      </c>
      <c r="C76765" s="14" t="s">
        <v>35</v>
      </c>
      <c r="D76765" s="14" t="s">
        <v>292</v>
      </c>
      <c r="E76765" s="15">
        <v>45491</v>
      </c>
      <c r="F76765" s="14" t="s">
        <v>61</v>
      </c>
      <c r="G76765" s="16">
        <v>0</v>
      </c>
    </row>
    <row r="76766" spans="1:7" x14ac:dyDescent="0.3">
      <c r="A76766" s="13" t="s">
        <v>393</v>
      </c>
      <c r="B76766" s="14" t="s">
        <v>1</v>
      </c>
      <c r="C76766" s="14" t="s">
        <v>35</v>
      </c>
      <c r="D76766" s="14" t="s">
        <v>292</v>
      </c>
      <c r="E76766" s="15">
        <v>45492</v>
      </c>
      <c r="F76766" s="14" t="s">
        <v>61</v>
      </c>
      <c r="G76766" s="16">
        <v>0</v>
      </c>
    </row>
    <row r="76767" spans="1:7" x14ac:dyDescent="0.3">
      <c r="A76767" s="13" t="s">
        <v>393</v>
      </c>
      <c r="B76767" s="14" t="s">
        <v>1</v>
      </c>
      <c r="C76767" s="14" t="s">
        <v>35</v>
      </c>
      <c r="D76767" s="14" t="s">
        <v>292</v>
      </c>
      <c r="E76767" s="15">
        <v>45493</v>
      </c>
      <c r="F76767" s="14" t="s">
        <v>61</v>
      </c>
      <c r="G76767" s="16">
        <v>0</v>
      </c>
    </row>
    <row r="76768" spans="1:7" x14ac:dyDescent="0.3">
      <c r="A76768" s="13" t="s">
        <v>393</v>
      </c>
      <c r="B76768" s="14" t="s">
        <v>1</v>
      </c>
      <c r="C76768" s="14" t="s">
        <v>35</v>
      </c>
      <c r="D76768" s="14" t="s">
        <v>292</v>
      </c>
      <c r="E76768" s="15">
        <v>45494</v>
      </c>
      <c r="F76768" s="14" t="s">
        <v>61</v>
      </c>
      <c r="G76768" s="16">
        <v>0</v>
      </c>
    </row>
    <row r="76769" spans="1:7" x14ac:dyDescent="0.3">
      <c r="A76769" s="13" t="s">
        <v>393</v>
      </c>
      <c r="B76769" s="14" t="s">
        <v>1</v>
      </c>
      <c r="C76769" s="14" t="s">
        <v>35</v>
      </c>
      <c r="D76769" s="14" t="s">
        <v>292</v>
      </c>
      <c r="E76769" s="15">
        <v>45495</v>
      </c>
      <c r="F76769" s="14" t="s">
        <v>61</v>
      </c>
      <c r="G76769" s="16">
        <v>0</v>
      </c>
    </row>
    <row r="76770" spans="1:7" x14ac:dyDescent="0.3">
      <c r="A76770" s="13" t="s">
        <v>393</v>
      </c>
      <c r="B76770" s="14" t="s">
        <v>1</v>
      </c>
      <c r="C76770" s="14" t="s">
        <v>35</v>
      </c>
      <c r="D76770" s="14" t="s">
        <v>292</v>
      </c>
      <c r="E76770" s="15">
        <v>45496</v>
      </c>
      <c r="F76770" s="14" t="s">
        <v>61</v>
      </c>
      <c r="G76770" s="16">
        <v>0</v>
      </c>
    </row>
    <row r="76771" spans="1:7" x14ac:dyDescent="0.3">
      <c r="A76771" s="13" t="s">
        <v>393</v>
      </c>
      <c r="B76771" s="14" t="s">
        <v>1</v>
      </c>
      <c r="C76771" s="14" t="s">
        <v>35</v>
      </c>
      <c r="D76771" s="14" t="s">
        <v>292</v>
      </c>
      <c r="E76771" s="15">
        <v>45497</v>
      </c>
      <c r="F76771" s="14" t="s">
        <v>61</v>
      </c>
      <c r="G76771" s="16">
        <v>0</v>
      </c>
    </row>
    <row r="76772" spans="1:7" x14ac:dyDescent="0.3">
      <c r="A76772" s="13" t="s">
        <v>393</v>
      </c>
      <c r="B76772" s="14" t="s">
        <v>1</v>
      </c>
      <c r="C76772" s="14" t="s">
        <v>35</v>
      </c>
      <c r="D76772" s="14" t="s">
        <v>292</v>
      </c>
      <c r="E76772" s="15">
        <v>45498</v>
      </c>
      <c r="F76772" s="14" t="s">
        <v>61</v>
      </c>
      <c r="G76772" s="16">
        <v>0</v>
      </c>
    </row>
    <row r="76773" spans="1:7" x14ac:dyDescent="0.3">
      <c r="A76773" s="13" t="s">
        <v>393</v>
      </c>
      <c r="B76773" s="14" t="s">
        <v>1</v>
      </c>
      <c r="C76773" s="14" t="s">
        <v>35</v>
      </c>
      <c r="D76773" s="14" t="s">
        <v>292</v>
      </c>
      <c r="E76773" s="15">
        <v>45499</v>
      </c>
      <c r="F76773" s="14" t="s">
        <v>61</v>
      </c>
      <c r="G76773" s="16">
        <v>0</v>
      </c>
    </row>
    <row r="76774" spans="1:7" x14ac:dyDescent="0.3">
      <c r="A76774" s="13" t="s">
        <v>393</v>
      </c>
      <c r="B76774" s="14" t="s">
        <v>1</v>
      </c>
      <c r="C76774" s="14" t="s">
        <v>35</v>
      </c>
      <c r="D76774" s="14" t="s">
        <v>292</v>
      </c>
      <c r="E76774" s="15">
        <v>45500</v>
      </c>
      <c r="F76774" s="14" t="s">
        <v>61</v>
      </c>
      <c r="G76774" s="16">
        <v>0</v>
      </c>
    </row>
    <row r="76775" spans="1:7" x14ac:dyDescent="0.3">
      <c r="A76775" s="13" t="s">
        <v>393</v>
      </c>
      <c r="B76775" s="14" t="s">
        <v>1</v>
      </c>
      <c r="C76775" s="14" t="s">
        <v>35</v>
      </c>
      <c r="D76775" s="14" t="s">
        <v>292</v>
      </c>
      <c r="E76775" s="15">
        <v>45501</v>
      </c>
      <c r="F76775" s="14" t="s">
        <v>61</v>
      </c>
      <c r="G76775" s="16">
        <v>0</v>
      </c>
    </row>
    <row r="76776" spans="1:7" x14ac:dyDescent="0.3">
      <c r="A76776" s="13" t="s">
        <v>393</v>
      </c>
      <c r="B76776" s="14" t="s">
        <v>1</v>
      </c>
      <c r="C76776" s="14" t="s">
        <v>35</v>
      </c>
      <c r="D76776" s="14" t="s">
        <v>292</v>
      </c>
      <c r="E76776" s="15">
        <v>45502</v>
      </c>
      <c r="F76776" s="14" t="s">
        <v>61</v>
      </c>
      <c r="G76776" s="16">
        <v>0</v>
      </c>
    </row>
    <row r="76777" spans="1:7" x14ac:dyDescent="0.3">
      <c r="A76777" s="13" t="s">
        <v>393</v>
      </c>
      <c r="B76777" s="14" t="s">
        <v>1</v>
      </c>
      <c r="C76777" s="14" t="s">
        <v>35</v>
      </c>
      <c r="D76777" s="14" t="s">
        <v>292</v>
      </c>
      <c r="E76777" s="15">
        <v>45503</v>
      </c>
      <c r="F76777" s="14" t="s">
        <v>61</v>
      </c>
      <c r="G76777" s="16">
        <v>0</v>
      </c>
    </row>
    <row r="76778" spans="1:7" x14ac:dyDescent="0.3">
      <c r="A76778" s="13" t="s">
        <v>393</v>
      </c>
      <c r="B76778" s="14" t="s">
        <v>1</v>
      </c>
      <c r="C76778" s="14" t="s">
        <v>35</v>
      </c>
      <c r="D76778" s="14" t="s">
        <v>292</v>
      </c>
      <c r="E76778" s="15">
        <v>45504</v>
      </c>
      <c r="F76778" s="14" t="s">
        <v>61</v>
      </c>
      <c r="G76778" s="16">
        <v>0</v>
      </c>
    </row>
    <row r="76779" spans="1:7" x14ac:dyDescent="0.3">
      <c r="A76779" s="13" t="s">
        <v>393</v>
      </c>
      <c r="B76779" s="14" t="s">
        <v>1</v>
      </c>
      <c r="C76779" s="14" t="s">
        <v>35</v>
      </c>
      <c r="D76779" s="14" t="s">
        <v>292</v>
      </c>
      <c r="E76779" s="15">
        <v>45505</v>
      </c>
      <c r="F76779" s="14" t="s">
        <v>61</v>
      </c>
      <c r="G76779" s="16">
        <v>0</v>
      </c>
    </row>
    <row r="76780" spans="1:7" x14ac:dyDescent="0.3">
      <c r="A76780" s="13" t="s">
        <v>393</v>
      </c>
      <c r="B76780" s="14" t="s">
        <v>1</v>
      </c>
      <c r="C76780" s="14" t="s">
        <v>35</v>
      </c>
      <c r="D76780" s="14" t="s">
        <v>292</v>
      </c>
      <c r="E76780" s="15">
        <v>45506</v>
      </c>
      <c r="F76780" s="14" t="s">
        <v>61</v>
      </c>
      <c r="G76780" s="16">
        <v>0</v>
      </c>
    </row>
    <row r="76781" spans="1:7" x14ac:dyDescent="0.3">
      <c r="A76781" s="13" t="s">
        <v>393</v>
      </c>
      <c r="B76781" s="14" t="s">
        <v>1</v>
      </c>
      <c r="C76781" s="14" t="s">
        <v>35</v>
      </c>
      <c r="D76781" s="14" t="s">
        <v>292</v>
      </c>
      <c r="E76781" s="15">
        <v>45507</v>
      </c>
      <c r="F76781" s="14" t="s">
        <v>61</v>
      </c>
      <c r="G76781" s="16">
        <v>0</v>
      </c>
    </row>
    <row r="76782" spans="1:7" x14ac:dyDescent="0.3">
      <c r="A76782" s="13" t="s">
        <v>393</v>
      </c>
      <c r="B76782" s="14" t="s">
        <v>1</v>
      </c>
      <c r="C76782" s="14" t="s">
        <v>35</v>
      </c>
      <c r="D76782" s="14" t="s">
        <v>292</v>
      </c>
      <c r="E76782" s="15">
        <v>45508</v>
      </c>
      <c r="F76782" s="14" t="s">
        <v>61</v>
      </c>
      <c r="G76782" s="16">
        <v>0</v>
      </c>
    </row>
    <row r="76783" spans="1:7" x14ac:dyDescent="0.3">
      <c r="A76783" s="13" t="s">
        <v>393</v>
      </c>
      <c r="B76783" s="14" t="s">
        <v>1</v>
      </c>
      <c r="C76783" s="14" t="s">
        <v>35</v>
      </c>
      <c r="D76783" s="14" t="s">
        <v>292</v>
      </c>
      <c r="E76783" s="15">
        <v>45509</v>
      </c>
      <c r="F76783" s="14" t="s">
        <v>61</v>
      </c>
      <c r="G76783" s="16">
        <v>0</v>
      </c>
    </row>
    <row r="76784" spans="1:7" x14ac:dyDescent="0.3">
      <c r="A76784" s="13" t="s">
        <v>393</v>
      </c>
      <c r="B76784" s="14" t="s">
        <v>1</v>
      </c>
      <c r="C76784" s="14" t="s">
        <v>35</v>
      </c>
      <c r="D76784" s="14" t="s">
        <v>292</v>
      </c>
      <c r="E76784" s="15">
        <v>45510</v>
      </c>
      <c r="F76784" s="14" t="s">
        <v>61</v>
      </c>
      <c r="G76784" s="16">
        <v>0</v>
      </c>
    </row>
    <row r="76785" spans="1:7" x14ac:dyDescent="0.3">
      <c r="A76785" s="13" t="s">
        <v>393</v>
      </c>
      <c r="B76785" s="14" t="s">
        <v>1</v>
      </c>
      <c r="C76785" s="14" t="s">
        <v>35</v>
      </c>
      <c r="D76785" s="14" t="s">
        <v>292</v>
      </c>
      <c r="E76785" s="15">
        <v>45511</v>
      </c>
      <c r="F76785" s="14" t="s">
        <v>61</v>
      </c>
      <c r="G76785" s="16">
        <v>0</v>
      </c>
    </row>
    <row r="76786" spans="1:7" x14ac:dyDescent="0.3">
      <c r="A76786" s="13" t="s">
        <v>393</v>
      </c>
      <c r="B76786" s="14" t="s">
        <v>1</v>
      </c>
      <c r="C76786" s="14" t="s">
        <v>35</v>
      </c>
      <c r="D76786" s="14" t="s">
        <v>292</v>
      </c>
      <c r="E76786" s="15">
        <v>45512</v>
      </c>
      <c r="F76786" s="14" t="s">
        <v>61</v>
      </c>
      <c r="G76786" s="16">
        <v>0</v>
      </c>
    </row>
    <row r="76787" spans="1:7" x14ac:dyDescent="0.3">
      <c r="A76787" s="13" t="s">
        <v>393</v>
      </c>
      <c r="B76787" s="14" t="s">
        <v>1</v>
      </c>
      <c r="C76787" s="14" t="s">
        <v>35</v>
      </c>
      <c r="D76787" s="14" t="s">
        <v>292</v>
      </c>
      <c r="E76787" s="15">
        <v>45513</v>
      </c>
      <c r="F76787" s="14" t="s">
        <v>61</v>
      </c>
      <c r="G76787" s="16">
        <v>0</v>
      </c>
    </row>
    <row r="76788" spans="1:7" x14ac:dyDescent="0.3">
      <c r="A76788" s="13" t="s">
        <v>393</v>
      </c>
      <c r="B76788" s="14" t="s">
        <v>1</v>
      </c>
      <c r="C76788" s="14" t="s">
        <v>35</v>
      </c>
      <c r="D76788" s="14" t="s">
        <v>292</v>
      </c>
      <c r="E76788" s="15">
        <v>45514</v>
      </c>
      <c r="F76788" s="14" t="s">
        <v>61</v>
      </c>
      <c r="G76788" s="16">
        <v>0</v>
      </c>
    </row>
    <row r="76789" spans="1:7" x14ac:dyDescent="0.3">
      <c r="A76789" s="13" t="s">
        <v>393</v>
      </c>
      <c r="B76789" s="14" t="s">
        <v>1</v>
      </c>
      <c r="C76789" s="14" t="s">
        <v>35</v>
      </c>
      <c r="D76789" s="14" t="s">
        <v>292</v>
      </c>
      <c r="E76789" s="15">
        <v>45515</v>
      </c>
      <c r="F76789" s="14" t="s">
        <v>61</v>
      </c>
      <c r="G76789" s="16">
        <v>0</v>
      </c>
    </row>
    <row r="76790" spans="1:7" x14ac:dyDescent="0.3">
      <c r="A76790" s="13" t="s">
        <v>393</v>
      </c>
      <c r="B76790" s="14" t="s">
        <v>1</v>
      </c>
      <c r="C76790" s="14" t="s">
        <v>35</v>
      </c>
      <c r="D76790" s="14" t="s">
        <v>292</v>
      </c>
      <c r="E76790" s="15">
        <v>45516</v>
      </c>
      <c r="F76790" s="14" t="s">
        <v>61</v>
      </c>
      <c r="G76790" s="16">
        <v>0</v>
      </c>
    </row>
    <row r="76791" spans="1:7" x14ac:dyDescent="0.3">
      <c r="A76791" s="13" t="s">
        <v>393</v>
      </c>
      <c r="B76791" s="14" t="s">
        <v>1</v>
      </c>
      <c r="C76791" s="14" t="s">
        <v>35</v>
      </c>
      <c r="D76791" s="14" t="s">
        <v>292</v>
      </c>
      <c r="E76791" s="15">
        <v>45517</v>
      </c>
      <c r="F76791" s="14" t="s">
        <v>61</v>
      </c>
      <c r="G76791" s="16">
        <v>0</v>
      </c>
    </row>
    <row r="76792" spans="1:7" x14ac:dyDescent="0.3">
      <c r="A76792" s="13" t="s">
        <v>393</v>
      </c>
      <c r="B76792" s="14" t="s">
        <v>1</v>
      </c>
      <c r="C76792" s="14" t="s">
        <v>35</v>
      </c>
      <c r="D76792" s="14" t="s">
        <v>292</v>
      </c>
      <c r="E76792" s="15">
        <v>45518</v>
      </c>
      <c r="F76792" s="14" t="s">
        <v>61</v>
      </c>
      <c r="G76792" s="16">
        <v>0</v>
      </c>
    </row>
    <row r="76793" spans="1:7" x14ac:dyDescent="0.3">
      <c r="A76793" s="13" t="s">
        <v>393</v>
      </c>
      <c r="B76793" s="14" t="s">
        <v>1</v>
      </c>
      <c r="C76793" s="14" t="s">
        <v>35</v>
      </c>
      <c r="D76793" s="14" t="s">
        <v>292</v>
      </c>
      <c r="E76793" s="15">
        <v>45519</v>
      </c>
      <c r="F76793" s="14" t="s">
        <v>61</v>
      </c>
      <c r="G76793" s="16">
        <v>0</v>
      </c>
    </row>
    <row r="76794" spans="1:7" x14ac:dyDescent="0.3">
      <c r="A76794" s="13" t="s">
        <v>393</v>
      </c>
      <c r="B76794" s="14" t="s">
        <v>1</v>
      </c>
      <c r="C76794" s="14" t="s">
        <v>35</v>
      </c>
      <c r="D76794" s="14" t="s">
        <v>292</v>
      </c>
      <c r="E76794" s="15">
        <v>45520</v>
      </c>
      <c r="F76794" s="14" t="s">
        <v>61</v>
      </c>
      <c r="G76794" s="16">
        <v>0</v>
      </c>
    </row>
    <row r="76795" spans="1:7" x14ac:dyDescent="0.3">
      <c r="A76795" s="13" t="s">
        <v>393</v>
      </c>
      <c r="B76795" s="14" t="s">
        <v>1</v>
      </c>
      <c r="C76795" s="14" t="s">
        <v>35</v>
      </c>
      <c r="D76795" s="14" t="s">
        <v>292</v>
      </c>
      <c r="E76795" s="15">
        <v>45521</v>
      </c>
      <c r="F76795" s="14" t="s">
        <v>61</v>
      </c>
      <c r="G76795" s="16">
        <v>0</v>
      </c>
    </row>
    <row r="76796" spans="1:7" x14ac:dyDescent="0.3">
      <c r="A76796" s="13" t="s">
        <v>393</v>
      </c>
      <c r="B76796" s="14" t="s">
        <v>1</v>
      </c>
      <c r="C76796" s="14" t="s">
        <v>35</v>
      </c>
      <c r="D76796" s="14" t="s">
        <v>292</v>
      </c>
      <c r="E76796" s="15">
        <v>45522</v>
      </c>
      <c r="F76796" s="14" t="s">
        <v>61</v>
      </c>
      <c r="G76796" s="16">
        <v>0</v>
      </c>
    </row>
    <row r="76797" spans="1:7" x14ac:dyDescent="0.3">
      <c r="A76797" s="13" t="s">
        <v>393</v>
      </c>
      <c r="B76797" s="14" t="s">
        <v>1</v>
      </c>
      <c r="C76797" s="14" t="s">
        <v>35</v>
      </c>
      <c r="D76797" s="14" t="s">
        <v>292</v>
      </c>
      <c r="E76797" s="15">
        <v>45523</v>
      </c>
      <c r="F76797" s="14" t="s">
        <v>61</v>
      </c>
      <c r="G76797" s="16">
        <v>0</v>
      </c>
    </row>
    <row r="76798" spans="1:7" x14ac:dyDescent="0.3">
      <c r="A76798" s="13" t="s">
        <v>393</v>
      </c>
      <c r="B76798" s="14" t="s">
        <v>1</v>
      </c>
      <c r="C76798" s="14" t="s">
        <v>35</v>
      </c>
      <c r="D76798" s="14" t="s">
        <v>292</v>
      </c>
      <c r="E76798" s="15">
        <v>45524</v>
      </c>
      <c r="F76798" s="14" t="s">
        <v>61</v>
      </c>
      <c r="G76798" s="16">
        <v>0</v>
      </c>
    </row>
    <row r="76799" spans="1:7" x14ac:dyDescent="0.3">
      <c r="A76799" s="13" t="s">
        <v>393</v>
      </c>
      <c r="B76799" s="14" t="s">
        <v>1</v>
      </c>
      <c r="C76799" s="14" t="s">
        <v>35</v>
      </c>
      <c r="D76799" s="14" t="s">
        <v>292</v>
      </c>
      <c r="E76799" s="15">
        <v>45525</v>
      </c>
      <c r="F76799" s="14" t="s">
        <v>61</v>
      </c>
      <c r="G76799" s="16">
        <v>0</v>
      </c>
    </row>
    <row r="76800" spans="1:7" x14ac:dyDescent="0.3">
      <c r="A76800" s="13" t="s">
        <v>393</v>
      </c>
      <c r="B76800" s="14" t="s">
        <v>1</v>
      </c>
      <c r="C76800" s="14" t="s">
        <v>35</v>
      </c>
      <c r="D76800" s="14" t="s">
        <v>292</v>
      </c>
      <c r="E76800" s="15">
        <v>45526</v>
      </c>
      <c r="F76800" s="14" t="s">
        <v>61</v>
      </c>
      <c r="G76800" s="16">
        <v>0</v>
      </c>
    </row>
    <row r="76801" spans="1:7" x14ac:dyDescent="0.3">
      <c r="A76801" s="13" t="s">
        <v>393</v>
      </c>
      <c r="B76801" s="14" t="s">
        <v>1</v>
      </c>
      <c r="C76801" s="14" t="s">
        <v>35</v>
      </c>
      <c r="D76801" s="14" t="s">
        <v>292</v>
      </c>
      <c r="E76801" s="15">
        <v>45527</v>
      </c>
      <c r="F76801" s="14" t="s">
        <v>61</v>
      </c>
      <c r="G76801" s="16">
        <v>0</v>
      </c>
    </row>
    <row r="76802" spans="1:7" x14ac:dyDescent="0.3">
      <c r="A76802" s="13" t="s">
        <v>393</v>
      </c>
      <c r="B76802" s="14" t="s">
        <v>1</v>
      </c>
      <c r="C76802" s="14" t="s">
        <v>35</v>
      </c>
      <c r="D76802" s="14" t="s">
        <v>292</v>
      </c>
      <c r="E76802" s="15">
        <v>45528</v>
      </c>
      <c r="F76802" s="14" t="s">
        <v>61</v>
      </c>
      <c r="G76802" s="16">
        <v>0</v>
      </c>
    </row>
    <row r="76803" spans="1:7" x14ac:dyDescent="0.3">
      <c r="A76803" s="13" t="s">
        <v>393</v>
      </c>
      <c r="B76803" s="14" t="s">
        <v>1</v>
      </c>
      <c r="C76803" s="14" t="s">
        <v>35</v>
      </c>
      <c r="D76803" s="14" t="s">
        <v>292</v>
      </c>
      <c r="E76803" s="15">
        <v>45529</v>
      </c>
      <c r="F76803" s="14" t="s">
        <v>61</v>
      </c>
      <c r="G76803" s="16">
        <v>0</v>
      </c>
    </row>
    <row r="76804" spans="1:7" x14ac:dyDescent="0.3">
      <c r="A76804" s="13" t="s">
        <v>393</v>
      </c>
      <c r="B76804" s="14" t="s">
        <v>1</v>
      </c>
      <c r="C76804" s="14" t="s">
        <v>35</v>
      </c>
      <c r="D76804" s="14" t="s">
        <v>292</v>
      </c>
      <c r="E76804" s="15">
        <v>45530</v>
      </c>
      <c r="F76804" s="14" t="s">
        <v>61</v>
      </c>
      <c r="G76804" s="16">
        <v>0</v>
      </c>
    </row>
    <row r="76805" spans="1:7" x14ac:dyDescent="0.3">
      <c r="A76805" s="13" t="s">
        <v>393</v>
      </c>
      <c r="B76805" s="14" t="s">
        <v>1</v>
      </c>
      <c r="C76805" s="14" t="s">
        <v>35</v>
      </c>
      <c r="D76805" s="14" t="s">
        <v>292</v>
      </c>
      <c r="E76805" s="15">
        <v>45531</v>
      </c>
      <c r="F76805" s="14" t="s">
        <v>61</v>
      </c>
      <c r="G76805" s="16">
        <v>0</v>
      </c>
    </row>
    <row r="76806" spans="1:7" x14ac:dyDescent="0.3">
      <c r="A76806" s="13" t="s">
        <v>393</v>
      </c>
      <c r="B76806" s="14" t="s">
        <v>1</v>
      </c>
      <c r="C76806" s="14" t="s">
        <v>35</v>
      </c>
      <c r="D76806" s="14" t="s">
        <v>292</v>
      </c>
      <c r="E76806" s="15">
        <v>45532</v>
      </c>
      <c r="F76806" s="14" t="s">
        <v>61</v>
      </c>
      <c r="G76806" s="16">
        <v>0</v>
      </c>
    </row>
    <row r="76807" spans="1:7" x14ac:dyDescent="0.3">
      <c r="A76807" s="13" t="s">
        <v>393</v>
      </c>
      <c r="B76807" s="14" t="s">
        <v>1</v>
      </c>
      <c r="C76807" s="14" t="s">
        <v>35</v>
      </c>
      <c r="D76807" s="14" t="s">
        <v>292</v>
      </c>
      <c r="E76807" s="15">
        <v>45533</v>
      </c>
      <c r="F76807" s="14" t="s">
        <v>61</v>
      </c>
      <c r="G76807" s="16">
        <v>0</v>
      </c>
    </row>
    <row r="76808" spans="1:7" x14ac:dyDescent="0.3">
      <c r="A76808" s="13" t="s">
        <v>393</v>
      </c>
      <c r="B76808" s="14" t="s">
        <v>1</v>
      </c>
      <c r="C76808" s="14" t="s">
        <v>35</v>
      </c>
      <c r="D76808" s="14" t="s">
        <v>292</v>
      </c>
      <c r="E76808" s="15">
        <v>45534</v>
      </c>
      <c r="F76808" s="14" t="s">
        <v>61</v>
      </c>
      <c r="G76808" s="16">
        <v>0</v>
      </c>
    </row>
    <row r="76809" spans="1:7" x14ac:dyDescent="0.3">
      <c r="A76809" s="13" t="s">
        <v>393</v>
      </c>
      <c r="B76809" s="14" t="s">
        <v>1</v>
      </c>
      <c r="C76809" s="14" t="s">
        <v>35</v>
      </c>
      <c r="D76809" s="14" t="s">
        <v>292</v>
      </c>
      <c r="E76809" s="15">
        <v>45535</v>
      </c>
      <c r="F76809" s="14" t="s">
        <v>61</v>
      </c>
      <c r="G76809" s="16">
        <v>0</v>
      </c>
    </row>
    <row r="76810" spans="1:7" x14ac:dyDescent="0.3">
      <c r="A76810" s="13" t="s">
        <v>393</v>
      </c>
      <c r="B76810" s="14" t="s">
        <v>1</v>
      </c>
      <c r="C76810" s="14" t="s">
        <v>35</v>
      </c>
      <c r="D76810" s="14" t="s">
        <v>292</v>
      </c>
      <c r="E76810" s="15">
        <v>45536</v>
      </c>
      <c r="F76810" s="14" t="s">
        <v>61</v>
      </c>
      <c r="G76810" s="16">
        <v>0</v>
      </c>
    </row>
    <row r="76811" spans="1:7" x14ac:dyDescent="0.3">
      <c r="A76811" s="13" t="s">
        <v>393</v>
      </c>
      <c r="B76811" s="14" t="s">
        <v>1</v>
      </c>
      <c r="C76811" s="14" t="s">
        <v>35</v>
      </c>
      <c r="D76811" s="14" t="s">
        <v>292</v>
      </c>
      <c r="E76811" s="15">
        <v>45537</v>
      </c>
      <c r="F76811" s="14" t="s">
        <v>61</v>
      </c>
      <c r="G76811" s="16">
        <v>0</v>
      </c>
    </row>
    <row r="76812" spans="1:7" x14ac:dyDescent="0.3">
      <c r="A76812" s="13" t="s">
        <v>393</v>
      </c>
      <c r="B76812" s="14" t="s">
        <v>1</v>
      </c>
      <c r="C76812" s="14" t="s">
        <v>35</v>
      </c>
      <c r="D76812" s="14" t="s">
        <v>292</v>
      </c>
      <c r="E76812" s="15">
        <v>45538</v>
      </c>
      <c r="F76812" s="14" t="s">
        <v>61</v>
      </c>
      <c r="G76812" s="16">
        <v>0</v>
      </c>
    </row>
    <row r="76813" spans="1:7" x14ac:dyDescent="0.3">
      <c r="A76813" s="13" t="s">
        <v>393</v>
      </c>
      <c r="B76813" s="14" t="s">
        <v>1</v>
      </c>
      <c r="C76813" s="14" t="s">
        <v>35</v>
      </c>
      <c r="D76813" s="14" t="s">
        <v>292</v>
      </c>
      <c r="E76813" s="15">
        <v>45539</v>
      </c>
      <c r="F76813" s="14" t="s">
        <v>61</v>
      </c>
      <c r="G76813" s="16">
        <v>0</v>
      </c>
    </row>
    <row r="76814" spans="1:7" x14ac:dyDescent="0.3">
      <c r="A76814" s="13" t="s">
        <v>393</v>
      </c>
      <c r="B76814" s="14" t="s">
        <v>1</v>
      </c>
      <c r="C76814" s="14" t="s">
        <v>35</v>
      </c>
      <c r="D76814" s="14" t="s">
        <v>292</v>
      </c>
      <c r="E76814" s="15">
        <v>45540</v>
      </c>
      <c r="F76814" s="14" t="s">
        <v>61</v>
      </c>
      <c r="G76814" s="16">
        <v>0</v>
      </c>
    </row>
    <row r="76815" spans="1:7" x14ac:dyDescent="0.3">
      <c r="A76815" s="13" t="s">
        <v>393</v>
      </c>
      <c r="B76815" s="14" t="s">
        <v>1</v>
      </c>
      <c r="C76815" s="14" t="s">
        <v>35</v>
      </c>
      <c r="D76815" s="14" t="s">
        <v>292</v>
      </c>
      <c r="E76815" s="15">
        <v>45541</v>
      </c>
      <c r="F76815" s="14" t="s">
        <v>61</v>
      </c>
      <c r="G76815" s="16">
        <v>0</v>
      </c>
    </row>
    <row r="76816" spans="1:7" x14ac:dyDescent="0.3">
      <c r="A76816" s="13" t="s">
        <v>393</v>
      </c>
      <c r="B76816" s="14" t="s">
        <v>1</v>
      </c>
      <c r="C76816" s="14" t="s">
        <v>35</v>
      </c>
      <c r="D76816" s="14" t="s">
        <v>292</v>
      </c>
      <c r="E76816" s="15">
        <v>45542</v>
      </c>
      <c r="F76816" s="14" t="s">
        <v>61</v>
      </c>
      <c r="G76816" s="16">
        <v>0</v>
      </c>
    </row>
    <row r="76817" spans="1:7" x14ac:dyDescent="0.3">
      <c r="A76817" s="13" t="s">
        <v>393</v>
      </c>
      <c r="B76817" s="14" t="s">
        <v>1</v>
      </c>
      <c r="C76817" s="14" t="s">
        <v>35</v>
      </c>
      <c r="D76817" s="14" t="s">
        <v>292</v>
      </c>
      <c r="E76817" s="15">
        <v>45543</v>
      </c>
      <c r="F76817" s="14" t="s">
        <v>61</v>
      </c>
      <c r="G76817" s="16">
        <v>0</v>
      </c>
    </row>
    <row r="76818" spans="1:7" x14ac:dyDescent="0.3">
      <c r="A76818" s="13" t="s">
        <v>393</v>
      </c>
      <c r="B76818" s="14" t="s">
        <v>1</v>
      </c>
      <c r="C76818" s="14" t="s">
        <v>35</v>
      </c>
      <c r="D76818" s="14" t="s">
        <v>292</v>
      </c>
      <c r="E76818" s="15">
        <v>45544</v>
      </c>
      <c r="F76818" s="14" t="s">
        <v>61</v>
      </c>
      <c r="G76818" s="16">
        <v>0</v>
      </c>
    </row>
    <row r="76819" spans="1:7" x14ac:dyDescent="0.3">
      <c r="A76819" s="13" t="s">
        <v>393</v>
      </c>
      <c r="B76819" s="14" t="s">
        <v>1</v>
      </c>
      <c r="C76819" s="14" t="s">
        <v>35</v>
      </c>
      <c r="D76819" s="14" t="s">
        <v>292</v>
      </c>
      <c r="E76819" s="15">
        <v>45545</v>
      </c>
      <c r="F76819" s="14" t="s">
        <v>61</v>
      </c>
      <c r="G76819" s="16">
        <v>0</v>
      </c>
    </row>
    <row r="76820" spans="1:7" x14ac:dyDescent="0.3">
      <c r="A76820" s="13" t="s">
        <v>393</v>
      </c>
      <c r="B76820" s="14" t="s">
        <v>1</v>
      </c>
      <c r="C76820" s="14" t="s">
        <v>35</v>
      </c>
      <c r="D76820" s="14" t="s">
        <v>292</v>
      </c>
      <c r="E76820" s="15">
        <v>45546</v>
      </c>
      <c r="F76820" s="14" t="s">
        <v>61</v>
      </c>
      <c r="G76820" s="16">
        <v>0</v>
      </c>
    </row>
    <row r="76821" spans="1:7" x14ac:dyDescent="0.3">
      <c r="A76821" s="13" t="s">
        <v>393</v>
      </c>
      <c r="B76821" s="14" t="s">
        <v>1</v>
      </c>
      <c r="C76821" s="14" t="s">
        <v>35</v>
      </c>
      <c r="D76821" s="14" t="s">
        <v>292</v>
      </c>
      <c r="E76821" s="15">
        <v>45547</v>
      </c>
      <c r="F76821" s="14" t="s">
        <v>61</v>
      </c>
      <c r="G76821" s="16">
        <v>0</v>
      </c>
    </row>
    <row r="76822" spans="1:7" x14ac:dyDescent="0.3">
      <c r="A76822" s="13" t="s">
        <v>393</v>
      </c>
      <c r="B76822" s="14" t="s">
        <v>1</v>
      </c>
      <c r="C76822" s="14" t="s">
        <v>35</v>
      </c>
      <c r="D76822" s="14" t="s">
        <v>292</v>
      </c>
      <c r="E76822" s="15">
        <v>45548</v>
      </c>
      <c r="F76822" s="14" t="s">
        <v>61</v>
      </c>
      <c r="G76822" s="16">
        <v>0</v>
      </c>
    </row>
    <row r="76823" spans="1:7" x14ac:dyDescent="0.3">
      <c r="A76823" s="13" t="s">
        <v>393</v>
      </c>
      <c r="B76823" s="14" t="s">
        <v>1</v>
      </c>
      <c r="C76823" s="14" t="s">
        <v>35</v>
      </c>
      <c r="D76823" s="14" t="s">
        <v>292</v>
      </c>
      <c r="E76823" s="15">
        <v>45549</v>
      </c>
      <c r="F76823" s="14" t="s">
        <v>61</v>
      </c>
      <c r="G76823" s="16">
        <v>0</v>
      </c>
    </row>
    <row r="76824" spans="1:7" x14ac:dyDescent="0.3">
      <c r="A76824" s="13" t="s">
        <v>393</v>
      </c>
      <c r="B76824" s="14" t="s">
        <v>1</v>
      </c>
      <c r="C76824" s="14" t="s">
        <v>35</v>
      </c>
      <c r="D76824" s="14" t="s">
        <v>292</v>
      </c>
      <c r="E76824" s="15">
        <v>45550</v>
      </c>
      <c r="F76824" s="14" t="s">
        <v>61</v>
      </c>
      <c r="G76824" s="16">
        <v>0</v>
      </c>
    </row>
    <row r="76825" spans="1:7" x14ac:dyDescent="0.3">
      <c r="A76825" s="13" t="s">
        <v>393</v>
      </c>
      <c r="B76825" s="14" t="s">
        <v>1</v>
      </c>
      <c r="C76825" s="14" t="s">
        <v>35</v>
      </c>
      <c r="D76825" s="14" t="s">
        <v>292</v>
      </c>
      <c r="E76825" s="15">
        <v>45551</v>
      </c>
      <c r="F76825" s="14" t="s">
        <v>61</v>
      </c>
      <c r="G76825" s="16">
        <v>0</v>
      </c>
    </row>
    <row r="76826" spans="1:7" x14ac:dyDescent="0.3">
      <c r="A76826" s="13" t="s">
        <v>393</v>
      </c>
      <c r="B76826" s="14" t="s">
        <v>1</v>
      </c>
      <c r="C76826" s="14" t="s">
        <v>35</v>
      </c>
      <c r="D76826" s="14" t="s">
        <v>292</v>
      </c>
      <c r="E76826" s="15">
        <v>45552</v>
      </c>
      <c r="F76826" s="14" t="s">
        <v>61</v>
      </c>
      <c r="G76826" s="16">
        <v>0</v>
      </c>
    </row>
    <row r="76827" spans="1:7" x14ac:dyDescent="0.3">
      <c r="A76827" s="13" t="s">
        <v>393</v>
      </c>
      <c r="B76827" s="14" t="s">
        <v>1</v>
      </c>
      <c r="C76827" s="14" t="s">
        <v>35</v>
      </c>
      <c r="D76827" s="14" t="s">
        <v>292</v>
      </c>
      <c r="E76827" s="15">
        <v>45553</v>
      </c>
      <c r="F76827" s="14" t="s">
        <v>61</v>
      </c>
      <c r="G76827" s="16">
        <v>0</v>
      </c>
    </row>
    <row r="76828" spans="1:7" x14ac:dyDescent="0.3">
      <c r="A76828" s="13" t="s">
        <v>393</v>
      </c>
      <c r="B76828" s="14" t="s">
        <v>1</v>
      </c>
      <c r="C76828" s="14" t="s">
        <v>35</v>
      </c>
      <c r="D76828" s="14" t="s">
        <v>292</v>
      </c>
      <c r="E76828" s="15">
        <v>45554</v>
      </c>
      <c r="F76828" s="14" t="s">
        <v>61</v>
      </c>
      <c r="G76828" s="16">
        <v>0</v>
      </c>
    </row>
    <row r="76829" spans="1:7" x14ac:dyDescent="0.3">
      <c r="A76829" s="13" t="s">
        <v>393</v>
      </c>
      <c r="B76829" s="14" t="s">
        <v>1</v>
      </c>
      <c r="C76829" s="14" t="s">
        <v>35</v>
      </c>
      <c r="D76829" s="14" t="s">
        <v>292</v>
      </c>
      <c r="E76829" s="15">
        <v>45555</v>
      </c>
      <c r="F76829" s="14" t="s">
        <v>61</v>
      </c>
      <c r="G76829" s="16">
        <v>0</v>
      </c>
    </row>
    <row r="76830" spans="1:7" x14ac:dyDescent="0.3">
      <c r="A76830" s="13" t="s">
        <v>393</v>
      </c>
      <c r="B76830" s="14" t="s">
        <v>1</v>
      </c>
      <c r="C76830" s="14" t="s">
        <v>35</v>
      </c>
      <c r="D76830" s="14" t="s">
        <v>292</v>
      </c>
      <c r="E76830" s="15">
        <v>45556</v>
      </c>
      <c r="F76830" s="14" t="s">
        <v>61</v>
      </c>
      <c r="G76830" s="16">
        <v>0</v>
      </c>
    </row>
    <row r="76831" spans="1:7" x14ac:dyDescent="0.3">
      <c r="A76831" s="13" t="s">
        <v>393</v>
      </c>
      <c r="B76831" s="14" t="s">
        <v>1</v>
      </c>
      <c r="C76831" s="14" t="s">
        <v>35</v>
      </c>
      <c r="D76831" s="14" t="s">
        <v>292</v>
      </c>
      <c r="E76831" s="15">
        <v>45557</v>
      </c>
      <c r="F76831" s="14" t="s">
        <v>61</v>
      </c>
      <c r="G76831" s="16">
        <v>0</v>
      </c>
    </row>
    <row r="76832" spans="1:7" x14ac:dyDescent="0.3">
      <c r="A76832" s="13" t="s">
        <v>393</v>
      </c>
      <c r="B76832" s="14" t="s">
        <v>1</v>
      </c>
      <c r="C76832" s="14" t="s">
        <v>35</v>
      </c>
      <c r="D76832" s="14" t="s">
        <v>292</v>
      </c>
      <c r="E76832" s="15">
        <v>45558</v>
      </c>
      <c r="F76832" s="14" t="s">
        <v>61</v>
      </c>
      <c r="G76832" s="16">
        <v>0</v>
      </c>
    </row>
    <row r="76833" spans="1:7" x14ac:dyDescent="0.3">
      <c r="A76833" s="13" t="s">
        <v>393</v>
      </c>
      <c r="B76833" s="14" t="s">
        <v>1</v>
      </c>
      <c r="C76833" s="14" t="s">
        <v>35</v>
      </c>
      <c r="D76833" s="14" t="s">
        <v>292</v>
      </c>
      <c r="E76833" s="15">
        <v>45559</v>
      </c>
      <c r="F76833" s="14" t="s">
        <v>61</v>
      </c>
      <c r="G76833" s="16">
        <v>0</v>
      </c>
    </row>
    <row r="76834" spans="1:7" x14ac:dyDescent="0.3">
      <c r="A76834" s="13" t="s">
        <v>393</v>
      </c>
      <c r="B76834" s="14" t="s">
        <v>1</v>
      </c>
      <c r="C76834" s="14" t="s">
        <v>35</v>
      </c>
      <c r="D76834" s="14" t="s">
        <v>292</v>
      </c>
      <c r="E76834" s="15">
        <v>45560</v>
      </c>
      <c r="F76834" s="14" t="s">
        <v>61</v>
      </c>
      <c r="G76834" s="16">
        <v>0</v>
      </c>
    </row>
    <row r="76835" spans="1:7" x14ac:dyDescent="0.3">
      <c r="A76835" s="13" t="s">
        <v>393</v>
      </c>
      <c r="B76835" s="14" t="s">
        <v>1</v>
      </c>
      <c r="C76835" s="14" t="s">
        <v>35</v>
      </c>
      <c r="D76835" s="14" t="s">
        <v>292</v>
      </c>
      <c r="E76835" s="15">
        <v>45561</v>
      </c>
      <c r="F76835" s="14" t="s">
        <v>61</v>
      </c>
      <c r="G76835" s="16">
        <v>0</v>
      </c>
    </row>
    <row r="76836" spans="1:7" x14ac:dyDescent="0.3">
      <c r="A76836" s="13" t="s">
        <v>393</v>
      </c>
      <c r="B76836" s="14" t="s">
        <v>1</v>
      </c>
      <c r="C76836" s="14" t="s">
        <v>35</v>
      </c>
      <c r="D76836" s="14" t="s">
        <v>292</v>
      </c>
      <c r="E76836" s="15">
        <v>45562</v>
      </c>
      <c r="F76836" s="14" t="s">
        <v>61</v>
      </c>
      <c r="G76836" s="16">
        <v>0</v>
      </c>
    </row>
    <row r="76837" spans="1:7" x14ac:dyDescent="0.3">
      <c r="A76837" s="13" t="s">
        <v>393</v>
      </c>
      <c r="B76837" s="14" t="s">
        <v>1</v>
      </c>
      <c r="C76837" s="14" t="s">
        <v>35</v>
      </c>
      <c r="D76837" s="14" t="s">
        <v>292</v>
      </c>
      <c r="E76837" s="15">
        <v>45563</v>
      </c>
      <c r="F76837" s="14" t="s">
        <v>61</v>
      </c>
      <c r="G76837" s="16">
        <v>0</v>
      </c>
    </row>
    <row r="76838" spans="1:7" x14ac:dyDescent="0.3">
      <c r="A76838" s="13" t="s">
        <v>393</v>
      </c>
      <c r="B76838" s="14" t="s">
        <v>1</v>
      </c>
      <c r="C76838" s="14" t="s">
        <v>35</v>
      </c>
      <c r="D76838" s="14" t="s">
        <v>292</v>
      </c>
      <c r="E76838" s="15">
        <v>45564</v>
      </c>
      <c r="F76838" s="14" t="s">
        <v>61</v>
      </c>
      <c r="G76838" s="16">
        <v>0</v>
      </c>
    </row>
    <row r="76839" spans="1:7" x14ac:dyDescent="0.3">
      <c r="A76839" s="13" t="s">
        <v>393</v>
      </c>
      <c r="B76839" s="14" t="s">
        <v>1</v>
      </c>
      <c r="C76839" s="14" t="s">
        <v>35</v>
      </c>
      <c r="D76839" s="14" t="s">
        <v>292</v>
      </c>
      <c r="E76839" s="15">
        <v>45565</v>
      </c>
      <c r="F76839" s="14" t="s">
        <v>61</v>
      </c>
      <c r="G76839" s="16">
        <v>0</v>
      </c>
    </row>
    <row r="76840" spans="1:7" x14ac:dyDescent="0.3">
      <c r="A76840" s="13" t="s">
        <v>393</v>
      </c>
      <c r="B76840" s="14" t="s">
        <v>1</v>
      </c>
      <c r="C76840" s="14" t="s">
        <v>35</v>
      </c>
      <c r="D76840" s="14" t="s">
        <v>292</v>
      </c>
      <c r="E76840" s="15">
        <v>45566</v>
      </c>
      <c r="F76840" s="14" t="s">
        <v>61</v>
      </c>
      <c r="G76840" s="16">
        <v>0</v>
      </c>
    </row>
    <row r="76841" spans="1:7" x14ac:dyDescent="0.3">
      <c r="A76841" s="13" t="s">
        <v>393</v>
      </c>
      <c r="B76841" s="14" t="s">
        <v>1</v>
      </c>
      <c r="C76841" s="14" t="s">
        <v>35</v>
      </c>
      <c r="D76841" s="14" t="s">
        <v>292</v>
      </c>
      <c r="E76841" s="15">
        <v>45567</v>
      </c>
      <c r="F76841" s="14" t="s">
        <v>61</v>
      </c>
      <c r="G76841" s="16">
        <v>0</v>
      </c>
    </row>
    <row r="76842" spans="1:7" x14ac:dyDescent="0.3">
      <c r="A76842" s="13" t="s">
        <v>393</v>
      </c>
      <c r="B76842" s="14" t="s">
        <v>1</v>
      </c>
      <c r="C76842" s="14" t="s">
        <v>35</v>
      </c>
      <c r="D76842" s="14" t="s">
        <v>292</v>
      </c>
      <c r="E76842" s="15">
        <v>45568</v>
      </c>
      <c r="F76842" s="14" t="s">
        <v>61</v>
      </c>
      <c r="G76842" s="16">
        <v>0</v>
      </c>
    </row>
    <row r="76843" spans="1:7" x14ac:dyDescent="0.3">
      <c r="A76843" s="13" t="s">
        <v>393</v>
      </c>
      <c r="B76843" s="14" t="s">
        <v>1</v>
      </c>
      <c r="C76843" s="14" t="s">
        <v>35</v>
      </c>
      <c r="D76843" s="14" t="s">
        <v>292</v>
      </c>
      <c r="E76843" s="15">
        <v>45569</v>
      </c>
      <c r="F76843" s="14" t="s">
        <v>61</v>
      </c>
      <c r="G76843" s="16">
        <v>0</v>
      </c>
    </row>
    <row r="76844" spans="1:7" x14ac:dyDescent="0.3">
      <c r="A76844" s="13" t="s">
        <v>393</v>
      </c>
      <c r="B76844" s="14" t="s">
        <v>1</v>
      </c>
      <c r="C76844" s="14" t="s">
        <v>35</v>
      </c>
      <c r="D76844" s="14" t="s">
        <v>292</v>
      </c>
      <c r="E76844" s="15">
        <v>45570</v>
      </c>
      <c r="F76844" s="14" t="s">
        <v>61</v>
      </c>
      <c r="G76844" s="16">
        <v>0</v>
      </c>
    </row>
    <row r="76845" spans="1:7" x14ac:dyDescent="0.3">
      <c r="A76845" s="13" t="s">
        <v>393</v>
      </c>
      <c r="B76845" s="14" t="s">
        <v>1</v>
      </c>
      <c r="C76845" s="14" t="s">
        <v>35</v>
      </c>
      <c r="D76845" s="14" t="s">
        <v>292</v>
      </c>
      <c r="E76845" s="15">
        <v>45571</v>
      </c>
      <c r="F76845" s="14" t="s">
        <v>61</v>
      </c>
      <c r="G76845" s="16">
        <v>0</v>
      </c>
    </row>
    <row r="76846" spans="1:7" x14ac:dyDescent="0.3">
      <c r="A76846" s="13" t="s">
        <v>393</v>
      </c>
      <c r="B76846" s="14" t="s">
        <v>1</v>
      </c>
      <c r="C76846" s="14" t="s">
        <v>35</v>
      </c>
      <c r="D76846" s="14" t="s">
        <v>292</v>
      </c>
      <c r="E76846" s="15">
        <v>45572</v>
      </c>
      <c r="F76846" s="14" t="s">
        <v>61</v>
      </c>
      <c r="G76846" s="16">
        <v>0</v>
      </c>
    </row>
    <row r="76847" spans="1:7" x14ac:dyDescent="0.3">
      <c r="A76847" s="13" t="s">
        <v>393</v>
      </c>
      <c r="B76847" s="14" t="s">
        <v>1</v>
      </c>
      <c r="C76847" s="14" t="s">
        <v>35</v>
      </c>
      <c r="D76847" s="14" t="s">
        <v>292</v>
      </c>
      <c r="E76847" s="15">
        <v>45573</v>
      </c>
      <c r="F76847" s="14" t="s">
        <v>61</v>
      </c>
      <c r="G76847" s="16">
        <v>0</v>
      </c>
    </row>
    <row r="76848" spans="1:7" x14ac:dyDescent="0.3">
      <c r="A76848" s="13" t="s">
        <v>393</v>
      </c>
      <c r="B76848" s="14" t="s">
        <v>1</v>
      </c>
      <c r="C76848" s="14" t="s">
        <v>35</v>
      </c>
      <c r="D76848" s="14" t="s">
        <v>292</v>
      </c>
      <c r="E76848" s="15">
        <v>45574</v>
      </c>
      <c r="F76848" s="14" t="s">
        <v>61</v>
      </c>
      <c r="G76848" s="16">
        <v>0</v>
      </c>
    </row>
    <row r="76849" spans="1:7" x14ac:dyDescent="0.3">
      <c r="A76849" s="13" t="s">
        <v>393</v>
      </c>
      <c r="B76849" s="14" t="s">
        <v>1</v>
      </c>
      <c r="C76849" s="14" t="s">
        <v>35</v>
      </c>
      <c r="D76849" s="14" t="s">
        <v>292</v>
      </c>
      <c r="E76849" s="15">
        <v>45575</v>
      </c>
      <c r="F76849" s="14" t="s">
        <v>61</v>
      </c>
      <c r="G76849" s="16">
        <v>0</v>
      </c>
    </row>
    <row r="76850" spans="1:7" x14ac:dyDescent="0.3">
      <c r="A76850" s="13" t="s">
        <v>393</v>
      </c>
      <c r="B76850" s="14" t="s">
        <v>1</v>
      </c>
      <c r="C76850" s="14" t="s">
        <v>35</v>
      </c>
      <c r="D76850" s="14" t="s">
        <v>292</v>
      </c>
      <c r="E76850" s="15">
        <v>45576</v>
      </c>
      <c r="F76850" s="14" t="s">
        <v>61</v>
      </c>
      <c r="G76850" s="16">
        <v>0</v>
      </c>
    </row>
    <row r="76851" spans="1:7" x14ac:dyDescent="0.3">
      <c r="A76851" s="13" t="s">
        <v>393</v>
      </c>
      <c r="B76851" s="14" t="s">
        <v>1</v>
      </c>
      <c r="C76851" s="14" t="s">
        <v>35</v>
      </c>
      <c r="D76851" s="14" t="s">
        <v>292</v>
      </c>
      <c r="E76851" s="15">
        <v>45577</v>
      </c>
      <c r="F76851" s="14" t="s">
        <v>61</v>
      </c>
      <c r="G76851" s="16">
        <v>0</v>
      </c>
    </row>
    <row r="76852" spans="1:7" x14ac:dyDescent="0.3">
      <c r="A76852" s="13" t="s">
        <v>393</v>
      </c>
      <c r="B76852" s="14" t="s">
        <v>1</v>
      </c>
      <c r="C76852" s="14" t="s">
        <v>35</v>
      </c>
      <c r="D76852" s="14" t="s">
        <v>292</v>
      </c>
      <c r="E76852" s="15">
        <v>45578</v>
      </c>
      <c r="F76852" s="14" t="s">
        <v>61</v>
      </c>
      <c r="G76852" s="16">
        <v>0</v>
      </c>
    </row>
    <row r="76853" spans="1:7" x14ac:dyDescent="0.3">
      <c r="A76853" s="13" t="s">
        <v>393</v>
      </c>
      <c r="B76853" s="14" t="s">
        <v>1</v>
      </c>
      <c r="C76853" s="14" t="s">
        <v>35</v>
      </c>
      <c r="D76853" s="14" t="s">
        <v>292</v>
      </c>
      <c r="E76853" s="15">
        <v>45579</v>
      </c>
      <c r="F76853" s="14" t="s">
        <v>61</v>
      </c>
      <c r="G76853" s="16">
        <v>0</v>
      </c>
    </row>
    <row r="76854" spans="1:7" x14ac:dyDescent="0.3">
      <c r="A76854" s="13" t="s">
        <v>393</v>
      </c>
      <c r="B76854" s="14" t="s">
        <v>1</v>
      </c>
      <c r="C76854" s="14" t="s">
        <v>35</v>
      </c>
      <c r="D76854" s="14" t="s">
        <v>292</v>
      </c>
      <c r="E76854" s="15">
        <v>45580</v>
      </c>
      <c r="F76854" s="14" t="s">
        <v>61</v>
      </c>
      <c r="G76854" s="16">
        <v>0</v>
      </c>
    </row>
    <row r="76855" spans="1:7" x14ac:dyDescent="0.3">
      <c r="A76855" s="13" t="s">
        <v>393</v>
      </c>
      <c r="B76855" s="14" t="s">
        <v>1</v>
      </c>
      <c r="C76855" s="14" t="s">
        <v>35</v>
      </c>
      <c r="D76855" s="14" t="s">
        <v>292</v>
      </c>
      <c r="E76855" s="15">
        <v>45581</v>
      </c>
      <c r="F76855" s="14" t="s">
        <v>61</v>
      </c>
      <c r="G76855" s="16">
        <v>0</v>
      </c>
    </row>
    <row r="76856" spans="1:7" x14ac:dyDescent="0.3">
      <c r="A76856" s="13" t="s">
        <v>393</v>
      </c>
      <c r="B76856" s="14" t="s">
        <v>1</v>
      </c>
      <c r="C76856" s="14" t="s">
        <v>35</v>
      </c>
      <c r="D76856" s="14" t="s">
        <v>292</v>
      </c>
      <c r="E76856" s="15">
        <v>45582</v>
      </c>
      <c r="F76856" s="14" t="s">
        <v>61</v>
      </c>
      <c r="G76856" s="16">
        <v>0</v>
      </c>
    </row>
    <row r="76857" spans="1:7" x14ac:dyDescent="0.3">
      <c r="A76857" s="13" t="s">
        <v>393</v>
      </c>
      <c r="B76857" s="14" t="s">
        <v>1</v>
      </c>
      <c r="C76857" s="14" t="s">
        <v>35</v>
      </c>
      <c r="D76857" s="14" t="s">
        <v>292</v>
      </c>
      <c r="E76857" s="15">
        <v>45583</v>
      </c>
      <c r="F76857" s="14" t="s">
        <v>61</v>
      </c>
      <c r="G76857" s="16">
        <v>0</v>
      </c>
    </row>
    <row r="76858" spans="1:7" x14ac:dyDescent="0.3">
      <c r="A76858" s="13" t="s">
        <v>393</v>
      </c>
      <c r="B76858" s="14" t="s">
        <v>1</v>
      </c>
      <c r="C76858" s="14" t="s">
        <v>35</v>
      </c>
      <c r="D76858" s="14" t="s">
        <v>292</v>
      </c>
      <c r="E76858" s="15">
        <v>45584</v>
      </c>
      <c r="F76858" s="14" t="s">
        <v>61</v>
      </c>
      <c r="G76858" s="16">
        <v>0</v>
      </c>
    </row>
    <row r="76859" spans="1:7" x14ac:dyDescent="0.3">
      <c r="A76859" s="13" t="s">
        <v>393</v>
      </c>
      <c r="B76859" s="14" t="s">
        <v>1</v>
      </c>
      <c r="C76859" s="14" t="s">
        <v>35</v>
      </c>
      <c r="D76859" s="14" t="s">
        <v>292</v>
      </c>
      <c r="E76859" s="15">
        <v>45585</v>
      </c>
      <c r="F76859" s="14" t="s">
        <v>61</v>
      </c>
      <c r="G76859" s="16">
        <v>0</v>
      </c>
    </row>
    <row r="76860" spans="1:7" x14ac:dyDescent="0.3">
      <c r="A76860" s="13" t="s">
        <v>393</v>
      </c>
      <c r="B76860" s="14" t="s">
        <v>1</v>
      </c>
      <c r="C76860" s="14" t="s">
        <v>35</v>
      </c>
      <c r="D76860" s="14" t="s">
        <v>292</v>
      </c>
      <c r="E76860" s="15">
        <v>45586</v>
      </c>
      <c r="F76860" s="14" t="s">
        <v>61</v>
      </c>
      <c r="G76860" s="16">
        <v>0</v>
      </c>
    </row>
    <row r="76861" spans="1:7" x14ac:dyDescent="0.3">
      <c r="A76861" s="13" t="s">
        <v>393</v>
      </c>
      <c r="B76861" s="14" t="s">
        <v>1</v>
      </c>
      <c r="C76861" s="14" t="s">
        <v>35</v>
      </c>
      <c r="D76861" s="14" t="s">
        <v>292</v>
      </c>
      <c r="E76861" s="15">
        <v>45587</v>
      </c>
      <c r="F76861" s="14" t="s">
        <v>61</v>
      </c>
      <c r="G76861" s="16">
        <v>0</v>
      </c>
    </row>
    <row r="76862" spans="1:7" x14ac:dyDescent="0.3">
      <c r="A76862" s="13" t="s">
        <v>393</v>
      </c>
      <c r="B76862" s="14" t="s">
        <v>1</v>
      </c>
      <c r="C76862" s="14" t="s">
        <v>35</v>
      </c>
      <c r="D76862" s="14" t="s">
        <v>292</v>
      </c>
      <c r="E76862" s="15">
        <v>45588</v>
      </c>
      <c r="F76862" s="14" t="s">
        <v>61</v>
      </c>
      <c r="G76862" s="16">
        <v>0</v>
      </c>
    </row>
    <row r="76863" spans="1:7" x14ac:dyDescent="0.3">
      <c r="A76863" s="13" t="s">
        <v>393</v>
      </c>
      <c r="B76863" s="14" t="s">
        <v>1</v>
      </c>
      <c r="C76863" s="14" t="s">
        <v>35</v>
      </c>
      <c r="D76863" s="14" t="s">
        <v>292</v>
      </c>
      <c r="E76863" s="15">
        <v>45589</v>
      </c>
      <c r="F76863" s="14" t="s">
        <v>61</v>
      </c>
      <c r="G76863" s="16">
        <v>0</v>
      </c>
    </row>
    <row r="76864" spans="1:7" x14ac:dyDescent="0.3">
      <c r="A76864" s="13" t="s">
        <v>393</v>
      </c>
      <c r="B76864" s="14" t="s">
        <v>1</v>
      </c>
      <c r="C76864" s="14" t="s">
        <v>35</v>
      </c>
      <c r="D76864" s="14" t="s">
        <v>292</v>
      </c>
      <c r="E76864" s="15">
        <v>45590</v>
      </c>
      <c r="F76864" s="14" t="s">
        <v>61</v>
      </c>
      <c r="G76864" s="16">
        <v>0</v>
      </c>
    </row>
    <row r="76865" spans="1:7" x14ac:dyDescent="0.3">
      <c r="A76865" s="13" t="s">
        <v>393</v>
      </c>
      <c r="B76865" s="14" t="s">
        <v>1</v>
      </c>
      <c r="C76865" s="14" t="s">
        <v>35</v>
      </c>
      <c r="D76865" s="14" t="s">
        <v>292</v>
      </c>
      <c r="E76865" s="15">
        <v>45591</v>
      </c>
      <c r="F76865" s="14" t="s">
        <v>61</v>
      </c>
      <c r="G76865" s="16">
        <v>0</v>
      </c>
    </row>
    <row r="76866" spans="1:7" x14ac:dyDescent="0.3">
      <c r="A76866" s="13" t="s">
        <v>393</v>
      </c>
      <c r="B76866" s="14" t="s">
        <v>1</v>
      </c>
      <c r="C76866" s="14" t="s">
        <v>35</v>
      </c>
      <c r="D76866" s="14" t="s">
        <v>292</v>
      </c>
      <c r="E76866" s="15">
        <v>45592</v>
      </c>
      <c r="F76866" s="14" t="s">
        <v>61</v>
      </c>
      <c r="G76866" s="16">
        <v>0</v>
      </c>
    </row>
    <row r="76867" spans="1:7" x14ac:dyDescent="0.3">
      <c r="A76867" s="13" t="s">
        <v>393</v>
      </c>
      <c r="B76867" s="14" t="s">
        <v>1</v>
      </c>
      <c r="C76867" s="14" t="s">
        <v>35</v>
      </c>
      <c r="D76867" s="14" t="s">
        <v>292</v>
      </c>
      <c r="E76867" s="15">
        <v>45593</v>
      </c>
      <c r="F76867" s="14" t="s">
        <v>61</v>
      </c>
      <c r="G76867" s="16">
        <v>0</v>
      </c>
    </row>
    <row r="76868" spans="1:7" x14ac:dyDescent="0.3">
      <c r="A76868" s="13" t="s">
        <v>393</v>
      </c>
      <c r="B76868" s="14" t="s">
        <v>1</v>
      </c>
      <c r="C76868" s="14" t="s">
        <v>35</v>
      </c>
      <c r="D76868" s="14" t="s">
        <v>292</v>
      </c>
      <c r="E76868" s="15">
        <v>45594</v>
      </c>
      <c r="F76868" s="14" t="s">
        <v>61</v>
      </c>
      <c r="G76868" s="16">
        <v>0</v>
      </c>
    </row>
    <row r="76869" spans="1:7" x14ac:dyDescent="0.3">
      <c r="A76869" s="13" t="s">
        <v>393</v>
      </c>
      <c r="B76869" s="14" t="s">
        <v>1</v>
      </c>
      <c r="C76869" s="14" t="s">
        <v>35</v>
      </c>
      <c r="D76869" s="14" t="s">
        <v>292</v>
      </c>
      <c r="E76869" s="15">
        <v>45595</v>
      </c>
      <c r="F76869" s="14" t="s">
        <v>61</v>
      </c>
      <c r="G76869" s="16">
        <v>0</v>
      </c>
    </row>
    <row r="76870" spans="1:7" x14ac:dyDescent="0.3">
      <c r="A76870" s="13" t="s">
        <v>393</v>
      </c>
      <c r="B76870" s="14" t="s">
        <v>1</v>
      </c>
      <c r="C76870" s="14" t="s">
        <v>35</v>
      </c>
      <c r="D76870" s="14" t="s">
        <v>292</v>
      </c>
      <c r="E76870" s="15">
        <v>45596</v>
      </c>
      <c r="F76870" s="14" t="s">
        <v>61</v>
      </c>
      <c r="G76870" s="16">
        <v>0</v>
      </c>
    </row>
    <row r="76871" spans="1:7" x14ac:dyDescent="0.3">
      <c r="A76871" s="13" t="s">
        <v>393</v>
      </c>
      <c r="B76871" s="14" t="s">
        <v>1</v>
      </c>
      <c r="C76871" s="14" t="s">
        <v>35</v>
      </c>
      <c r="D76871" s="14" t="s">
        <v>292</v>
      </c>
      <c r="E76871" s="15">
        <v>45597</v>
      </c>
      <c r="F76871" s="14" t="s">
        <v>61</v>
      </c>
      <c r="G76871" s="16">
        <v>0</v>
      </c>
    </row>
    <row r="76872" spans="1:7" x14ac:dyDescent="0.3">
      <c r="A76872" s="13" t="s">
        <v>393</v>
      </c>
      <c r="B76872" s="14" t="s">
        <v>1</v>
      </c>
      <c r="C76872" s="14" t="s">
        <v>35</v>
      </c>
      <c r="D76872" s="14" t="s">
        <v>292</v>
      </c>
      <c r="E76872" s="15">
        <v>45598</v>
      </c>
      <c r="F76872" s="14" t="s">
        <v>61</v>
      </c>
      <c r="G76872" s="16">
        <v>0</v>
      </c>
    </row>
    <row r="76873" spans="1:7" x14ac:dyDescent="0.3">
      <c r="A76873" s="13" t="s">
        <v>393</v>
      </c>
      <c r="B76873" s="14" t="s">
        <v>1</v>
      </c>
      <c r="C76873" s="14" t="s">
        <v>35</v>
      </c>
      <c r="D76873" s="14" t="s">
        <v>292</v>
      </c>
      <c r="E76873" s="15">
        <v>45599</v>
      </c>
      <c r="F76873" s="14" t="s">
        <v>61</v>
      </c>
      <c r="G76873" s="16">
        <v>0</v>
      </c>
    </row>
    <row r="76874" spans="1:7" x14ac:dyDescent="0.3">
      <c r="A76874" s="13" t="s">
        <v>393</v>
      </c>
      <c r="B76874" s="14" t="s">
        <v>1</v>
      </c>
      <c r="C76874" s="14" t="s">
        <v>35</v>
      </c>
      <c r="D76874" s="14" t="s">
        <v>292</v>
      </c>
      <c r="E76874" s="15">
        <v>45600</v>
      </c>
      <c r="F76874" s="14" t="s">
        <v>61</v>
      </c>
      <c r="G76874" s="16">
        <v>0</v>
      </c>
    </row>
    <row r="76875" spans="1:7" x14ac:dyDescent="0.3">
      <c r="A76875" s="13" t="s">
        <v>393</v>
      </c>
      <c r="B76875" s="14" t="s">
        <v>1</v>
      </c>
      <c r="C76875" s="14" t="s">
        <v>35</v>
      </c>
      <c r="D76875" s="14" t="s">
        <v>292</v>
      </c>
      <c r="E76875" s="15">
        <v>45601</v>
      </c>
      <c r="F76875" s="14" t="s">
        <v>61</v>
      </c>
      <c r="G76875" s="16">
        <v>0</v>
      </c>
    </row>
    <row r="76876" spans="1:7" x14ac:dyDescent="0.3">
      <c r="A76876" s="13" t="s">
        <v>393</v>
      </c>
      <c r="B76876" s="14" t="s">
        <v>1</v>
      </c>
      <c r="C76876" s="14" t="s">
        <v>35</v>
      </c>
      <c r="D76876" s="14" t="s">
        <v>292</v>
      </c>
      <c r="E76876" s="15">
        <v>45602</v>
      </c>
      <c r="F76876" s="14" t="s">
        <v>61</v>
      </c>
      <c r="G76876" s="16">
        <v>0</v>
      </c>
    </row>
    <row r="76877" spans="1:7" x14ac:dyDescent="0.3">
      <c r="A76877" s="13" t="s">
        <v>393</v>
      </c>
      <c r="B76877" s="14" t="s">
        <v>1</v>
      </c>
      <c r="C76877" s="14" t="s">
        <v>35</v>
      </c>
      <c r="D76877" s="14" t="s">
        <v>292</v>
      </c>
      <c r="E76877" s="15">
        <v>45603</v>
      </c>
      <c r="F76877" s="14" t="s">
        <v>61</v>
      </c>
      <c r="G76877" s="16">
        <v>0</v>
      </c>
    </row>
    <row r="76878" spans="1:7" x14ac:dyDescent="0.3">
      <c r="A76878" s="13" t="s">
        <v>393</v>
      </c>
      <c r="B76878" s="14" t="s">
        <v>1</v>
      </c>
      <c r="C76878" s="14" t="s">
        <v>35</v>
      </c>
      <c r="D76878" s="14" t="s">
        <v>292</v>
      </c>
      <c r="E76878" s="15">
        <v>45604</v>
      </c>
      <c r="F76878" s="14" t="s">
        <v>61</v>
      </c>
      <c r="G76878" s="16">
        <v>0</v>
      </c>
    </row>
    <row r="76879" spans="1:7" x14ac:dyDescent="0.3">
      <c r="A76879" s="13" t="s">
        <v>393</v>
      </c>
      <c r="B76879" s="14" t="s">
        <v>1</v>
      </c>
      <c r="C76879" s="14" t="s">
        <v>35</v>
      </c>
      <c r="D76879" s="14" t="s">
        <v>292</v>
      </c>
      <c r="E76879" s="15">
        <v>45605</v>
      </c>
      <c r="F76879" s="14" t="s">
        <v>61</v>
      </c>
      <c r="G76879" s="16">
        <v>0</v>
      </c>
    </row>
    <row r="76880" spans="1:7" x14ac:dyDescent="0.3">
      <c r="A76880" s="13" t="s">
        <v>393</v>
      </c>
      <c r="B76880" s="14" t="s">
        <v>1</v>
      </c>
      <c r="C76880" s="14" t="s">
        <v>35</v>
      </c>
      <c r="D76880" s="14" t="s">
        <v>292</v>
      </c>
      <c r="E76880" s="15">
        <v>45606</v>
      </c>
      <c r="F76880" s="14" t="s">
        <v>61</v>
      </c>
      <c r="G76880" s="16">
        <v>0</v>
      </c>
    </row>
    <row r="76881" spans="1:7" x14ac:dyDescent="0.3">
      <c r="A76881" s="13" t="s">
        <v>393</v>
      </c>
      <c r="B76881" s="14" t="s">
        <v>1</v>
      </c>
      <c r="C76881" s="14" t="s">
        <v>35</v>
      </c>
      <c r="D76881" s="14" t="s">
        <v>292</v>
      </c>
      <c r="E76881" s="15">
        <v>45607</v>
      </c>
      <c r="F76881" s="14" t="s">
        <v>61</v>
      </c>
      <c r="G76881" s="16">
        <v>0</v>
      </c>
    </row>
    <row r="76882" spans="1:7" x14ac:dyDescent="0.3">
      <c r="A76882" s="13" t="s">
        <v>393</v>
      </c>
      <c r="B76882" s="14" t="s">
        <v>1</v>
      </c>
      <c r="C76882" s="14" t="s">
        <v>35</v>
      </c>
      <c r="D76882" s="14" t="s">
        <v>292</v>
      </c>
      <c r="E76882" s="15">
        <v>45608</v>
      </c>
      <c r="F76882" s="14" t="s">
        <v>61</v>
      </c>
      <c r="G76882" s="16">
        <v>0</v>
      </c>
    </row>
    <row r="76883" spans="1:7" x14ac:dyDescent="0.3">
      <c r="A76883" s="13" t="s">
        <v>393</v>
      </c>
      <c r="B76883" s="14" t="s">
        <v>1</v>
      </c>
      <c r="C76883" s="14" t="s">
        <v>35</v>
      </c>
      <c r="D76883" s="14" t="s">
        <v>292</v>
      </c>
      <c r="E76883" s="15">
        <v>45609</v>
      </c>
      <c r="F76883" s="14" t="s">
        <v>61</v>
      </c>
      <c r="G76883" s="16">
        <v>0</v>
      </c>
    </row>
    <row r="76884" spans="1:7" x14ac:dyDescent="0.3">
      <c r="A76884" s="13" t="s">
        <v>393</v>
      </c>
      <c r="B76884" s="14" t="s">
        <v>1</v>
      </c>
      <c r="C76884" s="14" t="s">
        <v>35</v>
      </c>
      <c r="D76884" s="14" t="s">
        <v>292</v>
      </c>
      <c r="E76884" s="15">
        <v>45610</v>
      </c>
      <c r="F76884" s="14" t="s">
        <v>61</v>
      </c>
      <c r="G76884" s="16">
        <v>0</v>
      </c>
    </row>
    <row r="76885" spans="1:7" x14ac:dyDescent="0.3">
      <c r="A76885" s="13" t="s">
        <v>393</v>
      </c>
      <c r="B76885" s="14" t="s">
        <v>1</v>
      </c>
      <c r="C76885" s="14" t="s">
        <v>35</v>
      </c>
      <c r="D76885" s="14" t="s">
        <v>292</v>
      </c>
      <c r="E76885" s="15">
        <v>45611</v>
      </c>
      <c r="F76885" s="14" t="s">
        <v>61</v>
      </c>
      <c r="G76885" s="16">
        <v>0</v>
      </c>
    </row>
    <row r="76886" spans="1:7" x14ac:dyDescent="0.3">
      <c r="A76886" s="13" t="s">
        <v>393</v>
      </c>
      <c r="B76886" s="14" t="s">
        <v>1</v>
      </c>
      <c r="C76886" s="14" t="s">
        <v>35</v>
      </c>
      <c r="D76886" s="14" t="s">
        <v>292</v>
      </c>
      <c r="E76886" s="15">
        <v>45612</v>
      </c>
      <c r="F76886" s="14" t="s">
        <v>61</v>
      </c>
      <c r="G76886" s="16">
        <v>0</v>
      </c>
    </row>
    <row r="76887" spans="1:7" x14ac:dyDescent="0.3">
      <c r="A76887" s="13" t="s">
        <v>393</v>
      </c>
      <c r="B76887" s="14" t="s">
        <v>1</v>
      </c>
      <c r="C76887" s="14" t="s">
        <v>35</v>
      </c>
      <c r="D76887" s="14" t="s">
        <v>292</v>
      </c>
      <c r="E76887" s="15">
        <v>45613</v>
      </c>
      <c r="F76887" s="14" t="s">
        <v>61</v>
      </c>
      <c r="G76887" s="16">
        <v>0</v>
      </c>
    </row>
    <row r="76888" spans="1:7" x14ac:dyDescent="0.3">
      <c r="A76888" s="13" t="s">
        <v>393</v>
      </c>
      <c r="B76888" s="14" t="s">
        <v>1</v>
      </c>
      <c r="C76888" s="14" t="s">
        <v>35</v>
      </c>
      <c r="D76888" s="14" t="s">
        <v>292</v>
      </c>
      <c r="E76888" s="15">
        <v>45614</v>
      </c>
      <c r="F76888" s="14" t="s">
        <v>61</v>
      </c>
      <c r="G76888" s="16">
        <v>0</v>
      </c>
    </row>
    <row r="76889" spans="1:7" x14ac:dyDescent="0.3">
      <c r="A76889" s="13" t="s">
        <v>393</v>
      </c>
      <c r="B76889" s="14" t="s">
        <v>1</v>
      </c>
      <c r="C76889" s="14" t="s">
        <v>35</v>
      </c>
      <c r="D76889" s="14" t="s">
        <v>292</v>
      </c>
      <c r="E76889" s="15">
        <v>45615</v>
      </c>
      <c r="F76889" s="14" t="s">
        <v>61</v>
      </c>
      <c r="G76889" s="16">
        <v>0</v>
      </c>
    </row>
    <row r="76890" spans="1:7" x14ac:dyDescent="0.3">
      <c r="A76890" s="13" t="s">
        <v>393</v>
      </c>
      <c r="B76890" s="14" t="s">
        <v>1</v>
      </c>
      <c r="C76890" s="14" t="s">
        <v>35</v>
      </c>
      <c r="D76890" s="14" t="s">
        <v>292</v>
      </c>
      <c r="E76890" s="15">
        <v>45616</v>
      </c>
      <c r="F76890" s="14" t="s">
        <v>61</v>
      </c>
      <c r="G76890" s="16">
        <v>0</v>
      </c>
    </row>
    <row r="76891" spans="1:7" x14ac:dyDescent="0.3">
      <c r="A76891" s="13" t="s">
        <v>393</v>
      </c>
      <c r="B76891" s="14" t="s">
        <v>1</v>
      </c>
      <c r="C76891" s="14" t="s">
        <v>35</v>
      </c>
      <c r="D76891" s="14" t="s">
        <v>292</v>
      </c>
      <c r="E76891" s="15">
        <v>45617</v>
      </c>
      <c r="F76891" s="14" t="s">
        <v>61</v>
      </c>
      <c r="G76891" s="16">
        <v>0</v>
      </c>
    </row>
    <row r="76892" spans="1:7" x14ac:dyDescent="0.3">
      <c r="A76892" s="13" t="s">
        <v>393</v>
      </c>
      <c r="B76892" s="14" t="s">
        <v>1</v>
      </c>
      <c r="C76892" s="14" t="s">
        <v>35</v>
      </c>
      <c r="D76892" s="14" t="s">
        <v>292</v>
      </c>
      <c r="E76892" s="15">
        <v>45618</v>
      </c>
      <c r="F76892" s="14" t="s">
        <v>61</v>
      </c>
      <c r="G76892" s="16">
        <v>0</v>
      </c>
    </row>
    <row r="76893" spans="1:7" x14ac:dyDescent="0.3">
      <c r="A76893" s="13" t="s">
        <v>393</v>
      </c>
      <c r="B76893" s="14" t="s">
        <v>1</v>
      </c>
      <c r="C76893" s="14" t="s">
        <v>35</v>
      </c>
      <c r="D76893" s="14" t="s">
        <v>292</v>
      </c>
      <c r="E76893" s="15">
        <v>45619</v>
      </c>
      <c r="F76893" s="14" t="s">
        <v>61</v>
      </c>
      <c r="G76893" s="16">
        <v>0</v>
      </c>
    </row>
    <row r="76894" spans="1:7" x14ac:dyDescent="0.3">
      <c r="A76894" s="13" t="s">
        <v>393</v>
      </c>
      <c r="B76894" s="14" t="s">
        <v>1</v>
      </c>
      <c r="C76894" s="14" t="s">
        <v>35</v>
      </c>
      <c r="D76894" s="14" t="s">
        <v>292</v>
      </c>
      <c r="E76894" s="15">
        <v>45620</v>
      </c>
      <c r="F76894" s="14" t="s">
        <v>61</v>
      </c>
      <c r="G76894" s="16">
        <v>0</v>
      </c>
    </row>
    <row r="76895" spans="1:7" x14ac:dyDescent="0.3">
      <c r="A76895" s="13" t="s">
        <v>393</v>
      </c>
      <c r="B76895" s="14" t="s">
        <v>1</v>
      </c>
      <c r="C76895" s="14" t="s">
        <v>35</v>
      </c>
      <c r="D76895" s="14" t="s">
        <v>292</v>
      </c>
      <c r="E76895" s="15">
        <v>45621</v>
      </c>
      <c r="F76895" s="14" t="s">
        <v>61</v>
      </c>
      <c r="G76895" s="16">
        <v>0</v>
      </c>
    </row>
    <row r="76896" spans="1:7" x14ac:dyDescent="0.3">
      <c r="A76896" s="13" t="s">
        <v>393</v>
      </c>
      <c r="B76896" s="14" t="s">
        <v>1</v>
      </c>
      <c r="C76896" s="14" t="s">
        <v>35</v>
      </c>
      <c r="D76896" s="14" t="s">
        <v>292</v>
      </c>
      <c r="E76896" s="15">
        <v>45622</v>
      </c>
      <c r="F76896" s="14" t="s">
        <v>61</v>
      </c>
      <c r="G76896" s="16">
        <v>0</v>
      </c>
    </row>
    <row r="76897" spans="1:7" x14ac:dyDescent="0.3">
      <c r="A76897" s="13" t="s">
        <v>393</v>
      </c>
      <c r="B76897" s="14" t="s">
        <v>1</v>
      </c>
      <c r="C76897" s="14" t="s">
        <v>35</v>
      </c>
      <c r="D76897" s="14" t="s">
        <v>292</v>
      </c>
      <c r="E76897" s="15">
        <v>45623</v>
      </c>
      <c r="F76897" s="14" t="s">
        <v>61</v>
      </c>
      <c r="G76897" s="16">
        <v>0</v>
      </c>
    </row>
    <row r="76898" spans="1:7" x14ac:dyDescent="0.3">
      <c r="A76898" s="13" t="s">
        <v>393</v>
      </c>
      <c r="B76898" s="14" t="s">
        <v>1</v>
      </c>
      <c r="C76898" s="14" t="s">
        <v>35</v>
      </c>
      <c r="D76898" s="14" t="s">
        <v>292</v>
      </c>
      <c r="E76898" s="15">
        <v>45624</v>
      </c>
      <c r="F76898" s="14" t="s">
        <v>61</v>
      </c>
      <c r="G76898" s="16">
        <v>0</v>
      </c>
    </row>
    <row r="76899" spans="1:7" x14ac:dyDescent="0.3">
      <c r="A76899" s="13" t="s">
        <v>393</v>
      </c>
      <c r="B76899" s="14" t="s">
        <v>1</v>
      </c>
      <c r="C76899" s="14" t="s">
        <v>35</v>
      </c>
      <c r="D76899" s="14" t="s">
        <v>292</v>
      </c>
      <c r="E76899" s="15">
        <v>45625</v>
      </c>
      <c r="F76899" s="14" t="s">
        <v>61</v>
      </c>
      <c r="G76899" s="16">
        <v>0</v>
      </c>
    </row>
    <row r="76900" spans="1:7" x14ac:dyDescent="0.3">
      <c r="A76900" s="13" t="s">
        <v>393</v>
      </c>
      <c r="B76900" s="14" t="s">
        <v>1</v>
      </c>
      <c r="C76900" s="14" t="s">
        <v>35</v>
      </c>
      <c r="D76900" s="14" t="s">
        <v>292</v>
      </c>
      <c r="E76900" s="15">
        <v>45626</v>
      </c>
      <c r="F76900" s="14" t="s">
        <v>61</v>
      </c>
      <c r="G76900" s="16">
        <v>0</v>
      </c>
    </row>
    <row r="76901" spans="1:7" x14ac:dyDescent="0.3">
      <c r="A76901" s="13" t="s">
        <v>393</v>
      </c>
      <c r="B76901" s="14" t="s">
        <v>1</v>
      </c>
      <c r="C76901" s="14" t="s">
        <v>35</v>
      </c>
      <c r="D76901" s="14" t="s">
        <v>292</v>
      </c>
      <c r="E76901" s="15">
        <v>45627</v>
      </c>
      <c r="F76901" s="14" t="s">
        <v>61</v>
      </c>
      <c r="G76901" s="16">
        <v>0</v>
      </c>
    </row>
    <row r="76902" spans="1:7" x14ac:dyDescent="0.3">
      <c r="A76902" s="13" t="s">
        <v>393</v>
      </c>
      <c r="B76902" s="14" t="s">
        <v>1</v>
      </c>
      <c r="C76902" s="14" t="s">
        <v>35</v>
      </c>
      <c r="D76902" s="14" t="s">
        <v>292</v>
      </c>
      <c r="E76902" s="15">
        <v>45628</v>
      </c>
      <c r="F76902" s="14" t="s">
        <v>61</v>
      </c>
      <c r="G76902" s="16">
        <v>0</v>
      </c>
    </row>
    <row r="76903" spans="1:7" x14ac:dyDescent="0.3">
      <c r="A76903" s="13" t="s">
        <v>393</v>
      </c>
      <c r="B76903" s="14" t="s">
        <v>1</v>
      </c>
      <c r="C76903" s="14" t="s">
        <v>35</v>
      </c>
      <c r="D76903" s="14" t="s">
        <v>292</v>
      </c>
      <c r="E76903" s="15">
        <v>45629</v>
      </c>
      <c r="F76903" s="14" t="s">
        <v>61</v>
      </c>
      <c r="G76903" s="16">
        <v>0</v>
      </c>
    </row>
    <row r="76904" spans="1:7" x14ac:dyDescent="0.3">
      <c r="A76904" s="13" t="s">
        <v>393</v>
      </c>
      <c r="B76904" s="14" t="s">
        <v>1</v>
      </c>
      <c r="C76904" s="14" t="s">
        <v>35</v>
      </c>
      <c r="D76904" s="14" t="s">
        <v>292</v>
      </c>
      <c r="E76904" s="15">
        <v>45630</v>
      </c>
      <c r="F76904" s="14" t="s">
        <v>61</v>
      </c>
      <c r="G76904" s="16">
        <v>0</v>
      </c>
    </row>
    <row r="76905" spans="1:7" x14ac:dyDescent="0.3">
      <c r="A76905" s="13" t="s">
        <v>393</v>
      </c>
      <c r="B76905" s="14" t="s">
        <v>1</v>
      </c>
      <c r="C76905" s="14" t="s">
        <v>35</v>
      </c>
      <c r="D76905" s="14" t="s">
        <v>292</v>
      </c>
      <c r="E76905" s="15">
        <v>45631</v>
      </c>
      <c r="F76905" s="14" t="s">
        <v>61</v>
      </c>
      <c r="G76905" s="16">
        <v>0</v>
      </c>
    </row>
    <row r="76906" spans="1:7" x14ac:dyDescent="0.3">
      <c r="A76906" s="13" t="s">
        <v>393</v>
      </c>
      <c r="B76906" s="14" t="s">
        <v>1</v>
      </c>
      <c r="C76906" s="14" t="s">
        <v>35</v>
      </c>
      <c r="D76906" s="14" t="s">
        <v>292</v>
      </c>
      <c r="E76906" s="15">
        <v>45632</v>
      </c>
      <c r="F76906" s="14" t="s">
        <v>61</v>
      </c>
      <c r="G76906" s="16">
        <v>0</v>
      </c>
    </row>
    <row r="76907" spans="1:7" x14ac:dyDescent="0.3">
      <c r="A76907" s="13" t="s">
        <v>393</v>
      </c>
      <c r="B76907" s="14" t="s">
        <v>1</v>
      </c>
      <c r="C76907" s="14" t="s">
        <v>35</v>
      </c>
      <c r="D76907" s="14" t="s">
        <v>292</v>
      </c>
      <c r="E76907" s="15">
        <v>45633</v>
      </c>
      <c r="F76907" s="14" t="s">
        <v>61</v>
      </c>
      <c r="G76907" s="16">
        <v>0</v>
      </c>
    </row>
    <row r="76908" spans="1:7" x14ac:dyDescent="0.3">
      <c r="A76908" s="13" t="s">
        <v>393</v>
      </c>
      <c r="B76908" s="14" t="s">
        <v>1</v>
      </c>
      <c r="C76908" s="14" t="s">
        <v>35</v>
      </c>
      <c r="D76908" s="14" t="s">
        <v>292</v>
      </c>
      <c r="E76908" s="15">
        <v>45634</v>
      </c>
      <c r="F76908" s="14" t="s">
        <v>61</v>
      </c>
      <c r="G76908" s="16">
        <v>0</v>
      </c>
    </row>
    <row r="76909" spans="1:7" x14ac:dyDescent="0.3">
      <c r="A76909" s="13" t="s">
        <v>393</v>
      </c>
      <c r="B76909" s="14" t="s">
        <v>1</v>
      </c>
      <c r="C76909" s="14" t="s">
        <v>35</v>
      </c>
      <c r="D76909" s="14" t="s">
        <v>292</v>
      </c>
      <c r="E76909" s="15">
        <v>45635</v>
      </c>
      <c r="F76909" s="14" t="s">
        <v>61</v>
      </c>
      <c r="G76909" s="16">
        <v>0</v>
      </c>
    </row>
    <row r="76910" spans="1:7" x14ac:dyDescent="0.3">
      <c r="A76910" s="13" t="s">
        <v>393</v>
      </c>
      <c r="B76910" s="14" t="s">
        <v>1</v>
      </c>
      <c r="C76910" s="14" t="s">
        <v>35</v>
      </c>
      <c r="D76910" s="14" t="s">
        <v>292</v>
      </c>
      <c r="E76910" s="15">
        <v>45636</v>
      </c>
      <c r="F76910" s="14" t="s">
        <v>61</v>
      </c>
      <c r="G76910" s="16">
        <v>0</v>
      </c>
    </row>
    <row r="76911" spans="1:7" x14ac:dyDescent="0.3">
      <c r="A76911" s="13" t="s">
        <v>393</v>
      </c>
      <c r="B76911" s="14" t="s">
        <v>1</v>
      </c>
      <c r="C76911" s="14" t="s">
        <v>35</v>
      </c>
      <c r="D76911" s="14" t="s">
        <v>292</v>
      </c>
      <c r="E76911" s="15">
        <v>45637</v>
      </c>
      <c r="F76911" s="14" t="s">
        <v>61</v>
      </c>
      <c r="G76911" s="16">
        <v>0</v>
      </c>
    </row>
    <row r="76912" spans="1:7" x14ac:dyDescent="0.3">
      <c r="A76912" s="13" t="s">
        <v>393</v>
      </c>
      <c r="B76912" s="14" t="s">
        <v>1</v>
      </c>
      <c r="C76912" s="14" t="s">
        <v>35</v>
      </c>
      <c r="D76912" s="14" t="s">
        <v>292</v>
      </c>
      <c r="E76912" s="15">
        <v>45638</v>
      </c>
      <c r="F76912" s="14" t="s">
        <v>61</v>
      </c>
      <c r="G76912" s="16">
        <v>0</v>
      </c>
    </row>
    <row r="76913" spans="1:7" x14ac:dyDescent="0.3">
      <c r="A76913" s="13" t="s">
        <v>393</v>
      </c>
      <c r="B76913" s="14" t="s">
        <v>1</v>
      </c>
      <c r="C76913" s="14" t="s">
        <v>35</v>
      </c>
      <c r="D76913" s="14" t="s">
        <v>292</v>
      </c>
      <c r="E76913" s="15">
        <v>45639</v>
      </c>
      <c r="F76913" s="14" t="s">
        <v>61</v>
      </c>
      <c r="G76913" s="16">
        <v>0</v>
      </c>
    </row>
    <row r="76914" spans="1:7" x14ac:dyDescent="0.3">
      <c r="A76914" s="13" t="s">
        <v>393</v>
      </c>
      <c r="B76914" s="14" t="s">
        <v>1</v>
      </c>
      <c r="C76914" s="14" t="s">
        <v>35</v>
      </c>
      <c r="D76914" s="14" t="s">
        <v>292</v>
      </c>
      <c r="E76914" s="15">
        <v>45640</v>
      </c>
      <c r="F76914" s="14" t="s">
        <v>61</v>
      </c>
      <c r="G76914" s="16">
        <v>0</v>
      </c>
    </row>
    <row r="76915" spans="1:7" x14ac:dyDescent="0.3">
      <c r="A76915" s="13" t="s">
        <v>393</v>
      </c>
      <c r="B76915" s="14" t="s">
        <v>1</v>
      </c>
      <c r="C76915" s="14" t="s">
        <v>35</v>
      </c>
      <c r="D76915" s="14" t="s">
        <v>292</v>
      </c>
      <c r="E76915" s="15">
        <v>45641</v>
      </c>
      <c r="F76915" s="14" t="s">
        <v>61</v>
      </c>
      <c r="G76915" s="16">
        <v>0</v>
      </c>
    </row>
    <row r="76916" spans="1:7" x14ac:dyDescent="0.3">
      <c r="A76916" s="13" t="s">
        <v>393</v>
      </c>
      <c r="B76916" s="14" t="s">
        <v>1</v>
      </c>
      <c r="C76916" s="14" t="s">
        <v>35</v>
      </c>
      <c r="D76916" s="14" t="s">
        <v>292</v>
      </c>
      <c r="E76916" s="15">
        <v>45642</v>
      </c>
      <c r="F76916" s="14" t="s">
        <v>61</v>
      </c>
      <c r="G76916" s="16">
        <v>0</v>
      </c>
    </row>
    <row r="76917" spans="1:7" x14ac:dyDescent="0.3">
      <c r="A76917" s="13" t="s">
        <v>393</v>
      </c>
      <c r="B76917" s="14" t="s">
        <v>1</v>
      </c>
      <c r="C76917" s="14" t="s">
        <v>35</v>
      </c>
      <c r="D76917" s="14" t="s">
        <v>292</v>
      </c>
      <c r="E76917" s="15">
        <v>45643</v>
      </c>
      <c r="F76917" s="14" t="s">
        <v>61</v>
      </c>
      <c r="G76917" s="16">
        <v>0</v>
      </c>
    </row>
    <row r="76918" spans="1:7" x14ac:dyDescent="0.3">
      <c r="A76918" s="13" t="s">
        <v>393</v>
      </c>
      <c r="B76918" s="14" t="s">
        <v>1</v>
      </c>
      <c r="C76918" s="14" t="s">
        <v>35</v>
      </c>
      <c r="D76918" s="14" t="s">
        <v>292</v>
      </c>
      <c r="E76918" s="15">
        <v>45644</v>
      </c>
      <c r="F76918" s="14" t="s">
        <v>61</v>
      </c>
      <c r="G76918" s="16">
        <v>0</v>
      </c>
    </row>
    <row r="76919" spans="1:7" x14ac:dyDescent="0.3">
      <c r="A76919" s="13" t="s">
        <v>393</v>
      </c>
      <c r="B76919" s="14" t="s">
        <v>1</v>
      </c>
      <c r="C76919" s="14" t="s">
        <v>35</v>
      </c>
      <c r="D76919" s="14" t="s">
        <v>292</v>
      </c>
      <c r="E76919" s="15">
        <v>45645</v>
      </c>
      <c r="F76919" s="14" t="s">
        <v>61</v>
      </c>
      <c r="G76919" s="16">
        <v>0</v>
      </c>
    </row>
    <row r="76920" spans="1:7" x14ac:dyDescent="0.3">
      <c r="A76920" s="13" t="s">
        <v>393</v>
      </c>
      <c r="B76920" s="14" t="s">
        <v>1</v>
      </c>
      <c r="C76920" s="14" t="s">
        <v>35</v>
      </c>
      <c r="D76920" s="14" t="s">
        <v>292</v>
      </c>
      <c r="E76920" s="15">
        <v>45646</v>
      </c>
      <c r="F76920" s="14" t="s">
        <v>61</v>
      </c>
      <c r="G76920" s="16">
        <v>0</v>
      </c>
    </row>
    <row r="76921" spans="1:7" x14ac:dyDescent="0.3">
      <c r="A76921" s="13" t="s">
        <v>393</v>
      </c>
      <c r="B76921" s="14" t="s">
        <v>1</v>
      </c>
      <c r="C76921" s="14" t="s">
        <v>35</v>
      </c>
      <c r="D76921" s="14" t="s">
        <v>292</v>
      </c>
      <c r="E76921" s="15">
        <v>45647</v>
      </c>
      <c r="F76921" s="14" t="s">
        <v>61</v>
      </c>
      <c r="G76921" s="16">
        <v>0</v>
      </c>
    </row>
    <row r="76922" spans="1:7" x14ac:dyDescent="0.3">
      <c r="A76922" s="13" t="s">
        <v>393</v>
      </c>
      <c r="B76922" s="14" t="s">
        <v>1</v>
      </c>
      <c r="C76922" s="14" t="s">
        <v>35</v>
      </c>
      <c r="D76922" s="14" t="s">
        <v>292</v>
      </c>
      <c r="E76922" s="15">
        <v>45648</v>
      </c>
      <c r="F76922" s="14" t="s">
        <v>61</v>
      </c>
      <c r="G76922" s="16">
        <v>0</v>
      </c>
    </row>
    <row r="76923" spans="1:7" x14ac:dyDescent="0.3">
      <c r="A76923" s="13" t="s">
        <v>393</v>
      </c>
      <c r="B76923" s="14" t="s">
        <v>1</v>
      </c>
      <c r="C76923" s="14" t="s">
        <v>35</v>
      </c>
      <c r="D76923" s="14" t="s">
        <v>292</v>
      </c>
      <c r="E76923" s="15">
        <v>45649</v>
      </c>
      <c r="F76923" s="14" t="s">
        <v>61</v>
      </c>
      <c r="G76923" s="16">
        <v>0</v>
      </c>
    </row>
    <row r="76924" spans="1:7" x14ac:dyDescent="0.3">
      <c r="A76924" s="13" t="s">
        <v>393</v>
      </c>
      <c r="B76924" s="14" t="s">
        <v>1</v>
      </c>
      <c r="C76924" s="14" t="s">
        <v>35</v>
      </c>
      <c r="D76924" s="14" t="s">
        <v>292</v>
      </c>
      <c r="E76924" s="15">
        <v>45650</v>
      </c>
      <c r="F76924" s="14" t="s">
        <v>61</v>
      </c>
      <c r="G76924" s="16">
        <v>0</v>
      </c>
    </row>
    <row r="76925" spans="1:7" x14ac:dyDescent="0.3">
      <c r="A76925" s="13" t="s">
        <v>393</v>
      </c>
      <c r="B76925" s="14" t="s">
        <v>1</v>
      </c>
      <c r="C76925" s="14" t="s">
        <v>35</v>
      </c>
      <c r="D76925" s="14" t="s">
        <v>292</v>
      </c>
      <c r="E76925" s="15">
        <v>45651</v>
      </c>
      <c r="F76925" s="14" t="s">
        <v>61</v>
      </c>
      <c r="G76925" s="16">
        <v>0</v>
      </c>
    </row>
    <row r="76926" spans="1:7" x14ac:dyDescent="0.3">
      <c r="A76926" s="13" t="s">
        <v>393</v>
      </c>
      <c r="B76926" s="14" t="s">
        <v>1</v>
      </c>
      <c r="C76926" s="14" t="s">
        <v>35</v>
      </c>
      <c r="D76926" s="14" t="s">
        <v>292</v>
      </c>
      <c r="E76926" s="15">
        <v>45652</v>
      </c>
      <c r="F76926" s="14" t="s">
        <v>61</v>
      </c>
      <c r="G76926" s="16">
        <v>0</v>
      </c>
    </row>
    <row r="76927" spans="1:7" x14ac:dyDescent="0.3">
      <c r="A76927" s="13" t="s">
        <v>393</v>
      </c>
      <c r="B76927" s="14" t="s">
        <v>1</v>
      </c>
      <c r="C76927" s="14" t="s">
        <v>35</v>
      </c>
      <c r="D76927" s="14" t="s">
        <v>292</v>
      </c>
      <c r="E76927" s="15">
        <v>45653</v>
      </c>
      <c r="F76927" s="14" t="s">
        <v>61</v>
      </c>
      <c r="G76927" s="16">
        <v>0</v>
      </c>
    </row>
    <row r="76928" spans="1:7" x14ac:dyDescent="0.3">
      <c r="A76928" s="13" t="s">
        <v>393</v>
      </c>
      <c r="B76928" s="14" t="s">
        <v>1</v>
      </c>
      <c r="C76928" s="14" t="s">
        <v>35</v>
      </c>
      <c r="D76928" s="14" t="s">
        <v>292</v>
      </c>
      <c r="E76928" s="15">
        <v>45654</v>
      </c>
      <c r="F76928" s="14" t="s">
        <v>61</v>
      </c>
      <c r="G76928" s="16">
        <v>0</v>
      </c>
    </row>
    <row r="76929" spans="1:7" x14ac:dyDescent="0.3">
      <c r="A76929" s="13" t="s">
        <v>393</v>
      </c>
      <c r="B76929" s="14" t="s">
        <v>1</v>
      </c>
      <c r="C76929" s="14" t="s">
        <v>35</v>
      </c>
      <c r="D76929" s="14" t="s">
        <v>292</v>
      </c>
      <c r="E76929" s="15">
        <v>45655</v>
      </c>
      <c r="F76929" s="14" t="s">
        <v>61</v>
      </c>
      <c r="G76929" s="16">
        <v>0</v>
      </c>
    </row>
    <row r="76930" spans="1:7" x14ac:dyDescent="0.3">
      <c r="A76930" s="13" t="s">
        <v>393</v>
      </c>
      <c r="B76930" s="14" t="s">
        <v>1</v>
      </c>
      <c r="C76930" s="14" t="s">
        <v>35</v>
      </c>
      <c r="D76930" s="14" t="s">
        <v>292</v>
      </c>
      <c r="E76930" s="15">
        <v>45656</v>
      </c>
      <c r="F76930" s="14" t="s">
        <v>61</v>
      </c>
      <c r="G76930" s="16">
        <v>0</v>
      </c>
    </row>
    <row r="76931" spans="1:7" x14ac:dyDescent="0.3">
      <c r="A76931" s="13" t="s">
        <v>393</v>
      </c>
      <c r="B76931" s="14" t="s">
        <v>1</v>
      </c>
      <c r="C76931" s="14" t="s">
        <v>35</v>
      </c>
      <c r="D76931" s="14" t="s">
        <v>292</v>
      </c>
      <c r="E76931" s="15">
        <v>45657</v>
      </c>
      <c r="F76931" s="14" t="s">
        <v>61</v>
      </c>
      <c r="G76931" s="16">
        <v>0</v>
      </c>
    </row>
    <row r="76932" spans="1:7" x14ac:dyDescent="0.3">
      <c r="A76932" s="13" t="s">
        <v>393</v>
      </c>
      <c r="B76932" s="14" t="s">
        <v>1</v>
      </c>
      <c r="C76932" s="14" t="s">
        <v>35</v>
      </c>
      <c r="D76932" s="14" t="s">
        <v>292</v>
      </c>
      <c r="E76932" s="15">
        <v>45658</v>
      </c>
      <c r="F76932" s="14" t="s">
        <v>61</v>
      </c>
      <c r="G76932" s="16">
        <v>0</v>
      </c>
    </row>
    <row r="76933" spans="1:7" x14ac:dyDescent="0.3">
      <c r="A76933" s="13" t="s">
        <v>393</v>
      </c>
      <c r="B76933" s="14" t="s">
        <v>1</v>
      </c>
      <c r="C76933" s="14" t="s">
        <v>35</v>
      </c>
      <c r="D76933" s="14" t="s">
        <v>292</v>
      </c>
      <c r="E76933" s="15">
        <v>45659</v>
      </c>
      <c r="F76933" s="14" t="s">
        <v>61</v>
      </c>
      <c r="G76933" s="16">
        <v>0</v>
      </c>
    </row>
    <row r="76934" spans="1:7" x14ac:dyDescent="0.3">
      <c r="A76934" s="13" t="s">
        <v>393</v>
      </c>
      <c r="B76934" s="14" t="s">
        <v>1</v>
      </c>
      <c r="C76934" s="14" t="s">
        <v>35</v>
      </c>
      <c r="D76934" s="14" t="s">
        <v>292</v>
      </c>
      <c r="E76934" s="15">
        <v>45660</v>
      </c>
      <c r="F76934" s="14" t="s">
        <v>61</v>
      </c>
      <c r="G76934" s="16">
        <v>0</v>
      </c>
    </row>
    <row r="76935" spans="1:7" x14ac:dyDescent="0.3">
      <c r="A76935" s="13" t="s">
        <v>393</v>
      </c>
      <c r="B76935" s="14" t="s">
        <v>1</v>
      </c>
      <c r="C76935" s="14" t="s">
        <v>35</v>
      </c>
      <c r="D76935" s="14" t="s">
        <v>292</v>
      </c>
      <c r="E76935" s="15">
        <v>45661</v>
      </c>
      <c r="F76935" s="14" t="s">
        <v>61</v>
      </c>
      <c r="G76935" s="16">
        <v>0</v>
      </c>
    </row>
    <row r="76936" spans="1:7" x14ac:dyDescent="0.3">
      <c r="A76936" s="13" t="s">
        <v>393</v>
      </c>
      <c r="B76936" s="14" t="s">
        <v>1</v>
      </c>
      <c r="C76936" s="14" t="s">
        <v>35</v>
      </c>
      <c r="D76936" s="14" t="s">
        <v>292</v>
      </c>
      <c r="E76936" s="15">
        <v>45662</v>
      </c>
      <c r="F76936" s="14" t="s">
        <v>61</v>
      </c>
      <c r="G76936" s="16">
        <v>0</v>
      </c>
    </row>
    <row r="76937" spans="1:7" x14ac:dyDescent="0.3">
      <c r="A76937" s="13" t="s">
        <v>393</v>
      </c>
      <c r="B76937" s="14" t="s">
        <v>1</v>
      </c>
      <c r="C76937" s="14" t="s">
        <v>35</v>
      </c>
      <c r="D76937" s="14" t="s">
        <v>292</v>
      </c>
      <c r="E76937" s="15">
        <v>45663</v>
      </c>
      <c r="F76937" s="14" t="s">
        <v>61</v>
      </c>
      <c r="G76937" s="16">
        <v>0</v>
      </c>
    </row>
    <row r="76938" spans="1:7" x14ac:dyDescent="0.3">
      <c r="A76938" s="13" t="s">
        <v>393</v>
      </c>
      <c r="B76938" s="14" t="s">
        <v>1</v>
      </c>
      <c r="C76938" s="14" t="s">
        <v>35</v>
      </c>
      <c r="D76938" s="14" t="s">
        <v>292</v>
      </c>
      <c r="E76938" s="15">
        <v>45664</v>
      </c>
      <c r="F76938" s="14" t="s">
        <v>61</v>
      </c>
      <c r="G76938" s="16">
        <v>0</v>
      </c>
    </row>
    <row r="76939" spans="1:7" x14ac:dyDescent="0.3">
      <c r="A76939" s="13" t="s">
        <v>393</v>
      </c>
      <c r="B76939" s="14" t="s">
        <v>1</v>
      </c>
      <c r="C76939" s="14" t="s">
        <v>35</v>
      </c>
      <c r="D76939" s="14" t="s">
        <v>292</v>
      </c>
      <c r="E76939" s="15">
        <v>45665</v>
      </c>
      <c r="F76939" s="14" t="s">
        <v>61</v>
      </c>
      <c r="G76939" s="16">
        <v>0</v>
      </c>
    </row>
    <row r="76940" spans="1:7" x14ac:dyDescent="0.3">
      <c r="A76940" s="13" t="s">
        <v>393</v>
      </c>
      <c r="B76940" s="14" t="s">
        <v>1</v>
      </c>
      <c r="C76940" s="14" t="s">
        <v>35</v>
      </c>
      <c r="D76940" s="14" t="s">
        <v>292</v>
      </c>
      <c r="E76940" s="15">
        <v>45666</v>
      </c>
      <c r="F76940" s="14" t="s">
        <v>61</v>
      </c>
      <c r="G76940" s="16">
        <v>0</v>
      </c>
    </row>
    <row r="76941" spans="1:7" x14ac:dyDescent="0.3">
      <c r="A76941" s="13" t="s">
        <v>393</v>
      </c>
      <c r="B76941" s="14" t="s">
        <v>1</v>
      </c>
      <c r="C76941" s="14" t="s">
        <v>35</v>
      </c>
      <c r="D76941" s="14" t="s">
        <v>292</v>
      </c>
      <c r="E76941" s="15">
        <v>45667</v>
      </c>
      <c r="F76941" s="14" t="s">
        <v>61</v>
      </c>
      <c r="G76941" s="16">
        <v>0</v>
      </c>
    </row>
    <row r="76942" spans="1:7" x14ac:dyDescent="0.3">
      <c r="A76942" s="13" t="s">
        <v>393</v>
      </c>
      <c r="B76942" s="14" t="s">
        <v>1</v>
      </c>
      <c r="C76942" s="14" t="s">
        <v>35</v>
      </c>
      <c r="D76942" s="14" t="s">
        <v>292</v>
      </c>
      <c r="E76942" s="15">
        <v>45668</v>
      </c>
      <c r="F76942" s="14" t="s">
        <v>61</v>
      </c>
      <c r="G76942" s="16">
        <v>0</v>
      </c>
    </row>
    <row r="76943" spans="1:7" x14ac:dyDescent="0.3">
      <c r="A76943" s="13" t="s">
        <v>393</v>
      </c>
      <c r="B76943" s="14" t="s">
        <v>1</v>
      </c>
      <c r="C76943" s="14" t="s">
        <v>35</v>
      </c>
      <c r="D76943" s="14" t="s">
        <v>292</v>
      </c>
      <c r="E76943" s="15">
        <v>45669</v>
      </c>
      <c r="F76943" s="14" t="s">
        <v>61</v>
      </c>
      <c r="G76943" s="16">
        <v>0</v>
      </c>
    </row>
    <row r="76944" spans="1:7" x14ac:dyDescent="0.3">
      <c r="A76944" s="13" t="s">
        <v>393</v>
      </c>
      <c r="B76944" s="14" t="s">
        <v>1</v>
      </c>
      <c r="C76944" s="14" t="s">
        <v>35</v>
      </c>
      <c r="D76944" s="14" t="s">
        <v>292</v>
      </c>
      <c r="E76944" s="15">
        <v>45670</v>
      </c>
      <c r="F76944" s="14" t="s">
        <v>61</v>
      </c>
      <c r="G76944" s="16">
        <v>0</v>
      </c>
    </row>
    <row r="76945" spans="1:7" x14ac:dyDescent="0.3">
      <c r="A76945" s="13" t="s">
        <v>393</v>
      </c>
      <c r="B76945" s="14" t="s">
        <v>1</v>
      </c>
      <c r="C76945" s="14" t="s">
        <v>35</v>
      </c>
      <c r="D76945" s="14" t="s">
        <v>292</v>
      </c>
      <c r="E76945" s="15">
        <v>45671</v>
      </c>
      <c r="F76945" s="14" t="s">
        <v>61</v>
      </c>
      <c r="G76945" s="16">
        <v>0</v>
      </c>
    </row>
    <row r="76946" spans="1:7" x14ac:dyDescent="0.3">
      <c r="A76946" s="13" t="s">
        <v>393</v>
      </c>
      <c r="B76946" s="14" t="s">
        <v>1</v>
      </c>
      <c r="C76946" s="14" t="s">
        <v>35</v>
      </c>
      <c r="D76946" s="14" t="s">
        <v>292</v>
      </c>
      <c r="E76946" s="15">
        <v>45672</v>
      </c>
      <c r="F76946" s="14" t="s">
        <v>61</v>
      </c>
      <c r="G76946" s="16">
        <v>0</v>
      </c>
    </row>
    <row r="76947" spans="1:7" x14ac:dyDescent="0.3">
      <c r="A76947" s="13" t="s">
        <v>393</v>
      </c>
      <c r="B76947" s="14" t="s">
        <v>1</v>
      </c>
      <c r="C76947" s="14" t="s">
        <v>35</v>
      </c>
      <c r="D76947" s="14" t="s">
        <v>292</v>
      </c>
      <c r="E76947" s="15">
        <v>45673</v>
      </c>
      <c r="F76947" s="14" t="s">
        <v>61</v>
      </c>
      <c r="G76947" s="16">
        <v>0</v>
      </c>
    </row>
    <row r="76948" spans="1:7" x14ac:dyDescent="0.3">
      <c r="A76948" s="13" t="s">
        <v>393</v>
      </c>
      <c r="B76948" s="14" t="s">
        <v>1</v>
      </c>
      <c r="C76948" s="14" t="s">
        <v>35</v>
      </c>
      <c r="D76948" s="14" t="s">
        <v>292</v>
      </c>
      <c r="E76948" s="15">
        <v>45674</v>
      </c>
      <c r="F76948" s="14" t="s">
        <v>61</v>
      </c>
      <c r="G76948" s="16">
        <v>0</v>
      </c>
    </row>
    <row r="76949" spans="1:7" x14ac:dyDescent="0.3">
      <c r="A76949" s="13" t="s">
        <v>393</v>
      </c>
      <c r="B76949" s="14" t="s">
        <v>1</v>
      </c>
      <c r="C76949" s="14" t="s">
        <v>35</v>
      </c>
      <c r="D76949" s="14" t="s">
        <v>292</v>
      </c>
      <c r="E76949" s="15">
        <v>45675</v>
      </c>
      <c r="F76949" s="14" t="s">
        <v>61</v>
      </c>
      <c r="G76949" s="16">
        <v>0</v>
      </c>
    </row>
    <row r="76950" spans="1:7" x14ac:dyDescent="0.3">
      <c r="A76950" s="13" t="s">
        <v>393</v>
      </c>
      <c r="B76950" s="14" t="s">
        <v>1</v>
      </c>
      <c r="C76950" s="14" t="s">
        <v>35</v>
      </c>
      <c r="D76950" s="14" t="s">
        <v>292</v>
      </c>
      <c r="E76950" s="15">
        <v>45676</v>
      </c>
      <c r="F76950" s="14" t="s">
        <v>61</v>
      </c>
      <c r="G76950" s="16">
        <v>0</v>
      </c>
    </row>
    <row r="76951" spans="1:7" x14ac:dyDescent="0.3">
      <c r="A76951" s="13" t="s">
        <v>393</v>
      </c>
      <c r="B76951" s="14" t="s">
        <v>1</v>
      </c>
      <c r="C76951" s="14" t="s">
        <v>35</v>
      </c>
      <c r="D76951" s="14" t="s">
        <v>292</v>
      </c>
      <c r="E76951" s="15">
        <v>45677</v>
      </c>
      <c r="F76951" s="14" t="s">
        <v>61</v>
      </c>
      <c r="G76951" s="16">
        <v>0</v>
      </c>
    </row>
    <row r="76952" spans="1:7" x14ac:dyDescent="0.3">
      <c r="A76952" s="13" t="s">
        <v>393</v>
      </c>
      <c r="B76952" s="14" t="s">
        <v>1</v>
      </c>
      <c r="C76952" s="14" t="s">
        <v>35</v>
      </c>
      <c r="D76952" s="14" t="s">
        <v>292</v>
      </c>
      <c r="E76952" s="15">
        <v>45678</v>
      </c>
      <c r="F76952" s="14" t="s">
        <v>61</v>
      </c>
      <c r="G76952" s="16">
        <v>0</v>
      </c>
    </row>
    <row r="76953" spans="1:7" x14ac:dyDescent="0.3">
      <c r="A76953" s="13" t="s">
        <v>393</v>
      </c>
      <c r="B76953" s="14" t="s">
        <v>1</v>
      </c>
      <c r="C76953" s="14" t="s">
        <v>35</v>
      </c>
      <c r="D76953" s="14" t="s">
        <v>292</v>
      </c>
      <c r="E76953" s="15">
        <v>45679</v>
      </c>
      <c r="F76953" s="14" t="s">
        <v>61</v>
      </c>
      <c r="G76953" s="16">
        <v>0</v>
      </c>
    </row>
    <row r="76954" spans="1:7" x14ac:dyDescent="0.3">
      <c r="A76954" s="13" t="s">
        <v>393</v>
      </c>
      <c r="B76954" s="14" t="s">
        <v>1</v>
      </c>
      <c r="C76954" s="14" t="s">
        <v>35</v>
      </c>
      <c r="D76954" s="14" t="s">
        <v>292</v>
      </c>
      <c r="E76954" s="15">
        <v>45680</v>
      </c>
      <c r="F76954" s="14" t="s">
        <v>61</v>
      </c>
      <c r="G76954" s="16">
        <v>0</v>
      </c>
    </row>
    <row r="76955" spans="1:7" x14ac:dyDescent="0.3">
      <c r="A76955" s="13" t="s">
        <v>393</v>
      </c>
      <c r="B76955" s="14" t="s">
        <v>1</v>
      </c>
      <c r="C76955" s="14" t="s">
        <v>35</v>
      </c>
      <c r="D76955" s="14" t="s">
        <v>292</v>
      </c>
      <c r="E76955" s="15">
        <v>45681</v>
      </c>
      <c r="F76955" s="14" t="s">
        <v>61</v>
      </c>
      <c r="G76955" s="16">
        <v>0</v>
      </c>
    </row>
    <row r="76956" spans="1:7" x14ac:dyDescent="0.3">
      <c r="A76956" s="13" t="s">
        <v>393</v>
      </c>
      <c r="B76956" s="14" t="s">
        <v>1</v>
      </c>
      <c r="C76956" s="14" t="s">
        <v>35</v>
      </c>
      <c r="D76956" s="14" t="s">
        <v>292</v>
      </c>
      <c r="E76956" s="15">
        <v>45682</v>
      </c>
      <c r="F76956" s="14" t="s">
        <v>61</v>
      </c>
      <c r="G76956" s="16">
        <v>0</v>
      </c>
    </row>
    <row r="76957" spans="1:7" x14ac:dyDescent="0.3">
      <c r="A76957" s="13" t="s">
        <v>393</v>
      </c>
      <c r="B76957" s="14" t="s">
        <v>1</v>
      </c>
      <c r="C76957" s="14" t="s">
        <v>35</v>
      </c>
      <c r="D76957" s="14" t="s">
        <v>292</v>
      </c>
      <c r="E76957" s="15">
        <v>45683</v>
      </c>
      <c r="F76957" s="14" t="s">
        <v>61</v>
      </c>
      <c r="G76957" s="16">
        <v>0</v>
      </c>
    </row>
    <row r="76958" spans="1:7" x14ac:dyDescent="0.3">
      <c r="A76958" s="13" t="s">
        <v>393</v>
      </c>
      <c r="B76958" s="14" t="s">
        <v>1</v>
      </c>
      <c r="C76958" s="14" t="s">
        <v>35</v>
      </c>
      <c r="D76958" s="14" t="s">
        <v>292</v>
      </c>
      <c r="E76958" s="15">
        <v>45684</v>
      </c>
      <c r="F76958" s="14" t="s">
        <v>61</v>
      </c>
      <c r="G76958" s="16">
        <v>0</v>
      </c>
    </row>
    <row r="76959" spans="1:7" x14ac:dyDescent="0.3">
      <c r="A76959" s="13" t="s">
        <v>393</v>
      </c>
      <c r="B76959" s="14" t="s">
        <v>1</v>
      </c>
      <c r="C76959" s="14" t="s">
        <v>35</v>
      </c>
      <c r="D76959" s="14" t="s">
        <v>292</v>
      </c>
      <c r="E76959" s="15">
        <v>45685</v>
      </c>
      <c r="F76959" s="14" t="s">
        <v>61</v>
      </c>
      <c r="G76959" s="16">
        <v>0</v>
      </c>
    </row>
    <row r="76960" spans="1:7" x14ac:dyDescent="0.3">
      <c r="A76960" s="13" t="s">
        <v>393</v>
      </c>
      <c r="B76960" s="14" t="s">
        <v>1</v>
      </c>
      <c r="C76960" s="14" t="s">
        <v>35</v>
      </c>
      <c r="D76960" s="14" t="s">
        <v>292</v>
      </c>
      <c r="E76960" s="15">
        <v>45686</v>
      </c>
      <c r="F76960" s="14" t="s">
        <v>61</v>
      </c>
      <c r="G76960" s="16">
        <v>0</v>
      </c>
    </row>
    <row r="76961" spans="1:7" x14ac:dyDescent="0.3">
      <c r="A76961" s="13" t="s">
        <v>393</v>
      </c>
      <c r="B76961" s="14" t="s">
        <v>1</v>
      </c>
      <c r="C76961" s="14" t="s">
        <v>35</v>
      </c>
      <c r="D76961" s="14" t="s">
        <v>292</v>
      </c>
      <c r="E76961" s="15">
        <v>45687</v>
      </c>
      <c r="F76961" s="14" t="s">
        <v>61</v>
      </c>
      <c r="G76961" s="16">
        <v>0</v>
      </c>
    </row>
    <row r="76962" spans="1:7" x14ac:dyDescent="0.3">
      <c r="A76962" s="13" t="s">
        <v>393</v>
      </c>
      <c r="B76962" s="14" t="s">
        <v>1</v>
      </c>
      <c r="C76962" s="14" t="s">
        <v>35</v>
      </c>
      <c r="D76962" s="14" t="s">
        <v>292</v>
      </c>
      <c r="E76962" s="15">
        <v>45688</v>
      </c>
      <c r="F76962" s="14" t="s">
        <v>61</v>
      </c>
      <c r="G76962" s="16">
        <v>0</v>
      </c>
    </row>
    <row r="76963" spans="1:7" x14ac:dyDescent="0.3">
      <c r="A76963" s="13" t="s">
        <v>393</v>
      </c>
      <c r="B76963" s="14" t="s">
        <v>1</v>
      </c>
      <c r="C76963" s="14" t="s">
        <v>35</v>
      </c>
      <c r="D76963" s="14" t="s">
        <v>292</v>
      </c>
      <c r="E76963" s="15">
        <v>45689</v>
      </c>
      <c r="F76963" s="14" t="s">
        <v>61</v>
      </c>
      <c r="G76963" s="16">
        <v>0</v>
      </c>
    </row>
    <row r="76964" spans="1:7" x14ac:dyDescent="0.3">
      <c r="A76964" s="13" t="s">
        <v>393</v>
      </c>
      <c r="B76964" s="14" t="s">
        <v>1</v>
      </c>
      <c r="C76964" s="14" t="s">
        <v>35</v>
      </c>
      <c r="D76964" s="14" t="s">
        <v>292</v>
      </c>
      <c r="E76964" s="15">
        <v>45690</v>
      </c>
      <c r="F76964" s="14" t="s">
        <v>61</v>
      </c>
      <c r="G76964" s="16">
        <v>0</v>
      </c>
    </row>
    <row r="76965" spans="1:7" x14ac:dyDescent="0.3">
      <c r="A76965" s="13" t="s">
        <v>393</v>
      </c>
      <c r="B76965" s="14" t="s">
        <v>1</v>
      </c>
      <c r="C76965" s="14" t="s">
        <v>35</v>
      </c>
      <c r="D76965" s="14" t="s">
        <v>292</v>
      </c>
      <c r="E76965" s="15">
        <v>45691</v>
      </c>
      <c r="F76965" s="14" t="s">
        <v>61</v>
      </c>
      <c r="G76965" s="16">
        <v>0</v>
      </c>
    </row>
    <row r="76966" spans="1:7" x14ac:dyDescent="0.3">
      <c r="A76966" s="13" t="s">
        <v>393</v>
      </c>
      <c r="B76966" s="14" t="s">
        <v>1</v>
      </c>
      <c r="C76966" s="14" t="s">
        <v>35</v>
      </c>
      <c r="D76966" s="14" t="s">
        <v>292</v>
      </c>
      <c r="E76966" s="15">
        <v>45692</v>
      </c>
      <c r="F76966" s="14" t="s">
        <v>61</v>
      </c>
      <c r="G76966" s="16">
        <v>0</v>
      </c>
    </row>
    <row r="76967" spans="1:7" x14ac:dyDescent="0.3">
      <c r="A76967" s="13" t="s">
        <v>393</v>
      </c>
      <c r="B76967" s="14" t="s">
        <v>1</v>
      </c>
      <c r="C76967" s="14" t="s">
        <v>35</v>
      </c>
      <c r="D76967" s="14" t="s">
        <v>292</v>
      </c>
      <c r="E76967" s="15">
        <v>45693</v>
      </c>
      <c r="F76967" s="14" t="s">
        <v>61</v>
      </c>
      <c r="G76967" s="16">
        <v>0</v>
      </c>
    </row>
    <row r="76968" spans="1:7" x14ac:dyDescent="0.3">
      <c r="A76968" s="13" t="s">
        <v>393</v>
      </c>
      <c r="B76968" s="14" t="s">
        <v>1</v>
      </c>
      <c r="C76968" s="14" t="s">
        <v>35</v>
      </c>
      <c r="D76968" s="14" t="s">
        <v>292</v>
      </c>
      <c r="E76968" s="15">
        <v>45694</v>
      </c>
      <c r="F76968" s="14" t="s">
        <v>61</v>
      </c>
      <c r="G76968" s="16">
        <v>0</v>
      </c>
    </row>
    <row r="76969" spans="1:7" x14ac:dyDescent="0.3">
      <c r="A76969" s="13" t="s">
        <v>393</v>
      </c>
      <c r="B76969" s="14" t="s">
        <v>1</v>
      </c>
      <c r="C76969" s="14" t="s">
        <v>35</v>
      </c>
      <c r="D76969" s="14" t="s">
        <v>292</v>
      </c>
      <c r="E76969" s="15">
        <v>45695</v>
      </c>
      <c r="F76969" s="14" t="s">
        <v>61</v>
      </c>
      <c r="G76969" s="16">
        <v>0</v>
      </c>
    </row>
    <row r="76970" spans="1:7" x14ac:dyDescent="0.3">
      <c r="A76970" s="13" t="s">
        <v>393</v>
      </c>
      <c r="B76970" s="14" t="s">
        <v>1</v>
      </c>
      <c r="C76970" s="14" t="s">
        <v>35</v>
      </c>
      <c r="D76970" s="14" t="s">
        <v>292</v>
      </c>
      <c r="E76970" s="15">
        <v>45696</v>
      </c>
      <c r="F76970" s="14" t="s">
        <v>61</v>
      </c>
      <c r="G76970" s="16">
        <v>0</v>
      </c>
    </row>
    <row r="76971" spans="1:7" x14ac:dyDescent="0.3">
      <c r="A76971" s="13" t="s">
        <v>393</v>
      </c>
      <c r="B76971" s="14" t="s">
        <v>1</v>
      </c>
      <c r="C76971" s="14" t="s">
        <v>35</v>
      </c>
      <c r="D76971" s="14" t="s">
        <v>292</v>
      </c>
      <c r="E76971" s="15">
        <v>45697</v>
      </c>
      <c r="F76971" s="14" t="s">
        <v>61</v>
      </c>
      <c r="G76971" s="16">
        <v>0</v>
      </c>
    </row>
    <row r="76972" spans="1:7" x14ac:dyDescent="0.3">
      <c r="A76972" s="13" t="s">
        <v>393</v>
      </c>
      <c r="B76972" s="14" t="s">
        <v>1</v>
      </c>
      <c r="C76972" s="14" t="s">
        <v>35</v>
      </c>
      <c r="D76972" s="14" t="s">
        <v>292</v>
      </c>
      <c r="E76972" s="15">
        <v>45698</v>
      </c>
      <c r="F76972" s="14" t="s">
        <v>61</v>
      </c>
      <c r="G76972" s="16">
        <v>0</v>
      </c>
    </row>
    <row r="76973" spans="1:7" x14ac:dyDescent="0.3">
      <c r="A76973" s="13" t="s">
        <v>393</v>
      </c>
      <c r="B76973" s="14" t="s">
        <v>1</v>
      </c>
      <c r="C76973" s="14" t="s">
        <v>35</v>
      </c>
      <c r="D76973" s="14" t="s">
        <v>292</v>
      </c>
      <c r="E76973" s="15">
        <v>45699</v>
      </c>
      <c r="F76973" s="14" t="s">
        <v>61</v>
      </c>
      <c r="G76973" s="16">
        <v>0</v>
      </c>
    </row>
    <row r="76974" spans="1:7" x14ac:dyDescent="0.3">
      <c r="A76974" s="13" t="s">
        <v>393</v>
      </c>
      <c r="B76974" s="14" t="s">
        <v>1</v>
      </c>
      <c r="C76974" s="14" t="s">
        <v>35</v>
      </c>
      <c r="D76974" s="14" t="s">
        <v>292</v>
      </c>
      <c r="E76974" s="15">
        <v>45700</v>
      </c>
      <c r="F76974" s="14" t="s">
        <v>61</v>
      </c>
      <c r="G76974" s="16">
        <v>0</v>
      </c>
    </row>
    <row r="76975" spans="1:7" x14ac:dyDescent="0.3">
      <c r="A76975" s="13" t="s">
        <v>393</v>
      </c>
      <c r="B76975" s="14" t="s">
        <v>1</v>
      </c>
      <c r="C76975" s="14" t="s">
        <v>35</v>
      </c>
      <c r="D76975" s="14" t="s">
        <v>292</v>
      </c>
      <c r="E76975" s="15">
        <v>45701</v>
      </c>
      <c r="F76975" s="14" t="s">
        <v>61</v>
      </c>
      <c r="G76975" s="16">
        <v>0</v>
      </c>
    </row>
    <row r="76976" spans="1:7" x14ac:dyDescent="0.3">
      <c r="A76976" s="13" t="s">
        <v>393</v>
      </c>
      <c r="B76976" s="14" t="s">
        <v>1</v>
      </c>
      <c r="C76976" s="14" t="s">
        <v>35</v>
      </c>
      <c r="D76976" s="14" t="s">
        <v>292</v>
      </c>
      <c r="E76976" s="15">
        <v>45702</v>
      </c>
      <c r="F76976" s="14" t="s">
        <v>61</v>
      </c>
      <c r="G76976" s="16">
        <v>0</v>
      </c>
    </row>
    <row r="76977" spans="1:7" x14ac:dyDescent="0.3">
      <c r="A76977" s="13" t="s">
        <v>393</v>
      </c>
      <c r="B76977" s="14" t="s">
        <v>1</v>
      </c>
      <c r="C76977" s="14" t="s">
        <v>35</v>
      </c>
      <c r="D76977" s="14" t="s">
        <v>292</v>
      </c>
      <c r="E76977" s="15">
        <v>45703</v>
      </c>
      <c r="F76977" s="14" t="s">
        <v>61</v>
      </c>
      <c r="G76977" s="16">
        <v>0</v>
      </c>
    </row>
    <row r="76978" spans="1:7" x14ac:dyDescent="0.3">
      <c r="A76978" s="13" t="s">
        <v>393</v>
      </c>
      <c r="B76978" s="14" t="s">
        <v>1</v>
      </c>
      <c r="C76978" s="14" t="s">
        <v>35</v>
      </c>
      <c r="D76978" s="14" t="s">
        <v>292</v>
      </c>
      <c r="E76978" s="15">
        <v>45704</v>
      </c>
      <c r="F76978" s="14" t="s">
        <v>61</v>
      </c>
      <c r="G76978" s="16">
        <v>0</v>
      </c>
    </row>
    <row r="76979" spans="1:7" x14ac:dyDescent="0.3">
      <c r="A76979" s="13" t="s">
        <v>393</v>
      </c>
      <c r="B76979" s="14" t="s">
        <v>1</v>
      </c>
      <c r="C76979" s="14" t="s">
        <v>35</v>
      </c>
      <c r="D76979" s="14" t="s">
        <v>292</v>
      </c>
      <c r="E76979" s="15">
        <v>45705</v>
      </c>
      <c r="F76979" s="14" t="s">
        <v>61</v>
      </c>
      <c r="G76979" s="16">
        <v>0</v>
      </c>
    </row>
    <row r="76980" spans="1:7" x14ac:dyDescent="0.3">
      <c r="A76980" s="13" t="s">
        <v>393</v>
      </c>
      <c r="B76980" s="14" t="s">
        <v>1</v>
      </c>
      <c r="C76980" s="14" t="s">
        <v>35</v>
      </c>
      <c r="D76980" s="14" t="s">
        <v>292</v>
      </c>
      <c r="E76980" s="15">
        <v>45706</v>
      </c>
      <c r="F76980" s="14" t="s">
        <v>61</v>
      </c>
      <c r="G76980" s="16">
        <v>0</v>
      </c>
    </row>
    <row r="76981" spans="1:7" x14ac:dyDescent="0.3">
      <c r="A76981" s="13" t="s">
        <v>393</v>
      </c>
      <c r="B76981" s="14" t="s">
        <v>1</v>
      </c>
      <c r="C76981" s="14" t="s">
        <v>35</v>
      </c>
      <c r="D76981" s="14" t="s">
        <v>292</v>
      </c>
      <c r="E76981" s="15">
        <v>45707</v>
      </c>
      <c r="F76981" s="14" t="s">
        <v>61</v>
      </c>
      <c r="G76981" s="16">
        <v>0</v>
      </c>
    </row>
    <row r="76982" spans="1:7" x14ac:dyDescent="0.3">
      <c r="A76982" s="13" t="s">
        <v>393</v>
      </c>
      <c r="B76982" s="14" t="s">
        <v>1</v>
      </c>
      <c r="C76982" s="14" t="s">
        <v>35</v>
      </c>
      <c r="D76982" s="14" t="s">
        <v>292</v>
      </c>
      <c r="E76982" s="15">
        <v>45708</v>
      </c>
      <c r="F76982" s="14" t="s">
        <v>61</v>
      </c>
      <c r="G76982" s="16">
        <v>0</v>
      </c>
    </row>
    <row r="76983" spans="1:7" x14ac:dyDescent="0.3">
      <c r="A76983" s="13" t="s">
        <v>393</v>
      </c>
      <c r="B76983" s="14" t="s">
        <v>1</v>
      </c>
      <c r="C76983" s="14" t="s">
        <v>35</v>
      </c>
      <c r="D76983" s="14" t="s">
        <v>292</v>
      </c>
      <c r="E76983" s="15">
        <v>45709</v>
      </c>
      <c r="F76983" s="14" t="s">
        <v>61</v>
      </c>
      <c r="G76983" s="16">
        <v>0</v>
      </c>
    </row>
    <row r="76984" spans="1:7" x14ac:dyDescent="0.3">
      <c r="A76984" s="13" t="s">
        <v>393</v>
      </c>
      <c r="B76984" s="14" t="s">
        <v>1</v>
      </c>
      <c r="C76984" s="14" t="s">
        <v>35</v>
      </c>
      <c r="D76984" s="14" t="s">
        <v>292</v>
      </c>
      <c r="E76984" s="15">
        <v>45710</v>
      </c>
      <c r="F76984" s="14" t="s">
        <v>61</v>
      </c>
      <c r="G76984" s="16">
        <v>0</v>
      </c>
    </row>
    <row r="76985" spans="1:7" x14ac:dyDescent="0.3">
      <c r="A76985" s="13" t="s">
        <v>393</v>
      </c>
      <c r="B76985" s="14" t="s">
        <v>1</v>
      </c>
      <c r="C76985" s="14" t="s">
        <v>35</v>
      </c>
      <c r="D76985" s="14" t="s">
        <v>292</v>
      </c>
      <c r="E76985" s="15">
        <v>45711</v>
      </c>
      <c r="F76985" s="14" t="s">
        <v>61</v>
      </c>
      <c r="G76985" s="16">
        <v>0</v>
      </c>
    </row>
    <row r="76986" spans="1:7" x14ac:dyDescent="0.3">
      <c r="A76986" s="13" t="s">
        <v>393</v>
      </c>
      <c r="B76986" s="14" t="s">
        <v>1</v>
      </c>
      <c r="C76986" s="14" t="s">
        <v>35</v>
      </c>
      <c r="D76986" s="14" t="s">
        <v>292</v>
      </c>
      <c r="E76986" s="15">
        <v>45712</v>
      </c>
      <c r="F76986" s="14" t="s">
        <v>61</v>
      </c>
      <c r="G76986" s="16">
        <v>0</v>
      </c>
    </row>
    <row r="76987" spans="1:7" x14ac:dyDescent="0.3">
      <c r="A76987" s="13" t="s">
        <v>393</v>
      </c>
      <c r="B76987" s="14" t="s">
        <v>1</v>
      </c>
      <c r="C76987" s="14" t="s">
        <v>35</v>
      </c>
      <c r="D76987" s="14" t="s">
        <v>292</v>
      </c>
      <c r="E76987" s="15">
        <v>45713</v>
      </c>
      <c r="F76987" s="14" t="s">
        <v>61</v>
      </c>
      <c r="G76987" s="16">
        <v>0</v>
      </c>
    </row>
    <row r="76988" spans="1:7" x14ac:dyDescent="0.3">
      <c r="A76988" s="13" t="s">
        <v>393</v>
      </c>
      <c r="B76988" s="14" t="s">
        <v>1</v>
      </c>
      <c r="C76988" s="14" t="s">
        <v>35</v>
      </c>
      <c r="D76988" s="14" t="s">
        <v>292</v>
      </c>
      <c r="E76988" s="15">
        <v>45714</v>
      </c>
      <c r="F76988" s="14" t="s">
        <v>61</v>
      </c>
      <c r="G76988" s="16">
        <v>0</v>
      </c>
    </row>
    <row r="76989" spans="1:7" x14ac:dyDescent="0.3">
      <c r="A76989" s="13" t="s">
        <v>393</v>
      </c>
      <c r="B76989" s="14" t="s">
        <v>1</v>
      </c>
      <c r="C76989" s="14" t="s">
        <v>35</v>
      </c>
      <c r="D76989" s="14" t="s">
        <v>292</v>
      </c>
      <c r="E76989" s="15">
        <v>45715</v>
      </c>
      <c r="F76989" s="14" t="s">
        <v>61</v>
      </c>
      <c r="G76989" s="16">
        <v>0</v>
      </c>
    </row>
    <row r="76990" spans="1:7" x14ac:dyDescent="0.3">
      <c r="A76990" s="13" t="s">
        <v>393</v>
      </c>
      <c r="B76990" s="14" t="s">
        <v>1</v>
      </c>
      <c r="C76990" s="14" t="s">
        <v>35</v>
      </c>
      <c r="D76990" s="14" t="s">
        <v>292</v>
      </c>
      <c r="E76990" s="15">
        <v>45716</v>
      </c>
      <c r="F76990" s="14" t="s">
        <v>61</v>
      </c>
      <c r="G76990" s="16">
        <v>0</v>
      </c>
    </row>
    <row r="76991" spans="1:7" x14ac:dyDescent="0.3">
      <c r="A76991" s="13" t="s">
        <v>393</v>
      </c>
      <c r="B76991" s="14" t="s">
        <v>1</v>
      </c>
      <c r="C76991" s="14" t="s">
        <v>35</v>
      </c>
      <c r="D76991" s="14" t="s">
        <v>292</v>
      </c>
      <c r="E76991" s="15">
        <v>45717</v>
      </c>
      <c r="F76991" s="14" t="s">
        <v>61</v>
      </c>
      <c r="G76991" s="16">
        <v>0</v>
      </c>
    </row>
    <row r="76992" spans="1:7" x14ac:dyDescent="0.3">
      <c r="A76992" s="13" t="s">
        <v>393</v>
      </c>
      <c r="B76992" s="14" t="s">
        <v>1</v>
      </c>
      <c r="C76992" s="14" t="s">
        <v>35</v>
      </c>
      <c r="D76992" s="14" t="s">
        <v>292</v>
      </c>
      <c r="E76992" s="15">
        <v>45718</v>
      </c>
      <c r="F76992" s="14" t="s">
        <v>61</v>
      </c>
      <c r="G76992" s="16">
        <v>0</v>
      </c>
    </row>
    <row r="76993" spans="1:7" x14ac:dyDescent="0.3">
      <c r="A76993" s="13" t="s">
        <v>393</v>
      </c>
      <c r="B76993" s="14" t="s">
        <v>1</v>
      </c>
      <c r="C76993" s="14" t="s">
        <v>35</v>
      </c>
      <c r="D76993" s="14" t="s">
        <v>292</v>
      </c>
      <c r="E76993" s="15">
        <v>45719</v>
      </c>
      <c r="F76993" s="14" t="s">
        <v>61</v>
      </c>
      <c r="G76993" s="16">
        <v>0</v>
      </c>
    </row>
    <row r="76994" spans="1:7" x14ac:dyDescent="0.3">
      <c r="A76994" s="13" t="s">
        <v>393</v>
      </c>
      <c r="B76994" s="14" t="s">
        <v>1</v>
      </c>
      <c r="C76994" s="14" t="s">
        <v>35</v>
      </c>
      <c r="D76994" s="14" t="s">
        <v>292</v>
      </c>
      <c r="E76994" s="15">
        <v>45720</v>
      </c>
      <c r="F76994" s="14" t="s">
        <v>61</v>
      </c>
      <c r="G76994" s="16">
        <v>0</v>
      </c>
    </row>
    <row r="76995" spans="1:7" x14ac:dyDescent="0.3">
      <c r="A76995" s="13" t="s">
        <v>393</v>
      </c>
      <c r="B76995" s="14" t="s">
        <v>1</v>
      </c>
      <c r="C76995" s="14" t="s">
        <v>35</v>
      </c>
      <c r="D76995" s="14" t="s">
        <v>292</v>
      </c>
      <c r="E76995" s="15">
        <v>45721</v>
      </c>
      <c r="F76995" s="14" t="s">
        <v>61</v>
      </c>
      <c r="G76995" s="16">
        <v>0</v>
      </c>
    </row>
    <row r="76996" spans="1:7" x14ac:dyDescent="0.3">
      <c r="A76996" s="13" t="s">
        <v>393</v>
      </c>
      <c r="B76996" s="14" t="s">
        <v>1</v>
      </c>
      <c r="C76996" s="14" t="s">
        <v>35</v>
      </c>
      <c r="D76996" s="14" t="s">
        <v>292</v>
      </c>
      <c r="E76996" s="15">
        <v>45722</v>
      </c>
      <c r="F76996" s="14" t="s">
        <v>61</v>
      </c>
      <c r="G76996" s="16">
        <v>0</v>
      </c>
    </row>
    <row r="76997" spans="1:7" x14ac:dyDescent="0.3">
      <c r="A76997" s="13" t="s">
        <v>393</v>
      </c>
      <c r="B76997" s="14" t="s">
        <v>1</v>
      </c>
      <c r="C76997" s="14" t="s">
        <v>35</v>
      </c>
      <c r="D76997" s="14" t="s">
        <v>292</v>
      </c>
      <c r="E76997" s="15">
        <v>45723</v>
      </c>
      <c r="F76997" s="14" t="s">
        <v>61</v>
      </c>
      <c r="G76997" s="16">
        <v>0</v>
      </c>
    </row>
    <row r="76998" spans="1:7" x14ac:dyDescent="0.3">
      <c r="A76998" s="13" t="s">
        <v>393</v>
      </c>
      <c r="B76998" s="14" t="s">
        <v>1</v>
      </c>
      <c r="C76998" s="14" t="s">
        <v>35</v>
      </c>
      <c r="D76998" s="14" t="s">
        <v>292</v>
      </c>
      <c r="E76998" s="15">
        <v>45724</v>
      </c>
      <c r="F76998" s="14" t="s">
        <v>61</v>
      </c>
      <c r="G76998" s="16">
        <v>0</v>
      </c>
    </row>
    <row r="76999" spans="1:7" x14ac:dyDescent="0.3">
      <c r="A76999" s="13" t="s">
        <v>393</v>
      </c>
      <c r="B76999" s="14" t="s">
        <v>1</v>
      </c>
      <c r="C76999" s="14" t="s">
        <v>35</v>
      </c>
      <c r="D76999" s="14" t="s">
        <v>292</v>
      </c>
      <c r="E76999" s="15">
        <v>45725</v>
      </c>
      <c r="F76999" s="14" t="s">
        <v>61</v>
      </c>
      <c r="G76999" s="16">
        <v>0</v>
      </c>
    </row>
    <row r="77000" spans="1:7" x14ac:dyDescent="0.3">
      <c r="A77000" s="13" t="s">
        <v>393</v>
      </c>
      <c r="B77000" s="14" t="s">
        <v>1</v>
      </c>
      <c r="C77000" s="14" t="s">
        <v>35</v>
      </c>
      <c r="D77000" s="14" t="s">
        <v>292</v>
      </c>
      <c r="E77000" s="15">
        <v>45726</v>
      </c>
      <c r="F77000" s="14" t="s">
        <v>61</v>
      </c>
      <c r="G77000" s="16">
        <v>0</v>
      </c>
    </row>
    <row r="77001" spans="1:7" x14ac:dyDescent="0.3">
      <c r="A77001" s="13" t="s">
        <v>393</v>
      </c>
      <c r="B77001" s="14" t="s">
        <v>1</v>
      </c>
      <c r="C77001" s="14" t="s">
        <v>35</v>
      </c>
      <c r="D77001" s="14" t="s">
        <v>292</v>
      </c>
      <c r="E77001" s="15">
        <v>45727</v>
      </c>
      <c r="F77001" s="14" t="s">
        <v>61</v>
      </c>
      <c r="G77001" s="16">
        <v>0</v>
      </c>
    </row>
    <row r="77002" spans="1:7" x14ac:dyDescent="0.3">
      <c r="A77002" s="13" t="s">
        <v>393</v>
      </c>
      <c r="B77002" s="14" t="s">
        <v>1</v>
      </c>
      <c r="C77002" s="14" t="s">
        <v>35</v>
      </c>
      <c r="D77002" s="14" t="s">
        <v>292</v>
      </c>
      <c r="E77002" s="15">
        <v>45728</v>
      </c>
      <c r="F77002" s="14" t="s">
        <v>61</v>
      </c>
      <c r="G77002" s="16">
        <v>0</v>
      </c>
    </row>
    <row r="77003" spans="1:7" x14ac:dyDescent="0.3">
      <c r="A77003" s="13" t="s">
        <v>393</v>
      </c>
      <c r="B77003" s="14" t="s">
        <v>1</v>
      </c>
      <c r="C77003" s="14" t="s">
        <v>35</v>
      </c>
      <c r="D77003" s="14" t="s">
        <v>292</v>
      </c>
      <c r="E77003" s="15">
        <v>45729</v>
      </c>
      <c r="F77003" s="14" t="s">
        <v>61</v>
      </c>
      <c r="G77003" s="16">
        <v>0</v>
      </c>
    </row>
    <row r="77004" spans="1:7" x14ac:dyDescent="0.3">
      <c r="A77004" s="13" t="s">
        <v>393</v>
      </c>
      <c r="B77004" s="14" t="s">
        <v>1</v>
      </c>
      <c r="C77004" s="14" t="s">
        <v>35</v>
      </c>
      <c r="D77004" s="14" t="s">
        <v>292</v>
      </c>
      <c r="E77004" s="15">
        <v>45730</v>
      </c>
      <c r="F77004" s="14" t="s">
        <v>61</v>
      </c>
      <c r="G77004" s="16">
        <v>0</v>
      </c>
    </row>
    <row r="77005" spans="1:7" x14ac:dyDescent="0.3">
      <c r="A77005" s="13" t="s">
        <v>393</v>
      </c>
      <c r="B77005" s="14" t="s">
        <v>1</v>
      </c>
      <c r="C77005" s="14" t="s">
        <v>35</v>
      </c>
      <c r="D77005" s="14" t="s">
        <v>292</v>
      </c>
      <c r="E77005" s="15">
        <v>45731</v>
      </c>
      <c r="F77005" s="14" t="s">
        <v>61</v>
      </c>
      <c r="G77005" s="16">
        <v>0</v>
      </c>
    </row>
    <row r="77006" spans="1:7" x14ac:dyDescent="0.3">
      <c r="A77006" s="13" t="s">
        <v>393</v>
      </c>
      <c r="B77006" s="14" t="s">
        <v>1</v>
      </c>
      <c r="C77006" s="14" t="s">
        <v>35</v>
      </c>
      <c r="D77006" s="14" t="s">
        <v>292</v>
      </c>
      <c r="E77006" s="15">
        <v>45732</v>
      </c>
      <c r="F77006" s="14" t="s">
        <v>61</v>
      </c>
      <c r="G77006" s="16">
        <v>0</v>
      </c>
    </row>
    <row r="77007" spans="1:7" x14ac:dyDescent="0.3">
      <c r="A77007" s="13" t="s">
        <v>393</v>
      </c>
      <c r="B77007" s="14" t="s">
        <v>1</v>
      </c>
      <c r="C77007" s="14" t="s">
        <v>35</v>
      </c>
      <c r="D77007" s="14" t="s">
        <v>292</v>
      </c>
      <c r="E77007" s="15">
        <v>45733</v>
      </c>
      <c r="F77007" s="14" t="s">
        <v>61</v>
      </c>
      <c r="G77007" s="16">
        <v>0</v>
      </c>
    </row>
    <row r="77008" spans="1:7" x14ac:dyDescent="0.3">
      <c r="A77008" s="13" t="s">
        <v>393</v>
      </c>
      <c r="B77008" s="14" t="s">
        <v>1</v>
      </c>
      <c r="C77008" s="14" t="s">
        <v>35</v>
      </c>
      <c r="D77008" s="14" t="s">
        <v>292</v>
      </c>
      <c r="E77008" s="15">
        <v>45734</v>
      </c>
      <c r="F77008" s="14" t="s">
        <v>61</v>
      </c>
      <c r="G77008" s="16">
        <v>0</v>
      </c>
    </row>
    <row r="77009" spans="1:7" x14ac:dyDescent="0.3">
      <c r="A77009" s="13" t="s">
        <v>393</v>
      </c>
      <c r="B77009" s="14" t="s">
        <v>1</v>
      </c>
      <c r="C77009" s="14" t="s">
        <v>35</v>
      </c>
      <c r="D77009" s="14" t="s">
        <v>292</v>
      </c>
      <c r="E77009" s="15">
        <v>45735</v>
      </c>
      <c r="F77009" s="14" t="s">
        <v>61</v>
      </c>
      <c r="G77009" s="16">
        <v>0</v>
      </c>
    </row>
    <row r="77010" spans="1:7" x14ac:dyDescent="0.3">
      <c r="A77010" s="13" t="s">
        <v>393</v>
      </c>
      <c r="B77010" s="14" t="s">
        <v>1</v>
      </c>
      <c r="C77010" s="14" t="s">
        <v>35</v>
      </c>
      <c r="D77010" s="14" t="s">
        <v>292</v>
      </c>
      <c r="E77010" s="15">
        <v>45736</v>
      </c>
      <c r="F77010" s="14" t="s">
        <v>61</v>
      </c>
      <c r="G77010" s="16">
        <v>0</v>
      </c>
    </row>
    <row r="77011" spans="1:7" x14ac:dyDescent="0.3">
      <c r="A77011" s="13" t="s">
        <v>393</v>
      </c>
      <c r="B77011" s="14" t="s">
        <v>1</v>
      </c>
      <c r="C77011" s="14" t="s">
        <v>35</v>
      </c>
      <c r="D77011" s="14" t="s">
        <v>292</v>
      </c>
      <c r="E77011" s="15">
        <v>45737</v>
      </c>
      <c r="F77011" s="14" t="s">
        <v>61</v>
      </c>
      <c r="G77011" s="16">
        <v>0</v>
      </c>
    </row>
    <row r="77012" spans="1:7" x14ac:dyDescent="0.3">
      <c r="A77012" s="13" t="s">
        <v>393</v>
      </c>
      <c r="B77012" s="14" t="s">
        <v>1</v>
      </c>
      <c r="C77012" s="14" t="s">
        <v>35</v>
      </c>
      <c r="D77012" s="14" t="s">
        <v>292</v>
      </c>
      <c r="E77012" s="15">
        <v>45738</v>
      </c>
      <c r="F77012" s="14" t="s">
        <v>61</v>
      </c>
      <c r="G77012" s="16">
        <v>0</v>
      </c>
    </row>
    <row r="77013" spans="1:7" x14ac:dyDescent="0.3">
      <c r="A77013" s="13" t="s">
        <v>393</v>
      </c>
      <c r="B77013" s="14" t="s">
        <v>1</v>
      </c>
      <c r="C77013" s="14" t="s">
        <v>35</v>
      </c>
      <c r="D77013" s="14" t="s">
        <v>292</v>
      </c>
      <c r="E77013" s="15">
        <v>45739</v>
      </c>
      <c r="F77013" s="14" t="s">
        <v>61</v>
      </c>
      <c r="G77013" s="16">
        <v>0</v>
      </c>
    </row>
    <row r="77014" spans="1:7" x14ac:dyDescent="0.3">
      <c r="A77014" s="13" t="s">
        <v>393</v>
      </c>
      <c r="B77014" s="14" t="s">
        <v>1</v>
      </c>
      <c r="C77014" s="14" t="s">
        <v>35</v>
      </c>
      <c r="D77014" s="14" t="s">
        <v>292</v>
      </c>
      <c r="E77014" s="15">
        <v>45740</v>
      </c>
      <c r="F77014" s="14" t="s">
        <v>61</v>
      </c>
      <c r="G77014" s="16">
        <v>0</v>
      </c>
    </row>
    <row r="77015" spans="1:7" x14ac:dyDescent="0.3">
      <c r="A77015" s="13" t="s">
        <v>393</v>
      </c>
      <c r="B77015" s="14" t="s">
        <v>1</v>
      </c>
      <c r="C77015" s="14" t="s">
        <v>35</v>
      </c>
      <c r="D77015" s="14" t="s">
        <v>292</v>
      </c>
      <c r="E77015" s="15">
        <v>45741</v>
      </c>
      <c r="F77015" s="14" t="s">
        <v>61</v>
      </c>
      <c r="G77015" s="16">
        <v>0</v>
      </c>
    </row>
    <row r="77016" spans="1:7" x14ac:dyDescent="0.3">
      <c r="A77016" s="13" t="s">
        <v>393</v>
      </c>
      <c r="B77016" s="14" t="s">
        <v>1</v>
      </c>
      <c r="C77016" s="14" t="s">
        <v>35</v>
      </c>
      <c r="D77016" s="14" t="s">
        <v>292</v>
      </c>
      <c r="E77016" s="15">
        <v>45742</v>
      </c>
      <c r="F77016" s="14" t="s">
        <v>61</v>
      </c>
      <c r="G77016" s="16">
        <v>0</v>
      </c>
    </row>
    <row r="77017" spans="1:7" x14ac:dyDescent="0.3">
      <c r="A77017" s="13" t="s">
        <v>393</v>
      </c>
      <c r="B77017" s="14" t="s">
        <v>1</v>
      </c>
      <c r="C77017" s="14" t="s">
        <v>35</v>
      </c>
      <c r="D77017" s="14" t="s">
        <v>292</v>
      </c>
      <c r="E77017" s="15">
        <v>45743</v>
      </c>
      <c r="F77017" s="14" t="s">
        <v>61</v>
      </c>
      <c r="G77017" s="16">
        <v>0</v>
      </c>
    </row>
    <row r="77018" spans="1:7" x14ac:dyDescent="0.3">
      <c r="A77018" s="13" t="s">
        <v>393</v>
      </c>
      <c r="B77018" s="14" t="s">
        <v>1</v>
      </c>
      <c r="C77018" s="14" t="s">
        <v>35</v>
      </c>
      <c r="D77018" s="14" t="s">
        <v>292</v>
      </c>
      <c r="E77018" s="15">
        <v>45744</v>
      </c>
      <c r="F77018" s="14" t="s">
        <v>61</v>
      </c>
      <c r="G77018" s="16">
        <v>2.6984751636576834E-2</v>
      </c>
    </row>
    <row r="77019" spans="1:7" x14ac:dyDescent="0.3">
      <c r="A77019" s="13" t="s">
        <v>393</v>
      </c>
      <c r="B77019" s="14" t="s">
        <v>1</v>
      </c>
      <c r="C77019" s="14" t="s">
        <v>35</v>
      </c>
      <c r="D77019" s="14" t="s">
        <v>292</v>
      </c>
      <c r="E77019" s="15">
        <v>45745</v>
      </c>
      <c r="F77019" s="14" t="s">
        <v>61</v>
      </c>
      <c r="G77019" s="16">
        <v>2.6984751636576834E-2</v>
      </c>
    </row>
    <row r="77020" spans="1:7" x14ac:dyDescent="0.3">
      <c r="A77020" s="13" t="s">
        <v>393</v>
      </c>
      <c r="B77020" s="14" t="s">
        <v>1</v>
      </c>
      <c r="C77020" s="14" t="s">
        <v>35</v>
      </c>
      <c r="D77020" s="14" t="s">
        <v>292</v>
      </c>
      <c r="E77020" s="15">
        <v>45746</v>
      </c>
      <c r="F77020" s="14" t="s">
        <v>61</v>
      </c>
      <c r="G77020" s="16">
        <v>2.6984751636576834E-2</v>
      </c>
    </row>
    <row r="77021" spans="1:7" x14ac:dyDescent="0.3">
      <c r="A77021" s="13" t="s">
        <v>393</v>
      </c>
      <c r="B77021" s="14" t="s">
        <v>1</v>
      </c>
      <c r="C77021" s="14" t="s">
        <v>35</v>
      </c>
      <c r="D77021" s="14" t="s">
        <v>292</v>
      </c>
      <c r="E77021" s="15">
        <v>45747</v>
      </c>
      <c r="F77021" s="14" t="s">
        <v>61</v>
      </c>
      <c r="G77021" s="16">
        <v>2.6984751636576834E-2</v>
      </c>
    </row>
    <row r="77022" spans="1:7" x14ac:dyDescent="0.3">
      <c r="A77022" s="13" t="s">
        <v>394</v>
      </c>
      <c r="B77022" s="14" t="s">
        <v>1</v>
      </c>
      <c r="C77022" s="14" t="s">
        <v>109</v>
      </c>
      <c r="D77022" s="14" t="s">
        <v>395</v>
      </c>
      <c r="E77022" s="15">
        <v>45383</v>
      </c>
      <c r="F77022" s="14" t="s">
        <v>61</v>
      </c>
      <c r="G77022" s="16">
        <v>0</v>
      </c>
    </row>
    <row r="77023" spans="1:7" x14ac:dyDescent="0.3">
      <c r="A77023" s="13" t="s">
        <v>394</v>
      </c>
      <c r="B77023" s="14" t="s">
        <v>1</v>
      </c>
      <c r="C77023" s="14" t="s">
        <v>109</v>
      </c>
      <c r="D77023" s="14" t="s">
        <v>395</v>
      </c>
      <c r="E77023" s="15">
        <v>45384</v>
      </c>
      <c r="F77023" s="14" t="s">
        <v>61</v>
      </c>
      <c r="G77023" s="16">
        <v>0</v>
      </c>
    </row>
    <row r="77024" spans="1:7" x14ac:dyDescent="0.3">
      <c r="A77024" s="13" t="s">
        <v>394</v>
      </c>
      <c r="B77024" s="14" t="s">
        <v>1</v>
      </c>
      <c r="C77024" s="14" t="s">
        <v>109</v>
      </c>
      <c r="D77024" s="14" t="s">
        <v>395</v>
      </c>
      <c r="E77024" s="15">
        <v>45385</v>
      </c>
      <c r="F77024" s="14" t="s">
        <v>61</v>
      </c>
      <c r="G77024" s="16">
        <v>0</v>
      </c>
    </row>
    <row r="77025" spans="1:7" x14ac:dyDescent="0.3">
      <c r="A77025" s="13" t="s">
        <v>394</v>
      </c>
      <c r="B77025" s="14" t="s">
        <v>1</v>
      </c>
      <c r="C77025" s="14" t="s">
        <v>109</v>
      </c>
      <c r="D77025" s="14" t="s">
        <v>395</v>
      </c>
      <c r="E77025" s="15">
        <v>45386</v>
      </c>
      <c r="F77025" s="14" t="s">
        <v>61</v>
      </c>
      <c r="G77025" s="16">
        <v>0</v>
      </c>
    </row>
    <row r="77026" spans="1:7" x14ac:dyDescent="0.3">
      <c r="A77026" s="13" t="s">
        <v>394</v>
      </c>
      <c r="B77026" s="14" t="s">
        <v>1</v>
      </c>
      <c r="C77026" s="14" t="s">
        <v>109</v>
      </c>
      <c r="D77026" s="14" t="s">
        <v>395</v>
      </c>
      <c r="E77026" s="15">
        <v>45387</v>
      </c>
      <c r="F77026" s="14" t="s">
        <v>61</v>
      </c>
      <c r="G77026" s="16">
        <v>0</v>
      </c>
    </row>
    <row r="77027" spans="1:7" x14ac:dyDescent="0.3">
      <c r="A77027" s="13" t="s">
        <v>394</v>
      </c>
      <c r="B77027" s="14" t="s">
        <v>1</v>
      </c>
      <c r="C77027" s="14" t="s">
        <v>109</v>
      </c>
      <c r="D77027" s="14" t="s">
        <v>395</v>
      </c>
      <c r="E77027" s="15">
        <v>45388</v>
      </c>
      <c r="F77027" s="14" t="s">
        <v>61</v>
      </c>
      <c r="G77027" s="16">
        <v>0</v>
      </c>
    </row>
    <row r="77028" spans="1:7" x14ac:dyDescent="0.3">
      <c r="A77028" s="13" t="s">
        <v>394</v>
      </c>
      <c r="B77028" s="14" t="s">
        <v>1</v>
      </c>
      <c r="C77028" s="14" t="s">
        <v>109</v>
      </c>
      <c r="D77028" s="14" t="s">
        <v>395</v>
      </c>
      <c r="E77028" s="15">
        <v>45389</v>
      </c>
      <c r="F77028" s="14" t="s">
        <v>61</v>
      </c>
      <c r="G77028" s="16">
        <v>0</v>
      </c>
    </row>
    <row r="77029" spans="1:7" x14ac:dyDescent="0.3">
      <c r="A77029" s="13" t="s">
        <v>394</v>
      </c>
      <c r="B77029" s="14" t="s">
        <v>1</v>
      </c>
      <c r="C77029" s="14" t="s">
        <v>109</v>
      </c>
      <c r="D77029" s="14" t="s">
        <v>395</v>
      </c>
      <c r="E77029" s="15">
        <v>45390</v>
      </c>
      <c r="F77029" s="14" t="s">
        <v>61</v>
      </c>
      <c r="G77029" s="16">
        <v>0</v>
      </c>
    </row>
    <row r="77030" spans="1:7" x14ac:dyDescent="0.3">
      <c r="A77030" s="13" t="s">
        <v>394</v>
      </c>
      <c r="B77030" s="14" t="s">
        <v>1</v>
      </c>
      <c r="C77030" s="14" t="s">
        <v>109</v>
      </c>
      <c r="D77030" s="14" t="s">
        <v>395</v>
      </c>
      <c r="E77030" s="15">
        <v>45391</v>
      </c>
      <c r="F77030" s="14" t="s">
        <v>61</v>
      </c>
      <c r="G77030" s="16">
        <v>0</v>
      </c>
    </row>
    <row r="77031" spans="1:7" x14ac:dyDescent="0.3">
      <c r="A77031" s="13" t="s">
        <v>394</v>
      </c>
      <c r="B77031" s="14" t="s">
        <v>1</v>
      </c>
      <c r="C77031" s="14" t="s">
        <v>109</v>
      </c>
      <c r="D77031" s="14" t="s">
        <v>395</v>
      </c>
      <c r="E77031" s="15">
        <v>45392</v>
      </c>
      <c r="F77031" s="14" t="s">
        <v>61</v>
      </c>
      <c r="G77031" s="16">
        <v>0</v>
      </c>
    </row>
    <row r="77032" spans="1:7" x14ac:dyDescent="0.3">
      <c r="A77032" s="13" t="s">
        <v>394</v>
      </c>
      <c r="B77032" s="14" t="s">
        <v>1</v>
      </c>
      <c r="C77032" s="14" t="s">
        <v>109</v>
      </c>
      <c r="D77032" s="14" t="s">
        <v>395</v>
      </c>
      <c r="E77032" s="15">
        <v>45393</v>
      </c>
      <c r="F77032" s="14" t="s">
        <v>61</v>
      </c>
      <c r="G77032" s="16">
        <v>0</v>
      </c>
    </row>
    <row r="77033" spans="1:7" x14ac:dyDescent="0.3">
      <c r="A77033" s="13" t="s">
        <v>394</v>
      </c>
      <c r="B77033" s="14" t="s">
        <v>1</v>
      </c>
      <c r="C77033" s="14" t="s">
        <v>109</v>
      </c>
      <c r="D77033" s="14" t="s">
        <v>395</v>
      </c>
      <c r="E77033" s="15">
        <v>45394</v>
      </c>
      <c r="F77033" s="14" t="s">
        <v>61</v>
      </c>
      <c r="G77033" s="16">
        <v>0</v>
      </c>
    </row>
    <row r="77034" spans="1:7" x14ac:dyDescent="0.3">
      <c r="A77034" s="13" t="s">
        <v>394</v>
      </c>
      <c r="B77034" s="14" t="s">
        <v>1</v>
      </c>
      <c r="C77034" s="14" t="s">
        <v>109</v>
      </c>
      <c r="D77034" s="14" t="s">
        <v>395</v>
      </c>
      <c r="E77034" s="15">
        <v>45395</v>
      </c>
      <c r="F77034" s="14" t="s">
        <v>61</v>
      </c>
      <c r="G77034" s="16">
        <v>0</v>
      </c>
    </row>
    <row r="77035" spans="1:7" x14ac:dyDescent="0.3">
      <c r="A77035" s="13" t="s">
        <v>394</v>
      </c>
      <c r="B77035" s="14" t="s">
        <v>1</v>
      </c>
      <c r="C77035" s="14" t="s">
        <v>109</v>
      </c>
      <c r="D77035" s="14" t="s">
        <v>395</v>
      </c>
      <c r="E77035" s="15">
        <v>45396</v>
      </c>
      <c r="F77035" s="14" t="s">
        <v>61</v>
      </c>
      <c r="G77035" s="16">
        <v>0</v>
      </c>
    </row>
    <row r="77036" spans="1:7" x14ac:dyDescent="0.3">
      <c r="A77036" s="13" t="s">
        <v>394</v>
      </c>
      <c r="B77036" s="14" t="s">
        <v>1</v>
      </c>
      <c r="C77036" s="14" t="s">
        <v>109</v>
      </c>
      <c r="D77036" s="14" t="s">
        <v>395</v>
      </c>
      <c r="E77036" s="15">
        <v>45397</v>
      </c>
      <c r="F77036" s="14" t="s">
        <v>61</v>
      </c>
      <c r="G77036" s="16">
        <v>0</v>
      </c>
    </row>
    <row r="77037" spans="1:7" x14ac:dyDescent="0.3">
      <c r="A77037" s="13" t="s">
        <v>394</v>
      </c>
      <c r="B77037" s="14" t="s">
        <v>1</v>
      </c>
      <c r="C77037" s="14" t="s">
        <v>109</v>
      </c>
      <c r="D77037" s="14" t="s">
        <v>395</v>
      </c>
      <c r="E77037" s="15">
        <v>45398</v>
      </c>
      <c r="F77037" s="14" t="s">
        <v>61</v>
      </c>
      <c r="G77037" s="16">
        <v>0</v>
      </c>
    </row>
    <row r="77038" spans="1:7" x14ac:dyDescent="0.3">
      <c r="A77038" s="13" t="s">
        <v>394</v>
      </c>
      <c r="B77038" s="14" t="s">
        <v>1</v>
      </c>
      <c r="C77038" s="14" t="s">
        <v>109</v>
      </c>
      <c r="D77038" s="14" t="s">
        <v>395</v>
      </c>
      <c r="E77038" s="15">
        <v>45399</v>
      </c>
      <c r="F77038" s="14" t="s">
        <v>61</v>
      </c>
      <c r="G77038" s="16">
        <v>0</v>
      </c>
    </row>
    <row r="77039" spans="1:7" x14ac:dyDescent="0.3">
      <c r="A77039" s="13" t="s">
        <v>394</v>
      </c>
      <c r="B77039" s="14" t="s">
        <v>1</v>
      </c>
      <c r="C77039" s="14" t="s">
        <v>109</v>
      </c>
      <c r="D77039" s="14" t="s">
        <v>395</v>
      </c>
      <c r="E77039" s="15">
        <v>45400</v>
      </c>
      <c r="F77039" s="14" t="s">
        <v>61</v>
      </c>
      <c r="G77039" s="16">
        <v>0</v>
      </c>
    </row>
    <row r="77040" spans="1:7" x14ac:dyDescent="0.3">
      <c r="A77040" s="13" t="s">
        <v>394</v>
      </c>
      <c r="B77040" s="14" t="s">
        <v>1</v>
      </c>
      <c r="C77040" s="14" t="s">
        <v>109</v>
      </c>
      <c r="D77040" s="14" t="s">
        <v>395</v>
      </c>
      <c r="E77040" s="15">
        <v>45401</v>
      </c>
      <c r="F77040" s="14" t="s">
        <v>61</v>
      </c>
      <c r="G77040" s="16">
        <v>0</v>
      </c>
    </row>
    <row r="77041" spans="1:7" x14ac:dyDescent="0.3">
      <c r="A77041" s="13" t="s">
        <v>394</v>
      </c>
      <c r="B77041" s="14" t="s">
        <v>1</v>
      </c>
      <c r="C77041" s="14" t="s">
        <v>109</v>
      </c>
      <c r="D77041" s="14" t="s">
        <v>395</v>
      </c>
      <c r="E77041" s="15">
        <v>45402</v>
      </c>
      <c r="F77041" s="14" t="s">
        <v>61</v>
      </c>
      <c r="G77041" s="16">
        <v>0</v>
      </c>
    </row>
    <row r="77042" spans="1:7" x14ac:dyDescent="0.3">
      <c r="A77042" s="13" t="s">
        <v>394</v>
      </c>
      <c r="B77042" s="14" t="s">
        <v>1</v>
      </c>
      <c r="C77042" s="14" t="s">
        <v>109</v>
      </c>
      <c r="D77042" s="14" t="s">
        <v>395</v>
      </c>
      <c r="E77042" s="15">
        <v>45403</v>
      </c>
      <c r="F77042" s="14" t="s">
        <v>61</v>
      </c>
      <c r="G77042" s="16">
        <v>0</v>
      </c>
    </row>
    <row r="77043" spans="1:7" x14ac:dyDescent="0.3">
      <c r="A77043" s="13" t="s">
        <v>394</v>
      </c>
      <c r="B77043" s="14" t="s">
        <v>1</v>
      </c>
      <c r="C77043" s="14" t="s">
        <v>109</v>
      </c>
      <c r="D77043" s="14" t="s">
        <v>395</v>
      </c>
      <c r="E77043" s="15">
        <v>45404</v>
      </c>
      <c r="F77043" s="14" t="s">
        <v>61</v>
      </c>
      <c r="G77043" s="16">
        <v>0</v>
      </c>
    </row>
    <row r="77044" spans="1:7" x14ac:dyDescent="0.3">
      <c r="A77044" s="13" t="s">
        <v>394</v>
      </c>
      <c r="B77044" s="14" t="s">
        <v>1</v>
      </c>
      <c r="C77044" s="14" t="s">
        <v>109</v>
      </c>
      <c r="D77044" s="14" t="s">
        <v>395</v>
      </c>
      <c r="E77044" s="15">
        <v>45405</v>
      </c>
      <c r="F77044" s="14" t="s">
        <v>61</v>
      </c>
      <c r="G77044" s="16">
        <v>0</v>
      </c>
    </row>
    <row r="77045" spans="1:7" x14ac:dyDescent="0.3">
      <c r="A77045" s="13" t="s">
        <v>394</v>
      </c>
      <c r="B77045" s="14" t="s">
        <v>1</v>
      </c>
      <c r="C77045" s="14" t="s">
        <v>109</v>
      </c>
      <c r="D77045" s="14" t="s">
        <v>395</v>
      </c>
      <c r="E77045" s="15">
        <v>45406</v>
      </c>
      <c r="F77045" s="14" t="s">
        <v>61</v>
      </c>
      <c r="G77045" s="16">
        <v>0</v>
      </c>
    </row>
    <row r="77046" spans="1:7" x14ac:dyDescent="0.3">
      <c r="A77046" s="13" t="s">
        <v>394</v>
      </c>
      <c r="B77046" s="14" t="s">
        <v>1</v>
      </c>
      <c r="C77046" s="14" t="s">
        <v>109</v>
      </c>
      <c r="D77046" s="14" t="s">
        <v>395</v>
      </c>
      <c r="E77046" s="15">
        <v>45407</v>
      </c>
      <c r="F77046" s="14" t="s">
        <v>61</v>
      </c>
      <c r="G77046" s="16">
        <v>0</v>
      </c>
    </row>
    <row r="77047" spans="1:7" x14ac:dyDescent="0.3">
      <c r="A77047" s="13" t="s">
        <v>394</v>
      </c>
      <c r="B77047" s="14" t="s">
        <v>1</v>
      </c>
      <c r="C77047" s="14" t="s">
        <v>109</v>
      </c>
      <c r="D77047" s="14" t="s">
        <v>395</v>
      </c>
      <c r="E77047" s="15">
        <v>45408</v>
      </c>
      <c r="F77047" s="14" t="s">
        <v>61</v>
      </c>
      <c r="G77047" s="16">
        <v>0</v>
      </c>
    </row>
    <row r="77048" spans="1:7" x14ac:dyDescent="0.3">
      <c r="A77048" s="13" t="s">
        <v>394</v>
      </c>
      <c r="B77048" s="14" t="s">
        <v>1</v>
      </c>
      <c r="C77048" s="14" t="s">
        <v>109</v>
      </c>
      <c r="D77048" s="14" t="s">
        <v>395</v>
      </c>
      <c r="E77048" s="15">
        <v>45409</v>
      </c>
      <c r="F77048" s="14" t="s">
        <v>61</v>
      </c>
      <c r="G77048" s="16">
        <v>0</v>
      </c>
    </row>
    <row r="77049" spans="1:7" x14ac:dyDescent="0.3">
      <c r="A77049" s="13" t="s">
        <v>394</v>
      </c>
      <c r="B77049" s="14" t="s">
        <v>1</v>
      </c>
      <c r="C77049" s="14" t="s">
        <v>109</v>
      </c>
      <c r="D77049" s="14" t="s">
        <v>395</v>
      </c>
      <c r="E77049" s="15">
        <v>45410</v>
      </c>
      <c r="F77049" s="14" t="s">
        <v>61</v>
      </c>
      <c r="G77049" s="16">
        <v>0</v>
      </c>
    </row>
    <row r="77050" spans="1:7" x14ac:dyDescent="0.3">
      <c r="A77050" s="13" t="s">
        <v>394</v>
      </c>
      <c r="B77050" s="14" t="s">
        <v>1</v>
      </c>
      <c r="C77050" s="14" t="s">
        <v>109</v>
      </c>
      <c r="D77050" s="14" t="s">
        <v>395</v>
      </c>
      <c r="E77050" s="15">
        <v>45411</v>
      </c>
      <c r="F77050" s="14" t="s">
        <v>61</v>
      </c>
      <c r="G77050" s="16">
        <v>0</v>
      </c>
    </row>
    <row r="77051" spans="1:7" x14ac:dyDescent="0.3">
      <c r="A77051" s="13" t="s">
        <v>394</v>
      </c>
      <c r="B77051" s="14" t="s">
        <v>1</v>
      </c>
      <c r="C77051" s="14" t="s">
        <v>109</v>
      </c>
      <c r="D77051" s="14" t="s">
        <v>395</v>
      </c>
      <c r="E77051" s="15">
        <v>45412</v>
      </c>
      <c r="F77051" s="14" t="s">
        <v>61</v>
      </c>
      <c r="G77051" s="16">
        <v>0</v>
      </c>
    </row>
    <row r="77052" spans="1:7" x14ac:dyDescent="0.3">
      <c r="A77052" s="13" t="s">
        <v>394</v>
      </c>
      <c r="B77052" s="14" t="s">
        <v>1</v>
      </c>
      <c r="C77052" s="14" t="s">
        <v>109</v>
      </c>
      <c r="D77052" s="14" t="s">
        <v>395</v>
      </c>
      <c r="E77052" s="15">
        <v>45413</v>
      </c>
      <c r="F77052" s="14" t="s">
        <v>61</v>
      </c>
      <c r="G77052" s="16">
        <v>0</v>
      </c>
    </row>
    <row r="77053" spans="1:7" x14ac:dyDescent="0.3">
      <c r="A77053" s="13" t="s">
        <v>394</v>
      </c>
      <c r="B77053" s="14" t="s">
        <v>1</v>
      </c>
      <c r="C77053" s="14" t="s">
        <v>109</v>
      </c>
      <c r="D77053" s="14" t="s">
        <v>395</v>
      </c>
      <c r="E77053" s="15">
        <v>45414</v>
      </c>
      <c r="F77053" s="14" t="s">
        <v>61</v>
      </c>
      <c r="G77053" s="16">
        <v>0</v>
      </c>
    </row>
    <row r="77054" spans="1:7" x14ac:dyDescent="0.3">
      <c r="A77054" s="13" t="s">
        <v>394</v>
      </c>
      <c r="B77054" s="14" t="s">
        <v>1</v>
      </c>
      <c r="C77054" s="14" t="s">
        <v>109</v>
      </c>
      <c r="D77054" s="14" t="s">
        <v>395</v>
      </c>
      <c r="E77054" s="15">
        <v>45415</v>
      </c>
      <c r="F77054" s="14" t="s">
        <v>61</v>
      </c>
      <c r="G77054" s="16">
        <v>0</v>
      </c>
    </row>
    <row r="77055" spans="1:7" x14ac:dyDescent="0.3">
      <c r="A77055" s="13" t="s">
        <v>394</v>
      </c>
      <c r="B77055" s="14" t="s">
        <v>1</v>
      </c>
      <c r="C77055" s="14" t="s">
        <v>109</v>
      </c>
      <c r="D77055" s="14" t="s">
        <v>395</v>
      </c>
      <c r="E77055" s="15">
        <v>45416</v>
      </c>
      <c r="F77055" s="14" t="s">
        <v>61</v>
      </c>
      <c r="G77055" s="16">
        <v>0</v>
      </c>
    </row>
    <row r="77056" spans="1:7" x14ac:dyDescent="0.3">
      <c r="A77056" s="13" t="s">
        <v>394</v>
      </c>
      <c r="B77056" s="14" t="s">
        <v>1</v>
      </c>
      <c r="C77056" s="14" t="s">
        <v>109</v>
      </c>
      <c r="D77056" s="14" t="s">
        <v>395</v>
      </c>
      <c r="E77056" s="15">
        <v>45417</v>
      </c>
      <c r="F77056" s="14" t="s">
        <v>61</v>
      </c>
      <c r="G77056" s="16">
        <v>0</v>
      </c>
    </row>
    <row r="77057" spans="1:7" x14ac:dyDescent="0.3">
      <c r="A77057" s="13" t="s">
        <v>394</v>
      </c>
      <c r="B77057" s="14" t="s">
        <v>1</v>
      </c>
      <c r="C77057" s="14" t="s">
        <v>109</v>
      </c>
      <c r="D77057" s="14" t="s">
        <v>395</v>
      </c>
      <c r="E77057" s="15">
        <v>45418</v>
      </c>
      <c r="F77057" s="14" t="s">
        <v>61</v>
      </c>
      <c r="G77057" s="16">
        <v>0</v>
      </c>
    </row>
    <row r="77058" spans="1:7" x14ac:dyDescent="0.3">
      <c r="A77058" s="13" t="s">
        <v>394</v>
      </c>
      <c r="B77058" s="14" t="s">
        <v>1</v>
      </c>
      <c r="C77058" s="14" t="s">
        <v>109</v>
      </c>
      <c r="D77058" s="14" t="s">
        <v>395</v>
      </c>
      <c r="E77058" s="15">
        <v>45419</v>
      </c>
      <c r="F77058" s="14" t="s">
        <v>61</v>
      </c>
      <c r="G77058" s="16">
        <v>0</v>
      </c>
    </row>
    <row r="77059" spans="1:7" x14ac:dyDescent="0.3">
      <c r="A77059" s="13" t="s">
        <v>394</v>
      </c>
      <c r="B77059" s="14" t="s">
        <v>1</v>
      </c>
      <c r="C77059" s="14" t="s">
        <v>109</v>
      </c>
      <c r="D77059" s="14" t="s">
        <v>395</v>
      </c>
      <c r="E77059" s="15">
        <v>45420</v>
      </c>
      <c r="F77059" s="14" t="s">
        <v>61</v>
      </c>
      <c r="G77059" s="16">
        <v>0</v>
      </c>
    </row>
    <row r="77060" spans="1:7" x14ac:dyDescent="0.3">
      <c r="A77060" s="13" t="s">
        <v>394</v>
      </c>
      <c r="B77060" s="14" t="s">
        <v>1</v>
      </c>
      <c r="C77060" s="14" t="s">
        <v>109</v>
      </c>
      <c r="D77060" s="14" t="s">
        <v>395</v>
      </c>
      <c r="E77060" s="15">
        <v>45421</v>
      </c>
      <c r="F77060" s="14" t="s">
        <v>61</v>
      </c>
      <c r="G77060" s="16">
        <v>0</v>
      </c>
    </row>
    <row r="77061" spans="1:7" x14ac:dyDescent="0.3">
      <c r="A77061" s="13" t="s">
        <v>394</v>
      </c>
      <c r="B77061" s="14" t="s">
        <v>1</v>
      </c>
      <c r="C77061" s="14" t="s">
        <v>109</v>
      </c>
      <c r="D77061" s="14" t="s">
        <v>395</v>
      </c>
      <c r="E77061" s="15">
        <v>45422</v>
      </c>
      <c r="F77061" s="14" t="s">
        <v>61</v>
      </c>
      <c r="G77061" s="16">
        <v>0</v>
      </c>
    </row>
    <row r="77062" spans="1:7" x14ac:dyDescent="0.3">
      <c r="A77062" s="13" t="s">
        <v>394</v>
      </c>
      <c r="B77062" s="14" t="s">
        <v>1</v>
      </c>
      <c r="C77062" s="14" t="s">
        <v>109</v>
      </c>
      <c r="D77062" s="14" t="s">
        <v>395</v>
      </c>
      <c r="E77062" s="15">
        <v>45423</v>
      </c>
      <c r="F77062" s="14" t="s">
        <v>61</v>
      </c>
      <c r="G77062" s="16">
        <v>0</v>
      </c>
    </row>
    <row r="77063" spans="1:7" x14ac:dyDescent="0.3">
      <c r="A77063" s="13" t="s">
        <v>394</v>
      </c>
      <c r="B77063" s="14" t="s">
        <v>1</v>
      </c>
      <c r="C77063" s="14" t="s">
        <v>109</v>
      </c>
      <c r="D77063" s="14" t="s">
        <v>395</v>
      </c>
      <c r="E77063" s="15">
        <v>45424</v>
      </c>
      <c r="F77063" s="14" t="s">
        <v>61</v>
      </c>
      <c r="G77063" s="16">
        <v>0</v>
      </c>
    </row>
    <row r="77064" spans="1:7" x14ac:dyDescent="0.3">
      <c r="A77064" s="13" t="s">
        <v>394</v>
      </c>
      <c r="B77064" s="14" t="s">
        <v>1</v>
      </c>
      <c r="C77064" s="14" t="s">
        <v>109</v>
      </c>
      <c r="D77064" s="14" t="s">
        <v>395</v>
      </c>
      <c r="E77064" s="15">
        <v>45425</v>
      </c>
      <c r="F77064" s="14" t="s">
        <v>61</v>
      </c>
      <c r="G77064" s="16">
        <v>0</v>
      </c>
    </row>
    <row r="77065" spans="1:7" x14ac:dyDescent="0.3">
      <c r="A77065" s="13" t="s">
        <v>394</v>
      </c>
      <c r="B77065" s="14" t="s">
        <v>1</v>
      </c>
      <c r="C77065" s="14" t="s">
        <v>109</v>
      </c>
      <c r="D77065" s="14" t="s">
        <v>395</v>
      </c>
      <c r="E77065" s="15">
        <v>45426</v>
      </c>
      <c r="F77065" s="14" t="s">
        <v>61</v>
      </c>
      <c r="G77065" s="16">
        <v>0</v>
      </c>
    </row>
    <row r="77066" spans="1:7" x14ac:dyDescent="0.3">
      <c r="A77066" s="13" t="s">
        <v>394</v>
      </c>
      <c r="B77066" s="14" t="s">
        <v>1</v>
      </c>
      <c r="C77066" s="14" t="s">
        <v>109</v>
      </c>
      <c r="D77066" s="14" t="s">
        <v>395</v>
      </c>
      <c r="E77066" s="15">
        <v>45427</v>
      </c>
      <c r="F77066" s="14" t="s">
        <v>61</v>
      </c>
      <c r="G77066" s="16">
        <v>0</v>
      </c>
    </row>
    <row r="77067" spans="1:7" x14ac:dyDescent="0.3">
      <c r="A77067" s="13" t="s">
        <v>394</v>
      </c>
      <c r="B77067" s="14" t="s">
        <v>1</v>
      </c>
      <c r="C77067" s="14" t="s">
        <v>109</v>
      </c>
      <c r="D77067" s="14" t="s">
        <v>395</v>
      </c>
      <c r="E77067" s="15">
        <v>45428</v>
      </c>
      <c r="F77067" s="14" t="s">
        <v>61</v>
      </c>
      <c r="G77067" s="16">
        <v>0</v>
      </c>
    </row>
    <row r="77068" spans="1:7" x14ac:dyDescent="0.3">
      <c r="A77068" s="13" t="s">
        <v>394</v>
      </c>
      <c r="B77068" s="14" t="s">
        <v>1</v>
      </c>
      <c r="C77068" s="14" t="s">
        <v>109</v>
      </c>
      <c r="D77068" s="14" t="s">
        <v>395</v>
      </c>
      <c r="E77068" s="15">
        <v>45429</v>
      </c>
      <c r="F77068" s="14" t="s">
        <v>61</v>
      </c>
      <c r="G77068" s="16">
        <v>0</v>
      </c>
    </row>
    <row r="77069" spans="1:7" x14ac:dyDescent="0.3">
      <c r="A77069" s="13" t="s">
        <v>394</v>
      </c>
      <c r="B77069" s="14" t="s">
        <v>1</v>
      </c>
      <c r="C77069" s="14" t="s">
        <v>109</v>
      </c>
      <c r="D77069" s="14" t="s">
        <v>395</v>
      </c>
      <c r="E77069" s="15">
        <v>45430</v>
      </c>
      <c r="F77069" s="14" t="s">
        <v>61</v>
      </c>
      <c r="G77069" s="16">
        <v>0</v>
      </c>
    </row>
    <row r="77070" spans="1:7" x14ac:dyDescent="0.3">
      <c r="A77070" s="13" t="s">
        <v>394</v>
      </c>
      <c r="B77070" s="14" t="s">
        <v>1</v>
      </c>
      <c r="C77070" s="14" t="s">
        <v>109</v>
      </c>
      <c r="D77070" s="14" t="s">
        <v>395</v>
      </c>
      <c r="E77070" s="15">
        <v>45431</v>
      </c>
      <c r="F77070" s="14" t="s">
        <v>61</v>
      </c>
      <c r="G77070" s="16">
        <v>0</v>
      </c>
    </row>
    <row r="77071" spans="1:7" x14ac:dyDescent="0.3">
      <c r="A77071" s="13" t="s">
        <v>394</v>
      </c>
      <c r="B77071" s="14" t="s">
        <v>1</v>
      </c>
      <c r="C77071" s="14" t="s">
        <v>109</v>
      </c>
      <c r="D77071" s="14" t="s">
        <v>395</v>
      </c>
      <c r="E77071" s="15">
        <v>45432</v>
      </c>
      <c r="F77071" s="14" t="s">
        <v>61</v>
      </c>
      <c r="G77071" s="16">
        <v>0</v>
      </c>
    </row>
    <row r="77072" spans="1:7" x14ac:dyDescent="0.3">
      <c r="A77072" s="13" t="s">
        <v>394</v>
      </c>
      <c r="B77072" s="14" t="s">
        <v>1</v>
      </c>
      <c r="C77072" s="14" t="s">
        <v>109</v>
      </c>
      <c r="D77072" s="14" t="s">
        <v>395</v>
      </c>
      <c r="E77072" s="15">
        <v>45433</v>
      </c>
      <c r="F77072" s="14" t="s">
        <v>61</v>
      </c>
      <c r="G77072" s="16">
        <v>0</v>
      </c>
    </row>
    <row r="77073" spans="1:7" x14ac:dyDescent="0.3">
      <c r="A77073" s="13" t="s">
        <v>394</v>
      </c>
      <c r="B77073" s="14" t="s">
        <v>1</v>
      </c>
      <c r="C77073" s="14" t="s">
        <v>109</v>
      </c>
      <c r="D77073" s="14" t="s">
        <v>395</v>
      </c>
      <c r="E77073" s="15">
        <v>45434</v>
      </c>
      <c r="F77073" s="14" t="s">
        <v>61</v>
      </c>
      <c r="G77073" s="16">
        <v>0</v>
      </c>
    </row>
    <row r="77074" spans="1:7" x14ac:dyDescent="0.3">
      <c r="A77074" s="13" t="s">
        <v>394</v>
      </c>
      <c r="B77074" s="14" t="s">
        <v>1</v>
      </c>
      <c r="C77074" s="14" t="s">
        <v>109</v>
      </c>
      <c r="D77074" s="14" t="s">
        <v>395</v>
      </c>
      <c r="E77074" s="15">
        <v>45435</v>
      </c>
      <c r="F77074" s="14" t="s">
        <v>61</v>
      </c>
      <c r="G77074" s="16">
        <v>0</v>
      </c>
    </row>
    <row r="77075" spans="1:7" x14ac:dyDescent="0.3">
      <c r="A77075" s="13" t="s">
        <v>394</v>
      </c>
      <c r="B77075" s="14" t="s">
        <v>1</v>
      </c>
      <c r="C77075" s="14" t="s">
        <v>109</v>
      </c>
      <c r="D77075" s="14" t="s">
        <v>395</v>
      </c>
      <c r="E77075" s="15">
        <v>45436</v>
      </c>
      <c r="F77075" s="14" t="s">
        <v>61</v>
      </c>
      <c r="G77075" s="16">
        <v>0</v>
      </c>
    </row>
    <row r="77076" spans="1:7" x14ac:dyDescent="0.3">
      <c r="A77076" s="13" t="s">
        <v>394</v>
      </c>
      <c r="B77076" s="14" t="s">
        <v>1</v>
      </c>
      <c r="C77076" s="14" t="s">
        <v>109</v>
      </c>
      <c r="D77076" s="14" t="s">
        <v>395</v>
      </c>
      <c r="E77076" s="15">
        <v>45437</v>
      </c>
      <c r="F77076" s="14" t="s">
        <v>61</v>
      </c>
      <c r="G77076" s="16">
        <v>0</v>
      </c>
    </row>
    <row r="77077" spans="1:7" x14ac:dyDescent="0.3">
      <c r="A77077" s="13" t="s">
        <v>394</v>
      </c>
      <c r="B77077" s="14" t="s">
        <v>1</v>
      </c>
      <c r="C77077" s="14" t="s">
        <v>109</v>
      </c>
      <c r="D77077" s="14" t="s">
        <v>395</v>
      </c>
      <c r="E77077" s="15">
        <v>45438</v>
      </c>
      <c r="F77077" s="14" t="s">
        <v>61</v>
      </c>
      <c r="G77077" s="16">
        <v>0</v>
      </c>
    </row>
    <row r="77078" spans="1:7" x14ac:dyDescent="0.3">
      <c r="A77078" s="13" t="s">
        <v>394</v>
      </c>
      <c r="B77078" s="14" t="s">
        <v>1</v>
      </c>
      <c r="C77078" s="14" t="s">
        <v>109</v>
      </c>
      <c r="D77078" s="14" t="s">
        <v>395</v>
      </c>
      <c r="E77078" s="15">
        <v>45439</v>
      </c>
      <c r="F77078" s="14" t="s">
        <v>61</v>
      </c>
      <c r="G77078" s="16">
        <v>0</v>
      </c>
    </row>
    <row r="77079" spans="1:7" x14ac:dyDescent="0.3">
      <c r="A77079" s="13" t="s">
        <v>394</v>
      </c>
      <c r="B77079" s="14" t="s">
        <v>1</v>
      </c>
      <c r="C77079" s="14" t="s">
        <v>109</v>
      </c>
      <c r="D77079" s="14" t="s">
        <v>395</v>
      </c>
      <c r="E77079" s="15">
        <v>45440</v>
      </c>
      <c r="F77079" s="14" t="s">
        <v>61</v>
      </c>
      <c r="G77079" s="16">
        <v>0</v>
      </c>
    </row>
    <row r="77080" spans="1:7" x14ac:dyDescent="0.3">
      <c r="A77080" s="13" t="s">
        <v>394</v>
      </c>
      <c r="B77080" s="14" t="s">
        <v>1</v>
      </c>
      <c r="C77080" s="14" t="s">
        <v>109</v>
      </c>
      <c r="D77080" s="14" t="s">
        <v>395</v>
      </c>
      <c r="E77080" s="15">
        <v>45441</v>
      </c>
      <c r="F77080" s="14" t="s">
        <v>61</v>
      </c>
      <c r="G77080" s="16">
        <v>0</v>
      </c>
    </row>
    <row r="77081" spans="1:7" x14ac:dyDescent="0.3">
      <c r="A77081" s="13" t="s">
        <v>394</v>
      </c>
      <c r="B77081" s="14" t="s">
        <v>1</v>
      </c>
      <c r="C77081" s="14" t="s">
        <v>109</v>
      </c>
      <c r="D77081" s="14" t="s">
        <v>395</v>
      </c>
      <c r="E77081" s="15">
        <v>45442</v>
      </c>
      <c r="F77081" s="14" t="s">
        <v>61</v>
      </c>
      <c r="G77081" s="16">
        <v>0</v>
      </c>
    </row>
    <row r="77082" spans="1:7" x14ac:dyDescent="0.3">
      <c r="A77082" s="13" t="s">
        <v>394</v>
      </c>
      <c r="B77082" s="14" t="s">
        <v>1</v>
      </c>
      <c r="C77082" s="14" t="s">
        <v>109</v>
      </c>
      <c r="D77082" s="14" t="s">
        <v>395</v>
      </c>
      <c r="E77082" s="15">
        <v>45443</v>
      </c>
      <c r="F77082" s="14" t="s">
        <v>61</v>
      </c>
      <c r="G77082" s="16">
        <v>0</v>
      </c>
    </row>
    <row r="77083" spans="1:7" x14ac:dyDescent="0.3">
      <c r="A77083" s="13" t="s">
        <v>394</v>
      </c>
      <c r="B77083" s="14" t="s">
        <v>1</v>
      </c>
      <c r="C77083" s="14" t="s">
        <v>109</v>
      </c>
      <c r="D77083" s="14" t="s">
        <v>395</v>
      </c>
      <c r="E77083" s="15">
        <v>45444</v>
      </c>
      <c r="F77083" s="14" t="s">
        <v>61</v>
      </c>
      <c r="G77083" s="16">
        <v>0</v>
      </c>
    </row>
    <row r="77084" spans="1:7" x14ac:dyDescent="0.3">
      <c r="A77084" s="13" t="s">
        <v>394</v>
      </c>
      <c r="B77084" s="14" t="s">
        <v>1</v>
      </c>
      <c r="C77084" s="14" t="s">
        <v>109</v>
      </c>
      <c r="D77084" s="14" t="s">
        <v>395</v>
      </c>
      <c r="E77084" s="15">
        <v>45445</v>
      </c>
      <c r="F77084" s="14" t="s">
        <v>61</v>
      </c>
      <c r="G77084" s="16">
        <v>0</v>
      </c>
    </row>
    <row r="77085" spans="1:7" x14ac:dyDescent="0.3">
      <c r="A77085" s="13" t="s">
        <v>394</v>
      </c>
      <c r="B77085" s="14" t="s">
        <v>1</v>
      </c>
      <c r="C77085" s="14" t="s">
        <v>109</v>
      </c>
      <c r="D77085" s="14" t="s">
        <v>395</v>
      </c>
      <c r="E77085" s="15">
        <v>45446</v>
      </c>
      <c r="F77085" s="14" t="s">
        <v>61</v>
      </c>
      <c r="G77085" s="16">
        <v>0</v>
      </c>
    </row>
    <row r="77086" spans="1:7" x14ac:dyDescent="0.3">
      <c r="A77086" s="13" t="s">
        <v>394</v>
      </c>
      <c r="B77086" s="14" t="s">
        <v>1</v>
      </c>
      <c r="C77086" s="14" t="s">
        <v>109</v>
      </c>
      <c r="D77086" s="14" t="s">
        <v>395</v>
      </c>
      <c r="E77086" s="15">
        <v>45447</v>
      </c>
      <c r="F77086" s="14" t="s">
        <v>61</v>
      </c>
      <c r="G77086" s="16">
        <v>0</v>
      </c>
    </row>
    <row r="77087" spans="1:7" x14ac:dyDescent="0.3">
      <c r="A77087" s="13" t="s">
        <v>394</v>
      </c>
      <c r="B77087" s="14" t="s">
        <v>1</v>
      </c>
      <c r="C77087" s="14" t="s">
        <v>109</v>
      </c>
      <c r="D77087" s="14" t="s">
        <v>395</v>
      </c>
      <c r="E77087" s="15">
        <v>45448</v>
      </c>
      <c r="F77087" s="14" t="s">
        <v>61</v>
      </c>
      <c r="G77087" s="16">
        <v>0</v>
      </c>
    </row>
    <row r="77088" spans="1:7" x14ac:dyDescent="0.3">
      <c r="A77088" s="13" t="s">
        <v>394</v>
      </c>
      <c r="B77088" s="14" t="s">
        <v>1</v>
      </c>
      <c r="C77088" s="14" t="s">
        <v>109</v>
      </c>
      <c r="D77088" s="14" t="s">
        <v>395</v>
      </c>
      <c r="E77088" s="15">
        <v>45449</v>
      </c>
      <c r="F77088" s="14" t="s">
        <v>61</v>
      </c>
      <c r="G77088" s="16">
        <v>0</v>
      </c>
    </row>
    <row r="77089" spans="1:7" x14ac:dyDescent="0.3">
      <c r="A77089" s="13" t="s">
        <v>394</v>
      </c>
      <c r="B77089" s="14" t="s">
        <v>1</v>
      </c>
      <c r="C77089" s="14" t="s">
        <v>109</v>
      </c>
      <c r="D77089" s="14" t="s">
        <v>395</v>
      </c>
      <c r="E77089" s="15">
        <v>45450</v>
      </c>
      <c r="F77089" s="14" t="s">
        <v>61</v>
      </c>
      <c r="G77089" s="16">
        <v>0</v>
      </c>
    </row>
    <row r="77090" spans="1:7" x14ac:dyDescent="0.3">
      <c r="A77090" s="13" t="s">
        <v>394</v>
      </c>
      <c r="B77090" s="14" t="s">
        <v>1</v>
      </c>
      <c r="C77090" s="14" t="s">
        <v>109</v>
      </c>
      <c r="D77090" s="14" t="s">
        <v>395</v>
      </c>
      <c r="E77090" s="15">
        <v>45451</v>
      </c>
      <c r="F77090" s="14" t="s">
        <v>61</v>
      </c>
      <c r="G77090" s="16">
        <v>0</v>
      </c>
    </row>
    <row r="77091" spans="1:7" x14ac:dyDescent="0.3">
      <c r="A77091" s="13" t="s">
        <v>394</v>
      </c>
      <c r="B77091" s="14" t="s">
        <v>1</v>
      </c>
      <c r="C77091" s="14" t="s">
        <v>109</v>
      </c>
      <c r="D77091" s="14" t="s">
        <v>395</v>
      </c>
      <c r="E77091" s="15">
        <v>45452</v>
      </c>
      <c r="F77091" s="14" t="s">
        <v>61</v>
      </c>
      <c r="G77091" s="16">
        <v>0</v>
      </c>
    </row>
    <row r="77092" spans="1:7" x14ac:dyDescent="0.3">
      <c r="A77092" s="13" t="s">
        <v>394</v>
      </c>
      <c r="B77092" s="14" t="s">
        <v>1</v>
      </c>
      <c r="C77092" s="14" t="s">
        <v>109</v>
      </c>
      <c r="D77092" s="14" t="s">
        <v>395</v>
      </c>
      <c r="E77092" s="15">
        <v>45453</v>
      </c>
      <c r="F77092" s="14" t="s">
        <v>61</v>
      </c>
      <c r="G77092" s="16">
        <v>0</v>
      </c>
    </row>
    <row r="77093" spans="1:7" x14ac:dyDescent="0.3">
      <c r="A77093" s="13" t="s">
        <v>394</v>
      </c>
      <c r="B77093" s="14" t="s">
        <v>1</v>
      </c>
      <c r="C77093" s="14" t="s">
        <v>109</v>
      </c>
      <c r="D77093" s="14" t="s">
        <v>395</v>
      </c>
      <c r="E77093" s="15">
        <v>45454</v>
      </c>
      <c r="F77093" s="14" t="s">
        <v>61</v>
      </c>
      <c r="G77093" s="16">
        <v>0</v>
      </c>
    </row>
    <row r="77094" spans="1:7" x14ac:dyDescent="0.3">
      <c r="A77094" s="13" t="s">
        <v>394</v>
      </c>
      <c r="B77094" s="14" t="s">
        <v>1</v>
      </c>
      <c r="C77094" s="14" t="s">
        <v>109</v>
      </c>
      <c r="D77094" s="14" t="s">
        <v>395</v>
      </c>
      <c r="E77094" s="15">
        <v>45455</v>
      </c>
      <c r="F77094" s="14" t="s">
        <v>61</v>
      </c>
      <c r="G77094" s="16">
        <v>0</v>
      </c>
    </row>
    <row r="77095" spans="1:7" x14ac:dyDescent="0.3">
      <c r="A77095" s="13" t="s">
        <v>394</v>
      </c>
      <c r="B77095" s="14" t="s">
        <v>1</v>
      </c>
      <c r="C77095" s="14" t="s">
        <v>109</v>
      </c>
      <c r="D77095" s="14" t="s">
        <v>395</v>
      </c>
      <c r="E77095" s="15">
        <v>45456</v>
      </c>
      <c r="F77095" s="14" t="s">
        <v>61</v>
      </c>
      <c r="G77095" s="16">
        <v>0</v>
      </c>
    </row>
    <row r="77096" spans="1:7" x14ac:dyDescent="0.3">
      <c r="A77096" s="13" t="s">
        <v>394</v>
      </c>
      <c r="B77096" s="14" t="s">
        <v>1</v>
      </c>
      <c r="C77096" s="14" t="s">
        <v>109</v>
      </c>
      <c r="D77096" s="14" t="s">
        <v>395</v>
      </c>
      <c r="E77096" s="15">
        <v>45457</v>
      </c>
      <c r="F77096" s="14" t="s">
        <v>61</v>
      </c>
      <c r="G77096" s="16">
        <v>0</v>
      </c>
    </row>
    <row r="77097" spans="1:7" x14ac:dyDescent="0.3">
      <c r="A77097" s="13" t="s">
        <v>394</v>
      </c>
      <c r="B77097" s="14" t="s">
        <v>1</v>
      </c>
      <c r="C77097" s="14" t="s">
        <v>109</v>
      </c>
      <c r="D77097" s="14" t="s">
        <v>395</v>
      </c>
      <c r="E77097" s="15">
        <v>45458</v>
      </c>
      <c r="F77097" s="14" t="s">
        <v>61</v>
      </c>
      <c r="G77097" s="16">
        <v>0</v>
      </c>
    </row>
    <row r="77098" spans="1:7" x14ac:dyDescent="0.3">
      <c r="A77098" s="13" t="s">
        <v>394</v>
      </c>
      <c r="B77098" s="14" t="s">
        <v>1</v>
      </c>
      <c r="C77098" s="14" t="s">
        <v>109</v>
      </c>
      <c r="D77098" s="14" t="s">
        <v>395</v>
      </c>
      <c r="E77098" s="15">
        <v>45459</v>
      </c>
      <c r="F77098" s="14" t="s">
        <v>61</v>
      </c>
      <c r="G77098" s="16">
        <v>0</v>
      </c>
    </row>
    <row r="77099" spans="1:7" x14ac:dyDescent="0.3">
      <c r="A77099" s="13" t="s">
        <v>394</v>
      </c>
      <c r="B77099" s="14" t="s">
        <v>1</v>
      </c>
      <c r="C77099" s="14" t="s">
        <v>109</v>
      </c>
      <c r="D77099" s="14" t="s">
        <v>395</v>
      </c>
      <c r="E77099" s="15">
        <v>45460</v>
      </c>
      <c r="F77099" s="14" t="s">
        <v>61</v>
      </c>
      <c r="G77099" s="16">
        <v>0</v>
      </c>
    </row>
    <row r="77100" spans="1:7" x14ac:dyDescent="0.3">
      <c r="A77100" s="13" t="s">
        <v>394</v>
      </c>
      <c r="B77100" s="14" t="s">
        <v>1</v>
      </c>
      <c r="C77100" s="14" t="s">
        <v>109</v>
      </c>
      <c r="D77100" s="14" t="s">
        <v>395</v>
      </c>
      <c r="E77100" s="15">
        <v>45461</v>
      </c>
      <c r="F77100" s="14" t="s">
        <v>61</v>
      </c>
      <c r="G77100" s="16">
        <v>0</v>
      </c>
    </row>
    <row r="77101" spans="1:7" x14ac:dyDescent="0.3">
      <c r="A77101" s="13" t="s">
        <v>394</v>
      </c>
      <c r="B77101" s="14" t="s">
        <v>1</v>
      </c>
      <c r="C77101" s="14" t="s">
        <v>109</v>
      </c>
      <c r="D77101" s="14" t="s">
        <v>395</v>
      </c>
      <c r="E77101" s="15">
        <v>45462</v>
      </c>
      <c r="F77101" s="14" t="s">
        <v>61</v>
      </c>
      <c r="G77101" s="16">
        <v>0</v>
      </c>
    </row>
    <row r="77102" spans="1:7" x14ac:dyDescent="0.3">
      <c r="A77102" s="13" t="s">
        <v>394</v>
      </c>
      <c r="B77102" s="14" t="s">
        <v>1</v>
      </c>
      <c r="C77102" s="14" t="s">
        <v>109</v>
      </c>
      <c r="D77102" s="14" t="s">
        <v>395</v>
      </c>
      <c r="E77102" s="15">
        <v>45463</v>
      </c>
      <c r="F77102" s="14" t="s">
        <v>61</v>
      </c>
      <c r="G77102" s="16">
        <v>0</v>
      </c>
    </row>
    <row r="77103" spans="1:7" x14ac:dyDescent="0.3">
      <c r="A77103" s="13" t="s">
        <v>394</v>
      </c>
      <c r="B77103" s="14" t="s">
        <v>1</v>
      </c>
      <c r="C77103" s="14" t="s">
        <v>109</v>
      </c>
      <c r="D77103" s="14" t="s">
        <v>395</v>
      </c>
      <c r="E77103" s="15">
        <v>45464</v>
      </c>
      <c r="F77103" s="14" t="s">
        <v>61</v>
      </c>
      <c r="G77103" s="16">
        <v>0</v>
      </c>
    </row>
    <row r="77104" spans="1:7" x14ac:dyDescent="0.3">
      <c r="A77104" s="13" t="s">
        <v>394</v>
      </c>
      <c r="B77104" s="14" t="s">
        <v>1</v>
      </c>
      <c r="C77104" s="14" t="s">
        <v>109</v>
      </c>
      <c r="D77104" s="14" t="s">
        <v>395</v>
      </c>
      <c r="E77104" s="15">
        <v>45465</v>
      </c>
      <c r="F77104" s="14" t="s">
        <v>61</v>
      </c>
      <c r="G77104" s="16">
        <v>0</v>
      </c>
    </row>
    <row r="77105" spans="1:7" x14ac:dyDescent="0.3">
      <c r="A77105" s="13" t="s">
        <v>394</v>
      </c>
      <c r="B77105" s="14" t="s">
        <v>1</v>
      </c>
      <c r="C77105" s="14" t="s">
        <v>109</v>
      </c>
      <c r="D77105" s="14" t="s">
        <v>395</v>
      </c>
      <c r="E77105" s="15">
        <v>45466</v>
      </c>
      <c r="F77105" s="14" t="s">
        <v>61</v>
      </c>
      <c r="G77105" s="16">
        <v>0</v>
      </c>
    </row>
    <row r="77106" spans="1:7" x14ac:dyDescent="0.3">
      <c r="A77106" s="13" t="s">
        <v>394</v>
      </c>
      <c r="B77106" s="14" t="s">
        <v>1</v>
      </c>
      <c r="C77106" s="14" t="s">
        <v>109</v>
      </c>
      <c r="D77106" s="14" t="s">
        <v>395</v>
      </c>
      <c r="E77106" s="15">
        <v>45467</v>
      </c>
      <c r="F77106" s="14" t="s">
        <v>61</v>
      </c>
      <c r="G77106" s="16">
        <v>0</v>
      </c>
    </row>
    <row r="77107" spans="1:7" x14ac:dyDescent="0.3">
      <c r="A77107" s="13" t="s">
        <v>394</v>
      </c>
      <c r="B77107" s="14" t="s">
        <v>1</v>
      </c>
      <c r="C77107" s="14" t="s">
        <v>109</v>
      </c>
      <c r="D77107" s="14" t="s">
        <v>395</v>
      </c>
      <c r="E77107" s="15">
        <v>45468</v>
      </c>
      <c r="F77107" s="14" t="s">
        <v>61</v>
      </c>
      <c r="G77107" s="16">
        <v>0</v>
      </c>
    </row>
    <row r="77108" spans="1:7" x14ac:dyDescent="0.3">
      <c r="A77108" s="13" t="s">
        <v>394</v>
      </c>
      <c r="B77108" s="14" t="s">
        <v>1</v>
      </c>
      <c r="C77108" s="14" t="s">
        <v>109</v>
      </c>
      <c r="D77108" s="14" t="s">
        <v>395</v>
      </c>
      <c r="E77108" s="15">
        <v>45469</v>
      </c>
      <c r="F77108" s="14" t="s">
        <v>61</v>
      </c>
      <c r="G77108" s="16">
        <v>0</v>
      </c>
    </row>
    <row r="77109" spans="1:7" x14ac:dyDescent="0.3">
      <c r="A77109" s="13" t="s">
        <v>394</v>
      </c>
      <c r="B77109" s="14" t="s">
        <v>1</v>
      </c>
      <c r="C77109" s="14" t="s">
        <v>109</v>
      </c>
      <c r="D77109" s="14" t="s">
        <v>395</v>
      </c>
      <c r="E77109" s="15">
        <v>45470</v>
      </c>
      <c r="F77109" s="14" t="s">
        <v>61</v>
      </c>
      <c r="G77109" s="16">
        <v>0</v>
      </c>
    </row>
    <row r="77110" spans="1:7" x14ac:dyDescent="0.3">
      <c r="A77110" s="13" t="s">
        <v>394</v>
      </c>
      <c r="B77110" s="14" t="s">
        <v>1</v>
      </c>
      <c r="C77110" s="14" t="s">
        <v>109</v>
      </c>
      <c r="D77110" s="14" t="s">
        <v>395</v>
      </c>
      <c r="E77110" s="15">
        <v>45471</v>
      </c>
      <c r="F77110" s="14" t="s">
        <v>61</v>
      </c>
      <c r="G77110" s="16">
        <v>0</v>
      </c>
    </row>
    <row r="77111" spans="1:7" x14ac:dyDescent="0.3">
      <c r="A77111" s="13" t="s">
        <v>394</v>
      </c>
      <c r="B77111" s="14" t="s">
        <v>1</v>
      </c>
      <c r="C77111" s="14" t="s">
        <v>109</v>
      </c>
      <c r="D77111" s="14" t="s">
        <v>395</v>
      </c>
      <c r="E77111" s="15">
        <v>45472</v>
      </c>
      <c r="F77111" s="14" t="s">
        <v>61</v>
      </c>
      <c r="G77111" s="16">
        <v>0</v>
      </c>
    </row>
    <row r="77112" spans="1:7" x14ac:dyDescent="0.3">
      <c r="A77112" s="13" t="s">
        <v>394</v>
      </c>
      <c r="B77112" s="14" t="s">
        <v>1</v>
      </c>
      <c r="C77112" s="14" t="s">
        <v>109</v>
      </c>
      <c r="D77112" s="14" t="s">
        <v>395</v>
      </c>
      <c r="E77112" s="15">
        <v>45473</v>
      </c>
      <c r="F77112" s="14" t="s">
        <v>61</v>
      </c>
      <c r="G77112" s="16">
        <v>0</v>
      </c>
    </row>
    <row r="77113" spans="1:7" x14ac:dyDescent="0.3">
      <c r="A77113" s="13" t="s">
        <v>394</v>
      </c>
      <c r="B77113" s="14" t="s">
        <v>1</v>
      </c>
      <c r="C77113" s="14" t="s">
        <v>109</v>
      </c>
      <c r="D77113" s="14" t="s">
        <v>395</v>
      </c>
      <c r="E77113" s="15">
        <v>45474</v>
      </c>
      <c r="F77113" s="14" t="s">
        <v>61</v>
      </c>
      <c r="G77113" s="16">
        <v>0</v>
      </c>
    </row>
    <row r="77114" spans="1:7" x14ac:dyDescent="0.3">
      <c r="A77114" s="13" t="s">
        <v>394</v>
      </c>
      <c r="B77114" s="14" t="s">
        <v>1</v>
      </c>
      <c r="C77114" s="14" t="s">
        <v>109</v>
      </c>
      <c r="D77114" s="14" t="s">
        <v>395</v>
      </c>
      <c r="E77114" s="15">
        <v>45475</v>
      </c>
      <c r="F77114" s="14" t="s">
        <v>61</v>
      </c>
      <c r="G77114" s="16">
        <v>0</v>
      </c>
    </row>
    <row r="77115" spans="1:7" x14ac:dyDescent="0.3">
      <c r="A77115" s="13" t="s">
        <v>394</v>
      </c>
      <c r="B77115" s="14" t="s">
        <v>1</v>
      </c>
      <c r="C77115" s="14" t="s">
        <v>109</v>
      </c>
      <c r="D77115" s="14" t="s">
        <v>395</v>
      </c>
      <c r="E77115" s="15">
        <v>45476</v>
      </c>
      <c r="F77115" s="14" t="s">
        <v>61</v>
      </c>
      <c r="G77115" s="16">
        <v>0</v>
      </c>
    </row>
    <row r="77116" spans="1:7" x14ac:dyDescent="0.3">
      <c r="A77116" s="13" t="s">
        <v>394</v>
      </c>
      <c r="B77116" s="14" t="s">
        <v>1</v>
      </c>
      <c r="C77116" s="14" t="s">
        <v>109</v>
      </c>
      <c r="D77116" s="14" t="s">
        <v>395</v>
      </c>
      <c r="E77116" s="15">
        <v>45477</v>
      </c>
      <c r="F77116" s="14" t="s">
        <v>61</v>
      </c>
      <c r="G77116" s="16">
        <v>0</v>
      </c>
    </row>
    <row r="77117" spans="1:7" x14ac:dyDescent="0.3">
      <c r="A77117" s="13" t="s">
        <v>394</v>
      </c>
      <c r="B77117" s="14" t="s">
        <v>1</v>
      </c>
      <c r="C77117" s="14" t="s">
        <v>109</v>
      </c>
      <c r="D77117" s="14" t="s">
        <v>395</v>
      </c>
      <c r="E77117" s="15">
        <v>45478</v>
      </c>
      <c r="F77117" s="14" t="s">
        <v>61</v>
      </c>
      <c r="G77117" s="16">
        <v>0</v>
      </c>
    </row>
    <row r="77118" spans="1:7" x14ac:dyDescent="0.3">
      <c r="A77118" s="13" t="s">
        <v>394</v>
      </c>
      <c r="B77118" s="14" t="s">
        <v>1</v>
      </c>
      <c r="C77118" s="14" t="s">
        <v>109</v>
      </c>
      <c r="D77118" s="14" t="s">
        <v>395</v>
      </c>
      <c r="E77118" s="15">
        <v>45479</v>
      </c>
      <c r="F77118" s="14" t="s">
        <v>61</v>
      </c>
      <c r="G77118" s="16">
        <v>0</v>
      </c>
    </row>
    <row r="77119" spans="1:7" x14ac:dyDescent="0.3">
      <c r="A77119" s="13" t="s">
        <v>394</v>
      </c>
      <c r="B77119" s="14" t="s">
        <v>1</v>
      </c>
      <c r="C77119" s="14" t="s">
        <v>109</v>
      </c>
      <c r="D77119" s="14" t="s">
        <v>395</v>
      </c>
      <c r="E77119" s="15">
        <v>45480</v>
      </c>
      <c r="F77119" s="14" t="s">
        <v>61</v>
      </c>
      <c r="G77119" s="16">
        <v>0</v>
      </c>
    </row>
    <row r="77120" spans="1:7" x14ac:dyDescent="0.3">
      <c r="A77120" s="13" t="s">
        <v>394</v>
      </c>
      <c r="B77120" s="14" t="s">
        <v>1</v>
      </c>
      <c r="C77120" s="14" t="s">
        <v>109</v>
      </c>
      <c r="D77120" s="14" t="s">
        <v>395</v>
      </c>
      <c r="E77120" s="15">
        <v>45481</v>
      </c>
      <c r="F77120" s="14" t="s">
        <v>61</v>
      </c>
      <c r="G77120" s="16">
        <v>0</v>
      </c>
    </row>
    <row r="77121" spans="1:7" x14ac:dyDescent="0.3">
      <c r="A77121" s="13" t="s">
        <v>394</v>
      </c>
      <c r="B77121" s="14" t="s">
        <v>1</v>
      </c>
      <c r="C77121" s="14" t="s">
        <v>109</v>
      </c>
      <c r="D77121" s="14" t="s">
        <v>395</v>
      </c>
      <c r="E77121" s="15">
        <v>45482</v>
      </c>
      <c r="F77121" s="14" t="s">
        <v>61</v>
      </c>
      <c r="G77121" s="16">
        <v>0</v>
      </c>
    </row>
    <row r="77122" spans="1:7" x14ac:dyDescent="0.3">
      <c r="A77122" s="13" t="s">
        <v>394</v>
      </c>
      <c r="B77122" s="14" t="s">
        <v>1</v>
      </c>
      <c r="C77122" s="14" t="s">
        <v>109</v>
      </c>
      <c r="D77122" s="14" t="s">
        <v>395</v>
      </c>
      <c r="E77122" s="15">
        <v>45483</v>
      </c>
      <c r="F77122" s="14" t="s">
        <v>61</v>
      </c>
      <c r="G77122" s="16">
        <v>0</v>
      </c>
    </row>
    <row r="77123" spans="1:7" x14ac:dyDescent="0.3">
      <c r="A77123" s="13" t="s">
        <v>394</v>
      </c>
      <c r="B77123" s="14" t="s">
        <v>1</v>
      </c>
      <c r="C77123" s="14" t="s">
        <v>109</v>
      </c>
      <c r="D77123" s="14" t="s">
        <v>395</v>
      </c>
      <c r="E77123" s="15">
        <v>45484</v>
      </c>
      <c r="F77123" s="14" t="s">
        <v>61</v>
      </c>
      <c r="G77123" s="16">
        <v>0</v>
      </c>
    </row>
    <row r="77124" spans="1:7" x14ac:dyDescent="0.3">
      <c r="A77124" s="13" t="s">
        <v>394</v>
      </c>
      <c r="B77124" s="14" t="s">
        <v>1</v>
      </c>
      <c r="C77124" s="14" t="s">
        <v>109</v>
      </c>
      <c r="D77124" s="14" t="s">
        <v>395</v>
      </c>
      <c r="E77124" s="15">
        <v>45485</v>
      </c>
      <c r="F77124" s="14" t="s">
        <v>61</v>
      </c>
      <c r="G77124" s="16">
        <v>0</v>
      </c>
    </row>
    <row r="77125" spans="1:7" x14ac:dyDescent="0.3">
      <c r="A77125" s="13" t="s">
        <v>394</v>
      </c>
      <c r="B77125" s="14" t="s">
        <v>1</v>
      </c>
      <c r="C77125" s="14" t="s">
        <v>109</v>
      </c>
      <c r="D77125" s="14" t="s">
        <v>395</v>
      </c>
      <c r="E77125" s="15">
        <v>45486</v>
      </c>
      <c r="F77125" s="14" t="s">
        <v>61</v>
      </c>
      <c r="G77125" s="16">
        <v>0</v>
      </c>
    </row>
    <row r="77126" spans="1:7" x14ac:dyDescent="0.3">
      <c r="A77126" s="13" t="s">
        <v>394</v>
      </c>
      <c r="B77126" s="14" t="s">
        <v>1</v>
      </c>
      <c r="C77126" s="14" t="s">
        <v>109</v>
      </c>
      <c r="D77126" s="14" t="s">
        <v>395</v>
      </c>
      <c r="E77126" s="15">
        <v>45487</v>
      </c>
      <c r="F77126" s="14" t="s">
        <v>61</v>
      </c>
      <c r="G77126" s="16">
        <v>0</v>
      </c>
    </row>
    <row r="77127" spans="1:7" x14ac:dyDescent="0.3">
      <c r="A77127" s="13" t="s">
        <v>394</v>
      </c>
      <c r="B77127" s="14" t="s">
        <v>1</v>
      </c>
      <c r="C77127" s="14" t="s">
        <v>109</v>
      </c>
      <c r="D77127" s="14" t="s">
        <v>395</v>
      </c>
      <c r="E77127" s="15">
        <v>45488</v>
      </c>
      <c r="F77127" s="14" t="s">
        <v>61</v>
      </c>
      <c r="G77127" s="16">
        <v>0</v>
      </c>
    </row>
    <row r="77128" spans="1:7" x14ac:dyDescent="0.3">
      <c r="A77128" s="13" t="s">
        <v>394</v>
      </c>
      <c r="B77128" s="14" t="s">
        <v>1</v>
      </c>
      <c r="C77128" s="14" t="s">
        <v>109</v>
      </c>
      <c r="D77128" s="14" t="s">
        <v>395</v>
      </c>
      <c r="E77128" s="15">
        <v>45489</v>
      </c>
      <c r="F77128" s="14" t="s">
        <v>61</v>
      </c>
      <c r="G77128" s="16">
        <v>0</v>
      </c>
    </row>
    <row r="77129" spans="1:7" x14ac:dyDescent="0.3">
      <c r="A77129" s="13" t="s">
        <v>394</v>
      </c>
      <c r="B77129" s="14" t="s">
        <v>1</v>
      </c>
      <c r="C77129" s="14" t="s">
        <v>109</v>
      </c>
      <c r="D77129" s="14" t="s">
        <v>395</v>
      </c>
      <c r="E77129" s="15">
        <v>45490</v>
      </c>
      <c r="F77129" s="14" t="s">
        <v>61</v>
      </c>
      <c r="G77129" s="16">
        <v>0</v>
      </c>
    </row>
    <row r="77130" spans="1:7" x14ac:dyDescent="0.3">
      <c r="A77130" s="13" t="s">
        <v>394</v>
      </c>
      <c r="B77130" s="14" t="s">
        <v>1</v>
      </c>
      <c r="C77130" s="14" t="s">
        <v>109</v>
      </c>
      <c r="D77130" s="14" t="s">
        <v>395</v>
      </c>
      <c r="E77130" s="15">
        <v>45491</v>
      </c>
      <c r="F77130" s="14" t="s">
        <v>61</v>
      </c>
      <c r="G77130" s="16">
        <v>0</v>
      </c>
    </row>
    <row r="77131" spans="1:7" x14ac:dyDescent="0.3">
      <c r="A77131" s="13" t="s">
        <v>394</v>
      </c>
      <c r="B77131" s="14" t="s">
        <v>1</v>
      </c>
      <c r="C77131" s="14" t="s">
        <v>109</v>
      </c>
      <c r="D77131" s="14" t="s">
        <v>395</v>
      </c>
      <c r="E77131" s="15">
        <v>45492</v>
      </c>
      <c r="F77131" s="14" t="s">
        <v>61</v>
      </c>
      <c r="G77131" s="16">
        <v>0</v>
      </c>
    </row>
    <row r="77132" spans="1:7" x14ac:dyDescent="0.3">
      <c r="A77132" s="13" t="s">
        <v>394</v>
      </c>
      <c r="B77132" s="14" t="s">
        <v>1</v>
      </c>
      <c r="C77132" s="14" t="s">
        <v>109</v>
      </c>
      <c r="D77132" s="14" t="s">
        <v>395</v>
      </c>
      <c r="E77132" s="15">
        <v>45493</v>
      </c>
      <c r="F77132" s="14" t="s">
        <v>61</v>
      </c>
      <c r="G77132" s="16">
        <v>0</v>
      </c>
    </row>
    <row r="77133" spans="1:7" x14ac:dyDescent="0.3">
      <c r="A77133" s="13" t="s">
        <v>394</v>
      </c>
      <c r="B77133" s="14" t="s">
        <v>1</v>
      </c>
      <c r="C77133" s="14" t="s">
        <v>109</v>
      </c>
      <c r="D77133" s="14" t="s">
        <v>395</v>
      </c>
      <c r="E77133" s="15">
        <v>45494</v>
      </c>
      <c r="F77133" s="14" t="s">
        <v>61</v>
      </c>
      <c r="G77133" s="16">
        <v>0</v>
      </c>
    </row>
    <row r="77134" spans="1:7" x14ac:dyDescent="0.3">
      <c r="A77134" s="13" t="s">
        <v>394</v>
      </c>
      <c r="B77134" s="14" t="s">
        <v>1</v>
      </c>
      <c r="C77134" s="14" t="s">
        <v>109</v>
      </c>
      <c r="D77134" s="14" t="s">
        <v>395</v>
      </c>
      <c r="E77134" s="15">
        <v>45495</v>
      </c>
      <c r="F77134" s="14" t="s">
        <v>61</v>
      </c>
      <c r="G77134" s="16">
        <v>0</v>
      </c>
    </row>
    <row r="77135" spans="1:7" x14ac:dyDescent="0.3">
      <c r="A77135" s="13" t="s">
        <v>394</v>
      </c>
      <c r="B77135" s="14" t="s">
        <v>1</v>
      </c>
      <c r="C77135" s="14" t="s">
        <v>109</v>
      </c>
      <c r="D77135" s="14" t="s">
        <v>395</v>
      </c>
      <c r="E77135" s="15">
        <v>45496</v>
      </c>
      <c r="F77135" s="14" t="s">
        <v>61</v>
      </c>
      <c r="G77135" s="16">
        <v>0</v>
      </c>
    </row>
    <row r="77136" spans="1:7" x14ac:dyDescent="0.3">
      <c r="A77136" s="13" t="s">
        <v>394</v>
      </c>
      <c r="B77136" s="14" t="s">
        <v>1</v>
      </c>
      <c r="C77136" s="14" t="s">
        <v>109</v>
      </c>
      <c r="D77136" s="14" t="s">
        <v>395</v>
      </c>
      <c r="E77136" s="15">
        <v>45497</v>
      </c>
      <c r="F77136" s="14" t="s">
        <v>61</v>
      </c>
      <c r="G77136" s="16">
        <v>0</v>
      </c>
    </row>
    <row r="77137" spans="1:7" x14ac:dyDescent="0.3">
      <c r="A77137" s="13" t="s">
        <v>394</v>
      </c>
      <c r="B77137" s="14" t="s">
        <v>1</v>
      </c>
      <c r="C77137" s="14" t="s">
        <v>109</v>
      </c>
      <c r="D77137" s="14" t="s">
        <v>395</v>
      </c>
      <c r="E77137" s="15">
        <v>45498</v>
      </c>
      <c r="F77137" s="14" t="s">
        <v>61</v>
      </c>
      <c r="G77137" s="16">
        <v>0</v>
      </c>
    </row>
    <row r="77138" spans="1:7" x14ac:dyDescent="0.3">
      <c r="A77138" s="13" t="s">
        <v>394</v>
      </c>
      <c r="B77138" s="14" t="s">
        <v>1</v>
      </c>
      <c r="C77138" s="14" t="s">
        <v>109</v>
      </c>
      <c r="D77138" s="14" t="s">
        <v>395</v>
      </c>
      <c r="E77138" s="15">
        <v>45499</v>
      </c>
      <c r="F77138" s="14" t="s">
        <v>61</v>
      </c>
      <c r="G77138" s="16">
        <v>0</v>
      </c>
    </row>
    <row r="77139" spans="1:7" x14ac:dyDescent="0.3">
      <c r="A77139" s="13" t="s">
        <v>394</v>
      </c>
      <c r="B77139" s="14" t="s">
        <v>1</v>
      </c>
      <c r="C77139" s="14" t="s">
        <v>109</v>
      </c>
      <c r="D77139" s="14" t="s">
        <v>395</v>
      </c>
      <c r="E77139" s="15">
        <v>45500</v>
      </c>
      <c r="F77139" s="14" t="s">
        <v>61</v>
      </c>
      <c r="G77139" s="16">
        <v>0</v>
      </c>
    </row>
    <row r="77140" spans="1:7" x14ac:dyDescent="0.3">
      <c r="A77140" s="13" t="s">
        <v>394</v>
      </c>
      <c r="B77140" s="14" t="s">
        <v>1</v>
      </c>
      <c r="C77140" s="14" t="s">
        <v>109</v>
      </c>
      <c r="D77140" s="14" t="s">
        <v>395</v>
      </c>
      <c r="E77140" s="15">
        <v>45501</v>
      </c>
      <c r="F77140" s="14" t="s">
        <v>61</v>
      </c>
      <c r="G77140" s="16">
        <v>0</v>
      </c>
    </row>
    <row r="77141" spans="1:7" x14ac:dyDescent="0.3">
      <c r="A77141" s="13" t="s">
        <v>394</v>
      </c>
      <c r="B77141" s="14" t="s">
        <v>1</v>
      </c>
      <c r="C77141" s="14" t="s">
        <v>109</v>
      </c>
      <c r="D77141" s="14" t="s">
        <v>395</v>
      </c>
      <c r="E77141" s="15">
        <v>45502</v>
      </c>
      <c r="F77141" s="14" t="s">
        <v>61</v>
      </c>
      <c r="G77141" s="16">
        <v>0</v>
      </c>
    </row>
    <row r="77142" spans="1:7" x14ac:dyDescent="0.3">
      <c r="A77142" s="13" t="s">
        <v>394</v>
      </c>
      <c r="B77142" s="14" t="s">
        <v>1</v>
      </c>
      <c r="C77142" s="14" t="s">
        <v>109</v>
      </c>
      <c r="D77142" s="14" t="s">
        <v>395</v>
      </c>
      <c r="E77142" s="15">
        <v>45503</v>
      </c>
      <c r="F77142" s="14" t="s">
        <v>61</v>
      </c>
      <c r="G77142" s="16">
        <v>0</v>
      </c>
    </row>
    <row r="77143" spans="1:7" x14ac:dyDescent="0.3">
      <c r="A77143" s="13" t="s">
        <v>394</v>
      </c>
      <c r="B77143" s="14" t="s">
        <v>1</v>
      </c>
      <c r="C77143" s="14" t="s">
        <v>109</v>
      </c>
      <c r="D77143" s="14" t="s">
        <v>395</v>
      </c>
      <c r="E77143" s="15">
        <v>45504</v>
      </c>
      <c r="F77143" s="14" t="s">
        <v>61</v>
      </c>
      <c r="G77143" s="16">
        <v>0</v>
      </c>
    </row>
    <row r="77144" spans="1:7" x14ac:dyDescent="0.3">
      <c r="A77144" s="13" t="s">
        <v>394</v>
      </c>
      <c r="B77144" s="14" t="s">
        <v>1</v>
      </c>
      <c r="C77144" s="14" t="s">
        <v>109</v>
      </c>
      <c r="D77144" s="14" t="s">
        <v>395</v>
      </c>
      <c r="E77144" s="15">
        <v>45505</v>
      </c>
      <c r="F77144" s="14" t="s">
        <v>61</v>
      </c>
      <c r="G77144" s="16">
        <v>0</v>
      </c>
    </row>
    <row r="77145" spans="1:7" x14ac:dyDescent="0.3">
      <c r="A77145" s="13" t="s">
        <v>394</v>
      </c>
      <c r="B77145" s="14" t="s">
        <v>1</v>
      </c>
      <c r="C77145" s="14" t="s">
        <v>109</v>
      </c>
      <c r="D77145" s="14" t="s">
        <v>395</v>
      </c>
      <c r="E77145" s="15">
        <v>45506</v>
      </c>
      <c r="F77145" s="14" t="s">
        <v>61</v>
      </c>
      <c r="G77145" s="16">
        <v>0</v>
      </c>
    </row>
    <row r="77146" spans="1:7" x14ac:dyDescent="0.3">
      <c r="A77146" s="13" t="s">
        <v>394</v>
      </c>
      <c r="B77146" s="14" t="s">
        <v>1</v>
      </c>
      <c r="C77146" s="14" t="s">
        <v>109</v>
      </c>
      <c r="D77146" s="14" t="s">
        <v>395</v>
      </c>
      <c r="E77146" s="15">
        <v>45507</v>
      </c>
      <c r="F77146" s="14" t="s">
        <v>61</v>
      </c>
      <c r="G77146" s="16">
        <v>0</v>
      </c>
    </row>
    <row r="77147" spans="1:7" x14ac:dyDescent="0.3">
      <c r="A77147" s="13" t="s">
        <v>394</v>
      </c>
      <c r="B77147" s="14" t="s">
        <v>1</v>
      </c>
      <c r="C77147" s="14" t="s">
        <v>109</v>
      </c>
      <c r="D77147" s="14" t="s">
        <v>395</v>
      </c>
      <c r="E77147" s="15">
        <v>45508</v>
      </c>
      <c r="F77147" s="14" t="s">
        <v>61</v>
      </c>
      <c r="G77147" s="16">
        <v>0</v>
      </c>
    </row>
    <row r="77148" spans="1:7" x14ac:dyDescent="0.3">
      <c r="A77148" s="13" t="s">
        <v>394</v>
      </c>
      <c r="B77148" s="14" t="s">
        <v>1</v>
      </c>
      <c r="C77148" s="14" t="s">
        <v>109</v>
      </c>
      <c r="D77148" s="14" t="s">
        <v>395</v>
      </c>
      <c r="E77148" s="15">
        <v>45509</v>
      </c>
      <c r="F77148" s="14" t="s">
        <v>61</v>
      </c>
      <c r="G77148" s="16">
        <v>0</v>
      </c>
    </row>
    <row r="77149" spans="1:7" x14ac:dyDescent="0.3">
      <c r="A77149" s="13" t="s">
        <v>394</v>
      </c>
      <c r="B77149" s="14" t="s">
        <v>1</v>
      </c>
      <c r="C77149" s="14" t="s">
        <v>109</v>
      </c>
      <c r="D77149" s="14" t="s">
        <v>395</v>
      </c>
      <c r="E77149" s="15">
        <v>45510</v>
      </c>
      <c r="F77149" s="14" t="s">
        <v>61</v>
      </c>
      <c r="G77149" s="16">
        <v>0</v>
      </c>
    </row>
    <row r="77150" spans="1:7" x14ac:dyDescent="0.3">
      <c r="A77150" s="13" t="s">
        <v>394</v>
      </c>
      <c r="B77150" s="14" t="s">
        <v>1</v>
      </c>
      <c r="C77150" s="14" t="s">
        <v>109</v>
      </c>
      <c r="D77150" s="14" t="s">
        <v>395</v>
      </c>
      <c r="E77150" s="15">
        <v>45511</v>
      </c>
      <c r="F77150" s="14" t="s">
        <v>61</v>
      </c>
      <c r="G77150" s="16">
        <v>0</v>
      </c>
    </row>
    <row r="77151" spans="1:7" x14ac:dyDescent="0.3">
      <c r="A77151" s="13" t="s">
        <v>394</v>
      </c>
      <c r="B77151" s="14" t="s">
        <v>1</v>
      </c>
      <c r="C77151" s="14" t="s">
        <v>109</v>
      </c>
      <c r="D77151" s="14" t="s">
        <v>395</v>
      </c>
      <c r="E77151" s="15">
        <v>45512</v>
      </c>
      <c r="F77151" s="14" t="s">
        <v>61</v>
      </c>
      <c r="G77151" s="16">
        <v>0</v>
      </c>
    </row>
    <row r="77152" spans="1:7" x14ac:dyDescent="0.3">
      <c r="A77152" s="13" t="s">
        <v>394</v>
      </c>
      <c r="B77152" s="14" t="s">
        <v>1</v>
      </c>
      <c r="C77152" s="14" t="s">
        <v>109</v>
      </c>
      <c r="D77152" s="14" t="s">
        <v>395</v>
      </c>
      <c r="E77152" s="15">
        <v>45513</v>
      </c>
      <c r="F77152" s="14" t="s">
        <v>61</v>
      </c>
      <c r="G77152" s="16">
        <v>0</v>
      </c>
    </row>
    <row r="77153" spans="1:7" x14ac:dyDescent="0.3">
      <c r="A77153" s="13" t="s">
        <v>394</v>
      </c>
      <c r="B77153" s="14" t="s">
        <v>1</v>
      </c>
      <c r="C77153" s="14" t="s">
        <v>109</v>
      </c>
      <c r="D77153" s="14" t="s">
        <v>395</v>
      </c>
      <c r="E77153" s="15">
        <v>45514</v>
      </c>
      <c r="F77153" s="14" t="s">
        <v>61</v>
      </c>
      <c r="G77153" s="16">
        <v>0</v>
      </c>
    </row>
    <row r="77154" spans="1:7" x14ac:dyDescent="0.3">
      <c r="A77154" s="13" t="s">
        <v>394</v>
      </c>
      <c r="B77154" s="14" t="s">
        <v>1</v>
      </c>
      <c r="C77154" s="14" t="s">
        <v>109</v>
      </c>
      <c r="D77154" s="14" t="s">
        <v>395</v>
      </c>
      <c r="E77154" s="15">
        <v>45515</v>
      </c>
      <c r="F77154" s="14" t="s">
        <v>61</v>
      </c>
      <c r="G77154" s="16">
        <v>0</v>
      </c>
    </row>
    <row r="77155" spans="1:7" x14ac:dyDescent="0.3">
      <c r="A77155" s="13" t="s">
        <v>394</v>
      </c>
      <c r="B77155" s="14" t="s">
        <v>1</v>
      </c>
      <c r="C77155" s="14" t="s">
        <v>109</v>
      </c>
      <c r="D77155" s="14" t="s">
        <v>395</v>
      </c>
      <c r="E77155" s="15">
        <v>45516</v>
      </c>
      <c r="F77155" s="14" t="s">
        <v>61</v>
      </c>
      <c r="G77155" s="16">
        <v>0</v>
      </c>
    </row>
    <row r="77156" spans="1:7" x14ac:dyDescent="0.3">
      <c r="A77156" s="13" t="s">
        <v>394</v>
      </c>
      <c r="B77156" s="14" t="s">
        <v>1</v>
      </c>
      <c r="C77156" s="14" t="s">
        <v>109</v>
      </c>
      <c r="D77156" s="14" t="s">
        <v>395</v>
      </c>
      <c r="E77156" s="15">
        <v>45517</v>
      </c>
      <c r="F77156" s="14" t="s">
        <v>61</v>
      </c>
      <c r="G77156" s="16">
        <v>0</v>
      </c>
    </row>
    <row r="77157" spans="1:7" x14ac:dyDescent="0.3">
      <c r="A77157" s="13" t="s">
        <v>394</v>
      </c>
      <c r="B77157" s="14" t="s">
        <v>1</v>
      </c>
      <c r="C77157" s="14" t="s">
        <v>109</v>
      </c>
      <c r="D77157" s="14" t="s">
        <v>395</v>
      </c>
      <c r="E77157" s="15">
        <v>45518</v>
      </c>
      <c r="F77157" s="14" t="s">
        <v>61</v>
      </c>
      <c r="G77157" s="16">
        <v>0</v>
      </c>
    </row>
    <row r="77158" spans="1:7" x14ac:dyDescent="0.3">
      <c r="A77158" s="13" t="s">
        <v>394</v>
      </c>
      <c r="B77158" s="14" t="s">
        <v>1</v>
      </c>
      <c r="C77158" s="14" t="s">
        <v>109</v>
      </c>
      <c r="D77158" s="14" t="s">
        <v>395</v>
      </c>
      <c r="E77158" s="15">
        <v>45519</v>
      </c>
      <c r="F77158" s="14" t="s">
        <v>61</v>
      </c>
      <c r="G77158" s="16">
        <v>0</v>
      </c>
    </row>
    <row r="77159" spans="1:7" x14ac:dyDescent="0.3">
      <c r="A77159" s="13" t="s">
        <v>394</v>
      </c>
      <c r="B77159" s="14" t="s">
        <v>1</v>
      </c>
      <c r="C77159" s="14" t="s">
        <v>109</v>
      </c>
      <c r="D77159" s="14" t="s">
        <v>395</v>
      </c>
      <c r="E77159" s="15">
        <v>45520</v>
      </c>
      <c r="F77159" s="14" t="s">
        <v>61</v>
      </c>
      <c r="G77159" s="16">
        <v>0</v>
      </c>
    </row>
    <row r="77160" spans="1:7" x14ac:dyDescent="0.3">
      <c r="A77160" s="13" t="s">
        <v>394</v>
      </c>
      <c r="B77160" s="14" t="s">
        <v>1</v>
      </c>
      <c r="C77160" s="14" t="s">
        <v>109</v>
      </c>
      <c r="D77160" s="14" t="s">
        <v>395</v>
      </c>
      <c r="E77160" s="15">
        <v>45521</v>
      </c>
      <c r="F77160" s="14" t="s">
        <v>61</v>
      </c>
      <c r="G77160" s="16">
        <v>0</v>
      </c>
    </row>
    <row r="77161" spans="1:7" x14ac:dyDescent="0.3">
      <c r="A77161" s="13" t="s">
        <v>394</v>
      </c>
      <c r="B77161" s="14" t="s">
        <v>1</v>
      </c>
      <c r="C77161" s="14" t="s">
        <v>109</v>
      </c>
      <c r="D77161" s="14" t="s">
        <v>395</v>
      </c>
      <c r="E77161" s="15">
        <v>45522</v>
      </c>
      <c r="F77161" s="14" t="s">
        <v>61</v>
      </c>
      <c r="G77161" s="16">
        <v>0</v>
      </c>
    </row>
    <row r="77162" spans="1:7" x14ac:dyDescent="0.3">
      <c r="A77162" s="13" t="s">
        <v>394</v>
      </c>
      <c r="B77162" s="14" t="s">
        <v>1</v>
      </c>
      <c r="C77162" s="14" t="s">
        <v>109</v>
      </c>
      <c r="D77162" s="14" t="s">
        <v>395</v>
      </c>
      <c r="E77162" s="15">
        <v>45523</v>
      </c>
      <c r="F77162" s="14" t="s">
        <v>61</v>
      </c>
      <c r="G77162" s="16">
        <v>0</v>
      </c>
    </row>
    <row r="77163" spans="1:7" x14ac:dyDescent="0.3">
      <c r="A77163" s="13" t="s">
        <v>394</v>
      </c>
      <c r="B77163" s="14" t="s">
        <v>1</v>
      </c>
      <c r="C77163" s="14" t="s">
        <v>109</v>
      </c>
      <c r="D77163" s="14" t="s">
        <v>395</v>
      </c>
      <c r="E77163" s="15">
        <v>45524</v>
      </c>
      <c r="F77163" s="14" t="s">
        <v>61</v>
      </c>
      <c r="G77163" s="16">
        <v>0</v>
      </c>
    </row>
    <row r="77164" spans="1:7" x14ac:dyDescent="0.3">
      <c r="A77164" s="13" t="s">
        <v>394</v>
      </c>
      <c r="B77164" s="14" t="s">
        <v>1</v>
      </c>
      <c r="C77164" s="14" t="s">
        <v>109</v>
      </c>
      <c r="D77164" s="14" t="s">
        <v>395</v>
      </c>
      <c r="E77164" s="15">
        <v>45525</v>
      </c>
      <c r="F77164" s="14" t="s">
        <v>61</v>
      </c>
      <c r="G77164" s="16">
        <v>0</v>
      </c>
    </row>
    <row r="77165" spans="1:7" x14ac:dyDescent="0.3">
      <c r="A77165" s="13" t="s">
        <v>394</v>
      </c>
      <c r="B77165" s="14" t="s">
        <v>1</v>
      </c>
      <c r="C77165" s="14" t="s">
        <v>109</v>
      </c>
      <c r="D77165" s="14" t="s">
        <v>395</v>
      </c>
      <c r="E77165" s="15">
        <v>45526</v>
      </c>
      <c r="F77165" s="14" t="s">
        <v>61</v>
      </c>
      <c r="G77165" s="16">
        <v>0</v>
      </c>
    </row>
    <row r="77166" spans="1:7" x14ac:dyDescent="0.3">
      <c r="A77166" s="13" t="s">
        <v>394</v>
      </c>
      <c r="B77166" s="14" t="s">
        <v>1</v>
      </c>
      <c r="C77166" s="14" t="s">
        <v>109</v>
      </c>
      <c r="D77166" s="14" t="s">
        <v>395</v>
      </c>
      <c r="E77166" s="15">
        <v>45527</v>
      </c>
      <c r="F77166" s="14" t="s">
        <v>61</v>
      </c>
      <c r="G77166" s="16">
        <v>0</v>
      </c>
    </row>
    <row r="77167" spans="1:7" x14ac:dyDescent="0.3">
      <c r="A77167" s="13" t="s">
        <v>394</v>
      </c>
      <c r="B77167" s="14" t="s">
        <v>1</v>
      </c>
      <c r="C77167" s="14" t="s">
        <v>109</v>
      </c>
      <c r="D77167" s="14" t="s">
        <v>395</v>
      </c>
      <c r="E77167" s="15">
        <v>45528</v>
      </c>
      <c r="F77167" s="14" t="s">
        <v>61</v>
      </c>
      <c r="G77167" s="16">
        <v>0</v>
      </c>
    </row>
    <row r="77168" spans="1:7" x14ac:dyDescent="0.3">
      <c r="A77168" s="13" t="s">
        <v>394</v>
      </c>
      <c r="B77168" s="14" t="s">
        <v>1</v>
      </c>
      <c r="C77168" s="14" t="s">
        <v>109</v>
      </c>
      <c r="D77168" s="14" t="s">
        <v>395</v>
      </c>
      <c r="E77168" s="15">
        <v>45529</v>
      </c>
      <c r="F77168" s="14" t="s">
        <v>61</v>
      </c>
      <c r="G77168" s="16">
        <v>0</v>
      </c>
    </row>
    <row r="77169" spans="1:7" x14ac:dyDescent="0.3">
      <c r="A77169" s="13" t="s">
        <v>394</v>
      </c>
      <c r="B77169" s="14" t="s">
        <v>1</v>
      </c>
      <c r="C77169" s="14" t="s">
        <v>109</v>
      </c>
      <c r="D77169" s="14" t="s">
        <v>395</v>
      </c>
      <c r="E77169" s="15">
        <v>45530</v>
      </c>
      <c r="F77169" s="14" t="s">
        <v>61</v>
      </c>
      <c r="G77169" s="16">
        <v>0</v>
      </c>
    </row>
    <row r="77170" spans="1:7" x14ac:dyDescent="0.3">
      <c r="A77170" s="13" t="s">
        <v>394</v>
      </c>
      <c r="B77170" s="14" t="s">
        <v>1</v>
      </c>
      <c r="C77170" s="14" t="s">
        <v>109</v>
      </c>
      <c r="D77170" s="14" t="s">
        <v>395</v>
      </c>
      <c r="E77170" s="15">
        <v>45531</v>
      </c>
      <c r="F77170" s="14" t="s">
        <v>61</v>
      </c>
      <c r="G77170" s="16">
        <v>0</v>
      </c>
    </row>
    <row r="77171" spans="1:7" x14ac:dyDescent="0.3">
      <c r="A77171" s="13" t="s">
        <v>394</v>
      </c>
      <c r="B77171" s="14" t="s">
        <v>1</v>
      </c>
      <c r="C77171" s="14" t="s">
        <v>109</v>
      </c>
      <c r="D77171" s="14" t="s">
        <v>395</v>
      </c>
      <c r="E77171" s="15">
        <v>45532</v>
      </c>
      <c r="F77171" s="14" t="s">
        <v>61</v>
      </c>
      <c r="G77171" s="16">
        <v>0</v>
      </c>
    </row>
    <row r="77172" spans="1:7" x14ac:dyDescent="0.3">
      <c r="A77172" s="13" t="s">
        <v>394</v>
      </c>
      <c r="B77172" s="14" t="s">
        <v>1</v>
      </c>
      <c r="C77172" s="14" t="s">
        <v>109</v>
      </c>
      <c r="D77172" s="14" t="s">
        <v>395</v>
      </c>
      <c r="E77172" s="15">
        <v>45533</v>
      </c>
      <c r="F77172" s="14" t="s">
        <v>61</v>
      </c>
      <c r="G77172" s="16">
        <v>0</v>
      </c>
    </row>
    <row r="77173" spans="1:7" x14ac:dyDescent="0.3">
      <c r="A77173" s="13" t="s">
        <v>394</v>
      </c>
      <c r="B77173" s="14" t="s">
        <v>1</v>
      </c>
      <c r="C77173" s="14" t="s">
        <v>109</v>
      </c>
      <c r="D77173" s="14" t="s">
        <v>395</v>
      </c>
      <c r="E77173" s="15">
        <v>45534</v>
      </c>
      <c r="F77173" s="14" t="s">
        <v>61</v>
      </c>
      <c r="G77173" s="16">
        <v>0</v>
      </c>
    </row>
    <row r="77174" spans="1:7" x14ac:dyDescent="0.3">
      <c r="A77174" s="13" t="s">
        <v>394</v>
      </c>
      <c r="B77174" s="14" t="s">
        <v>1</v>
      </c>
      <c r="C77174" s="14" t="s">
        <v>109</v>
      </c>
      <c r="D77174" s="14" t="s">
        <v>395</v>
      </c>
      <c r="E77174" s="15">
        <v>45535</v>
      </c>
      <c r="F77174" s="14" t="s">
        <v>61</v>
      </c>
      <c r="G77174" s="16">
        <v>0</v>
      </c>
    </row>
    <row r="77175" spans="1:7" x14ac:dyDescent="0.3">
      <c r="A77175" s="13" t="s">
        <v>394</v>
      </c>
      <c r="B77175" s="14" t="s">
        <v>1</v>
      </c>
      <c r="C77175" s="14" t="s">
        <v>109</v>
      </c>
      <c r="D77175" s="14" t="s">
        <v>395</v>
      </c>
      <c r="E77175" s="15">
        <v>45536</v>
      </c>
      <c r="F77175" s="14" t="s">
        <v>61</v>
      </c>
      <c r="G77175" s="16">
        <v>0</v>
      </c>
    </row>
    <row r="77176" spans="1:7" x14ac:dyDescent="0.3">
      <c r="A77176" s="13" t="s">
        <v>394</v>
      </c>
      <c r="B77176" s="14" t="s">
        <v>1</v>
      </c>
      <c r="C77176" s="14" t="s">
        <v>109</v>
      </c>
      <c r="D77176" s="14" t="s">
        <v>395</v>
      </c>
      <c r="E77176" s="15">
        <v>45537</v>
      </c>
      <c r="F77176" s="14" t="s">
        <v>61</v>
      </c>
      <c r="G77176" s="16">
        <v>0</v>
      </c>
    </row>
    <row r="77177" spans="1:7" x14ac:dyDescent="0.3">
      <c r="A77177" s="13" t="s">
        <v>394</v>
      </c>
      <c r="B77177" s="14" t="s">
        <v>1</v>
      </c>
      <c r="C77177" s="14" t="s">
        <v>109</v>
      </c>
      <c r="D77177" s="14" t="s">
        <v>395</v>
      </c>
      <c r="E77177" s="15">
        <v>45538</v>
      </c>
      <c r="F77177" s="14" t="s">
        <v>61</v>
      </c>
      <c r="G77177" s="16">
        <v>0</v>
      </c>
    </row>
    <row r="77178" spans="1:7" x14ac:dyDescent="0.3">
      <c r="A77178" s="13" t="s">
        <v>394</v>
      </c>
      <c r="B77178" s="14" t="s">
        <v>1</v>
      </c>
      <c r="C77178" s="14" t="s">
        <v>109</v>
      </c>
      <c r="D77178" s="14" t="s">
        <v>395</v>
      </c>
      <c r="E77178" s="15">
        <v>45539</v>
      </c>
      <c r="F77178" s="14" t="s">
        <v>61</v>
      </c>
      <c r="G77178" s="16">
        <v>0</v>
      </c>
    </row>
    <row r="77179" spans="1:7" x14ac:dyDescent="0.3">
      <c r="A77179" s="13" t="s">
        <v>394</v>
      </c>
      <c r="B77179" s="14" t="s">
        <v>1</v>
      </c>
      <c r="C77179" s="14" t="s">
        <v>109</v>
      </c>
      <c r="D77179" s="14" t="s">
        <v>395</v>
      </c>
      <c r="E77179" s="15">
        <v>45540</v>
      </c>
      <c r="F77179" s="14" t="s">
        <v>61</v>
      </c>
      <c r="G77179" s="16">
        <v>0</v>
      </c>
    </row>
    <row r="77180" spans="1:7" x14ac:dyDescent="0.3">
      <c r="A77180" s="13" t="s">
        <v>394</v>
      </c>
      <c r="B77180" s="14" t="s">
        <v>1</v>
      </c>
      <c r="C77180" s="14" t="s">
        <v>109</v>
      </c>
      <c r="D77180" s="14" t="s">
        <v>395</v>
      </c>
      <c r="E77180" s="15">
        <v>45541</v>
      </c>
      <c r="F77180" s="14" t="s">
        <v>61</v>
      </c>
      <c r="G77180" s="16">
        <v>0</v>
      </c>
    </row>
    <row r="77181" spans="1:7" x14ac:dyDescent="0.3">
      <c r="A77181" s="13" t="s">
        <v>394</v>
      </c>
      <c r="B77181" s="14" t="s">
        <v>1</v>
      </c>
      <c r="C77181" s="14" t="s">
        <v>109</v>
      </c>
      <c r="D77181" s="14" t="s">
        <v>395</v>
      </c>
      <c r="E77181" s="15">
        <v>45542</v>
      </c>
      <c r="F77181" s="14" t="s">
        <v>61</v>
      </c>
      <c r="G77181" s="16">
        <v>0</v>
      </c>
    </row>
    <row r="77182" spans="1:7" x14ac:dyDescent="0.3">
      <c r="A77182" s="13" t="s">
        <v>394</v>
      </c>
      <c r="B77182" s="14" t="s">
        <v>1</v>
      </c>
      <c r="C77182" s="14" t="s">
        <v>109</v>
      </c>
      <c r="D77182" s="14" t="s">
        <v>395</v>
      </c>
      <c r="E77182" s="15">
        <v>45543</v>
      </c>
      <c r="F77182" s="14" t="s">
        <v>61</v>
      </c>
      <c r="G77182" s="16">
        <v>0</v>
      </c>
    </row>
    <row r="77183" spans="1:7" x14ac:dyDescent="0.3">
      <c r="A77183" s="13" t="s">
        <v>394</v>
      </c>
      <c r="B77183" s="14" t="s">
        <v>1</v>
      </c>
      <c r="C77183" s="14" t="s">
        <v>109</v>
      </c>
      <c r="D77183" s="14" t="s">
        <v>395</v>
      </c>
      <c r="E77183" s="15">
        <v>45544</v>
      </c>
      <c r="F77183" s="14" t="s">
        <v>61</v>
      </c>
      <c r="G77183" s="16">
        <v>0</v>
      </c>
    </row>
    <row r="77184" spans="1:7" x14ac:dyDescent="0.3">
      <c r="A77184" s="13" t="s">
        <v>394</v>
      </c>
      <c r="B77184" s="14" t="s">
        <v>1</v>
      </c>
      <c r="C77184" s="14" t="s">
        <v>109</v>
      </c>
      <c r="D77184" s="14" t="s">
        <v>395</v>
      </c>
      <c r="E77184" s="15">
        <v>45545</v>
      </c>
      <c r="F77184" s="14" t="s">
        <v>61</v>
      </c>
      <c r="G77184" s="16">
        <v>0</v>
      </c>
    </row>
    <row r="77185" spans="1:7" x14ac:dyDescent="0.3">
      <c r="A77185" s="13" t="s">
        <v>394</v>
      </c>
      <c r="B77185" s="14" t="s">
        <v>1</v>
      </c>
      <c r="C77185" s="14" t="s">
        <v>109</v>
      </c>
      <c r="D77185" s="14" t="s">
        <v>395</v>
      </c>
      <c r="E77185" s="15">
        <v>45546</v>
      </c>
      <c r="F77185" s="14" t="s">
        <v>61</v>
      </c>
      <c r="G77185" s="16">
        <v>0</v>
      </c>
    </row>
    <row r="77186" spans="1:7" x14ac:dyDescent="0.3">
      <c r="A77186" s="13" t="s">
        <v>394</v>
      </c>
      <c r="B77186" s="14" t="s">
        <v>1</v>
      </c>
      <c r="C77186" s="14" t="s">
        <v>109</v>
      </c>
      <c r="D77186" s="14" t="s">
        <v>395</v>
      </c>
      <c r="E77186" s="15">
        <v>45547</v>
      </c>
      <c r="F77186" s="14" t="s">
        <v>61</v>
      </c>
      <c r="G77186" s="16">
        <v>0</v>
      </c>
    </row>
    <row r="77187" spans="1:7" x14ac:dyDescent="0.3">
      <c r="A77187" s="13" t="s">
        <v>394</v>
      </c>
      <c r="B77187" s="14" t="s">
        <v>1</v>
      </c>
      <c r="C77187" s="14" t="s">
        <v>109</v>
      </c>
      <c r="D77187" s="14" t="s">
        <v>395</v>
      </c>
      <c r="E77187" s="15">
        <v>45548</v>
      </c>
      <c r="F77187" s="14" t="s">
        <v>61</v>
      </c>
      <c r="G77187" s="16">
        <v>0</v>
      </c>
    </row>
    <row r="77188" spans="1:7" x14ac:dyDescent="0.3">
      <c r="A77188" s="13" t="s">
        <v>394</v>
      </c>
      <c r="B77188" s="14" t="s">
        <v>1</v>
      </c>
      <c r="C77188" s="14" t="s">
        <v>109</v>
      </c>
      <c r="D77188" s="14" t="s">
        <v>395</v>
      </c>
      <c r="E77188" s="15">
        <v>45549</v>
      </c>
      <c r="F77188" s="14" t="s">
        <v>61</v>
      </c>
      <c r="G77188" s="16">
        <v>0</v>
      </c>
    </row>
    <row r="77189" spans="1:7" x14ac:dyDescent="0.3">
      <c r="A77189" s="13" t="s">
        <v>394</v>
      </c>
      <c r="B77189" s="14" t="s">
        <v>1</v>
      </c>
      <c r="C77189" s="14" t="s">
        <v>109</v>
      </c>
      <c r="D77189" s="14" t="s">
        <v>395</v>
      </c>
      <c r="E77189" s="15">
        <v>45550</v>
      </c>
      <c r="F77189" s="14" t="s">
        <v>61</v>
      </c>
      <c r="G77189" s="16">
        <v>0</v>
      </c>
    </row>
    <row r="77190" spans="1:7" x14ac:dyDescent="0.3">
      <c r="A77190" s="13" t="s">
        <v>394</v>
      </c>
      <c r="B77190" s="14" t="s">
        <v>1</v>
      </c>
      <c r="C77190" s="14" t="s">
        <v>109</v>
      </c>
      <c r="D77190" s="14" t="s">
        <v>395</v>
      </c>
      <c r="E77190" s="15">
        <v>45551</v>
      </c>
      <c r="F77190" s="14" t="s">
        <v>61</v>
      </c>
      <c r="G77190" s="16">
        <v>0</v>
      </c>
    </row>
    <row r="77191" spans="1:7" x14ac:dyDescent="0.3">
      <c r="A77191" s="13" t="s">
        <v>394</v>
      </c>
      <c r="B77191" s="14" t="s">
        <v>1</v>
      </c>
      <c r="C77191" s="14" t="s">
        <v>109</v>
      </c>
      <c r="D77191" s="14" t="s">
        <v>395</v>
      </c>
      <c r="E77191" s="15">
        <v>45552</v>
      </c>
      <c r="F77191" s="14" t="s">
        <v>61</v>
      </c>
      <c r="G77191" s="16">
        <v>0</v>
      </c>
    </row>
    <row r="77192" spans="1:7" x14ac:dyDescent="0.3">
      <c r="A77192" s="13" t="s">
        <v>394</v>
      </c>
      <c r="B77192" s="14" t="s">
        <v>1</v>
      </c>
      <c r="C77192" s="14" t="s">
        <v>109</v>
      </c>
      <c r="D77192" s="14" t="s">
        <v>395</v>
      </c>
      <c r="E77192" s="15">
        <v>45553</v>
      </c>
      <c r="F77192" s="14" t="s">
        <v>61</v>
      </c>
      <c r="G77192" s="16">
        <v>0</v>
      </c>
    </row>
    <row r="77193" spans="1:7" x14ac:dyDescent="0.3">
      <c r="A77193" s="13" t="s">
        <v>394</v>
      </c>
      <c r="B77193" s="14" t="s">
        <v>1</v>
      </c>
      <c r="C77193" s="14" t="s">
        <v>109</v>
      </c>
      <c r="D77193" s="14" t="s">
        <v>395</v>
      </c>
      <c r="E77193" s="15">
        <v>45554</v>
      </c>
      <c r="F77193" s="14" t="s">
        <v>61</v>
      </c>
      <c r="G77193" s="16">
        <v>0</v>
      </c>
    </row>
    <row r="77194" spans="1:7" x14ac:dyDescent="0.3">
      <c r="A77194" s="13" t="s">
        <v>394</v>
      </c>
      <c r="B77194" s="14" t="s">
        <v>1</v>
      </c>
      <c r="C77194" s="14" t="s">
        <v>109</v>
      </c>
      <c r="D77194" s="14" t="s">
        <v>395</v>
      </c>
      <c r="E77194" s="15">
        <v>45555</v>
      </c>
      <c r="F77194" s="14" t="s">
        <v>61</v>
      </c>
      <c r="G77194" s="16">
        <v>0</v>
      </c>
    </row>
    <row r="77195" spans="1:7" x14ac:dyDescent="0.3">
      <c r="A77195" s="13" t="s">
        <v>394</v>
      </c>
      <c r="B77195" s="14" t="s">
        <v>1</v>
      </c>
      <c r="C77195" s="14" t="s">
        <v>109</v>
      </c>
      <c r="D77195" s="14" t="s">
        <v>395</v>
      </c>
      <c r="E77195" s="15">
        <v>45556</v>
      </c>
      <c r="F77195" s="14" t="s">
        <v>61</v>
      </c>
      <c r="G77195" s="16">
        <v>0</v>
      </c>
    </row>
    <row r="77196" spans="1:7" x14ac:dyDescent="0.3">
      <c r="A77196" s="13" t="s">
        <v>394</v>
      </c>
      <c r="B77196" s="14" t="s">
        <v>1</v>
      </c>
      <c r="C77196" s="14" t="s">
        <v>109</v>
      </c>
      <c r="D77196" s="14" t="s">
        <v>395</v>
      </c>
      <c r="E77196" s="15">
        <v>45557</v>
      </c>
      <c r="F77196" s="14" t="s">
        <v>61</v>
      </c>
      <c r="G77196" s="16">
        <v>0</v>
      </c>
    </row>
    <row r="77197" spans="1:7" x14ac:dyDescent="0.3">
      <c r="A77197" s="13" t="s">
        <v>394</v>
      </c>
      <c r="B77197" s="14" t="s">
        <v>1</v>
      </c>
      <c r="C77197" s="14" t="s">
        <v>109</v>
      </c>
      <c r="D77197" s="14" t="s">
        <v>395</v>
      </c>
      <c r="E77197" s="15">
        <v>45558</v>
      </c>
      <c r="F77197" s="14" t="s">
        <v>61</v>
      </c>
      <c r="G77197" s="16">
        <v>0</v>
      </c>
    </row>
    <row r="77198" spans="1:7" x14ac:dyDescent="0.3">
      <c r="A77198" s="13" t="s">
        <v>394</v>
      </c>
      <c r="B77198" s="14" t="s">
        <v>1</v>
      </c>
      <c r="C77198" s="14" t="s">
        <v>109</v>
      </c>
      <c r="D77198" s="14" t="s">
        <v>395</v>
      </c>
      <c r="E77198" s="15">
        <v>45559</v>
      </c>
      <c r="F77198" s="14" t="s">
        <v>61</v>
      </c>
      <c r="G77198" s="16">
        <v>0</v>
      </c>
    </row>
    <row r="77199" spans="1:7" x14ac:dyDescent="0.3">
      <c r="A77199" s="13" t="s">
        <v>394</v>
      </c>
      <c r="B77199" s="14" t="s">
        <v>1</v>
      </c>
      <c r="C77199" s="14" t="s">
        <v>109</v>
      </c>
      <c r="D77199" s="14" t="s">
        <v>395</v>
      </c>
      <c r="E77199" s="15">
        <v>45560</v>
      </c>
      <c r="F77199" s="14" t="s">
        <v>61</v>
      </c>
      <c r="G77199" s="16">
        <v>0</v>
      </c>
    </row>
    <row r="77200" spans="1:7" x14ac:dyDescent="0.3">
      <c r="A77200" s="13" t="s">
        <v>394</v>
      </c>
      <c r="B77200" s="14" t="s">
        <v>1</v>
      </c>
      <c r="C77200" s="14" t="s">
        <v>109</v>
      </c>
      <c r="D77200" s="14" t="s">
        <v>395</v>
      </c>
      <c r="E77200" s="15">
        <v>45561</v>
      </c>
      <c r="F77200" s="14" t="s">
        <v>61</v>
      </c>
      <c r="G77200" s="16">
        <v>0</v>
      </c>
    </row>
    <row r="77201" spans="1:7" x14ac:dyDescent="0.3">
      <c r="A77201" s="13" t="s">
        <v>394</v>
      </c>
      <c r="B77201" s="14" t="s">
        <v>1</v>
      </c>
      <c r="C77201" s="14" t="s">
        <v>109</v>
      </c>
      <c r="D77201" s="14" t="s">
        <v>395</v>
      </c>
      <c r="E77201" s="15">
        <v>45562</v>
      </c>
      <c r="F77201" s="14" t="s">
        <v>61</v>
      </c>
      <c r="G77201" s="16">
        <v>0</v>
      </c>
    </row>
    <row r="77202" spans="1:7" x14ac:dyDescent="0.3">
      <c r="A77202" s="13" t="s">
        <v>394</v>
      </c>
      <c r="B77202" s="14" t="s">
        <v>1</v>
      </c>
      <c r="C77202" s="14" t="s">
        <v>109</v>
      </c>
      <c r="D77202" s="14" t="s">
        <v>395</v>
      </c>
      <c r="E77202" s="15">
        <v>45563</v>
      </c>
      <c r="F77202" s="14" t="s">
        <v>61</v>
      </c>
      <c r="G77202" s="16">
        <v>0</v>
      </c>
    </row>
    <row r="77203" spans="1:7" x14ac:dyDescent="0.3">
      <c r="A77203" s="13" t="s">
        <v>394</v>
      </c>
      <c r="B77203" s="14" t="s">
        <v>1</v>
      </c>
      <c r="C77203" s="14" t="s">
        <v>109</v>
      </c>
      <c r="D77203" s="14" t="s">
        <v>395</v>
      </c>
      <c r="E77203" s="15">
        <v>45564</v>
      </c>
      <c r="F77203" s="14" t="s">
        <v>61</v>
      </c>
      <c r="G77203" s="16">
        <v>0</v>
      </c>
    </row>
    <row r="77204" spans="1:7" x14ac:dyDescent="0.3">
      <c r="A77204" s="13" t="s">
        <v>394</v>
      </c>
      <c r="B77204" s="14" t="s">
        <v>1</v>
      </c>
      <c r="C77204" s="14" t="s">
        <v>109</v>
      </c>
      <c r="D77204" s="14" t="s">
        <v>395</v>
      </c>
      <c r="E77204" s="15">
        <v>45565</v>
      </c>
      <c r="F77204" s="14" t="s">
        <v>61</v>
      </c>
      <c r="G77204" s="16">
        <v>0</v>
      </c>
    </row>
    <row r="77205" spans="1:7" x14ac:dyDescent="0.3">
      <c r="A77205" s="13" t="s">
        <v>394</v>
      </c>
      <c r="B77205" s="14" t="s">
        <v>1</v>
      </c>
      <c r="C77205" s="14" t="s">
        <v>109</v>
      </c>
      <c r="D77205" s="14" t="s">
        <v>395</v>
      </c>
      <c r="E77205" s="15">
        <v>45566</v>
      </c>
      <c r="F77205" s="14" t="s">
        <v>61</v>
      </c>
      <c r="G77205" s="16">
        <v>0</v>
      </c>
    </row>
    <row r="77206" spans="1:7" x14ac:dyDescent="0.3">
      <c r="A77206" s="13" t="s">
        <v>394</v>
      </c>
      <c r="B77206" s="14" t="s">
        <v>1</v>
      </c>
      <c r="C77206" s="14" t="s">
        <v>109</v>
      </c>
      <c r="D77206" s="14" t="s">
        <v>395</v>
      </c>
      <c r="E77206" s="15">
        <v>45567</v>
      </c>
      <c r="F77206" s="14" t="s">
        <v>61</v>
      </c>
      <c r="G77206" s="16">
        <v>0</v>
      </c>
    </row>
    <row r="77207" spans="1:7" x14ac:dyDescent="0.3">
      <c r="A77207" s="13" t="s">
        <v>394</v>
      </c>
      <c r="B77207" s="14" t="s">
        <v>1</v>
      </c>
      <c r="C77207" s="14" t="s">
        <v>109</v>
      </c>
      <c r="D77207" s="14" t="s">
        <v>395</v>
      </c>
      <c r="E77207" s="15">
        <v>45568</v>
      </c>
      <c r="F77207" s="14" t="s">
        <v>61</v>
      </c>
      <c r="G77207" s="16">
        <v>0</v>
      </c>
    </row>
    <row r="77208" spans="1:7" x14ac:dyDescent="0.3">
      <c r="A77208" s="13" t="s">
        <v>394</v>
      </c>
      <c r="B77208" s="14" t="s">
        <v>1</v>
      </c>
      <c r="C77208" s="14" t="s">
        <v>109</v>
      </c>
      <c r="D77208" s="14" t="s">
        <v>395</v>
      </c>
      <c r="E77208" s="15">
        <v>45569</v>
      </c>
      <c r="F77208" s="14" t="s">
        <v>61</v>
      </c>
      <c r="G77208" s="16">
        <v>0</v>
      </c>
    </row>
    <row r="77209" spans="1:7" x14ac:dyDescent="0.3">
      <c r="A77209" s="13" t="s">
        <v>394</v>
      </c>
      <c r="B77209" s="14" t="s">
        <v>1</v>
      </c>
      <c r="C77209" s="14" t="s">
        <v>109</v>
      </c>
      <c r="D77209" s="14" t="s">
        <v>395</v>
      </c>
      <c r="E77209" s="15">
        <v>45570</v>
      </c>
      <c r="F77209" s="14" t="s">
        <v>61</v>
      </c>
      <c r="G77209" s="16">
        <v>0</v>
      </c>
    </row>
    <row r="77210" spans="1:7" x14ac:dyDescent="0.3">
      <c r="A77210" s="13" t="s">
        <v>394</v>
      </c>
      <c r="B77210" s="14" t="s">
        <v>1</v>
      </c>
      <c r="C77210" s="14" t="s">
        <v>109</v>
      </c>
      <c r="D77210" s="14" t="s">
        <v>395</v>
      </c>
      <c r="E77210" s="15">
        <v>45571</v>
      </c>
      <c r="F77210" s="14" t="s">
        <v>61</v>
      </c>
      <c r="G77210" s="16">
        <v>0</v>
      </c>
    </row>
    <row r="77211" spans="1:7" x14ac:dyDescent="0.3">
      <c r="A77211" s="13" t="s">
        <v>394</v>
      </c>
      <c r="B77211" s="14" t="s">
        <v>1</v>
      </c>
      <c r="C77211" s="14" t="s">
        <v>109</v>
      </c>
      <c r="D77211" s="14" t="s">
        <v>395</v>
      </c>
      <c r="E77211" s="15">
        <v>45572</v>
      </c>
      <c r="F77211" s="14" t="s">
        <v>61</v>
      </c>
      <c r="G77211" s="16">
        <v>0</v>
      </c>
    </row>
    <row r="77212" spans="1:7" x14ac:dyDescent="0.3">
      <c r="A77212" s="13" t="s">
        <v>394</v>
      </c>
      <c r="B77212" s="14" t="s">
        <v>1</v>
      </c>
      <c r="C77212" s="14" t="s">
        <v>109</v>
      </c>
      <c r="D77212" s="14" t="s">
        <v>395</v>
      </c>
      <c r="E77212" s="15">
        <v>45573</v>
      </c>
      <c r="F77212" s="14" t="s">
        <v>61</v>
      </c>
      <c r="G77212" s="16">
        <v>0</v>
      </c>
    </row>
    <row r="77213" spans="1:7" x14ac:dyDescent="0.3">
      <c r="A77213" s="13" t="s">
        <v>394</v>
      </c>
      <c r="B77213" s="14" t="s">
        <v>1</v>
      </c>
      <c r="C77213" s="14" t="s">
        <v>109</v>
      </c>
      <c r="D77213" s="14" t="s">
        <v>395</v>
      </c>
      <c r="E77213" s="15">
        <v>45574</v>
      </c>
      <c r="F77213" s="14" t="s">
        <v>61</v>
      </c>
      <c r="G77213" s="16">
        <v>0</v>
      </c>
    </row>
    <row r="77214" spans="1:7" x14ac:dyDescent="0.3">
      <c r="A77214" s="13" t="s">
        <v>394</v>
      </c>
      <c r="B77214" s="14" t="s">
        <v>1</v>
      </c>
      <c r="C77214" s="14" t="s">
        <v>109</v>
      </c>
      <c r="D77214" s="14" t="s">
        <v>395</v>
      </c>
      <c r="E77214" s="15">
        <v>45575</v>
      </c>
      <c r="F77214" s="14" t="s">
        <v>61</v>
      </c>
      <c r="G77214" s="16">
        <v>0</v>
      </c>
    </row>
    <row r="77215" spans="1:7" x14ac:dyDescent="0.3">
      <c r="A77215" s="13" t="s">
        <v>394</v>
      </c>
      <c r="B77215" s="14" t="s">
        <v>1</v>
      </c>
      <c r="C77215" s="14" t="s">
        <v>109</v>
      </c>
      <c r="D77215" s="14" t="s">
        <v>395</v>
      </c>
      <c r="E77215" s="15">
        <v>45576</v>
      </c>
      <c r="F77215" s="14" t="s">
        <v>61</v>
      </c>
      <c r="G77215" s="16">
        <v>0</v>
      </c>
    </row>
    <row r="77216" spans="1:7" x14ac:dyDescent="0.3">
      <c r="A77216" s="13" t="s">
        <v>394</v>
      </c>
      <c r="B77216" s="14" t="s">
        <v>1</v>
      </c>
      <c r="C77216" s="14" t="s">
        <v>109</v>
      </c>
      <c r="D77216" s="14" t="s">
        <v>395</v>
      </c>
      <c r="E77216" s="15">
        <v>45577</v>
      </c>
      <c r="F77216" s="14" t="s">
        <v>61</v>
      </c>
      <c r="G77216" s="16">
        <v>0</v>
      </c>
    </row>
    <row r="77217" spans="1:7" x14ac:dyDescent="0.3">
      <c r="A77217" s="13" t="s">
        <v>394</v>
      </c>
      <c r="B77217" s="14" t="s">
        <v>1</v>
      </c>
      <c r="C77217" s="14" t="s">
        <v>109</v>
      </c>
      <c r="D77217" s="14" t="s">
        <v>395</v>
      </c>
      <c r="E77217" s="15">
        <v>45578</v>
      </c>
      <c r="F77217" s="14" t="s">
        <v>61</v>
      </c>
      <c r="G77217" s="16">
        <v>0</v>
      </c>
    </row>
    <row r="77218" spans="1:7" x14ac:dyDescent="0.3">
      <c r="A77218" s="13" t="s">
        <v>394</v>
      </c>
      <c r="B77218" s="14" t="s">
        <v>1</v>
      </c>
      <c r="C77218" s="14" t="s">
        <v>109</v>
      </c>
      <c r="D77218" s="14" t="s">
        <v>395</v>
      </c>
      <c r="E77218" s="15">
        <v>45579</v>
      </c>
      <c r="F77218" s="14" t="s">
        <v>61</v>
      </c>
      <c r="G77218" s="16">
        <v>0</v>
      </c>
    </row>
    <row r="77219" spans="1:7" x14ac:dyDescent="0.3">
      <c r="A77219" s="13" t="s">
        <v>394</v>
      </c>
      <c r="B77219" s="14" t="s">
        <v>1</v>
      </c>
      <c r="C77219" s="14" t="s">
        <v>109</v>
      </c>
      <c r="D77219" s="14" t="s">
        <v>395</v>
      </c>
      <c r="E77219" s="15">
        <v>45580</v>
      </c>
      <c r="F77219" s="14" t="s">
        <v>61</v>
      </c>
      <c r="G77219" s="16">
        <v>0</v>
      </c>
    </row>
    <row r="77220" spans="1:7" x14ac:dyDescent="0.3">
      <c r="A77220" s="13" t="s">
        <v>394</v>
      </c>
      <c r="B77220" s="14" t="s">
        <v>1</v>
      </c>
      <c r="C77220" s="14" t="s">
        <v>109</v>
      </c>
      <c r="D77220" s="14" t="s">
        <v>395</v>
      </c>
      <c r="E77220" s="15">
        <v>45581</v>
      </c>
      <c r="F77220" s="14" t="s">
        <v>61</v>
      </c>
      <c r="G77220" s="16">
        <v>0</v>
      </c>
    </row>
    <row r="77221" spans="1:7" x14ac:dyDescent="0.3">
      <c r="A77221" s="13" t="s">
        <v>394</v>
      </c>
      <c r="B77221" s="14" t="s">
        <v>1</v>
      </c>
      <c r="C77221" s="14" t="s">
        <v>109</v>
      </c>
      <c r="D77221" s="14" t="s">
        <v>395</v>
      </c>
      <c r="E77221" s="15">
        <v>45582</v>
      </c>
      <c r="F77221" s="14" t="s">
        <v>61</v>
      </c>
      <c r="G77221" s="16">
        <v>0</v>
      </c>
    </row>
    <row r="77222" spans="1:7" x14ac:dyDescent="0.3">
      <c r="A77222" s="13" t="s">
        <v>394</v>
      </c>
      <c r="B77222" s="14" t="s">
        <v>1</v>
      </c>
      <c r="C77222" s="14" t="s">
        <v>109</v>
      </c>
      <c r="D77222" s="14" t="s">
        <v>395</v>
      </c>
      <c r="E77222" s="15">
        <v>45583</v>
      </c>
      <c r="F77222" s="14" t="s">
        <v>61</v>
      </c>
      <c r="G77222" s="16">
        <v>0</v>
      </c>
    </row>
    <row r="77223" spans="1:7" x14ac:dyDescent="0.3">
      <c r="A77223" s="13" t="s">
        <v>394</v>
      </c>
      <c r="B77223" s="14" t="s">
        <v>1</v>
      </c>
      <c r="C77223" s="14" t="s">
        <v>109</v>
      </c>
      <c r="D77223" s="14" t="s">
        <v>395</v>
      </c>
      <c r="E77223" s="15">
        <v>45584</v>
      </c>
      <c r="F77223" s="14" t="s">
        <v>61</v>
      </c>
      <c r="G77223" s="16">
        <v>0</v>
      </c>
    </row>
    <row r="77224" spans="1:7" x14ac:dyDescent="0.3">
      <c r="A77224" s="13" t="s">
        <v>394</v>
      </c>
      <c r="B77224" s="14" t="s">
        <v>1</v>
      </c>
      <c r="C77224" s="14" t="s">
        <v>109</v>
      </c>
      <c r="D77224" s="14" t="s">
        <v>395</v>
      </c>
      <c r="E77224" s="15">
        <v>45585</v>
      </c>
      <c r="F77224" s="14" t="s">
        <v>61</v>
      </c>
      <c r="G77224" s="16">
        <v>0</v>
      </c>
    </row>
    <row r="77225" spans="1:7" x14ac:dyDescent="0.3">
      <c r="A77225" s="13" t="s">
        <v>394</v>
      </c>
      <c r="B77225" s="14" t="s">
        <v>1</v>
      </c>
      <c r="C77225" s="14" t="s">
        <v>109</v>
      </c>
      <c r="D77225" s="14" t="s">
        <v>395</v>
      </c>
      <c r="E77225" s="15">
        <v>45586</v>
      </c>
      <c r="F77225" s="14" t="s">
        <v>61</v>
      </c>
      <c r="G77225" s="16">
        <v>0</v>
      </c>
    </row>
    <row r="77226" spans="1:7" x14ac:dyDescent="0.3">
      <c r="A77226" s="13" t="s">
        <v>394</v>
      </c>
      <c r="B77226" s="14" t="s">
        <v>1</v>
      </c>
      <c r="C77226" s="14" t="s">
        <v>109</v>
      </c>
      <c r="D77226" s="14" t="s">
        <v>395</v>
      </c>
      <c r="E77226" s="15">
        <v>45587</v>
      </c>
      <c r="F77226" s="14" t="s">
        <v>61</v>
      </c>
      <c r="G77226" s="16">
        <v>0</v>
      </c>
    </row>
    <row r="77227" spans="1:7" x14ac:dyDescent="0.3">
      <c r="A77227" s="13" t="s">
        <v>394</v>
      </c>
      <c r="B77227" s="14" t="s">
        <v>1</v>
      </c>
      <c r="C77227" s="14" t="s">
        <v>109</v>
      </c>
      <c r="D77227" s="14" t="s">
        <v>395</v>
      </c>
      <c r="E77227" s="15">
        <v>45588</v>
      </c>
      <c r="F77227" s="14" t="s">
        <v>61</v>
      </c>
      <c r="G77227" s="16">
        <v>0</v>
      </c>
    </row>
    <row r="77228" spans="1:7" x14ac:dyDescent="0.3">
      <c r="A77228" s="13" t="s">
        <v>394</v>
      </c>
      <c r="B77228" s="14" t="s">
        <v>1</v>
      </c>
      <c r="C77228" s="14" t="s">
        <v>109</v>
      </c>
      <c r="D77228" s="14" t="s">
        <v>395</v>
      </c>
      <c r="E77228" s="15">
        <v>45589</v>
      </c>
      <c r="F77228" s="14" t="s">
        <v>61</v>
      </c>
      <c r="G77228" s="16">
        <v>0</v>
      </c>
    </row>
    <row r="77229" spans="1:7" x14ac:dyDescent="0.3">
      <c r="A77229" s="13" t="s">
        <v>394</v>
      </c>
      <c r="B77229" s="14" t="s">
        <v>1</v>
      </c>
      <c r="C77229" s="14" t="s">
        <v>109</v>
      </c>
      <c r="D77229" s="14" t="s">
        <v>395</v>
      </c>
      <c r="E77229" s="15">
        <v>45590</v>
      </c>
      <c r="F77229" s="14" t="s">
        <v>61</v>
      </c>
      <c r="G77229" s="16">
        <v>0</v>
      </c>
    </row>
    <row r="77230" spans="1:7" x14ac:dyDescent="0.3">
      <c r="A77230" s="13" t="s">
        <v>394</v>
      </c>
      <c r="B77230" s="14" t="s">
        <v>1</v>
      </c>
      <c r="C77230" s="14" t="s">
        <v>109</v>
      </c>
      <c r="D77230" s="14" t="s">
        <v>395</v>
      </c>
      <c r="E77230" s="15">
        <v>45591</v>
      </c>
      <c r="F77230" s="14" t="s">
        <v>61</v>
      </c>
      <c r="G77230" s="16">
        <v>0</v>
      </c>
    </row>
    <row r="77231" spans="1:7" x14ac:dyDescent="0.3">
      <c r="A77231" s="13" t="s">
        <v>394</v>
      </c>
      <c r="B77231" s="14" t="s">
        <v>1</v>
      </c>
      <c r="C77231" s="14" t="s">
        <v>109</v>
      </c>
      <c r="D77231" s="14" t="s">
        <v>395</v>
      </c>
      <c r="E77231" s="15">
        <v>45592</v>
      </c>
      <c r="F77231" s="14" t="s">
        <v>61</v>
      </c>
      <c r="G77231" s="16">
        <v>0</v>
      </c>
    </row>
    <row r="77232" spans="1:7" x14ac:dyDescent="0.3">
      <c r="A77232" s="13" t="s">
        <v>394</v>
      </c>
      <c r="B77232" s="14" t="s">
        <v>1</v>
      </c>
      <c r="C77232" s="14" t="s">
        <v>109</v>
      </c>
      <c r="D77232" s="14" t="s">
        <v>395</v>
      </c>
      <c r="E77232" s="15">
        <v>45593</v>
      </c>
      <c r="F77232" s="14" t="s">
        <v>61</v>
      </c>
      <c r="G77232" s="16">
        <v>0</v>
      </c>
    </row>
    <row r="77233" spans="1:7" x14ac:dyDescent="0.3">
      <c r="A77233" s="13" t="s">
        <v>394</v>
      </c>
      <c r="B77233" s="14" t="s">
        <v>1</v>
      </c>
      <c r="C77233" s="14" t="s">
        <v>109</v>
      </c>
      <c r="D77233" s="14" t="s">
        <v>395</v>
      </c>
      <c r="E77233" s="15">
        <v>45594</v>
      </c>
      <c r="F77233" s="14" t="s">
        <v>61</v>
      </c>
      <c r="G77233" s="16">
        <v>0</v>
      </c>
    </row>
    <row r="77234" spans="1:7" x14ac:dyDescent="0.3">
      <c r="A77234" s="13" t="s">
        <v>394</v>
      </c>
      <c r="B77234" s="14" t="s">
        <v>1</v>
      </c>
      <c r="C77234" s="14" t="s">
        <v>109</v>
      </c>
      <c r="D77234" s="14" t="s">
        <v>395</v>
      </c>
      <c r="E77234" s="15">
        <v>45595</v>
      </c>
      <c r="F77234" s="14" t="s">
        <v>61</v>
      </c>
      <c r="G77234" s="16">
        <v>0</v>
      </c>
    </row>
    <row r="77235" spans="1:7" x14ac:dyDescent="0.3">
      <c r="A77235" s="13" t="s">
        <v>394</v>
      </c>
      <c r="B77235" s="14" t="s">
        <v>1</v>
      </c>
      <c r="C77235" s="14" t="s">
        <v>109</v>
      </c>
      <c r="D77235" s="14" t="s">
        <v>395</v>
      </c>
      <c r="E77235" s="15">
        <v>45596</v>
      </c>
      <c r="F77235" s="14" t="s">
        <v>61</v>
      </c>
      <c r="G77235" s="16">
        <v>0</v>
      </c>
    </row>
    <row r="77236" spans="1:7" x14ac:dyDescent="0.3">
      <c r="A77236" s="13" t="s">
        <v>394</v>
      </c>
      <c r="B77236" s="14" t="s">
        <v>1</v>
      </c>
      <c r="C77236" s="14" t="s">
        <v>109</v>
      </c>
      <c r="D77236" s="14" t="s">
        <v>395</v>
      </c>
      <c r="E77236" s="15">
        <v>45597</v>
      </c>
      <c r="F77236" s="14" t="s">
        <v>61</v>
      </c>
      <c r="G77236" s="16">
        <v>0</v>
      </c>
    </row>
    <row r="77237" spans="1:7" x14ac:dyDescent="0.3">
      <c r="A77237" s="13" t="s">
        <v>394</v>
      </c>
      <c r="B77237" s="14" t="s">
        <v>1</v>
      </c>
      <c r="C77237" s="14" t="s">
        <v>109</v>
      </c>
      <c r="D77237" s="14" t="s">
        <v>395</v>
      </c>
      <c r="E77237" s="15">
        <v>45598</v>
      </c>
      <c r="F77237" s="14" t="s">
        <v>61</v>
      </c>
      <c r="G77237" s="16">
        <v>0</v>
      </c>
    </row>
    <row r="77238" spans="1:7" x14ac:dyDescent="0.3">
      <c r="A77238" s="13" t="s">
        <v>394</v>
      </c>
      <c r="B77238" s="14" t="s">
        <v>1</v>
      </c>
      <c r="C77238" s="14" t="s">
        <v>109</v>
      </c>
      <c r="D77238" s="14" t="s">
        <v>395</v>
      </c>
      <c r="E77238" s="15">
        <v>45599</v>
      </c>
      <c r="F77238" s="14" t="s">
        <v>61</v>
      </c>
      <c r="G77238" s="16">
        <v>0</v>
      </c>
    </row>
    <row r="77239" spans="1:7" x14ac:dyDescent="0.3">
      <c r="A77239" s="13" t="s">
        <v>394</v>
      </c>
      <c r="B77239" s="14" t="s">
        <v>1</v>
      </c>
      <c r="C77239" s="14" t="s">
        <v>109</v>
      </c>
      <c r="D77239" s="14" t="s">
        <v>395</v>
      </c>
      <c r="E77239" s="15">
        <v>45600</v>
      </c>
      <c r="F77239" s="14" t="s">
        <v>61</v>
      </c>
      <c r="G77239" s="16">
        <v>0</v>
      </c>
    </row>
    <row r="77240" spans="1:7" x14ac:dyDescent="0.3">
      <c r="A77240" s="13" t="s">
        <v>394</v>
      </c>
      <c r="B77240" s="14" t="s">
        <v>1</v>
      </c>
      <c r="C77240" s="14" t="s">
        <v>109</v>
      </c>
      <c r="D77240" s="14" t="s">
        <v>395</v>
      </c>
      <c r="E77240" s="15">
        <v>45601</v>
      </c>
      <c r="F77240" s="14" t="s">
        <v>61</v>
      </c>
      <c r="G77240" s="16">
        <v>0</v>
      </c>
    </row>
    <row r="77241" spans="1:7" x14ac:dyDescent="0.3">
      <c r="A77241" s="13" t="s">
        <v>394</v>
      </c>
      <c r="B77241" s="14" t="s">
        <v>1</v>
      </c>
      <c r="C77241" s="14" t="s">
        <v>109</v>
      </c>
      <c r="D77241" s="14" t="s">
        <v>395</v>
      </c>
      <c r="E77241" s="15">
        <v>45602</v>
      </c>
      <c r="F77241" s="14" t="s">
        <v>61</v>
      </c>
      <c r="G77241" s="16">
        <v>0</v>
      </c>
    </row>
    <row r="77242" spans="1:7" x14ac:dyDescent="0.3">
      <c r="A77242" s="13" t="s">
        <v>394</v>
      </c>
      <c r="B77242" s="14" t="s">
        <v>1</v>
      </c>
      <c r="C77242" s="14" t="s">
        <v>109</v>
      </c>
      <c r="D77242" s="14" t="s">
        <v>395</v>
      </c>
      <c r="E77242" s="15">
        <v>45603</v>
      </c>
      <c r="F77242" s="14" t="s">
        <v>61</v>
      </c>
      <c r="G77242" s="16">
        <v>0</v>
      </c>
    </row>
    <row r="77243" spans="1:7" x14ac:dyDescent="0.3">
      <c r="A77243" s="13" t="s">
        <v>394</v>
      </c>
      <c r="B77243" s="14" t="s">
        <v>1</v>
      </c>
      <c r="C77243" s="14" t="s">
        <v>109</v>
      </c>
      <c r="D77243" s="14" t="s">
        <v>395</v>
      </c>
      <c r="E77243" s="15">
        <v>45604</v>
      </c>
      <c r="F77243" s="14" t="s">
        <v>61</v>
      </c>
      <c r="G77243" s="16">
        <v>0</v>
      </c>
    </row>
    <row r="77244" spans="1:7" x14ac:dyDescent="0.3">
      <c r="A77244" s="13" t="s">
        <v>394</v>
      </c>
      <c r="B77244" s="14" t="s">
        <v>1</v>
      </c>
      <c r="C77244" s="14" t="s">
        <v>109</v>
      </c>
      <c r="D77244" s="14" t="s">
        <v>395</v>
      </c>
      <c r="E77244" s="15">
        <v>45605</v>
      </c>
      <c r="F77244" s="14" t="s">
        <v>61</v>
      </c>
      <c r="G77244" s="16">
        <v>0</v>
      </c>
    </row>
    <row r="77245" spans="1:7" x14ac:dyDescent="0.3">
      <c r="A77245" s="13" t="s">
        <v>394</v>
      </c>
      <c r="B77245" s="14" t="s">
        <v>1</v>
      </c>
      <c r="C77245" s="14" t="s">
        <v>109</v>
      </c>
      <c r="D77245" s="14" t="s">
        <v>395</v>
      </c>
      <c r="E77245" s="15">
        <v>45606</v>
      </c>
      <c r="F77245" s="14" t="s">
        <v>61</v>
      </c>
      <c r="G77245" s="16">
        <v>0</v>
      </c>
    </row>
    <row r="77246" spans="1:7" x14ac:dyDescent="0.3">
      <c r="A77246" s="13" t="s">
        <v>394</v>
      </c>
      <c r="B77246" s="14" t="s">
        <v>1</v>
      </c>
      <c r="C77246" s="14" t="s">
        <v>109</v>
      </c>
      <c r="D77246" s="14" t="s">
        <v>395</v>
      </c>
      <c r="E77246" s="15">
        <v>45607</v>
      </c>
      <c r="F77246" s="14" t="s">
        <v>61</v>
      </c>
      <c r="G77246" s="16">
        <v>0</v>
      </c>
    </row>
    <row r="77247" spans="1:7" x14ac:dyDescent="0.3">
      <c r="A77247" s="13" t="s">
        <v>394</v>
      </c>
      <c r="B77247" s="14" t="s">
        <v>1</v>
      </c>
      <c r="C77247" s="14" t="s">
        <v>109</v>
      </c>
      <c r="D77247" s="14" t="s">
        <v>395</v>
      </c>
      <c r="E77247" s="15">
        <v>45608</v>
      </c>
      <c r="F77247" s="14" t="s">
        <v>61</v>
      </c>
      <c r="G77247" s="16">
        <v>0</v>
      </c>
    </row>
    <row r="77248" spans="1:7" x14ac:dyDescent="0.3">
      <c r="A77248" s="13" t="s">
        <v>394</v>
      </c>
      <c r="B77248" s="14" t="s">
        <v>1</v>
      </c>
      <c r="C77248" s="14" t="s">
        <v>109</v>
      </c>
      <c r="D77248" s="14" t="s">
        <v>395</v>
      </c>
      <c r="E77248" s="15">
        <v>45609</v>
      </c>
      <c r="F77248" s="14" t="s">
        <v>61</v>
      </c>
      <c r="G77248" s="16">
        <v>0</v>
      </c>
    </row>
    <row r="77249" spans="1:7" x14ac:dyDescent="0.3">
      <c r="A77249" s="13" t="s">
        <v>394</v>
      </c>
      <c r="B77249" s="14" t="s">
        <v>1</v>
      </c>
      <c r="C77249" s="14" t="s">
        <v>109</v>
      </c>
      <c r="D77249" s="14" t="s">
        <v>395</v>
      </c>
      <c r="E77249" s="15">
        <v>45610</v>
      </c>
      <c r="F77249" s="14" t="s">
        <v>61</v>
      </c>
      <c r="G77249" s="16">
        <v>0</v>
      </c>
    </row>
    <row r="77250" spans="1:7" x14ac:dyDescent="0.3">
      <c r="A77250" s="13" t="s">
        <v>394</v>
      </c>
      <c r="B77250" s="14" t="s">
        <v>1</v>
      </c>
      <c r="C77250" s="14" t="s">
        <v>109</v>
      </c>
      <c r="D77250" s="14" t="s">
        <v>395</v>
      </c>
      <c r="E77250" s="15">
        <v>45611</v>
      </c>
      <c r="F77250" s="14" t="s">
        <v>61</v>
      </c>
      <c r="G77250" s="16">
        <v>0</v>
      </c>
    </row>
    <row r="77251" spans="1:7" x14ac:dyDescent="0.3">
      <c r="A77251" s="13" t="s">
        <v>394</v>
      </c>
      <c r="B77251" s="14" t="s">
        <v>1</v>
      </c>
      <c r="C77251" s="14" t="s">
        <v>109</v>
      </c>
      <c r="D77251" s="14" t="s">
        <v>395</v>
      </c>
      <c r="E77251" s="15">
        <v>45612</v>
      </c>
      <c r="F77251" s="14" t="s">
        <v>61</v>
      </c>
      <c r="G77251" s="16">
        <v>0</v>
      </c>
    </row>
    <row r="77252" spans="1:7" x14ac:dyDescent="0.3">
      <c r="A77252" s="13" t="s">
        <v>394</v>
      </c>
      <c r="B77252" s="14" t="s">
        <v>1</v>
      </c>
      <c r="C77252" s="14" t="s">
        <v>109</v>
      </c>
      <c r="D77252" s="14" t="s">
        <v>395</v>
      </c>
      <c r="E77252" s="15">
        <v>45613</v>
      </c>
      <c r="F77252" s="14" t="s">
        <v>61</v>
      </c>
      <c r="G77252" s="16">
        <v>0</v>
      </c>
    </row>
    <row r="77253" spans="1:7" x14ac:dyDescent="0.3">
      <c r="A77253" s="13" t="s">
        <v>394</v>
      </c>
      <c r="B77253" s="14" t="s">
        <v>1</v>
      </c>
      <c r="C77253" s="14" t="s">
        <v>109</v>
      </c>
      <c r="D77253" s="14" t="s">
        <v>395</v>
      </c>
      <c r="E77253" s="15">
        <v>45614</v>
      </c>
      <c r="F77253" s="14" t="s">
        <v>61</v>
      </c>
      <c r="G77253" s="16">
        <v>0</v>
      </c>
    </row>
    <row r="77254" spans="1:7" x14ac:dyDescent="0.3">
      <c r="A77254" s="13" t="s">
        <v>394</v>
      </c>
      <c r="B77254" s="14" t="s">
        <v>1</v>
      </c>
      <c r="C77254" s="14" t="s">
        <v>109</v>
      </c>
      <c r="D77254" s="14" t="s">
        <v>395</v>
      </c>
      <c r="E77254" s="15">
        <v>45615</v>
      </c>
      <c r="F77254" s="14" t="s">
        <v>61</v>
      </c>
      <c r="G77254" s="16">
        <v>0</v>
      </c>
    </row>
    <row r="77255" spans="1:7" x14ac:dyDescent="0.3">
      <c r="A77255" s="13" t="s">
        <v>394</v>
      </c>
      <c r="B77255" s="14" t="s">
        <v>1</v>
      </c>
      <c r="C77255" s="14" t="s">
        <v>109</v>
      </c>
      <c r="D77255" s="14" t="s">
        <v>395</v>
      </c>
      <c r="E77255" s="15">
        <v>45616</v>
      </c>
      <c r="F77255" s="14" t="s">
        <v>61</v>
      </c>
      <c r="G77255" s="16">
        <v>0</v>
      </c>
    </row>
    <row r="77256" spans="1:7" x14ac:dyDescent="0.3">
      <c r="A77256" s="13" t="s">
        <v>394</v>
      </c>
      <c r="B77256" s="14" t="s">
        <v>1</v>
      </c>
      <c r="C77256" s="14" t="s">
        <v>109</v>
      </c>
      <c r="D77256" s="14" t="s">
        <v>395</v>
      </c>
      <c r="E77256" s="15">
        <v>45617</v>
      </c>
      <c r="F77256" s="14" t="s">
        <v>61</v>
      </c>
      <c r="G77256" s="16">
        <v>0</v>
      </c>
    </row>
    <row r="77257" spans="1:7" x14ac:dyDescent="0.3">
      <c r="A77257" s="13" t="s">
        <v>394</v>
      </c>
      <c r="B77257" s="14" t="s">
        <v>1</v>
      </c>
      <c r="C77257" s="14" t="s">
        <v>109</v>
      </c>
      <c r="D77257" s="14" t="s">
        <v>395</v>
      </c>
      <c r="E77257" s="15">
        <v>45618</v>
      </c>
      <c r="F77257" s="14" t="s">
        <v>61</v>
      </c>
      <c r="G77257" s="16">
        <v>0</v>
      </c>
    </row>
    <row r="77258" spans="1:7" x14ac:dyDescent="0.3">
      <c r="A77258" s="13" t="s">
        <v>394</v>
      </c>
      <c r="B77258" s="14" t="s">
        <v>1</v>
      </c>
      <c r="C77258" s="14" t="s">
        <v>109</v>
      </c>
      <c r="D77258" s="14" t="s">
        <v>395</v>
      </c>
      <c r="E77258" s="15">
        <v>45619</v>
      </c>
      <c r="F77258" s="14" t="s">
        <v>61</v>
      </c>
      <c r="G77258" s="16">
        <v>0</v>
      </c>
    </row>
    <row r="77259" spans="1:7" x14ac:dyDescent="0.3">
      <c r="A77259" s="13" t="s">
        <v>394</v>
      </c>
      <c r="B77259" s="14" t="s">
        <v>1</v>
      </c>
      <c r="C77259" s="14" t="s">
        <v>109</v>
      </c>
      <c r="D77259" s="14" t="s">
        <v>395</v>
      </c>
      <c r="E77259" s="15">
        <v>45620</v>
      </c>
      <c r="F77259" s="14" t="s">
        <v>61</v>
      </c>
      <c r="G77259" s="16">
        <v>0</v>
      </c>
    </row>
    <row r="77260" spans="1:7" x14ac:dyDescent="0.3">
      <c r="A77260" s="13" t="s">
        <v>394</v>
      </c>
      <c r="B77260" s="14" t="s">
        <v>1</v>
      </c>
      <c r="C77260" s="14" t="s">
        <v>109</v>
      </c>
      <c r="D77260" s="14" t="s">
        <v>395</v>
      </c>
      <c r="E77260" s="15">
        <v>45621</v>
      </c>
      <c r="F77260" s="14" t="s">
        <v>61</v>
      </c>
      <c r="G77260" s="16">
        <v>0</v>
      </c>
    </row>
    <row r="77261" spans="1:7" x14ac:dyDescent="0.3">
      <c r="A77261" s="13" t="s">
        <v>394</v>
      </c>
      <c r="B77261" s="14" t="s">
        <v>1</v>
      </c>
      <c r="C77261" s="14" t="s">
        <v>109</v>
      </c>
      <c r="D77261" s="14" t="s">
        <v>395</v>
      </c>
      <c r="E77261" s="15">
        <v>45622</v>
      </c>
      <c r="F77261" s="14" t="s">
        <v>61</v>
      </c>
      <c r="G77261" s="16">
        <v>0</v>
      </c>
    </row>
    <row r="77262" spans="1:7" x14ac:dyDescent="0.3">
      <c r="A77262" s="13" t="s">
        <v>394</v>
      </c>
      <c r="B77262" s="14" t="s">
        <v>1</v>
      </c>
      <c r="C77262" s="14" t="s">
        <v>109</v>
      </c>
      <c r="D77262" s="14" t="s">
        <v>395</v>
      </c>
      <c r="E77262" s="15">
        <v>45623</v>
      </c>
      <c r="F77262" s="14" t="s">
        <v>61</v>
      </c>
      <c r="G77262" s="16">
        <v>0</v>
      </c>
    </row>
    <row r="77263" spans="1:7" x14ac:dyDescent="0.3">
      <c r="A77263" s="13" t="s">
        <v>394</v>
      </c>
      <c r="B77263" s="14" t="s">
        <v>1</v>
      </c>
      <c r="C77263" s="14" t="s">
        <v>109</v>
      </c>
      <c r="D77263" s="14" t="s">
        <v>395</v>
      </c>
      <c r="E77263" s="15">
        <v>45624</v>
      </c>
      <c r="F77263" s="14" t="s">
        <v>61</v>
      </c>
      <c r="G77263" s="16">
        <v>0</v>
      </c>
    </row>
    <row r="77264" spans="1:7" x14ac:dyDescent="0.3">
      <c r="A77264" s="13" t="s">
        <v>394</v>
      </c>
      <c r="B77264" s="14" t="s">
        <v>1</v>
      </c>
      <c r="C77264" s="14" t="s">
        <v>109</v>
      </c>
      <c r="D77264" s="14" t="s">
        <v>395</v>
      </c>
      <c r="E77264" s="15">
        <v>45625</v>
      </c>
      <c r="F77264" s="14" t="s">
        <v>61</v>
      </c>
      <c r="G77264" s="16">
        <v>0</v>
      </c>
    </row>
    <row r="77265" spans="1:7" x14ac:dyDescent="0.3">
      <c r="A77265" s="13" t="s">
        <v>394</v>
      </c>
      <c r="B77265" s="14" t="s">
        <v>1</v>
      </c>
      <c r="C77265" s="14" t="s">
        <v>109</v>
      </c>
      <c r="D77265" s="14" t="s">
        <v>395</v>
      </c>
      <c r="E77265" s="15">
        <v>45626</v>
      </c>
      <c r="F77265" s="14" t="s">
        <v>61</v>
      </c>
      <c r="G77265" s="16">
        <v>0</v>
      </c>
    </row>
    <row r="77266" spans="1:7" x14ac:dyDescent="0.3">
      <c r="A77266" s="13" t="s">
        <v>394</v>
      </c>
      <c r="B77266" s="14" t="s">
        <v>1</v>
      </c>
      <c r="C77266" s="14" t="s">
        <v>109</v>
      </c>
      <c r="D77266" s="14" t="s">
        <v>395</v>
      </c>
      <c r="E77266" s="15">
        <v>45627</v>
      </c>
      <c r="F77266" s="14" t="s">
        <v>61</v>
      </c>
      <c r="G77266" s="16">
        <v>0</v>
      </c>
    </row>
    <row r="77267" spans="1:7" x14ac:dyDescent="0.3">
      <c r="A77267" s="13" t="s">
        <v>394</v>
      </c>
      <c r="B77267" s="14" t="s">
        <v>1</v>
      </c>
      <c r="C77267" s="14" t="s">
        <v>109</v>
      </c>
      <c r="D77267" s="14" t="s">
        <v>395</v>
      </c>
      <c r="E77267" s="15">
        <v>45628</v>
      </c>
      <c r="F77267" s="14" t="s">
        <v>61</v>
      </c>
      <c r="G77267" s="16">
        <v>0</v>
      </c>
    </row>
    <row r="77268" spans="1:7" x14ac:dyDescent="0.3">
      <c r="A77268" s="13" t="s">
        <v>394</v>
      </c>
      <c r="B77268" s="14" t="s">
        <v>1</v>
      </c>
      <c r="C77268" s="14" t="s">
        <v>109</v>
      </c>
      <c r="D77268" s="14" t="s">
        <v>395</v>
      </c>
      <c r="E77268" s="15">
        <v>45629</v>
      </c>
      <c r="F77268" s="14" t="s">
        <v>61</v>
      </c>
      <c r="G77268" s="16">
        <v>0</v>
      </c>
    </row>
    <row r="77269" spans="1:7" x14ac:dyDescent="0.3">
      <c r="A77269" s="13" t="s">
        <v>394</v>
      </c>
      <c r="B77269" s="14" t="s">
        <v>1</v>
      </c>
      <c r="C77269" s="14" t="s">
        <v>109</v>
      </c>
      <c r="D77269" s="14" t="s">
        <v>395</v>
      </c>
      <c r="E77269" s="15">
        <v>45630</v>
      </c>
      <c r="F77269" s="14" t="s">
        <v>61</v>
      </c>
      <c r="G77269" s="16">
        <v>0</v>
      </c>
    </row>
    <row r="77270" spans="1:7" x14ac:dyDescent="0.3">
      <c r="A77270" s="13" t="s">
        <v>394</v>
      </c>
      <c r="B77270" s="14" t="s">
        <v>1</v>
      </c>
      <c r="C77270" s="14" t="s">
        <v>109</v>
      </c>
      <c r="D77270" s="14" t="s">
        <v>395</v>
      </c>
      <c r="E77270" s="15">
        <v>45631</v>
      </c>
      <c r="F77270" s="14" t="s">
        <v>61</v>
      </c>
      <c r="G77270" s="16">
        <v>0</v>
      </c>
    </row>
    <row r="77271" spans="1:7" x14ac:dyDescent="0.3">
      <c r="A77271" s="13" t="s">
        <v>394</v>
      </c>
      <c r="B77271" s="14" t="s">
        <v>1</v>
      </c>
      <c r="C77271" s="14" t="s">
        <v>109</v>
      </c>
      <c r="D77271" s="14" t="s">
        <v>395</v>
      </c>
      <c r="E77271" s="15">
        <v>45632</v>
      </c>
      <c r="F77271" s="14" t="s">
        <v>61</v>
      </c>
      <c r="G77271" s="16">
        <v>0</v>
      </c>
    </row>
    <row r="77272" spans="1:7" x14ac:dyDescent="0.3">
      <c r="A77272" s="13" t="s">
        <v>394</v>
      </c>
      <c r="B77272" s="14" t="s">
        <v>1</v>
      </c>
      <c r="C77272" s="14" t="s">
        <v>109</v>
      </c>
      <c r="D77272" s="14" t="s">
        <v>395</v>
      </c>
      <c r="E77272" s="15">
        <v>45633</v>
      </c>
      <c r="F77272" s="14" t="s">
        <v>61</v>
      </c>
      <c r="G77272" s="16">
        <v>0</v>
      </c>
    </row>
    <row r="77273" spans="1:7" x14ac:dyDescent="0.3">
      <c r="A77273" s="13" t="s">
        <v>394</v>
      </c>
      <c r="B77273" s="14" t="s">
        <v>1</v>
      </c>
      <c r="C77273" s="14" t="s">
        <v>109</v>
      </c>
      <c r="D77273" s="14" t="s">
        <v>395</v>
      </c>
      <c r="E77273" s="15">
        <v>45634</v>
      </c>
      <c r="F77273" s="14" t="s">
        <v>61</v>
      </c>
      <c r="G77273" s="16">
        <v>0</v>
      </c>
    </row>
    <row r="77274" spans="1:7" x14ac:dyDescent="0.3">
      <c r="A77274" s="13" t="s">
        <v>394</v>
      </c>
      <c r="B77274" s="14" t="s">
        <v>1</v>
      </c>
      <c r="C77274" s="14" t="s">
        <v>109</v>
      </c>
      <c r="D77274" s="14" t="s">
        <v>395</v>
      </c>
      <c r="E77274" s="15">
        <v>45635</v>
      </c>
      <c r="F77274" s="14" t="s">
        <v>61</v>
      </c>
      <c r="G77274" s="16">
        <v>0</v>
      </c>
    </row>
    <row r="77275" spans="1:7" x14ac:dyDescent="0.3">
      <c r="A77275" s="13" t="s">
        <v>394</v>
      </c>
      <c r="B77275" s="14" t="s">
        <v>1</v>
      </c>
      <c r="C77275" s="14" t="s">
        <v>109</v>
      </c>
      <c r="D77275" s="14" t="s">
        <v>395</v>
      </c>
      <c r="E77275" s="15">
        <v>45636</v>
      </c>
      <c r="F77275" s="14" t="s">
        <v>61</v>
      </c>
      <c r="G77275" s="16">
        <v>0</v>
      </c>
    </row>
    <row r="77276" spans="1:7" x14ac:dyDescent="0.3">
      <c r="A77276" s="13" t="s">
        <v>394</v>
      </c>
      <c r="B77276" s="14" t="s">
        <v>1</v>
      </c>
      <c r="C77276" s="14" t="s">
        <v>109</v>
      </c>
      <c r="D77276" s="14" t="s">
        <v>395</v>
      </c>
      <c r="E77276" s="15">
        <v>45637</v>
      </c>
      <c r="F77276" s="14" t="s">
        <v>61</v>
      </c>
      <c r="G77276" s="16">
        <v>0</v>
      </c>
    </row>
    <row r="77277" spans="1:7" x14ac:dyDescent="0.3">
      <c r="A77277" s="13" t="s">
        <v>394</v>
      </c>
      <c r="B77277" s="14" t="s">
        <v>1</v>
      </c>
      <c r="C77277" s="14" t="s">
        <v>109</v>
      </c>
      <c r="D77277" s="14" t="s">
        <v>395</v>
      </c>
      <c r="E77277" s="15">
        <v>45638</v>
      </c>
      <c r="F77277" s="14" t="s">
        <v>61</v>
      </c>
      <c r="G77277" s="16">
        <v>0</v>
      </c>
    </row>
    <row r="77278" spans="1:7" x14ac:dyDescent="0.3">
      <c r="A77278" s="13" t="s">
        <v>394</v>
      </c>
      <c r="B77278" s="14" t="s">
        <v>1</v>
      </c>
      <c r="C77278" s="14" t="s">
        <v>109</v>
      </c>
      <c r="D77278" s="14" t="s">
        <v>395</v>
      </c>
      <c r="E77278" s="15">
        <v>45639</v>
      </c>
      <c r="F77278" s="14" t="s">
        <v>61</v>
      </c>
      <c r="G77278" s="16">
        <v>0</v>
      </c>
    </row>
    <row r="77279" spans="1:7" x14ac:dyDescent="0.3">
      <c r="A77279" s="13" t="s">
        <v>394</v>
      </c>
      <c r="B77279" s="14" t="s">
        <v>1</v>
      </c>
      <c r="C77279" s="14" t="s">
        <v>109</v>
      </c>
      <c r="D77279" s="14" t="s">
        <v>395</v>
      </c>
      <c r="E77279" s="15">
        <v>45640</v>
      </c>
      <c r="F77279" s="14" t="s">
        <v>61</v>
      </c>
      <c r="G77279" s="16">
        <v>0</v>
      </c>
    </row>
    <row r="77280" spans="1:7" x14ac:dyDescent="0.3">
      <c r="A77280" s="13" t="s">
        <v>394</v>
      </c>
      <c r="B77280" s="14" t="s">
        <v>1</v>
      </c>
      <c r="C77280" s="14" t="s">
        <v>109</v>
      </c>
      <c r="D77280" s="14" t="s">
        <v>395</v>
      </c>
      <c r="E77280" s="15">
        <v>45641</v>
      </c>
      <c r="F77280" s="14" t="s">
        <v>61</v>
      </c>
      <c r="G77280" s="16">
        <v>0</v>
      </c>
    </row>
    <row r="77281" spans="1:7" x14ac:dyDescent="0.3">
      <c r="A77281" s="13" t="s">
        <v>394</v>
      </c>
      <c r="B77281" s="14" t="s">
        <v>1</v>
      </c>
      <c r="C77281" s="14" t="s">
        <v>109</v>
      </c>
      <c r="D77281" s="14" t="s">
        <v>395</v>
      </c>
      <c r="E77281" s="15">
        <v>45642</v>
      </c>
      <c r="F77281" s="14" t="s">
        <v>61</v>
      </c>
      <c r="G77281" s="16">
        <v>0</v>
      </c>
    </row>
    <row r="77282" spans="1:7" x14ac:dyDescent="0.3">
      <c r="A77282" s="13" t="s">
        <v>394</v>
      </c>
      <c r="B77282" s="14" t="s">
        <v>1</v>
      </c>
      <c r="C77282" s="14" t="s">
        <v>109</v>
      </c>
      <c r="D77282" s="14" t="s">
        <v>395</v>
      </c>
      <c r="E77282" s="15">
        <v>45643</v>
      </c>
      <c r="F77282" s="14" t="s">
        <v>61</v>
      </c>
      <c r="G77282" s="16">
        <v>0</v>
      </c>
    </row>
    <row r="77283" spans="1:7" x14ac:dyDescent="0.3">
      <c r="A77283" s="13" t="s">
        <v>394</v>
      </c>
      <c r="B77283" s="14" t="s">
        <v>1</v>
      </c>
      <c r="C77283" s="14" t="s">
        <v>109</v>
      </c>
      <c r="D77283" s="14" t="s">
        <v>395</v>
      </c>
      <c r="E77283" s="15">
        <v>45644</v>
      </c>
      <c r="F77283" s="14" t="s">
        <v>61</v>
      </c>
      <c r="G77283" s="16">
        <v>0</v>
      </c>
    </row>
    <row r="77284" spans="1:7" x14ac:dyDescent="0.3">
      <c r="A77284" s="13" t="s">
        <v>394</v>
      </c>
      <c r="B77284" s="14" t="s">
        <v>1</v>
      </c>
      <c r="C77284" s="14" t="s">
        <v>109</v>
      </c>
      <c r="D77284" s="14" t="s">
        <v>395</v>
      </c>
      <c r="E77284" s="15">
        <v>45645</v>
      </c>
      <c r="F77284" s="14" t="s">
        <v>61</v>
      </c>
      <c r="G77284" s="16">
        <v>0</v>
      </c>
    </row>
    <row r="77285" spans="1:7" x14ac:dyDescent="0.3">
      <c r="A77285" s="13" t="s">
        <v>394</v>
      </c>
      <c r="B77285" s="14" t="s">
        <v>1</v>
      </c>
      <c r="C77285" s="14" t="s">
        <v>109</v>
      </c>
      <c r="D77285" s="14" t="s">
        <v>395</v>
      </c>
      <c r="E77285" s="15">
        <v>45646</v>
      </c>
      <c r="F77285" s="14" t="s">
        <v>61</v>
      </c>
      <c r="G77285" s="16">
        <v>0</v>
      </c>
    </row>
    <row r="77286" spans="1:7" x14ac:dyDescent="0.3">
      <c r="A77286" s="13" t="s">
        <v>394</v>
      </c>
      <c r="B77286" s="14" t="s">
        <v>1</v>
      </c>
      <c r="C77286" s="14" t="s">
        <v>109</v>
      </c>
      <c r="D77286" s="14" t="s">
        <v>395</v>
      </c>
      <c r="E77286" s="15">
        <v>45647</v>
      </c>
      <c r="F77286" s="14" t="s">
        <v>61</v>
      </c>
      <c r="G77286" s="16">
        <v>0</v>
      </c>
    </row>
    <row r="77287" spans="1:7" x14ac:dyDescent="0.3">
      <c r="A77287" s="13" t="s">
        <v>394</v>
      </c>
      <c r="B77287" s="14" t="s">
        <v>1</v>
      </c>
      <c r="C77287" s="14" t="s">
        <v>109</v>
      </c>
      <c r="D77287" s="14" t="s">
        <v>395</v>
      </c>
      <c r="E77287" s="15">
        <v>45648</v>
      </c>
      <c r="F77287" s="14" t="s">
        <v>61</v>
      </c>
      <c r="G77287" s="16">
        <v>0</v>
      </c>
    </row>
    <row r="77288" spans="1:7" x14ac:dyDescent="0.3">
      <c r="A77288" s="13" t="s">
        <v>394</v>
      </c>
      <c r="B77288" s="14" t="s">
        <v>1</v>
      </c>
      <c r="C77288" s="14" t="s">
        <v>109</v>
      </c>
      <c r="D77288" s="14" t="s">
        <v>395</v>
      </c>
      <c r="E77288" s="15">
        <v>45649</v>
      </c>
      <c r="F77288" s="14" t="s">
        <v>61</v>
      </c>
      <c r="G77288" s="16">
        <v>0</v>
      </c>
    </row>
    <row r="77289" spans="1:7" x14ac:dyDescent="0.3">
      <c r="A77289" s="13" t="s">
        <v>394</v>
      </c>
      <c r="B77289" s="14" t="s">
        <v>1</v>
      </c>
      <c r="C77289" s="14" t="s">
        <v>109</v>
      </c>
      <c r="D77289" s="14" t="s">
        <v>395</v>
      </c>
      <c r="E77289" s="15">
        <v>45650</v>
      </c>
      <c r="F77289" s="14" t="s">
        <v>61</v>
      </c>
      <c r="G77289" s="16">
        <v>0</v>
      </c>
    </row>
    <row r="77290" spans="1:7" x14ac:dyDescent="0.3">
      <c r="A77290" s="13" t="s">
        <v>394</v>
      </c>
      <c r="B77290" s="14" t="s">
        <v>1</v>
      </c>
      <c r="C77290" s="14" t="s">
        <v>109</v>
      </c>
      <c r="D77290" s="14" t="s">
        <v>395</v>
      </c>
      <c r="E77290" s="15">
        <v>45651</v>
      </c>
      <c r="F77290" s="14" t="s">
        <v>61</v>
      </c>
      <c r="G77290" s="16">
        <v>0</v>
      </c>
    </row>
    <row r="77291" spans="1:7" x14ac:dyDescent="0.3">
      <c r="A77291" s="13" t="s">
        <v>394</v>
      </c>
      <c r="B77291" s="14" t="s">
        <v>1</v>
      </c>
      <c r="C77291" s="14" t="s">
        <v>109</v>
      </c>
      <c r="D77291" s="14" t="s">
        <v>395</v>
      </c>
      <c r="E77291" s="15">
        <v>45652</v>
      </c>
      <c r="F77291" s="14" t="s">
        <v>61</v>
      </c>
      <c r="G77291" s="16">
        <v>0</v>
      </c>
    </row>
    <row r="77292" spans="1:7" x14ac:dyDescent="0.3">
      <c r="A77292" s="13" t="s">
        <v>394</v>
      </c>
      <c r="B77292" s="14" t="s">
        <v>1</v>
      </c>
      <c r="C77292" s="14" t="s">
        <v>109</v>
      </c>
      <c r="D77292" s="14" t="s">
        <v>395</v>
      </c>
      <c r="E77292" s="15">
        <v>45653</v>
      </c>
      <c r="F77292" s="14" t="s">
        <v>61</v>
      </c>
      <c r="G77292" s="16">
        <v>0</v>
      </c>
    </row>
    <row r="77293" spans="1:7" x14ac:dyDescent="0.3">
      <c r="A77293" s="13" t="s">
        <v>394</v>
      </c>
      <c r="B77293" s="14" t="s">
        <v>1</v>
      </c>
      <c r="C77293" s="14" t="s">
        <v>109</v>
      </c>
      <c r="D77293" s="14" t="s">
        <v>395</v>
      </c>
      <c r="E77293" s="15">
        <v>45654</v>
      </c>
      <c r="F77293" s="14" t="s">
        <v>61</v>
      </c>
      <c r="G77293" s="16">
        <v>0</v>
      </c>
    </row>
    <row r="77294" spans="1:7" x14ac:dyDescent="0.3">
      <c r="A77294" s="13" t="s">
        <v>394</v>
      </c>
      <c r="B77294" s="14" t="s">
        <v>1</v>
      </c>
      <c r="C77294" s="14" t="s">
        <v>109</v>
      </c>
      <c r="D77294" s="14" t="s">
        <v>395</v>
      </c>
      <c r="E77294" s="15">
        <v>45655</v>
      </c>
      <c r="F77294" s="14" t="s">
        <v>61</v>
      </c>
      <c r="G77294" s="16">
        <v>0</v>
      </c>
    </row>
    <row r="77295" spans="1:7" x14ac:dyDescent="0.3">
      <c r="A77295" s="13" t="s">
        <v>394</v>
      </c>
      <c r="B77295" s="14" t="s">
        <v>1</v>
      </c>
      <c r="C77295" s="14" t="s">
        <v>109</v>
      </c>
      <c r="D77295" s="14" t="s">
        <v>395</v>
      </c>
      <c r="E77295" s="15">
        <v>45656</v>
      </c>
      <c r="F77295" s="14" t="s">
        <v>61</v>
      </c>
      <c r="G77295" s="16">
        <v>0</v>
      </c>
    </row>
    <row r="77296" spans="1:7" x14ac:dyDescent="0.3">
      <c r="A77296" s="13" t="s">
        <v>394</v>
      </c>
      <c r="B77296" s="14" t="s">
        <v>1</v>
      </c>
      <c r="C77296" s="14" t="s">
        <v>109</v>
      </c>
      <c r="D77296" s="14" t="s">
        <v>395</v>
      </c>
      <c r="E77296" s="15">
        <v>45657</v>
      </c>
      <c r="F77296" s="14" t="s">
        <v>61</v>
      </c>
      <c r="G77296" s="16">
        <v>0</v>
      </c>
    </row>
    <row r="77297" spans="1:7" x14ac:dyDescent="0.3">
      <c r="A77297" s="13" t="s">
        <v>394</v>
      </c>
      <c r="B77297" s="14" t="s">
        <v>1</v>
      </c>
      <c r="C77297" s="14" t="s">
        <v>109</v>
      </c>
      <c r="D77297" s="14" t="s">
        <v>395</v>
      </c>
      <c r="E77297" s="15">
        <v>45658</v>
      </c>
      <c r="F77297" s="14" t="s">
        <v>61</v>
      </c>
      <c r="G77297" s="16">
        <v>0</v>
      </c>
    </row>
    <row r="77298" spans="1:7" x14ac:dyDescent="0.3">
      <c r="A77298" s="13" t="s">
        <v>394</v>
      </c>
      <c r="B77298" s="14" t="s">
        <v>1</v>
      </c>
      <c r="C77298" s="14" t="s">
        <v>109</v>
      </c>
      <c r="D77298" s="14" t="s">
        <v>395</v>
      </c>
      <c r="E77298" s="15">
        <v>45659</v>
      </c>
      <c r="F77298" s="14" t="s">
        <v>61</v>
      </c>
      <c r="G77298" s="16">
        <v>0</v>
      </c>
    </row>
    <row r="77299" spans="1:7" x14ac:dyDescent="0.3">
      <c r="A77299" s="13" t="s">
        <v>394</v>
      </c>
      <c r="B77299" s="14" t="s">
        <v>1</v>
      </c>
      <c r="C77299" s="14" t="s">
        <v>109</v>
      </c>
      <c r="D77299" s="14" t="s">
        <v>395</v>
      </c>
      <c r="E77299" s="15">
        <v>45660</v>
      </c>
      <c r="F77299" s="14" t="s">
        <v>61</v>
      </c>
      <c r="G77299" s="16">
        <v>0</v>
      </c>
    </row>
    <row r="77300" spans="1:7" x14ac:dyDescent="0.3">
      <c r="A77300" s="13" t="s">
        <v>394</v>
      </c>
      <c r="B77300" s="14" t="s">
        <v>1</v>
      </c>
      <c r="C77300" s="14" t="s">
        <v>109</v>
      </c>
      <c r="D77300" s="14" t="s">
        <v>395</v>
      </c>
      <c r="E77300" s="15">
        <v>45661</v>
      </c>
      <c r="F77300" s="14" t="s">
        <v>61</v>
      </c>
      <c r="G77300" s="16">
        <v>0</v>
      </c>
    </row>
    <row r="77301" spans="1:7" x14ac:dyDescent="0.3">
      <c r="A77301" s="13" t="s">
        <v>394</v>
      </c>
      <c r="B77301" s="14" t="s">
        <v>1</v>
      </c>
      <c r="C77301" s="14" t="s">
        <v>109</v>
      </c>
      <c r="D77301" s="14" t="s">
        <v>395</v>
      </c>
      <c r="E77301" s="15">
        <v>45662</v>
      </c>
      <c r="F77301" s="14" t="s">
        <v>61</v>
      </c>
      <c r="G77301" s="16">
        <v>0</v>
      </c>
    </row>
    <row r="77302" spans="1:7" x14ac:dyDescent="0.3">
      <c r="A77302" s="13" t="s">
        <v>394</v>
      </c>
      <c r="B77302" s="14" t="s">
        <v>1</v>
      </c>
      <c r="C77302" s="14" t="s">
        <v>109</v>
      </c>
      <c r="D77302" s="14" t="s">
        <v>395</v>
      </c>
      <c r="E77302" s="15">
        <v>45663</v>
      </c>
      <c r="F77302" s="14" t="s">
        <v>61</v>
      </c>
      <c r="G77302" s="16">
        <v>0</v>
      </c>
    </row>
    <row r="77303" spans="1:7" x14ac:dyDescent="0.3">
      <c r="A77303" s="13" t="s">
        <v>394</v>
      </c>
      <c r="B77303" s="14" t="s">
        <v>1</v>
      </c>
      <c r="C77303" s="14" t="s">
        <v>109</v>
      </c>
      <c r="D77303" s="14" t="s">
        <v>395</v>
      </c>
      <c r="E77303" s="15">
        <v>45664</v>
      </c>
      <c r="F77303" s="14" t="s">
        <v>61</v>
      </c>
      <c r="G77303" s="16">
        <v>0</v>
      </c>
    </row>
    <row r="77304" spans="1:7" x14ac:dyDescent="0.3">
      <c r="A77304" s="13" t="s">
        <v>394</v>
      </c>
      <c r="B77304" s="14" t="s">
        <v>1</v>
      </c>
      <c r="C77304" s="14" t="s">
        <v>109</v>
      </c>
      <c r="D77304" s="14" t="s">
        <v>395</v>
      </c>
      <c r="E77304" s="15">
        <v>45665</v>
      </c>
      <c r="F77304" s="14" t="s">
        <v>61</v>
      </c>
      <c r="G77304" s="16">
        <v>0</v>
      </c>
    </row>
    <row r="77305" spans="1:7" x14ac:dyDescent="0.3">
      <c r="A77305" s="13" t="s">
        <v>394</v>
      </c>
      <c r="B77305" s="14" t="s">
        <v>1</v>
      </c>
      <c r="C77305" s="14" t="s">
        <v>109</v>
      </c>
      <c r="D77305" s="14" t="s">
        <v>395</v>
      </c>
      <c r="E77305" s="15">
        <v>45666</v>
      </c>
      <c r="F77305" s="14" t="s">
        <v>61</v>
      </c>
      <c r="G77305" s="16">
        <v>0</v>
      </c>
    </row>
    <row r="77306" spans="1:7" x14ac:dyDescent="0.3">
      <c r="A77306" s="13" t="s">
        <v>394</v>
      </c>
      <c r="B77306" s="14" t="s">
        <v>1</v>
      </c>
      <c r="C77306" s="14" t="s">
        <v>109</v>
      </c>
      <c r="D77306" s="14" t="s">
        <v>395</v>
      </c>
      <c r="E77306" s="15">
        <v>45667</v>
      </c>
      <c r="F77306" s="14" t="s">
        <v>61</v>
      </c>
      <c r="G77306" s="16">
        <v>0</v>
      </c>
    </row>
    <row r="77307" spans="1:7" x14ac:dyDescent="0.3">
      <c r="A77307" s="13" t="s">
        <v>394</v>
      </c>
      <c r="B77307" s="14" t="s">
        <v>1</v>
      </c>
      <c r="C77307" s="14" t="s">
        <v>109</v>
      </c>
      <c r="D77307" s="14" t="s">
        <v>395</v>
      </c>
      <c r="E77307" s="15">
        <v>45668</v>
      </c>
      <c r="F77307" s="14" t="s">
        <v>61</v>
      </c>
      <c r="G77307" s="16">
        <v>0</v>
      </c>
    </row>
    <row r="77308" spans="1:7" x14ac:dyDescent="0.3">
      <c r="A77308" s="13" t="s">
        <v>394</v>
      </c>
      <c r="B77308" s="14" t="s">
        <v>1</v>
      </c>
      <c r="C77308" s="14" t="s">
        <v>109</v>
      </c>
      <c r="D77308" s="14" t="s">
        <v>395</v>
      </c>
      <c r="E77308" s="15">
        <v>45669</v>
      </c>
      <c r="F77308" s="14" t="s">
        <v>61</v>
      </c>
      <c r="G77308" s="16">
        <v>0</v>
      </c>
    </row>
    <row r="77309" spans="1:7" x14ac:dyDescent="0.3">
      <c r="A77309" s="13" t="s">
        <v>394</v>
      </c>
      <c r="B77309" s="14" t="s">
        <v>1</v>
      </c>
      <c r="C77309" s="14" t="s">
        <v>109</v>
      </c>
      <c r="D77309" s="14" t="s">
        <v>395</v>
      </c>
      <c r="E77309" s="15">
        <v>45670</v>
      </c>
      <c r="F77309" s="14" t="s">
        <v>61</v>
      </c>
      <c r="G77309" s="16">
        <v>0</v>
      </c>
    </row>
    <row r="77310" spans="1:7" x14ac:dyDescent="0.3">
      <c r="A77310" s="13" t="s">
        <v>394</v>
      </c>
      <c r="B77310" s="14" t="s">
        <v>1</v>
      </c>
      <c r="C77310" s="14" t="s">
        <v>109</v>
      </c>
      <c r="D77310" s="14" t="s">
        <v>395</v>
      </c>
      <c r="E77310" s="15">
        <v>45671</v>
      </c>
      <c r="F77310" s="14" t="s">
        <v>61</v>
      </c>
      <c r="G77310" s="16">
        <v>0</v>
      </c>
    </row>
    <row r="77311" spans="1:7" x14ac:dyDescent="0.3">
      <c r="A77311" s="13" t="s">
        <v>394</v>
      </c>
      <c r="B77311" s="14" t="s">
        <v>1</v>
      </c>
      <c r="C77311" s="14" t="s">
        <v>109</v>
      </c>
      <c r="D77311" s="14" t="s">
        <v>395</v>
      </c>
      <c r="E77311" s="15">
        <v>45672</v>
      </c>
      <c r="F77311" s="14" t="s">
        <v>61</v>
      </c>
      <c r="G77311" s="16">
        <v>0</v>
      </c>
    </row>
    <row r="77312" spans="1:7" x14ac:dyDescent="0.3">
      <c r="A77312" s="13" t="s">
        <v>394</v>
      </c>
      <c r="B77312" s="14" t="s">
        <v>1</v>
      </c>
      <c r="C77312" s="14" t="s">
        <v>109</v>
      </c>
      <c r="D77312" s="14" t="s">
        <v>395</v>
      </c>
      <c r="E77312" s="15">
        <v>45673</v>
      </c>
      <c r="F77312" s="14" t="s">
        <v>61</v>
      </c>
      <c r="G77312" s="16">
        <v>0</v>
      </c>
    </row>
    <row r="77313" spans="1:7" x14ac:dyDescent="0.3">
      <c r="A77313" s="13" t="s">
        <v>394</v>
      </c>
      <c r="B77313" s="14" t="s">
        <v>1</v>
      </c>
      <c r="C77313" s="14" t="s">
        <v>109</v>
      </c>
      <c r="D77313" s="14" t="s">
        <v>395</v>
      </c>
      <c r="E77313" s="15">
        <v>45674</v>
      </c>
      <c r="F77313" s="14" t="s">
        <v>61</v>
      </c>
      <c r="G77313" s="16">
        <v>0</v>
      </c>
    </row>
    <row r="77314" spans="1:7" x14ac:dyDescent="0.3">
      <c r="A77314" s="13" t="s">
        <v>394</v>
      </c>
      <c r="B77314" s="14" t="s">
        <v>1</v>
      </c>
      <c r="C77314" s="14" t="s">
        <v>109</v>
      </c>
      <c r="D77314" s="14" t="s">
        <v>395</v>
      </c>
      <c r="E77314" s="15">
        <v>45675</v>
      </c>
      <c r="F77314" s="14" t="s">
        <v>61</v>
      </c>
      <c r="G77314" s="16">
        <v>0</v>
      </c>
    </row>
    <row r="77315" spans="1:7" x14ac:dyDescent="0.3">
      <c r="A77315" s="13" t="s">
        <v>394</v>
      </c>
      <c r="B77315" s="14" t="s">
        <v>1</v>
      </c>
      <c r="C77315" s="14" t="s">
        <v>109</v>
      </c>
      <c r="D77315" s="14" t="s">
        <v>395</v>
      </c>
      <c r="E77315" s="15">
        <v>45676</v>
      </c>
      <c r="F77315" s="14" t="s">
        <v>61</v>
      </c>
      <c r="G77315" s="16">
        <v>0</v>
      </c>
    </row>
    <row r="77316" spans="1:7" x14ac:dyDescent="0.3">
      <c r="A77316" s="13" t="s">
        <v>394</v>
      </c>
      <c r="B77316" s="14" t="s">
        <v>1</v>
      </c>
      <c r="C77316" s="14" t="s">
        <v>109</v>
      </c>
      <c r="D77316" s="14" t="s">
        <v>395</v>
      </c>
      <c r="E77316" s="15">
        <v>45677</v>
      </c>
      <c r="F77316" s="14" t="s">
        <v>61</v>
      </c>
      <c r="G77316" s="16">
        <v>0</v>
      </c>
    </row>
    <row r="77317" spans="1:7" x14ac:dyDescent="0.3">
      <c r="A77317" s="13" t="s">
        <v>394</v>
      </c>
      <c r="B77317" s="14" t="s">
        <v>1</v>
      </c>
      <c r="C77317" s="14" t="s">
        <v>109</v>
      </c>
      <c r="D77317" s="14" t="s">
        <v>395</v>
      </c>
      <c r="E77317" s="15">
        <v>45678</v>
      </c>
      <c r="F77317" s="14" t="s">
        <v>61</v>
      </c>
      <c r="G77317" s="16">
        <v>0</v>
      </c>
    </row>
    <row r="77318" spans="1:7" x14ac:dyDescent="0.3">
      <c r="A77318" s="13" t="s">
        <v>394</v>
      </c>
      <c r="B77318" s="14" t="s">
        <v>1</v>
      </c>
      <c r="C77318" s="14" t="s">
        <v>109</v>
      </c>
      <c r="D77318" s="14" t="s">
        <v>395</v>
      </c>
      <c r="E77318" s="15">
        <v>45679</v>
      </c>
      <c r="F77318" s="14" t="s">
        <v>61</v>
      </c>
      <c r="G77318" s="16">
        <v>0</v>
      </c>
    </row>
    <row r="77319" spans="1:7" x14ac:dyDescent="0.3">
      <c r="A77319" s="13" t="s">
        <v>394</v>
      </c>
      <c r="B77319" s="14" t="s">
        <v>1</v>
      </c>
      <c r="C77319" s="14" t="s">
        <v>109</v>
      </c>
      <c r="D77319" s="14" t="s">
        <v>395</v>
      </c>
      <c r="E77319" s="15">
        <v>45680</v>
      </c>
      <c r="F77319" s="14" t="s">
        <v>61</v>
      </c>
      <c r="G77319" s="16">
        <v>0</v>
      </c>
    </row>
    <row r="77320" spans="1:7" x14ac:dyDescent="0.3">
      <c r="A77320" s="13" t="s">
        <v>394</v>
      </c>
      <c r="B77320" s="14" t="s">
        <v>1</v>
      </c>
      <c r="C77320" s="14" t="s">
        <v>109</v>
      </c>
      <c r="D77320" s="14" t="s">
        <v>395</v>
      </c>
      <c r="E77320" s="15">
        <v>45681</v>
      </c>
      <c r="F77320" s="14" t="s">
        <v>61</v>
      </c>
      <c r="G77320" s="16">
        <v>0</v>
      </c>
    </row>
    <row r="77321" spans="1:7" x14ac:dyDescent="0.3">
      <c r="A77321" s="13" t="s">
        <v>394</v>
      </c>
      <c r="B77321" s="14" t="s">
        <v>1</v>
      </c>
      <c r="C77321" s="14" t="s">
        <v>109</v>
      </c>
      <c r="D77321" s="14" t="s">
        <v>395</v>
      </c>
      <c r="E77321" s="15">
        <v>45682</v>
      </c>
      <c r="F77321" s="14" t="s">
        <v>61</v>
      </c>
      <c r="G77321" s="16">
        <v>0</v>
      </c>
    </row>
    <row r="77322" spans="1:7" x14ac:dyDescent="0.3">
      <c r="A77322" s="13" t="s">
        <v>394</v>
      </c>
      <c r="B77322" s="14" t="s">
        <v>1</v>
      </c>
      <c r="C77322" s="14" t="s">
        <v>109</v>
      </c>
      <c r="D77322" s="14" t="s">
        <v>395</v>
      </c>
      <c r="E77322" s="15">
        <v>45683</v>
      </c>
      <c r="F77322" s="14" t="s">
        <v>61</v>
      </c>
      <c r="G77322" s="16">
        <v>0</v>
      </c>
    </row>
    <row r="77323" spans="1:7" x14ac:dyDescent="0.3">
      <c r="A77323" s="13" t="s">
        <v>394</v>
      </c>
      <c r="B77323" s="14" t="s">
        <v>1</v>
      </c>
      <c r="C77323" s="14" t="s">
        <v>109</v>
      </c>
      <c r="D77323" s="14" t="s">
        <v>395</v>
      </c>
      <c r="E77323" s="15">
        <v>45684</v>
      </c>
      <c r="F77323" s="14" t="s">
        <v>61</v>
      </c>
      <c r="G77323" s="16">
        <v>0</v>
      </c>
    </row>
    <row r="77324" spans="1:7" x14ac:dyDescent="0.3">
      <c r="A77324" s="13" t="s">
        <v>394</v>
      </c>
      <c r="B77324" s="14" t="s">
        <v>1</v>
      </c>
      <c r="C77324" s="14" t="s">
        <v>109</v>
      </c>
      <c r="D77324" s="14" t="s">
        <v>395</v>
      </c>
      <c r="E77324" s="15">
        <v>45685</v>
      </c>
      <c r="F77324" s="14" t="s">
        <v>61</v>
      </c>
      <c r="G77324" s="16">
        <v>0</v>
      </c>
    </row>
    <row r="77325" spans="1:7" x14ac:dyDescent="0.3">
      <c r="A77325" s="13" t="s">
        <v>394</v>
      </c>
      <c r="B77325" s="14" t="s">
        <v>1</v>
      </c>
      <c r="C77325" s="14" t="s">
        <v>109</v>
      </c>
      <c r="D77325" s="14" t="s">
        <v>395</v>
      </c>
      <c r="E77325" s="15">
        <v>45686</v>
      </c>
      <c r="F77325" s="14" t="s">
        <v>61</v>
      </c>
      <c r="G77325" s="16">
        <v>0</v>
      </c>
    </row>
    <row r="77326" spans="1:7" x14ac:dyDescent="0.3">
      <c r="A77326" s="13" t="s">
        <v>394</v>
      </c>
      <c r="B77326" s="14" t="s">
        <v>1</v>
      </c>
      <c r="C77326" s="14" t="s">
        <v>109</v>
      </c>
      <c r="D77326" s="14" t="s">
        <v>395</v>
      </c>
      <c r="E77326" s="15">
        <v>45687</v>
      </c>
      <c r="F77326" s="14" t="s">
        <v>61</v>
      </c>
      <c r="G77326" s="16">
        <v>0</v>
      </c>
    </row>
    <row r="77327" spans="1:7" x14ac:dyDescent="0.3">
      <c r="A77327" s="13" t="s">
        <v>394</v>
      </c>
      <c r="B77327" s="14" t="s">
        <v>1</v>
      </c>
      <c r="C77327" s="14" t="s">
        <v>109</v>
      </c>
      <c r="D77327" s="14" t="s">
        <v>395</v>
      </c>
      <c r="E77327" s="15">
        <v>45688</v>
      </c>
      <c r="F77327" s="14" t="s">
        <v>61</v>
      </c>
      <c r="G77327" s="16">
        <v>0</v>
      </c>
    </row>
    <row r="77328" spans="1:7" x14ac:dyDescent="0.3">
      <c r="A77328" s="13" t="s">
        <v>394</v>
      </c>
      <c r="B77328" s="14" t="s">
        <v>1</v>
      </c>
      <c r="C77328" s="14" t="s">
        <v>109</v>
      </c>
      <c r="D77328" s="14" t="s">
        <v>395</v>
      </c>
      <c r="E77328" s="15">
        <v>45689</v>
      </c>
      <c r="F77328" s="14" t="s">
        <v>61</v>
      </c>
      <c r="G77328" s="16">
        <v>0</v>
      </c>
    </row>
    <row r="77329" spans="1:7" x14ac:dyDescent="0.3">
      <c r="A77329" s="13" t="s">
        <v>394</v>
      </c>
      <c r="B77329" s="14" t="s">
        <v>1</v>
      </c>
      <c r="C77329" s="14" t="s">
        <v>109</v>
      </c>
      <c r="D77329" s="14" t="s">
        <v>395</v>
      </c>
      <c r="E77329" s="15">
        <v>45690</v>
      </c>
      <c r="F77329" s="14" t="s">
        <v>61</v>
      </c>
      <c r="G77329" s="16">
        <v>0</v>
      </c>
    </row>
    <row r="77330" spans="1:7" x14ac:dyDescent="0.3">
      <c r="A77330" s="13" t="s">
        <v>394</v>
      </c>
      <c r="B77330" s="14" t="s">
        <v>1</v>
      </c>
      <c r="C77330" s="14" t="s">
        <v>109</v>
      </c>
      <c r="D77330" s="14" t="s">
        <v>395</v>
      </c>
      <c r="E77330" s="15">
        <v>45691</v>
      </c>
      <c r="F77330" s="14" t="s">
        <v>61</v>
      </c>
      <c r="G77330" s="16">
        <v>0</v>
      </c>
    </row>
    <row r="77331" spans="1:7" x14ac:dyDescent="0.3">
      <c r="A77331" s="13" t="s">
        <v>394</v>
      </c>
      <c r="B77331" s="14" t="s">
        <v>1</v>
      </c>
      <c r="C77331" s="14" t="s">
        <v>109</v>
      </c>
      <c r="D77331" s="14" t="s">
        <v>395</v>
      </c>
      <c r="E77331" s="15">
        <v>45692</v>
      </c>
      <c r="F77331" s="14" t="s">
        <v>61</v>
      </c>
      <c r="G77331" s="16">
        <v>0</v>
      </c>
    </row>
    <row r="77332" spans="1:7" x14ac:dyDescent="0.3">
      <c r="A77332" s="13" t="s">
        <v>394</v>
      </c>
      <c r="B77332" s="14" t="s">
        <v>1</v>
      </c>
      <c r="C77332" s="14" t="s">
        <v>109</v>
      </c>
      <c r="D77332" s="14" t="s">
        <v>395</v>
      </c>
      <c r="E77332" s="15">
        <v>45693</v>
      </c>
      <c r="F77332" s="14" t="s">
        <v>61</v>
      </c>
      <c r="G77332" s="16">
        <v>0</v>
      </c>
    </row>
    <row r="77333" spans="1:7" x14ac:dyDescent="0.3">
      <c r="A77333" s="13" t="s">
        <v>394</v>
      </c>
      <c r="B77333" s="14" t="s">
        <v>1</v>
      </c>
      <c r="C77333" s="14" t="s">
        <v>109</v>
      </c>
      <c r="D77333" s="14" t="s">
        <v>395</v>
      </c>
      <c r="E77333" s="15">
        <v>45694</v>
      </c>
      <c r="F77333" s="14" t="s">
        <v>61</v>
      </c>
      <c r="G77333" s="16">
        <v>0</v>
      </c>
    </row>
    <row r="77334" spans="1:7" x14ac:dyDescent="0.3">
      <c r="A77334" s="13" t="s">
        <v>394</v>
      </c>
      <c r="B77334" s="14" t="s">
        <v>1</v>
      </c>
      <c r="C77334" s="14" t="s">
        <v>109</v>
      </c>
      <c r="D77334" s="14" t="s">
        <v>395</v>
      </c>
      <c r="E77334" s="15">
        <v>45695</v>
      </c>
      <c r="F77334" s="14" t="s">
        <v>61</v>
      </c>
      <c r="G77334" s="16">
        <v>0</v>
      </c>
    </row>
    <row r="77335" spans="1:7" x14ac:dyDescent="0.3">
      <c r="A77335" s="13" t="s">
        <v>394</v>
      </c>
      <c r="B77335" s="14" t="s">
        <v>1</v>
      </c>
      <c r="C77335" s="14" t="s">
        <v>109</v>
      </c>
      <c r="D77335" s="14" t="s">
        <v>395</v>
      </c>
      <c r="E77335" s="15">
        <v>45696</v>
      </c>
      <c r="F77335" s="14" t="s">
        <v>61</v>
      </c>
      <c r="G77335" s="16">
        <v>0</v>
      </c>
    </row>
    <row r="77336" spans="1:7" x14ac:dyDescent="0.3">
      <c r="A77336" s="13" t="s">
        <v>394</v>
      </c>
      <c r="B77336" s="14" t="s">
        <v>1</v>
      </c>
      <c r="C77336" s="14" t="s">
        <v>109</v>
      </c>
      <c r="D77336" s="14" t="s">
        <v>395</v>
      </c>
      <c r="E77336" s="15">
        <v>45697</v>
      </c>
      <c r="F77336" s="14" t="s">
        <v>61</v>
      </c>
      <c r="G77336" s="16">
        <v>0</v>
      </c>
    </row>
    <row r="77337" spans="1:7" x14ac:dyDescent="0.3">
      <c r="A77337" s="13" t="s">
        <v>394</v>
      </c>
      <c r="B77337" s="14" t="s">
        <v>1</v>
      </c>
      <c r="C77337" s="14" t="s">
        <v>109</v>
      </c>
      <c r="D77337" s="14" t="s">
        <v>395</v>
      </c>
      <c r="E77337" s="15">
        <v>45698</v>
      </c>
      <c r="F77337" s="14" t="s">
        <v>61</v>
      </c>
      <c r="G77337" s="16">
        <v>0</v>
      </c>
    </row>
    <row r="77338" spans="1:7" x14ac:dyDescent="0.3">
      <c r="A77338" s="13" t="s">
        <v>394</v>
      </c>
      <c r="B77338" s="14" t="s">
        <v>1</v>
      </c>
      <c r="C77338" s="14" t="s">
        <v>109</v>
      </c>
      <c r="D77338" s="14" t="s">
        <v>395</v>
      </c>
      <c r="E77338" s="15">
        <v>45699</v>
      </c>
      <c r="F77338" s="14" t="s">
        <v>61</v>
      </c>
      <c r="G77338" s="16">
        <v>0</v>
      </c>
    </row>
    <row r="77339" spans="1:7" x14ac:dyDescent="0.3">
      <c r="A77339" s="13" t="s">
        <v>394</v>
      </c>
      <c r="B77339" s="14" t="s">
        <v>1</v>
      </c>
      <c r="C77339" s="14" t="s">
        <v>109</v>
      </c>
      <c r="D77339" s="14" t="s">
        <v>395</v>
      </c>
      <c r="E77339" s="15">
        <v>45700</v>
      </c>
      <c r="F77339" s="14" t="s">
        <v>61</v>
      </c>
      <c r="G77339" s="16">
        <v>0</v>
      </c>
    </row>
    <row r="77340" spans="1:7" x14ac:dyDescent="0.3">
      <c r="A77340" s="13" t="s">
        <v>394</v>
      </c>
      <c r="B77340" s="14" t="s">
        <v>1</v>
      </c>
      <c r="C77340" s="14" t="s">
        <v>109</v>
      </c>
      <c r="D77340" s="14" t="s">
        <v>395</v>
      </c>
      <c r="E77340" s="15">
        <v>45701</v>
      </c>
      <c r="F77340" s="14" t="s">
        <v>61</v>
      </c>
      <c r="G77340" s="16">
        <v>0</v>
      </c>
    </row>
    <row r="77341" spans="1:7" x14ac:dyDescent="0.3">
      <c r="A77341" s="13" t="s">
        <v>394</v>
      </c>
      <c r="B77341" s="14" t="s">
        <v>1</v>
      </c>
      <c r="C77341" s="14" t="s">
        <v>109</v>
      </c>
      <c r="D77341" s="14" t="s">
        <v>395</v>
      </c>
      <c r="E77341" s="15">
        <v>45702</v>
      </c>
      <c r="F77341" s="14" t="s">
        <v>61</v>
      </c>
      <c r="G77341" s="16">
        <v>0</v>
      </c>
    </row>
    <row r="77342" spans="1:7" x14ac:dyDescent="0.3">
      <c r="A77342" s="13" t="s">
        <v>394</v>
      </c>
      <c r="B77342" s="14" t="s">
        <v>1</v>
      </c>
      <c r="C77342" s="14" t="s">
        <v>109</v>
      </c>
      <c r="D77342" s="14" t="s">
        <v>395</v>
      </c>
      <c r="E77342" s="15">
        <v>45703</v>
      </c>
      <c r="F77342" s="14" t="s">
        <v>61</v>
      </c>
      <c r="G77342" s="16">
        <v>0</v>
      </c>
    </row>
    <row r="77343" spans="1:7" x14ac:dyDescent="0.3">
      <c r="A77343" s="13" t="s">
        <v>394</v>
      </c>
      <c r="B77343" s="14" t="s">
        <v>1</v>
      </c>
      <c r="C77343" s="14" t="s">
        <v>109</v>
      </c>
      <c r="D77343" s="14" t="s">
        <v>395</v>
      </c>
      <c r="E77343" s="15">
        <v>45704</v>
      </c>
      <c r="F77343" s="14" t="s">
        <v>61</v>
      </c>
      <c r="G77343" s="16">
        <v>0</v>
      </c>
    </row>
    <row r="77344" spans="1:7" x14ac:dyDescent="0.3">
      <c r="A77344" s="13" t="s">
        <v>394</v>
      </c>
      <c r="B77344" s="14" t="s">
        <v>1</v>
      </c>
      <c r="C77344" s="14" t="s">
        <v>109</v>
      </c>
      <c r="D77344" s="14" t="s">
        <v>395</v>
      </c>
      <c r="E77344" s="15">
        <v>45705</v>
      </c>
      <c r="F77344" s="14" t="s">
        <v>61</v>
      </c>
      <c r="G77344" s="16">
        <v>0</v>
      </c>
    </row>
    <row r="77345" spans="1:7" x14ac:dyDescent="0.3">
      <c r="A77345" s="13" t="s">
        <v>394</v>
      </c>
      <c r="B77345" s="14" t="s">
        <v>1</v>
      </c>
      <c r="C77345" s="14" t="s">
        <v>109</v>
      </c>
      <c r="D77345" s="14" t="s">
        <v>395</v>
      </c>
      <c r="E77345" s="15">
        <v>45706</v>
      </c>
      <c r="F77345" s="14" t="s">
        <v>61</v>
      </c>
      <c r="G77345" s="16">
        <v>0</v>
      </c>
    </row>
    <row r="77346" spans="1:7" x14ac:dyDescent="0.3">
      <c r="A77346" s="13" t="s">
        <v>394</v>
      </c>
      <c r="B77346" s="14" t="s">
        <v>1</v>
      </c>
      <c r="C77346" s="14" t="s">
        <v>109</v>
      </c>
      <c r="D77346" s="14" t="s">
        <v>395</v>
      </c>
      <c r="E77346" s="15">
        <v>45707</v>
      </c>
      <c r="F77346" s="14" t="s">
        <v>61</v>
      </c>
      <c r="G77346" s="16">
        <v>0</v>
      </c>
    </row>
    <row r="77347" spans="1:7" x14ac:dyDescent="0.3">
      <c r="A77347" s="13" t="s">
        <v>394</v>
      </c>
      <c r="B77347" s="14" t="s">
        <v>1</v>
      </c>
      <c r="C77347" s="14" t="s">
        <v>109</v>
      </c>
      <c r="D77347" s="14" t="s">
        <v>395</v>
      </c>
      <c r="E77347" s="15">
        <v>45708</v>
      </c>
      <c r="F77347" s="14" t="s">
        <v>61</v>
      </c>
      <c r="G77347" s="16">
        <v>0</v>
      </c>
    </row>
    <row r="77348" spans="1:7" x14ac:dyDescent="0.3">
      <c r="A77348" s="13" t="s">
        <v>394</v>
      </c>
      <c r="B77348" s="14" t="s">
        <v>1</v>
      </c>
      <c r="C77348" s="14" t="s">
        <v>109</v>
      </c>
      <c r="D77348" s="14" t="s">
        <v>395</v>
      </c>
      <c r="E77348" s="15">
        <v>45709</v>
      </c>
      <c r="F77348" s="14" t="s">
        <v>61</v>
      </c>
      <c r="G77348" s="16">
        <v>0</v>
      </c>
    </row>
    <row r="77349" spans="1:7" x14ac:dyDescent="0.3">
      <c r="A77349" s="13" t="s">
        <v>394</v>
      </c>
      <c r="B77349" s="14" t="s">
        <v>1</v>
      </c>
      <c r="C77349" s="14" t="s">
        <v>109</v>
      </c>
      <c r="D77349" s="14" t="s">
        <v>395</v>
      </c>
      <c r="E77349" s="15">
        <v>45710</v>
      </c>
      <c r="F77349" s="14" t="s">
        <v>61</v>
      </c>
      <c r="G77349" s="16">
        <v>0</v>
      </c>
    </row>
    <row r="77350" spans="1:7" x14ac:dyDescent="0.3">
      <c r="A77350" s="13" t="s">
        <v>394</v>
      </c>
      <c r="B77350" s="14" t="s">
        <v>1</v>
      </c>
      <c r="C77350" s="14" t="s">
        <v>109</v>
      </c>
      <c r="D77350" s="14" t="s">
        <v>395</v>
      </c>
      <c r="E77350" s="15">
        <v>45711</v>
      </c>
      <c r="F77350" s="14" t="s">
        <v>61</v>
      </c>
      <c r="G77350" s="16">
        <v>0</v>
      </c>
    </row>
    <row r="77351" spans="1:7" x14ac:dyDescent="0.3">
      <c r="A77351" s="13" t="s">
        <v>394</v>
      </c>
      <c r="B77351" s="14" t="s">
        <v>1</v>
      </c>
      <c r="C77351" s="14" t="s">
        <v>109</v>
      </c>
      <c r="D77351" s="14" t="s">
        <v>395</v>
      </c>
      <c r="E77351" s="15">
        <v>45712</v>
      </c>
      <c r="F77351" s="14" t="s">
        <v>61</v>
      </c>
      <c r="G77351" s="16">
        <v>0</v>
      </c>
    </row>
    <row r="77352" spans="1:7" x14ac:dyDescent="0.3">
      <c r="A77352" s="13" t="s">
        <v>394</v>
      </c>
      <c r="B77352" s="14" t="s">
        <v>1</v>
      </c>
      <c r="C77352" s="14" t="s">
        <v>109</v>
      </c>
      <c r="D77352" s="14" t="s">
        <v>395</v>
      </c>
      <c r="E77352" s="15">
        <v>45713</v>
      </c>
      <c r="F77352" s="14" t="s">
        <v>61</v>
      </c>
      <c r="G77352" s="16">
        <v>0</v>
      </c>
    </row>
    <row r="77353" spans="1:7" x14ac:dyDescent="0.3">
      <c r="A77353" s="13" t="s">
        <v>394</v>
      </c>
      <c r="B77353" s="14" t="s">
        <v>1</v>
      </c>
      <c r="C77353" s="14" t="s">
        <v>109</v>
      </c>
      <c r="D77353" s="14" t="s">
        <v>395</v>
      </c>
      <c r="E77353" s="15">
        <v>45714</v>
      </c>
      <c r="F77353" s="14" t="s">
        <v>61</v>
      </c>
      <c r="G77353" s="16">
        <v>0</v>
      </c>
    </row>
    <row r="77354" spans="1:7" x14ac:dyDescent="0.3">
      <c r="A77354" s="13" t="s">
        <v>394</v>
      </c>
      <c r="B77354" s="14" t="s">
        <v>1</v>
      </c>
      <c r="C77354" s="14" t="s">
        <v>109</v>
      </c>
      <c r="D77354" s="14" t="s">
        <v>395</v>
      </c>
      <c r="E77354" s="15">
        <v>45715</v>
      </c>
      <c r="F77354" s="14" t="s">
        <v>61</v>
      </c>
      <c r="G77354" s="16">
        <v>0</v>
      </c>
    </row>
    <row r="77355" spans="1:7" x14ac:dyDescent="0.3">
      <c r="A77355" s="13" t="s">
        <v>394</v>
      </c>
      <c r="B77355" s="14" t="s">
        <v>1</v>
      </c>
      <c r="C77355" s="14" t="s">
        <v>109</v>
      </c>
      <c r="D77355" s="14" t="s">
        <v>395</v>
      </c>
      <c r="E77355" s="15">
        <v>45716</v>
      </c>
      <c r="F77355" s="14" t="s">
        <v>61</v>
      </c>
      <c r="G77355" s="16">
        <v>0</v>
      </c>
    </row>
    <row r="77356" spans="1:7" x14ac:dyDescent="0.3">
      <c r="A77356" s="13" t="s">
        <v>394</v>
      </c>
      <c r="B77356" s="14" t="s">
        <v>1</v>
      </c>
      <c r="C77356" s="14" t="s">
        <v>109</v>
      </c>
      <c r="D77356" s="14" t="s">
        <v>395</v>
      </c>
      <c r="E77356" s="15">
        <v>45717</v>
      </c>
      <c r="F77356" s="14" t="s">
        <v>61</v>
      </c>
      <c r="G77356" s="16">
        <v>0</v>
      </c>
    </row>
    <row r="77357" spans="1:7" x14ac:dyDescent="0.3">
      <c r="A77357" s="13" t="s">
        <v>394</v>
      </c>
      <c r="B77357" s="14" t="s">
        <v>1</v>
      </c>
      <c r="C77357" s="14" t="s">
        <v>109</v>
      </c>
      <c r="D77357" s="14" t="s">
        <v>395</v>
      </c>
      <c r="E77357" s="15">
        <v>45718</v>
      </c>
      <c r="F77357" s="14" t="s">
        <v>61</v>
      </c>
      <c r="G77357" s="16">
        <v>0</v>
      </c>
    </row>
    <row r="77358" spans="1:7" x14ac:dyDescent="0.3">
      <c r="A77358" s="13" t="s">
        <v>394</v>
      </c>
      <c r="B77358" s="14" t="s">
        <v>1</v>
      </c>
      <c r="C77358" s="14" t="s">
        <v>109</v>
      </c>
      <c r="D77358" s="14" t="s">
        <v>395</v>
      </c>
      <c r="E77358" s="15">
        <v>45719</v>
      </c>
      <c r="F77358" s="14" t="s">
        <v>61</v>
      </c>
      <c r="G77358" s="16">
        <v>0</v>
      </c>
    </row>
    <row r="77359" spans="1:7" x14ac:dyDescent="0.3">
      <c r="A77359" s="13" t="s">
        <v>394</v>
      </c>
      <c r="B77359" s="14" t="s">
        <v>1</v>
      </c>
      <c r="C77359" s="14" t="s">
        <v>109</v>
      </c>
      <c r="D77359" s="14" t="s">
        <v>395</v>
      </c>
      <c r="E77359" s="15">
        <v>45720</v>
      </c>
      <c r="F77359" s="14" t="s">
        <v>61</v>
      </c>
      <c r="G77359" s="16">
        <v>0</v>
      </c>
    </row>
    <row r="77360" spans="1:7" x14ac:dyDescent="0.3">
      <c r="A77360" s="13" t="s">
        <v>394</v>
      </c>
      <c r="B77360" s="14" t="s">
        <v>1</v>
      </c>
      <c r="C77360" s="14" t="s">
        <v>109</v>
      </c>
      <c r="D77360" s="14" t="s">
        <v>395</v>
      </c>
      <c r="E77360" s="15">
        <v>45721</v>
      </c>
      <c r="F77360" s="14" t="s">
        <v>61</v>
      </c>
      <c r="G77360" s="16">
        <v>0</v>
      </c>
    </row>
    <row r="77361" spans="1:7" x14ac:dyDescent="0.3">
      <c r="A77361" s="13" t="s">
        <v>394</v>
      </c>
      <c r="B77361" s="14" t="s">
        <v>1</v>
      </c>
      <c r="C77361" s="14" t="s">
        <v>109</v>
      </c>
      <c r="D77361" s="14" t="s">
        <v>395</v>
      </c>
      <c r="E77361" s="15">
        <v>45722</v>
      </c>
      <c r="F77361" s="14" t="s">
        <v>61</v>
      </c>
      <c r="G77361" s="16">
        <v>0</v>
      </c>
    </row>
    <row r="77362" spans="1:7" x14ac:dyDescent="0.3">
      <c r="A77362" s="13" t="s">
        <v>394</v>
      </c>
      <c r="B77362" s="14" t="s">
        <v>1</v>
      </c>
      <c r="C77362" s="14" t="s">
        <v>109</v>
      </c>
      <c r="D77362" s="14" t="s">
        <v>395</v>
      </c>
      <c r="E77362" s="15">
        <v>45723</v>
      </c>
      <c r="F77362" s="14" t="s">
        <v>61</v>
      </c>
      <c r="G77362" s="16">
        <v>0</v>
      </c>
    </row>
    <row r="77363" spans="1:7" x14ac:dyDescent="0.3">
      <c r="A77363" s="13" t="s">
        <v>394</v>
      </c>
      <c r="B77363" s="14" t="s">
        <v>1</v>
      </c>
      <c r="C77363" s="14" t="s">
        <v>109</v>
      </c>
      <c r="D77363" s="14" t="s">
        <v>395</v>
      </c>
      <c r="E77363" s="15">
        <v>45724</v>
      </c>
      <c r="F77363" s="14" t="s">
        <v>61</v>
      </c>
      <c r="G77363" s="16">
        <v>0</v>
      </c>
    </row>
    <row r="77364" spans="1:7" x14ac:dyDescent="0.3">
      <c r="A77364" s="13" t="s">
        <v>394</v>
      </c>
      <c r="B77364" s="14" t="s">
        <v>1</v>
      </c>
      <c r="C77364" s="14" t="s">
        <v>109</v>
      </c>
      <c r="D77364" s="14" t="s">
        <v>395</v>
      </c>
      <c r="E77364" s="15">
        <v>45725</v>
      </c>
      <c r="F77364" s="14" t="s">
        <v>61</v>
      </c>
      <c r="G77364" s="16">
        <v>0</v>
      </c>
    </row>
    <row r="77365" spans="1:7" x14ac:dyDescent="0.3">
      <c r="A77365" s="13" t="s">
        <v>394</v>
      </c>
      <c r="B77365" s="14" t="s">
        <v>1</v>
      </c>
      <c r="C77365" s="14" t="s">
        <v>109</v>
      </c>
      <c r="D77365" s="14" t="s">
        <v>395</v>
      </c>
      <c r="E77365" s="15">
        <v>45726</v>
      </c>
      <c r="F77365" s="14" t="s">
        <v>61</v>
      </c>
      <c r="G77365" s="16">
        <v>0</v>
      </c>
    </row>
    <row r="77366" spans="1:7" x14ac:dyDescent="0.3">
      <c r="A77366" s="13" t="s">
        <v>394</v>
      </c>
      <c r="B77366" s="14" t="s">
        <v>1</v>
      </c>
      <c r="C77366" s="14" t="s">
        <v>109</v>
      </c>
      <c r="D77366" s="14" t="s">
        <v>395</v>
      </c>
      <c r="E77366" s="15">
        <v>45727</v>
      </c>
      <c r="F77366" s="14" t="s">
        <v>61</v>
      </c>
      <c r="G77366" s="16">
        <v>0</v>
      </c>
    </row>
    <row r="77367" spans="1:7" x14ac:dyDescent="0.3">
      <c r="A77367" s="13" t="s">
        <v>394</v>
      </c>
      <c r="B77367" s="14" t="s">
        <v>1</v>
      </c>
      <c r="C77367" s="14" t="s">
        <v>109</v>
      </c>
      <c r="D77367" s="14" t="s">
        <v>395</v>
      </c>
      <c r="E77367" s="15">
        <v>45728</v>
      </c>
      <c r="F77367" s="14" t="s">
        <v>61</v>
      </c>
      <c r="G77367" s="16">
        <v>0</v>
      </c>
    </row>
    <row r="77368" spans="1:7" x14ac:dyDescent="0.3">
      <c r="A77368" s="13" t="s">
        <v>394</v>
      </c>
      <c r="B77368" s="14" t="s">
        <v>1</v>
      </c>
      <c r="C77368" s="14" t="s">
        <v>109</v>
      </c>
      <c r="D77368" s="14" t="s">
        <v>395</v>
      </c>
      <c r="E77368" s="15">
        <v>45729</v>
      </c>
      <c r="F77368" s="14" t="s">
        <v>61</v>
      </c>
      <c r="G77368" s="16">
        <v>0</v>
      </c>
    </row>
    <row r="77369" spans="1:7" x14ac:dyDescent="0.3">
      <c r="A77369" s="13" t="s">
        <v>394</v>
      </c>
      <c r="B77369" s="14" t="s">
        <v>1</v>
      </c>
      <c r="C77369" s="14" t="s">
        <v>109</v>
      </c>
      <c r="D77369" s="14" t="s">
        <v>395</v>
      </c>
      <c r="E77369" s="15">
        <v>45730</v>
      </c>
      <c r="F77369" s="14" t="s">
        <v>61</v>
      </c>
      <c r="G77369" s="16">
        <v>0</v>
      </c>
    </row>
    <row r="77370" spans="1:7" x14ac:dyDescent="0.3">
      <c r="A77370" s="13" t="s">
        <v>394</v>
      </c>
      <c r="B77370" s="14" t="s">
        <v>1</v>
      </c>
      <c r="C77370" s="14" t="s">
        <v>109</v>
      </c>
      <c r="D77370" s="14" t="s">
        <v>395</v>
      </c>
      <c r="E77370" s="15">
        <v>45731</v>
      </c>
      <c r="F77370" s="14" t="s">
        <v>61</v>
      </c>
      <c r="G77370" s="16">
        <v>0</v>
      </c>
    </row>
    <row r="77371" spans="1:7" x14ac:dyDescent="0.3">
      <c r="A77371" s="13" t="s">
        <v>394</v>
      </c>
      <c r="B77371" s="14" t="s">
        <v>1</v>
      </c>
      <c r="C77371" s="14" t="s">
        <v>109</v>
      </c>
      <c r="D77371" s="14" t="s">
        <v>395</v>
      </c>
      <c r="E77371" s="15">
        <v>45732</v>
      </c>
      <c r="F77371" s="14" t="s">
        <v>61</v>
      </c>
      <c r="G77371" s="16">
        <v>0</v>
      </c>
    </row>
    <row r="77372" spans="1:7" x14ac:dyDescent="0.3">
      <c r="A77372" s="13" t="s">
        <v>394</v>
      </c>
      <c r="B77372" s="14" t="s">
        <v>1</v>
      </c>
      <c r="C77372" s="14" t="s">
        <v>109</v>
      </c>
      <c r="D77372" s="14" t="s">
        <v>395</v>
      </c>
      <c r="E77372" s="15">
        <v>45733</v>
      </c>
      <c r="F77372" s="14" t="s">
        <v>61</v>
      </c>
      <c r="G77372" s="16">
        <v>0</v>
      </c>
    </row>
    <row r="77373" spans="1:7" x14ac:dyDescent="0.3">
      <c r="A77373" s="13" t="s">
        <v>394</v>
      </c>
      <c r="B77373" s="14" t="s">
        <v>1</v>
      </c>
      <c r="C77373" s="14" t="s">
        <v>109</v>
      </c>
      <c r="D77373" s="14" t="s">
        <v>395</v>
      </c>
      <c r="E77373" s="15">
        <v>45734</v>
      </c>
      <c r="F77373" s="14" t="s">
        <v>61</v>
      </c>
      <c r="G77373" s="16">
        <v>0</v>
      </c>
    </row>
    <row r="77374" spans="1:7" x14ac:dyDescent="0.3">
      <c r="A77374" s="13" t="s">
        <v>394</v>
      </c>
      <c r="B77374" s="14" t="s">
        <v>1</v>
      </c>
      <c r="C77374" s="14" t="s">
        <v>109</v>
      </c>
      <c r="D77374" s="14" t="s">
        <v>395</v>
      </c>
      <c r="E77374" s="15">
        <v>45735</v>
      </c>
      <c r="F77374" s="14" t="s">
        <v>61</v>
      </c>
      <c r="G77374" s="16">
        <v>0</v>
      </c>
    </row>
    <row r="77375" spans="1:7" x14ac:dyDescent="0.3">
      <c r="A77375" s="13" t="s">
        <v>394</v>
      </c>
      <c r="B77375" s="14" t="s">
        <v>1</v>
      </c>
      <c r="C77375" s="14" t="s">
        <v>109</v>
      </c>
      <c r="D77375" s="14" t="s">
        <v>395</v>
      </c>
      <c r="E77375" s="15">
        <v>45736</v>
      </c>
      <c r="F77375" s="14" t="s">
        <v>61</v>
      </c>
      <c r="G77375" s="16">
        <v>0</v>
      </c>
    </row>
    <row r="77376" spans="1:7" x14ac:dyDescent="0.3">
      <c r="A77376" s="13" t="s">
        <v>394</v>
      </c>
      <c r="B77376" s="14" t="s">
        <v>1</v>
      </c>
      <c r="C77376" s="14" t="s">
        <v>109</v>
      </c>
      <c r="D77376" s="14" t="s">
        <v>395</v>
      </c>
      <c r="E77376" s="15">
        <v>45737</v>
      </c>
      <c r="F77376" s="14" t="s">
        <v>61</v>
      </c>
      <c r="G77376" s="16">
        <v>0</v>
      </c>
    </row>
    <row r="77377" spans="1:7" x14ac:dyDescent="0.3">
      <c r="A77377" s="13" t="s">
        <v>394</v>
      </c>
      <c r="B77377" s="14" t="s">
        <v>1</v>
      </c>
      <c r="C77377" s="14" t="s">
        <v>109</v>
      </c>
      <c r="D77377" s="14" t="s">
        <v>395</v>
      </c>
      <c r="E77377" s="15">
        <v>45738</v>
      </c>
      <c r="F77377" s="14" t="s">
        <v>61</v>
      </c>
      <c r="G77377" s="16">
        <v>0</v>
      </c>
    </row>
    <row r="77378" spans="1:7" x14ac:dyDescent="0.3">
      <c r="A77378" s="13" t="s">
        <v>394</v>
      </c>
      <c r="B77378" s="14" t="s">
        <v>1</v>
      </c>
      <c r="C77378" s="14" t="s">
        <v>109</v>
      </c>
      <c r="D77378" s="14" t="s">
        <v>395</v>
      </c>
      <c r="E77378" s="15">
        <v>45739</v>
      </c>
      <c r="F77378" s="14" t="s">
        <v>61</v>
      </c>
      <c r="G77378" s="16">
        <v>0</v>
      </c>
    </row>
    <row r="77379" spans="1:7" x14ac:dyDescent="0.3">
      <c r="A77379" s="13" t="s">
        <v>394</v>
      </c>
      <c r="B77379" s="14" t="s">
        <v>1</v>
      </c>
      <c r="C77379" s="14" t="s">
        <v>109</v>
      </c>
      <c r="D77379" s="14" t="s">
        <v>395</v>
      </c>
      <c r="E77379" s="15">
        <v>45740</v>
      </c>
      <c r="F77379" s="14" t="s">
        <v>61</v>
      </c>
      <c r="G77379" s="16">
        <v>0</v>
      </c>
    </row>
    <row r="77380" spans="1:7" x14ac:dyDescent="0.3">
      <c r="A77380" s="13" t="s">
        <v>394</v>
      </c>
      <c r="B77380" s="14" t="s">
        <v>1</v>
      </c>
      <c r="C77380" s="14" t="s">
        <v>109</v>
      </c>
      <c r="D77380" s="14" t="s">
        <v>395</v>
      </c>
      <c r="E77380" s="15">
        <v>45741</v>
      </c>
      <c r="F77380" s="14" t="s">
        <v>61</v>
      </c>
      <c r="G77380" s="16">
        <v>0</v>
      </c>
    </row>
    <row r="77381" spans="1:7" x14ac:dyDescent="0.3">
      <c r="A77381" s="13" t="s">
        <v>394</v>
      </c>
      <c r="B77381" s="14" t="s">
        <v>1</v>
      </c>
      <c r="C77381" s="14" t="s">
        <v>109</v>
      </c>
      <c r="D77381" s="14" t="s">
        <v>395</v>
      </c>
      <c r="E77381" s="15">
        <v>45742</v>
      </c>
      <c r="F77381" s="14" t="s">
        <v>61</v>
      </c>
      <c r="G77381" s="16">
        <v>0</v>
      </c>
    </row>
    <row r="77382" spans="1:7" x14ac:dyDescent="0.3">
      <c r="A77382" s="13" t="s">
        <v>394</v>
      </c>
      <c r="B77382" s="14" t="s">
        <v>1</v>
      </c>
      <c r="C77382" s="14" t="s">
        <v>109</v>
      </c>
      <c r="D77382" s="14" t="s">
        <v>395</v>
      </c>
      <c r="E77382" s="15">
        <v>45743</v>
      </c>
      <c r="F77382" s="14" t="s">
        <v>61</v>
      </c>
      <c r="G77382" s="16">
        <v>0</v>
      </c>
    </row>
    <row r="77383" spans="1:7" x14ac:dyDescent="0.3">
      <c r="A77383" s="13" t="s">
        <v>394</v>
      </c>
      <c r="B77383" s="14" t="s">
        <v>1</v>
      </c>
      <c r="C77383" s="14" t="s">
        <v>109</v>
      </c>
      <c r="D77383" s="14" t="s">
        <v>395</v>
      </c>
      <c r="E77383" s="15">
        <v>45744</v>
      </c>
      <c r="F77383" s="14" t="s">
        <v>61</v>
      </c>
      <c r="G77383" s="16">
        <v>0</v>
      </c>
    </row>
    <row r="77384" spans="1:7" x14ac:dyDescent="0.3">
      <c r="A77384" s="13" t="s">
        <v>394</v>
      </c>
      <c r="B77384" s="14" t="s">
        <v>1</v>
      </c>
      <c r="C77384" s="14" t="s">
        <v>109</v>
      </c>
      <c r="D77384" s="14" t="s">
        <v>395</v>
      </c>
      <c r="E77384" s="15">
        <v>45745</v>
      </c>
      <c r="F77384" s="14" t="s">
        <v>61</v>
      </c>
      <c r="G77384" s="16">
        <v>0</v>
      </c>
    </row>
    <row r="77385" spans="1:7" x14ac:dyDescent="0.3">
      <c r="A77385" s="13" t="s">
        <v>394</v>
      </c>
      <c r="B77385" s="14" t="s">
        <v>1</v>
      </c>
      <c r="C77385" s="14" t="s">
        <v>109</v>
      </c>
      <c r="D77385" s="14" t="s">
        <v>395</v>
      </c>
      <c r="E77385" s="15">
        <v>45746</v>
      </c>
      <c r="F77385" s="14" t="s">
        <v>61</v>
      </c>
      <c r="G77385" s="16">
        <v>0</v>
      </c>
    </row>
    <row r="77386" spans="1:7" x14ac:dyDescent="0.3">
      <c r="A77386" s="13" t="s">
        <v>394</v>
      </c>
      <c r="B77386" s="14" t="s">
        <v>1</v>
      </c>
      <c r="C77386" s="14" t="s">
        <v>109</v>
      </c>
      <c r="D77386" s="14" t="s">
        <v>395</v>
      </c>
      <c r="E77386" s="15">
        <v>45747</v>
      </c>
      <c r="F77386" s="14" t="s">
        <v>61</v>
      </c>
      <c r="G77386" s="16">
        <v>0</v>
      </c>
    </row>
    <row r="77387" spans="1:7" x14ac:dyDescent="0.3">
      <c r="A77387" s="13" t="s">
        <v>396</v>
      </c>
      <c r="B77387" s="14" t="s">
        <v>1</v>
      </c>
      <c r="C77387" s="14" t="s">
        <v>35</v>
      </c>
      <c r="D77387" s="14" t="s">
        <v>176</v>
      </c>
      <c r="E77387" s="15">
        <v>45383</v>
      </c>
      <c r="F77387" s="14" t="s">
        <v>61</v>
      </c>
      <c r="G77387" s="16">
        <v>0</v>
      </c>
    </row>
    <row r="77388" spans="1:7" x14ac:dyDescent="0.3">
      <c r="A77388" s="13" t="s">
        <v>396</v>
      </c>
      <c r="B77388" s="14" t="s">
        <v>1</v>
      </c>
      <c r="C77388" s="14" t="s">
        <v>35</v>
      </c>
      <c r="D77388" s="14" t="s">
        <v>176</v>
      </c>
      <c r="E77388" s="15">
        <v>45384</v>
      </c>
      <c r="F77388" s="14" t="s">
        <v>61</v>
      </c>
      <c r="G77388" s="16">
        <v>0</v>
      </c>
    </row>
    <row r="77389" spans="1:7" x14ac:dyDescent="0.3">
      <c r="A77389" s="13" t="s">
        <v>396</v>
      </c>
      <c r="B77389" s="14" t="s">
        <v>1</v>
      </c>
      <c r="C77389" s="14" t="s">
        <v>35</v>
      </c>
      <c r="D77389" s="14" t="s">
        <v>176</v>
      </c>
      <c r="E77389" s="15">
        <v>45385</v>
      </c>
      <c r="F77389" s="14" t="s">
        <v>61</v>
      </c>
      <c r="G77389" s="16">
        <v>0</v>
      </c>
    </row>
    <row r="77390" spans="1:7" x14ac:dyDescent="0.3">
      <c r="A77390" s="13" t="s">
        <v>396</v>
      </c>
      <c r="B77390" s="14" t="s">
        <v>1</v>
      </c>
      <c r="C77390" s="14" t="s">
        <v>35</v>
      </c>
      <c r="D77390" s="14" t="s">
        <v>176</v>
      </c>
      <c r="E77390" s="15">
        <v>45386</v>
      </c>
      <c r="F77390" s="14" t="s">
        <v>61</v>
      </c>
      <c r="G77390" s="16">
        <v>0</v>
      </c>
    </row>
    <row r="77391" spans="1:7" x14ac:dyDescent="0.3">
      <c r="A77391" s="13" t="s">
        <v>396</v>
      </c>
      <c r="B77391" s="14" t="s">
        <v>1</v>
      </c>
      <c r="C77391" s="14" t="s">
        <v>35</v>
      </c>
      <c r="D77391" s="14" t="s">
        <v>176</v>
      </c>
      <c r="E77391" s="15">
        <v>45387</v>
      </c>
      <c r="F77391" s="14" t="s">
        <v>61</v>
      </c>
      <c r="G77391" s="16">
        <v>0</v>
      </c>
    </row>
    <row r="77392" spans="1:7" x14ac:dyDescent="0.3">
      <c r="A77392" s="13" t="s">
        <v>396</v>
      </c>
      <c r="B77392" s="14" t="s">
        <v>1</v>
      </c>
      <c r="C77392" s="14" t="s">
        <v>35</v>
      </c>
      <c r="D77392" s="14" t="s">
        <v>176</v>
      </c>
      <c r="E77392" s="15">
        <v>45388</v>
      </c>
      <c r="F77392" s="14" t="s">
        <v>61</v>
      </c>
      <c r="G77392" s="16">
        <v>0</v>
      </c>
    </row>
    <row r="77393" spans="1:7" x14ac:dyDescent="0.3">
      <c r="A77393" s="13" t="s">
        <v>396</v>
      </c>
      <c r="B77393" s="14" t="s">
        <v>1</v>
      </c>
      <c r="C77393" s="14" t="s">
        <v>35</v>
      </c>
      <c r="D77393" s="14" t="s">
        <v>176</v>
      </c>
      <c r="E77393" s="15">
        <v>45389</v>
      </c>
      <c r="F77393" s="14" t="s">
        <v>61</v>
      </c>
      <c r="G77393" s="16">
        <v>0</v>
      </c>
    </row>
    <row r="77394" spans="1:7" x14ac:dyDescent="0.3">
      <c r="A77394" s="13" t="s">
        <v>396</v>
      </c>
      <c r="B77394" s="14" t="s">
        <v>1</v>
      </c>
      <c r="C77394" s="14" t="s">
        <v>35</v>
      </c>
      <c r="D77394" s="14" t="s">
        <v>176</v>
      </c>
      <c r="E77394" s="15">
        <v>45390</v>
      </c>
      <c r="F77394" s="14" t="s">
        <v>61</v>
      </c>
      <c r="G77394" s="16">
        <v>0</v>
      </c>
    </row>
    <row r="77395" spans="1:7" x14ac:dyDescent="0.3">
      <c r="A77395" s="13" t="s">
        <v>396</v>
      </c>
      <c r="B77395" s="14" t="s">
        <v>1</v>
      </c>
      <c r="C77395" s="14" t="s">
        <v>35</v>
      </c>
      <c r="D77395" s="14" t="s">
        <v>176</v>
      </c>
      <c r="E77395" s="15">
        <v>45391</v>
      </c>
      <c r="F77395" s="14" t="s">
        <v>61</v>
      </c>
      <c r="G77395" s="16">
        <v>0</v>
      </c>
    </row>
    <row r="77396" spans="1:7" x14ac:dyDescent="0.3">
      <c r="A77396" s="13" t="s">
        <v>396</v>
      </c>
      <c r="B77396" s="14" t="s">
        <v>1</v>
      </c>
      <c r="C77396" s="14" t="s">
        <v>35</v>
      </c>
      <c r="D77396" s="14" t="s">
        <v>176</v>
      </c>
      <c r="E77396" s="15">
        <v>45392</v>
      </c>
      <c r="F77396" s="14" t="s">
        <v>61</v>
      </c>
      <c r="G77396" s="16">
        <v>0</v>
      </c>
    </row>
    <row r="77397" spans="1:7" x14ac:dyDescent="0.3">
      <c r="A77397" s="13" t="s">
        <v>396</v>
      </c>
      <c r="B77397" s="14" t="s">
        <v>1</v>
      </c>
      <c r="C77397" s="14" t="s">
        <v>35</v>
      </c>
      <c r="D77397" s="14" t="s">
        <v>176</v>
      </c>
      <c r="E77397" s="15">
        <v>45393</v>
      </c>
      <c r="F77397" s="14" t="s">
        <v>61</v>
      </c>
      <c r="G77397" s="16">
        <v>0</v>
      </c>
    </row>
    <row r="77398" spans="1:7" x14ac:dyDescent="0.3">
      <c r="A77398" s="13" t="s">
        <v>396</v>
      </c>
      <c r="B77398" s="14" t="s">
        <v>1</v>
      </c>
      <c r="C77398" s="14" t="s">
        <v>35</v>
      </c>
      <c r="D77398" s="14" t="s">
        <v>176</v>
      </c>
      <c r="E77398" s="15">
        <v>45394</v>
      </c>
      <c r="F77398" s="14" t="s">
        <v>61</v>
      </c>
      <c r="G77398" s="16">
        <v>0</v>
      </c>
    </row>
    <row r="77399" spans="1:7" x14ac:dyDescent="0.3">
      <c r="A77399" s="13" t="s">
        <v>396</v>
      </c>
      <c r="B77399" s="14" t="s">
        <v>1</v>
      </c>
      <c r="C77399" s="14" t="s">
        <v>35</v>
      </c>
      <c r="D77399" s="14" t="s">
        <v>176</v>
      </c>
      <c r="E77399" s="15">
        <v>45395</v>
      </c>
      <c r="F77399" s="14" t="s">
        <v>61</v>
      </c>
      <c r="G77399" s="16">
        <v>0</v>
      </c>
    </row>
    <row r="77400" spans="1:7" x14ac:dyDescent="0.3">
      <c r="A77400" s="13" t="s">
        <v>396</v>
      </c>
      <c r="B77400" s="14" t="s">
        <v>1</v>
      </c>
      <c r="C77400" s="14" t="s">
        <v>35</v>
      </c>
      <c r="D77400" s="14" t="s">
        <v>176</v>
      </c>
      <c r="E77400" s="15">
        <v>45396</v>
      </c>
      <c r="F77400" s="14" t="s">
        <v>61</v>
      </c>
      <c r="G77400" s="16">
        <v>0</v>
      </c>
    </row>
    <row r="77401" spans="1:7" x14ac:dyDescent="0.3">
      <c r="A77401" s="13" t="s">
        <v>396</v>
      </c>
      <c r="B77401" s="14" t="s">
        <v>1</v>
      </c>
      <c r="C77401" s="14" t="s">
        <v>35</v>
      </c>
      <c r="D77401" s="14" t="s">
        <v>176</v>
      </c>
      <c r="E77401" s="15">
        <v>45397</v>
      </c>
      <c r="F77401" s="14" t="s">
        <v>61</v>
      </c>
      <c r="G77401" s="16">
        <v>0</v>
      </c>
    </row>
    <row r="77402" spans="1:7" x14ac:dyDescent="0.3">
      <c r="A77402" s="13" t="s">
        <v>396</v>
      </c>
      <c r="B77402" s="14" t="s">
        <v>1</v>
      </c>
      <c r="C77402" s="14" t="s">
        <v>35</v>
      </c>
      <c r="D77402" s="14" t="s">
        <v>176</v>
      </c>
      <c r="E77402" s="15">
        <v>45398</v>
      </c>
      <c r="F77402" s="14" t="s">
        <v>61</v>
      </c>
      <c r="G77402" s="16">
        <v>0</v>
      </c>
    </row>
    <row r="77403" spans="1:7" x14ac:dyDescent="0.3">
      <c r="A77403" s="13" t="s">
        <v>396</v>
      </c>
      <c r="B77403" s="14" t="s">
        <v>1</v>
      </c>
      <c r="C77403" s="14" t="s">
        <v>35</v>
      </c>
      <c r="D77403" s="14" t="s">
        <v>176</v>
      </c>
      <c r="E77403" s="15">
        <v>45399</v>
      </c>
      <c r="F77403" s="14" t="s">
        <v>61</v>
      </c>
      <c r="G77403" s="16">
        <v>0</v>
      </c>
    </row>
    <row r="77404" spans="1:7" x14ac:dyDescent="0.3">
      <c r="A77404" s="13" t="s">
        <v>396</v>
      </c>
      <c r="B77404" s="14" t="s">
        <v>1</v>
      </c>
      <c r="C77404" s="14" t="s">
        <v>35</v>
      </c>
      <c r="D77404" s="14" t="s">
        <v>176</v>
      </c>
      <c r="E77404" s="15">
        <v>45400</v>
      </c>
      <c r="F77404" s="14" t="s">
        <v>61</v>
      </c>
      <c r="G77404" s="16">
        <v>0</v>
      </c>
    </row>
    <row r="77405" spans="1:7" x14ac:dyDescent="0.3">
      <c r="A77405" s="13" t="s">
        <v>396</v>
      </c>
      <c r="B77405" s="14" t="s">
        <v>1</v>
      </c>
      <c r="C77405" s="14" t="s">
        <v>35</v>
      </c>
      <c r="D77405" s="14" t="s">
        <v>176</v>
      </c>
      <c r="E77405" s="15">
        <v>45401</v>
      </c>
      <c r="F77405" s="14" t="s">
        <v>61</v>
      </c>
      <c r="G77405" s="16">
        <v>0</v>
      </c>
    </row>
    <row r="77406" spans="1:7" x14ac:dyDescent="0.3">
      <c r="A77406" s="13" t="s">
        <v>396</v>
      </c>
      <c r="B77406" s="14" t="s">
        <v>1</v>
      </c>
      <c r="C77406" s="14" t="s">
        <v>35</v>
      </c>
      <c r="D77406" s="14" t="s">
        <v>176</v>
      </c>
      <c r="E77406" s="15">
        <v>45402</v>
      </c>
      <c r="F77406" s="14" t="s">
        <v>61</v>
      </c>
      <c r="G77406" s="16">
        <v>0</v>
      </c>
    </row>
    <row r="77407" spans="1:7" x14ac:dyDescent="0.3">
      <c r="A77407" s="13" t="s">
        <v>396</v>
      </c>
      <c r="B77407" s="14" t="s">
        <v>1</v>
      </c>
      <c r="C77407" s="14" t="s">
        <v>35</v>
      </c>
      <c r="D77407" s="14" t="s">
        <v>176</v>
      </c>
      <c r="E77407" s="15">
        <v>45403</v>
      </c>
      <c r="F77407" s="14" t="s">
        <v>61</v>
      </c>
      <c r="G77407" s="16">
        <v>0</v>
      </c>
    </row>
    <row r="77408" spans="1:7" x14ac:dyDescent="0.3">
      <c r="A77408" s="13" t="s">
        <v>396</v>
      </c>
      <c r="B77408" s="14" t="s">
        <v>1</v>
      </c>
      <c r="C77408" s="14" t="s">
        <v>35</v>
      </c>
      <c r="D77408" s="14" t="s">
        <v>176</v>
      </c>
      <c r="E77408" s="15">
        <v>45404</v>
      </c>
      <c r="F77408" s="14" t="s">
        <v>61</v>
      </c>
      <c r="G77408" s="16">
        <v>0</v>
      </c>
    </row>
    <row r="77409" spans="1:7" x14ac:dyDescent="0.3">
      <c r="A77409" s="13" t="s">
        <v>396</v>
      </c>
      <c r="B77409" s="14" t="s">
        <v>1</v>
      </c>
      <c r="C77409" s="14" t="s">
        <v>35</v>
      </c>
      <c r="D77409" s="14" t="s">
        <v>176</v>
      </c>
      <c r="E77409" s="15">
        <v>45405</v>
      </c>
      <c r="F77409" s="14" t="s">
        <v>61</v>
      </c>
      <c r="G77409" s="16">
        <v>0</v>
      </c>
    </row>
    <row r="77410" spans="1:7" x14ac:dyDescent="0.3">
      <c r="A77410" s="13" t="s">
        <v>396</v>
      </c>
      <c r="B77410" s="14" t="s">
        <v>1</v>
      </c>
      <c r="C77410" s="14" t="s">
        <v>35</v>
      </c>
      <c r="D77410" s="14" t="s">
        <v>176</v>
      </c>
      <c r="E77410" s="15">
        <v>45406</v>
      </c>
      <c r="F77410" s="14" t="s">
        <v>61</v>
      </c>
      <c r="G77410" s="16">
        <v>0</v>
      </c>
    </row>
    <row r="77411" spans="1:7" x14ac:dyDescent="0.3">
      <c r="A77411" s="13" t="s">
        <v>396</v>
      </c>
      <c r="B77411" s="14" t="s">
        <v>1</v>
      </c>
      <c r="C77411" s="14" t="s">
        <v>35</v>
      </c>
      <c r="D77411" s="14" t="s">
        <v>176</v>
      </c>
      <c r="E77411" s="15">
        <v>45407</v>
      </c>
      <c r="F77411" s="14" t="s">
        <v>61</v>
      </c>
      <c r="G77411" s="16">
        <v>0</v>
      </c>
    </row>
    <row r="77412" spans="1:7" x14ac:dyDescent="0.3">
      <c r="A77412" s="13" t="s">
        <v>396</v>
      </c>
      <c r="B77412" s="14" t="s">
        <v>1</v>
      </c>
      <c r="C77412" s="14" t="s">
        <v>35</v>
      </c>
      <c r="D77412" s="14" t="s">
        <v>176</v>
      </c>
      <c r="E77412" s="15">
        <v>45408</v>
      </c>
      <c r="F77412" s="14" t="s">
        <v>61</v>
      </c>
      <c r="G77412" s="16">
        <v>0</v>
      </c>
    </row>
    <row r="77413" spans="1:7" x14ac:dyDescent="0.3">
      <c r="A77413" s="13" t="s">
        <v>396</v>
      </c>
      <c r="B77413" s="14" t="s">
        <v>1</v>
      </c>
      <c r="C77413" s="14" t="s">
        <v>35</v>
      </c>
      <c r="D77413" s="14" t="s">
        <v>176</v>
      </c>
      <c r="E77413" s="15">
        <v>45409</v>
      </c>
      <c r="F77413" s="14" t="s">
        <v>61</v>
      </c>
      <c r="G77413" s="16">
        <v>0</v>
      </c>
    </row>
    <row r="77414" spans="1:7" x14ac:dyDescent="0.3">
      <c r="A77414" s="13" t="s">
        <v>396</v>
      </c>
      <c r="B77414" s="14" t="s">
        <v>1</v>
      </c>
      <c r="C77414" s="14" t="s">
        <v>35</v>
      </c>
      <c r="D77414" s="14" t="s">
        <v>176</v>
      </c>
      <c r="E77414" s="15">
        <v>45410</v>
      </c>
      <c r="F77414" s="14" t="s">
        <v>61</v>
      </c>
      <c r="G77414" s="16">
        <v>0</v>
      </c>
    </row>
    <row r="77415" spans="1:7" x14ac:dyDescent="0.3">
      <c r="A77415" s="13" t="s">
        <v>396</v>
      </c>
      <c r="B77415" s="14" t="s">
        <v>1</v>
      </c>
      <c r="C77415" s="14" t="s">
        <v>35</v>
      </c>
      <c r="D77415" s="14" t="s">
        <v>176</v>
      </c>
      <c r="E77415" s="15">
        <v>45411</v>
      </c>
      <c r="F77415" s="14" t="s">
        <v>61</v>
      </c>
      <c r="G77415" s="16">
        <v>0</v>
      </c>
    </row>
    <row r="77416" spans="1:7" x14ac:dyDescent="0.3">
      <c r="A77416" s="13" t="s">
        <v>396</v>
      </c>
      <c r="B77416" s="14" t="s">
        <v>1</v>
      </c>
      <c r="C77416" s="14" t="s">
        <v>35</v>
      </c>
      <c r="D77416" s="14" t="s">
        <v>176</v>
      </c>
      <c r="E77416" s="15">
        <v>45412</v>
      </c>
      <c r="F77416" s="14" t="s">
        <v>61</v>
      </c>
      <c r="G77416" s="16">
        <v>0</v>
      </c>
    </row>
    <row r="77417" spans="1:7" x14ac:dyDescent="0.3">
      <c r="A77417" s="13" t="s">
        <v>396</v>
      </c>
      <c r="B77417" s="14" t="s">
        <v>1</v>
      </c>
      <c r="C77417" s="14" t="s">
        <v>35</v>
      </c>
      <c r="D77417" s="14" t="s">
        <v>176</v>
      </c>
      <c r="E77417" s="15">
        <v>45413</v>
      </c>
      <c r="F77417" s="14" t="s">
        <v>61</v>
      </c>
      <c r="G77417" s="16">
        <v>0</v>
      </c>
    </row>
    <row r="77418" spans="1:7" x14ac:dyDescent="0.3">
      <c r="A77418" s="13" t="s">
        <v>396</v>
      </c>
      <c r="B77418" s="14" t="s">
        <v>1</v>
      </c>
      <c r="C77418" s="14" t="s">
        <v>35</v>
      </c>
      <c r="D77418" s="14" t="s">
        <v>176</v>
      </c>
      <c r="E77418" s="15">
        <v>45414</v>
      </c>
      <c r="F77418" s="14" t="s">
        <v>61</v>
      </c>
      <c r="G77418" s="16">
        <v>0</v>
      </c>
    </row>
    <row r="77419" spans="1:7" x14ac:dyDescent="0.3">
      <c r="A77419" s="13" t="s">
        <v>396</v>
      </c>
      <c r="B77419" s="14" t="s">
        <v>1</v>
      </c>
      <c r="C77419" s="14" t="s">
        <v>35</v>
      </c>
      <c r="D77419" s="14" t="s">
        <v>176</v>
      </c>
      <c r="E77419" s="15">
        <v>45415</v>
      </c>
      <c r="F77419" s="14" t="s">
        <v>61</v>
      </c>
      <c r="G77419" s="16">
        <v>0</v>
      </c>
    </row>
    <row r="77420" spans="1:7" x14ac:dyDescent="0.3">
      <c r="A77420" s="13" t="s">
        <v>396</v>
      </c>
      <c r="B77420" s="14" t="s">
        <v>1</v>
      </c>
      <c r="C77420" s="14" t="s">
        <v>35</v>
      </c>
      <c r="D77420" s="14" t="s">
        <v>176</v>
      </c>
      <c r="E77420" s="15">
        <v>45416</v>
      </c>
      <c r="F77420" s="14" t="s">
        <v>61</v>
      </c>
      <c r="G77420" s="16">
        <v>0</v>
      </c>
    </row>
    <row r="77421" spans="1:7" x14ac:dyDescent="0.3">
      <c r="A77421" s="13" t="s">
        <v>396</v>
      </c>
      <c r="B77421" s="14" t="s">
        <v>1</v>
      </c>
      <c r="C77421" s="14" t="s">
        <v>35</v>
      </c>
      <c r="D77421" s="14" t="s">
        <v>176</v>
      </c>
      <c r="E77421" s="15">
        <v>45417</v>
      </c>
      <c r="F77421" s="14" t="s">
        <v>61</v>
      </c>
      <c r="G77421" s="16">
        <v>0</v>
      </c>
    </row>
    <row r="77422" spans="1:7" x14ac:dyDescent="0.3">
      <c r="A77422" s="13" t="s">
        <v>396</v>
      </c>
      <c r="B77422" s="14" t="s">
        <v>1</v>
      </c>
      <c r="C77422" s="14" t="s">
        <v>35</v>
      </c>
      <c r="D77422" s="14" t="s">
        <v>176</v>
      </c>
      <c r="E77422" s="15">
        <v>45418</v>
      </c>
      <c r="F77422" s="14" t="s">
        <v>61</v>
      </c>
      <c r="G77422" s="16">
        <v>0</v>
      </c>
    </row>
    <row r="77423" spans="1:7" x14ac:dyDescent="0.3">
      <c r="A77423" s="13" t="s">
        <v>396</v>
      </c>
      <c r="B77423" s="14" t="s">
        <v>1</v>
      </c>
      <c r="C77423" s="14" t="s">
        <v>35</v>
      </c>
      <c r="D77423" s="14" t="s">
        <v>176</v>
      </c>
      <c r="E77423" s="15">
        <v>45419</v>
      </c>
      <c r="F77423" s="14" t="s">
        <v>61</v>
      </c>
      <c r="G77423" s="16">
        <v>0</v>
      </c>
    </row>
    <row r="77424" spans="1:7" x14ac:dyDescent="0.3">
      <c r="A77424" s="13" t="s">
        <v>396</v>
      </c>
      <c r="B77424" s="14" t="s">
        <v>1</v>
      </c>
      <c r="C77424" s="14" t="s">
        <v>35</v>
      </c>
      <c r="D77424" s="14" t="s">
        <v>176</v>
      </c>
      <c r="E77424" s="15">
        <v>45420</v>
      </c>
      <c r="F77424" s="14" t="s">
        <v>61</v>
      </c>
      <c r="G77424" s="16">
        <v>0</v>
      </c>
    </row>
    <row r="77425" spans="1:7" x14ac:dyDescent="0.3">
      <c r="A77425" s="13" t="s">
        <v>396</v>
      </c>
      <c r="B77425" s="14" t="s">
        <v>1</v>
      </c>
      <c r="C77425" s="14" t="s">
        <v>35</v>
      </c>
      <c r="D77425" s="14" t="s">
        <v>176</v>
      </c>
      <c r="E77425" s="15">
        <v>45421</v>
      </c>
      <c r="F77425" s="14" t="s">
        <v>61</v>
      </c>
      <c r="G77425" s="16">
        <v>0</v>
      </c>
    </row>
    <row r="77426" spans="1:7" x14ac:dyDescent="0.3">
      <c r="A77426" s="13" t="s">
        <v>396</v>
      </c>
      <c r="B77426" s="14" t="s">
        <v>1</v>
      </c>
      <c r="C77426" s="14" t="s">
        <v>35</v>
      </c>
      <c r="D77426" s="14" t="s">
        <v>176</v>
      </c>
      <c r="E77426" s="15">
        <v>45422</v>
      </c>
      <c r="F77426" s="14" t="s">
        <v>61</v>
      </c>
      <c r="G77426" s="16">
        <v>0</v>
      </c>
    </row>
    <row r="77427" spans="1:7" x14ac:dyDescent="0.3">
      <c r="A77427" s="13" t="s">
        <v>396</v>
      </c>
      <c r="B77427" s="14" t="s">
        <v>1</v>
      </c>
      <c r="C77427" s="14" t="s">
        <v>35</v>
      </c>
      <c r="D77427" s="14" t="s">
        <v>176</v>
      </c>
      <c r="E77427" s="15">
        <v>45423</v>
      </c>
      <c r="F77427" s="14" t="s">
        <v>61</v>
      </c>
      <c r="G77427" s="16">
        <v>0</v>
      </c>
    </row>
    <row r="77428" spans="1:7" x14ac:dyDescent="0.3">
      <c r="A77428" s="13" t="s">
        <v>396</v>
      </c>
      <c r="B77428" s="14" t="s">
        <v>1</v>
      </c>
      <c r="C77428" s="14" t="s">
        <v>35</v>
      </c>
      <c r="D77428" s="14" t="s">
        <v>176</v>
      </c>
      <c r="E77428" s="15">
        <v>45424</v>
      </c>
      <c r="F77428" s="14" t="s">
        <v>61</v>
      </c>
      <c r="G77428" s="16">
        <v>0</v>
      </c>
    </row>
    <row r="77429" spans="1:7" x14ac:dyDescent="0.3">
      <c r="A77429" s="13" t="s">
        <v>396</v>
      </c>
      <c r="B77429" s="14" t="s">
        <v>1</v>
      </c>
      <c r="C77429" s="14" t="s">
        <v>35</v>
      </c>
      <c r="D77429" s="14" t="s">
        <v>176</v>
      </c>
      <c r="E77429" s="15">
        <v>45425</v>
      </c>
      <c r="F77429" s="14" t="s">
        <v>61</v>
      </c>
      <c r="G77429" s="16">
        <v>0</v>
      </c>
    </row>
    <row r="77430" spans="1:7" x14ac:dyDescent="0.3">
      <c r="A77430" s="13" t="s">
        <v>396</v>
      </c>
      <c r="B77430" s="14" t="s">
        <v>1</v>
      </c>
      <c r="C77430" s="14" t="s">
        <v>35</v>
      </c>
      <c r="D77430" s="14" t="s">
        <v>176</v>
      </c>
      <c r="E77430" s="15">
        <v>45426</v>
      </c>
      <c r="F77430" s="14" t="s">
        <v>61</v>
      </c>
      <c r="G77430" s="16">
        <v>0</v>
      </c>
    </row>
    <row r="77431" spans="1:7" x14ac:dyDescent="0.3">
      <c r="A77431" s="13" t="s">
        <v>396</v>
      </c>
      <c r="B77431" s="14" t="s">
        <v>1</v>
      </c>
      <c r="C77431" s="14" t="s">
        <v>35</v>
      </c>
      <c r="D77431" s="14" t="s">
        <v>176</v>
      </c>
      <c r="E77431" s="15">
        <v>45427</v>
      </c>
      <c r="F77431" s="14" t="s">
        <v>61</v>
      </c>
      <c r="G77431" s="16">
        <v>0</v>
      </c>
    </row>
    <row r="77432" spans="1:7" x14ac:dyDescent="0.3">
      <c r="A77432" s="13" t="s">
        <v>396</v>
      </c>
      <c r="B77432" s="14" t="s">
        <v>1</v>
      </c>
      <c r="C77432" s="14" t="s">
        <v>35</v>
      </c>
      <c r="D77432" s="14" t="s">
        <v>176</v>
      </c>
      <c r="E77432" s="15">
        <v>45428</v>
      </c>
      <c r="F77432" s="14" t="s">
        <v>61</v>
      </c>
      <c r="G77432" s="16">
        <v>0</v>
      </c>
    </row>
    <row r="77433" spans="1:7" x14ac:dyDescent="0.3">
      <c r="A77433" s="13" t="s">
        <v>396</v>
      </c>
      <c r="B77433" s="14" t="s">
        <v>1</v>
      </c>
      <c r="C77433" s="14" t="s">
        <v>35</v>
      </c>
      <c r="D77433" s="14" t="s">
        <v>176</v>
      </c>
      <c r="E77433" s="15">
        <v>45429</v>
      </c>
      <c r="F77433" s="14" t="s">
        <v>61</v>
      </c>
      <c r="G77433" s="16">
        <v>0</v>
      </c>
    </row>
    <row r="77434" spans="1:7" x14ac:dyDescent="0.3">
      <c r="A77434" s="13" t="s">
        <v>396</v>
      </c>
      <c r="B77434" s="14" t="s">
        <v>1</v>
      </c>
      <c r="C77434" s="14" t="s">
        <v>35</v>
      </c>
      <c r="D77434" s="14" t="s">
        <v>176</v>
      </c>
      <c r="E77434" s="15">
        <v>45430</v>
      </c>
      <c r="F77434" s="14" t="s">
        <v>61</v>
      </c>
      <c r="G77434" s="16">
        <v>0</v>
      </c>
    </row>
    <row r="77435" spans="1:7" x14ac:dyDescent="0.3">
      <c r="A77435" s="13" t="s">
        <v>396</v>
      </c>
      <c r="B77435" s="14" t="s">
        <v>1</v>
      </c>
      <c r="C77435" s="14" t="s">
        <v>35</v>
      </c>
      <c r="D77435" s="14" t="s">
        <v>176</v>
      </c>
      <c r="E77435" s="15">
        <v>45431</v>
      </c>
      <c r="F77435" s="14" t="s">
        <v>61</v>
      </c>
      <c r="G77435" s="16">
        <v>0</v>
      </c>
    </row>
    <row r="77436" spans="1:7" x14ac:dyDescent="0.3">
      <c r="A77436" s="13" t="s">
        <v>396</v>
      </c>
      <c r="B77436" s="14" t="s">
        <v>1</v>
      </c>
      <c r="C77436" s="14" t="s">
        <v>35</v>
      </c>
      <c r="D77436" s="14" t="s">
        <v>176</v>
      </c>
      <c r="E77436" s="15">
        <v>45432</v>
      </c>
      <c r="F77436" s="14" t="s">
        <v>61</v>
      </c>
      <c r="G77436" s="16">
        <v>0</v>
      </c>
    </row>
    <row r="77437" spans="1:7" x14ac:dyDescent="0.3">
      <c r="A77437" s="13" t="s">
        <v>396</v>
      </c>
      <c r="B77437" s="14" t="s">
        <v>1</v>
      </c>
      <c r="C77437" s="14" t="s">
        <v>35</v>
      </c>
      <c r="D77437" s="14" t="s">
        <v>176</v>
      </c>
      <c r="E77437" s="15">
        <v>45433</v>
      </c>
      <c r="F77437" s="14" t="s">
        <v>61</v>
      </c>
      <c r="G77437" s="16">
        <v>0</v>
      </c>
    </row>
    <row r="77438" spans="1:7" x14ac:dyDescent="0.3">
      <c r="A77438" s="13" t="s">
        <v>396</v>
      </c>
      <c r="B77438" s="14" t="s">
        <v>1</v>
      </c>
      <c r="C77438" s="14" t="s">
        <v>35</v>
      </c>
      <c r="D77438" s="14" t="s">
        <v>176</v>
      </c>
      <c r="E77438" s="15">
        <v>45434</v>
      </c>
      <c r="F77438" s="14" t="s">
        <v>61</v>
      </c>
      <c r="G77438" s="16">
        <v>0</v>
      </c>
    </row>
    <row r="77439" spans="1:7" x14ac:dyDescent="0.3">
      <c r="A77439" s="13" t="s">
        <v>396</v>
      </c>
      <c r="B77439" s="14" t="s">
        <v>1</v>
      </c>
      <c r="C77439" s="14" t="s">
        <v>35</v>
      </c>
      <c r="D77439" s="14" t="s">
        <v>176</v>
      </c>
      <c r="E77439" s="15">
        <v>45435</v>
      </c>
      <c r="F77439" s="14" t="s">
        <v>61</v>
      </c>
      <c r="G77439" s="16">
        <v>0</v>
      </c>
    </row>
    <row r="77440" spans="1:7" x14ac:dyDescent="0.3">
      <c r="A77440" s="13" t="s">
        <v>396</v>
      </c>
      <c r="B77440" s="14" t="s">
        <v>1</v>
      </c>
      <c r="C77440" s="14" t="s">
        <v>35</v>
      </c>
      <c r="D77440" s="14" t="s">
        <v>176</v>
      </c>
      <c r="E77440" s="15">
        <v>45436</v>
      </c>
      <c r="F77440" s="14" t="s">
        <v>61</v>
      </c>
      <c r="G77440" s="16">
        <v>0</v>
      </c>
    </row>
    <row r="77441" spans="1:7" x14ac:dyDescent="0.3">
      <c r="A77441" s="13" t="s">
        <v>396</v>
      </c>
      <c r="B77441" s="14" t="s">
        <v>1</v>
      </c>
      <c r="C77441" s="14" t="s">
        <v>35</v>
      </c>
      <c r="D77441" s="14" t="s">
        <v>176</v>
      </c>
      <c r="E77441" s="15">
        <v>45437</v>
      </c>
      <c r="F77441" s="14" t="s">
        <v>61</v>
      </c>
      <c r="G77441" s="16">
        <v>0</v>
      </c>
    </row>
    <row r="77442" spans="1:7" x14ac:dyDescent="0.3">
      <c r="A77442" s="13" t="s">
        <v>396</v>
      </c>
      <c r="B77442" s="14" t="s">
        <v>1</v>
      </c>
      <c r="C77442" s="14" t="s">
        <v>35</v>
      </c>
      <c r="D77442" s="14" t="s">
        <v>176</v>
      </c>
      <c r="E77442" s="15">
        <v>45438</v>
      </c>
      <c r="F77442" s="14" t="s">
        <v>61</v>
      </c>
      <c r="G77442" s="16">
        <v>0</v>
      </c>
    </row>
    <row r="77443" spans="1:7" x14ac:dyDescent="0.3">
      <c r="A77443" s="13" t="s">
        <v>396</v>
      </c>
      <c r="B77443" s="14" t="s">
        <v>1</v>
      </c>
      <c r="C77443" s="14" t="s">
        <v>35</v>
      </c>
      <c r="D77443" s="14" t="s">
        <v>176</v>
      </c>
      <c r="E77443" s="15">
        <v>45439</v>
      </c>
      <c r="F77443" s="14" t="s">
        <v>61</v>
      </c>
      <c r="G77443" s="16">
        <v>0</v>
      </c>
    </row>
    <row r="77444" spans="1:7" x14ac:dyDescent="0.3">
      <c r="A77444" s="13" t="s">
        <v>396</v>
      </c>
      <c r="B77444" s="14" t="s">
        <v>1</v>
      </c>
      <c r="C77444" s="14" t="s">
        <v>35</v>
      </c>
      <c r="D77444" s="14" t="s">
        <v>176</v>
      </c>
      <c r="E77444" s="15">
        <v>45440</v>
      </c>
      <c r="F77444" s="14" t="s">
        <v>61</v>
      </c>
      <c r="G77444" s="16">
        <v>0</v>
      </c>
    </row>
    <row r="77445" spans="1:7" x14ac:dyDescent="0.3">
      <c r="A77445" s="13" t="s">
        <v>396</v>
      </c>
      <c r="B77445" s="14" t="s">
        <v>1</v>
      </c>
      <c r="C77445" s="14" t="s">
        <v>35</v>
      </c>
      <c r="D77445" s="14" t="s">
        <v>176</v>
      </c>
      <c r="E77445" s="15">
        <v>45441</v>
      </c>
      <c r="F77445" s="14" t="s">
        <v>61</v>
      </c>
      <c r="G77445" s="16">
        <v>0</v>
      </c>
    </row>
    <row r="77446" spans="1:7" x14ac:dyDescent="0.3">
      <c r="A77446" s="13" t="s">
        <v>396</v>
      </c>
      <c r="B77446" s="14" t="s">
        <v>1</v>
      </c>
      <c r="C77446" s="14" t="s">
        <v>35</v>
      </c>
      <c r="D77446" s="14" t="s">
        <v>176</v>
      </c>
      <c r="E77446" s="15">
        <v>45442</v>
      </c>
      <c r="F77446" s="14" t="s">
        <v>61</v>
      </c>
      <c r="G77446" s="16">
        <v>0</v>
      </c>
    </row>
    <row r="77447" spans="1:7" x14ac:dyDescent="0.3">
      <c r="A77447" s="13" t="s">
        <v>396</v>
      </c>
      <c r="B77447" s="14" t="s">
        <v>1</v>
      </c>
      <c r="C77447" s="14" t="s">
        <v>35</v>
      </c>
      <c r="D77447" s="14" t="s">
        <v>176</v>
      </c>
      <c r="E77447" s="15">
        <v>45443</v>
      </c>
      <c r="F77447" s="14" t="s">
        <v>61</v>
      </c>
      <c r="G77447" s="16">
        <v>0</v>
      </c>
    </row>
    <row r="77448" spans="1:7" x14ac:dyDescent="0.3">
      <c r="A77448" s="13" t="s">
        <v>396</v>
      </c>
      <c r="B77448" s="14" t="s">
        <v>1</v>
      </c>
      <c r="C77448" s="14" t="s">
        <v>35</v>
      </c>
      <c r="D77448" s="14" t="s">
        <v>176</v>
      </c>
      <c r="E77448" s="15">
        <v>45444</v>
      </c>
      <c r="F77448" s="14" t="s">
        <v>61</v>
      </c>
      <c r="G77448" s="16">
        <v>0</v>
      </c>
    </row>
    <row r="77449" spans="1:7" x14ac:dyDescent="0.3">
      <c r="A77449" s="13" t="s">
        <v>396</v>
      </c>
      <c r="B77449" s="14" t="s">
        <v>1</v>
      </c>
      <c r="C77449" s="14" t="s">
        <v>35</v>
      </c>
      <c r="D77449" s="14" t="s">
        <v>176</v>
      </c>
      <c r="E77449" s="15">
        <v>45445</v>
      </c>
      <c r="F77449" s="14" t="s">
        <v>61</v>
      </c>
      <c r="G77449" s="16">
        <v>0</v>
      </c>
    </row>
    <row r="77450" spans="1:7" x14ac:dyDescent="0.3">
      <c r="A77450" s="13" t="s">
        <v>396</v>
      </c>
      <c r="B77450" s="14" t="s">
        <v>1</v>
      </c>
      <c r="C77450" s="14" t="s">
        <v>35</v>
      </c>
      <c r="D77450" s="14" t="s">
        <v>176</v>
      </c>
      <c r="E77450" s="15">
        <v>45446</v>
      </c>
      <c r="F77450" s="14" t="s">
        <v>61</v>
      </c>
      <c r="G77450" s="16">
        <v>0</v>
      </c>
    </row>
    <row r="77451" spans="1:7" x14ac:dyDescent="0.3">
      <c r="A77451" s="13" t="s">
        <v>396</v>
      </c>
      <c r="B77451" s="14" t="s">
        <v>1</v>
      </c>
      <c r="C77451" s="14" t="s">
        <v>35</v>
      </c>
      <c r="D77451" s="14" t="s">
        <v>176</v>
      </c>
      <c r="E77451" s="15">
        <v>45447</v>
      </c>
      <c r="F77451" s="14" t="s">
        <v>61</v>
      </c>
      <c r="G77451" s="16">
        <v>0</v>
      </c>
    </row>
    <row r="77452" spans="1:7" x14ac:dyDescent="0.3">
      <c r="A77452" s="13" t="s">
        <v>396</v>
      </c>
      <c r="B77452" s="14" t="s">
        <v>1</v>
      </c>
      <c r="C77452" s="14" t="s">
        <v>35</v>
      </c>
      <c r="D77452" s="14" t="s">
        <v>176</v>
      </c>
      <c r="E77452" s="15">
        <v>45448</v>
      </c>
      <c r="F77452" s="14" t="s">
        <v>61</v>
      </c>
      <c r="G77452" s="16">
        <v>0</v>
      </c>
    </row>
    <row r="77453" spans="1:7" x14ac:dyDescent="0.3">
      <c r="A77453" s="13" t="s">
        <v>396</v>
      </c>
      <c r="B77453" s="14" t="s">
        <v>1</v>
      </c>
      <c r="C77453" s="14" t="s">
        <v>35</v>
      </c>
      <c r="D77453" s="14" t="s">
        <v>176</v>
      </c>
      <c r="E77453" s="15">
        <v>45449</v>
      </c>
      <c r="F77453" s="14" t="s">
        <v>61</v>
      </c>
      <c r="G77453" s="16">
        <v>0</v>
      </c>
    </row>
    <row r="77454" spans="1:7" x14ac:dyDescent="0.3">
      <c r="A77454" s="13" t="s">
        <v>396</v>
      </c>
      <c r="B77454" s="14" t="s">
        <v>1</v>
      </c>
      <c r="C77454" s="14" t="s">
        <v>35</v>
      </c>
      <c r="D77454" s="14" t="s">
        <v>176</v>
      </c>
      <c r="E77454" s="15">
        <v>45450</v>
      </c>
      <c r="F77454" s="14" t="s">
        <v>61</v>
      </c>
      <c r="G77454" s="16">
        <v>0</v>
      </c>
    </row>
    <row r="77455" spans="1:7" x14ac:dyDescent="0.3">
      <c r="A77455" s="13" t="s">
        <v>396</v>
      </c>
      <c r="B77455" s="14" t="s">
        <v>1</v>
      </c>
      <c r="C77455" s="14" t="s">
        <v>35</v>
      </c>
      <c r="D77455" s="14" t="s">
        <v>176</v>
      </c>
      <c r="E77455" s="15">
        <v>45451</v>
      </c>
      <c r="F77455" s="14" t="s">
        <v>61</v>
      </c>
      <c r="G77455" s="16">
        <v>0</v>
      </c>
    </row>
    <row r="77456" spans="1:7" x14ac:dyDescent="0.3">
      <c r="A77456" s="13" t="s">
        <v>396</v>
      </c>
      <c r="B77456" s="14" t="s">
        <v>1</v>
      </c>
      <c r="C77456" s="14" t="s">
        <v>35</v>
      </c>
      <c r="D77456" s="14" t="s">
        <v>176</v>
      </c>
      <c r="E77456" s="15">
        <v>45452</v>
      </c>
      <c r="F77456" s="14" t="s">
        <v>61</v>
      </c>
      <c r="G77456" s="16">
        <v>0</v>
      </c>
    </row>
    <row r="77457" spans="1:7" x14ac:dyDescent="0.3">
      <c r="A77457" s="13" t="s">
        <v>396</v>
      </c>
      <c r="B77457" s="14" t="s">
        <v>1</v>
      </c>
      <c r="C77457" s="14" t="s">
        <v>35</v>
      </c>
      <c r="D77457" s="14" t="s">
        <v>176</v>
      </c>
      <c r="E77457" s="15">
        <v>45453</v>
      </c>
      <c r="F77457" s="14" t="s">
        <v>61</v>
      </c>
      <c r="G77457" s="16">
        <v>0</v>
      </c>
    </row>
    <row r="77458" spans="1:7" x14ac:dyDescent="0.3">
      <c r="A77458" s="13" t="s">
        <v>396</v>
      </c>
      <c r="B77458" s="14" t="s">
        <v>1</v>
      </c>
      <c r="C77458" s="14" t="s">
        <v>35</v>
      </c>
      <c r="D77458" s="14" t="s">
        <v>176</v>
      </c>
      <c r="E77458" s="15">
        <v>45454</v>
      </c>
      <c r="F77458" s="14" t="s">
        <v>61</v>
      </c>
      <c r="G77458" s="16">
        <v>0</v>
      </c>
    </row>
    <row r="77459" spans="1:7" x14ac:dyDescent="0.3">
      <c r="A77459" s="13" t="s">
        <v>396</v>
      </c>
      <c r="B77459" s="14" t="s">
        <v>1</v>
      </c>
      <c r="C77459" s="14" t="s">
        <v>35</v>
      </c>
      <c r="D77459" s="14" t="s">
        <v>176</v>
      </c>
      <c r="E77459" s="15">
        <v>45455</v>
      </c>
      <c r="F77459" s="14" t="s">
        <v>61</v>
      </c>
      <c r="G77459" s="16">
        <v>0</v>
      </c>
    </row>
    <row r="77460" spans="1:7" x14ac:dyDescent="0.3">
      <c r="A77460" s="13" t="s">
        <v>396</v>
      </c>
      <c r="B77460" s="14" t="s">
        <v>1</v>
      </c>
      <c r="C77460" s="14" t="s">
        <v>35</v>
      </c>
      <c r="D77460" s="14" t="s">
        <v>176</v>
      </c>
      <c r="E77460" s="15">
        <v>45456</v>
      </c>
      <c r="F77460" s="14" t="s">
        <v>61</v>
      </c>
      <c r="G77460" s="16">
        <v>0</v>
      </c>
    </row>
    <row r="77461" spans="1:7" x14ac:dyDescent="0.3">
      <c r="A77461" s="13" t="s">
        <v>396</v>
      </c>
      <c r="B77461" s="14" t="s">
        <v>1</v>
      </c>
      <c r="C77461" s="14" t="s">
        <v>35</v>
      </c>
      <c r="D77461" s="14" t="s">
        <v>176</v>
      </c>
      <c r="E77461" s="15">
        <v>45457</v>
      </c>
      <c r="F77461" s="14" t="s">
        <v>61</v>
      </c>
      <c r="G77461" s="16">
        <v>1.4161485703694255E-2</v>
      </c>
    </row>
    <row r="77462" spans="1:7" x14ac:dyDescent="0.3">
      <c r="A77462" s="13" t="s">
        <v>396</v>
      </c>
      <c r="B77462" s="14" t="s">
        <v>1</v>
      </c>
      <c r="C77462" s="14" t="s">
        <v>35</v>
      </c>
      <c r="D77462" s="14" t="s">
        <v>176</v>
      </c>
      <c r="E77462" s="15">
        <v>45458</v>
      </c>
      <c r="F77462" s="14" t="s">
        <v>61</v>
      </c>
      <c r="G77462" s="16">
        <v>1.4161485703694255E-2</v>
      </c>
    </row>
    <row r="77463" spans="1:7" x14ac:dyDescent="0.3">
      <c r="A77463" s="13" t="s">
        <v>396</v>
      </c>
      <c r="B77463" s="14" t="s">
        <v>1</v>
      </c>
      <c r="C77463" s="14" t="s">
        <v>35</v>
      </c>
      <c r="D77463" s="14" t="s">
        <v>176</v>
      </c>
      <c r="E77463" s="15">
        <v>45459</v>
      </c>
      <c r="F77463" s="14" t="s">
        <v>61</v>
      </c>
      <c r="G77463" s="16">
        <v>1.4161485703694255E-2</v>
      </c>
    </row>
    <row r="77464" spans="1:7" x14ac:dyDescent="0.3">
      <c r="A77464" s="13" t="s">
        <v>396</v>
      </c>
      <c r="B77464" s="14" t="s">
        <v>1</v>
      </c>
      <c r="C77464" s="14" t="s">
        <v>35</v>
      </c>
      <c r="D77464" s="14" t="s">
        <v>176</v>
      </c>
      <c r="E77464" s="15">
        <v>45460</v>
      </c>
      <c r="F77464" s="14" t="s">
        <v>61</v>
      </c>
      <c r="G77464" s="16">
        <v>1.2161375162631482E-2</v>
      </c>
    </row>
    <row r="77465" spans="1:7" x14ac:dyDescent="0.3">
      <c r="A77465" s="13" t="s">
        <v>396</v>
      </c>
      <c r="B77465" s="14" t="s">
        <v>1</v>
      </c>
      <c r="C77465" s="14" t="s">
        <v>35</v>
      </c>
      <c r="D77465" s="14" t="s">
        <v>176</v>
      </c>
      <c r="E77465" s="15">
        <v>45461</v>
      </c>
      <c r="F77465" s="14" t="s">
        <v>61</v>
      </c>
      <c r="G77465" s="16">
        <v>9.1974070117956559E-3</v>
      </c>
    </row>
    <row r="77466" spans="1:7" x14ac:dyDescent="0.3">
      <c r="A77466" s="13" t="s">
        <v>396</v>
      </c>
      <c r="B77466" s="14" t="s">
        <v>1</v>
      </c>
      <c r="C77466" s="14" t="s">
        <v>35</v>
      </c>
      <c r="D77466" s="14" t="s">
        <v>176</v>
      </c>
      <c r="E77466" s="15">
        <v>45462</v>
      </c>
      <c r="F77466" s="14" t="s">
        <v>61</v>
      </c>
      <c r="G77466" s="16">
        <v>8.267131511050867E-3</v>
      </c>
    </row>
    <row r="77467" spans="1:7" x14ac:dyDescent="0.3">
      <c r="A77467" s="13" t="s">
        <v>396</v>
      </c>
      <c r="B77467" s="14" t="s">
        <v>1</v>
      </c>
      <c r="C77467" s="14" t="s">
        <v>35</v>
      </c>
      <c r="D77467" s="14" t="s">
        <v>176</v>
      </c>
      <c r="E77467" s="15">
        <v>45463</v>
      </c>
      <c r="F77467" s="14" t="s">
        <v>61</v>
      </c>
      <c r="G77467" s="16">
        <v>7.3149428090160656E-3</v>
      </c>
    </row>
    <row r="77468" spans="1:7" x14ac:dyDescent="0.3">
      <c r="A77468" s="13" t="s">
        <v>396</v>
      </c>
      <c r="B77468" s="14" t="s">
        <v>1</v>
      </c>
      <c r="C77468" s="14" t="s">
        <v>35</v>
      </c>
      <c r="D77468" s="14" t="s">
        <v>176</v>
      </c>
      <c r="E77468" s="15">
        <v>45464</v>
      </c>
      <c r="F77468" s="14" t="s">
        <v>61</v>
      </c>
      <c r="G77468" s="16">
        <v>6.3805836885886145E-3</v>
      </c>
    </row>
    <row r="77469" spans="1:7" x14ac:dyDescent="0.3">
      <c r="A77469" s="13" t="s">
        <v>396</v>
      </c>
      <c r="B77469" s="14" t="s">
        <v>1</v>
      </c>
      <c r="C77469" s="14" t="s">
        <v>35</v>
      </c>
      <c r="D77469" s="14" t="s">
        <v>176</v>
      </c>
      <c r="E77469" s="15">
        <v>45465</v>
      </c>
      <c r="F77469" s="14" t="s">
        <v>61</v>
      </c>
      <c r="G77469" s="16">
        <v>6.3805836885886145E-3</v>
      </c>
    </row>
    <row r="77470" spans="1:7" x14ac:dyDescent="0.3">
      <c r="A77470" s="13" t="s">
        <v>396</v>
      </c>
      <c r="B77470" s="14" t="s">
        <v>1</v>
      </c>
      <c r="C77470" s="14" t="s">
        <v>35</v>
      </c>
      <c r="D77470" s="14" t="s">
        <v>176</v>
      </c>
      <c r="E77470" s="15">
        <v>45466</v>
      </c>
      <c r="F77470" s="14" t="s">
        <v>61</v>
      </c>
      <c r="G77470" s="16">
        <v>6.3805836885886145E-3</v>
      </c>
    </row>
    <row r="77471" spans="1:7" x14ac:dyDescent="0.3">
      <c r="A77471" s="13" t="s">
        <v>396</v>
      </c>
      <c r="B77471" s="14" t="s">
        <v>1</v>
      </c>
      <c r="C77471" s="14" t="s">
        <v>35</v>
      </c>
      <c r="D77471" s="14" t="s">
        <v>176</v>
      </c>
      <c r="E77471" s="15">
        <v>45467</v>
      </c>
      <c r="F77471" s="14" t="s">
        <v>61</v>
      </c>
      <c r="G77471" s="16">
        <v>5.447283361686873E-3</v>
      </c>
    </row>
    <row r="77472" spans="1:7" x14ac:dyDescent="0.3">
      <c r="A77472" s="13" t="s">
        <v>396</v>
      </c>
      <c r="B77472" s="14" t="s">
        <v>1</v>
      </c>
      <c r="C77472" s="14" t="s">
        <v>35</v>
      </c>
      <c r="D77472" s="14" t="s">
        <v>176</v>
      </c>
      <c r="E77472" s="15">
        <v>45468</v>
      </c>
      <c r="F77472" s="14" t="s">
        <v>61</v>
      </c>
      <c r="G77472" s="16">
        <v>2.4419315594173905E-3</v>
      </c>
    </row>
    <row r="77473" spans="1:7" x14ac:dyDescent="0.3">
      <c r="A77473" s="13" t="s">
        <v>396</v>
      </c>
      <c r="B77473" s="14" t="s">
        <v>1</v>
      </c>
      <c r="C77473" s="14" t="s">
        <v>35</v>
      </c>
      <c r="D77473" s="14" t="s">
        <v>176</v>
      </c>
      <c r="E77473" s="15">
        <v>45469</v>
      </c>
      <c r="F77473" s="14" t="s">
        <v>61</v>
      </c>
      <c r="G77473" s="16">
        <v>4.824099286037257E-4</v>
      </c>
    </row>
    <row r="77474" spans="1:7" x14ac:dyDescent="0.3">
      <c r="A77474" s="13" t="s">
        <v>396</v>
      </c>
      <c r="B77474" s="14" t="s">
        <v>1</v>
      </c>
      <c r="C77474" s="14" t="s">
        <v>35</v>
      </c>
      <c r="D77474" s="14" t="s">
        <v>176</v>
      </c>
      <c r="E77474" s="15">
        <v>45470</v>
      </c>
      <c r="F77474" s="14" t="s">
        <v>61</v>
      </c>
      <c r="G77474" s="16">
        <v>0</v>
      </c>
    </row>
    <row r="77475" spans="1:7" x14ac:dyDescent="0.3">
      <c r="A77475" s="13" t="s">
        <v>396</v>
      </c>
      <c r="B77475" s="14" t="s">
        <v>1</v>
      </c>
      <c r="C77475" s="14" t="s">
        <v>35</v>
      </c>
      <c r="D77475" s="14" t="s">
        <v>176</v>
      </c>
      <c r="E77475" s="15">
        <v>45471</v>
      </c>
      <c r="F77475" s="14" t="s">
        <v>61</v>
      </c>
      <c r="G77475" s="16">
        <v>0</v>
      </c>
    </row>
    <row r="77476" spans="1:7" x14ac:dyDescent="0.3">
      <c r="A77476" s="13" t="s">
        <v>396</v>
      </c>
      <c r="B77476" s="14" t="s">
        <v>1</v>
      </c>
      <c r="C77476" s="14" t="s">
        <v>35</v>
      </c>
      <c r="D77476" s="14" t="s">
        <v>176</v>
      </c>
      <c r="E77476" s="15">
        <v>45472</v>
      </c>
      <c r="F77476" s="14" t="s">
        <v>61</v>
      </c>
      <c r="G77476" s="16">
        <v>0</v>
      </c>
    </row>
    <row r="77477" spans="1:7" x14ac:dyDescent="0.3">
      <c r="A77477" s="13" t="s">
        <v>396</v>
      </c>
      <c r="B77477" s="14" t="s">
        <v>1</v>
      </c>
      <c r="C77477" s="14" t="s">
        <v>35</v>
      </c>
      <c r="D77477" s="14" t="s">
        <v>176</v>
      </c>
      <c r="E77477" s="15">
        <v>45473</v>
      </c>
      <c r="F77477" s="14" t="s">
        <v>61</v>
      </c>
      <c r="G77477" s="16">
        <v>0</v>
      </c>
    </row>
    <row r="77478" spans="1:7" x14ac:dyDescent="0.3">
      <c r="A77478" s="13" t="s">
        <v>396</v>
      </c>
      <c r="B77478" s="14" t="s">
        <v>1</v>
      </c>
      <c r="C77478" s="14" t="s">
        <v>35</v>
      </c>
      <c r="D77478" s="14" t="s">
        <v>176</v>
      </c>
      <c r="E77478" s="15">
        <v>45474</v>
      </c>
      <c r="F77478" s="14" t="s">
        <v>61</v>
      </c>
      <c r="G77478" s="16">
        <v>0</v>
      </c>
    </row>
    <row r="77479" spans="1:7" x14ac:dyDescent="0.3">
      <c r="A77479" s="13" t="s">
        <v>396</v>
      </c>
      <c r="B77479" s="14" t="s">
        <v>1</v>
      </c>
      <c r="C77479" s="14" t="s">
        <v>35</v>
      </c>
      <c r="D77479" s="14" t="s">
        <v>176</v>
      </c>
      <c r="E77479" s="15">
        <v>45475</v>
      </c>
      <c r="F77479" s="14" t="s">
        <v>61</v>
      </c>
      <c r="G77479" s="16">
        <v>0</v>
      </c>
    </row>
    <row r="77480" spans="1:7" x14ac:dyDescent="0.3">
      <c r="A77480" s="13" t="s">
        <v>396</v>
      </c>
      <c r="B77480" s="14" t="s">
        <v>1</v>
      </c>
      <c r="C77480" s="14" t="s">
        <v>35</v>
      </c>
      <c r="D77480" s="14" t="s">
        <v>176</v>
      </c>
      <c r="E77480" s="15">
        <v>45476</v>
      </c>
      <c r="F77480" s="14" t="s">
        <v>61</v>
      </c>
      <c r="G77480" s="16">
        <v>0</v>
      </c>
    </row>
    <row r="77481" spans="1:7" x14ac:dyDescent="0.3">
      <c r="A77481" s="13" t="s">
        <v>396</v>
      </c>
      <c r="B77481" s="14" t="s">
        <v>1</v>
      </c>
      <c r="C77481" s="14" t="s">
        <v>35</v>
      </c>
      <c r="D77481" s="14" t="s">
        <v>176</v>
      </c>
      <c r="E77481" s="15">
        <v>45477</v>
      </c>
      <c r="F77481" s="14" t="s">
        <v>61</v>
      </c>
      <c r="G77481" s="16">
        <v>0</v>
      </c>
    </row>
    <row r="77482" spans="1:7" x14ac:dyDescent="0.3">
      <c r="A77482" s="13" t="s">
        <v>396</v>
      </c>
      <c r="B77482" s="14" t="s">
        <v>1</v>
      </c>
      <c r="C77482" s="14" t="s">
        <v>35</v>
      </c>
      <c r="D77482" s="14" t="s">
        <v>176</v>
      </c>
      <c r="E77482" s="15">
        <v>45478</v>
      </c>
      <c r="F77482" s="14" t="s">
        <v>61</v>
      </c>
      <c r="G77482" s="16">
        <v>0</v>
      </c>
    </row>
    <row r="77483" spans="1:7" x14ac:dyDescent="0.3">
      <c r="A77483" s="13" t="s">
        <v>396</v>
      </c>
      <c r="B77483" s="14" t="s">
        <v>1</v>
      </c>
      <c r="C77483" s="14" t="s">
        <v>35</v>
      </c>
      <c r="D77483" s="14" t="s">
        <v>176</v>
      </c>
      <c r="E77483" s="15">
        <v>45479</v>
      </c>
      <c r="F77483" s="14" t="s">
        <v>61</v>
      </c>
      <c r="G77483" s="16">
        <v>0</v>
      </c>
    </row>
    <row r="77484" spans="1:7" x14ac:dyDescent="0.3">
      <c r="A77484" s="13" t="s">
        <v>396</v>
      </c>
      <c r="B77484" s="14" t="s">
        <v>1</v>
      </c>
      <c r="C77484" s="14" t="s">
        <v>35</v>
      </c>
      <c r="D77484" s="14" t="s">
        <v>176</v>
      </c>
      <c r="E77484" s="15">
        <v>45480</v>
      </c>
      <c r="F77484" s="14" t="s">
        <v>61</v>
      </c>
      <c r="G77484" s="16">
        <v>0</v>
      </c>
    </row>
    <row r="77485" spans="1:7" x14ac:dyDescent="0.3">
      <c r="A77485" s="13" t="s">
        <v>396</v>
      </c>
      <c r="B77485" s="14" t="s">
        <v>1</v>
      </c>
      <c r="C77485" s="14" t="s">
        <v>35</v>
      </c>
      <c r="D77485" s="14" t="s">
        <v>176</v>
      </c>
      <c r="E77485" s="15">
        <v>45481</v>
      </c>
      <c r="F77485" s="14" t="s">
        <v>61</v>
      </c>
      <c r="G77485" s="16">
        <v>0</v>
      </c>
    </row>
    <row r="77486" spans="1:7" x14ac:dyDescent="0.3">
      <c r="A77486" s="13" t="s">
        <v>396</v>
      </c>
      <c r="B77486" s="14" t="s">
        <v>1</v>
      </c>
      <c r="C77486" s="14" t="s">
        <v>35</v>
      </c>
      <c r="D77486" s="14" t="s">
        <v>176</v>
      </c>
      <c r="E77486" s="15">
        <v>45482</v>
      </c>
      <c r="F77486" s="14" t="s">
        <v>61</v>
      </c>
      <c r="G77486" s="16">
        <v>0</v>
      </c>
    </row>
    <row r="77487" spans="1:7" x14ac:dyDescent="0.3">
      <c r="A77487" s="13" t="s">
        <v>396</v>
      </c>
      <c r="B77487" s="14" t="s">
        <v>1</v>
      </c>
      <c r="C77487" s="14" t="s">
        <v>35</v>
      </c>
      <c r="D77487" s="14" t="s">
        <v>176</v>
      </c>
      <c r="E77487" s="15">
        <v>45483</v>
      </c>
      <c r="F77487" s="14" t="s">
        <v>61</v>
      </c>
      <c r="G77487" s="16">
        <v>0</v>
      </c>
    </row>
    <row r="77488" spans="1:7" x14ac:dyDescent="0.3">
      <c r="A77488" s="13" t="s">
        <v>396</v>
      </c>
      <c r="B77488" s="14" t="s">
        <v>1</v>
      </c>
      <c r="C77488" s="14" t="s">
        <v>35</v>
      </c>
      <c r="D77488" s="14" t="s">
        <v>176</v>
      </c>
      <c r="E77488" s="15">
        <v>45484</v>
      </c>
      <c r="F77488" s="14" t="s">
        <v>61</v>
      </c>
      <c r="G77488" s="16">
        <v>0</v>
      </c>
    </row>
    <row r="77489" spans="1:7" x14ac:dyDescent="0.3">
      <c r="A77489" s="13" t="s">
        <v>396</v>
      </c>
      <c r="B77489" s="14" t="s">
        <v>1</v>
      </c>
      <c r="C77489" s="14" t="s">
        <v>35</v>
      </c>
      <c r="D77489" s="14" t="s">
        <v>176</v>
      </c>
      <c r="E77489" s="15">
        <v>45485</v>
      </c>
      <c r="F77489" s="14" t="s">
        <v>61</v>
      </c>
      <c r="G77489" s="16">
        <v>0</v>
      </c>
    </row>
    <row r="77490" spans="1:7" x14ac:dyDescent="0.3">
      <c r="A77490" s="13" t="s">
        <v>396</v>
      </c>
      <c r="B77490" s="14" t="s">
        <v>1</v>
      </c>
      <c r="C77490" s="14" t="s">
        <v>35</v>
      </c>
      <c r="D77490" s="14" t="s">
        <v>176</v>
      </c>
      <c r="E77490" s="15">
        <v>45486</v>
      </c>
      <c r="F77490" s="14" t="s">
        <v>61</v>
      </c>
      <c r="G77490" s="16">
        <v>0</v>
      </c>
    </row>
    <row r="77491" spans="1:7" x14ac:dyDescent="0.3">
      <c r="A77491" s="13" t="s">
        <v>396</v>
      </c>
      <c r="B77491" s="14" t="s">
        <v>1</v>
      </c>
      <c r="C77491" s="14" t="s">
        <v>35</v>
      </c>
      <c r="D77491" s="14" t="s">
        <v>176</v>
      </c>
      <c r="E77491" s="15">
        <v>45487</v>
      </c>
      <c r="F77491" s="14" t="s">
        <v>61</v>
      </c>
      <c r="G77491" s="16">
        <v>0</v>
      </c>
    </row>
    <row r="77492" spans="1:7" x14ac:dyDescent="0.3">
      <c r="A77492" s="13" t="s">
        <v>396</v>
      </c>
      <c r="B77492" s="14" t="s">
        <v>1</v>
      </c>
      <c r="C77492" s="14" t="s">
        <v>35</v>
      </c>
      <c r="D77492" s="14" t="s">
        <v>176</v>
      </c>
      <c r="E77492" s="15">
        <v>45488</v>
      </c>
      <c r="F77492" s="14" t="s">
        <v>61</v>
      </c>
      <c r="G77492" s="16">
        <v>0</v>
      </c>
    </row>
    <row r="77493" spans="1:7" x14ac:dyDescent="0.3">
      <c r="A77493" s="13" t="s">
        <v>396</v>
      </c>
      <c r="B77493" s="14" t="s">
        <v>1</v>
      </c>
      <c r="C77493" s="14" t="s">
        <v>35</v>
      </c>
      <c r="D77493" s="14" t="s">
        <v>176</v>
      </c>
      <c r="E77493" s="15">
        <v>45489</v>
      </c>
      <c r="F77493" s="14" t="s">
        <v>61</v>
      </c>
      <c r="G77493" s="16">
        <v>0</v>
      </c>
    </row>
    <row r="77494" spans="1:7" x14ac:dyDescent="0.3">
      <c r="A77494" s="13" t="s">
        <v>396</v>
      </c>
      <c r="B77494" s="14" t="s">
        <v>1</v>
      </c>
      <c r="C77494" s="14" t="s">
        <v>35</v>
      </c>
      <c r="D77494" s="14" t="s">
        <v>176</v>
      </c>
      <c r="E77494" s="15">
        <v>45490</v>
      </c>
      <c r="F77494" s="14" t="s">
        <v>61</v>
      </c>
      <c r="G77494" s="16">
        <v>0</v>
      </c>
    </row>
    <row r="77495" spans="1:7" x14ac:dyDescent="0.3">
      <c r="A77495" s="13" t="s">
        <v>396</v>
      </c>
      <c r="B77495" s="14" t="s">
        <v>1</v>
      </c>
      <c r="C77495" s="14" t="s">
        <v>35</v>
      </c>
      <c r="D77495" s="14" t="s">
        <v>176</v>
      </c>
      <c r="E77495" s="15">
        <v>45491</v>
      </c>
      <c r="F77495" s="14" t="s">
        <v>61</v>
      </c>
      <c r="G77495" s="16">
        <v>0</v>
      </c>
    </row>
    <row r="77496" spans="1:7" x14ac:dyDescent="0.3">
      <c r="A77496" s="13" t="s">
        <v>396</v>
      </c>
      <c r="B77496" s="14" t="s">
        <v>1</v>
      </c>
      <c r="C77496" s="14" t="s">
        <v>35</v>
      </c>
      <c r="D77496" s="14" t="s">
        <v>176</v>
      </c>
      <c r="E77496" s="15">
        <v>45492</v>
      </c>
      <c r="F77496" s="14" t="s">
        <v>61</v>
      </c>
      <c r="G77496" s="16">
        <v>0</v>
      </c>
    </row>
    <row r="77497" spans="1:7" x14ac:dyDescent="0.3">
      <c r="A77497" s="13" t="s">
        <v>396</v>
      </c>
      <c r="B77497" s="14" t="s">
        <v>1</v>
      </c>
      <c r="C77497" s="14" t="s">
        <v>35</v>
      </c>
      <c r="D77497" s="14" t="s">
        <v>176</v>
      </c>
      <c r="E77497" s="15">
        <v>45493</v>
      </c>
      <c r="F77497" s="14" t="s">
        <v>61</v>
      </c>
      <c r="G77497" s="16">
        <v>0</v>
      </c>
    </row>
    <row r="77498" spans="1:7" x14ac:dyDescent="0.3">
      <c r="A77498" s="13" t="s">
        <v>396</v>
      </c>
      <c r="B77498" s="14" t="s">
        <v>1</v>
      </c>
      <c r="C77498" s="14" t="s">
        <v>35</v>
      </c>
      <c r="D77498" s="14" t="s">
        <v>176</v>
      </c>
      <c r="E77498" s="15">
        <v>45494</v>
      </c>
      <c r="F77498" s="14" t="s">
        <v>61</v>
      </c>
      <c r="G77498" s="16">
        <v>0</v>
      </c>
    </row>
    <row r="77499" spans="1:7" x14ac:dyDescent="0.3">
      <c r="A77499" s="13" t="s">
        <v>396</v>
      </c>
      <c r="B77499" s="14" t="s">
        <v>1</v>
      </c>
      <c r="C77499" s="14" t="s">
        <v>35</v>
      </c>
      <c r="D77499" s="14" t="s">
        <v>176</v>
      </c>
      <c r="E77499" s="15">
        <v>45495</v>
      </c>
      <c r="F77499" s="14" t="s">
        <v>61</v>
      </c>
      <c r="G77499" s="16">
        <v>0</v>
      </c>
    </row>
    <row r="77500" spans="1:7" x14ac:dyDescent="0.3">
      <c r="A77500" s="13" t="s">
        <v>396</v>
      </c>
      <c r="B77500" s="14" t="s">
        <v>1</v>
      </c>
      <c r="C77500" s="14" t="s">
        <v>35</v>
      </c>
      <c r="D77500" s="14" t="s">
        <v>176</v>
      </c>
      <c r="E77500" s="15">
        <v>45496</v>
      </c>
      <c r="F77500" s="14" t="s">
        <v>61</v>
      </c>
      <c r="G77500" s="16">
        <v>0</v>
      </c>
    </row>
    <row r="77501" spans="1:7" x14ac:dyDescent="0.3">
      <c r="A77501" s="13" t="s">
        <v>396</v>
      </c>
      <c r="B77501" s="14" t="s">
        <v>1</v>
      </c>
      <c r="C77501" s="14" t="s">
        <v>35</v>
      </c>
      <c r="D77501" s="14" t="s">
        <v>176</v>
      </c>
      <c r="E77501" s="15">
        <v>45497</v>
      </c>
      <c r="F77501" s="14" t="s">
        <v>61</v>
      </c>
      <c r="G77501" s="16">
        <v>0</v>
      </c>
    </row>
    <row r="77502" spans="1:7" x14ac:dyDescent="0.3">
      <c r="A77502" s="13" t="s">
        <v>396</v>
      </c>
      <c r="B77502" s="14" t="s">
        <v>1</v>
      </c>
      <c r="C77502" s="14" t="s">
        <v>35</v>
      </c>
      <c r="D77502" s="14" t="s">
        <v>176</v>
      </c>
      <c r="E77502" s="15">
        <v>45498</v>
      </c>
      <c r="F77502" s="14" t="s">
        <v>61</v>
      </c>
      <c r="G77502" s="16">
        <v>0</v>
      </c>
    </row>
    <row r="77503" spans="1:7" x14ac:dyDescent="0.3">
      <c r="A77503" s="13" t="s">
        <v>396</v>
      </c>
      <c r="B77503" s="14" t="s">
        <v>1</v>
      </c>
      <c r="C77503" s="14" t="s">
        <v>35</v>
      </c>
      <c r="D77503" s="14" t="s">
        <v>176</v>
      </c>
      <c r="E77503" s="15">
        <v>45499</v>
      </c>
      <c r="F77503" s="14" t="s">
        <v>61</v>
      </c>
      <c r="G77503" s="16">
        <v>0</v>
      </c>
    </row>
    <row r="77504" spans="1:7" x14ac:dyDescent="0.3">
      <c r="A77504" s="13" t="s">
        <v>396</v>
      </c>
      <c r="B77504" s="14" t="s">
        <v>1</v>
      </c>
      <c r="C77504" s="14" t="s">
        <v>35</v>
      </c>
      <c r="D77504" s="14" t="s">
        <v>176</v>
      </c>
      <c r="E77504" s="15">
        <v>45500</v>
      </c>
      <c r="F77504" s="14" t="s">
        <v>61</v>
      </c>
      <c r="G77504" s="16">
        <v>0</v>
      </c>
    </row>
    <row r="77505" spans="1:7" x14ac:dyDescent="0.3">
      <c r="A77505" s="13" t="s">
        <v>396</v>
      </c>
      <c r="B77505" s="14" t="s">
        <v>1</v>
      </c>
      <c r="C77505" s="14" t="s">
        <v>35</v>
      </c>
      <c r="D77505" s="14" t="s">
        <v>176</v>
      </c>
      <c r="E77505" s="15">
        <v>45501</v>
      </c>
      <c r="F77505" s="14" t="s">
        <v>61</v>
      </c>
      <c r="G77505" s="16">
        <v>0</v>
      </c>
    </row>
    <row r="77506" spans="1:7" x14ac:dyDescent="0.3">
      <c r="A77506" s="13" t="s">
        <v>396</v>
      </c>
      <c r="B77506" s="14" t="s">
        <v>1</v>
      </c>
      <c r="C77506" s="14" t="s">
        <v>35</v>
      </c>
      <c r="D77506" s="14" t="s">
        <v>176</v>
      </c>
      <c r="E77506" s="15">
        <v>45502</v>
      </c>
      <c r="F77506" s="14" t="s">
        <v>61</v>
      </c>
      <c r="G77506" s="16">
        <v>0</v>
      </c>
    </row>
    <row r="77507" spans="1:7" x14ac:dyDescent="0.3">
      <c r="A77507" s="13" t="s">
        <v>396</v>
      </c>
      <c r="B77507" s="14" t="s">
        <v>1</v>
      </c>
      <c r="C77507" s="14" t="s">
        <v>35</v>
      </c>
      <c r="D77507" s="14" t="s">
        <v>176</v>
      </c>
      <c r="E77507" s="15">
        <v>45503</v>
      </c>
      <c r="F77507" s="14" t="s">
        <v>61</v>
      </c>
      <c r="G77507" s="16">
        <v>0</v>
      </c>
    </row>
    <row r="77508" spans="1:7" x14ac:dyDescent="0.3">
      <c r="A77508" s="13" t="s">
        <v>396</v>
      </c>
      <c r="B77508" s="14" t="s">
        <v>1</v>
      </c>
      <c r="C77508" s="14" t="s">
        <v>35</v>
      </c>
      <c r="D77508" s="14" t="s">
        <v>176</v>
      </c>
      <c r="E77508" s="15">
        <v>45504</v>
      </c>
      <c r="F77508" s="14" t="s">
        <v>61</v>
      </c>
      <c r="G77508" s="16">
        <v>0</v>
      </c>
    </row>
    <row r="77509" spans="1:7" x14ac:dyDescent="0.3">
      <c r="A77509" s="13" t="s">
        <v>396</v>
      </c>
      <c r="B77509" s="14" t="s">
        <v>1</v>
      </c>
      <c r="C77509" s="14" t="s">
        <v>35</v>
      </c>
      <c r="D77509" s="14" t="s">
        <v>176</v>
      </c>
      <c r="E77509" s="15">
        <v>45505</v>
      </c>
      <c r="F77509" s="14" t="s">
        <v>61</v>
      </c>
      <c r="G77509" s="16">
        <v>0</v>
      </c>
    </row>
    <row r="77510" spans="1:7" x14ac:dyDescent="0.3">
      <c r="A77510" s="13" t="s">
        <v>396</v>
      </c>
      <c r="B77510" s="14" t="s">
        <v>1</v>
      </c>
      <c r="C77510" s="14" t="s">
        <v>35</v>
      </c>
      <c r="D77510" s="14" t="s">
        <v>176</v>
      </c>
      <c r="E77510" s="15">
        <v>45506</v>
      </c>
      <c r="F77510" s="14" t="s">
        <v>61</v>
      </c>
      <c r="G77510" s="16">
        <v>0</v>
      </c>
    </row>
    <row r="77511" spans="1:7" x14ac:dyDescent="0.3">
      <c r="A77511" s="13" t="s">
        <v>396</v>
      </c>
      <c r="B77511" s="14" t="s">
        <v>1</v>
      </c>
      <c r="C77511" s="14" t="s">
        <v>35</v>
      </c>
      <c r="D77511" s="14" t="s">
        <v>176</v>
      </c>
      <c r="E77511" s="15">
        <v>45507</v>
      </c>
      <c r="F77511" s="14" t="s">
        <v>61</v>
      </c>
      <c r="G77511" s="16">
        <v>0</v>
      </c>
    </row>
    <row r="77512" spans="1:7" x14ac:dyDescent="0.3">
      <c r="A77512" s="13" t="s">
        <v>396</v>
      </c>
      <c r="B77512" s="14" t="s">
        <v>1</v>
      </c>
      <c r="C77512" s="14" t="s">
        <v>35</v>
      </c>
      <c r="D77512" s="14" t="s">
        <v>176</v>
      </c>
      <c r="E77512" s="15">
        <v>45508</v>
      </c>
      <c r="F77512" s="14" t="s">
        <v>61</v>
      </c>
      <c r="G77512" s="16">
        <v>0</v>
      </c>
    </row>
    <row r="77513" spans="1:7" x14ac:dyDescent="0.3">
      <c r="A77513" s="13" t="s">
        <v>396</v>
      </c>
      <c r="B77513" s="14" t="s">
        <v>1</v>
      </c>
      <c r="C77513" s="14" t="s">
        <v>35</v>
      </c>
      <c r="D77513" s="14" t="s">
        <v>176</v>
      </c>
      <c r="E77513" s="15">
        <v>45509</v>
      </c>
      <c r="F77513" s="14" t="s">
        <v>61</v>
      </c>
      <c r="G77513" s="16">
        <v>0</v>
      </c>
    </row>
    <row r="77514" spans="1:7" x14ac:dyDescent="0.3">
      <c r="A77514" s="13" t="s">
        <v>396</v>
      </c>
      <c r="B77514" s="14" t="s">
        <v>1</v>
      </c>
      <c r="C77514" s="14" t="s">
        <v>35</v>
      </c>
      <c r="D77514" s="14" t="s">
        <v>176</v>
      </c>
      <c r="E77514" s="15">
        <v>45510</v>
      </c>
      <c r="F77514" s="14" t="s">
        <v>61</v>
      </c>
      <c r="G77514" s="16">
        <v>0</v>
      </c>
    </row>
    <row r="77515" spans="1:7" x14ac:dyDescent="0.3">
      <c r="A77515" s="13" t="s">
        <v>396</v>
      </c>
      <c r="B77515" s="14" t="s">
        <v>1</v>
      </c>
      <c r="C77515" s="14" t="s">
        <v>35</v>
      </c>
      <c r="D77515" s="14" t="s">
        <v>176</v>
      </c>
      <c r="E77515" s="15">
        <v>45511</v>
      </c>
      <c r="F77515" s="14" t="s">
        <v>61</v>
      </c>
      <c r="G77515" s="16">
        <v>0</v>
      </c>
    </row>
    <row r="77516" spans="1:7" x14ac:dyDescent="0.3">
      <c r="A77516" s="13" t="s">
        <v>396</v>
      </c>
      <c r="B77516" s="14" t="s">
        <v>1</v>
      </c>
      <c r="C77516" s="14" t="s">
        <v>35</v>
      </c>
      <c r="D77516" s="14" t="s">
        <v>176</v>
      </c>
      <c r="E77516" s="15">
        <v>45512</v>
      </c>
      <c r="F77516" s="14" t="s">
        <v>61</v>
      </c>
      <c r="G77516" s="16">
        <v>0</v>
      </c>
    </row>
    <row r="77517" spans="1:7" x14ac:dyDescent="0.3">
      <c r="A77517" s="13" t="s">
        <v>396</v>
      </c>
      <c r="B77517" s="14" t="s">
        <v>1</v>
      </c>
      <c r="C77517" s="14" t="s">
        <v>35</v>
      </c>
      <c r="D77517" s="14" t="s">
        <v>176</v>
      </c>
      <c r="E77517" s="15">
        <v>45513</v>
      </c>
      <c r="F77517" s="14" t="s">
        <v>61</v>
      </c>
      <c r="G77517" s="16">
        <v>0</v>
      </c>
    </row>
    <row r="77518" spans="1:7" x14ac:dyDescent="0.3">
      <c r="A77518" s="13" t="s">
        <v>396</v>
      </c>
      <c r="B77518" s="14" t="s">
        <v>1</v>
      </c>
      <c r="C77518" s="14" t="s">
        <v>35</v>
      </c>
      <c r="D77518" s="14" t="s">
        <v>176</v>
      </c>
      <c r="E77518" s="15">
        <v>45514</v>
      </c>
      <c r="F77518" s="14" t="s">
        <v>61</v>
      </c>
      <c r="G77518" s="16">
        <v>0</v>
      </c>
    </row>
    <row r="77519" spans="1:7" x14ac:dyDescent="0.3">
      <c r="A77519" s="13" t="s">
        <v>396</v>
      </c>
      <c r="B77519" s="14" t="s">
        <v>1</v>
      </c>
      <c r="C77519" s="14" t="s">
        <v>35</v>
      </c>
      <c r="D77519" s="14" t="s">
        <v>176</v>
      </c>
      <c r="E77519" s="15">
        <v>45515</v>
      </c>
      <c r="F77519" s="14" t="s">
        <v>61</v>
      </c>
      <c r="G77519" s="16">
        <v>0</v>
      </c>
    </row>
    <row r="77520" spans="1:7" x14ac:dyDescent="0.3">
      <c r="A77520" s="13" t="s">
        <v>396</v>
      </c>
      <c r="B77520" s="14" t="s">
        <v>1</v>
      </c>
      <c r="C77520" s="14" t="s">
        <v>35</v>
      </c>
      <c r="D77520" s="14" t="s">
        <v>176</v>
      </c>
      <c r="E77520" s="15">
        <v>45516</v>
      </c>
      <c r="F77520" s="14" t="s">
        <v>61</v>
      </c>
      <c r="G77520" s="16">
        <v>0</v>
      </c>
    </row>
    <row r="77521" spans="1:7" x14ac:dyDescent="0.3">
      <c r="A77521" s="13" t="s">
        <v>396</v>
      </c>
      <c r="B77521" s="14" t="s">
        <v>1</v>
      </c>
      <c r="C77521" s="14" t="s">
        <v>35</v>
      </c>
      <c r="D77521" s="14" t="s">
        <v>176</v>
      </c>
      <c r="E77521" s="15">
        <v>45517</v>
      </c>
      <c r="F77521" s="14" t="s">
        <v>61</v>
      </c>
      <c r="G77521" s="16">
        <v>0</v>
      </c>
    </row>
    <row r="77522" spans="1:7" x14ac:dyDescent="0.3">
      <c r="A77522" s="13" t="s">
        <v>396</v>
      </c>
      <c r="B77522" s="14" t="s">
        <v>1</v>
      </c>
      <c r="C77522" s="14" t="s">
        <v>35</v>
      </c>
      <c r="D77522" s="14" t="s">
        <v>176</v>
      </c>
      <c r="E77522" s="15">
        <v>45518</v>
      </c>
      <c r="F77522" s="14" t="s">
        <v>61</v>
      </c>
      <c r="G77522" s="16">
        <v>0</v>
      </c>
    </row>
    <row r="77523" spans="1:7" x14ac:dyDescent="0.3">
      <c r="A77523" s="13" t="s">
        <v>396</v>
      </c>
      <c r="B77523" s="14" t="s">
        <v>1</v>
      </c>
      <c r="C77523" s="14" t="s">
        <v>35</v>
      </c>
      <c r="D77523" s="14" t="s">
        <v>176</v>
      </c>
      <c r="E77523" s="15">
        <v>45519</v>
      </c>
      <c r="F77523" s="14" t="s">
        <v>61</v>
      </c>
      <c r="G77523" s="16">
        <v>0</v>
      </c>
    </row>
    <row r="77524" spans="1:7" x14ac:dyDescent="0.3">
      <c r="A77524" s="13" t="s">
        <v>396</v>
      </c>
      <c r="B77524" s="14" t="s">
        <v>1</v>
      </c>
      <c r="C77524" s="14" t="s">
        <v>35</v>
      </c>
      <c r="D77524" s="14" t="s">
        <v>176</v>
      </c>
      <c r="E77524" s="15">
        <v>45520</v>
      </c>
      <c r="F77524" s="14" t="s">
        <v>61</v>
      </c>
      <c r="G77524" s="16">
        <v>0</v>
      </c>
    </row>
    <row r="77525" spans="1:7" x14ac:dyDescent="0.3">
      <c r="A77525" s="13" t="s">
        <v>396</v>
      </c>
      <c r="B77525" s="14" t="s">
        <v>1</v>
      </c>
      <c r="C77525" s="14" t="s">
        <v>35</v>
      </c>
      <c r="D77525" s="14" t="s">
        <v>176</v>
      </c>
      <c r="E77525" s="15">
        <v>45521</v>
      </c>
      <c r="F77525" s="14" t="s">
        <v>61</v>
      </c>
      <c r="G77525" s="16">
        <v>0</v>
      </c>
    </row>
    <row r="77526" spans="1:7" x14ac:dyDescent="0.3">
      <c r="A77526" s="13" t="s">
        <v>396</v>
      </c>
      <c r="B77526" s="14" t="s">
        <v>1</v>
      </c>
      <c r="C77526" s="14" t="s">
        <v>35</v>
      </c>
      <c r="D77526" s="14" t="s">
        <v>176</v>
      </c>
      <c r="E77526" s="15">
        <v>45522</v>
      </c>
      <c r="F77526" s="14" t="s">
        <v>61</v>
      </c>
      <c r="G77526" s="16">
        <v>0</v>
      </c>
    </row>
    <row r="77527" spans="1:7" x14ac:dyDescent="0.3">
      <c r="A77527" s="13" t="s">
        <v>396</v>
      </c>
      <c r="B77527" s="14" t="s">
        <v>1</v>
      </c>
      <c r="C77527" s="14" t="s">
        <v>35</v>
      </c>
      <c r="D77527" s="14" t="s">
        <v>176</v>
      </c>
      <c r="E77527" s="15">
        <v>45523</v>
      </c>
      <c r="F77527" s="14" t="s">
        <v>61</v>
      </c>
      <c r="G77527" s="16">
        <v>0</v>
      </c>
    </row>
    <row r="77528" spans="1:7" x14ac:dyDescent="0.3">
      <c r="A77528" s="13" t="s">
        <v>396</v>
      </c>
      <c r="B77528" s="14" t="s">
        <v>1</v>
      </c>
      <c r="C77528" s="14" t="s">
        <v>35</v>
      </c>
      <c r="D77528" s="14" t="s">
        <v>176</v>
      </c>
      <c r="E77528" s="15">
        <v>45524</v>
      </c>
      <c r="F77528" s="14" t="s">
        <v>61</v>
      </c>
      <c r="G77528" s="16">
        <v>0</v>
      </c>
    </row>
    <row r="77529" spans="1:7" x14ac:dyDescent="0.3">
      <c r="A77529" s="13" t="s">
        <v>396</v>
      </c>
      <c r="B77529" s="14" t="s">
        <v>1</v>
      </c>
      <c r="C77529" s="14" t="s">
        <v>35</v>
      </c>
      <c r="D77529" s="14" t="s">
        <v>176</v>
      </c>
      <c r="E77529" s="15">
        <v>45525</v>
      </c>
      <c r="F77529" s="14" t="s">
        <v>61</v>
      </c>
      <c r="G77529" s="16">
        <v>0</v>
      </c>
    </row>
    <row r="77530" spans="1:7" x14ac:dyDescent="0.3">
      <c r="A77530" s="13" t="s">
        <v>396</v>
      </c>
      <c r="B77530" s="14" t="s">
        <v>1</v>
      </c>
      <c r="C77530" s="14" t="s">
        <v>35</v>
      </c>
      <c r="D77530" s="14" t="s">
        <v>176</v>
      </c>
      <c r="E77530" s="15">
        <v>45526</v>
      </c>
      <c r="F77530" s="14" t="s">
        <v>61</v>
      </c>
      <c r="G77530" s="16">
        <v>0</v>
      </c>
    </row>
    <row r="77531" spans="1:7" x14ac:dyDescent="0.3">
      <c r="A77531" s="13" t="s">
        <v>396</v>
      </c>
      <c r="B77531" s="14" t="s">
        <v>1</v>
      </c>
      <c r="C77531" s="14" t="s">
        <v>35</v>
      </c>
      <c r="D77531" s="14" t="s">
        <v>176</v>
      </c>
      <c r="E77531" s="15">
        <v>45527</v>
      </c>
      <c r="F77531" s="14" t="s">
        <v>61</v>
      </c>
      <c r="G77531" s="16">
        <v>0</v>
      </c>
    </row>
    <row r="77532" spans="1:7" x14ac:dyDescent="0.3">
      <c r="A77532" s="13" t="s">
        <v>396</v>
      </c>
      <c r="B77532" s="14" t="s">
        <v>1</v>
      </c>
      <c r="C77532" s="14" t="s">
        <v>35</v>
      </c>
      <c r="D77532" s="14" t="s">
        <v>176</v>
      </c>
      <c r="E77532" s="15">
        <v>45528</v>
      </c>
      <c r="F77532" s="14" t="s">
        <v>61</v>
      </c>
      <c r="G77532" s="16">
        <v>0</v>
      </c>
    </row>
    <row r="77533" spans="1:7" x14ac:dyDescent="0.3">
      <c r="A77533" s="13" t="s">
        <v>396</v>
      </c>
      <c r="B77533" s="14" t="s">
        <v>1</v>
      </c>
      <c r="C77533" s="14" t="s">
        <v>35</v>
      </c>
      <c r="D77533" s="14" t="s">
        <v>176</v>
      </c>
      <c r="E77533" s="15">
        <v>45529</v>
      </c>
      <c r="F77533" s="14" t="s">
        <v>61</v>
      </c>
      <c r="G77533" s="16">
        <v>0</v>
      </c>
    </row>
    <row r="77534" spans="1:7" x14ac:dyDescent="0.3">
      <c r="A77534" s="13" t="s">
        <v>396</v>
      </c>
      <c r="B77534" s="14" t="s">
        <v>1</v>
      </c>
      <c r="C77534" s="14" t="s">
        <v>35</v>
      </c>
      <c r="D77534" s="14" t="s">
        <v>176</v>
      </c>
      <c r="E77534" s="15">
        <v>45530</v>
      </c>
      <c r="F77534" s="14" t="s">
        <v>61</v>
      </c>
      <c r="G77534" s="16">
        <v>0</v>
      </c>
    </row>
    <row r="77535" spans="1:7" x14ac:dyDescent="0.3">
      <c r="A77535" s="13" t="s">
        <v>396</v>
      </c>
      <c r="B77535" s="14" t="s">
        <v>1</v>
      </c>
      <c r="C77535" s="14" t="s">
        <v>35</v>
      </c>
      <c r="D77535" s="14" t="s">
        <v>176</v>
      </c>
      <c r="E77535" s="15">
        <v>45531</v>
      </c>
      <c r="F77535" s="14" t="s">
        <v>61</v>
      </c>
      <c r="G77535" s="16">
        <v>0</v>
      </c>
    </row>
    <row r="77536" spans="1:7" x14ac:dyDescent="0.3">
      <c r="A77536" s="13" t="s">
        <v>396</v>
      </c>
      <c r="B77536" s="14" t="s">
        <v>1</v>
      </c>
      <c r="C77536" s="14" t="s">
        <v>35</v>
      </c>
      <c r="D77536" s="14" t="s">
        <v>176</v>
      </c>
      <c r="E77536" s="15">
        <v>45532</v>
      </c>
      <c r="F77536" s="14" t="s">
        <v>61</v>
      </c>
      <c r="G77536" s="16">
        <v>0</v>
      </c>
    </row>
    <row r="77537" spans="1:7" x14ac:dyDescent="0.3">
      <c r="A77537" s="13" t="s">
        <v>396</v>
      </c>
      <c r="B77537" s="14" t="s">
        <v>1</v>
      </c>
      <c r="C77537" s="14" t="s">
        <v>35</v>
      </c>
      <c r="D77537" s="14" t="s">
        <v>176</v>
      </c>
      <c r="E77537" s="15">
        <v>45533</v>
      </c>
      <c r="F77537" s="14" t="s">
        <v>61</v>
      </c>
      <c r="G77537" s="16">
        <v>0</v>
      </c>
    </row>
    <row r="77538" spans="1:7" x14ac:dyDescent="0.3">
      <c r="A77538" s="13" t="s">
        <v>396</v>
      </c>
      <c r="B77538" s="14" t="s">
        <v>1</v>
      </c>
      <c r="C77538" s="14" t="s">
        <v>35</v>
      </c>
      <c r="D77538" s="14" t="s">
        <v>176</v>
      </c>
      <c r="E77538" s="15">
        <v>45534</v>
      </c>
      <c r="F77538" s="14" t="s">
        <v>61</v>
      </c>
      <c r="G77538" s="16">
        <v>0</v>
      </c>
    </row>
    <row r="77539" spans="1:7" x14ac:dyDescent="0.3">
      <c r="A77539" s="13" t="s">
        <v>396</v>
      </c>
      <c r="B77539" s="14" t="s">
        <v>1</v>
      </c>
      <c r="C77539" s="14" t="s">
        <v>35</v>
      </c>
      <c r="D77539" s="14" t="s">
        <v>176</v>
      </c>
      <c r="E77539" s="15">
        <v>45535</v>
      </c>
      <c r="F77539" s="14" t="s">
        <v>61</v>
      </c>
      <c r="G77539" s="16">
        <v>0</v>
      </c>
    </row>
    <row r="77540" spans="1:7" x14ac:dyDescent="0.3">
      <c r="A77540" s="13" t="s">
        <v>396</v>
      </c>
      <c r="B77540" s="14" t="s">
        <v>1</v>
      </c>
      <c r="C77540" s="14" t="s">
        <v>35</v>
      </c>
      <c r="D77540" s="14" t="s">
        <v>176</v>
      </c>
      <c r="E77540" s="15">
        <v>45536</v>
      </c>
      <c r="F77540" s="14" t="s">
        <v>61</v>
      </c>
      <c r="G77540" s="16">
        <v>0</v>
      </c>
    </row>
    <row r="77541" spans="1:7" x14ac:dyDescent="0.3">
      <c r="A77541" s="13" t="s">
        <v>396</v>
      </c>
      <c r="B77541" s="14" t="s">
        <v>1</v>
      </c>
      <c r="C77541" s="14" t="s">
        <v>35</v>
      </c>
      <c r="D77541" s="14" t="s">
        <v>176</v>
      </c>
      <c r="E77541" s="15">
        <v>45537</v>
      </c>
      <c r="F77541" s="14" t="s">
        <v>61</v>
      </c>
      <c r="G77541" s="16">
        <v>0</v>
      </c>
    </row>
    <row r="77542" spans="1:7" x14ac:dyDescent="0.3">
      <c r="A77542" s="13" t="s">
        <v>396</v>
      </c>
      <c r="B77542" s="14" t="s">
        <v>1</v>
      </c>
      <c r="C77542" s="14" t="s">
        <v>35</v>
      </c>
      <c r="D77542" s="14" t="s">
        <v>176</v>
      </c>
      <c r="E77542" s="15">
        <v>45538</v>
      </c>
      <c r="F77542" s="14" t="s">
        <v>61</v>
      </c>
      <c r="G77542" s="16">
        <v>0</v>
      </c>
    </row>
    <row r="77543" spans="1:7" x14ac:dyDescent="0.3">
      <c r="A77543" s="13" t="s">
        <v>396</v>
      </c>
      <c r="B77543" s="14" t="s">
        <v>1</v>
      </c>
      <c r="C77543" s="14" t="s">
        <v>35</v>
      </c>
      <c r="D77543" s="14" t="s">
        <v>176</v>
      </c>
      <c r="E77543" s="15">
        <v>45539</v>
      </c>
      <c r="F77543" s="14" t="s">
        <v>61</v>
      </c>
      <c r="G77543" s="16">
        <v>0</v>
      </c>
    </row>
    <row r="77544" spans="1:7" x14ac:dyDescent="0.3">
      <c r="A77544" s="13" t="s">
        <v>396</v>
      </c>
      <c r="B77544" s="14" t="s">
        <v>1</v>
      </c>
      <c r="C77544" s="14" t="s">
        <v>35</v>
      </c>
      <c r="D77544" s="14" t="s">
        <v>176</v>
      </c>
      <c r="E77544" s="15">
        <v>45540</v>
      </c>
      <c r="F77544" s="14" t="s">
        <v>61</v>
      </c>
      <c r="G77544" s="16">
        <v>0</v>
      </c>
    </row>
    <row r="77545" spans="1:7" x14ac:dyDescent="0.3">
      <c r="A77545" s="13" t="s">
        <v>396</v>
      </c>
      <c r="B77545" s="14" t="s">
        <v>1</v>
      </c>
      <c r="C77545" s="14" t="s">
        <v>35</v>
      </c>
      <c r="D77545" s="14" t="s">
        <v>176</v>
      </c>
      <c r="E77545" s="15">
        <v>45541</v>
      </c>
      <c r="F77545" s="14" t="s">
        <v>61</v>
      </c>
      <c r="G77545" s="16">
        <v>0</v>
      </c>
    </row>
    <row r="77546" spans="1:7" x14ac:dyDescent="0.3">
      <c r="A77546" s="13" t="s">
        <v>396</v>
      </c>
      <c r="B77546" s="14" t="s">
        <v>1</v>
      </c>
      <c r="C77546" s="14" t="s">
        <v>35</v>
      </c>
      <c r="D77546" s="14" t="s">
        <v>176</v>
      </c>
      <c r="E77546" s="15">
        <v>45542</v>
      </c>
      <c r="F77546" s="14" t="s">
        <v>61</v>
      </c>
      <c r="G77546" s="16">
        <v>0</v>
      </c>
    </row>
    <row r="77547" spans="1:7" x14ac:dyDescent="0.3">
      <c r="A77547" s="13" t="s">
        <v>396</v>
      </c>
      <c r="B77547" s="14" t="s">
        <v>1</v>
      </c>
      <c r="C77547" s="14" t="s">
        <v>35</v>
      </c>
      <c r="D77547" s="14" t="s">
        <v>176</v>
      </c>
      <c r="E77547" s="15">
        <v>45543</v>
      </c>
      <c r="F77547" s="14" t="s">
        <v>61</v>
      </c>
      <c r="G77547" s="16">
        <v>0</v>
      </c>
    </row>
    <row r="77548" spans="1:7" x14ac:dyDescent="0.3">
      <c r="A77548" s="13" t="s">
        <v>396</v>
      </c>
      <c r="B77548" s="14" t="s">
        <v>1</v>
      </c>
      <c r="C77548" s="14" t="s">
        <v>35</v>
      </c>
      <c r="D77548" s="14" t="s">
        <v>176</v>
      </c>
      <c r="E77548" s="15">
        <v>45544</v>
      </c>
      <c r="F77548" s="14" t="s">
        <v>61</v>
      </c>
      <c r="G77548" s="16">
        <v>0</v>
      </c>
    </row>
    <row r="77549" spans="1:7" x14ac:dyDescent="0.3">
      <c r="A77549" s="13" t="s">
        <v>396</v>
      </c>
      <c r="B77549" s="14" t="s">
        <v>1</v>
      </c>
      <c r="C77549" s="14" t="s">
        <v>35</v>
      </c>
      <c r="D77549" s="14" t="s">
        <v>176</v>
      </c>
      <c r="E77549" s="15">
        <v>45545</v>
      </c>
      <c r="F77549" s="14" t="s">
        <v>61</v>
      </c>
      <c r="G77549" s="16">
        <v>0</v>
      </c>
    </row>
    <row r="77550" spans="1:7" x14ac:dyDescent="0.3">
      <c r="A77550" s="13" t="s">
        <v>396</v>
      </c>
      <c r="B77550" s="14" t="s">
        <v>1</v>
      </c>
      <c r="C77550" s="14" t="s">
        <v>35</v>
      </c>
      <c r="D77550" s="14" t="s">
        <v>176</v>
      </c>
      <c r="E77550" s="15">
        <v>45546</v>
      </c>
      <c r="F77550" s="14" t="s">
        <v>61</v>
      </c>
      <c r="G77550" s="16">
        <v>0</v>
      </c>
    </row>
    <row r="77551" spans="1:7" x14ac:dyDescent="0.3">
      <c r="A77551" s="13" t="s">
        <v>396</v>
      </c>
      <c r="B77551" s="14" t="s">
        <v>1</v>
      </c>
      <c r="C77551" s="14" t="s">
        <v>35</v>
      </c>
      <c r="D77551" s="14" t="s">
        <v>176</v>
      </c>
      <c r="E77551" s="15">
        <v>45547</v>
      </c>
      <c r="F77551" s="14" t="s">
        <v>61</v>
      </c>
      <c r="G77551" s="16">
        <v>0</v>
      </c>
    </row>
    <row r="77552" spans="1:7" x14ac:dyDescent="0.3">
      <c r="A77552" s="13" t="s">
        <v>396</v>
      </c>
      <c r="B77552" s="14" t="s">
        <v>1</v>
      </c>
      <c r="C77552" s="14" t="s">
        <v>35</v>
      </c>
      <c r="D77552" s="14" t="s">
        <v>176</v>
      </c>
      <c r="E77552" s="15">
        <v>45548</v>
      </c>
      <c r="F77552" s="14" t="s">
        <v>61</v>
      </c>
      <c r="G77552" s="16">
        <v>0</v>
      </c>
    </row>
    <row r="77553" spans="1:7" x14ac:dyDescent="0.3">
      <c r="A77553" s="13" t="s">
        <v>396</v>
      </c>
      <c r="B77553" s="14" t="s">
        <v>1</v>
      </c>
      <c r="C77553" s="14" t="s">
        <v>35</v>
      </c>
      <c r="D77553" s="14" t="s">
        <v>176</v>
      </c>
      <c r="E77553" s="15">
        <v>45549</v>
      </c>
      <c r="F77553" s="14" t="s">
        <v>61</v>
      </c>
      <c r="G77553" s="16">
        <v>0</v>
      </c>
    </row>
    <row r="77554" spans="1:7" x14ac:dyDescent="0.3">
      <c r="A77554" s="13" t="s">
        <v>396</v>
      </c>
      <c r="B77554" s="14" t="s">
        <v>1</v>
      </c>
      <c r="C77554" s="14" t="s">
        <v>35</v>
      </c>
      <c r="D77554" s="14" t="s">
        <v>176</v>
      </c>
      <c r="E77554" s="15">
        <v>45550</v>
      </c>
      <c r="F77554" s="14" t="s">
        <v>61</v>
      </c>
      <c r="G77554" s="16">
        <v>0</v>
      </c>
    </row>
    <row r="77555" spans="1:7" x14ac:dyDescent="0.3">
      <c r="A77555" s="13" t="s">
        <v>396</v>
      </c>
      <c r="B77555" s="14" t="s">
        <v>1</v>
      </c>
      <c r="C77555" s="14" t="s">
        <v>35</v>
      </c>
      <c r="D77555" s="14" t="s">
        <v>176</v>
      </c>
      <c r="E77555" s="15">
        <v>45551</v>
      </c>
      <c r="F77555" s="14" t="s">
        <v>61</v>
      </c>
      <c r="G77555" s="16">
        <v>0</v>
      </c>
    </row>
    <row r="77556" spans="1:7" x14ac:dyDescent="0.3">
      <c r="A77556" s="13" t="s">
        <v>396</v>
      </c>
      <c r="B77556" s="14" t="s">
        <v>1</v>
      </c>
      <c r="C77556" s="14" t="s">
        <v>35</v>
      </c>
      <c r="D77556" s="14" t="s">
        <v>176</v>
      </c>
      <c r="E77556" s="15">
        <v>45552</v>
      </c>
      <c r="F77556" s="14" t="s">
        <v>61</v>
      </c>
      <c r="G77556" s="16">
        <v>0</v>
      </c>
    </row>
    <row r="77557" spans="1:7" x14ac:dyDescent="0.3">
      <c r="A77557" s="13" t="s">
        <v>396</v>
      </c>
      <c r="B77557" s="14" t="s">
        <v>1</v>
      </c>
      <c r="C77557" s="14" t="s">
        <v>35</v>
      </c>
      <c r="D77557" s="14" t="s">
        <v>176</v>
      </c>
      <c r="E77557" s="15">
        <v>45553</v>
      </c>
      <c r="F77557" s="14" t="s">
        <v>61</v>
      </c>
      <c r="G77557" s="16">
        <v>0</v>
      </c>
    </row>
    <row r="77558" spans="1:7" x14ac:dyDescent="0.3">
      <c r="A77558" s="13" t="s">
        <v>396</v>
      </c>
      <c r="B77558" s="14" t="s">
        <v>1</v>
      </c>
      <c r="C77558" s="14" t="s">
        <v>35</v>
      </c>
      <c r="D77558" s="14" t="s">
        <v>176</v>
      </c>
      <c r="E77558" s="15">
        <v>45554</v>
      </c>
      <c r="F77558" s="14" t="s">
        <v>61</v>
      </c>
      <c r="G77558" s="16">
        <v>0</v>
      </c>
    </row>
    <row r="77559" spans="1:7" x14ac:dyDescent="0.3">
      <c r="A77559" s="13" t="s">
        <v>396</v>
      </c>
      <c r="B77559" s="14" t="s">
        <v>1</v>
      </c>
      <c r="C77559" s="14" t="s">
        <v>35</v>
      </c>
      <c r="D77559" s="14" t="s">
        <v>176</v>
      </c>
      <c r="E77559" s="15">
        <v>45555</v>
      </c>
      <c r="F77559" s="14" t="s">
        <v>61</v>
      </c>
      <c r="G77559" s="16">
        <v>0</v>
      </c>
    </row>
    <row r="77560" spans="1:7" x14ac:dyDescent="0.3">
      <c r="A77560" s="13" t="s">
        <v>396</v>
      </c>
      <c r="B77560" s="14" t="s">
        <v>1</v>
      </c>
      <c r="C77560" s="14" t="s">
        <v>35</v>
      </c>
      <c r="D77560" s="14" t="s">
        <v>176</v>
      </c>
      <c r="E77560" s="15">
        <v>45556</v>
      </c>
      <c r="F77560" s="14" t="s">
        <v>61</v>
      </c>
      <c r="G77560" s="16">
        <v>0</v>
      </c>
    </row>
    <row r="77561" spans="1:7" x14ac:dyDescent="0.3">
      <c r="A77561" s="13" t="s">
        <v>396</v>
      </c>
      <c r="B77561" s="14" t="s">
        <v>1</v>
      </c>
      <c r="C77561" s="14" t="s">
        <v>35</v>
      </c>
      <c r="D77561" s="14" t="s">
        <v>176</v>
      </c>
      <c r="E77561" s="15">
        <v>45557</v>
      </c>
      <c r="F77561" s="14" t="s">
        <v>61</v>
      </c>
      <c r="G77561" s="16">
        <v>0</v>
      </c>
    </row>
    <row r="77562" spans="1:7" x14ac:dyDescent="0.3">
      <c r="A77562" s="13" t="s">
        <v>396</v>
      </c>
      <c r="B77562" s="14" t="s">
        <v>1</v>
      </c>
      <c r="C77562" s="14" t="s">
        <v>35</v>
      </c>
      <c r="D77562" s="14" t="s">
        <v>176</v>
      </c>
      <c r="E77562" s="15">
        <v>45558</v>
      </c>
      <c r="F77562" s="14" t="s">
        <v>61</v>
      </c>
      <c r="G77562" s="16">
        <v>0</v>
      </c>
    </row>
    <row r="77563" spans="1:7" x14ac:dyDescent="0.3">
      <c r="A77563" s="13" t="s">
        <v>396</v>
      </c>
      <c r="B77563" s="14" t="s">
        <v>1</v>
      </c>
      <c r="C77563" s="14" t="s">
        <v>35</v>
      </c>
      <c r="D77563" s="14" t="s">
        <v>176</v>
      </c>
      <c r="E77563" s="15">
        <v>45559</v>
      </c>
      <c r="F77563" s="14" t="s">
        <v>61</v>
      </c>
      <c r="G77563" s="16">
        <v>0</v>
      </c>
    </row>
    <row r="77564" spans="1:7" x14ac:dyDescent="0.3">
      <c r="A77564" s="13" t="s">
        <v>396</v>
      </c>
      <c r="B77564" s="14" t="s">
        <v>1</v>
      </c>
      <c r="C77564" s="14" t="s">
        <v>35</v>
      </c>
      <c r="D77564" s="14" t="s">
        <v>176</v>
      </c>
      <c r="E77564" s="15">
        <v>45560</v>
      </c>
      <c r="F77564" s="14" t="s">
        <v>61</v>
      </c>
      <c r="G77564" s="16">
        <v>0</v>
      </c>
    </row>
    <row r="77565" spans="1:7" x14ac:dyDescent="0.3">
      <c r="A77565" s="13" t="s">
        <v>396</v>
      </c>
      <c r="B77565" s="14" t="s">
        <v>1</v>
      </c>
      <c r="C77565" s="14" t="s">
        <v>35</v>
      </c>
      <c r="D77565" s="14" t="s">
        <v>176</v>
      </c>
      <c r="E77565" s="15">
        <v>45561</v>
      </c>
      <c r="F77565" s="14" t="s">
        <v>61</v>
      </c>
      <c r="G77565" s="16">
        <v>0</v>
      </c>
    </row>
    <row r="77566" spans="1:7" x14ac:dyDescent="0.3">
      <c r="A77566" s="13" t="s">
        <v>396</v>
      </c>
      <c r="B77566" s="14" t="s">
        <v>1</v>
      </c>
      <c r="C77566" s="14" t="s">
        <v>35</v>
      </c>
      <c r="D77566" s="14" t="s">
        <v>176</v>
      </c>
      <c r="E77566" s="15">
        <v>45562</v>
      </c>
      <c r="F77566" s="14" t="s">
        <v>61</v>
      </c>
      <c r="G77566" s="16">
        <v>0</v>
      </c>
    </row>
    <row r="77567" spans="1:7" x14ac:dyDescent="0.3">
      <c r="A77567" s="13" t="s">
        <v>396</v>
      </c>
      <c r="B77567" s="14" t="s">
        <v>1</v>
      </c>
      <c r="C77567" s="14" t="s">
        <v>35</v>
      </c>
      <c r="D77567" s="14" t="s">
        <v>176</v>
      </c>
      <c r="E77567" s="15">
        <v>45563</v>
      </c>
      <c r="F77567" s="14" t="s">
        <v>61</v>
      </c>
      <c r="G77567" s="16">
        <v>0</v>
      </c>
    </row>
    <row r="77568" spans="1:7" x14ac:dyDescent="0.3">
      <c r="A77568" s="13" t="s">
        <v>396</v>
      </c>
      <c r="B77568" s="14" t="s">
        <v>1</v>
      </c>
      <c r="C77568" s="14" t="s">
        <v>35</v>
      </c>
      <c r="D77568" s="14" t="s">
        <v>176</v>
      </c>
      <c r="E77568" s="15">
        <v>45564</v>
      </c>
      <c r="F77568" s="14" t="s">
        <v>61</v>
      </c>
      <c r="G77568" s="16">
        <v>0</v>
      </c>
    </row>
    <row r="77569" spans="1:7" x14ac:dyDescent="0.3">
      <c r="A77569" s="13" t="s">
        <v>396</v>
      </c>
      <c r="B77569" s="14" t="s">
        <v>1</v>
      </c>
      <c r="C77569" s="14" t="s">
        <v>35</v>
      </c>
      <c r="D77569" s="14" t="s">
        <v>176</v>
      </c>
      <c r="E77569" s="15">
        <v>45565</v>
      </c>
      <c r="F77569" s="14" t="s">
        <v>61</v>
      </c>
      <c r="G77569" s="16">
        <v>0</v>
      </c>
    </row>
    <row r="77570" spans="1:7" x14ac:dyDescent="0.3">
      <c r="A77570" s="13" t="s">
        <v>396</v>
      </c>
      <c r="B77570" s="14" t="s">
        <v>1</v>
      </c>
      <c r="C77570" s="14" t="s">
        <v>35</v>
      </c>
      <c r="D77570" s="14" t="s">
        <v>176</v>
      </c>
      <c r="E77570" s="15">
        <v>45566</v>
      </c>
      <c r="F77570" s="14" t="s">
        <v>61</v>
      </c>
      <c r="G77570" s="16">
        <v>0</v>
      </c>
    </row>
    <row r="77571" spans="1:7" x14ac:dyDescent="0.3">
      <c r="A77571" s="13" t="s">
        <v>396</v>
      </c>
      <c r="B77571" s="14" t="s">
        <v>1</v>
      </c>
      <c r="C77571" s="14" t="s">
        <v>35</v>
      </c>
      <c r="D77571" s="14" t="s">
        <v>176</v>
      </c>
      <c r="E77571" s="15">
        <v>45567</v>
      </c>
      <c r="F77571" s="14" t="s">
        <v>61</v>
      </c>
      <c r="G77571" s="16">
        <v>0</v>
      </c>
    </row>
    <row r="77572" spans="1:7" x14ac:dyDescent="0.3">
      <c r="A77572" s="13" t="s">
        <v>396</v>
      </c>
      <c r="B77572" s="14" t="s">
        <v>1</v>
      </c>
      <c r="C77572" s="14" t="s">
        <v>35</v>
      </c>
      <c r="D77572" s="14" t="s">
        <v>176</v>
      </c>
      <c r="E77572" s="15">
        <v>45568</v>
      </c>
      <c r="F77572" s="14" t="s">
        <v>61</v>
      </c>
      <c r="G77572" s="16">
        <v>0</v>
      </c>
    </row>
    <row r="77573" spans="1:7" x14ac:dyDescent="0.3">
      <c r="A77573" s="13" t="s">
        <v>396</v>
      </c>
      <c r="B77573" s="14" t="s">
        <v>1</v>
      </c>
      <c r="C77573" s="14" t="s">
        <v>35</v>
      </c>
      <c r="D77573" s="14" t="s">
        <v>176</v>
      </c>
      <c r="E77573" s="15">
        <v>45569</v>
      </c>
      <c r="F77573" s="14" t="s">
        <v>61</v>
      </c>
      <c r="G77573" s="16">
        <v>0</v>
      </c>
    </row>
    <row r="77574" spans="1:7" x14ac:dyDescent="0.3">
      <c r="A77574" s="13" t="s">
        <v>396</v>
      </c>
      <c r="B77574" s="14" t="s">
        <v>1</v>
      </c>
      <c r="C77574" s="14" t="s">
        <v>35</v>
      </c>
      <c r="D77574" s="14" t="s">
        <v>176</v>
      </c>
      <c r="E77574" s="15">
        <v>45570</v>
      </c>
      <c r="F77574" s="14" t="s">
        <v>61</v>
      </c>
      <c r="G77574" s="16">
        <v>0</v>
      </c>
    </row>
    <row r="77575" spans="1:7" x14ac:dyDescent="0.3">
      <c r="A77575" s="13" t="s">
        <v>396</v>
      </c>
      <c r="B77575" s="14" t="s">
        <v>1</v>
      </c>
      <c r="C77575" s="14" t="s">
        <v>35</v>
      </c>
      <c r="D77575" s="14" t="s">
        <v>176</v>
      </c>
      <c r="E77575" s="15">
        <v>45571</v>
      </c>
      <c r="F77575" s="14" t="s">
        <v>61</v>
      </c>
      <c r="G77575" s="16">
        <v>0</v>
      </c>
    </row>
    <row r="77576" spans="1:7" x14ac:dyDescent="0.3">
      <c r="A77576" s="13" t="s">
        <v>396</v>
      </c>
      <c r="B77576" s="14" t="s">
        <v>1</v>
      </c>
      <c r="C77576" s="14" t="s">
        <v>35</v>
      </c>
      <c r="D77576" s="14" t="s">
        <v>176</v>
      </c>
      <c r="E77576" s="15">
        <v>45572</v>
      </c>
      <c r="F77576" s="14" t="s">
        <v>61</v>
      </c>
      <c r="G77576" s="16">
        <v>0</v>
      </c>
    </row>
    <row r="77577" spans="1:7" x14ac:dyDescent="0.3">
      <c r="A77577" s="13" t="s">
        <v>396</v>
      </c>
      <c r="B77577" s="14" t="s">
        <v>1</v>
      </c>
      <c r="C77577" s="14" t="s">
        <v>35</v>
      </c>
      <c r="D77577" s="14" t="s">
        <v>176</v>
      </c>
      <c r="E77577" s="15">
        <v>45573</v>
      </c>
      <c r="F77577" s="14" t="s">
        <v>61</v>
      </c>
      <c r="G77577" s="16">
        <v>0</v>
      </c>
    </row>
    <row r="77578" spans="1:7" x14ac:dyDescent="0.3">
      <c r="A77578" s="13" t="s">
        <v>396</v>
      </c>
      <c r="B77578" s="14" t="s">
        <v>1</v>
      </c>
      <c r="C77578" s="14" t="s">
        <v>35</v>
      </c>
      <c r="D77578" s="14" t="s">
        <v>176</v>
      </c>
      <c r="E77578" s="15">
        <v>45574</v>
      </c>
      <c r="F77578" s="14" t="s">
        <v>61</v>
      </c>
      <c r="G77578" s="16">
        <v>0</v>
      </c>
    </row>
    <row r="77579" spans="1:7" x14ac:dyDescent="0.3">
      <c r="A77579" s="13" t="s">
        <v>396</v>
      </c>
      <c r="B77579" s="14" t="s">
        <v>1</v>
      </c>
      <c r="C77579" s="14" t="s">
        <v>35</v>
      </c>
      <c r="D77579" s="14" t="s">
        <v>176</v>
      </c>
      <c r="E77579" s="15">
        <v>45575</v>
      </c>
      <c r="F77579" s="14" t="s">
        <v>61</v>
      </c>
      <c r="G77579" s="16">
        <v>0</v>
      </c>
    </row>
    <row r="77580" spans="1:7" x14ac:dyDescent="0.3">
      <c r="A77580" s="13" t="s">
        <v>396</v>
      </c>
      <c r="B77580" s="14" t="s">
        <v>1</v>
      </c>
      <c r="C77580" s="14" t="s">
        <v>35</v>
      </c>
      <c r="D77580" s="14" t="s">
        <v>176</v>
      </c>
      <c r="E77580" s="15">
        <v>45576</v>
      </c>
      <c r="F77580" s="14" t="s">
        <v>61</v>
      </c>
      <c r="G77580" s="16">
        <v>0</v>
      </c>
    </row>
    <row r="77581" spans="1:7" x14ac:dyDescent="0.3">
      <c r="A77581" s="13" t="s">
        <v>396</v>
      </c>
      <c r="B77581" s="14" t="s">
        <v>1</v>
      </c>
      <c r="C77581" s="14" t="s">
        <v>35</v>
      </c>
      <c r="D77581" s="14" t="s">
        <v>176</v>
      </c>
      <c r="E77581" s="15">
        <v>45577</v>
      </c>
      <c r="F77581" s="14" t="s">
        <v>61</v>
      </c>
      <c r="G77581" s="16">
        <v>0</v>
      </c>
    </row>
    <row r="77582" spans="1:7" x14ac:dyDescent="0.3">
      <c r="A77582" s="13" t="s">
        <v>396</v>
      </c>
      <c r="B77582" s="14" t="s">
        <v>1</v>
      </c>
      <c r="C77582" s="14" t="s">
        <v>35</v>
      </c>
      <c r="D77582" s="14" t="s">
        <v>176</v>
      </c>
      <c r="E77582" s="15">
        <v>45578</v>
      </c>
      <c r="F77582" s="14" t="s">
        <v>61</v>
      </c>
      <c r="G77582" s="16">
        <v>0</v>
      </c>
    </row>
    <row r="77583" spans="1:7" x14ac:dyDescent="0.3">
      <c r="A77583" s="13" t="s">
        <v>396</v>
      </c>
      <c r="B77583" s="14" t="s">
        <v>1</v>
      </c>
      <c r="C77583" s="14" t="s">
        <v>35</v>
      </c>
      <c r="D77583" s="14" t="s">
        <v>176</v>
      </c>
      <c r="E77583" s="15">
        <v>45579</v>
      </c>
      <c r="F77583" s="14" t="s">
        <v>61</v>
      </c>
      <c r="G77583" s="16">
        <v>0</v>
      </c>
    </row>
    <row r="77584" spans="1:7" x14ac:dyDescent="0.3">
      <c r="A77584" s="13" t="s">
        <v>396</v>
      </c>
      <c r="B77584" s="14" t="s">
        <v>1</v>
      </c>
      <c r="C77584" s="14" t="s">
        <v>35</v>
      </c>
      <c r="D77584" s="14" t="s">
        <v>176</v>
      </c>
      <c r="E77584" s="15">
        <v>45580</v>
      </c>
      <c r="F77584" s="14" t="s">
        <v>61</v>
      </c>
      <c r="G77584" s="16">
        <v>0</v>
      </c>
    </row>
    <row r="77585" spans="1:7" x14ac:dyDescent="0.3">
      <c r="A77585" s="13" t="s">
        <v>396</v>
      </c>
      <c r="B77585" s="14" t="s">
        <v>1</v>
      </c>
      <c r="C77585" s="14" t="s">
        <v>35</v>
      </c>
      <c r="D77585" s="14" t="s">
        <v>176</v>
      </c>
      <c r="E77585" s="15">
        <v>45581</v>
      </c>
      <c r="F77585" s="14" t="s">
        <v>61</v>
      </c>
      <c r="G77585" s="16">
        <v>0</v>
      </c>
    </row>
    <row r="77586" spans="1:7" x14ac:dyDescent="0.3">
      <c r="A77586" s="13" t="s">
        <v>396</v>
      </c>
      <c r="B77586" s="14" t="s">
        <v>1</v>
      </c>
      <c r="C77586" s="14" t="s">
        <v>35</v>
      </c>
      <c r="D77586" s="14" t="s">
        <v>176</v>
      </c>
      <c r="E77586" s="15">
        <v>45582</v>
      </c>
      <c r="F77586" s="14" t="s">
        <v>61</v>
      </c>
      <c r="G77586" s="16">
        <v>0</v>
      </c>
    </row>
    <row r="77587" spans="1:7" x14ac:dyDescent="0.3">
      <c r="A77587" s="13" t="s">
        <v>396</v>
      </c>
      <c r="B77587" s="14" t="s">
        <v>1</v>
      </c>
      <c r="C77587" s="14" t="s">
        <v>35</v>
      </c>
      <c r="D77587" s="14" t="s">
        <v>176</v>
      </c>
      <c r="E77587" s="15">
        <v>45583</v>
      </c>
      <c r="F77587" s="14" t="s">
        <v>61</v>
      </c>
      <c r="G77587" s="16">
        <v>0</v>
      </c>
    </row>
    <row r="77588" spans="1:7" x14ac:dyDescent="0.3">
      <c r="A77588" s="13" t="s">
        <v>396</v>
      </c>
      <c r="B77588" s="14" t="s">
        <v>1</v>
      </c>
      <c r="C77588" s="14" t="s">
        <v>35</v>
      </c>
      <c r="D77588" s="14" t="s">
        <v>176</v>
      </c>
      <c r="E77588" s="15">
        <v>45584</v>
      </c>
      <c r="F77588" s="14" t="s">
        <v>61</v>
      </c>
      <c r="G77588" s="16">
        <v>0</v>
      </c>
    </row>
    <row r="77589" spans="1:7" x14ac:dyDescent="0.3">
      <c r="A77589" s="13" t="s">
        <v>396</v>
      </c>
      <c r="B77589" s="14" t="s">
        <v>1</v>
      </c>
      <c r="C77589" s="14" t="s">
        <v>35</v>
      </c>
      <c r="D77589" s="14" t="s">
        <v>176</v>
      </c>
      <c r="E77589" s="15">
        <v>45585</v>
      </c>
      <c r="F77589" s="14" t="s">
        <v>61</v>
      </c>
      <c r="G77589" s="16">
        <v>0</v>
      </c>
    </row>
    <row r="77590" spans="1:7" x14ac:dyDescent="0.3">
      <c r="A77590" s="13" t="s">
        <v>396</v>
      </c>
      <c r="B77590" s="14" t="s">
        <v>1</v>
      </c>
      <c r="C77590" s="14" t="s">
        <v>35</v>
      </c>
      <c r="D77590" s="14" t="s">
        <v>176</v>
      </c>
      <c r="E77590" s="15">
        <v>45586</v>
      </c>
      <c r="F77590" s="14" t="s">
        <v>61</v>
      </c>
      <c r="G77590" s="16">
        <v>0</v>
      </c>
    </row>
    <row r="77591" spans="1:7" x14ac:dyDescent="0.3">
      <c r="A77591" s="13" t="s">
        <v>396</v>
      </c>
      <c r="B77591" s="14" t="s">
        <v>1</v>
      </c>
      <c r="C77591" s="14" t="s">
        <v>35</v>
      </c>
      <c r="D77591" s="14" t="s">
        <v>176</v>
      </c>
      <c r="E77591" s="15">
        <v>45587</v>
      </c>
      <c r="F77591" s="14" t="s">
        <v>61</v>
      </c>
      <c r="G77591" s="16">
        <v>0</v>
      </c>
    </row>
    <row r="77592" spans="1:7" x14ac:dyDescent="0.3">
      <c r="A77592" s="13" t="s">
        <v>396</v>
      </c>
      <c r="B77592" s="14" t="s">
        <v>1</v>
      </c>
      <c r="C77592" s="14" t="s">
        <v>35</v>
      </c>
      <c r="D77592" s="14" t="s">
        <v>176</v>
      </c>
      <c r="E77592" s="15">
        <v>45588</v>
      </c>
      <c r="F77592" s="14" t="s">
        <v>61</v>
      </c>
      <c r="G77592" s="16">
        <v>0</v>
      </c>
    </row>
    <row r="77593" spans="1:7" x14ac:dyDescent="0.3">
      <c r="A77593" s="13" t="s">
        <v>396</v>
      </c>
      <c r="B77593" s="14" t="s">
        <v>1</v>
      </c>
      <c r="C77593" s="14" t="s">
        <v>35</v>
      </c>
      <c r="D77593" s="14" t="s">
        <v>176</v>
      </c>
      <c r="E77593" s="15">
        <v>45589</v>
      </c>
      <c r="F77593" s="14" t="s">
        <v>61</v>
      </c>
      <c r="G77593" s="16">
        <v>0</v>
      </c>
    </row>
    <row r="77594" spans="1:7" x14ac:dyDescent="0.3">
      <c r="A77594" s="13" t="s">
        <v>396</v>
      </c>
      <c r="B77594" s="14" t="s">
        <v>1</v>
      </c>
      <c r="C77594" s="14" t="s">
        <v>35</v>
      </c>
      <c r="D77594" s="14" t="s">
        <v>176</v>
      </c>
      <c r="E77594" s="15">
        <v>45590</v>
      </c>
      <c r="F77594" s="14" t="s">
        <v>61</v>
      </c>
      <c r="G77594" s="16">
        <v>0</v>
      </c>
    </row>
    <row r="77595" spans="1:7" x14ac:dyDescent="0.3">
      <c r="A77595" s="13" t="s">
        <v>396</v>
      </c>
      <c r="B77595" s="14" t="s">
        <v>1</v>
      </c>
      <c r="C77595" s="14" t="s">
        <v>35</v>
      </c>
      <c r="D77595" s="14" t="s">
        <v>176</v>
      </c>
      <c r="E77595" s="15">
        <v>45591</v>
      </c>
      <c r="F77595" s="14" t="s">
        <v>61</v>
      </c>
      <c r="G77595" s="16">
        <v>0</v>
      </c>
    </row>
    <row r="77596" spans="1:7" x14ac:dyDescent="0.3">
      <c r="A77596" s="13" t="s">
        <v>396</v>
      </c>
      <c r="B77596" s="14" t="s">
        <v>1</v>
      </c>
      <c r="C77596" s="14" t="s">
        <v>35</v>
      </c>
      <c r="D77596" s="14" t="s">
        <v>176</v>
      </c>
      <c r="E77596" s="15">
        <v>45592</v>
      </c>
      <c r="F77596" s="14" t="s">
        <v>61</v>
      </c>
      <c r="G77596" s="16">
        <v>0</v>
      </c>
    </row>
    <row r="77597" spans="1:7" x14ac:dyDescent="0.3">
      <c r="A77597" s="13" t="s">
        <v>396</v>
      </c>
      <c r="B77597" s="14" t="s">
        <v>1</v>
      </c>
      <c r="C77597" s="14" t="s">
        <v>35</v>
      </c>
      <c r="D77597" s="14" t="s">
        <v>176</v>
      </c>
      <c r="E77597" s="15">
        <v>45593</v>
      </c>
      <c r="F77597" s="14" t="s">
        <v>61</v>
      </c>
      <c r="G77597" s="16">
        <v>0</v>
      </c>
    </row>
    <row r="77598" spans="1:7" x14ac:dyDescent="0.3">
      <c r="A77598" s="13" t="s">
        <v>396</v>
      </c>
      <c r="B77598" s="14" t="s">
        <v>1</v>
      </c>
      <c r="C77598" s="14" t="s">
        <v>35</v>
      </c>
      <c r="D77598" s="14" t="s">
        <v>176</v>
      </c>
      <c r="E77598" s="15">
        <v>45594</v>
      </c>
      <c r="F77598" s="14" t="s">
        <v>61</v>
      </c>
      <c r="G77598" s="16">
        <v>0</v>
      </c>
    </row>
    <row r="77599" spans="1:7" x14ac:dyDescent="0.3">
      <c r="A77599" s="13" t="s">
        <v>396</v>
      </c>
      <c r="B77599" s="14" t="s">
        <v>1</v>
      </c>
      <c r="C77599" s="14" t="s">
        <v>35</v>
      </c>
      <c r="D77599" s="14" t="s">
        <v>176</v>
      </c>
      <c r="E77599" s="15">
        <v>45595</v>
      </c>
      <c r="F77599" s="14" t="s">
        <v>61</v>
      </c>
      <c r="G77599" s="16">
        <v>0</v>
      </c>
    </row>
    <row r="77600" spans="1:7" x14ac:dyDescent="0.3">
      <c r="A77600" s="13" t="s">
        <v>396</v>
      </c>
      <c r="B77600" s="14" t="s">
        <v>1</v>
      </c>
      <c r="C77600" s="14" t="s">
        <v>35</v>
      </c>
      <c r="D77600" s="14" t="s">
        <v>176</v>
      </c>
      <c r="E77600" s="15">
        <v>45596</v>
      </c>
      <c r="F77600" s="14" t="s">
        <v>61</v>
      </c>
      <c r="G77600" s="16">
        <v>0</v>
      </c>
    </row>
    <row r="77601" spans="1:7" x14ac:dyDescent="0.3">
      <c r="A77601" s="13" t="s">
        <v>396</v>
      </c>
      <c r="B77601" s="14" t="s">
        <v>1</v>
      </c>
      <c r="C77601" s="14" t="s">
        <v>35</v>
      </c>
      <c r="D77601" s="14" t="s">
        <v>176</v>
      </c>
      <c r="E77601" s="15">
        <v>45597</v>
      </c>
      <c r="F77601" s="14" t="s">
        <v>61</v>
      </c>
      <c r="G77601" s="16">
        <v>0</v>
      </c>
    </row>
    <row r="77602" spans="1:7" x14ac:dyDescent="0.3">
      <c r="A77602" s="13" t="s">
        <v>396</v>
      </c>
      <c r="B77602" s="14" t="s">
        <v>1</v>
      </c>
      <c r="C77602" s="14" t="s">
        <v>35</v>
      </c>
      <c r="D77602" s="14" t="s">
        <v>176</v>
      </c>
      <c r="E77602" s="15">
        <v>45598</v>
      </c>
      <c r="F77602" s="14" t="s">
        <v>61</v>
      </c>
      <c r="G77602" s="16">
        <v>0</v>
      </c>
    </row>
    <row r="77603" spans="1:7" x14ac:dyDescent="0.3">
      <c r="A77603" s="13" t="s">
        <v>396</v>
      </c>
      <c r="B77603" s="14" t="s">
        <v>1</v>
      </c>
      <c r="C77603" s="14" t="s">
        <v>35</v>
      </c>
      <c r="D77603" s="14" t="s">
        <v>176</v>
      </c>
      <c r="E77603" s="15">
        <v>45599</v>
      </c>
      <c r="F77603" s="14" t="s">
        <v>61</v>
      </c>
      <c r="G77603" s="16">
        <v>0</v>
      </c>
    </row>
    <row r="77604" spans="1:7" x14ac:dyDescent="0.3">
      <c r="A77604" s="13" t="s">
        <v>396</v>
      </c>
      <c r="B77604" s="14" t="s">
        <v>1</v>
      </c>
      <c r="C77604" s="14" t="s">
        <v>35</v>
      </c>
      <c r="D77604" s="14" t="s">
        <v>176</v>
      </c>
      <c r="E77604" s="15">
        <v>45600</v>
      </c>
      <c r="F77604" s="14" t="s">
        <v>61</v>
      </c>
      <c r="G77604" s="16">
        <v>0</v>
      </c>
    </row>
    <row r="77605" spans="1:7" x14ac:dyDescent="0.3">
      <c r="A77605" s="13" t="s">
        <v>396</v>
      </c>
      <c r="B77605" s="14" t="s">
        <v>1</v>
      </c>
      <c r="C77605" s="14" t="s">
        <v>35</v>
      </c>
      <c r="D77605" s="14" t="s">
        <v>176</v>
      </c>
      <c r="E77605" s="15">
        <v>45601</v>
      </c>
      <c r="F77605" s="14" t="s">
        <v>61</v>
      </c>
      <c r="G77605" s="16">
        <v>0</v>
      </c>
    </row>
    <row r="77606" spans="1:7" x14ac:dyDescent="0.3">
      <c r="A77606" s="13" t="s">
        <v>396</v>
      </c>
      <c r="B77606" s="14" t="s">
        <v>1</v>
      </c>
      <c r="C77606" s="14" t="s">
        <v>35</v>
      </c>
      <c r="D77606" s="14" t="s">
        <v>176</v>
      </c>
      <c r="E77606" s="15">
        <v>45602</v>
      </c>
      <c r="F77606" s="14" t="s">
        <v>61</v>
      </c>
      <c r="G77606" s="16">
        <v>0</v>
      </c>
    </row>
    <row r="77607" spans="1:7" x14ac:dyDescent="0.3">
      <c r="A77607" s="13" t="s">
        <v>396</v>
      </c>
      <c r="B77607" s="14" t="s">
        <v>1</v>
      </c>
      <c r="C77607" s="14" t="s">
        <v>35</v>
      </c>
      <c r="D77607" s="14" t="s">
        <v>176</v>
      </c>
      <c r="E77607" s="15">
        <v>45603</v>
      </c>
      <c r="F77607" s="14" t="s">
        <v>61</v>
      </c>
      <c r="G77607" s="16">
        <v>0</v>
      </c>
    </row>
    <row r="77608" spans="1:7" x14ac:dyDescent="0.3">
      <c r="A77608" s="13" t="s">
        <v>396</v>
      </c>
      <c r="B77608" s="14" t="s">
        <v>1</v>
      </c>
      <c r="C77608" s="14" t="s">
        <v>35</v>
      </c>
      <c r="D77608" s="14" t="s">
        <v>176</v>
      </c>
      <c r="E77608" s="15">
        <v>45604</v>
      </c>
      <c r="F77608" s="14" t="s">
        <v>61</v>
      </c>
      <c r="G77608" s="16">
        <v>0</v>
      </c>
    </row>
    <row r="77609" spans="1:7" x14ac:dyDescent="0.3">
      <c r="A77609" s="13" t="s">
        <v>396</v>
      </c>
      <c r="B77609" s="14" t="s">
        <v>1</v>
      </c>
      <c r="C77609" s="14" t="s">
        <v>35</v>
      </c>
      <c r="D77609" s="14" t="s">
        <v>176</v>
      </c>
      <c r="E77609" s="15">
        <v>45605</v>
      </c>
      <c r="F77609" s="14" t="s">
        <v>61</v>
      </c>
      <c r="G77609" s="16">
        <v>0</v>
      </c>
    </row>
    <row r="77610" spans="1:7" x14ac:dyDescent="0.3">
      <c r="A77610" s="13" t="s">
        <v>396</v>
      </c>
      <c r="B77610" s="14" t="s">
        <v>1</v>
      </c>
      <c r="C77610" s="14" t="s">
        <v>35</v>
      </c>
      <c r="D77610" s="14" t="s">
        <v>176</v>
      </c>
      <c r="E77610" s="15">
        <v>45606</v>
      </c>
      <c r="F77610" s="14" t="s">
        <v>61</v>
      </c>
      <c r="G77610" s="16">
        <v>0</v>
      </c>
    </row>
    <row r="77611" spans="1:7" x14ac:dyDescent="0.3">
      <c r="A77611" s="13" t="s">
        <v>396</v>
      </c>
      <c r="B77611" s="14" t="s">
        <v>1</v>
      </c>
      <c r="C77611" s="14" t="s">
        <v>35</v>
      </c>
      <c r="D77611" s="14" t="s">
        <v>176</v>
      </c>
      <c r="E77611" s="15">
        <v>45607</v>
      </c>
      <c r="F77611" s="14" t="s">
        <v>61</v>
      </c>
      <c r="G77611" s="16">
        <v>0</v>
      </c>
    </row>
    <row r="77612" spans="1:7" x14ac:dyDescent="0.3">
      <c r="A77612" s="13" t="s">
        <v>396</v>
      </c>
      <c r="B77612" s="14" t="s">
        <v>1</v>
      </c>
      <c r="C77612" s="14" t="s">
        <v>35</v>
      </c>
      <c r="D77612" s="14" t="s">
        <v>176</v>
      </c>
      <c r="E77612" s="15">
        <v>45608</v>
      </c>
      <c r="F77612" s="14" t="s">
        <v>61</v>
      </c>
      <c r="G77612" s="16">
        <v>0</v>
      </c>
    </row>
    <row r="77613" spans="1:7" x14ac:dyDescent="0.3">
      <c r="A77613" s="13" t="s">
        <v>396</v>
      </c>
      <c r="B77613" s="14" t="s">
        <v>1</v>
      </c>
      <c r="C77613" s="14" t="s">
        <v>35</v>
      </c>
      <c r="D77613" s="14" t="s">
        <v>176</v>
      </c>
      <c r="E77613" s="15">
        <v>45609</v>
      </c>
      <c r="F77613" s="14" t="s">
        <v>61</v>
      </c>
      <c r="G77613" s="16">
        <v>0</v>
      </c>
    </row>
    <row r="77614" spans="1:7" x14ac:dyDescent="0.3">
      <c r="A77614" s="13" t="s">
        <v>396</v>
      </c>
      <c r="B77614" s="14" t="s">
        <v>1</v>
      </c>
      <c r="C77614" s="14" t="s">
        <v>35</v>
      </c>
      <c r="D77614" s="14" t="s">
        <v>176</v>
      </c>
      <c r="E77614" s="15">
        <v>45610</v>
      </c>
      <c r="F77614" s="14" t="s">
        <v>61</v>
      </c>
      <c r="G77614" s="16">
        <v>0</v>
      </c>
    </row>
    <row r="77615" spans="1:7" x14ac:dyDescent="0.3">
      <c r="A77615" s="13" t="s">
        <v>396</v>
      </c>
      <c r="B77615" s="14" t="s">
        <v>1</v>
      </c>
      <c r="C77615" s="14" t="s">
        <v>35</v>
      </c>
      <c r="D77615" s="14" t="s">
        <v>176</v>
      </c>
      <c r="E77615" s="15">
        <v>45611</v>
      </c>
      <c r="F77615" s="14" t="s">
        <v>61</v>
      </c>
      <c r="G77615" s="16">
        <v>0</v>
      </c>
    </row>
    <row r="77616" spans="1:7" x14ac:dyDescent="0.3">
      <c r="A77616" s="13" t="s">
        <v>396</v>
      </c>
      <c r="B77616" s="14" t="s">
        <v>1</v>
      </c>
      <c r="C77616" s="14" t="s">
        <v>35</v>
      </c>
      <c r="D77616" s="14" t="s">
        <v>176</v>
      </c>
      <c r="E77616" s="15">
        <v>45612</v>
      </c>
      <c r="F77616" s="14" t="s">
        <v>61</v>
      </c>
      <c r="G77616" s="16">
        <v>0</v>
      </c>
    </row>
    <row r="77617" spans="1:7" x14ac:dyDescent="0.3">
      <c r="A77617" s="13" t="s">
        <v>396</v>
      </c>
      <c r="B77617" s="14" t="s">
        <v>1</v>
      </c>
      <c r="C77617" s="14" t="s">
        <v>35</v>
      </c>
      <c r="D77617" s="14" t="s">
        <v>176</v>
      </c>
      <c r="E77617" s="15">
        <v>45613</v>
      </c>
      <c r="F77617" s="14" t="s">
        <v>61</v>
      </c>
      <c r="G77617" s="16">
        <v>0</v>
      </c>
    </row>
    <row r="77618" spans="1:7" x14ac:dyDescent="0.3">
      <c r="A77618" s="13" t="s">
        <v>396</v>
      </c>
      <c r="B77618" s="14" t="s">
        <v>1</v>
      </c>
      <c r="C77618" s="14" t="s">
        <v>35</v>
      </c>
      <c r="D77618" s="14" t="s">
        <v>176</v>
      </c>
      <c r="E77618" s="15">
        <v>45614</v>
      </c>
      <c r="F77618" s="14" t="s">
        <v>61</v>
      </c>
      <c r="G77618" s="16">
        <v>0</v>
      </c>
    </row>
    <row r="77619" spans="1:7" x14ac:dyDescent="0.3">
      <c r="A77619" s="13" t="s">
        <v>396</v>
      </c>
      <c r="B77619" s="14" t="s">
        <v>1</v>
      </c>
      <c r="C77619" s="14" t="s">
        <v>35</v>
      </c>
      <c r="D77619" s="14" t="s">
        <v>176</v>
      </c>
      <c r="E77619" s="15">
        <v>45615</v>
      </c>
      <c r="F77619" s="14" t="s">
        <v>61</v>
      </c>
      <c r="G77619" s="16">
        <v>0</v>
      </c>
    </row>
    <row r="77620" spans="1:7" x14ac:dyDescent="0.3">
      <c r="A77620" s="13" t="s">
        <v>396</v>
      </c>
      <c r="B77620" s="14" t="s">
        <v>1</v>
      </c>
      <c r="C77620" s="14" t="s">
        <v>35</v>
      </c>
      <c r="D77620" s="14" t="s">
        <v>176</v>
      </c>
      <c r="E77620" s="15">
        <v>45616</v>
      </c>
      <c r="F77620" s="14" t="s">
        <v>61</v>
      </c>
      <c r="G77620" s="16">
        <v>0</v>
      </c>
    </row>
    <row r="77621" spans="1:7" x14ac:dyDescent="0.3">
      <c r="A77621" s="13" t="s">
        <v>396</v>
      </c>
      <c r="B77621" s="14" t="s">
        <v>1</v>
      </c>
      <c r="C77621" s="14" t="s">
        <v>35</v>
      </c>
      <c r="D77621" s="14" t="s">
        <v>176</v>
      </c>
      <c r="E77621" s="15">
        <v>45617</v>
      </c>
      <c r="F77621" s="14" t="s">
        <v>61</v>
      </c>
      <c r="G77621" s="16">
        <v>0</v>
      </c>
    </row>
    <row r="77622" spans="1:7" x14ac:dyDescent="0.3">
      <c r="A77622" s="13" t="s">
        <v>396</v>
      </c>
      <c r="B77622" s="14" t="s">
        <v>1</v>
      </c>
      <c r="C77622" s="14" t="s">
        <v>35</v>
      </c>
      <c r="D77622" s="14" t="s">
        <v>176</v>
      </c>
      <c r="E77622" s="15">
        <v>45618</v>
      </c>
      <c r="F77622" s="14" t="s">
        <v>61</v>
      </c>
      <c r="G77622" s="16">
        <v>0</v>
      </c>
    </row>
    <row r="77623" spans="1:7" x14ac:dyDescent="0.3">
      <c r="A77623" s="13" t="s">
        <v>396</v>
      </c>
      <c r="B77623" s="14" t="s">
        <v>1</v>
      </c>
      <c r="C77623" s="14" t="s">
        <v>35</v>
      </c>
      <c r="D77623" s="14" t="s">
        <v>176</v>
      </c>
      <c r="E77623" s="15">
        <v>45619</v>
      </c>
      <c r="F77623" s="14" t="s">
        <v>61</v>
      </c>
      <c r="G77623" s="16">
        <v>0</v>
      </c>
    </row>
    <row r="77624" spans="1:7" x14ac:dyDescent="0.3">
      <c r="A77624" s="13" t="s">
        <v>396</v>
      </c>
      <c r="B77624" s="14" t="s">
        <v>1</v>
      </c>
      <c r="C77624" s="14" t="s">
        <v>35</v>
      </c>
      <c r="D77624" s="14" t="s">
        <v>176</v>
      </c>
      <c r="E77624" s="15">
        <v>45620</v>
      </c>
      <c r="F77624" s="14" t="s">
        <v>61</v>
      </c>
      <c r="G77624" s="16">
        <v>0</v>
      </c>
    </row>
    <row r="77625" spans="1:7" x14ac:dyDescent="0.3">
      <c r="A77625" s="13" t="s">
        <v>396</v>
      </c>
      <c r="B77625" s="14" t="s">
        <v>1</v>
      </c>
      <c r="C77625" s="14" t="s">
        <v>35</v>
      </c>
      <c r="D77625" s="14" t="s">
        <v>176</v>
      </c>
      <c r="E77625" s="15">
        <v>45621</v>
      </c>
      <c r="F77625" s="14" t="s">
        <v>61</v>
      </c>
      <c r="G77625" s="16">
        <v>0</v>
      </c>
    </row>
    <row r="77626" spans="1:7" x14ac:dyDescent="0.3">
      <c r="A77626" s="13" t="s">
        <v>396</v>
      </c>
      <c r="B77626" s="14" t="s">
        <v>1</v>
      </c>
      <c r="C77626" s="14" t="s">
        <v>35</v>
      </c>
      <c r="D77626" s="14" t="s">
        <v>176</v>
      </c>
      <c r="E77626" s="15">
        <v>45622</v>
      </c>
      <c r="F77626" s="14" t="s">
        <v>61</v>
      </c>
      <c r="G77626" s="16">
        <v>0</v>
      </c>
    </row>
    <row r="77627" spans="1:7" x14ac:dyDescent="0.3">
      <c r="A77627" s="13" t="s">
        <v>396</v>
      </c>
      <c r="B77627" s="14" t="s">
        <v>1</v>
      </c>
      <c r="C77627" s="14" t="s">
        <v>35</v>
      </c>
      <c r="D77627" s="14" t="s">
        <v>176</v>
      </c>
      <c r="E77627" s="15">
        <v>45623</v>
      </c>
      <c r="F77627" s="14" t="s">
        <v>61</v>
      </c>
      <c r="G77627" s="16">
        <v>0</v>
      </c>
    </row>
    <row r="77628" spans="1:7" x14ac:dyDescent="0.3">
      <c r="A77628" s="13" t="s">
        <v>396</v>
      </c>
      <c r="B77628" s="14" t="s">
        <v>1</v>
      </c>
      <c r="C77628" s="14" t="s">
        <v>35</v>
      </c>
      <c r="D77628" s="14" t="s">
        <v>176</v>
      </c>
      <c r="E77628" s="15">
        <v>45624</v>
      </c>
      <c r="F77628" s="14" t="s">
        <v>61</v>
      </c>
      <c r="G77628" s="16">
        <v>0</v>
      </c>
    </row>
    <row r="77629" spans="1:7" x14ac:dyDescent="0.3">
      <c r="A77629" s="13" t="s">
        <v>396</v>
      </c>
      <c r="B77629" s="14" t="s">
        <v>1</v>
      </c>
      <c r="C77629" s="14" t="s">
        <v>35</v>
      </c>
      <c r="D77629" s="14" t="s">
        <v>176</v>
      </c>
      <c r="E77629" s="15">
        <v>45625</v>
      </c>
      <c r="F77629" s="14" t="s">
        <v>61</v>
      </c>
      <c r="G77629" s="16">
        <v>0</v>
      </c>
    </row>
    <row r="77630" spans="1:7" x14ac:dyDescent="0.3">
      <c r="A77630" s="13" t="s">
        <v>396</v>
      </c>
      <c r="B77630" s="14" t="s">
        <v>1</v>
      </c>
      <c r="C77630" s="14" t="s">
        <v>35</v>
      </c>
      <c r="D77630" s="14" t="s">
        <v>176</v>
      </c>
      <c r="E77630" s="15">
        <v>45626</v>
      </c>
      <c r="F77630" s="14" t="s">
        <v>61</v>
      </c>
      <c r="G77630" s="16">
        <v>0</v>
      </c>
    </row>
    <row r="77631" spans="1:7" x14ac:dyDescent="0.3">
      <c r="A77631" s="13" t="s">
        <v>396</v>
      </c>
      <c r="B77631" s="14" t="s">
        <v>1</v>
      </c>
      <c r="C77631" s="14" t="s">
        <v>35</v>
      </c>
      <c r="D77631" s="14" t="s">
        <v>176</v>
      </c>
      <c r="E77631" s="15">
        <v>45627</v>
      </c>
      <c r="F77631" s="14" t="s">
        <v>61</v>
      </c>
      <c r="G77631" s="16">
        <v>0</v>
      </c>
    </row>
    <row r="77632" spans="1:7" x14ac:dyDescent="0.3">
      <c r="A77632" s="13" t="s">
        <v>396</v>
      </c>
      <c r="B77632" s="14" t="s">
        <v>1</v>
      </c>
      <c r="C77632" s="14" t="s">
        <v>35</v>
      </c>
      <c r="D77632" s="14" t="s">
        <v>176</v>
      </c>
      <c r="E77632" s="15">
        <v>45628</v>
      </c>
      <c r="F77632" s="14" t="s">
        <v>61</v>
      </c>
      <c r="G77632" s="16">
        <v>0</v>
      </c>
    </row>
    <row r="77633" spans="1:7" x14ac:dyDescent="0.3">
      <c r="A77633" s="13" t="s">
        <v>396</v>
      </c>
      <c r="B77633" s="14" t="s">
        <v>1</v>
      </c>
      <c r="C77633" s="14" t="s">
        <v>35</v>
      </c>
      <c r="D77633" s="14" t="s">
        <v>176</v>
      </c>
      <c r="E77633" s="15">
        <v>45629</v>
      </c>
      <c r="F77633" s="14" t="s">
        <v>61</v>
      </c>
      <c r="G77633" s="16">
        <v>0</v>
      </c>
    </row>
    <row r="77634" spans="1:7" x14ac:dyDescent="0.3">
      <c r="A77634" s="13" t="s">
        <v>396</v>
      </c>
      <c r="B77634" s="14" t="s">
        <v>1</v>
      </c>
      <c r="C77634" s="14" t="s">
        <v>35</v>
      </c>
      <c r="D77634" s="14" t="s">
        <v>176</v>
      </c>
      <c r="E77634" s="15">
        <v>45630</v>
      </c>
      <c r="F77634" s="14" t="s">
        <v>61</v>
      </c>
      <c r="G77634" s="16">
        <v>0</v>
      </c>
    </row>
    <row r="77635" spans="1:7" x14ac:dyDescent="0.3">
      <c r="A77635" s="13" t="s">
        <v>396</v>
      </c>
      <c r="B77635" s="14" t="s">
        <v>1</v>
      </c>
      <c r="C77635" s="14" t="s">
        <v>35</v>
      </c>
      <c r="D77635" s="14" t="s">
        <v>176</v>
      </c>
      <c r="E77635" s="15">
        <v>45631</v>
      </c>
      <c r="F77635" s="14" t="s">
        <v>61</v>
      </c>
      <c r="G77635" s="16">
        <v>0</v>
      </c>
    </row>
    <row r="77636" spans="1:7" x14ac:dyDescent="0.3">
      <c r="A77636" s="13" t="s">
        <v>396</v>
      </c>
      <c r="B77636" s="14" t="s">
        <v>1</v>
      </c>
      <c r="C77636" s="14" t="s">
        <v>35</v>
      </c>
      <c r="D77636" s="14" t="s">
        <v>176</v>
      </c>
      <c r="E77636" s="15">
        <v>45632</v>
      </c>
      <c r="F77636" s="14" t="s">
        <v>61</v>
      </c>
      <c r="G77636" s="16">
        <v>0</v>
      </c>
    </row>
    <row r="77637" spans="1:7" x14ac:dyDescent="0.3">
      <c r="A77637" s="13" t="s">
        <v>396</v>
      </c>
      <c r="B77637" s="14" t="s">
        <v>1</v>
      </c>
      <c r="C77637" s="14" t="s">
        <v>35</v>
      </c>
      <c r="D77637" s="14" t="s">
        <v>176</v>
      </c>
      <c r="E77637" s="15">
        <v>45633</v>
      </c>
      <c r="F77637" s="14" t="s">
        <v>61</v>
      </c>
      <c r="G77637" s="16">
        <v>0</v>
      </c>
    </row>
    <row r="77638" spans="1:7" x14ac:dyDescent="0.3">
      <c r="A77638" s="13" t="s">
        <v>396</v>
      </c>
      <c r="B77638" s="14" t="s">
        <v>1</v>
      </c>
      <c r="C77638" s="14" t="s">
        <v>35</v>
      </c>
      <c r="D77638" s="14" t="s">
        <v>176</v>
      </c>
      <c r="E77638" s="15">
        <v>45634</v>
      </c>
      <c r="F77638" s="14" t="s">
        <v>61</v>
      </c>
      <c r="G77638" s="16">
        <v>0</v>
      </c>
    </row>
    <row r="77639" spans="1:7" x14ac:dyDescent="0.3">
      <c r="A77639" s="13" t="s">
        <v>396</v>
      </c>
      <c r="B77639" s="14" t="s">
        <v>1</v>
      </c>
      <c r="C77639" s="14" t="s">
        <v>35</v>
      </c>
      <c r="D77639" s="14" t="s">
        <v>176</v>
      </c>
      <c r="E77639" s="15">
        <v>45635</v>
      </c>
      <c r="F77639" s="14" t="s">
        <v>61</v>
      </c>
      <c r="G77639" s="16">
        <v>0</v>
      </c>
    </row>
    <row r="77640" spans="1:7" x14ac:dyDescent="0.3">
      <c r="A77640" s="13" t="s">
        <v>396</v>
      </c>
      <c r="B77640" s="14" t="s">
        <v>1</v>
      </c>
      <c r="C77640" s="14" t="s">
        <v>35</v>
      </c>
      <c r="D77640" s="14" t="s">
        <v>176</v>
      </c>
      <c r="E77640" s="15">
        <v>45636</v>
      </c>
      <c r="F77640" s="14" t="s">
        <v>61</v>
      </c>
      <c r="G77640" s="16">
        <v>0</v>
      </c>
    </row>
    <row r="77641" spans="1:7" x14ac:dyDescent="0.3">
      <c r="A77641" s="13" t="s">
        <v>396</v>
      </c>
      <c r="B77641" s="14" t="s">
        <v>1</v>
      </c>
      <c r="C77641" s="14" t="s">
        <v>35</v>
      </c>
      <c r="D77641" s="14" t="s">
        <v>176</v>
      </c>
      <c r="E77641" s="15">
        <v>45637</v>
      </c>
      <c r="F77641" s="14" t="s">
        <v>61</v>
      </c>
      <c r="G77641" s="16">
        <v>0</v>
      </c>
    </row>
    <row r="77642" spans="1:7" x14ac:dyDescent="0.3">
      <c r="A77642" s="13" t="s">
        <v>396</v>
      </c>
      <c r="B77642" s="14" t="s">
        <v>1</v>
      </c>
      <c r="C77642" s="14" t="s">
        <v>35</v>
      </c>
      <c r="D77642" s="14" t="s">
        <v>176</v>
      </c>
      <c r="E77642" s="15">
        <v>45638</v>
      </c>
      <c r="F77642" s="14" t="s">
        <v>61</v>
      </c>
      <c r="G77642" s="16">
        <v>0</v>
      </c>
    </row>
    <row r="77643" spans="1:7" x14ac:dyDescent="0.3">
      <c r="A77643" s="13" t="s">
        <v>396</v>
      </c>
      <c r="B77643" s="14" t="s">
        <v>1</v>
      </c>
      <c r="C77643" s="14" t="s">
        <v>35</v>
      </c>
      <c r="D77643" s="14" t="s">
        <v>176</v>
      </c>
      <c r="E77643" s="15">
        <v>45639</v>
      </c>
      <c r="F77643" s="14" t="s">
        <v>61</v>
      </c>
      <c r="G77643" s="16">
        <v>0</v>
      </c>
    </row>
    <row r="77644" spans="1:7" x14ac:dyDescent="0.3">
      <c r="A77644" s="13" t="s">
        <v>396</v>
      </c>
      <c r="B77644" s="14" t="s">
        <v>1</v>
      </c>
      <c r="C77644" s="14" t="s">
        <v>35</v>
      </c>
      <c r="D77644" s="14" t="s">
        <v>176</v>
      </c>
      <c r="E77644" s="15">
        <v>45640</v>
      </c>
      <c r="F77644" s="14" t="s">
        <v>61</v>
      </c>
      <c r="G77644" s="16">
        <v>0</v>
      </c>
    </row>
    <row r="77645" spans="1:7" x14ac:dyDescent="0.3">
      <c r="A77645" s="13" t="s">
        <v>396</v>
      </c>
      <c r="B77645" s="14" t="s">
        <v>1</v>
      </c>
      <c r="C77645" s="14" t="s">
        <v>35</v>
      </c>
      <c r="D77645" s="14" t="s">
        <v>176</v>
      </c>
      <c r="E77645" s="15">
        <v>45641</v>
      </c>
      <c r="F77645" s="14" t="s">
        <v>61</v>
      </c>
      <c r="G77645" s="16">
        <v>0</v>
      </c>
    </row>
    <row r="77646" spans="1:7" x14ac:dyDescent="0.3">
      <c r="A77646" s="13" t="s">
        <v>396</v>
      </c>
      <c r="B77646" s="14" t="s">
        <v>1</v>
      </c>
      <c r="C77646" s="14" t="s">
        <v>35</v>
      </c>
      <c r="D77646" s="14" t="s">
        <v>176</v>
      </c>
      <c r="E77646" s="15">
        <v>45642</v>
      </c>
      <c r="F77646" s="14" t="s">
        <v>61</v>
      </c>
      <c r="G77646" s="16">
        <v>0</v>
      </c>
    </row>
    <row r="77647" spans="1:7" x14ac:dyDescent="0.3">
      <c r="A77647" s="13" t="s">
        <v>396</v>
      </c>
      <c r="B77647" s="14" t="s">
        <v>1</v>
      </c>
      <c r="C77647" s="14" t="s">
        <v>35</v>
      </c>
      <c r="D77647" s="14" t="s">
        <v>176</v>
      </c>
      <c r="E77647" s="15">
        <v>45643</v>
      </c>
      <c r="F77647" s="14" t="s">
        <v>61</v>
      </c>
      <c r="G77647" s="16">
        <v>0</v>
      </c>
    </row>
    <row r="77648" spans="1:7" x14ac:dyDescent="0.3">
      <c r="A77648" s="13" t="s">
        <v>396</v>
      </c>
      <c r="B77648" s="14" t="s">
        <v>1</v>
      </c>
      <c r="C77648" s="14" t="s">
        <v>35</v>
      </c>
      <c r="D77648" s="14" t="s">
        <v>176</v>
      </c>
      <c r="E77648" s="15">
        <v>45644</v>
      </c>
      <c r="F77648" s="14" t="s">
        <v>61</v>
      </c>
      <c r="G77648" s="16">
        <v>0</v>
      </c>
    </row>
    <row r="77649" spans="1:7" x14ac:dyDescent="0.3">
      <c r="A77649" s="13" t="s">
        <v>396</v>
      </c>
      <c r="B77649" s="14" t="s">
        <v>1</v>
      </c>
      <c r="C77649" s="14" t="s">
        <v>35</v>
      </c>
      <c r="D77649" s="14" t="s">
        <v>176</v>
      </c>
      <c r="E77649" s="15">
        <v>45645</v>
      </c>
      <c r="F77649" s="14" t="s">
        <v>61</v>
      </c>
      <c r="G77649" s="16">
        <v>0</v>
      </c>
    </row>
    <row r="77650" spans="1:7" x14ac:dyDescent="0.3">
      <c r="A77650" s="13" t="s">
        <v>396</v>
      </c>
      <c r="B77650" s="14" t="s">
        <v>1</v>
      </c>
      <c r="C77650" s="14" t="s">
        <v>35</v>
      </c>
      <c r="D77650" s="14" t="s">
        <v>176</v>
      </c>
      <c r="E77650" s="15">
        <v>45646</v>
      </c>
      <c r="F77650" s="14" t="s">
        <v>61</v>
      </c>
      <c r="G77650" s="16">
        <v>0</v>
      </c>
    </row>
    <row r="77651" spans="1:7" x14ac:dyDescent="0.3">
      <c r="A77651" s="13" t="s">
        <v>396</v>
      </c>
      <c r="B77651" s="14" t="s">
        <v>1</v>
      </c>
      <c r="C77651" s="14" t="s">
        <v>35</v>
      </c>
      <c r="D77651" s="14" t="s">
        <v>176</v>
      </c>
      <c r="E77651" s="15">
        <v>45647</v>
      </c>
      <c r="F77651" s="14" t="s">
        <v>61</v>
      </c>
      <c r="G77651" s="16">
        <v>0</v>
      </c>
    </row>
    <row r="77652" spans="1:7" x14ac:dyDescent="0.3">
      <c r="A77652" s="13" t="s">
        <v>396</v>
      </c>
      <c r="B77652" s="14" t="s">
        <v>1</v>
      </c>
      <c r="C77652" s="14" t="s">
        <v>35</v>
      </c>
      <c r="D77652" s="14" t="s">
        <v>176</v>
      </c>
      <c r="E77652" s="15">
        <v>45648</v>
      </c>
      <c r="F77652" s="14" t="s">
        <v>61</v>
      </c>
      <c r="G77652" s="16">
        <v>0</v>
      </c>
    </row>
    <row r="77653" spans="1:7" x14ac:dyDescent="0.3">
      <c r="A77653" s="13" t="s">
        <v>396</v>
      </c>
      <c r="B77653" s="14" t="s">
        <v>1</v>
      </c>
      <c r="C77653" s="14" t="s">
        <v>35</v>
      </c>
      <c r="D77653" s="14" t="s">
        <v>176</v>
      </c>
      <c r="E77653" s="15">
        <v>45649</v>
      </c>
      <c r="F77653" s="14" t="s">
        <v>61</v>
      </c>
      <c r="G77653" s="16">
        <v>0</v>
      </c>
    </row>
    <row r="77654" spans="1:7" x14ac:dyDescent="0.3">
      <c r="A77654" s="13" t="s">
        <v>396</v>
      </c>
      <c r="B77654" s="14" t="s">
        <v>1</v>
      </c>
      <c r="C77654" s="14" t="s">
        <v>35</v>
      </c>
      <c r="D77654" s="14" t="s">
        <v>176</v>
      </c>
      <c r="E77654" s="15">
        <v>45650</v>
      </c>
      <c r="F77654" s="14" t="s">
        <v>61</v>
      </c>
      <c r="G77654" s="16">
        <v>0</v>
      </c>
    </row>
    <row r="77655" spans="1:7" x14ac:dyDescent="0.3">
      <c r="A77655" s="13" t="s">
        <v>396</v>
      </c>
      <c r="B77655" s="14" t="s">
        <v>1</v>
      </c>
      <c r="C77655" s="14" t="s">
        <v>35</v>
      </c>
      <c r="D77655" s="14" t="s">
        <v>176</v>
      </c>
      <c r="E77655" s="15">
        <v>45651</v>
      </c>
      <c r="F77655" s="14" t="s">
        <v>61</v>
      </c>
      <c r="G77655" s="16">
        <v>0</v>
      </c>
    </row>
    <row r="77656" spans="1:7" x14ac:dyDescent="0.3">
      <c r="A77656" s="13" t="s">
        <v>396</v>
      </c>
      <c r="B77656" s="14" t="s">
        <v>1</v>
      </c>
      <c r="C77656" s="14" t="s">
        <v>35</v>
      </c>
      <c r="D77656" s="14" t="s">
        <v>176</v>
      </c>
      <c r="E77656" s="15">
        <v>45652</v>
      </c>
      <c r="F77656" s="14" t="s">
        <v>61</v>
      </c>
      <c r="G77656" s="16">
        <v>0</v>
      </c>
    </row>
    <row r="77657" spans="1:7" x14ac:dyDescent="0.3">
      <c r="A77657" s="13" t="s">
        <v>396</v>
      </c>
      <c r="B77657" s="14" t="s">
        <v>1</v>
      </c>
      <c r="C77657" s="14" t="s">
        <v>35</v>
      </c>
      <c r="D77657" s="14" t="s">
        <v>176</v>
      </c>
      <c r="E77657" s="15">
        <v>45653</v>
      </c>
      <c r="F77657" s="14" t="s">
        <v>61</v>
      </c>
      <c r="G77657" s="16">
        <v>0</v>
      </c>
    </row>
    <row r="77658" spans="1:7" x14ac:dyDescent="0.3">
      <c r="A77658" s="13" t="s">
        <v>396</v>
      </c>
      <c r="B77658" s="14" t="s">
        <v>1</v>
      </c>
      <c r="C77658" s="14" t="s">
        <v>35</v>
      </c>
      <c r="D77658" s="14" t="s">
        <v>176</v>
      </c>
      <c r="E77658" s="15">
        <v>45654</v>
      </c>
      <c r="F77658" s="14" t="s">
        <v>61</v>
      </c>
      <c r="G77658" s="16">
        <v>0</v>
      </c>
    </row>
    <row r="77659" spans="1:7" x14ac:dyDescent="0.3">
      <c r="A77659" s="13" t="s">
        <v>396</v>
      </c>
      <c r="B77659" s="14" t="s">
        <v>1</v>
      </c>
      <c r="C77659" s="14" t="s">
        <v>35</v>
      </c>
      <c r="D77659" s="14" t="s">
        <v>176</v>
      </c>
      <c r="E77659" s="15">
        <v>45655</v>
      </c>
      <c r="F77659" s="14" t="s">
        <v>61</v>
      </c>
      <c r="G77659" s="16">
        <v>0</v>
      </c>
    </row>
    <row r="77660" spans="1:7" x14ac:dyDescent="0.3">
      <c r="A77660" s="13" t="s">
        <v>396</v>
      </c>
      <c r="B77660" s="14" t="s">
        <v>1</v>
      </c>
      <c r="C77660" s="14" t="s">
        <v>35</v>
      </c>
      <c r="D77660" s="14" t="s">
        <v>176</v>
      </c>
      <c r="E77660" s="15">
        <v>45656</v>
      </c>
      <c r="F77660" s="14" t="s">
        <v>61</v>
      </c>
      <c r="G77660" s="16">
        <v>0</v>
      </c>
    </row>
    <row r="77661" spans="1:7" x14ac:dyDescent="0.3">
      <c r="A77661" s="13" t="s">
        <v>396</v>
      </c>
      <c r="B77661" s="14" t="s">
        <v>1</v>
      </c>
      <c r="C77661" s="14" t="s">
        <v>35</v>
      </c>
      <c r="D77661" s="14" t="s">
        <v>176</v>
      </c>
      <c r="E77661" s="15">
        <v>45657</v>
      </c>
      <c r="F77661" s="14" t="s">
        <v>61</v>
      </c>
      <c r="G77661" s="16">
        <v>0</v>
      </c>
    </row>
    <row r="77662" spans="1:7" x14ac:dyDescent="0.3">
      <c r="A77662" s="13" t="s">
        <v>396</v>
      </c>
      <c r="B77662" s="14" t="s">
        <v>1</v>
      </c>
      <c r="C77662" s="14" t="s">
        <v>35</v>
      </c>
      <c r="D77662" s="14" t="s">
        <v>176</v>
      </c>
      <c r="E77662" s="15">
        <v>45658</v>
      </c>
      <c r="F77662" s="14" t="s">
        <v>61</v>
      </c>
      <c r="G77662" s="16">
        <v>0</v>
      </c>
    </row>
    <row r="77663" spans="1:7" x14ac:dyDescent="0.3">
      <c r="A77663" s="13" t="s">
        <v>396</v>
      </c>
      <c r="B77663" s="14" t="s">
        <v>1</v>
      </c>
      <c r="C77663" s="14" t="s">
        <v>35</v>
      </c>
      <c r="D77663" s="14" t="s">
        <v>176</v>
      </c>
      <c r="E77663" s="15">
        <v>45659</v>
      </c>
      <c r="F77663" s="14" t="s">
        <v>61</v>
      </c>
      <c r="G77663" s="16">
        <v>0</v>
      </c>
    </row>
    <row r="77664" spans="1:7" x14ac:dyDescent="0.3">
      <c r="A77664" s="13" t="s">
        <v>396</v>
      </c>
      <c r="B77664" s="14" t="s">
        <v>1</v>
      </c>
      <c r="C77664" s="14" t="s">
        <v>35</v>
      </c>
      <c r="D77664" s="14" t="s">
        <v>176</v>
      </c>
      <c r="E77664" s="15">
        <v>45660</v>
      </c>
      <c r="F77664" s="14" t="s">
        <v>61</v>
      </c>
      <c r="G77664" s="16">
        <v>0</v>
      </c>
    </row>
    <row r="77665" spans="1:7" x14ac:dyDescent="0.3">
      <c r="A77665" s="13" t="s">
        <v>396</v>
      </c>
      <c r="B77665" s="14" t="s">
        <v>1</v>
      </c>
      <c r="C77665" s="14" t="s">
        <v>35</v>
      </c>
      <c r="D77665" s="14" t="s">
        <v>176</v>
      </c>
      <c r="E77665" s="15">
        <v>45661</v>
      </c>
      <c r="F77665" s="14" t="s">
        <v>61</v>
      </c>
      <c r="G77665" s="16">
        <v>0</v>
      </c>
    </row>
    <row r="77666" spans="1:7" x14ac:dyDescent="0.3">
      <c r="A77666" s="13" t="s">
        <v>396</v>
      </c>
      <c r="B77666" s="14" t="s">
        <v>1</v>
      </c>
      <c r="C77666" s="14" t="s">
        <v>35</v>
      </c>
      <c r="D77666" s="14" t="s">
        <v>176</v>
      </c>
      <c r="E77666" s="15">
        <v>45662</v>
      </c>
      <c r="F77666" s="14" t="s">
        <v>61</v>
      </c>
      <c r="G77666" s="16">
        <v>0</v>
      </c>
    </row>
    <row r="77667" spans="1:7" x14ac:dyDescent="0.3">
      <c r="A77667" s="13" t="s">
        <v>396</v>
      </c>
      <c r="B77667" s="14" t="s">
        <v>1</v>
      </c>
      <c r="C77667" s="14" t="s">
        <v>35</v>
      </c>
      <c r="D77667" s="14" t="s">
        <v>176</v>
      </c>
      <c r="E77667" s="15">
        <v>45663</v>
      </c>
      <c r="F77667" s="14" t="s">
        <v>61</v>
      </c>
      <c r="G77667" s="16">
        <v>0</v>
      </c>
    </row>
    <row r="77668" spans="1:7" x14ac:dyDescent="0.3">
      <c r="A77668" s="13" t="s">
        <v>396</v>
      </c>
      <c r="B77668" s="14" t="s">
        <v>1</v>
      </c>
      <c r="C77668" s="14" t="s">
        <v>35</v>
      </c>
      <c r="D77668" s="14" t="s">
        <v>176</v>
      </c>
      <c r="E77668" s="15">
        <v>45664</v>
      </c>
      <c r="F77668" s="14" t="s">
        <v>61</v>
      </c>
      <c r="G77668" s="16">
        <v>0</v>
      </c>
    </row>
    <row r="77669" spans="1:7" x14ac:dyDescent="0.3">
      <c r="A77669" s="13" t="s">
        <v>396</v>
      </c>
      <c r="B77669" s="14" t="s">
        <v>1</v>
      </c>
      <c r="C77669" s="14" t="s">
        <v>35</v>
      </c>
      <c r="D77669" s="14" t="s">
        <v>176</v>
      </c>
      <c r="E77669" s="15">
        <v>45665</v>
      </c>
      <c r="F77669" s="14" t="s">
        <v>61</v>
      </c>
      <c r="G77669" s="16">
        <v>0</v>
      </c>
    </row>
    <row r="77670" spans="1:7" x14ac:dyDescent="0.3">
      <c r="A77670" s="13" t="s">
        <v>396</v>
      </c>
      <c r="B77670" s="14" t="s">
        <v>1</v>
      </c>
      <c r="C77670" s="14" t="s">
        <v>35</v>
      </c>
      <c r="D77670" s="14" t="s">
        <v>176</v>
      </c>
      <c r="E77670" s="15">
        <v>45666</v>
      </c>
      <c r="F77670" s="14" t="s">
        <v>61</v>
      </c>
      <c r="G77670" s="16">
        <v>0</v>
      </c>
    </row>
    <row r="77671" spans="1:7" x14ac:dyDescent="0.3">
      <c r="A77671" s="13" t="s">
        <v>396</v>
      </c>
      <c r="B77671" s="14" t="s">
        <v>1</v>
      </c>
      <c r="C77671" s="14" t="s">
        <v>35</v>
      </c>
      <c r="D77671" s="14" t="s">
        <v>176</v>
      </c>
      <c r="E77671" s="15">
        <v>45667</v>
      </c>
      <c r="F77671" s="14" t="s">
        <v>61</v>
      </c>
      <c r="G77671" s="16">
        <v>0</v>
      </c>
    </row>
    <row r="77672" spans="1:7" x14ac:dyDescent="0.3">
      <c r="A77672" s="13" t="s">
        <v>396</v>
      </c>
      <c r="B77672" s="14" t="s">
        <v>1</v>
      </c>
      <c r="C77672" s="14" t="s">
        <v>35</v>
      </c>
      <c r="D77672" s="14" t="s">
        <v>176</v>
      </c>
      <c r="E77672" s="15">
        <v>45668</v>
      </c>
      <c r="F77672" s="14" t="s">
        <v>61</v>
      </c>
      <c r="G77672" s="16">
        <v>0</v>
      </c>
    </row>
    <row r="77673" spans="1:7" x14ac:dyDescent="0.3">
      <c r="A77673" s="13" t="s">
        <v>396</v>
      </c>
      <c r="B77673" s="14" t="s">
        <v>1</v>
      </c>
      <c r="C77673" s="14" t="s">
        <v>35</v>
      </c>
      <c r="D77673" s="14" t="s">
        <v>176</v>
      </c>
      <c r="E77673" s="15">
        <v>45669</v>
      </c>
      <c r="F77673" s="14" t="s">
        <v>61</v>
      </c>
      <c r="G77673" s="16">
        <v>0</v>
      </c>
    </row>
    <row r="77674" spans="1:7" x14ac:dyDescent="0.3">
      <c r="A77674" s="13" t="s">
        <v>396</v>
      </c>
      <c r="B77674" s="14" t="s">
        <v>1</v>
      </c>
      <c r="C77674" s="14" t="s">
        <v>35</v>
      </c>
      <c r="D77674" s="14" t="s">
        <v>176</v>
      </c>
      <c r="E77674" s="15">
        <v>45670</v>
      </c>
      <c r="F77674" s="14" t="s">
        <v>61</v>
      </c>
      <c r="G77674" s="16">
        <v>0</v>
      </c>
    </row>
    <row r="77675" spans="1:7" x14ac:dyDescent="0.3">
      <c r="A77675" s="13" t="s">
        <v>396</v>
      </c>
      <c r="B77675" s="14" t="s">
        <v>1</v>
      </c>
      <c r="C77675" s="14" t="s">
        <v>35</v>
      </c>
      <c r="D77675" s="14" t="s">
        <v>176</v>
      </c>
      <c r="E77675" s="15">
        <v>45671</v>
      </c>
      <c r="F77675" s="14" t="s">
        <v>61</v>
      </c>
      <c r="G77675" s="16">
        <v>0</v>
      </c>
    </row>
    <row r="77676" spans="1:7" x14ac:dyDescent="0.3">
      <c r="A77676" s="13" t="s">
        <v>396</v>
      </c>
      <c r="B77676" s="14" t="s">
        <v>1</v>
      </c>
      <c r="C77676" s="14" t="s">
        <v>35</v>
      </c>
      <c r="D77676" s="14" t="s">
        <v>176</v>
      </c>
      <c r="E77676" s="15">
        <v>45672</v>
      </c>
      <c r="F77676" s="14" t="s">
        <v>61</v>
      </c>
      <c r="G77676" s="16">
        <v>0</v>
      </c>
    </row>
    <row r="77677" spans="1:7" x14ac:dyDescent="0.3">
      <c r="A77677" s="13" t="s">
        <v>396</v>
      </c>
      <c r="B77677" s="14" t="s">
        <v>1</v>
      </c>
      <c r="C77677" s="14" t="s">
        <v>35</v>
      </c>
      <c r="D77677" s="14" t="s">
        <v>176</v>
      </c>
      <c r="E77677" s="15">
        <v>45673</v>
      </c>
      <c r="F77677" s="14" t="s">
        <v>61</v>
      </c>
      <c r="G77677" s="16">
        <v>0</v>
      </c>
    </row>
    <row r="77678" spans="1:7" x14ac:dyDescent="0.3">
      <c r="A77678" s="13" t="s">
        <v>396</v>
      </c>
      <c r="B77678" s="14" t="s">
        <v>1</v>
      </c>
      <c r="C77678" s="14" t="s">
        <v>35</v>
      </c>
      <c r="D77678" s="14" t="s">
        <v>176</v>
      </c>
      <c r="E77678" s="15">
        <v>45674</v>
      </c>
      <c r="F77678" s="14" t="s">
        <v>61</v>
      </c>
      <c r="G77678" s="16">
        <v>0</v>
      </c>
    </row>
    <row r="77679" spans="1:7" x14ac:dyDescent="0.3">
      <c r="A77679" s="13" t="s">
        <v>396</v>
      </c>
      <c r="B77679" s="14" t="s">
        <v>1</v>
      </c>
      <c r="C77679" s="14" t="s">
        <v>35</v>
      </c>
      <c r="D77679" s="14" t="s">
        <v>176</v>
      </c>
      <c r="E77679" s="15">
        <v>45675</v>
      </c>
      <c r="F77679" s="14" t="s">
        <v>61</v>
      </c>
      <c r="G77679" s="16">
        <v>0</v>
      </c>
    </row>
    <row r="77680" spans="1:7" x14ac:dyDescent="0.3">
      <c r="A77680" s="13" t="s">
        <v>396</v>
      </c>
      <c r="B77680" s="14" t="s">
        <v>1</v>
      </c>
      <c r="C77680" s="14" t="s">
        <v>35</v>
      </c>
      <c r="D77680" s="14" t="s">
        <v>176</v>
      </c>
      <c r="E77680" s="15">
        <v>45676</v>
      </c>
      <c r="F77680" s="14" t="s">
        <v>61</v>
      </c>
      <c r="G77680" s="16">
        <v>0</v>
      </c>
    </row>
    <row r="77681" spans="1:7" x14ac:dyDescent="0.3">
      <c r="A77681" s="13" t="s">
        <v>396</v>
      </c>
      <c r="B77681" s="14" t="s">
        <v>1</v>
      </c>
      <c r="C77681" s="14" t="s">
        <v>35</v>
      </c>
      <c r="D77681" s="14" t="s">
        <v>176</v>
      </c>
      <c r="E77681" s="15">
        <v>45677</v>
      </c>
      <c r="F77681" s="14" t="s">
        <v>61</v>
      </c>
      <c r="G77681" s="16">
        <v>0</v>
      </c>
    </row>
    <row r="77682" spans="1:7" x14ac:dyDescent="0.3">
      <c r="A77682" s="13" t="s">
        <v>396</v>
      </c>
      <c r="B77682" s="14" t="s">
        <v>1</v>
      </c>
      <c r="C77682" s="14" t="s">
        <v>35</v>
      </c>
      <c r="D77682" s="14" t="s">
        <v>176</v>
      </c>
      <c r="E77682" s="15">
        <v>45678</v>
      </c>
      <c r="F77682" s="14" t="s">
        <v>61</v>
      </c>
      <c r="G77682" s="16">
        <v>0</v>
      </c>
    </row>
    <row r="77683" spans="1:7" x14ac:dyDescent="0.3">
      <c r="A77683" s="13" t="s">
        <v>396</v>
      </c>
      <c r="B77683" s="14" t="s">
        <v>1</v>
      </c>
      <c r="C77683" s="14" t="s">
        <v>35</v>
      </c>
      <c r="D77683" s="14" t="s">
        <v>176</v>
      </c>
      <c r="E77683" s="15">
        <v>45679</v>
      </c>
      <c r="F77683" s="14" t="s">
        <v>61</v>
      </c>
      <c r="G77683" s="16">
        <v>0</v>
      </c>
    </row>
    <row r="77684" spans="1:7" x14ac:dyDescent="0.3">
      <c r="A77684" s="13" t="s">
        <v>396</v>
      </c>
      <c r="B77684" s="14" t="s">
        <v>1</v>
      </c>
      <c r="C77684" s="14" t="s">
        <v>35</v>
      </c>
      <c r="D77684" s="14" t="s">
        <v>176</v>
      </c>
      <c r="E77684" s="15">
        <v>45680</v>
      </c>
      <c r="F77684" s="14" t="s">
        <v>61</v>
      </c>
      <c r="G77684" s="16">
        <v>0</v>
      </c>
    </row>
    <row r="77685" spans="1:7" x14ac:dyDescent="0.3">
      <c r="A77685" s="13" t="s">
        <v>396</v>
      </c>
      <c r="B77685" s="14" t="s">
        <v>1</v>
      </c>
      <c r="C77685" s="14" t="s">
        <v>35</v>
      </c>
      <c r="D77685" s="14" t="s">
        <v>176</v>
      </c>
      <c r="E77685" s="15">
        <v>45681</v>
      </c>
      <c r="F77685" s="14" t="s">
        <v>61</v>
      </c>
      <c r="G77685" s="16">
        <v>0</v>
      </c>
    </row>
    <row r="77686" spans="1:7" x14ac:dyDescent="0.3">
      <c r="A77686" s="13" t="s">
        <v>396</v>
      </c>
      <c r="B77686" s="14" t="s">
        <v>1</v>
      </c>
      <c r="C77686" s="14" t="s">
        <v>35</v>
      </c>
      <c r="D77686" s="14" t="s">
        <v>176</v>
      </c>
      <c r="E77686" s="15">
        <v>45682</v>
      </c>
      <c r="F77686" s="14" t="s">
        <v>61</v>
      </c>
      <c r="G77686" s="16">
        <v>0</v>
      </c>
    </row>
    <row r="77687" spans="1:7" x14ac:dyDescent="0.3">
      <c r="A77687" s="13" t="s">
        <v>396</v>
      </c>
      <c r="B77687" s="14" t="s">
        <v>1</v>
      </c>
      <c r="C77687" s="14" t="s">
        <v>35</v>
      </c>
      <c r="D77687" s="14" t="s">
        <v>176</v>
      </c>
      <c r="E77687" s="15">
        <v>45683</v>
      </c>
      <c r="F77687" s="14" t="s">
        <v>61</v>
      </c>
      <c r="G77687" s="16">
        <v>0</v>
      </c>
    </row>
    <row r="77688" spans="1:7" x14ac:dyDescent="0.3">
      <c r="A77688" s="13" t="s">
        <v>396</v>
      </c>
      <c r="B77688" s="14" t="s">
        <v>1</v>
      </c>
      <c r="C77688" s="14" t="s">
        <v>35</v>
      </c>
      <c r="D77688" s="14" t="s">
        <v>176</v>
      </c>
      <c r="E77688" s="15">
        <v>45684</v>
      </c>
      <c r="F77688" s="14" t="s">
        <v>61</v>
      </c>
      <c r="G77688" s="16">
        <v>0</v>
      </c>
    </row>
    <row r="77689" spans="1:7" x14ac:dyDescent="0.3">
      <c r="A77689" s="13" t="s">
        <v>396</v>
      </c>
      <c r="B77689" s="14" t="s">
        <v>1</v>
      </c>
      <c r="C77689" s="14" t="s">
        <v>35</v>
      </c>
      <c r="D77689" s="14" t="s">
        <v>176</v>
      </c>
      <c r="E77689" s="15">
        <v>45685</v>
      </c>
      <c r="F77689" s="14" t="s">
        <v>61</v>
      </c>
      <c r="G77689" s="16">
        <v>0</v>
      </c>
    </row>
    <row r="77690" spans="1:7" x14ac:dyDescent="0.3">
      <c r="A77690" s="13" t="s">
        <v>396</v>
      </c>
      <c r="B77690" s="14" t="s">
        <v>1</v>
      </c>
      <c r="C77690" s="14" t="s">
        <v>35</v>
      </c>
      <c r="D77690" s="14" t="s">
        <v>176</v>
      </c>
      <c r="E77690" s="15">
        <v>45686</v>
      </c>
      <c r="F77690" s="14" t="s">
        <v>61</v>
      </c>
      <c r="G77690" s="16">
        <v>0</v>
      </c>
    </row>
    <row r="77691" spans="1:7" x14ac:dyDescent="0.3">
      <c r="A77691" s="13" t="s">
        <v>396</v>
      </c>
      <c r="B77691" s="14" t="s">
        <v>1</v>
      </c>
      <c r="C77691" s="14" t="s">
        <v>35</v>
      </c>
      <c r="D77691" s="14" t="s">
        <v>176</v>
      </c>
      <c r="E77691" s="15">
        <v>45687</v>
      </c>
      <c r="F77691" s="14" t="s">
        <v>61</v>
      </c>
      <c r="G77691" s="16">
        <v>0</v>
      </c>
    </row>
    <row r="77692" spans="1:7" x14ac:dyDescent="0.3">
      <c r="A77692" s="13" t="s">
        <v>396</v>
      </c>
      <c r="B77692" s="14" t="s">
        <v>1</v>
      </c>
      <c r="C77692" s="14" t="s">
        <v>35</v>
      </c>
      <c r="D77692" s="14" t="s">
        <v>176</v>
      </c>
      <c r="E77692" s="15">
        <v>45688</v>
      </c>
      <c r="F77692" s="14" t="s">
        <v>61</v>
      </c>
      <c r="G77692" s="16">
        <v>0</v>
      </c>
    </row>
    <row r="77693" spans="1:7" x14ac:dyDescent="0.3">
      <c r="A77693" s="13" t="s">
        <v>396</v>
      </c>
      <c r="B77693" s="14" t="s">
        <v>1</v>
      </c>
      <c r="C77693" s="14" t="s">
        <v>35</v>
      </c>
      <c r="D77693" s="14" t="s">
        <v>176</v>
      </c>
      <c r="E77693" s="15">
        <v>45689</v>
      </c>
      <c r="F77693" s="14" t="s">
        <v>61</v>
      </c>
      <c r="G77693" s="16">
        <v>0</v>
      </c>
    </row>
    <row r="77694" spans="1:7" x14ac:dyDescent="0.3">
      <c r="A77694" s="13" t="s">
        <v>396</v>
      </c>
      <c r="B77694" s="14" t="s">
        <v>1</v>
      </c>
      <c r="C77694" s="14" t="s">
        <v>35</v>
      </c>
      <c r="D77694" s="14" t="s">
        <v>176</v>
      </c>
      <c r="E77694" s="15">
        <v>45690</v>
      </c>
      <c r="F77694" s="14" t="s">
        <v>61</v>
      </c>
      <c r="G77694" s="16">
        <v>0</v>
      </c>
    </row>
    <row r="77695" spans="1:7" x14ac:dyDescent="0.3">
      <c r="A77695" s="13" t="s">
        <v>396</v>
      </c>
      <c r="B77695" s="14" t="s">
        <v>1</v>
      </c>
      <c r="C77695" s="14" t="s">
        <v>35</v>
      </c>
      <c r="D77695" s="14" t="s">
        <v>176</v>
      </c>
      <c r="E77695" s="15">
        <v>45691</v>
      </c>
      <c r="F77695" s="14" t="s">
        <v>61</v>
      </c>
      <c r="G77695" s="16">
        <v>0</v>
      </c>
    </row>
    <row r="77696" spans="1:7" x14ac:dyDescent="0.3">
      <c r="A77696" s="13" t="s">
        <v>396</v>
      </c>
      <c r="B77696" s="14" t="s">
        <v>1</v>
      </c>
      <c r="C77696" s="14" t="s">
        <v>35</v>
      </c>
      <c r="D77696" s="14" t="s">
        <v>176</v>
      </c>
      <c r="E77696" s="15">
        <v>45692</v>
      </c>
      <c r="F77696" s="14" t="s">
        <v>61</v>
      </c>
      <c r="G77696" s="16">
        <v>0</v>
      </c>
    </row>
    <row r="77697" spans="1:7" x14ac:dyDescent="0.3">
      <c r="A77697" s="13" t="s">
        <v>396</v>
      </c>
      <c r="B77697" s="14" t="s">
        <v>1</v>
      </c>
      <c r="C77697" s="14" t="s">
        <v>35</v>
      </c>
      <c r="D77697" s="14" t="s">
        <v>176</v>
      </c>
      <c r="E77697" s="15">
        <v>45693</v>
      </c>
      <c r="F77697" s="14" t="s">
        <v>61</v>
      </c>
      <c r="G77697" s="16">
        <v>0</v>
      </c>
    </row>
    <row r="77698" spans="1:7" x14ac:dyDescent="0.3">
      <c r="A77698" s="13" t="s">
        <v>396</v>
      </c>
      <c r="B77698" s="14" t="s">
        <v>1</v>
      </c>
      <c r="C77698" s="14" t="s">
        <v>35</v>
      </c>
      <c r="D77698" s="14" t="s">
        <v>176</v>
      </c>
      <c r="E77698" s="15">
        <v>45694</v>
      </c>
      <c r="F77698" s="14" t="s">
        <v>61</v>
      </c>
      <c r="G77698" s="16">
        <v>0</v>
      </c>
    </row>
    <row r="77699" spans="1:7" x14ac:dyDescent="0.3">
      <c r="A77699" s="13" t="s">
        <v>396</v>
      </c>
      <c r="B77699" s="14" t="s">
        <v>1</v>
      </c>
      <c r="C77699" s="14" t="s">
        <v>35</v>
      </c>
      <c r="D77699" s="14" t="s">
        <v>176</v>
      </c>
      <c r="E77699" s="15">
        <v>45695</v>
      </c>
      <c r="F77699" s="14" t="s">
        <v>61</v>
      </c>
      <c r="G77699" s="16">
        <v>0</v>
      </c>
    </row>
    <row r="77700" spans="1:7" x14ac:dyDescent="0.3">
      <c r="A77700" s="13" t="s">
        <v>396</v>
      </c>
      <c r="B77700" s="14" t="s">
        <v>1</v>
      </c>
      <c r="C77700" s="14" t="s">
        <v>35</v>
      </c>
      <c r="D77700" s="14" t="s">
        <v>176</v>
      </c>
      <c r="E77700" s="15">
        <v>45696</v>
      </c>
      <c r="F77700" s="14" t="s">
        <v>61</v>
      </c>
      <c r="G77700" s="16">
        <v>0</v>
      </c>
    </row>
    <row r="77701" spans="1:7" x14ac:dyDescent="0.3">
      <c r="A77701" s="13" t="s">
        <v>396</v>
      </c>
      <c r="B77701" s="14" t="s">
        <v>1</v>
      </c>
      <c r="C77701" s="14" t="s">
        <v>35</v>
      </c>
      <c r="D77701" s="14" t="s">
        <v>176</v>
      </c>
      <c r="E77701" s="15">
        <v>45697</v>
      </c>
      <c r="F77701" s="14" t="s">
        <v>61</v>
      </c>
      <c r="G77701" s="16">
        <v>0</v>
      </c>
    </row>
    <row r="77702" spans="1:7" x14ac:dyDescent="0.3">
      <c r="A77702" s="13" t="s">
        <v>396</v>
      </c>
      <c r="B77702" s="14" t="s">
        <v>1</v>
      </c>
      <c r="C77702" s="14" t="s">
        <v>35</v>
      </c>
      <c r="D77702" s="14" t="s">
        <v>176</v>
      </c>
      <c r="E77702" s="15">
        <v>45698</v>
      </c>
      <c r="F77702" s="14" t="s">
        <v>61</v>
      </c>
      <c r="G77702" s="16">
        <v>0</v>
      </c>
    </row>
    <row r="77703" spans="1:7" x14ac:dyDescent="0.3">
      <c r="A77703" s="13" t="s">
        <v>396</v>
      </c>
      <c r="B77703" s="14" t="s">
        <v>1</v>
      </c>
      <c r="C77703" s="14" t="s">
        <v>35</v>
      </c>
      <c r="D77703" s="14" t="s">
        <v>176</v>
      </c>
      <c r="E77703" s="15">
        <v>45699</v>
      </c>
      <c r="F77703" s="14" t="s">
        <v>61</v>
      </c>
      <c r="G77703" s="16">
        <v>0</v>
      </c>
    </row>
    <row r="77704" spans="1:7" x14ac:dyDescent="0.3">
      <c r="A77704" s="13" t="s">
        <v>396</v>
      </c>
      <c r="B77704" s="14" t="s">
        <v>1</v>
      </c>
      <c r="C77704" s="14" t="s">
        <v>35</v>
      </c>
      <c r="D77704" s="14" t="s">
        <v>176</v>
      </c>
      <c r="E77704" s="15">
        <v>45700</v>
      </c>
      <c r="F77704" s="14" t="s">
        <v>61</v>
      </c>
      <c r="G77704" s="16">
        <v>0</v>
      </c>
    </row>
    <row r="77705" spans="1:7" x14ac:dyDescent="0.3">
      <c r="A77705" s="13" t="s">
        <v>396</v>
      </c>
      <c r="B77705" s="14" t="s">
        <v>1</v>
      </c>
      <c r="C77705" s="14" t="s">
        <v>35</v>
      </c>
      <c r="D77705" s="14" t="s">
        <v>176</v>
      </c>
      <c r="E77705" s="15">
        <v>45701</v>
      </c>
      <c r="F77705" s="14" t="s">
        <v>61</v>
      </c>
      <c r="G77705" s="16">
        <v>0</v>
      </c>
    </row>
    <row r="77706" spans="1:7" x14ac:dyDescent="0.3">
      <c r="A77706" s="13" t="s">
        <v>396</v>
      </c>
      <c r="B77706" s="14" t="s">
        <v>1</v>
      </c>
      <c r="C77706" s="14" t="s">
        <v>35</v>
      </c>
      <c r="D77706" s="14" t="s">
        <v>176</v>
      </c>
      <c r="E77706" s="15">
        <v>45702</v>
      </c>
      <c r="F77706" s="14" t="s">
        <v>61</v>
      </c>
      <c r="G77706" s="16">
        <v>0</v>
      </c>
    </row>
    <row r="77707" spans="1:7" x14ac:dyDescent="0.3">
      <c r="A77707" s="13" t="s">
        <v>396</v>
      </c>
      <c r="B77707" s="14" t="s">
        <v>1</v>
      </c>
      <c r="C77707" s="14" t="s">
        <v>35</v>
      </c>
      <c r="D77707" s="14" t="s">
        <v>176</v>
      </c>
      <c r="E77707" s="15">
        <v>45703</v>
      </c>
      <c r="F77707" s="14" t="s">
        <v>61</v>
      </c>
      <c r="G77707" s="16">
        <v>0</v>
      </c>
    </row>
    <row r="77708" spans="1:7" x14ac:dyDescent="0.3">
      <c r="A77708" s="13" t="s">
        <v>396</v>
      </c>
      <c r="B77708" s="14" t="s">
        <v>1</v>
      </c>
      <c r="C77708" s="14" t="s">
        <v>35</v>
      </c>
      <c r="D77708" s="14" t="s">
        <v>176</v>
      </c>
      <c r="E77708" s="15">
        <v>45704</v>
      </c>
      <c r="F77708" s="14" t="s">
        <v>61</v>
      </c>
      <c r="G77708" s="16">
        <v>0</v>
      </c>
    </row>
    <row r="77709" spans="1:7" x14ac:dyDescent="0.3">
      <c r="A77709" s="13" t="s">
        <v>396</v>
      </c>
      <c r="B77709" s="14" t="s">
        <v>1</v>
      </c>
      <c r="C77709" s="14" t="s">
        <v>35</v>
      </c>
      <c r="D77709" s="14" t="s">
        <v>176</v>
      </c>
      <c r="E77709" s="15">
        <v>45705</v>
      </c>
      <c r="F77709" s="14" t="s">
        <v>61</v>
      </c>
      <c r="G77709" s="16">
        <v>0</v>
      </c>
    </row>
    <row r="77710" spans="1:7" x14ac:dyDescent="0.3">
      <c r="A77710" s="13" t="s">
        <v>396</v>
      </c>
      <c r="B77710" s="14" t="s">
        <v>1</v>
      </c>
      <c r="C77710" s="14" t="s">
        <v>35</v>
      </c>
      <c r="D77710" s="14" t="s">
        <v>176</v>
      </c>
      <c r="E77710" s="15">
        <v>45706</v>
      </c>
      <c r="F77710" s="14" t="s">
        <v>61</v>
      </c>
      <c r="G77710" s="16">
        <v>0</v>
      </c>
    </row>
    <row r="77711" spans="1:7" x14ac:dyDescent="0.3">
      <c r="A77711" s="13" t="s">
        <v>396</v>
      </c>
      <c r="B77711" s="14" t="s">
        <v>1</v>
      </c>
      <c r="C77711" s="14" t="s">
        <v>35</v>
      </c>
      <c r="D77711" s="14" t="s">
        <v>176</v>
      </c>
      <c r="E77711" s="15">
        <v>45707</v>
      </c>
      <c r="F77711" s="14" t="s">
        <v>61</v>
      </c>
      <c r="G77711" s="16">
        <v>0</v>
      </c>
    </row>
    <row r="77712" spans="1:7" x14ac:dyDescent="0.3">
      <c r="A77712" s="13" t="s">
        <v>396</v>
      </c>
      <c r="B77712" s="14" t="s">
        <v>1</v>
      </c>
      <c r="C77712" s="14" t="s">
        <v>35</v>
      </c>
      <c r="D77712" s="14" t="s">
        <v>176</v>
      </c>
      <c r="E77712" s="15">
        <v>45708</v>
      </c>
      <c r="F77712" s="14" t="s">
        <v>61</v>
      </c>
      <c r="G77712" s="16">
        <v>0</v>
      </c>
    </row>
    <row r="77713" spans="1:7" x14ac:dyDescent="0.3">
      <c r="A77713" s="13" t="s">
        <v>396</v>
      </c>
      <c r="B77713" s="14" t="s">
        <v>1</v>
      </c>
      <c r="C77713" s="14" t="s">
        <v>35</v>
      </c>
      <c r="D77713" s="14" t="s">
        <v>176</v>
      </c>
      <c r="E77713" s="15">
        <v>45709</v>
      </c>
      <c r="F77713" s="14" t="s">
        <v>61</v>
      </c>
      <c r="G77713" s="16">
        <v>0</v>
      </c>
    </row>
    <row r="77714" spans="1:7" x14ac:dyDescent="0.3">
      <c r="A77714" s="13" t="s">
        <v>396</v>
      </c>
      <c r="B77714" s="14" t="s">
        <v>1</v>
      </c>
      <c r="C77714" s="14" t="s">
        <v>35</v>
      </c>
      <c r="D77714" s="14" t="s">
        <v>176</v>
      </c>
      <c r="E77714" s="15">
        <v>45710</v>
      </c>
      <c r="F77714" s="14" t="s">
        <v>61</v>
      </c>
      <c r="G77714" s="16">
        <v>0</v>
      </c>
    </row>
    <row r="77715" spans="1:7" x14ac:dyDescent="0.3">
      <c r="A77715" s="13" t="s">
        <v>396</v>
      </c>
      <c r="B77715" s="14" t="s">
        <v>1</v>
      </c>
      <c r="C77715" s="14" t="s">
        <v>35</v>
      </c>
      <c r="D77715" s="14" t="s">
        <v>176</v>
      </c>
      <c r="E77715" s="15">
        <v>45711</v>
      </c>
      <c r="F77715" s="14" t="s">
        <v>61</v>
      </c>
      <c r="G77715" s="16">
        <v>0</v>
      </c>
    </row>
    <row r="77716" spans="1:7" x14ac:dyDescent="0.3">
      <c r="A77716" s="13" t="s">
        <v>396</v>
      </c>
      <c r="B77716" s="14" t="s">
        <v>1</v>
      </c>
      <c r="C77716" s="14" t="s">
        <v>35</v>
      </c>
      <c r="D77716" s="14" t="s">
        <v>176</v>
      </c>
      <c r="E77716" s="15">
        <v>45712</v>
      </c>
      <c r="F77716" s="14" t="s">
        <v>61</v>
      </c>
      <c r="G77716" s="16">
        <v>0</v>
      </c>
    </row>
    <row r="77717" spans="1:7" x14ac:dyDescent="0.3">
      <c r="A77717" s="13" t="s">
        <v>396</v>
      </c>
      <c r="B77717" s="14" t="s">
        <v>1</v>
      </c>
      <c r="C77717" s="14" t="s">
        <v>35</v>
      </c>
      <c r="D77717" s="14" t="s">
        <v>176</v>
      </c>
      <c r="E77717" s="15">
        <v>45713</v>
      </c>
      <c r="F77717" s="14" t="s">
        <v>61</v>
      </c>
      <c r="G77717" s="16">
        <v>0</v>
      </c>
    </row>
    <row r="77718" spans="1:7" x14ac:dyDescent="0.3">
      <c r="A77718" s="13" t="s">
        <v>396</v>
      </c>
      <c r="B77718" s="14" t="s">
        <v>1</v>
      </c>
      <c r="C77718" s="14" t="s">
        <v>35</v>
      </c>
      <c r="D77718" s="14" t="s">
        <v>176</v>
      </c>
      <c r="E77718" s="15">
        <v>45714</v>
      </c>
      <c r="F77718" s="14" t="s">
        <v>61</v>
      </c>
      <c r="G77718" s="16">
        <v>0</v>
      </c>
    </row>
    <row r="77719" spans="1:7" x14ac:dyDescent="0.3">
      <c r="A77719" s="13" t="s">
        <v>396</v>
      </c>
      <c r="B77719" s="14" t="s">
        <v>1</v>
      </c>
      <c r="C77719" s="14" t="s">
        <v>35</v>
      </c>
      <c r="D77719" s="14" t="s">
        <v>176</v>
      </c>
      <c r="E77719" s="15">
        <v>45715</v>
      </c>
      <c r="F77719" s="14" t="s">
        <v>61</v>
      </c>
      <c r="G77719" s="16">
        <v>0</v>
      </c>
    </row>
    <row r="77720" spans="1:7" x14ac:dyDescent="0.3">
      <c r="A77720" s="13" t="s">
        <v>396</v>
      </c>
      <c r="B77720" s="14" t="s">
        <v>1</v>
      </c>
      <c r="C77720" s="14" t="s">
        <v>35</v>
      </c>
      <c r="D77720" s="14" t="s">
        <v>176</v>
      </c>
      <c r="E77720" s="15">
        <v>45716</v>
      </c>
      <c r="F77720" s="14" t="s">
        <v>61</v>
      </c>
      <c r="G77720" s="16">
        <v>0</v>
      </c>
    </row>
    <row r="77721" spans="1:7" x14ac:dyDescent="0.3">
      <c r="A77721" s="13" t="s">
        <v>396</v>
      </c>
      <c r="B77721" s="14" t="s">
        <v>1</v>
      </c>
      <c r="C77721" s="14" t="s">
        <v>35</v>
      </c>
      <c r="D77721" s="14" t="s">
        <v>176</v>
      </c>
      <c r="E77721" s="15">
        <v>45717</v>
      </c>
      <c r="F77721" s="14" t="s">
        <v>61</v>
      </c>
      <c r="G77721" s="16">
        <v>0</v>
      </c>
    </row>
    <row r="77722" spans="1:7" x14ac:dyDescent="0.3">
      <c r="A77722" s="13" t="s">
        <v>396</v>
      </c>
      <c r="B77722" s="14" t="s">
        <v>1</v>
      </c>
      <c r="C77722" s="14" t="s">
        <v>35</v>
      </c>
      <c r="D77722" s="14" t="s">
        <v>176</v>
      </c>
      <c r="E77722" s="15">
        <v>45718</v>
      </c>
      <c r="F77722" s="14" t="s">
        <v>61</v>
      </c>
      <c r="G77722" s="16">
        <v>0</v>
      </c>
    </row>
    <row r="77723" spans="1:7" x14ac:dyDescent="0.3">
      <c r="A77723" s="13" t="s">
        <v>396</v>
      </c>
      <c r="B77723" s="14" t="s">
        <v>1</v>
      </c>
      <c r="C77723" s="14" t="s">
        <v>35</v>
      </c>
      <c r="D77723" s="14" t="s">
        <v>176</v>
      </c>
      <c r="E77723" s="15">
        <v>45719</v>
      </c>
      <c r="F77723" s="14" t="s">
        <v>61</v>
      </c>
      <c r="G77723" s="16">
        <v>0</v>
      </c>
    </row>
    <row r="77724" spans="1:7" x14ac:dyDescent="0.3">
      <c r="A77724" s="13" t="s">
        <v>396</v>
      </c>
      <c r="B77724" s="14" t="s">
        <v>1</v>
      </c>
      <c r="C77724" s="14" t="s">
        <v>35</v>
      </c>
      <c r="D77724" s="14" t="s">
        <v>176</v>
      </c>
      <c r="E77724" s="15">
        <v>45720</v>
      </c>
      <c r="F77724" s="14" t="s">
        <v>61</v>
      </c>
      <c r="G77724" s="16">
        <v>0</v>
      </c>
    </row>
    <row r="77725" spans="1:7" x14ac:dyDescent="0.3">
      <c r="A77725" s="13" t="s">
        <v>396</v>
      </c>
      <c r="B77725" s="14" t="s">
        <v>1</v>
      </c>
      <c r="C77725" s="14" t="s">
        <v>35</v>
      </c>
      <c r="D77725" s="14" t="s">
        <v>176</v>
      </c>
      <c r="E77725" s="15">
        <v>45721</v>
      </c>
      <c r="F77725" s="14" t="s">
        <v>61</v>
      </c>
      <c r="G77725" s="16">
        <v>0</v>
      </c>
    </row>
    <row r="77726" spans="1:7" x14ac:dyDescent="0.3">
      <c r="A77726" s="13" t="s">
        <v>396</v>
      </c>
      <c r="B77726" s="14" t="s">
        <v>1</v>
      </c>
      <c r="C77726" s="14" t="s">
        <v>35</v>
      </c>
      <c r="D77726" s="14" t="s">
        <v>176</v>
      </c>
      <c r="E77726" s="15">
        <v>45722</v>
      </c>
      <c r="F77726" s="14" t="s">
        <v>61</v>
      </c>
      <c r="G77726" s="16">
        <v>0</v>
      </c>
    </row>
    <row r="77727" spans="1:7" x14ac:dyDescent="0.3">
      <c r="A77727" s="13" t="s">
        <v>396</v>
      </c>
      <c r="B77727" s="14" t="s">
        <v>1</v>
      </c>
      <c r="C77727" s="14" t="s">
        <v>35</v>
      </c>
      <c r="D77727" s="14" t="s">
        <v>176</v>
      </c>
      <c r="E77727" s="15">
        <v>45723</v>
      </c>
      <c r="F77727" s="14" t="s">
        <v>61</v>
      </c>
      <c r="G77727" s="16">
        <v>0</v>
      </c>
    </row>
    <row r="77728" spans="1:7" x14ac:dyDescent="0.3">
      <c r="A77728" s="13" t="s">
        <v>396</v>
      </c>
      <c r="B77728" s="14" t="s">
        <v>1</v>
      </c>
      <c r="C77728" s="14" t="s">
        <v>35</v>
      </c>
      <c r="D77728" s="14" t="s">
        <v>176</v>
      </c>
      <c r="E77728" s="15">
        <v>45724</v>
      </c>
      <c r="F77728" s="14" t="s">
        <v>61</v>
      </c>
      <c r="G77728" s="16">
        <v>0</v>
      </c>
    </row>
    <row r="77729" spans="1:7" x14ac:dyDescent="0.3">
      <c r="A77729" s="13" t="s">
        <v>396</v>
      </c>
      <c r="B77729" s="14" t="s">
        <v>1</v>
      </c>
      <c r="C77729" s="14" t="s">
        <v>35</v>
      </c>
      <c r="D77729" s="14" t="s">
        <v>176</v>
      </c>
      <c r="E77729" s="15">
        <v>45725</v>
      </c>
      <c r="F77729" s="14" t="s">
        <v>61</v>
      </c>
      <c r="G77729" s="16">
        <v>0</v>
      </c>
    </row>
    <row r="77730" spans="1:7" x14ac:dyDescent="0.3">
      <c r="A77730" s="13" t="s">
        <v>396</v>
      </c>
      <c r="B77730" s="14" t="s">
        <v>1</v>
      </c>
      <c r="C77730" s="14" t="s">
        <v>35</v>
      </c>
      <c r="D77730" s="14" t="s">
        <v>176</v>
      </c>
      <c r="E77730" s="15">
        <v>45726</v>
      </c>
      <c r="F77730" s="14" t="s">
        <v>61</v>
      </c>
      <c r="G77730" s="16">
        <v>0</v>
      </c>
    </row>
    <row r="77731" spans="1:7" x14ac:dyDescent="0.3">
      <c r="A77731" s="13" t="s">
        <v>396</v>
      </c>
      <c r="B77731" s="14" t="s">
        <v>1</v>
      </c>
      <c r="C77731" s="14" t="s">
        <v>35</v>
      </c>
      <c r="D77731" s="14" t="s">
        <v>176</v>
      </c>
      <c r="E77731" s="15">
        <v>45727</v>
      </c>
      <c r="F77731" s="14" t="s">
        <v>61</v>
      </c>
      <c r="G77731" s="16">
        <v>0</v>
      </c>
    </row>
    <row r="77732" spans="1:7" x14ac:dyDescent="0.3">
      <c r="A77732" s="13" t="s">
        <v>396</v>
      </c>
      <c r="B77732" s="14" t="s">
        <v>1</v>
      </c>
      <c r="C77732" s="14" t="s">
        <v>35</v>
      </c>
      <c r="D77732" s="14" t="s">
        <v>176</v>
      </c>
      <c r="E77732" s="15">
        <v>45728</v>
      </c>
      <c r="F77732" s="14" t="s">
        <v>61</v>
      </c>
      <c r="G77732" s="16">
        <v>0</v>
      </c>
    </row>
    <row r="77733" spans="1:7" x14ac:dyDescent="0.3">
      <c r="A77733" s="13" t="s">
        <v>396</v>
      </c>
      <c r="B77733" s="14" t="s">
        <v>1</v>
      </c>
      <c r="C77733" s="14" t="s">
        <v>35</v>
      </c>
      <c r="D77733" s="14" t="s">
        <v>176</v>
      </c>
      <c r="E77733" s="15">
        <v>45729</v>
      </c>
      <c r="F77733" s="14" t="s">
        <v>61</v>
      </c>
      <c r="G77733" s="16">
        <v>0</v>
      </c>
    </row>
    <row r="77734" spans="1:7" x14ac:dyDescent="0.3">
      <c r="A77734" s="13" t="s">
        <v>396</v>
      </c>
      <c r="B77734" s="14" t="s">
        <v>1</v>
      </c>
      <c r="C77734" s="14" t="s">
        <v>35</v>
      </c>
      <c r="D77734" s="14" t="s">
        <v>176</v>
      </c>
      <c r="E77734" s="15">
        <v>45730</v>
      </c>
      <c r="F77734" s="14" t="s">
        <v>61</v>
      </c>
      <c r="G77734" s="16">
        <v>0</v>
      </c>
    </row>
    <row r="77735" spans="1:7" x14ac:dyDescent="0.3">
      <c r="A77735" s="13" t="s">
        <v>396</v>
      </c>
      <c r="B77735" s="14" t="s">
        <v>1</v>
      </c>
      <c r="C77735" s="14" t="s">
        <v>35</v>
      </c>
      <c r="D77735" s="14" t="s">
        <v>176</v>
      </c>
      <c r="E77735" s="15">
        <v>45731</v>
      </c>
      <c r="F77735" s="14" t="s">
        <v>61</v>
      </c>
      <c r="G77735" s="16">
        <v>0</v>
      </c>
    </row>
    <row r="77736" spans="1:7" x14ac:dyDescent="0.3">
      <c r="A77736" s="13" t="s">
        <v>396</v>
      </c>
      <c r="B77736" s="14" t="s">
        <v>1</v>
      </c>
      <c r="C77736" s="14" t="s">
        <v>35</v>
      </c>
      <c r="D77736" s="14" t="s">
        <v>176</v>
      </c>
      <c r="E77736" s="15">
        <v>45732</v>
      </c>
      <c r="F77736" s="14" t="s">
        <v>61</v>
      </c>
      <c r="G77736" s="16">
        <v>0</v>
      </c>
    </row>
    <row r="77737" spans="1:7" x14ac:dyDescent="0.3">
      <c r="A77737" s="13" t="s">
        <v>396</v>
      </c>
      <c r="B77737" s="14" t="s">
        <v>1</v>
      </c>
      <c r="C77737" s="14" t="s">
        <v>35</v>
      </c>
      <c r="D77737" s="14" t="s">
        <v>176</v>
      </c>
      <c r="E77737" s="15">
        <v>45733</v>
      </c>
      <c r="F77737" s="14" t="s">
        <v>61</v>
      </c>
      <c r="G77737" s="16">
        <v>0</v>
      </c>
    </row>
    <row r="77738" spans="1:7" x14ac:dyDescent="0.3">
      <c r="A77738" s="13" t="s">
        <v>396</v>
      </c>
      <c r="B77738" s="14" t="s">
        <v>1</v>
      </c>
      <c r="C77738" s="14" t="s">
        <v>35</v>
      </c>
      <c r="D77738" s="14" t="s">
        <v>176</v>
      </c>
      <c r="E77738" s="15">
        <v>45734</v>
      </c>
      <c r="F77738" s="14" t="s">
        <v>61</v>
      </c>
      <c r="G77738" s="16">
        <v>0</v>
      </c>
    </row>
    <row r="77739" spans="1:7" x14ac:dyDescent="0.3">
      <c r="A77739" s="13" t="s">
        <v>396</v>
      </c>
      <c r="B77739" s="14" t="s">
        <v>1</v>
      </c>
      <c r="C77739" s="14" t="s">
        <v>35</v>
      </c>
      <c r="D77739" s="14" t="s">
        <v>176</v>
      </c>
      <c r="E77739" s="15">
        <v>45735</v>
      </c>
      <c r="F77739" s="14" t="s">
        <v>61</v>
      </c>
      <c r="G77739" s="16">
        <v>0</v>
      </c>
    </row>
    <row r="77740" spans="1:7" x14ac:dyDescent="0.3">
      <c r="A77740" s="13" t="s">
        <v>396</v>
      </c>
      <c r="B77740" s="14" t="s">
        <v>1</v>
      </c>
      <c r="C77740" s="14" t="s">
        <v>35</v>
      </c>
      <c r="D77740" s="14" t="s">
        <v>176</v>
      </c>
      <c r="E77740" s="15">
        <v>45736</v>
      </c>
      <c r="F77740" s="14" t="s">
        <v>61</v>
      </c>
      <c r="G77740" s="16">
        <v>0</v>
      </c>
    </row>
    <row r="77741" spans="1:7" x14ac:dyDescent="0.3">
      <c r="A77741" s="13" t="s">
        <v>396</v>
      </c>
      <c r="B77741" s="14" t="s">
        <v>1</v>
      </c>
      <c r="C77741" s="14" t="s">
        <v>35</v>
      </c>
      <c r="D77741" s="14" t="s">
        <v>176</v>
      </c>
      <c r="E77741" s="15">
        <v>45737</v>
      </c>
      <c r="F77741" s="14" t="s">
        <v>61</v>
      </c>
      <c r="G77741" s="16">
        <v>0</v>
      </c>
    </row>
    <row r="77742" spans="1:7" x14ac:dyDescent="0.3">
      <c r="A77742" s="13" t="s">
        <v>396</v>
      </c>
      <c r="B77742" s="14" t="s">
        <v>1</v>
      </c>
      <c r="C77742" s="14" t="s">
        <v>35</v>
      </c>
      <c r="D77742" s="14" t="s">
        <v>176</v>
      </c>
      <c r="E77742" s="15">
        <v>45738</v>
      </c>
      <c r="F77742" s="14" t="s">
        <v>61</v>
      </c>
      <c r="G77742" s="16">
        <v>0</v>
      </c>
    </row>
    <row r="77743" spans="1:7" x14ac:dyDescent="0.3">
      <c r="A77743" s="13" t="s">
        <v>396</v>
      </c>
      <c r="B77743" s="14" t="s">
        <v>1</v>
      </c>
      <c r="C77743" s="14" t="s">
        <v>35</v>
      </c>
      <c r="D77743" s="14" t="s">
        <v>176</v>
      </c>
      <c r="E77743" s="15">
        <v>45739</v>
      </c>
      <c r="F77743" s="14" t="s">
        <v>61</v>
      </c>
      <c r="G77743" s="16">
        <v>0</v>
      </c>
    </row>
    <row r="77744" spans="1:7" x14ac:dyDescent="0.3">
      <c r="A77744" s="13" t="s">
        <v>396</v>
      </c>
      <c r="B77744" s="14" t="s">
        <v>1</v>
      </c>
      <c r="C77744" s="14" t="s">
        <v>35</v>
      </c>
      <c r="D77744" s="14" t="s">
        <v>176</v>
      </c>
      <c r="E77744" s="15">
        <v>45740</v>
      </c>
      <c r="F77744" s="14" t="s">
        <v>61</v>
      </c>
      <c r="G77744" s="16">
        <v>0</v>
      </c>
    </row>
    <row r="77745" spans="1:7" x14ac:dyDescent="0.3">
      <c r="A77745" s="13" t="s">
        <v>396</v>
      </c>
      <c r="B77745" s="14" t="s">
        <v>1</v>
      </c>
      <c r="C77745" s="14" t="s">
        <v>35</v>
      </c>
      <c r="D77745" s="14" t="s">
        <v>176</v>
      </c>
      <c r="E77745" s="15">
        <v>45741</v>
      </c>
      <c r="F77745" s="14" t="s">
        <v>61</v>
      </c>
      <c r="G77745" s="16">
        <v>0</v>
      </c>
    </row>
    <row r="77746" spans="1:7" x14ac:dyDescent="0.3">
      <c r="A77746" s="13" t="s">
        <v>396</v>
      </c>
      <c r="B77746" s="14" t="s">
        <v>1</v>
      </c>
      <c r="C77746" s="14" t="s">
        <v>35</v>
      </c>
      <c r="D77746" s="14" t="s">
        <v>176</v>
      </c>
      <c r="E77746" s="15">
        <v>45742</v>
      </c>
      <c r="F77746" s="14" t="s">
        <v>61</v>
      </c>
      <c r="G77746" s="16">
        <v>0</v>
      </c>
    </row>
    <row r="77747" spans="1:7" x14ac:dyDescent="0.3">
      <c r="A77747" s="13" t="s">
        <v>396</v>
      </c>
      <c r="B77747" s="14" t="s">
        <v>1</v>
      </c>
      <c r="C77747" s="14" t="s">
        <v>35</v>
      </c>
      <c r="D77747" s="14" t="s">
        <v>176</v>
      </c>
      <c r="E77747" s="15">
        <v>45743</v>
      </c>
      <c r="F77747" s="14" t="s">
        <v>61</v>
      </c>
      <c r="G77747" s="16">
        <v>0</v>
      </c>
    </row>
    <row r="77748" spans="1:7" x14ac:dyDescent="0.3">
      <c r="A77748" s="13" t="s">
        <v>396</v>
      </c>
      <c r="B77748" s="14" t="s">
        <v>1</v>
      </c>
      <c r="C77748" s="14" t="s">
        <v>35</v>
      </c>
      <c r="D77748" s="14" t="s">
        <v>176</v>
      </c>
      <c r="E77748" s="15">
        <v>45744</v>
      </c>
      <c r="F77748" s="14" t="s">
        <v>61</v>
      </c>
      <c r="G77748" s="16">
        <v>0.16183831650810093</v>
      </c>
    </row>
    <row r="77749" spans="1:7" x14ac:dyDescent="0.3">
      <c r="A77749" s="13" t="s">
        <v>396</v>
      </c>
      <c r="B77749" s="14" t="s">
        <v>1</v>
      </c>
      <c r="C77749" s="14" t="s">
        <v>35</v>
      </c>
      <c r="D77749" s="14" t="s">
        <v>176</v>
      </c>
      <c r="E77749" s="15">
        <v>45745</v>
      </c>
      <c r="F77749" s="14" t="s">
        <v>61</v>
      </c>
      <c r="G77749" s="16">
        <v>0.16183831650810093</v>
      </c>
    </row>
    <row r="77750" spans="1:7" x14ac:dyDescent="0.3">
      <c r="A77750" s="13" t="s">
        <v>396</v>
      </c>
      <c r="B77750" s="14" t="s">
        <v>1</v>
      </c>
      <c r="C77750" s="14" t="s">
        <v>35</v>
      </c>
      <c r="D77750" s="14" t="s">
        <v>176</v>
      </c>
      <c r="E77750" s="15">
        <v>45746</v>
      </c>
      <c r="F77750" s="14" t="s">
        <v>61</v>
      </c>
      <c r="G77750" s="16">
        <v>0.16183831650810093</v>
      </c>
    </row>
    <row r="77751" spans="1:7" x14ac:dyDescent="0.3">
      <c r="A77751" s="13" t="s">
        <v>396</v>
      </c>
      <c r="B77751" s="14" t="s">
        <v>1</v>
      </c>
      <c r="C77751" s="14" t="s">
        <v>35</v>
      </c>
      <c r="D77751" s="14" t="s">
        <v>176</v>
      </c>
      <c r="E77751" s="15">
        <v>45747</v>
      </c>
      <c r="F77751" s="14" t="s">
        <v>61</v>
      </c>
      <c r="G77751" s="16">
        <v>0.16183831650810093</v>
      </c>
    </row>
    <row r="77752" spans="1:7" x14ac:dyDescent="0.3">
      <c r="A77752" s="13" t="s">
        <v>397</v>
      </c>
      <c r="B77752" s="14" t="s">
        <v>1</v>
      </c>
      <c r="C77752" s="14" t="s">
        <v>41</v>
      </c>
      <c r="D77752" s="14" t="s">
        <v>398</v>
      </c>
      <c r="E77752" s="15">
        <v>45383</v>
      </c>
      <c r="F77752" s="14" t="s">
        <v>53</v>
      </c>
      <c r="G77752" s="16">
        <v>0</v>
      </c>
    </row>
    <row r="77753" spans="1:7" x14ac:dyDescent="0.3">
      <c r="A77753" s="13" t="s">
        <v>397</v>
      </c>
      <c r="B77753" s="14" t="s">
        <v>1</v>
      </c>
      <c r="C77753" s="14" t="s">
        <v>41</v>
      </c>
      <c r="D77753" s="14" t="s">
        <v>398</v>
      </c>
      <c r="E77753" s="15">
        <v>45384</v>
      </c>
      <c r="F77753" s="14" t="s">
        <v>53</v>
      </c>
      <c r="G77753" s="16">
        <v>0</v>
      </c>
    </row>
    <row r="77754" spans="1:7" x14ac:dyDescent="0.3">
      <c r="A77754" s="13" t="s">
        <v>397</v>
      </c>
      <c r="B77754" s="14" t="s">
        <v>1</v>
      </c>
      <c r="C77754" s="14" t="s">
        <v>41</v>
      </c>
      <c r="D77754" s="14" t="s">
        <v>398</v>
      </c>
      <c r="E77754" s="15">
        <v>45385</v>
      </c>
      <c r="F77754" s="14" t="s">
        <v>53</v>
      </c>
      <c r="G77754" s="16">
        <v>0</v>
      </c>
    </row>
    <row r="77755" spans="1:7" x14ac:dyDescent="0.3">
      <c r="A77755" s="13" t="s">
        <v>397</v>
      </c>
      <c r="B77755" s="14" t="s">
        <v>1</v>
      </c>
      <c r="C77755" s="14" t="s">
        <v>41</v>
      </c>
      <c r="D77755" s="14" t="s">
        <v>398</v>
      </c>
      <c r="E77755" s="15">
        <v>45386</v>
      </c>
      <c r="F77755" s="14" t="s">
        <v>53</v>
      </c>
      <c r="G77755" s="16">
        <v>0</v>
      </c>
    </row>
    <row r="77756" spans="1:7" x14ac:dyDescent="0.3">
      <c r="A77756" s="13" t="s">
        <v>397</v>
      </c>
      <c r="B77756" s="14" t="s">
        <v>1</v>
      </c>
      <c r="C77756" s="14" t="s">
        <v>41</v>
      </c>
      <c r="D77756" s="14" t="s">
        <v>398</v>
      </c>
      <c r="E77756" s="15">
        <v>45387</v>
      </c>
      <c r="F77756" s="14" t="s">
        <v>53</v>
      </c>
      <c r="G77756" s="16">
        <v>0</v>
      </c>
    </row>
    <row r="77757" spans="1:7" x14ac:dyDescent="0.3">
      <c r="A77757" s="13" t="s">
        <v>397</v>
      </c>
      <c r="B77757" s="14" t="s">
        <v>1</v>
      </c>
      <c r="C77757" s="14" t="s">
        <v>41</v>
      </c>
      <c r="D77757" s="14" t="s">
        <v>398</v>
      </c>
      <c r="E77757" s="15">
        <v>45388</v>
      </c>
      <c r="F77757" s="14" t="s">
        <v>53</v>
      </c>
      <c r="G77757" s="16">
        <v>0</v>
      </c>
    </row>
    <row r="77758" spans="1:7" x14ac:dyDescent="0.3">
      <c r="A77758" s="13" t="s">
        <v>397</v>
      </c>
      <c r="B77758" s="14" t="s">
        <v>1</v>
      </c>
      <c r="C77758" s="14" t="s">
        <v>41</v>
      </c>
      <c r="D77758" s="14" t="s">
        <v>398</v>
      </c>
      <c r="E77758" s="15">
        <v>45389</v>
      </c>
      <c r="F77758" s="14" t="s">
        <v>53</v>
      </c>
      <c r="G77758" s="16">
        <v>0</v>
      </c>
    </row>
    <row r="77759" spans="1:7" x14ac:dyDescent="0.3">
      <c r="A77759" s="13" t="s">
        <v>397</v>
      </c>
      <c r="B77759" s="14" t="s">
        <v>1</v>
      </c>
      <c r="C77759" s="14" t="s">
        <v>41</v>
      </c>
      <c r="D77759" s="14" t="s">
        <v>398</v>
      </c>
      <c r="E77759" s="15">
        <v>45390</v>
      </c>
      <c r="F77759" s="14" t="s">
        <v>53</v>
      </c>
      <c r="G77759" s="16">
        <v>0</v>
      </c>
    </row>
    <row r="77760" spans="1:7" x14ac:dyDescent="0.3">
      <c r="A77760" s="13" t="s">
        <v>397</v>
      </c>
      <c r="B77760" s="14" t="s">
        <v>1</v>
      </c>
      <c r="C77760" s="14" t="s">
        <v>41</v>
      </c>
      <c r="D77760" s="14" t="s">
        <v>398</v>
      </c>
      <c r="E77760" s="15">
        <v>45391</v>
      </c>
      <c r="F77760" s="14" t="s">
        <v>53</v>
      </c>
      <c r="G77760" s="16">
        <v>0</v>
      </c>
    </row>
    <row r="77761" spans="1:7" x14ac:dyDescent="0.3">
      <c r="A77761" s="13" t="s">
        <v>397</v>
      </c>
      <c r="B77761" s="14" t="s">
        <v>1</v>
      </c>
      <c r="C77761" s="14" t="s">
        <v>41</v>
      </c>
      <c r="D77761" s="14" t="s">
        <v>398</v>
      </c>
      <c r="E77761" s="15">
        <v>45392</v>
      </c>
      <c r="F77761" s="14" t="s">
        <v>53</v>
      </c>
      <c r="G77761" s="16">
        <v>0</v>
      </c>
    </row>
    <row r="77762" spans="1:7" x14ac:dyDescent="0.3">
      <c r="A77762" s="13" t="s">
        <v>397</v>
      </c>
      <c r="B77762" s="14" t="s">
        <v>1</v>
      </c>
      <c r="C77762" s="14" t="s">
        <v>41</v>
      </c>
      <c r="D77762" s="14" t="s">
        <v>398</v>
      </c>
      <c r="E77762" s="15">
        <v>45393</v>
      </c>
      <c r="F77762" s="14" t="s">
        <v>53</v>
      </c>
      <c r="G77762" s="16">
        <v>0</v>
      </c>
    </row>
    <row r="77763" spans="1:7" x14ac:dyDescent="0.3">
      <c r="A77763" s="13" t="s">
        <v>397</v>
      </c>
      <c r="B77763" s="14" t="s">
        <v>1</v>
      </c>
      <c r="C77763" s="14" t="s">
        <v>41</v>
      </c>
      <c r="D77763" s="14" t="s">
        <v>398</v>
      </c>
      <c r="E77763" s="15">
        <v>45394</v>
      </c>
      <c r="F77763" s="14" t="s">
        <v>53</v>
      </c>
      <c r="G77763" s="16">
        <v>0</v>
      </c>
    </row>
    <row r="77764" spans="1:7" x14ac:dyDescent="0.3">
      <c r="A77764" s="13" t="s">
        <v>397</v>
      </c>
      <c r="B77764" s="14" t="s">
        <v>1</v>
      </c>
      <c r="C77764" s="14" t="s">
        <v>41</v>
      </c>
      <c r="D77764" s="14" t="s">
        <v>398</v>
      </c>
      <c r="E77764" s="15">
        <v>45395</v>
      </c>
      <c r="F77764" s="14" t="s">
        <v>53</v>
      </c>
      <c r="G77764" s="16">
        <v>0</v>
      </c>
    </row>
    <row r="77765" spans="1:7" x14ac:dyDescent="0.3">
      <c r="A77765" s="13" t="s">
        <v>397</v>
      </c>
      <c r="B77765" s="14" t="s">
        <v>1</v>
      </c>
      <c r="C77765" s="14" t="s">
        <v>41</v>
      </c>
      <c r="D77765" s="14" t="s">
        <v>398</v>
      </c>
      <c r="E77765" s="15">
        <v>45396</v>
      </c>
      <c r="F77765" s="14" t="s">
        <v>53</v>
      </c>
      <c r="G77765" s="16">
        <v>0</v>
      </c>
    </row>
    <row r="77766" spans="1:7" x14ac:dyDescent="0.3">
      <c r="A77766" s="13" t="s">
        <v>397</v>
      </c>
      <c r="B77766" s="14" t="s">
        <v>1</v>
      </c>
      <c r="C77766" s="14" t="s">
        <v>41</v>
      </c>
      <c r="D77766" s="14" t="s">
        <v>398</v>
      </c>
      <c r="E77766" s="15">
        <v>45397</v>
      </c>
      <c r="F77766" s="14" t="s">
        <v>53</v>
      </c>
      <c r="G77766" s="16">
        <v>0</v>
      </c>
    </row>
    <row r="77767" spans="1:7" x14ac:dyDescent="0.3">
      <c r="A77767" s="13" t="s">
        <v>397</v>
      </c>
      <c r="B77767" s="14" t="s">
        <v>1</v>
      </c>
      <c r="C77767" s="14" t="s">
        <v>41</v>
      </c>
      <c r="D77767" s="14" t="s">
        <v>398</v>
      </c>
      <c r="E77767" s="15">
        <v>45398</v>
      </c>
      <c r="F77767" s="14" t="s">
        <v>53</v>
      </c>
      <c r="G77767" s="16">
        <v>0</v>
      </c>
    </row>
    <row r="77768" spans="1:7" x14ac:dyDescent="0.3">
      <c r="A77768" s="13" t="s">
        <v>397</v>
      </c>
      <c r="B77768" s="14" t="s">
        <v>1</v>
      </c>
      <c r="C77768" s="14" t="s">
        <v>41</v>
      </c>
      <c r="D77768" s="14" t="s">
        <v>398</v>
      </c>
      <c r="E77768" s="15">
        <v>45399</v>
      </c>
      <c r="F77768" s="14" t="s">
        <v>53</v>
      </c>
      <c r="G77768" s="16">
        <v>0</v>
      </c>
    </row>
    <row r="77769" spans="1:7" x14ac:dyDescent="0.3">
      <c r="A77769" s="13" t="s">
        <v>397</v>
      </c>
      <c r="B77769" s="14" t="s">
        <v>1</v>
      </c>
      <c r="C77769" s="14" t="s">
        <v>41</v>
      </c>
      <c r="D77769" s="14" t="s">
        <v>398</v>
      </c>
      <c r="E77769" s="15">
        <v>45400</v>
      </c>
      <c r="F77769" s="14" t="s">
        <v>53</v>
      </c>
      <c r="G77769" s="16">
        <v>0</v>
      </c>
    </row>
    <row r="77770" spans="1:7" x14ac:dyDescent="0.3">
      <c r="A77770" s="13" t="s">
        <v>397</v>
      </c>
      <c r="B77770" s="14" t="s">
        <v>1</v>
      </c>
      <c r="C77770" s="14" t="s">
        <v>41</v>
      </c>
      <c r="D77770" s="14" t="s">
        <v>398</v>
      </c>
      <c r="E77770" s="15">
        <v>45401</v>
      </c>
      <c r="F77770" s="14" t="s">
        <v>53</v>
      </c>
      <c r="G77770" s="16">
        <v>0</v>
      </c>
    </row>
    <row r="77771" spans="1:7" x14ac:dyDescent="0.3">
      <c r="A77771" s="13" t="s">
        <v>397</v>
      </c>
      <c r="B77771" s="14" t="s">
        <v>1</v>
      </c>
      <c r="C77771" s="14" t="s">
        <v>41</v>
      </c>
      <c r="D77771" s="14" t="s">
        <v>398</v>
      </c>
      <c r="E77771" s="15">
        <v>45402</v>
      </c>
      <c r="F77771" s="14" t="s">
        <v>53</v>
      </c>
      <c r="G77771" s="16">
        <v>0</v>
      </c>
    </row>
    <row r="77772" spans="1:7" x14ac:dyDescent="0.3">
      <c r="A77772" s="13" t="s">
        <v>397</v>
      </c>
      <c r="B77772" s="14" t="s">
        <v>1</v>
      </c>
      <c r="C77772" s="14" t="s">
        <v>41</v>
      </c>
      <c r="D77772" s="14" t="s">
        <v>398</v>
      </c>
      <c r="E77772" s="15">
        <v>45403</v>
      </c>
      <c r="F77772" s="14" t="s">
        <v>53</v>
      </c>
      <c r="G77772" s="16">
        <v>0</v>
      </c>
    </row>
    <row r="77773" spans="1:7" x14ac:dyDescent="0.3">
      <c r="A77773" s="13" t="s">
        <v>397</v>
      </c>
      <c r="B77773" s="14" t="s">
        <v>1</v>
      </c>
      <c r="C77773" s="14" t="s">
        <v>41</v>
      </c>
      <c r="D77773" s="14" t="s">
        <v>398</v>
      </c>
      <c r="E77773" s="15">
        <v>45404</v>
      </c>
      <c r="F77773" s="14" t="s">
        <v>53</v>
      </c>
      <c r="G77773" s="16">
        <v>0</v>
      </c>
    </row>
    <row r="77774" spans="1:7" x14ac:dyDescent="0.3">
      <c r="A77774" s="13" t="s">
        <v>397</v>
      </c>
      <c r="B77774" s="14" t="s">
        <v>1</v>
      </c>
      <c r="C77774" s="14" t="s">
        <v>41</v>
      </c>
      <c r="D77774" s="14" t="s">
        <v>398</v>
      </c>
      <c r="E77774" s="15">
        <v>45405</v>
      </c>
      <c r="F77774" s="14" t="s">
        <v>53</v>
      </c>
      <c r="G77774" s="16">
        <v>0</v>
      </c>
    </row>
    <row r="77775" spans="1:7" x14ac:dyDescent="0.3">
      <c r="A77775" s="13" t="s">
        <v>397</v>
      </c>
      <c r="B77775" s="14" t="s">
        <v>1</v>
      </c>
      <c r="C77775" s="14" t="s">
        <v>41</v>
      </c>
      <c r="D77775" s="14" t="s">
        <v>398</v>
      </c>
      <c r="E77775" s="15">
        <v>45406</v>
      </c>
      <c r="F77775" s="14" t="s">
        <v>53</v>
      </c>
      <c r="G77775" s="16">
        <v>0</v>
      </c>
    </row>
    <row r="77776" spans="1:7" x14ac:dyDescent="0.3">
      <c r="A77776" s="13" t="s">
        <v>397</v>
      </c>
      <c r="B77776" s="14" t="s">
        <v>1</v>
      </c>
      <c r="C77776" s="14" t="s">
        <v>41</v>
      </c>
      <c r="D77776" s="14" t="s">
        <v>398</v>
      </c>
      <c r="E77776" s="15">
        <v>45407</v>
      </c>
      <c r="F77776" s="14" t="s">
        <v>53</v>
      </c>
      <c r="G77776" s="16">
        <v>0</v>
      </c>
    </row>
    <row r="77777" spans="1:7" x14ac:dyDescent="0.3">
      <c r="A77777" s="13" t="s">
        <v>397</v>
      </c>
      <c r="B77777" s="14" t="s">
        <v>1</v>
      </c>
      <c r="C77777" s="14" t="s">
        <v>41</v>
      </c>
      <c r="D77777" s="14" t="s">
        <v>398</v>
      </c>
      <c r="E77777" s="15">
        <v>45408</v>
      </c>
      <c r="F77777" s="14" t="s">
        <v>53</v>
      </c>
      <c r="G77777" s="16">
        <v>0</v>
      </c>
    </row>
    <row r="77778" spans="1:7" x14ac:dyDescent="0.3">
      <c r="A77778" s="13" t="s">
        <v>397</v>
      </c>
      <c r="B77778" s="14" t="s">
        <v>1</v>
      </c>
      <c r="C77778" s="14" t="s">
        <v>41</v>
      </c>
      <c r="D77778" s="14" t="s">
        <v>398</v>
      </c>
      <c r="E77778" s="15">
        <v>45409</v>
      </c>
      <c r="F77778" s="14" t="s">
        <v>53</v>
      </c>
      <c r="G77778" s="16">
        <v>0</v>
      </c>
    </row>
    <row r="77779" spans="1:7" x14ac:dyDescent="0.3">
      <c r="A77779" s="13" t="s">
        <v>397</v>
      </c>
      <c r="B77779" s="14" t="s">
        <v>1</v>
      </c>
      <c r="C77779" s="14" t="s">
        <v>41</v>
      </c>
      <c r="D77779" s="14" t="s">
        <v>398</v>
      </c>
      <c r="E77779" s="15">
        <v>45410</v>
      </c>
      <c r="F77779" s="14" t="s">
        <v>53</v>
      </c>
      <c r="G77779" s="16">
        <v>0</v>
      </c>
    </row>
    <row r="77780" spans="1:7" x14ac:dyDescent="0.3">
      <c r="A77780" s="13" t="s">
        <v>397</v>
      </c>
      <c r="B77780" s="14" t="s">
        <v>1</v>
      </c>
      <c r="C77780" s="14" t="s">
        <v>41</v>
      </c>
      <c r="D77780" s="14" t="s">
        <v>398</v>
      </c>
      <c r="E77780" s="15">
        <v>45411</v>
      </c>
      <c r="F77780" s="14" t="s">
        <v>53</v>
      </c>
      <c r="G77780" s="16">
        <v>0</v>
      </c>
    </row>
    <row r="77781" spans="1:7" x14ac:dyDescent="0.3">
      <c r="A77781" s="13" t="s">
        <v>397</v>
      </c>
      <c r="B77781" s="14" t="s">
        <v>1</v>
      </c>
      <c r="C77781" s="14" t="s">
        <v>41</v>
      </c>
      <c r="D77781" s="14" t="s">
        <v>398</v>
      </c>
      <c r="E77781" s="15">
        <v>45412</v>
      </c>
      <c r="F77781" s="14" t="s">
        <v>53</v>
      </c>
      <c r="G77781" s="16">
        <v>0</v>
      </c>
    </row>
    <row r="77782" spans="1:7" x14ac:dyDescent="0.3">
      <c r="A77782" s="13" t="s">
        <v>397</v>
      </c>
      <c r="B77782" s="14" t="s">
        <v>1</v>
      </c>
      <c r="C77782" s="14" t="s">
        <v>41</v>
      </c>
      <c r="D77782" s="14" t="s">
        <v>398</v>
      </c>
      <c r="E77782" s="15">
        <v>45413</v>
      </c>
      <c r="F77782" s="14" t="s">
        <v>53</v>
      </c>
      <c r="G77782" s="16">
        <v>0</v>
      </c>
    </row>
    <row r="77783" spans="1:7" x14ac:dyDescent="0.3">
      <c r="A77783" s="13" t="s">
        <v>397</v>
      </c>
      <c r="B77783" s="14" t="s">
        <v>1</v>
      </c>
      <c r="C77783" s="14" t="s">
        <v>41</v>
      </c>
      <c r="D77783" s="14" t="s">
        <v>398</v>
      </c>
      <c r="E77783" s="15">
        <v>45414</v>
      </c>
      <c r="F77783" s="14" t="s">
        <v>53</v>
      </c>
      <c r="G77783" s="16">
        <v>0</v>
      </c>
    </row>
    <row r="77784" spans="1:7" x14ac:dyDescent="0.3">
      <c r="A77784" s="13" t="s">
        <v>397</v>
      </c>
      <c r="B77784" s="14" t="s">
        <v>1</v>
      </c>
      <c r="C77784" s="14" t="s">
        <v>41</v>
      </c>
      <c r="D77784" s="14" t="s">
        <v>398</v>
      </c>
      <c r="E77784" s="15">
        <v>45415</v>
      </c>
      <c r="F77784" s="14" t="s">
        <v>53</v>
      </c>
      <c r="G77784" s="16">
        <v>0</v>
      </c>
    </row>
    <row r="77785" spans="1:7" x14ac:dyDescent="0.3">
      <c r="A77785" s="13" t="s">
        <v>397</v>
      </c>
      <c r="B77785" s="14" t="s">
        <v>1</v>
      </c>
      <c r="C77785" s="14" t="s">
        <v>41</v>
      </c>
      <c r="D77785" s="14" t="s">
        <v>398</v>
      </c>
      <c r="E77785" s="15">
        <v>45416</v>
      </c>
      <c r="F77785" s="14" t="s">
        <v>53</v>
      </c>
      <c r="G77785" s="16">
        <v>0</v>
      </c>
    </row>
    <row r="77786" spans="1:7" x14ac:dyDescent="0.3">
      <c r="A77786" s="13" t="s">
        <v>397</v>
      </c>
      <c r="B77786" s="14" t="s">
        <v>1</v>
      </c>
      <c r="C77786" s="14" t="s">
        <v>41</v>
      </c>
      <c r="D77786" s="14" t="s">
        <v>398</v>
      </c>
      <c r="E77786" s="15">
        <v>45417</v>
      </c>
      <c r="F77786" s="14" t="s">
        <v>53</v>
      </c>
      <c r="G77786" s="16">
        <v>0</v>
      </c>
    </row>
    <row r="77787" spans="1:7" x14ac:dyDescent="0.3">
      <c r="A77787" s="13" t="s">
        <v>397</v>
      </c>
      <c r="B77787" s="14" t="s">
        <v>1</v>
      </c>
      <c r="C77787" s="14" t="s">
        <v>41</v>
      </c>
      <c r="D77787" s="14" t="s">
        <v>398</v>
      </c>
      <c r="E77787" s="15">
        <v>45418</v>
      </c>
      <c r="F77787" s="14" t="s">
        <v>53</v>
      </c>
      <c r="G77787" s="16">
        <v>0</v>
      </c>
    </row>
    <row r="77788" spans="1:7" x14ac:dyDescent="0.3">
      <c r="A77788" s="13" t="s">
        <v>397</v>
      </c>
      <c r="B77788" s="14" t="s">
        <v>1</v>
      </c>
      <c r="C77788" s="14" t="s">
        <v>41</v>
      </c>
      <c r="D77788" s="14" t="s">
        <v>398</v>
      </c>
      <c r="E77788" s="15">
        <v>45419</v>
      </c>
      <c r="F77788" s="14" t="s">
        <v>53</v>
      </c>
      <c r="G77788" s="16">
        <v>0</v>
      </c>
    </row>
    <row r="77789" spans="1:7" x14ac:dyDescent="0.3">
      <c r="A77789" s="13" t="s">
        <v>397</v>
      </c>
      <c r="B77789" s="14" t="s">
        <v>1</v>
      </c>
      <c r="C77789" s="14" t="s">
        <v>41</v>
      </c>
      <c r="D77789" s="14" t="s">
        <v>398</v>
      </c>
      <c r="E77789" s="15">
        <v>45420</v>
      </c>
      <c r="F77789" s="14" t="s">
        <v>53</v>
      </c>
      <c r="G77789" s="16">
        <v>0</v>
      </c>
    </row>
    <row r="77790" spans="1:7" x14ac:dyDescent="0.3">
      <c r="A77790" s="13" t="s">
        <v>397</v>
      </c>
      <c r="B77790" s="14" t="s">
        <v>1</v>
      </c>
      <c r="C77790" s="14" t="s">
        <v>41</v>
      </c>
      <c r="D77790" s="14" t="s">
        <v>398</v>
      </c>
      <c r="E77790" s="15">
        <v>45421</v>
      </c>
      <c r="F77790" s="14" t="s">
        <v>53</v>
      </c>
      <c r="G77790" s="16">
        <v>0</v>
      </c>
    </row>
    <row r="77791" spans="1:7" x14ac:dyDescent="0.3">
      <c r="A77791" s="13" t="s">
        <v>397</v>
      </c>
      <c r="B77791" s="14" t="s">
        <v>1</v>
      </c>
      <c r="C77791" s="14" t="s">
        <v>41</v>
      </c>
      <c r="D77791" s="14" t="s">
        <v>398</v>
      </c>
      <c r="E77791" s="15">
        <v>45422</v>
      </c>
      <c r="F77791" s="14" t="s">
        <v>53</v>
      </c>
      <c r="G77791" s="16">
        <v>0</v>
      </c>
    </row>
    <row r="77792" spans="1:7" x14ac:dyDescent="0.3">
      <c r="A77792" s="13" t="s">
        <v>397</v>
      </c>
      <c r="B77792" s="14" t="s">
        <v>1</v>
      </c>
      <c r="C77792" s="14" t="s">
        <v>41</v>
      </c>
      <c r="D77792" s="14" t="s">
        <v>398</v>
      </c>
      <c r="E77792" s="15">
        <v>45423</v>
      </c>
      <c r="F77792" s="14" t="s">
        <v>53</v>
      </c>
      <c r="G77792" s="16">
        <v>0</v>
      </c>
    </row>
    <row r="77793" spans="1:7" x14ac:dyDescent="0.3">
      <c r="A77793" s="13" t="s">
        <v>397</v>
      </c>
      <c r="B77793" s="14" t="s">
        <v>1</v>
      </c>
      <c r="C77793" s="14" t="s">
        <v>41</v>
      </c>
      <c r="D77793" s="14" t="s">
        <v>398</v>
      </c>
      <c r="E77793" s="15">
        <v>45424</v>
      </c>
      <c r="F77793" s="14" t="s">
        <v>53</v>
      </c>
      <c r="G77793" s="16">
        <v>0</v>
      </c>
    </row>
    <row r="77794" spans="1:7" x14ac:dyDescent="0.3">
      <c r="A77794" s="13" t="s">
        <v>397</v>
      </c>
      <c r="B77794" s="14" t="s">
        <v>1</v>
      </c>
      <c r="C77794" s="14" t="s">
        <v>41</v>
      </c>
      <c r="D77794" s="14" t="s">
        <v>398</v>
      </c>
      <c r="E77794" s="15">
        <v>45425</v>
      </c>
      <c r="F77794" s="14" t="s">
        <v>53</v>
      </c>
      <c r="G77794" s="16">
        <v>0</v>
      </c>
    </row>
    <row r="77795" spans="1:7" x14ac:dyDescent="0.3">
      <c r="A77795" s="13" t="s">
        <v>397</v>
      </c>
      <c r="B77795" s="14" t="s">
        <v>1</v>
      </c>
      <c r="C77795" s="14" t="s">
        <v>41</v>
      </c>
      <c r="D77795" s="14" t="s">
        <v>398</v>
      </c>
      <c r="E77795" s="15">
        <v>45426</v>
      </c>
      <c r="F77795" s="14" t="s">
        <v>53</v>
      </c>
      <c r="G77795" s="16">
        <v>0</v>
      </c>
    </row>
    <row r="77796" spans="1:7" x14ac:dyDescent="0.3">
      <c r="A77796" s="13" t="s">
        <v>397</v>
      </c>
      <c r="B77796" s="14" t="s">
        <v>1</v>
      </c>
      <c r="C77796" s="14" t="s">
        <v>41</v>
      </c>
      <c r="D77796" s="14" t="s">
        <v>398</v>
      </c>
      <c r="E77796" s="15">
        <v>45427</v>
      </c>
      <c r="F77796" s="14" t="s">
        <v>53</v>
      </c>
      <c r="G77796" s="16">
        <v>0</v>
      </c>
    </row>
    <row r="77797" spans="1:7" x14ac:dyDescent="0.3">
      <c r="A77797" s="13" t="s">
        <v>397</v>
      </c>
      <c r="B77797" s="14" t="s">
        <v>1</v>
      </c>
      <c r="C77797" s="14" t="s">
        <v>41</v>
      </c>
      <c r="D77797" s="14" t="s">
        <v>398</v>
      </c>
      <c r="E77797" s="15">
        <v>45428</v>
      </c>
      <c r="F77797" s="14" t="s">
        <v>53</v>
      </c>
      <c r="G77797" s="16">
        <v>0</v>
      </c>
    </row>
    <row r="77798" spans="1:7" x14ac:dyDescent="0.3">
      <c r="A77798" s="13" t="s">
        <v>397</v>
      </c>
      <c r="B77798" s="14" t="s">
        <v>1</v>
      </c>
      <c r="C77798" s="14" t="s">
        <v>41</v>
      </c>
      <c r="D77798" s="14" t="s">
        <v>398</v>
      </c>
      <c r="E77798" s="15">
        <v>45429</v>
      </c>
      <c r="F77798" s="14" t="s">
        <v>53</v>
      </c>
      <c r="G77798" s="16">
        <v>0</v>
      </c>
    </row>
    <row r="77799" spans="1:7" x14ac:dyDescent="0.3">
      <c r="A77799" s="13" t="s">
        <v>397</v>
      </c>
      <c r="B77799" s="14" t="s">
        <v>1</v>
      </c>
      <c r="C77799" s="14" t="s">
        <v>41</v>
      </c>
      <c r="D77799" s="14" t="s">
        <v>398</v>
      </c>
      <c r="E77799" s="15">
        <v>45430</v>
      </c>
      <c r="F77799" s="14" t="s">
        <v>53</v>
      </c>
      <c r="G77799" s="16">
        <v>0</v>
      </c>
    </row>
    <row r="77800" spans="1:7" x14ac:dyDescent="0.3">
      <c r="A77800" s="13" t="s">
        <v>397</v>
      </c>
      <c r="B77800" s="14" t="s">
        <v>1</v>
      </c>
      <c r="C77800" s="14" t="s">
        <v>41</v>
      </c>
      <c r="D77800" s="14" t="s">
        <v>398</v>
      </c>
      <c r="E77800" s="15">
        <v>45431</v>
      </c>
      <c r="F77800" s="14" t="s">
        <v>53</v>
      </c>
      <c r="G77800" s="16">
        <v>0</v>
      </c>
    </row>
    <row r="77801" spans="1:7" x14ac:dyDescent="0.3">
      <c r="A77801" s="13" t="s">
        <v>397</v>
      </c>
      <c r="B77801" s="14" t="s">
        <v>1</v>
      </c>
      <c r="C77801" s="14" t="s">
        <v>41</v>
      </c>
      <c r="D77801" s="14" t="s">
        <v>398</v>
      </c>
      <c r="E77801" s="15">
        <v>45432</v>
      </c>
      <c r="F77801" s="14" t="s">
        <v>53</v>
      </c>
      <c r="G77801" s="16">
        <v>0</v>
      </c>
    </row>
    <row r="77802" spans="1:7" x14ac:dyDescent="0.3">
      <c r="A77802" s="13" t="s">
        <v>397</v>
      </c>
      <c r="B77802" s="14" t="s">
        <v>1</v>
      </c>
      <c r="C77802" s="14" t="s">
        <v>41</v>
      </c>
      <c r="D77802" s="14" t="s">
        <v>398</v>
      </c>
      <c r="E77802" s="15">
        <v>45433</v>
      </c>
      <c r="F77802" s="14" t="s">
        <v>53</v>
      </c>
      <c r="G77802" s="16">
        <v>0</v>
      </c>
    </row>
    <row r="77803" spans="1:7" x14ac:dyDescent="0.3">
      <c r="A77803" s="13" t="s">
        <v>397</v>
      </c>
      <c r="B77803" s="14" t="s">
        <v>1</v>
      </c>
      <c r="C77803" s="14" t="s">
        <v>41</v>
      </c>
      <c r="D77803" s="14" t="s">
        <v>398</v>
      </c>
      <c r="E77803" s="15">
        <v>45434</v>
      </c>
      <c r="F77803" s="14" t="s">
        <v>53</v>
      </c>
      <c r="G77803" s="16">
        <v>0</v>
      </c>
    </row>
    <row r="77804" spans="1:7" x14ac:dyDescent="0.3">
      <c r="A77804" s="13" t="s">
        <v>397</v>
      </c>
      <c r="B77804" s="14" t="s">
        <v>1</v>
      </c>
      <c r="C77804" s="14" t="s">
        <v>41</v>
      </c>
      <c r="D77804" s="14" t="s">
        <v>398</v>
      </c>
      <c r="E77804" s="15">
        <v>45435</v>
      </c>
      <c r="F77804" s="14" t="s">
        <v>53</v>
      </c>
      <c r="G77804" s="16">
        <v>0</v>
      </c>
    </row>
    <row r="77805" spans="1:7" x14ac:dyDescent="0.3">
      <c r="A77805" s="13" t="s">
        <v>397</v>
      </c>
      <c r="B77805" s="14" t="s">
        <v>1</v>
      </c>
      <c r="C77805" s="14" t="s">
        <v>41</v>
      </c>
      <c r="D77805" s="14" t="s">
        <v>398</v>
      </c>
      <c r="E77805" s="15">
        <v>45436</v>
      </c>
      <c r="F77805" s="14" t="s">
        <v>53</v>
      </c>
      <c r="G77805" s="16">
        <v>0</v>
      </c>
    </row>
    <row r="77806" spans="1:7" x14ac:dyDescent="0.3">
      <c r="A77806" s="13" t="s">
        <v>397</v>
      </c>
      <c r="B77806" s="14" t="s">
        <v>1</v>
      </c>
      <c r="C77806" s="14" t="s">
        <v>41</v>
      </c>
      <c r="D77806" s="14" t="s">
        <v>398</v>
      </c>
      <c r="E77806" s="15">
        <v>45437</v>
      </c>
      <c r="F77806" s="14" t="s">
        <v>53</v>
      </c>
      <c r="G77806" s="16">
        <v>0</v>
      </c>
    </row>
    <row r="77807" spans="1:7" x14ac:dyDescent="0.3">
      <c r="A77807" s="13" t="s">
        <v>397</v>
      </c>
      <c r="B77807" s="14" t="s">
        <v>1</v>
      </c>
      <c r="C77807" s="14" t="s">
        <v>41</v>
      </c>
      <c r="D77807" s="14" t="s">
        <v>398</v>
      </c>
      <c r="E77807" s="15">
        <v>45438</v>
      </c>
      <c r="F77807" s="14" t="s">
        <v>53</v>
      </c>
      <c r="G77807" s="16">
        <v>0</v>
      </c>
    </row>
    <row r="77808" spans="1:7" x14ac:dyDescent="0.3">
      <c r="A77808" s="13" t="s">
        <v>397</v>
      </c>
      <c r="B77808" s="14" t="s">
        <v>1</v>
      </c>
      <c r="C77808" s="14" t="s">
        <v>41</v>
      </c>
      <c r="D77808" s="14" t="s">
        <v>398</v>
      </c>
      <c r="E77808" s="15">
        <v>45439</v>
      </c>
      <c r="F77808" s="14" t="s">
        <v>53</v>
      </c>
      <c r="G77808" s="16">
        <v>0</v>
      </c>
    </row>
    <row r="77809" spans="1:7" x14ac:dyDescent="0.3">
      <c r="A77809" s="13" t="s">
        <v>397</v>
      </c>
      <c r="B77809" s="14" t="s">
        <v>1</v>
      </c>
      <c r="C77809" s="14" t="s">
        <v>41</v>
      </c>
      <c r="D77809" s="14" t="s">
        <v>398</v>
      </c>
      <c r="E77809" s="15">
        <v>45440</v>
      </c>
      <c r="F77809" s="14" t="s">
        <v>53</v>
      </c>
      <c r="G77809" s="16">
        <v>0</v>
      </c>
    </row>
    <row r="77810" spans="1:7" x14ac:dyDescent="0.3">
      <c r="A77810" s="13" t="s">
        <v>397</v>
      </c>
      <c r="B77810" s="14" t="s">
        <v>1</v>
      </c>
      <c r="C77810" s="14" t="s">
        <v>41</v>
      </c>
      <c r="D77810" s="14" t="s">
        <v>398</v>
      </c>
      <c r="E77810" s="15">
        <v>45441</v>
      </c>
      <c r="F77810" s="14" t="s">
        <v>53</v>
      </c>
      <c r="G77810" s="16">
        <v>0</v>
      </c>
    </row>
    <row r="77811" spans="1:7" x14ac:dyDescent="0.3">
      <c r="A77811" s="13" t="s">
        <v>397</v>
      </c>
      <c r="B77811" s="14" t="s">
        <v>1</v>
      </c>
      <c r="C77811" s="14" t="s">
        <v>41</v>
      </c>
      <c r="D77811" s="14" t="s">
        <v>398</v>
      </c>
      <c r="E77811" s="15">
        <v>45442</v>
      </c>
      <c r="F77811" s="14" t="s">
        <v>53</v>
      </c>
      <c r="G77811" s="16">
        <v>0</v>
      </c>
    </row>
    <row r="77812" spans="1:7" x14ac:dyDescent="0.3">
      <c r="A77812" s="13" t="s">
        <v>397</v>
      </c>
      <c r="B77812" s="14" t="s">
        <v>1</v>
      </c>
      <c r="C77812" s="14" t="s">
        <v>41</v>
      </c>
      <c r="D77812" s="14" t="s">
        <v>398</v>
      </c>
      <c r="E77812" s="15">
        <v>45443</v>
      </c>
      <c r="F77812" s="14" t="s">
        <v>53</v>
      </c>
      <c r="G77812" s="16">
        <v>0</v>
      </c>
    </row>
    <row r="77813" spans="1:7" x14ac:dyDescent="0.3">
      <c r="A77813" s="13" t="s">
        <v>397</v>
      </c>
      <c r="B77813" s="14" t="s">
        <v>1</v>
      </c>
      <c r="C77813" s="14" t="s">
        <v>41</v>
      </c>
      <c r="D77813" s="14" t="s">
        <v>398</v>
      </c>
      <c r="E77813" s="15">
        <v>45444</v>
      </c>
      <c r="F77813" s="14" t="s">
        <v>53</v>
      </c>
      <c r="G77813" s="16">
        <v>0</v>
      </c>
    </row>
    <row r="77814" spans="1:7" x14ac:dyDescent="0.3">
      <c r="A77814" s="13" t="s">
        <v>397</v>
      </c>
      <c r="B77814" s="14" t="s">
        <v>1</v>
      </c>
      <c r="C77814" s="14" t="s">
        <v>41</v>
      </c>
      <c r="D77814" s="14" t="s">
        <v>398</v>
      </c>
      <c r="E77814" s="15">
        <v>45445</v>
      </c>
      <c r="F77814" s="14" t="s">
        <v>53</v>
      </c>
      <c r="G77814" s="16">
        <v>0</v>
      </c>
    </row>
    <row r="77815" spans="1:7" x14ac:dyDescent="0.3">
      <c r="A77815" s="13" t="s">
        <v>397</v>
      </c>
      <c r="B77815" s="14" t="s">
        <v>1</v>
      </c>
      <c r="C77815" s="14" t="s">
        <v>41</v>
      </c>
      <c r="D77815" s="14" t="s">
        <v>398</v>
      </c>
      <c r="E77815" s="15">
        <v>45446</v>
      </c>
      <c r="F77815" s="14" t="s">
        <v>53</v>
      </c>
      <c r="G77815" s="16">
        <v>0</v>
      </c>
    </row>
    <row r="77816" spans="1:7" x14ac:dyDescent="0.3">
      <c r="A77816" s="13" t="s">
        <v>397</v>
      </c>
      <c r="B77816" s="14" t="s">
        <v>1</v>
      </c>
      <c r="C77816" s="14" t="s">
        <v>41</v>
      </c>
      <c r="D77816" s="14" t="s">
        <v>398</v>
      </c>
      <c r="E77816" s="15">
        <v>45447</v>
      </c>
      <c r="F77816" s="14" t="s">
        <v>53</v>
      </c>
      <c r="G77816" s="16">
        <v>0</v>
      </c>
    </row>
    <row r="77817" spans="1:7" x14ac:dyDescent="0.3">
      <c r="A77817" s="13" t="s">
        <v>397</v>
      </c>
      <c r="B77817" s="14" t="s">
        <v>1</v>
      </c>
      <c r="C77817" s="14" t="s">
        <v>41</v>
      </c>
      <c r="D77817" s="14" t="s">
        <v>398</v>
      </c>
      <c r="E77817" s="15">
        <v>45448</v>
      </c>
      <c r="F77817" s="14" t="s">
        <v>53</v>
      </c>
      <c r="G77817" s="16">
        <v>0</v>
      </c>
    </row>
    <row r="77818" spans="1:7" x14ac:dyDescent="0.3">
      <c r="A77818" s="13" t="s">
        <v>397</v>
      </c>
      <c r="B77818" s="14" t="s">
        <v>1</v>
      </c>
      <c r="C77818" s="14" t="s">
        <v>41</v>
      </c>
      <c r="D77818" s="14" t="s">
        <v>398</v>
      </c>
      <c r="E77818" s="15">
        <v>45449</v>
      </c>
      <c r="F77818" s="14" t="s">
        <v>53</v>
      </c>
      <c r="G77818" s="16">
        <v>0</v>
      </c>
    </row>
    <row r="77819" spans="1:7" x14ac:dyDescent="0.3">
      <c r="A77819" s="13" t="s">
        <v>397</v>
      </c>
      <c r="B77819" s="14" t="s">
        <v>1</v>
      </c>
      <c r="C77819" s="14" t="s">
        <v>41</v>
      </c>
      <c r="D77819" s="14" t="s">
        <v>398</v>
      </c>
      <c r="E77819" s="15">
        <v>45450</v>
      </c>
      <c r="F77819" s="14" t="s">
        <v>53</v>
      </c>
      <c r="G77819" s="16">
        <v>0</v>
      </c>
    </row>
    <row r="77820" spans="1:7" x14ac:dyDescent="0.3">
      <c r="A77820" s="13" t="s">
        <v>397</v>
      </c>
      <c r="B77820" s="14" t="s">
        <v>1</v>
      </c>
      <c r="C77820" s="14" t="s">
        <v>41</v>
      </c>
      <c r="D77820" s="14" t="s">
        <v>398</v>
      </c>
      <c r="E77820" s="15">
        <v>45451</v>
      </c>
      <c r="F77820" s="14" t="s">
        <v>53</v>
      </c>
      <c r="G77820" s="16">
        <v>0</v>
      </c>
    </row>
    <row r="77821" spans="1:7" x14ac:dyDescent="0.3">
      <c r="A77821" s="13" t="s">
        <v>397</v>
      </c>
      <c r="B77821" s="14" t="s">
        <v>1</v>
      </c>
      <c r="C77821" s="14" t="s">
        <v>41</v>
      </c>
      <c r="D77821" s="14" t="s">
        <v>398</v>
      </c>
      <c r="E77821" s="15">
        <v>45452</v>
      </c>
      <c r="F77821" s="14" t="s">
        <v>53</v>
      </c>
      <c r="G77821" s="16">
        <v>0</v>
      </c>
    </row>
    <row r="77822" spans="1:7" x14ac:dyDescent="0.3">
      <c r="A77822" s="13" t="s">
        <v>397</v>
      </c>
      <c r="B77822" s="14" t="s">
        <v>1</v>
      </c>
      <c r="C77822" s="14" t="s">
        <v>41</v>
      </c>
      <c r="D77822" s="14" t="s">
        <v>398</v>
      </c>
      <c r="E77822" s="15">
        <v>45453</v>
      </c>
      <c r="F77822" s="14" t="s">
        <v>53</v>
      </c>
      <c r="G77822" s="16">
        <v>0</v>
      </c>
    </row>
    <row r="77823" spans="1:7" x14ac:dyDescent="0.3">
      <c r="A77823" s="13" t="s">
        <v>397</v>
      </c>
      <c r="B77823" s="14" t="s">
        <v>1</v>
      </c>
      <c r="C77823" s="14" t="s">
        <v>41</v>
      </c>
      <c r="D77823" s="14" t="s">
        <v>398</v>
      </c>
      <c r="E77823" s="15">
        <v>45454</v>
      </c>
      <c r="F77823" s="14" t="s">
        <v>53</v>
      </c>
      <c r="G77823" s="16">
        <v>0</v>
      </c>
    </row>
    <row r="77824" spans="1:7" x14ac:dyDescent="0.3">
      <c r="A77824" s="13" t="s">
        <v>397</v>
      </c>
      <c r="B77824" s="14" t="s">
        <v>1</v>
      </c>
      <c r="C77824" s="14" t="s">
        <v>41</v>
      </c>
      <c r="D77824" s="14" t="s">
        <v>398</v>
      </c>
      <c r="E77824" s="15">
        <v>45455</v>
      </c>
      <c r="F77824" s="14" t="s">
        <v>53</v>
      </c>
      <c r="G77824" s="16">
        <v>0</v>
      </c>
    </row>
    <row r="77825" spans="1:7" x14ac:dyDescent="0.3">
      <c r="A77825" s="13" t="s">
        <v>397</v>
      </c>
      <c r="B77825" s="14" t="s">
        <v>1</v>
      </c>
      <c r="C77825" s="14" t="s">
        <v>41</v>
      </c>
      <c r="D77825" s="14" t="s">
        <v>398</v>
      </c>
      <c r="E77825" s="15">
        <v>45456</v>
      </c>
      <c r="F77825" s="14" t="s">
        <v>53</v>
      </c>
      <c r="G77825" s="16">
        <v>0</v>
      </c>
    </row>
    <row r="77826" spans="1:7" x14ac:dyDescent="0.3">
      <c r="A77826" s="13" t="s">
        <v>397</v>
      </c>
      <c r="B77826" s="14" t="s">
        <v>1</v>
      </c>
      <c r="C77826" s="14" t="s">
        <v>41</v>
      </c>
      <c r="D77826" s="14" t="s">
        <v>398</v>
      </c>
      <c r="E77826" s="15">
        <v>45457</v>
      </c>
      <c r="F77826" s="14" t="s">
        <v>53</v>
      </c>
      <c r="G77826" s="16">
        <v>0</v>
      </c>
    </row>
    <row r="77827" spans="1:7" x14ac:dyDescent="0.3">
      <c r="A77827" s="13" t="s">
        <v>397</v>
      </c>
      <c r="B77827" s="14" t="s">
        <v>1</v>
      </c>
      <c r="C77827" s="14" t="s">
        <v>41</v>
      </c>
      <c r="D77827" s="14" t="s">
        <v>398</v>
      </c>
      <c r="E77827" s="15">
        <v>45458</v>
      </c>
      <c r="F77827" s="14" t="s">
        <v>53</v>
      </c>
      <c r="G77827" s="16">
        <v>0</v>
      </c>
    </row>
    <row r="77828" spans="1:7" x14ac:dyDescent="0.3">
      <c r="A77828" s="13" t="s">
        <v>397</v>
      </c>
      <c r="B77828" s="14" t="s">
        <v>1</v>
      </c>
      <c r="C77828" s="14" t="s">
        <v>41</v>
      </c>
      <c r="D77828" s="14" t="s">
        <v>398</v>
      </c>
      <c r="E77828" s="15">
        <v>45459</v>
      </c>
      <c r="F77828" s="14" t="s">
        <v>53</v>
      </c>
      <c r="G77828" s="16">
        <v>0</v>
      </c>
    </row>
    <row r="77829" spans="1:7" x14ac:dyDescent="0.3">
      <c r="A77829" s="13" t="s">
        <v>397</v>
      </c>
      <c r="B77829" s="14" t="s">
        <v>1</v>
      </c>
      <c r="C77829" s="14" t="s">
        <v>41</v>
      </c>
      <c r="D77829" s="14" t="s">
        <v>398</v>
      </c>
      <c r="E77829" s="15">
        <v>45460</v>
      </c>
      <c r="F77829" s="14" t="s">
        <v>53</v>
      </c>
      <c r="G77829" s="16">
        <v>0</v>
      </c>
    </row>
    <row r="77830" spans="1:7" x14ac:dyDescent="0.3">
      <c r="A77830" s="13" t="s">
        <v>397</v>
      </c>
      <c r="B77830" s="14" t="s">
        <v>1</v>
      </c>
      <c r="C77830" s="14" t="s">
        <v>41</v>
      </c>
      <c r="D77830" s="14" t="s">
        <v>398</v>
      </c>
      <c r="E77830" s="15">
        <v>45461</v>
      </c>
      <c r="F77830" s="14" t="s">
        <v>53</v>
      </c>
      <c r="G77830" s="16">
        <v>0</v>
      </c>
    </row>
    <row r="77831" spans="1:7" x14ac:dyDescent="0.3">
      <c r="A77831" s="13" t="s">
        <v>397</v>
      </c>
      <c r="B77831" s="14" t="s">
        <v>1</v>
      </c>
      <c r="C77831" s="14" t="s">
        <v>41</v>
      </c>
      <c r="D77831" s="14" t="s">
        <v>398</v>
      </c>
      <c r="E77831" s="15">
        <v>45462</v>
      </c>
      <c r="F77831" s="14" t="s">
        <v>53</v>
      </c>
      <c r="G77831" s="16">
        <v>0</v>
      </c>
    </row>
    <row r="77832" spans="1:7" x14ac:dyDescent="0.3">
      <c r="A77832" s="13" t="s">
        <v>397</v>
      </c>
      <c r="B77832" s="14" t="s">
        <v>1</v>
      </c>
      <c r="C77832" s="14" t="s">
        <v>41</v>
      </c>
      <c r="D77832" s="14" t="s">
        <v>398</v>
      </c>
      <c r="E77832" s="15">
        <v>45463</v>
      </c>
      <c r="F77832" s="14" t="s">
        <v>53</v>
      </c>
      <c r="G77832" s="16">
        <v>0</v>
      </c>
    </row>
    <row r="77833" spans="1:7" x14ac:dyDescent="0.3">
      <c r="A77833" s="13" t="s">
        <v>397</v>
      </c>
      <c r="B77833" s="14" t="s">
        <v>1</v>
      </c>
      <c r="C77833" s="14" t="s">
        <v>41</v>
      </c>
      <c r="D77833" s="14" t="s">
        <v>398</v>
      </c>
      <c r="E77833" s="15">
        <v>45464</v>
      </c>
      <c r="F77833" s="14" t="s">
        <v>53</v>
      </c>
      <c r="G77833" s="16">
        <v>0</v>
      </c>
    </row>
    <row r="77834" spans="1:7" x14ac:dyDescent="0.3">
      <c r="A77834" s="13" t="s">
        <v>397</v>
      </c>
      <c r="B77834" s="14" t="s">
        <v>1</v>
      </c>
      <c r="C77834" s="14" t="s">
        <v>41</v>
      </c>
      <c r="D77834" s="14" t="s">
        <v>398</v>
      </c>
      <c r="E77834" s="15">
        <v>45465</v>
      </c>
      <c r="F77834" s="14" t="s">
        <v>53</v>
      </c>
      <c r="G77834" s="16">
        <v>0</v>
      </c>
    </row>
    <row r="77835" spans="1:7" x14ac:dyDescent="0.3">
      <c r="A77835" s="13" t="s">
        <v>397</v>
      </c>
      <c r="B77835" s="14" t="s">
        <v>1</v>
      </c>
      <c r="C77835" s="14" t="s">
        <v>41</v>
      </c>
      <c r="D77835" s="14" t="s">
        <v>398</v>
      </c>
      <c r="E77835" s="15">
        <v>45466</v>
      </c>
      <c r="F77835" s="14" t="s">
        <v>53</v>
      </c>
      <c r="G77835" s="16">
        <v>0</v>
      </c>
    </row>
    <row r="77836" spans="1:7" x14ac:dyDescent="0.3">
      <c r="A77836" s="13" t="s">
        <v>397</v>
      </c>
      <c r="B77836" s="14" t="s">
        <v>1</v>
      </c>
      <c r="C77836" s="14" t="s">
        <v>41</v>
      </c>
      <c r="D77836" s="14" t="s">
        <v>398</v>
      </c>
      <c r="E77836" s="15">
        <v>45467</v>
      </c>
      <c r="F77836" s="14" t="s">
        <v>53</v>
      </c>
      <c r="G77836" s="16">
        <v>0</v>
      </c>
    </row>
    <row r="77837" spans="1:7" x14ac:dyDescent="0.3">
      <c r="A77837" s="13" t="s">
        <v>397</v>
      </c>
      <c r="B77837" s="14" t="s">
        <v>1</v>
      </c>
      <c r="C77837" s="14" t="s">
        <v>41</v>
      </c>
      <c r="D77837" s="14" t="s">
        <v>398</v>
      </c>
      <c r="E77837" s="15">
        <v>45468</v>
      </c>
      <c r="F77837" s="14" t="s">
        <v>53</v>
      </c>
      <c r="G77837" s="16">
        <v>0</v>
      </c>
    </row>
    <row r="77838" spans="1:7" x14ac:dyDescent="0.3">
      <c r="A77838" s="13" t="s">
        <v>397</v>
      </c>
      <c r="B77838" s="14" t="s">
        <v>1</v>
      </c>
      <c r="C77838" s="14" t="s">
        <v>41</v>
      </c>
      <c r="D77838" s="14" t="s">
        <v>398</v>
      </c>
      <c r="E77838" s="15">
        <v>45469</v>
      </c>
      <c r="F77838" s="14" t="s">
        <v>53</v>
      </c>
      <c r="G77838" s="16">
        <v>0</v>
      </c>
    </row>
    <row r="77839" spans="1:7" x14ac:dyDescent="0.3">
      <c r="A77839" s="13" t="s">
        <v>397</v>
      </c>
      <c r="B77839" s="14" t="s">
        <v>1</v>
      </c>
      <c r="C77839" s="14" t="s">
        <v>41</v>
      </c>
      <c r="D77839" s="14" t="s">
        <v>398</v>
      </c>
      <c r="E77839" s="15">
        <v>45470</v>
      </c>
      <c r="F77839" s="14" t="s">
        <v>53</v>
      </c>
      <c r="G77839" s="16">
        <v>0</v>
      </c>
    </row>
    <row r="77840" spans="1:7" x14ac:dyDescent="0.3">
      <c r="A77840" s="13" t="s">
        <v>397</v>
      </c>
      <c r="B77840" s="14" t="s">
        <v>1</v>
      </c>
      <c r="C77840" s="14" t="s">
        <v>41</v>
      </c>
      <c r="D77840" s="14" t="s">
        <v>398</v>
      </c>
      <c r="E77840" s="15">
        <v>45471</v>
      </c>
      <c r="F77840" s="14" t="s">
        <v>53</v>
      </c>
      <c r="G77840" s="16">
        <v>0</v>
      </c>
    </row>
    <row r="77841" spans="1:7" x14ac:dyDescent="0.3">
      <c r="A77841" s="13" t="s">
        <v>397</v>
      </c>
      <c r="B77841" s="14" t="s">
        <v>1</v>
      </c>
      <c r="C77841" s="14" t="s">
        <v>41</v>
      </c>
      <c r="D77841" s="14" t="s">
        <v>398</v>
      </c>
      <c r="E77841" s="15">
        <v>45472</v>
      </c>
      <c r="F77841" s="14" t="s">
        <v>53</v>
      </c>
      <c r="G77841" s="16">
        <v>0</v>
      </c>
    </row>
    <row r="77842" spans="1:7" x14ac:dyDescent="0.3">
      <c r="A77842" s="13" t="s">
        <v>397</v>
      </c>
      <c r="B77842" s="14" t="s">
        <v>1</v>
      </c>
      <c r="C77842" s="14" t="s">
        <v>41</v>
      </c>
      <c r="D77842" s="14" t="s">
        <v>398</v>
      </c>
      <c r="E77842" s="15">
        <v>45473</v>
      </c>
      <c r="F77842" s="14" t="s">
        <v>53</v>
      </c>
      <c r="G77842" s="16">
        <v>0</v>
      </c>
    </row>
    <row r="77843" spans="1:7" x14ac:dyDescent="0.3">
      <c r="A77843" s="13" t="s">
        <v>397</v>
      </c>
      <c r="B77843" s="14" t="s">
        <v>1</v>
      </c>
      <c r="C77843" s="14" t="s">
        <v>41</v>
      </c>
      <c r="D77843" s="14" t="s">
        <v>398</v>
      </c>
      <c r="E77843" s="15">
        <v>45474</v>
      </c>
      <c r="F77843" s="14" t="s">
        <v>53</v>
      </c>
      <c r="G77843" s="16">
        <v>0</v>
      </c>
    </row>
    <row r="77844" spans="1:7" x14ac:dyDescent="0.3">
      <c r="A77844" s="13" t="s">
        <v>397</v>
      </c>
      <c r="B77844" s="14" t="s">
        <v>1</v>
      </c>
      <c r="C77844" s="14" t="s">
        <v>41</v>
      </c>
      <c r="D77844" s="14" t="s">
        <v>398</v>
      </c>
      <c r="E77844" s="15">
        <v>45475</v>
      </c>
      <c r="F77844" s="14" t="s">
        <v>53</v>
      </c>
      <c r="G77844" s="16">
        <v>0</v>
      </c>
    </row>
    <row r="77845" spans="1:7" x14ac:dyDescent="0.3">
      <c r="A77845" s="13" t="s">
        <v>397</v>
      </c>
      <c r="B77845" s="14" t="s">
        <v>1</v>
      </c>
      <c r="C77845" s="14" t="s">
        <v>41</v>
      </c>
      <c r="D77845" s="14" t="s">
        <v>398</v>
      </c>
      <c r="E77845" s="15">
        <v>45476</v>
      </c>
      <c r="F77845" s="14" t="s">
        <v>53</v>
      </c>
      <c r="G77845" s="16">
        <v>0</v>
      </c>
    </row>
    <row r="77846" spans="1:7" x14ac:dyDescent="0.3">
      <c r="A77846" s="13" t="s">
        <v>397</v>
      </c>
      <c r="B77846" s="14" t="s">
        <v>1</v>
      </c>
      <c r="C77846" s="14" t="s">
        <v>41</v>
      </c>
      <c r="D77846" s="14" t="s">
        <v>398</v>
      </c>
      <c r="E77846" s="15">
        <v>45477</v>
      </c>
      <c r="F77846" s="14" t="s">
        <v>53</v>
      </c>
      <c r="G77846" s="16">
        <v>0</v>
      </c>
    </row>
    <row r="77847" spans="1:7" x14ac:dyDescent="0.3">
      <c r="A77847" s="13" t="s">
        <v>397</v>
      </c>
      <c r="B77847" s="14" t="s">
        <v>1</v>
      </c>
      <c r="C77847" s="14" t="s">
        <v>41</v>
      </c>
      <c r="D77847" s="14" t="s">
        <v>398</v>
      </c>
      <c r="E77847" s="15">
        <v>45478</v>
      </c>
      <c r="F77847" s="14" t="s">
        <v>53</v>
      </c>
      <c r="G77847" s="16">
        <v>0</v>
      </c>
    </row>
    <row r="77848" spans="1:7" x14ac:dyDescent="0.3">
      <c r="A77848" s="13" t="s">
        <v>397</v>
      </c>
      <c r="B77848" s="14" t="s">
        <v>1</v>
      </c>
      <c r="C77848" s="14" t="s">
        <v>41</v>
      </c>
      <c r="D77848" s="14" t="s">
        <v>398</v>
      </c>
      <c r="E77848" s="15">
        <v>45479</v>
      </c>
      <c r="F77848" s="14" t="s">
        <v>53</v>
      </c>
      <c r="G77848" s="16">
        <v>0</v>
      </c>
    </row>
    <row r="77849" spans="1:7" x14ac:dyDescent="0.3">
      <c r="A77849" s="13" t="s">
        <v>397</v>
      </c>
      <c r="B77849" s="14" t="s">
        <v>1</v>
      </c>
      <c r="C77849" s="14" t="s">
        <v>41</v>
      </c>
      <c r="D77849" s="14" t="s">
        <v>398</v>
      </c>
      <c r="E77849" s="15">
        <v>45480</v>
      </c>
      <c r="F77849" s="14" t="s">
        <v>53</v>
      </c>
      <c r="G77849" s="16">
        <v>0</v>
      </c>
    </row>
    <row r="77850" spans="1:7" x14ac:dyDescent="0.3">
      <c r="A77850" s="13" t="s">
        <v>397</v>
      </c>
      <c r="B77850" s="14" t="s">
        <v>1</v>
      </c>
      <c r="C77850" s="14" t="s">
        <v>41</v>
      </c>
      <c r="D77850" s="14" t="s">
        <v>398</v>
      </c>
      <c r="E77850" s="15">
        <v>45481</v>
      </c>
      <c r="F77850" s="14" t="s">
        <v>53</v>
      </c>
      <c r="G77850" s="16">
        <v>0</v>
      </c>
    </row>
    <row r="77851" spans="1:7" x14ac:dyDescent="0.3">
      <c r="A77851" s="13" t="s">
        <v>397</v>
      </c>
      <c r="B77851" s="14" t="s">
        <v>1</v>
      </c>
      <c r="C77851" s="14" t="s">
        <v>41</v>
      </c>
      <c r="D77851" s="14" t="s">
        <v>398</v>
      </c>
      <c r="E77851" s="15">
        <v>45482</v>
      </c>
      <c r="F77851" s="14" t="s">
        <v>53</v>
      </c>
      <c r="G77851" s="16">
        <v>0</v>
      </c>
    </row>
    <row r="77852" spans="1:7" x14ac:dyDescent="0.3">
      <c r="A77852" s="13" t="s">
        <v>397</v>
      </c>
      <c r="B77852" s="14" t="s">
        <v>1</v>
      </c>
      <c r="C77852" s="14" t="s">
        <v>41</v>
      </c>
      <c r="D77852" s="14" t="s">
        <v>398</v>
      </c>
      <c r="E77852" s="15">
        <v>45483</v>
      </c>
      <c r="F77852" s="14" t="s">
        <v>53</v>
      </c>
      <c r="G77852" s="16">
        <v>0</v>
      </c>
    </row>
    <row r="77853" spans="1:7" x14ac:dyDescent="0.3">
      <c r="A77853" s="13" t="s">
        <v>397</v>
      </c>
      <c r="B77853" s="14" t="s">
        <v>1</v>
      </c>
      <c r="C77853" s="14" t="s">
        <v>41</v>
      </c>
      <c r="D77853" s="14" t="s">
        <v>398</v>
      </c>
      <c r="E77853" s="15">
        <v>45484</v>
      </c>
      <c r="F77853" s="14" t="s">
        <v>53</v>
      </c>
      <c r="G77853" s="16">
        <v>0</v>
      </c>
    </row>
    <row r="77854" spans="1:7" x14ac:dyDescent="0.3">
      <c r="A77854" s="13" t="s">
        <v>397</v>
      </c>
      <c r="B77854" s="14" t="s">
        <v>1</v>
      </c>
      <c r="C77854" s="14" t="s">
        <v>41</v>
      </c>
      <c r="D77854" s="14" t="s">
        <v>398</v>
      </c>
      <c r="E77854" s="15">
        <v>45485</v>
      </c>
      <c r="F77854" s="14" t="s">
        <v>53</v>
      </c>
      <c r="G77854" s="16">
        <v>0</v>
      </c>
    </row>
    <row r="77855" spans="1:7" x14ac:dyDescent="0.3">
      <c r="A77855" s="13" t="s">
        <v>397</v>
      </c>
      <c r="B77855" s="14" t="s">
        <v>1</v>
      </c>
      <c r="C77855" s="14" t="s">
        <v>41</v>
      </c>
      <c r="D77855" s="14" t="s">
        <v>398</v>
      </c>
      <c r="E77855" s="15">
        <v>45486</v>
      </c>
      <c r="F77855" s="14" t="s">
        <v>53</v>
      </c>
      <c r="G77855" s="16">
        <v>0</v>
      </c>
    </row>
    <row r="77856" spans="1:7" x14ac:dyDescent="0.3">
      <c r="A77856" s="13" t="s">
        <v>397</v>
      </c>
      <c r="B77856" s="14" t="s">
        <v>1</v>
      </c>
      <c r="C77856" s="14" t="s">
        <v>41</v>
      </c>
      <c r="D77856" s="14" t="s">
        <v>398</v>
      </c>
      <c r="E77856" s="15">
        <v>45487</v>
      </c>
      <c r="F77856" s="14" t="s">
        <v>53</v>
      </c>
      <c r="G77856" s="16">
        <v>0</v>
      </c>
    </row>
    <row r="77857" spans="1:7" x14ac:dyDescent="0.3">
      <c r="A77857" s="13" t="s">
        <v>397</v>
      </c>
      <c r="B77857" s="14" t="s">
        <v>1</v>
      </c>
      <c r="C77857" s="14" t="s">
        <v>41</v>
      </c>
      <c r="D77857" s="14" t="s">
        <v>398</v>
      </c>
      <c r="E77857" s="15">
        <v>45488</v>
      </c>
      <c r="F77857" s="14" t="s">
        <v>53</v>
      </c>
      <c r="G77857" s="16">
        <v>0</v>
      </c>
    </row>
    <row r="77858" spans="1:7" x14ac:dyDescent="0.3">
      <c r="A77858" s="13" t="s">
        <v>397</v>
      </c>
      <c r="B77858" s="14" t="s">
        <v>1</v>
      </c>
      <c r="C77858" s="14" t="s">
        <v>41</v>
      </c>
      <c r="D77858" s="14" t="s">
        <v>398</v>
      </c>
      <c r="E77858" s="15">
        <v>45489</v>
      </c>
      <c r="F77858" s="14" t="s">
        <v>53</v>
      </c>
      <c r="G77858" s="16">
        <v>0</v>
      </c>
    </row>
    <row r="77859" spans="1:7" x14ac:dyDescent="0.3">
      <c r="A77859" s="13" t="s">
        <v>397</v>
      </c>
      <c r="B77859" s="14" t="s">
        <v>1</v>
      </c>
      <c r="C77859" s="14" t="s">
        <v>41</v>
      </c>
      <c r="D77859" s="14" t="s">
        <v>398</v>
      </c>
      <c r="E77859" s="15">
        <v>45490</v>
      </c>
      <c r="F77859" s="14" t="s">
        <v>53</v>
      </c>
      <c r="G77859" s="16">
        <v>0</v>
      </c>
    </row>
    <row r="77860" spans="1:7" x14ac:dyDescent="0.3">
      <c r="A77860" s="13" t="s">
        <v>397</v>
      </c>
      <c r="B77860" s="14" t="s">
        <v>1</v>
      </c>
      <c r="C77860" s="14" t="s">
        <v>41</v>
      </c>
      <c r="D77860" s="14" t="s">
        <v>398</v>
      </c>
      <c r="E77860" s="15">
        <v>45491</v>
      </c>
      <c r="F77860" s="14" t="s">
        <v>53</v>
      </c>
      <c r="G77860" s="16">
        <v>0</v>
      </c>
    </row>
    <row r="77861" spans="1:7" x14ac:dyDescent="0.3">
      <c r="A77861" s="13" t="s">
        <v>397</v>
      </c>
      <c r="B77861" s="14" t="s">
        <v>1</v>
      </c>
      <c r="C77861" s="14" t="s">
        <v>41</v>
      </c>
      <c r="D77861" s="14" t="s">
        <v>398</v>
      </c>
      <c r="E77861" s="15">
        <v>45492</v>
      </c>
      <c r="F77861" s="14" t="s">
        <v>53</v>
      </c>
      <c r="G77861" s="16">
        <v>0</v>
      </c>
    </row>
    <row r="77862" spans="1:7" x14ac:dyDescent="0.3">
      <c r="A77862" s="13" t="s">
        <v>397</v>
      </c>
      <c r="B77862" s="14" t="s">
        <v>1</v>
      </c>
      <c r="C77862" s="14" t="s">
        <v>41</v>
      </c>
      <c r="D77862" s="14" t="s">
        <v>398</v>
      </c>
      <c r="E77862" s="15">
        <v>45493</v>
      </c>
      <c r="F77862" s="14" t="s">
        <v>53</v>
      </c>
      <c r="G77862" s="16">
        <v>0</v>
      </c>
    </row>
    <row r="77863" spans="1:7" x14ac:dyDescent="0.3">
      <c r="A77863" s="13" t="s">
        <v>397</v>
      </c>
      <c r="B77863" s="14" t="s">
        <v>1</v>
      </c>
      <c r="C77863" s="14" t="s">
        <v>41</v>
      </c>
      <c r="D77863" s="14" t="s">
        <v>398</v>
      </c>
      <c r="E77863" s="15">
        <v>45494</v>
      </c>
      <c r="F77863" s="14" t="s">
        <v>53</v>
      </c>
      <c r="G77863" s="16">
        <v>0</v>
      </c>
    </row>
    <row r="77864" spans="1:7" x14ac:dyDescent="0.3">
      <c r="A77864" s="13" t="s">
        <v>397</v>
      </c>
      <c r="B77864" s="14" t="s">
        <v>1</v>
      </c>
      <c r="C77864" s="14" t="s">
        <v>41</v>
      </c>
      <c r="D77864" s="14" t="s">
        <v>398</v>
      </c>
      <c r="E77864" s="15">
        <v>45495</v>
      </c>
      <c r="F77864" s="14" t="s">
        <v>53</v>
      </c>
      <c r="G77864" s="16">
        <v>0</v>
      </c>
    </row>
    <row r="77865" spans="1:7" x14ac:dyDescent="0.3">
      <c r="A77865" s="13" t="s">
        <v>397</v>
      </c>
      <c r="B77865" s="14" t="s">
        <v>1</v>
      </c>
      <c r="C77865" s="14" t="s">
        <v>41</v>
      </c>
      <c r="D77865" s="14" t="s">
        <v>398</v>
      </c>
      <c r="E77865" s="15">
        <v>45496</v>
      </c>
      <c r="F77865" s="14" t="s">
        <v>53</v>
      </c>
      <c r="G77865" s="16">
        <v>0</v>
      </c>
    </row>
    <row r="77866" spans="1:7" x14ac:dyDescent="0.3">
      <c r="A77866" s="13" t="s">
        <v>397</v>
      </c>
      <c r="B77866" s="14" t="s">
        <v>1</v>
      </c>
      <c r="C77866" s="14" t="s">
        <v>41</v>
      </c>
      <c r="D77866" s="14" t="s">
        <v>398</v>
      </c>
      <c r="E77866" s="15">
        <v>45497</v>
      </c>
      <c r="F77866" s="14" t="s">
        <v>53</v>
      </c>
      <c r="G77866" s="16">
        <v>0</v>
      </c>
    </row>
    <row r="77867" spans="1:7" x14ac:dyDescent="0.3">
      <c r="A77867" s="13" t="s">
        <v>397</v>
      </c>
      <c r="B77867" s="14" t="s">
        <v>1</v>
      </c>
      <c r="C77867" s="14" t="s">
        <v>41</v>
      </c>
      <c r="D77867" s="14" t="s">
        <v>398</v>
      </c>
      <c r="E77867" s="15">
        <v>45498</v>
      </c>
      <c r="F77867" s="14" t="s">
        <v>53</v>
      </c>
      <c r="G77867" s="16">
        <v>0</v>
      </c>
    </row>
    <row r="77868" spans="1:7" x14ac:dyDescent="0.3">
      <c r="A77868" s="13" t="s">
        <v>397</v>
      </c>
      <c r="B77868" s="14" t="s">
        <v>1</v>
      </c>
      <c r="C77868" s="14" t="s">
        <v>41</v>
      </c>
      <c r="D77868" s="14" t="s">
        <v>398</v>
      </c>
      <c r="E77868" s="15">
        <v>45499</v>
      </c>
      <c r="F77868" s="14" t="s">
        <v>53</v>
      </c>
      <c r="G77868" s="16">
        <v>0</v>
      </c>
    </row>
    <row r="77869" spans="1:7" x14ac:dyDescent="0.3">
      <c r="A77869" s="13" t="s">
        <v>397</v>
      </c>
      <c r="B77869" s="14" t="s">
        <v>1</v>
      </c>
      <c r="C77869" s="14" t="s">
        <v>41</v>
      </c>
      <c r="D77869" s="14" t="s">
        <v>398</v>
      </c>
      <c r="E77869" s="15">
        <v>45500</v>
      </c>
      <c r="F77869" s="14" t="s">
        <v>53</v>
      </c>
      <c r="G77869" s="16">
        <v>0</v>
      </c>
    </row>
    <row r="77870" spans="1:7" x14ac:dyDescent="0.3">
      <c r="A77870" s="13" t="s">
        <v>397</v>
      </c>
      <c r="B77870" s="14" t="s">
        <v>1</v>
      </c>
      <c r="C77870" s="14" t="s">
        <v>41</v>
      </c>
      <c r="D77870" s="14" t="s">
        <v>398</v>
      </c>
      <c r="E77870" s="15">
        <v>45501</v>
      </c>
      <c r="F77870" s="14" t="s">
        <v>53</v>
      </c>
      <c r="G77870" s="16">
        <v>0</v>
      </c>
    </row>
    <row r="77871" spans="1:7" x14ac:dyDescent="0.3">
      <c r="A77871" s="13" t="s">
        <v>397</v>
      </c>
      <c r="B77871" s="14" t="s">
        <v>1</v>
      </c>
      <c r="C77871" s="14" t="s">
        <v>41</v>
      </c>
      <c r="D77871" s="14" t="s">
        <v>398</v>
      </c>
      <c r="E77871" s="15">
        <v>45502</v>
      </c>
      <c r="F77871" s="14" t="s">
        <v>53</v>
      </c>
      <c r="G77871" s="16">
        <v>0</v>
      </c>
    </row>
    <row r="77872" spans="1:7" x14ac:dyDescent="0.3">
      <c r="A77872" s="13" t="s">
        <v>397</v>
      </c>
      <c r="B77872" s="14" t="s">
        <v>1</v>
      </c>
      <c r="C77872" s="14" t="s">
        <v>41</v>
      </c>
      <c r="D77872" s="14" t="s">
        <v>398</v>
      </c>
      <c r="E77872" s="15">
        <v>45503</v>
      </c>
      <c r="F77872" s="14" t="s">
        <v>53</v>
      </c>
      <c r="G77872" s="16">
        <v>0</v>
      </c>
    </row>
    <row r="77873" spans="1:7" x14ac:dyDescent="0.3">
      <c r="A77873" s="13" t="s">
        <v>397</v>
      </c>
      <c r="B77873" s="14" t="s">
        <v>1</v>
      </c>
      <c r="C77873" s="14" t="s">
        <v>41</v>
      </c>
      <c r="D77873" s="14" t="s">
        <v>398</v>
      </c>
      <c r="E77873" s="15">
        <v>45504</v>
      </c>
      <c r="F77873" s="14" t="s">
        <v>53</v>
      </c>
      <c r="G77873" s="16">
        <v>0</v>
      </c>
    </row>
    <row r="77874" spans="1:7" x14ac:dyDescent="0.3">
      <c r="A77874" s="13" t="s">
        <v>397</v>
      </c>
      <c r="B77874" s="14" t="s">
        <v>1</v>
      </c>
      <c r="C77874" s="14" t="s">
        <v>41</v>
      </c>
      <c r="D77874" s="14" t="s">
        <v>398</v>
      </c>
      <c r="E77874" s="15">
        <v>45505</v>
      </c>
      <c r="F77874" s="14" t="s">
        <v>53</v>
      </c>
      <c r="G77874" s="16">
        <v>0</v>
      </c>
    </row>
    <row r="77875" spans="1:7" x14ac:dyDescent="0.3">
      <c r="A77875" s="13" t="s">
        <v>397</v>
      </c>
      <c r="B77875" s="14" t="s">
        <v>1</v>
      </c>
      <c r="C77875" s="14" t="s">
        <v>41</v>
      </c>
      <c r="D77875" s="14" t="s">
        <v>398</v>
      </c>
      <c r="E77875" s="15">
        <v>45506</v>
      </c>
      <c r="F77875" s="14" t="s">
        <v>53</v>
      </c>
      <c r="G77875" s="16">
        <v>0</v>
      </c>
    </row>
    <row r="77876" spans="1:7" x14ac:dyDescent="0.3">
      <c r="A77876" s="13" t="s">
        <v>397</v>
      </c>
      <c r="B77876" s="14" t="s">
        <v>1</v>
      </c>
      <c r="C77876" s="14" t="s">
        <v>41</v>
      </c>
      <c r="D77876" s="14" t="s">
        <v>398</v>
      </c>
      <c r="E77876" s="15">
        <v>45507</v>
      </c>
      <c r="F77876" s="14" t="s">
        <v>53</v>
      </c>
      <c r="G77876" s="16">
        <v>0</v>
      </c>
    </row>
    <row r="77877" spans="1:7" x14ac:dyDescent="0.3">
      <c r="A77877" s="13" t="s">
        <v>397</v>
      </c>
      <c r="B77877" s="14" t="s">
        <v>1</v>
      </c>
      <c r="C77877" s="14" t="s">
        <v>41</v>
      </c>
      <c r="D77877" s="14" t="s">
        <v>398</v>
      </c>
      <c r="E77877" s="15">
        <v>45508</v>
      </c>
      <c r="F77877" s="14" t="s">
        <v>53</v>
      </c>
      <c r="G77877" s="16">
        <v>0</v>
      </c>
    </row>
    <row r="77878" spans="1:7" x14ac:dyDescent="0.3">
      <c r="A77878" s="13" t="s">
        <v>397</v>
      </c>
      <c r="B77878" s="14" t="s">
        <v>1</v>
      </c>
      <c r="C77878" s="14" t="s">
        <v>41</v>
      </c>
      <c r="D77878" s="14" t="s">
        <v>398</v>
      </c>
      <c r="E77878" s="15">
        <v>45509</v>
      </c>
      <c r="F77878" s="14" t="s">
        <v>53</v>
      </c>
      <c r="G77878" s="16">
        <v>0</v>
      </c>
    </row>
    <row r="77879" spans="1:7" x14ac:dyDescent="0.3">
      <c r="A77879" s="13" t="s">
        <v>397</v>
      </c>
      <c r="B77879" s="14" t="s">
        <v>1</v>
      </c>
      <c r="C77879" s="14" t="s">
        <v>41</v>
      </c>
      <c r="D77879" s="14" t="s">
        <v>398</v>
      </c>
      <c r="E77879" s="15">
        <v>45510</v>
      </c>
      <c r="F77879" s="14" t="s">
        <v>53</v>
      </c>
      <c r="G77879" s="16">
        <v>0</v>
      </c>
    </row>
    <row r="77880" spans="1:7" x14ac:dyDescent="0.3">
      <c r="A77880" s="13" t="s">
        <v>397</v>
      </c>
      <c r="B77880" s="14" t="s">
        <v>1</v>
      </c>
      <c r="C77880" s="14" t="s">
        <v>41</v>
      </c>
      <c r="D77880" s="14" t="s">
        <v>398</v>
      </c>
      <c r="E77880" s="15">
        <v>45511</v>
      </c>
      <c r="F77880" s="14" t="s">
        <v>53</v>
      </c>
      <c r="G77880" s="16">
        <v>0</v>
      </c>
    </row>
    <row r="77881" spans="1:7" x14ac:dyDescent="0.3">
      <c r="A77881" s="13" t="s">
        <v>397</v>
      </c>
      <c r="B77881" s="14" t="s">
        <v>1</v>
      </c>
      <c r="C77881" s="14" t="s">
        <v>41</v>
      </c>
      <c r="D77881" s="14" t="s">
        <v>398</v>
      </c>
      <c r="E77881" s="15">
        <v>45512</v>
      </c>
      <c r="F77881" s="14" t="s">
        <v>53</v>
      </c>
      <c r="G77881" s="16">
        <v>0</v>
      </c>
    </row>
    <row r="77882" spans="1:7" x14ac:dyDescent="0.3">
      <c r="A77882" s="13" t="s">
        <v>397</v>
      </c>
      <c r="B77882" s="14" t="s">
        <v>1</v>
      </c>
      <c r="C77882" s="14" t="s">
        <v>41</v>
      </c>
      <c r="D77882" s="14" t="s">
        <v>398</v>
      </c>
      <c r="E77882" s="15">
        <v>45513</v>
      </c>
      <c r="F77882" s="14" t="s">
        <v>53</v>
      </c>
      <c r="G77882" s="16">
        <v>0</v>
      </c>
    </row>
    <row r="77883" spans="1:7" x14ac:dyDescent="0.3">
      <c r="A77883" s="13" t="s">
        <v>397</v>
      </c>
      <c r="B77883" s="14" t="s">
        <v>1</v>
      </c>
      <c r="C77883" s="14" t="s">
        <v>41</v>
      </c>
      <c r="D77883" s="14" t="s">
        <v>398</v>
      </c>
      <c r="E77883" s="15">
        <v>45514</v>
      </c>
      <c r="F77883" s="14" t="s">
        <v>53</v>
      </c>
      <c r="G77883" s="16">
        <v>0</v>
      </c>
    </row>
    <row r="77884" spans="1:7" x14ac:dyDescent="0.3">
      <c r="A77884" s="13" t="s">
        <v>397</v>
      </c>
      <c r="B77884" s="14" t="s">
        <v>1</v>
      </c>
      <c r="C77884" s="14" t="s">
        <v>41</v>
      </c>
      <c r="D77884" s="14" t="s">
        <v>398</v>
      </c>
      <c r="E77884" s="15">
        <v>45515</v>
      </c>
      <c r="F77884" s="14" t="s">
        <v>53</v>
      </c>
      <c r="G77884" s="16">
        <v>0</v>
      </c>
    </row>
    <row r="77885" spans="1:7" x14ac:dyDescent="0.3">
      <c r="A77885" s="13" t="s">
        <v>397</v>
      </c>
      <c r="B77885" s="14" t="s">
        <v>1</v>
      </c>
      <c r="C77885" s="14" t="s">
        <v>41</v>
      </c>
      <c r="D77885" s="14" t="s">
        <v>398</v>
      </c>
      <c r="E77885" s="15">
        <v>45516</v>
      </c>
      <c r="F77885" s="14" t="s">
        <v>53</v>
      </c>
      <c r="G77885" s="16">
        <v>0</v>
      </c>
    </row>
    <row r="77886" spans="1:7" x14ac:dyDescent="0.3">
      <c r="A77886" s="13" t="s">
        <v>397</v>
      </c>
      <c r="B77886" s="14" t="s">
        <v>1</v>
      </c>
      <c r="C77886" s="14" t="s">
        <v>41</v>
      </c>
      <c r="D77886" s="14" t="s">
        <v>398</v>
      </c>
      <c r="E77886" s="15">
        <v>45517</v>
      </c>
      <c r="F77886" s="14" t="s">
        <v>53</v>
      </c>
      <c r="G77886" s="16">
        <v>0</v>
      </c>
    </row>
    <row r="77887" spans="1:7" x14ac:dyDescent="0.3">
      <c r="A77887" s="13" t="s">
        <v>397</v>
      </c>
      <c r="B77887" s="14" t="s">
        <v>1</v>
      </c>
      <c r="C77887" s="14" t="s">
        <v>41</v>
      </c>
      <c r="D77887" s="14" t="s">
        <v>398</v>
      </c>
      <c r="E77887" s="15">
        <v>45518</v>
      </c>
      <c r="F77887" s="14" t="s">
        <v>53</v>
      </c>
      <c r="G77887" s="16">
        <v>0</v>
      </c>
    </row>
    <row r="77888" spans="1:7" x14ac:dyDescent="0.3">
      <c r="A77888" s="13" t="s">
        <v>397</v>
      </c>
      <c r="B77888" s="14" t="s">
        <v>1</v>
      </c>
      <c r="C77888" s="14" t="s">
        <v>41</v>
      </c>
      <c r="D77888" s="14" t="s">
        <v>398</v>
      </c>
      <c r="E77888" s="15">
        <v>45519</v>
      </c>
      <c r="F77888" s="14" t="s">
        <v>53</v>
      </c>
      <c r="G77888" s="16">
        <v>0</v>
      </c>
    </row>
    <row r="77889" spans="1:7" x14ac:dyDescent="0.3">
      <c r="A77889" s="13" t="s">
        <v>397</v>
      </c>
      <c r="B77889" s="14" t="s">
        <v>1</v>
      </c>
      <c r="C77889" s="14" t="s">
        <v>41</v>
      </c>
      <c r="D77889" s="14" t="s">
        <v>398</v>
      </c>
      <c r="E77889" s="15">
        <v>45520</v>
      </c>
      <c r="F77889" s="14" t="s">
        <v>53</v>
      </c>
      <c r="G77889" s="16">
        <v>0</v>
      </c>
    </row>
    <row r="77890" spans="1:7" x14ac:dyDescent="0.3">
      <c r="A77890" s="13" t="s">
        <v>397</v>
      </c>
      <c r="B77890" s="14" t="s">
        <v>1</v>
      </c>
      <c r="C77890" s="14" t="s">
        <v>41</v>
      </c>
      <c r="D77890" s="14" t="s">
        <v>398</v>
      </c>
      <c r="E77890" s="15">
        <v>45521</v>
      </c>
      <c r="F77890" s="14" t="s">
        <v>53</v>
      </c>
      <c r="G77890" s="16">
        <v>0</v>
      </c>
    </row>
    <row r="77891" spans="1:7" x14ac:dyDescent="0.3">
      <c r="A77891" s="13" t="s">
        <v>397</v>
      </c>
      <c r="B77891" s="14" t="s">
        <v>1</v>
      </c>
      <c r="C77891" s="14" t="s">
        <v>41</v>
      </c>
      <c r="D77891" s="14" t="s">
        <v>398</v>
      </c>
      <c r="E77891" s="15">
        <v>45522</v>
      </c>
      <c r="F77891" s="14" t="s">
        <v>53</v>
      </c>
      <c r="G77891" s="16">
        <v>0</v>
      </c>
    </row>
    <row r="77892" spans="1:7" x14ac:dyDescent="0.3">
      <c r="A77892" s="13" t="s">
        <v>397</v>
      </c>
      <c r="B77892" s="14" t="s">
        <v>1</v>
      </c>
      <c r="C77892" s="14" t="s">
        <v>41</v>
      </c>
      <c r="D77892" s="14" t="s">
        <v>398</v>
      </c>
      <c r="E77892" s="15">
        <v>45523</v>
      </c>
      <c r="F77892" s="14" t="s">
        <v>53</v>
      </c>
      <c r="G77892" s="16">
        <v>0</v>
      </c>
    </row>
    <row r="77893" spans="1:7" x14ac:dyDescent="0.3">
      <c r="A77893" s="13" t="s">
        <v>397</v>
      </c>
      <c r="B77893" s="14" t="s">
        <v>1</v>
      </c>
      <c r="C77893" s="14" t="s">
        <v>41</v>
      </c>
      <c r="D77893" s="14" t="s">
        <v>398</v>
      </c>
      <c r="E77893" s="15">
        <v>45524</v>
      </c>
      <c r="F77893" s="14" t="s">
        <v>53</v>
      </c>
      <c r="G77893" s="16">
        <v>0</v>
      </c>
    </row>
    <row r="77894" spans="1:7" x14ac:dyDescent="0.3">
      <c r="A77894" s="13" t="s">
        <v>397</v>
      </c>
      <c r="B77894" s="14" t="s">
        <v>1</v>
      </c>
      <c r="C77894" s="14" t="s">
        <v>41</v>
      </c>
      <c r="D77894" s="14" t="s">
        <v>398</v>
      </c>
      <c r="E77894" s="15">
        <v>45525</v>
      </c>
      <c r="F77894" s="14" t="s">
        <v>53</v>
      </c>
      <c r="G77894" s="16">
        <v>0</v>
      </c>
    </row>
    <row r="77895" spans="1:7" x14ac:dyDescent="0.3">
      <c r="A77895" s="13" t="s">
        <v>397</v>
      </c>
      <c r="B77895" s="14" t="s">
        <v>1</v>
      </c>
      <c r="C77895" s="14" t="s">
        <v>41</v>
      </c>
      <c r="D77895" s="14" t="s">
        <v>398</v>
      </c>
      <c r="E77895" s="15">
        <v>45526</v>
      </c>
      <c r="F77895" s="14" t="s">
        <v>53</v>
      </c>
      <c r="G77895" s="16">
        <v>0</v>
      </c>
    </row>
    <row r="77896" spans="1:7" x14ac:dyDescent="0.3">
      <c r="A77896" s="13" t="s">
        <v>397</v>
      </c>
      <c r="B77896" s="14" t="s">
        <v>1</v>
      </c>
      <c r="C77896" s="14" t="s">
        <v>41</v>
      </c>
      <c r="D77896" s="14" t="s">
        <v>398</v>
      </c>
      <c r="E77896" s="15">
        <v>45527</v>
      </c>
      <c r="F77896" s="14" t="s">
        <v>53</v>
      </c>
      <c r="G77896" s="16">
        <v>0</v>
      </c>
    </row>
    <row r="77897" spans="1:7" x14ac:dyDescent="0.3">
      <c r="A77897" s="13" t="s">
        <v>397</v>
      </c>
      <c r="B77897" s="14" t="s">
        <v>1</v>
      </c>
      <c r="C77897" s="14" t="s">
        <v>41</v>
      </c>
      <c r="D77897" s="14" t="s">
        <v>398</v>
      </c>
      <c r="E77897" s="15">
        <v>45528</v>
      </c>
      <c r="F77897" s="14" t="s">
        <v>53</v>
      </c>
      <c r="G77897" s="16">
        <v>0</v>
      </c>
    </row>
    <row r="77898" spans="1:7" x14ac:dyDescent="0.3">
      <c r="A77898" s="13" t="s">
        <v>397</v>
      </c>
      <c r="B77898" s="14" t="s">
        <v>1</v>
      </c>
      <c r="C77898" s="14" t="s">
        <v>41</v>
      </c>
      <c r="D77898" s="14" t="s">
        <v>398</v>
      </c>
      <c r="E77898" s="15">
        <v>45529</v>
      </c>
      <c r="F77898" s="14" t="s">
        <v>53</v>
      </c>
      <c r="G77898" s="16">
        <v>0</v>
      </c>
    </row>
    <row r="77899" spans="1:7" x14ac:dyDescent="0.3">
      <c r="A77899" s="13" t="s">
        <v>397</v>
      </c>
      <c r="B77899" s="14" t="s">
        <v>1</v>
      </c>
      <c r="C77899" s="14" t="s">
        <v>41</v>
      </c>
      <c r="D77899" s="14" t="s">
        <v>398</v>
      </c>
      <c r="E77899" s="15">
        <v>45530</v>
      </c>
      <c r="F77899" s="14" t="s">
        <v>53</v>
      </c>
      <c r="G77899" s="16">
        <v>0</v>
      </c>
    </row>
    <row r="77900" spans="1:7" x14ac:dyDescent="0.3">
      <c r="A77900" s="13" t="s">
        <v>397</v>
      </c>
      <c r="B77900" s="14" t="s">
        <v>1</v>
      </c>
      <c r="C77900" s="14" t="s">
        <v>41</v>
      </c>
      <c r="D77900" s="14" t="s">
        <v>398</v>
      </c>
      <c r="E77900" s="15">
        <v>45531</v>
      </c>
      <c r="F77900" s="14" t="s">
        <v>53</v>
      </c>
      <c r="G77900" s="16">
        <v>0</v>
      </c>
    </row>
    <row r="77901" spans="1:7" x14ac:dyDescent="0.3">
      <c r="A77901" s="13" t="s">
        <v>397</v>
      </c>
      <c r="B77901" s="14" t="s">
        <v>1</v>
      </c>
      <c r="C77901" s="14" t="s">
        <v>41</v>
      </c>
      <c r="D77901" s="14" t="s">
        <v>398</v>
      </c>
      <c r="E77901" s="15">
        <v>45532</v>
      </c>
      <c r="F77901" s="14" t="s">
        <v>53</v>
      </c>
      <c r="G77901" s="16">
        <v>0</v>
      </c>
    </row>
    <row r="77902" spans="1:7" x14ac:dyDescent="0.3">
      <c r="A77902" s="13" t="s">
        <v>397</v>
      </c>
      <c r="B77902" s="14" t="s">
        <v>1</v>
      </c>
      <c r="C77902" s="14" t="s">
        <v>41</v>
      </c>
      <c r="D77902" s="14" t="s">
        <v>398</v>
      </c>
      <c r="E77902" s="15">
        <v>45533</v>
      </c>
      <c r="F77902" s="14" t="s">
        <v>53</v>
      </c>
      <c r="G77902" s="16">
        <v>0</v>
      </c>
    </row>
    <row r="77903" spans="1:7" x14ac:dyDescent="0.3">
      <c r="A77903" s="13" t="s">
        <v>397</v>
      </c>
      <c r="B77903" s="14" t="s">
        <v>1</v>
      </c>
      <c r="C77903" s="14" t="s">
        <v>41</v>
      </c>
      <c r="D77903" s="14" t="s">
        <v>398</v>
      </c>
      <c r="E77903" s="15">
        <v>45534</v>
      </c>
      <c r="F77903" s="14" t="s">
        <v>53</v>
      </c>
      <c r="G77903" s="16">
        <v>0</v>
      </c>
    </row>
    <row r="77904" spans="1:7" x14ac:dyDescent="0.3">
      <c r="A77904" s="13" t="s">
        <v>397</v>
      </c>
      <c r="B77904" s="14" t="s">
        <v>1</v>
      </c>
      <c r="C77904" s="14" t="s">
        <v>41</v>
      </c>
      <c r="D77904" s="14" t="s">
        <v>398</v>
      </c>
      <c r="E77904" s="15">
        <v>45535</v>
      </c>
      <c r="F77904" s="14" t="s">
        <v>53</v>
      </c>
      <c r="G77904" s="16">
        <v>0</v>
      </c>
    </row>
    <row r="77905" spans="1:7" x14ac:dyDescent="0.3">
      <c r="A77905" s="13" t="s">
        <v>397</v>
      </c>
      <c r="B77905" s="14" t="s">
        <v>1</v>
      </c>
      <c r="C77905" s="14" t="s">
        <v>41</v>
      </c>
      <c r="D77905" s="14" t="s">
        <v>398</v>
      </c>
      <c r="E77905" s="15">
        <v>45536</v>
      </c>
      <c r="F77905" s="14" t="s">
        <v>53</v>
      </c>
      <c r="G77905" s="16">
        <v>0</v>
      </c>
    </row>
    <row r="77906" spans="1:7" x14ac:dyDescent="0.3">
      <c r="A77906" s="13" t="s">
        <v>397</v>
      </c>
      <c r="B77906" s="14" t="s">
        <v>1</v>
      </c>
      <c r="C77906" s="14" t="s">
        <v>41</v>
      </c>
      <c r="D77906" s="14" t="s">
        <v>398</v>
      </c>
      <c r="E77906" s="15">
        <v>45537</v>
      </c>
      <c r="F77906" s="14" t="s">
        <v>53</v>
      </c>
      <c r="G77906" s="16">
        <v>0</v>
      </c>
    </row>
    <row r="77907" spans="1:7" x14ac:dyDescent="0.3">
      <c r="A77907" s="13" t="s">
        <v>397</v>
      </c>
      <c r="B77907" s="14" t="s">
        <v>1</v>
      </c>
      <c r="C77907" s="14" t="s">
        <v>41</v>
      </c>
      <c r="D77907" s="14" t="s">
        <v>398</v>
      </c>
      <c r="E77907" s="15">
        <v>45538</v>
      </c>
      <c r="F77907" s="14" t="s">
        <v>53</v>
      </c>
      <c r="G77907" s="16">
        <v>0</v>
      </c>
    </row>
    <row r="77908" spans="1:7" x14ac:dyDescent="0.3">
      <c r="A77908" s="13" t="s">
        <v>397</v>
      </c>
      <c r="B77908" s="14" t="s">
        <v>1</v>
      </c>
      <c r="C77908" s="14" t="s">
        <v>41</v>
      </c>
      <c r="D77908" s="14" t="s">
        <v>398</v>
      </c>
      <c r="E77908" s="15">
        <v>45539</v>
      </c>
      <c r="F77908" s="14" t="s">
        <v>53</v>
      </c>
      <c r="G77908" s="16">
        <v>0</v>
      </c>
    </row>
    <row r="77909" spans="1:7" x14ac:dyDescent="0.3">
      <c r="A77909" s="13" t="s">
        <v>397</v>
      </c>
      <c r="B77909" s="14" t="s">
        <v>1</v>
      </c>
      <c r="C77909" s="14" t="s">
        <v>41</v>
      </c>
      <c r="D77909" s="14" t="s">
        <v>398</v>
      </c>
      <c r="E77909" s="15">
        <v>45540</v>
      </c>
      <c r="F77909" s="14" t="s">
        <v>53</v>
      </c>
      <c r="G77909" s="16">
        <v>0</v>
      </c>
    </row>
    <row r="77910" spans="1:7" x14ac:dyDescent="0.3">
      <c r="A77910" s="13" t="s">
        <v>397</v>
      </c>
      <c r="B77910" s="14" t="s">
        <v>1</v>
      </c>
      <c r="C77910" s="14" t="s">
        <v>41</v>
      </c>
      <c r="D77910" s="14" t="s">
        <v>398</v>
      </c>
      <c r="E77910" s="15">
        <v>45541</v>
      </c>
      <c r="F77910" s="14" t="s">
        <v>53</v>
      </c>
      <c r="G77910" s="16">
        <v>0</v>
      </c>
    </row>
    <row r="77911" spans="1:7" x14ac:dyDescent="0.3">
      <c r="A77911" s="13" t="s">
        <v>397</v>
      </c>
      <c r="B77911" s="14" t="s">
        <v>1</v>
      </c>
      <c r="C77911" s="14" t="s">
        <v>41</v>
      </c>
      <c r="D77911" s="14" t="s">
        <v>398</v>
      </c>
      <c r="E77911" s="15">
        <v>45542</v>
      </c>
      <c r="F77911" s="14" t="s">
        <v>53</v>
      </c>
      <c r="G77911" s="16">
        <v>0</v>
      </c>
    </row>
    <row r="77912" spans="1:7" x14ac:dyDescent="0.3">
      <c r="A77912" s="13" t="s">
        <v>397</v>
      </c>
      <c r="B77912" s="14" t="s">
        <v>1</v>
      </c>
      <c r="C77912" s="14" t="s">
        <v>41</v>
      </c>
      <c r="D77912" s="14" t="s">
        <v>398</v>
      </c>
      <c r="E77912" s="15">
        <v>45543</v>
      </c>
      <c r="F77912" s="14" t="s">
        <v>53</v>
      </c>
      <c r="G77912" s="16">
        <v>0</v>
      </c>
    </row>
    <row r="77913" spans="1:7" x14ac:dyDescent="0.3">
      <c r="A77913" s="13" t="s">
        <v>397</v>
      </c>
      <c r="B77913" s="14" t="s">
        <v>1</v>
      </c>
      <c r="C77913" s="14" t="s">
        <v>41</v>
      </c>
      <c r="D77913" s="14" t="s">
        <v>398</v>
      </c>
      <c r="E77913" s="15">
        <v>45544</v>
      </c>
      <c r="F77913" s="14" t="s">
        <v>53</v>
      </c>
      <c r="G77913" s="16">
        <v>0</v>
      </c>
    </row>
    <row r="77914" spans="1:7" x14ac:dyDescent="0.3">
      <c r="A77914" s="13" t="s">
        <v>397</v>
      </c>
      <c r="B77914" s="14" t="s">
        <v>1</v>
      </c>
      <c r="C77914" s="14" t="s">
        <v>41</v>
      </c>
      <c r="D77914" s="14" t="s">
        <v>398</v>
      </c>
      <c r="E77914" s="15">
        <v>45545</v>
      </c>
      <c r="F77914" s="14" t="s">
        <v>53</v>
      </c>
      <c r="G77914" s="16">
        <v>0</v>
      </c>
    </row>
    <row r="77915" spans="1:7" x14ac:dyDescent="0.3">
      <c r="A77915" s="13" t="s">
        <v>397</v>
      </c>
      <c r="B77915" s="14" t="s">
        <v>1</v>
      </c>
      <c r="C77915" s="14" t="s">
        <v>41</v>
      </c>
      <c r="D77915" s="14" t="s">
        <v>398</v>
      </c>
      <c r="E77915" s="15">
        <v>45546</v>
      </c>
      <c r="F77915" s="14" t="s">
        <v>53</v>
      </c>
      <c r="G77915" s="16">
        <v>0</v>
      </c>
    </row>
    <row r="77916" spans="1:7" x14ac:dyDescent="0.3">
      <c r="A77916" s="13" t="s">
        <v>397</v>
      </c>
      <c r="B77916" s="14" t="s">
        <v>1</v>
      </c>
      <c r="C77916" s="14" t="s">
        <v>41</v>
      </c>
      <c r="D77916" s="14" t="s">
        <v>398</v>
      </c>
      <c r="E77916" s="15">
        <v>45547</v>
      </c>
      <c r="F77916" s="14" t="s">
        <v>53</v>
      </c>
      <c r="G77916" s="16">
        <v>0</v>
      </c>
    </row>
    <row r="77917" spans="1:7" x14ac:dyDescent="0.3">
      <c r="A77917" s="13" t="s">
        <v>397</v>
      </c>
      <c r="B77917" s="14" t="s">
        <v>1</v>
      </c>
      <c r="C77917" s="14" t="s">
        <v>41</v>
      </c>
      <c r="D77917" s="14" t="s">
        <v>398</v>
      </c>
      <c r="E77917" s="15">
        <v>45548</v>
      </c>
      <c r="F77917" s="14" t="s">
        <v>53</v>
      </c>
      <c r="G77917" s="16">
        <v>0</v>
      </c>
    </row>
    <row r="77918" spans="1:7" x14ac:dyDescent="0.3">
      <c r="A77918" s="13" t="s">
        <v>397</v>
      </c>
      <c r="B77918" s="14" t="s">
        <v>1</v>
      </c>
      <c r="C77918" s="14" t="s">
        <v>41</v>
      </c>
      <c r="D77918" s="14" t="s">
        <v>398</v>
      </c>
      <c r="E77918" s="15">
        <v>45549</v>
      </c>
      <c r="F77918" s="14" t="s">
        <v>53</v>
      </c>
      <c r="G77918" s="16">
        <v>0</v>
      </c>
    </row>
    <row r="77919" spans="1:7" x14ac:dyDescent="0.3">
      <c r="A77919" s="13" t="s">
        <v>397</v>
      </c>
      <c r="B77919" s="14" t="s">
        <v>1</v>
      </c>
      <c r="C77919" s="14" t="s">
        <v>41</v>
      </c>
      <c r="D77919" s="14" t="s">
        <v>398</v>
      </c>
      <c r="E77919" s="15">
        <v>45550</v>
      </c>
      <c r="F77919" s="14" t="s">
        <v>53</v>
      </c>
      <c r="G77919" s="16">
        <v>0</v>
      </c>
    </row>
    <row r="77920" spans="1:7" x14ac:dyDescent="0.3">
      <c r="A77920" s="13" t="s">
        <v>397</v>
      </c>
      <c r="B77920" s="14" t="s">
        <v>1</v>
      </c>
      <c r="C77920" s="14" t="s">
        <v>41</v>
      </c>
      <c r="D77920" s="14" t="s">
        <v>398</v>
      </c>
      <c r="E77920" s="15">
        <v>45551</v>
      </c>
      <c r="F77920" s="14" t="s">
        <v>53</v>
      </c>
      <c r="G77920" s="16">
        <v>0</v>
      </c>
    </row>
    <row r="77921" spans="1:7" x14ac:dyDescent="0.3">
      <c r="A77921" s="13" t="s">
        <v>397</v>
      </c>
      <c r="B77921" s="14" t="s">
        <v>1</v>
      </c>
      <c r="C77921" s="14" t="s">
        <v>41</v>
      </c>
      <c r="D77921" s="14" t="s">
        <v>398</v>
      </c>
      <c r="E77921" s="15">
        <v>45552</v>
      </c>
      <c r="F77921" s="14" t="s">
        <v>53</v>
      </c>
      <c r="G77921" s="16">
        <v>0</v>
      </c>
    </row>
    <row r="77922" spans="1:7" x14ac:dyDescent="0.3">
      <c r="A77922" s="13" t="s">
        <v>397</v>
      </c>
      <c r="B77922" s="14" t="s">
        <v>1</v>
      </c>
      <c r="C77922" s="14" t="s">
        <v>41</v>
      </c>
      <c r="D77922" s="14" t="s">
        <v>398</v>
      </c>
      <c r="E77922" s="15">
        <v>45553</v>
      </c>
      <c r="F77922" s="14" t="s">
        <v>53</v>
      </c>
      <c r="G77922" s="16">
        <v>0</v>
      </c>
    </row>
    <row r="77923" spans="1:7" x14ac:dyDescent="0.3">
      <c r="A77923" s="13" t="s">
        <v>397</v>
      </c>
      <c r="B77923" s="14" t="s">
        <v>1</v>
      </c>
      <c r="C77923" s="14" t="s">
        <v>41</v>
      </c>
      <c r="D77923" s="14" t="s">
        <v>398</v>
      </c>
      <c r="E77923" s="15">
        <v>45554</v>
      </c>
      <c r="F77923" s="14" t="s">
        <v>53</v>
      </c>
      <c r="G77923" s="16">
        <v>0</v>
      </c>
    </row>
    <row r="77924" spans="1:7" x14ac:dyDescent="0.3">
      <c r="A77924" s="13" t="s">
        <v>397</v>
      </c>
      <c r="B77924" s="14" t="s">
        <v>1</v>
      </c>
      <c r="C77924" s="14" t="s">
        <v>41</v>
      </c>
      <c r="D77924" s="14" t="s">
        <v>398</v>
      </c>
      <c r="E77924" s="15">
        <v>45555</v>
      </c>
      <c r="F77924" s="14" t="s">
        <v>53</v>
      </c>
      <c r="G77924" s="16">
        <v>0</v>
      </c>
    </row>
    <row r="77925" spans="1:7" x14ac:dyDescent="0.3">
      <c r="A77925" s="13" t="s">
        <v>397</v>
      </c>
      <c r="B77925" s="14" t="s">
        <v>1</v>
      </c>
      <c r="C77925" s="14" t="s">
        <v>41</v>
      </c>
      <c r="D77925" s="14" t="s">
        <v>398</v>
      </c>
      <c r="E77925" s="15">
        <v>45556</v>
      </c>
      <c r="F77925" s="14" t="s">
        <v>53</v>
      </c>
      <c r="G77925" s="16">
        <v>0</v>
      </c>
    </row>
    <row r="77926" spans="1:7" x14ac:dyDescent="0.3">
      <c r="A77926" s="13" t="s">
        <v>397</v>
      </c>
      <c r="B77926" s="14" t="s">
        <v>1</v>
      </c>
      <c r="C77926" s="14" t="s">
        <v>41</v>
      </c>
      <c r="D77926" s="14" t="s">
        <v>398</v>
      </c>
      <c r="E77926" s="15">
        <v>45557</v>
      </c>
      <c r="F77926" s="14" t="s">
        <v>53</v>
      </c>
      <c r="G77926" s="16">
        <v>0</v>
      </c>
    </row>
    <row r="77927" spans="1:7" x14ac:dyDescent="0.3">
      <c r="A77927" s="13" t="s">
        <v>397</v>
      </c>
      <c r="B77927" s="14" t="s">
        <v>1</v>
      </c>
      <c r="C77927" s="14" t="s">
        <v>41</v>
      </c>
      <c r="D77927" s="14" t="s">
        <v>398</v>
      </c>
      <c r="E77927" s="15">
        <v>45558</v>
      </c>
      <c r="F77927" s="14" t="s">
        <v>53</v>
      </c>
      <c r="G77927" s="16">
        <v>0</v>
      </c>
    </row>
    <row r="77928" spans="1:7" x14ac:dyDescent="0.3">
      <c r="A77928" s="13" t="s">
        <v>397</v>
      </c>
      <c r="B77928" s="14" t="s">
        <v>1</v>
      </c>
      <c r="C77928" s="14" t="s">
        <v>41</v>
      </c>
      <c r="D77928" s="14" t="s">
        <v>398</v>
      </c>
      <c r="E77928" s="15">
        <v>45559</v>
      </c>
      <c r="F77928" s="14" t="s">
        <v>53</v>
      </c>
      <c r="G77928" s="16">
        <v>0</v>
      </c>
    </row>
    <row r="77929" spans="1:7" x14ac:dyDescent="0.3">
      <c r="A77929" s="13" t="s">
        <v>397</v>
      </c>
      <c r="B77929" s="14" t="s">
        <v>1</v>
      </c>
      <c r="C77929" s="14" t="s">
        <v>41</v>
      </c>
      <c r="D77929" s="14" t="s">
        <v>398</v>
      </c>
      <c r="E77929" s="15">
        <v>45560</v>
      </c>
      <c r="F77929" s="14" t="s">
        <v>53</v>
      </c>
      <c r="G77929" s="16">
        <v>0</v>
      </c>
    </row>
    <row r="77930" spans="1:7" x14ac:dyDescent="0.3">
      <c r="A77930" s="13" t="s">
        <v>397</v>
      </c>
      <c r="B77930" s="14" t="s">
        <v>1</v>
      </c>
      <c r="C77930" s="14" t="s">
        <v>41</v>
      </c>
      <c r="D77930" s="14" t="s">
        <v>398</v>
      </c>
      <c r="E77930" s="15">
        <v>45561</v>
      </c>
      <c r="F77930" s="14" t="s">
        <v>53</v>
      </c>
      <c r="G77930" s="16">
        <v>0</v>
      </c>
    </row>
    <row r="77931" spans="1:7" x14ac:dyDescent="0.3">
      <c r="A77931" s="13" t="s">
        <v>397</v>
      </c>
      <c r="B77931" s="14" t="s">
        <v>1</v>
      </c>
      <c r="C77931" s="14" t="s">
        <v>41</v>
      </c>
      <c r="D77931" s="14" t="s">
        <v>398</v>
      </c>
      <c r="E77931" s="15">
        <v>45562</v>
      </c>
      <c r="F77931" s="14" t="s">
        <v>53</v>
      </c>
      <c r="G77931" s="16">
        <v>0</v>
      </c>
    </row>
    <row r="77932" spans="1:7" x14ac:dyDescent="0.3">
      <c r="A77932" s="13" t="s">
        <v>397</v>
      </c>
      <c r="B77932" s="14" t="s">
        <v>1</v>
      </c>
      <c r="C77932" s="14" t="s">
        <v>41</v>
      </c>
      <c r="D77932" s="14" t="s">
        <v>398</v>
      </c>
      <c r="E77932" s="15">
        <v>45563</v>
      </c>
      <c r="F77932" s="14" t="s">
        <v>53</v>
      </c>
      <c r="G77932" s="16">
        <v>0</v>
      </c>
    </row>
    <row r="77933" spans="1:7" x14ac:dyDescent="0.3">
      <c r="A77933" s="13" t="s">
        <v>397</v>
      </c>
      <c r="B77933" s="14" t="s">
        <v>1</v>
      </c>
      <c r="C77933" s="14" t="s">
        <v>41</v>
      </c>
      <c r="D77933" s="14" t="s">
        <v>398</v>
      </c>
      <c r="E77933" s="15">
        <v>45564</v>
      </c>
      <c r="F77933" s="14" t="s">
        <v>53</v>
      </c>
      <c r="G77933" s="16">
        <v>0</v>
      </c>
    </row>
    <row r="77934" spans="1:7" x14ac:dyDescent="0.3">
      <c r="A77934" s="13" t="s">
        <v>397</v>
      </c>
      <c r="B77934" s="14" t="s">
        <v>1</v>
      </c>
      <c r="C77934" s="14" t="s">
        <v>41</v>
      </c>
      <c r="D77934" s="14" t="s">
        <v>398</v>
      </c>
      <c r="E77934" s="15">
        <v>45565</v>
      </c>
      <c r="F77934" s="14" t="s">
        <v>53</v>
      </c>
      <c r="G77934" s="16">
        <v>0.55258450929292846</v>
      </c>
    </row>
    <row r="77935" spans="1:7" x14ac:dyDescent="0.3">
      <c r="A77935" s="13" t="s">
        <v>397</v>
      </c>
      <c r="B77935" s="14" t="s">
        <v>1</v>
      </c>
      <c r="C77935" s="14" t="s">
        <v>41</v>
      </c>
      <c r="D77935" s="14" t="s">
        <v>398</v>
      </c>
      <c r="E77935" s="15">
        <v>45566</v>
      </c>
      <c r="F77935" s="14" t="s">
        <v>53</v>
      </c>
      <c r="G77935" s="16">
        <v>0.55065896767432854</v>
      </c>
    </row>
    <row r="77936" spans="1:7" x14ac:dyDescent="0.3">
      <c r="A77936" s="13" t="s">
        <v>397</v>
      </c>
      <c r="B77936" s="14" t="s">
        <v>1</v>
      </c>
      <c r="C77936" s="14" t="s">
        <v>41</v>
      </c>
      <c r="D77936" s="14" t="s">
        <v>398</v>
      </c>
      <c r="E77936" s="15">
        <v>45567</v>
      </c>
      <c r="F77936" s="14" t="s">
        <v>53</v>
      </c>
      <c r="G77936" s="16">
        <v>0.53854845267141882</v>
      </c>
    </row>
    <row r="77937" spans="1:7" x14ac:dyDescent="0.3">
      <c r="A77937" s="13" t="s">
        <v>397</v>
      </c>
      <c r="B77937" s="14" t="s">
        <v>1</v>
      </c>
      <c r="C77937" s="14" t="s">
        <v>41</v>
      </c>
      <c r="D77937" s="14" t="s">
        <v>398</v>
      </c>
      <c r="E77937" s="15">
        <v>45568</v>
      </c>
      <c r="F77937" s="14" t="s">
        <v>53</v>
      </c>
      <c r="G77937" s="16">
        <v>0.54076960668442586</v>
      </c>
    </row>
    <row r="77938" spans="1:7" x14ac:dyDescent="0.3">
      <c r="A77938" s="13" t="s">
        <v>397</v>
      </c>
      <c r="B77938" s="14" t="s">
        <v>1</v>
      </c>
      <c r="C77938" s="14" t="s">
        <v>41</v>
      </c>
      <c r="D77938" s="14" t="s">
        <v>398</v>
      </c>
      <c r="E77938" s="15">
        <v>45569</v>
      </c>
      <c r="F77938" s="14" t="s">
        <v>53</v>
      </c>
      <c r="G77938" s="16">
        <v>0.53238822701585908</v>
      </c>
    </row>
    <row r="77939" spans="1:7" x14ac:dyDescent="0.3">
      <c r="A77939" s="13" t="s">
        <v>397</v>
      </c>
      <c r="B77939" s="14" t="s">
        <v>1</v>
      </c>
      <c r="C77939" s="14" t="s">
        <v>41</v>
      </c>
      <c r="D77939" s="14" t="s">
        <v>398</v>
      </c>
      <c r="E77939" s="15">
        <v>45570</v>
      </c>
      <c r="F77939" s="14" t="s">
        <v>53</v>
      </c>
      <c r="G77939" s="16">
        <v>0.53238822701585908</v>
      </c>
    </row>
    <row r="77940" spans="1:7" x14ac:dyDescent="0.3">
      <c r="A77940" s="13" t="s">
        <v>397</v>
      </c>
      <c r="B77940" s="14" t="s">
        <v>1</v>
      </c>
      <c r="C77940" s="14" t="s">
        <v>41</v>
      </c>
      <c r="D77940" s="14" t="s">
        <v>398</v>
      </c>
      <c r="E77940" s="15">
        <v>45571</v>
      </c>
      <c r="F77940" s="14" t="s">
        <v>53</v>
      </c>
      <c r="G77940" s="16">
        <v>0.53238822701585908</v>
      </c>
    </row>
    <row r="77941" spans="1:7" x14ac:dyDescent="0.3">
      <c r="A77941" s="13" t="s">
        <v>397</v>
      </c>
      <c r="B77941" s="14" t="s">
        <v>1</v>
      </c>
      <c r="C77941" s="14" t="s">
        <v>41</v>
      </c>
      <c r="D77941" s="14" t="s">
        <v>398</v>
      </c>
      <c r="E77941" s="15">
        <v>45572</v>
      </c>
      <c r="F77941" s="14" t="s">
        <v>53</v>
      </c>
      <c r="G77941" s="16">
        <v>0.53397311768771138</v>
      </c>
    </row>
    <row r="77942" spans="1:7" x14ac:dyDescent="0.3">
      <c r="A77942" s="13" t="s">
        <v>397</v>
      </c>
      <c r="B77942" s="14" t="s">
        <v>1</v>
      </c>
      <c r="C77942" s="14" t="s">
        <v>41</v>
      </c>
      <c r="D77942" s="14" t="s">
        <v>398</v>
      </c>
      <c r="E77942" s="15">
        <v>45573</v>
      </c>
      <c r="F77942" s="14" t="s">
        <v>53</v>
      </c>
      <c r="G77942" s="16">
        <v>0.52727344913005592</v>
      </c>
    </row>
    <row r="77943" spans="1:7" x14ac:dyDescent="0.3">
      <c r="A77943" s="13" t="s">
        <v>397</v>
      </c>
      <c r="B77943" s="14" t="s">
        <v>1</v>
      </c>
      <c r="C77943" s="14" t="s">
        <v>41</v>
      </c>
      <c r="D77943" s="14" t="s">
        <v>398</v>
      </c>
      <c r="E77943" s="15">
        <v>45574</v>
      </c>
      <c r="F77943" s="14" t="s">
        <v>53</v>
      </c>
      <c r="G77943" s="16">
        <v>0.52273165456928061</v>
      </c>
    </row>
    <row r="77944" spans="1:7" x14ac:dyDescent="0.3">
      <c r="A77944" s="13" t="s">
        <v>397</v>
      </c>
      <c r="B77944" s="14" t="s">
        <v>1</v>
      </c>
      <c r="C77944" s="14" t="s">
        <v>41</v>
      </c>
      <c r="D77944" s="14" t="s">
        <v>398</v>
      </c>
      <c r="E77944" s="15">
        <v>45575</v>
      </c>
      <c r="F77944" s="14" t="s">
        <v>53</v>
      </c>
      <c r="G77944" s="16">
        <v>0.52372891551636047</v>
      </c>
    </row>
    <row r="77945" spans="1:7" x14ac:dyDescent="0.3">
      <c r="A77945" s="13" t="s">
        <v>397</v>
      </c>
      <c r="B77945" s="14" t="s">
        <v>1</v>
      </c>
      <c r="C77945" s="14" t="s">
        <v>41</v>
      </c>
      <c r="D77945" s="14" t="s">
        <v>398</v>
      </c>
      <c r="E77945" s="15">
        <v>45576</v>
      </c>
      <c r="F77945" s="14" t="s">
        <v>53</v>
      </c>
      <c r="G77945" s="16">
        <v>0.51943183043851271</v>
      </c>
    </row>
    <row r="77946" spans="1:7" x14ac:dyDescent="0.3">
      <c r="A77946" s="13" t="s">
        <v>397</v>
      </c>
      <c r="B77946" s="14" t="s">
        <v>1</v>
      </c>
      <c r="C77946" s="14" t="s">
        <v>41</v>
      </c>
      <c r="D77946" s="14" t="s">
        <v>398</v>
      </c>
      <c r="E77946" s="15">
        <v>45577</v>
      </c>
      <c r="F77946" s="14" t="s">
        <v>53</v>
      </c>
      <c r="G77946" s="16">
        <v>0.51943183043851271</v>
      </c>
    </row>
    <row r="77947" spans="1:7" x14ac:dyDescent="0.3">
      <c r="A77947" s="13" t="s">
        <v>397</v>
      </c>
      <c r="B77947" s="14" t="s">
        <v>1</v>
      </c>
      <c r="C77947" s="14" t="s">
        <v>41</v>
      </c>
      <c r="D77947" s="14" t="s">
        <v>398</v>
      </c>
      <c r="E77947" s="15">
        <v>45578</v>
      </c>
      <c r="F77947" s="14" t="s">
        <v>53</v>
      </c>
      <c r="G77947" s="16">
        <v>0.51943183043851271</v>
      </c>
    </row>
    <row r="77948" spans="1:7" x14ac:dyDescent="0.3">
      <c r="A77948" s="13" t="s">
        <v>397</v>
      </c>
      <c r="B77948" s="14" t="s">
        <v>1</v>
      </c>
      <c r="C77948" s="14" t="s">
        <v>41</v>
      </c>
      <c r="D77948" s="14" t="s">
        <v>398</v>
      </c>
      <c r="E77948" s="15">
        <v>45579</v>
      </c>
      <c r="F77948" s="14" t="s">
        <v>53</v>
      </c>
      <c r="G77948" s="16">
        <v>0.51943183043851271</v>
      </c>
    </row>
    <row r="77949" spans="1:7" x14ac:dyDescent="0.3">
      <c r="A77949" s="13" t="s">
        <v>397</v>
      </c>
      <c r="B77949" s="14" t="s">
        <v>1</v>
      </c>
      <c r="C77949" s="14" t="s">
        <v>41</v>
      </c>
      <c r="D77949" s="14" t="s">
        <v>398</v>
      </c>
      <c r="E77949" s="15">
        <v>45580</v>
      </c>
      <c r="F77949" s="14" t="s">
        <v>53</v>
      </c>
      <c r="G77949" s="16">
        <v>0.51706316586441481</v>
      </c>
    </row>
    <row r="77950" spans="1:7" x14ac:dyDescent="0.3">
      <c r="A77950" s="13" t="s">
        <v>397</v>
      </c>
      <c r="B77950" s="14" t="s">
        <v>1</v>
      </c>
      <c r="C77950" s="14" t="s">
        <v>41</v>
      </c>
      <c r="D77950" s="14" t="s">
        <v>398</v>
      </c>
      <c r="E77950" s="15">
        <v>45581</v>
      </c>
      <c r="F77950" s="14" t="s">
        <v>53</v>
      </c>
      <c r="G77950" s="16">
        <v>0.51100658695853174</v>
      </c>
    </row>
    <row r="77951" spans="1:7" x14ac:dyDescent="0.3">
      <c r="A77951" s="13" t="s">
        <v>397</v>
      </c>
      <c r="B77951" s="14" t="s">
        <v>1</v>
      </c>
      <c r="C77951" s="14" t="s">
        <v>41</v>
      </c>
      <c r="D77951" s="14" t="s">
        <v>398</v>
      </c>
      <c r="E77951" s="15">
        <v>45582</v>
      </c>
      <c r="F77951" s="14" t="s">
        <v>53</v>
      </c>
      <c r="G77951" s="16">
        <v>0.5062582643180632</v>
      </c>
    </row>
    <row r="77952" spans="1:7" x14ac:dyDescent="0.3">
      <c r="A77952" s="13" t="s">
        <v>397</v>
      </c>
      <c r="B77952" s="14" t="s">
        <v>1</v>
      </c>
      <c r="C77952" s="14" t="s">
        <v>41</v>
      </c>
      <c r="D77952" s="14" t="s">
        <v>398</v>
      </c>
      <c r="E77952" s="15">
        <v>45583</v>
      </c>
      <c r="F77952" s="14" t="s">
        <v>53</v>
      </c>
      <c r="G77952" s="16">
        <v>0.50490531740445188</v>
      </c>
    </row>
    <row r="77953" spans="1:7" x14ac:dyDescent="0.3">
      <c r="A77953" s="13" t="s">
        <v>397</v>
      </c>
      <c r="B77953" s="14" t="s">
        <v>1</v>
      </c>
      <c r="C77953" s="14" t="s">
        <v>41</v>
      </c>
      <c r="D77953" s="14" t="s">
        <v>398</v>
      </c>
      <c r="E77953" s="15">
        <v>45584</v>
      </c>
      <c r="F77953" s="14" t="s">
        <v>53</v>
      </c>
      <c r="G77953" s="16">
        <v>0.50490531740445188</v>
      </c>
    </row>
    <row r="77954" spans="1:7" x14ac:dyDescent="0.3">
      <c r="A77954" s="13" t="s">
        <v>397</v>
      </c>
      <c r="B77954" s="14" t="s">
        <v>1</v>
      </c>
      <c r="C77954" s="14" t="s">
        <v>41</v>
      </c>
      <c r="D77954" s="14" t="s">
        <v>398</v>
      </c>
      <c r="E77954" s="15">
        <v>45585</v>
      </c>
      <c r="F77954" s="14" t="s">
        <v>53</v>
      </c>
      <c r="G77954" s="16">
        <v>0.50490531740445188</v>
      </c>
    </row>
    <row r="77955" spans="1:7" x14ac:dyDescent="0.3">
      <c r="A77955" s="13" t="s">
        <v>397</v>
      </c>
      <c r="B77955" s="14" t="s">
        <v>1</v>
      </c>
      <c r="C77955" s="14" t="s">
        <v>41</v>
      </c>
      <c r="D77955" s="14" t="s">
        <v>398</v>
      </c>
      <c r="E77955" s="15">
        <v>45586</v>
      </c>
      <c r="F77955" s="14" t="s">
        <v>53</v>
      </c>
      <c r="G77955" s="16">
        <v>0.50129387794333546</v>
      </c>
    </row>
    <row r="77956" spans="1:7" x14ac:dyDescent="0.3">
      <c r="A77956" s="13" t="s">
        <v>397</v>
      </c>
      <c r="B77956" s="14" t="s">
        <v>1</v>
      </c>
      <c r="C77956" s="14" t="s">
        <v>41</v>
      </c>
      <c r="D77956" s="14" t="s">
        <v>398</v>
      </c>
      <c r="E77956" s="15">
        <v>45587</v>
      </c>
      <c r="F77956" s="14" t="s">
        <v>53</v>
      </c>
      <c r="G77956" s="16">
        <v>0.4947048645323891</v>
      </c>
    </row>
    <row r="77957" spans="1:7" x14ac:dyDescent="0.3">
      <c r="A77957" s="13" t="s">
        <v>397</v>
      </c>
      <c r="B77957" s="14" t="s">
        <v>1</v>
      </c>
      <c r="C77957" s="14" t="s">
        <v>41</v>
      </c>
      <c r="D77957" s="14" t="s">
        <v>398</v>
      </c>
      <c r="E77957" s="15">
        <v>45588</v>
      </c>
      <c r="F77957" s="14" t="s">
        <v>53</v>
      </c>
      <c r="G77957" s="16">
        <v>0.50080817177667358</v>
      </c>
    </row>
    <row r="77958" spans="1:7" x14ac:dyDescent="0.3">
      <c r="A77958" s="13" t="s">
        <v>397</v>
      </c>
      <c r="B77958" s="14" t="s">
        <v>1</v>
      </c>
      <c r="C77958" s="14" t="s">
        <v>41</v>
      </c>
      <c r="D77958" s="14" t="s">
        <v>398</v>
      </c>
      <c r="E77958" s="15">
        <v>45589</v>
      </c>
      <c r="F77958" s="14" t="s">
        <v>53</v>
      </c>
      <c r="G77958" s="16">
        <v>0.49990206302723239</v>
      </c>
    </row>
    <row r="77959" spans="1:7" x14ac:dyDescent="0.3">
      <c r="A77959" s="13" t="s">
        <v>397</v>
      </c>
      <c r="B77959" s="14" t="s">
        <v>1</v>
      </c>
      <c r="C77959" s="14" t="s">
        <v>41</v>
      </c>
      <c r="D77959" s="14" t="s">
        <v>398</v>
      </c>
      <c r="E77959" s="15">
        <v>45590</v>
      </c>
      <c r="F77959" s="14" t="s">
        <v>53</v>
      </c>
      <c r="G77959" s="16">
        <v>0.4968420552748557</v>
      </c>
    </row>
    <row r="77960" spans="1:7" x14ac:dyDescent="0.3">
      <c r="A77960" s="13" t="s">
        <v>397</v>
      </c>
      <c r="B77960" s="14" t="s">
        <v>1</v>
      </c>
      <c r="C77960" s="14" t="s">
        <v>41</v>
      </c>
      <c r="D77960" s="14" t="s">
        <v>398</v>
      </c>
      <c r="E77960" s="15">
        <v>45591</v>
      </c>
      <c r="F77960" s="14" t="s">
        <v>53</v>
      </c>
      <c r="G77960" s="16">
        <v>0.4968420552748557</v>
      </c>
    </row>
    <row r="77961" spans="1:7" x14ac:dyDescent="0.3">
      <c r="A77961" s="13" t="s">
        <v>397</v>
      </c>
      <c r="B77961" s="14" t="s">
        <v>1</v>
      </c>
      <c r="C77961" s="14" t="s">
        <v>41</v>
      </c>
      <c r="D77961" s="14" t="s">
        <v>398</v>
      </c>
      <c r="E77961" s="15">
        <v>45592</v>
      </c>
      <c r="F77961" s="14" t="s">
        <v>53</v>
      </c>
      <c r="G77961" s="16">
        <v>0.4968420552748557</v>
      </c>
    </row>
    <row r="77962" spans="1:7" x14ac:dyDescent="0.3">
      <c r="A77962" s="13" t="s">
        <v>397</v>
      </c>
      <c r="B77962" s="14" t="s">
        <v>1</v>
      </c>
      <c r="C77962" s="14" t="s">
        <v>41</v>
      </c>
      <c r="D77962" s="14" t="s">
        <v>398</v>
      </c>
      <c r="E77962" s="15">
        <v>45593</v>
      </c>
      <c r="F77962" s="14" t="s">
        <v>53</v>
      </c>
      <c r="G77962" s="16">
        <v>0.4968420552748557</v>
      </c>
    </row>
    <row r="77963" spans="1:7" x14ac:dyDescent="0.3">
      <c r="A77963" s="13" t="s">
        <v>397</v>
      </c>
      <c r="B77963" s="14" t="s">
        <v>1</v>
      </c>
      <c r="C77963" s="14" t="s">
        <v>41</v>
      </c>
      <c r="D77963" s="14" t="s">
        <v>398</v>
      </c>
      <c r="E77963" s="15">
        <v>45594</v>
      </c>
      <c r="F77963" s="14" t="s">
        <v>53</v>
      </c>
      <c r="G77963" s="16">
        <v>0.4908610225122868</v>
      </c>
    </row>
    <row r="77964" spans="1:7" x14ac:dyDescent="0.3">
      <c r="A77964" s="13" t="s">
        <v>397</v>
      </c>
      <c r="B77964" s="14" t="s">
        <v>1</v>
      </c>
      <c r="C77964" s="14" t="s">
        <v>41</v>
      </c>
      <c r="D77964" s="14" t="s">
        <v>398</v>
      </c>
      <c r="E77964" s="15">
        <v>45595</v>
      </c>
      <c r="F77964" s="14" t="s">
        <v>53</v>
      </c>
      <c r="G77964" s="16">
        <v>0.48574645758410445</v>
      </c>
    </row>
    <row r="77965" spans="1:7" x14ac:dyDescent="0.3">
      <c r="A77965" s="13" t="s">
        <v>397</v>
      </c>
      <c r="B77965" s="14" t="s">
        <v>1</v>
      </c>
      <c r="C77965" s="14" t="s">
        <v>41</v>
      </c>
      <c r="D77965" s="14" t="s">
        <v>398</v>
      </c>
      <c r="E77965" s="15">
        <v>45596</v>
      </c>
      <c r="F77965" s="14" t="s">
        <v>53</v>
      </c>
      <c r="G77965" s="16">
        <v>0.49455593667151743</v>
      </c>
    </row>
    <row r="77966" spans="1:7" x14ac:dyDescent="0.3">
      <c r="A77966" s="13" t="s">
        <v>397</v>
      </c>
      <c r="B77966" s="14" t="s">
        <v>1</v>
      </c>
      <c r="C77966" s="14" t="s">
        <v>41</v>
      </c>
      <c r="D77966" s="14" t="s">
        <v>398</v>
      </c>
      <c r="E77966" s="15">
        <v>45597</v>
      </c>
      <c r="F77966" s="14" t="s">
        <v>53</v>
      </c>
      <c r="G77966" s="16">
        <v>0.48919060785417812</v>
      </c>
    </row>
    <row r="77967" spans="1:7" x14ac:dyDescent="0.3">
      <c r="A77967" s="13" t="s">
        <v>397</v>
      </c>
      <c r="B77967" s="14" t="s">
        <v>1</v>
      </c>
      <c r="C77967" s="14" t="s">
        <v>41</v>
      </c>
      <c r="D77967" s="14" t="s">
        <v>398</v>
      </c>
      <c r="E77967" s="15">
        <v>45598</v>
      </c>
      <c r="F77967" s="14" t="s">
        <v>53</v>
      </c>
      <c r="G77967" s="16">
        <v>0.48919060785417812</v>
      </c>
    </row>
    <row r="77968" spans="1:7" x14ac:dyDescent="0.3">
      <c r="A77968" s="13" t="s">
        <v>397</v>
      </c>
      <c r="B77968" s="14" t="s">
        <v>1</v>
      </c>
      <c r="C77968" s="14" t="s">
        <v>41</v>
      </c>
      <c r="D77968" s="14" t="s">
        <v>398</v>
      </c>
      <c r="E77968" s="15">
        <v>45599</v>
      </c>
      <c r="F77968" s="14" t="s">
        <v>53</v>
      </c>
      <c r="G77968" s="16">
        <v>0.48919060785417812</v>
      </c>
    </row>
    <row r="77969" spans="1:7" x14ac:dyDescent="0.3">
      <c r="A77969" s="13" t="s">
        <v>397</v>
      </c>
      <c r="B77969" s="14" t="s">
        <v>1</v>
      </c>
      <c r="C77969" s="14" t="s">
        <v>41</v>
      </c>
      <c r="D77969" s="14" t="s">
        <v>398</v>
      </c>
      <c r="E77969" s="15">
        <v>45600</v>
      </c>
      <c r="F77969" s="14" t="s">
        <v>53</v>
      </c>
      <c r="G77969" s="16">
        <v>0.48919060785417812</v>
      </c>
    </row>
    <row r="77970" spans="1:7" x14ac:dyDescent="0.3">
      <c r="A77970" s="13" t="s">
        <v>397</v>
      </c>
      <c r="B77970" s="14" t="s">
        <v>1</v>
      </c>
      <c r="C77970" s="14" t="s">
        <v>41</v>
      </c>
      <c r="D77970" s="14" t="s">
        <v>398</v>
      </c>
      <c r="E77970" s="15">
        <v>45601</v>
      </c>
      <c r="F77970" s="14" t="s">
        <v>53</v>
      </c>
      <c r="G77970" s="16">
        <v>0.48748033595012341</v>
      </c>
    </row>
    <row r="77971" spans="1:7" x14ac:dyDescent="0.3">
      <c r="A77971" s="13" t="s">
        <v>397</v>
      </c>
      <c r="B77971" s="14" t="s">
        <v>1</v>
      </c>
      <c r="C77971" s="14" t="s">
        <v>41</v>
      </c>
      <c r="D77971" s="14" t="s">
        <v>398</v>
      </c>
      <c r="E77971" s="15">
        <v>45602</v>
      </c>
      <c r="F77971" s="14" t="s">
        <v>53</v>
      </c>
      <c r="G77971" s="16">
        <v>0.47654380998015061</v>
      </c>
    </row>
    <row r="77972" spans="1:7" x14ac:dyDescent="0.3">
      <c r="A77972" s="13" t="s">
        <v>397</v>
      </c>
      <c r="B77972" s="14" t="s">
        <v>1</v>
      </c>
      <c r="C77972" s="14" t="s">
        <v>41</v>
      </c>
      <c r="D77972" s="14" t="s">
        <v>398</v>
      </c>
      <c r="E77972" s="15">
        <v>45603</v>
      </c>
      <c r="F77972" s="14" t="s">
        <v>53</v>
      </c>
      <c r="G77972" s="16">
        <v>0.47588830723939579</v>
      </c>
    </row>
    <row r="77973" spans="1:7" x14ac:dyDescent="0.3">
      <c r="A77973" s="13" t="s">
        <v>397</v>
      </c>
      <c r="B77973" s="14" t="s">
        <v>1</v>
      </c>
      <c r="C77973" s="14" t="s">
        <v>41</v>
      </c>
      <c r="D77973" s="14" t="s">
        <v>398</v>
      </c>
      <c r="E77973" s="15">
        <v>45604</v>
      </c>
      <c r="F77973" s="14" t="s">
        <v>53</v>
      </c>
      <c r="G77973" s="16">
        <v>0.48742385671008537</v>
      </c>
    </row>
    <row r="77974" spans="1:7" x14ac:dyDescent="0.3">
      <c r="A77974" s="13" t="s">
        <v>397</v>
      </c>
      <c r="B77974" s="14" t="s">
        <v>1</v>
      </c>
      <c r="C77974" s="14" t="s">
        <v>41</v>
      </c>
      <c r="D77974" s="14" t="s">
        <v>398</v>
      </c>
      <c r="E77974" s="15">
        <v>45605</v>
      </c>
      <c r="F77974" s="14" t="s">
        <v>53</v>
      </c>
      <c r="G77974" s="16">
        <v>0.48742385671008537</v>
      </c>
    </row>
    <row r="77975" spans="1:7" x14ac:dyDescent="0.3">
      <c r="A77975" s="13" t="s">
        <v>397</v>
      </c>
      <c r="B77975" s="14" t="s">
        <v>1</v>
      </c>
      <c r="C77975" s="14" t="s">
        <v>41</v>
      </c>
      <c r="D77975" s="14" t="s">
        <v>398</v>
      </c>
      <c r="E77975" s="15">
        <v>45606</v>
      </c>
      <c r="F77975" s="14" t="s">
        <v>53</v>
      </c>
      <c r="G77975" s="16">
        <v>0.48742385671008537</v>
      </c>
    </row>
    <row r="77976" spans="1:7" x14ac:dyDescent="0.3">
      <c r="A77976" s="13" t="s">
        <v>397</v>
      </c>
      <c r="B77976" s="14" t="s">
        <v>1</v>
      </c>
      <c r="C77976" s="14" t="s">
        <v>41</v>
      </c>
      <c r="D77976" s="14" t="s">
        <v>398</v>
      </c>
      <c r="E77976" s="15">
        <v>45607</v>
      </c>
      <c r="F77976" s="14" t="s">
        <v>53</v>
      </c>
      <c r="G77976" s="16">
        <v>0.49121137955128208</v>
      </c>
    </row>
    <row r="77977" spans="1:7" x14ac:dyDescent="0.3">
      <c r="A77977" s="13" t="s">
        <v>397</v>
      </c>
      <c r="B77977" s="14" t="s">
        <v>1</v>
      </c>
      <c r="C77977" s="14" t="s">
        <v>41</v>
      </c>
      <c r="D77977" s="14" t="s">
        <v>398</v>
      </c>
      <c r="E77977" s="15">
        <v>45608</v>
      </c>
      <c r="F77977" s="14" t="s">
        <v>53</v>
      </c>
      <c r="G77977" s="16">
        <v>0.48704641170099761</v>
      </c>
    </row>
    <row r="77978" spans="1:7" x14ac:dyDescent="0.3">
      <c r="A77978" s="13" t="s">
        <v>397</v>
      </c>
      <c r="B77978" s="14" t="s">
        <v>1</v>
      </c>
      <c r="C77978" s="14" t="s">
        <v>41</v>
      </c>
      <c r="D77978" s="14" t="s">
        <v>398</v>
      </c>
      <c r="E77978" s="15">
        <v>45609</v>
      </c>
      <c r="F77978" s="14" t="s">
        <v>53</v>
      </c>
      <c r="G77978" s="16">
        <v>0.48537483876750365</v>
      </c>
    </row>
    <row r="77979" spans="1:7" x14ac:dyDescent="0.3">
      <c r="A77979" s="13" t="s">
        <v>397</v>
      </c>
      <c r="B77979" s="14" t="s">
        <v>1</v>
      </c>
      <c r="C77979" s="14" t="s">
        <v>41</v>
      </c>
      <c r="D77979" s="14" t="s">
        <v>398</v>
      </c>
      <c r="E77979" s="15">
        <v>45610</v>
      </c>
      <c r="F77979" s="14" t="s">
        <v>53</v>
      </c>
      <c r="G77979" s="16">
        <v>0.48264499891318413</v>
      </c>
    </row>
    <row r="77980" spans="1:7" x14ac:dyDescent="0.3">
      <c r="A77980" s="13" t="s">
        <v>397</v>
      </c>
      <c r="B77980" s="14" t="s">
        <v>1</v>
      </c>
      <c r="C77980" s="14" t="s">
        <v>41</v>
      </c>
      <c r="D77980" s="14" t="s">
        <v>398</v>
      </c>
      <c r="E77980" s="15">
        <v>45611</v>
      </c>
      <c r="F77980" s="14" t="s">
        <v>53</v>
      </c>
      <c r="G77980" s="16">
        <v>0.48841543540531379</v>
      </c>
    </row>
    <row r="77981" spans="1:7" x14ac:dyDescent="0.3">
      <c r="A77981" s="13" t="s">
        <v>397</v>
      </c>
      <c r="B77981" s="14" t="s">
        <v>1</v>
      </c>
      <c r="C77981" s="14" t="s">
        <v>41</v>
      </c>
      <c r="D77981" s="14" t="s">
        <v>398</v>
      </c>
      <c r="E77981" s="15">
        <v>45612</v>
      </c>
      <c r="F77981" s="14" t="s">
        <v>53</v>
      </c>
      <c r="G77981" s="16">
        <v>0.48841543540531379</v>
      </c>
    </row>
    <row r="77982" spans="1:7" x14ac:dyDescent="0.3">
      <c r="A77982" s="13" t="s">
        <v>397</v>
      </c>
      <c r="B77982" s="14" t="s">
        <v>1</v>
      </c>
      <c r="C77982" s="14" t="s">
        <v>41</v>
      </c>
      <c r="D77982" s="14" t="s">
        <v>398</v>
      </c>
      <c r="E77982" s="15">
        <v>45613</v>
      </c>
      <c r="F77982" s="14" t="s">
        <v>53</v>
      </c>
      <c r="G77982" s="16">
        <v>0.48841543540531379</v>
      </c>
    </row>
    <row r="77983" spans="1:7" x14ac:dyDescent="0.3">
      <c r="A77983" s="13" t="s">
        <v>397</v>
      </c>
      <c r="B77983" s="14" t="s">
        <v>1</v>
      </c>
      <c r="C77983" s="14" t="s">
        <v>41</v>
      </c>
      <c r="D77983" s="14" t="s">
        <v>398</v>
      </c>
      <c r="E77983" s="15">
        <v>45614</v>
      </c>
      <c r="F77983" s="14" t="s">
        <v>53</v>
      </c>
      <c r="G77983" s="16">
        <v>0.49010215181343764</v>
      </c>
    </row>
    <row r="77984" spans="1:7" x14ac:dyDescent="0.3">
      <c r="A77984" s="13" t="s">
        <v>397</v>
      </c>
      <c r="B77984" s="14" t="s">
        <v>1</v>
      </c>
      <c r="C77984" s="14" t="s">
        <v>41</v>
      </c>
      <c r="D77984" s="14" t="s">
        <v>398</v>
      </c>
      <c r="E77984" s="15">
        <v>45615</v>
      </c>
      <c r="F77984" s="14" t="s">
        <v>53</v>
      </c>
      <c r="G77984" s="16">
        <v>0.48421270593989596</v>
      </c>
    </row>
    <row r="77985" spans="1:7" x14ac:dyDescent="0.3">
      <c r="A77985" s="13" t="s">
        <v>397</v>
      </c>
      <c r="B77985" s="14" t="s">
        <v>1</v>
      </c>
      <c r="C77985" s="14" t="s">
        <v>41</v>
      </c>
      <c r="D77985" s="14" t="s">
        <v>398</v>
      </c>
      <c r="E77985" s="15">
        <v>45616</v>
      </c>
      <c r="F77985" s="14" t="s">
        <v>53</v>
      </c>
      <c r="G77985" s="16">
        <v>0.48181683865756825</v>
      </c>
    </row>
    <row r="77986" spans="1:7" x14ac:dyDescent="0.3">
      <c r="A77986" s="13" t="s">
        <v>397</v>
      </c>
      <c r="B77986" s="14" t="s">
        <v>1</v>
      </c>
      <c r="C77986" s="14" t="s">
        <v>41</v>
      </c>
      <c r="D77986" s="14" t="s">
        <v>398</v>
      </c>
      <c r="E77986" s="15">
        <v>45617</v>
      </c>
      <c r="F77986" s="14" t="s">
        <v>53</v>
      </c>
      <c r="G77986" s="16">
        <v>0.48495724470463974</v>
      </c>
    </row>
    <row r="77987" spans="1:7" x14ac:dyDescent="0.3">
      <c r="A77987" s="13" t="s">
        <v>397</v>
      </c>
      <c r="B77987" s="14" t="s">
        <v>1</v>
      </c>
      <c r="C77987" s="14" t="s">
        <v>41</v>
      </c>
      <c r="D77987" s="14" t="s">
        <v>398</v>
      </c>
      <c r="E77987" s="15">
        <v>45618</v>
      </c>
      <c r="F77987" s="14" t="s">
        <v>53</v>
      </c>
      <c r="G77987" s="16">
        <v>0.48459062723940105</v>
      </c>
    </row>
    <row r="77988" spans="1:7" x14ac:dyDescent="0.3">
      <c r="A77988" s="13" t="s">
        <v>397</v>
      </c>
      <c r="B77988" s="14" t="s">
        <v>1</v>
      </c>
      <c r="C77988" s="14" t="s">
        <v>41</v>
      </c>
      <c r="D77988" s="14" t="s">
        <v>398</v>
      </c>
      <c r="E77988" s="15">
        <v>45619</v>
      </c>
      <c r="F77988" s="14" t="s">
        <v>53</v>
      </c>
      <c r="G77988" s="16">
        <v>0.48459062723940105</v>
      </c>
    </row>
    <row r="77989" spans="1:7" x14ac:dyDescent="0.3">
      <c r="A77989" s="13" t="s">
        <v>397</v>
      </c>
      <c r="B77989" s="14" t="s">
        <v>1</v>
      </c>
      <c r="C77989" s="14" t="s">
        <v>41</v>
      </c>
      <c r="D77989" s="14" t="s">
        <v>398</v>
      </c>
      <c r="E77989" s="15">
        <v>45620</v>
      </c>
      <c r="F77989" s="14" t="s">
        <v>53</v>
      </c>
      <c r="G77989" s="16">
        <v>0.48459062723940105</v>
      </c>
    </row>
    <row r="77990" spans="1:7" x14ac:dyDescent="0.3">
      <c r="A77990" s="13" t="s">
        <v>397</v>
      </c>
      <c r="B77990" s="14" t="s">
        <v>1</v>
      </c>
      <c r="C77990" s="14" t="s">
        <v>41</v>
      </c>
      <c r="D77990" s="14" t="s">
        <v>398</v>
      </c>
      <c r="E77990" s="15">
        <v>45621</v>
      </c>
      <c r="F77990" s="14" t="s">
        <v>53</v>
      </c>
      <c r="G77990" s="16">
        <v>0.48281825051509736</v>
      </c>
    </row>
    <row r="77991" spans="1:7" x14ac:dyDescent="0.3">
      <c r="A77991" s="13" t="s">
        <v>397</v>
      </c>
      <c r="B77991" s="14" t="s">
        <v>1</v>
      </c>
      <c r="C77991" s="14" t="s">
        <v>41</v>
      </c>
      <c r="D77991" s="14" t="s">
        <v>398</v>
      </c>
      <c r="E77991" s="15">
        <v>45622</v>
      </c>
      <c r="F77991" s="14" t="s">
        <v>53</v>
      </c>
      <c r="G77991" s="16">
        <v>0.48040363894525501</v>
      </c>
    </row>
    <row r="77992" spans="1:7" x14ac:dyDescent="0.3">
      <c r="A77992" s="13" t="s">
        <v>397</v>
      </c>
      <c r="B77992" s="14" t="s">
        <v>1</v>
      </c>
      <c r="C77992" s="14" t="s">
        <v>41</v>
      </c>
      <c r="D77992" s="14" t="s">
        <v>398</v>
      </c>
      <c r="E77992" s="15">
        <v>45623</v>
      </c>
      <c r="F77992" s="14" t="s">
        <v>53</v>
      </c>
      <c r="G77992" s="16">
        <v>0.48042923372455454</v>
      </c>
    </row>
    <row r="77993" spans="1:7" x14ac:dyDescent="0.3">
      <c r="A77993" s="13" t="s">
        <v>397</v>
      </c>
      <c r="B77993" s="14" t="s">
        <v>1</v>
      </c>
      <c r="C77993" s="14" t="s">
        <v>41</v>
      </c>
      <c r="D77993" s="14" t="s">
        <v>398</v>
      </c>
      <c r="E77993" s="15">
        <v>45624</v>
      </c>
      <c r="F77993" s="14" t="s">
        <v>53</v>
      </c>
      <c r="G77993" s="16">
        <v>0.47683463956274053</v>
      </c>
    </row>
    <row r="77994" spans="1:7" x14ac:dyDescent="0.3">
      <c r="A77994" s="13" t="s">
        <v>397</v>
      </c>
      <c r="B77994" s="14" t="s">
        <v>1</v>
      </c>
      <c r="C77994" s="14" t="s">
        <v>41</v>
      </c>
      <c r="D77994" s="14" t="s">
        <v>398</v>
      </c>
      <c r="E77994" s="15">
        <v>45625</v>
      </c>
      <c r="F77994" s="14" t="s">
        <v>53</v>
      </c>
      <c r="G77994" s="16">
        <v>0.48346029066863117</v>
      </c>
    </row>
    <row r="77995" spans="1:7" x14ac:dyDescent="0.3">
      <c r="A77995" s="13" t="s">
        <v>397</v>
      </c>
      <c r="B77995" s="14" t="s">
        <v>1</v>
      </c>
      <c r="C77995" s="14" t="s">
        <v>41</v>
      </c>
      <c r="D77995" s="14" t="s">
        <v>398</v>
      </c>
      <c r="E77995" s="15">
        <v>45626</v>
      </c>
      <c r="F77995" s="14" t="s">
        <v>53</v>
      </c>
      <c r="G77995" s="16">
        <v>0.48346029066863117</v>
      </c>
    </row>
    <row r="77996" spans="1:7" x14ac:dyDescent="0.3">
      <c r="A77996" s="13" t="s">
        <v>397</v>
      </c>
      <c r="B77996" s="14" t="s">
        <v>1</v>
      </c>
      <c r="C77996" s="14" t="s">
        <v>41</v>
      </c>
      <c r="D77996" s="14" t="s">
        <v>398</v>
      </c>
      <c r="E77996" s="15">
        <v>45627</v>
      </c>
      <c r="F77996" s="14" t="s">
        <v>53</v>
      </c>
      <c r="G77996" s="16">
        <v>0.48346029066863117</v>
      </c>
    </row>
    <row r="77997" spans="1:7" x14ac:dyDescent="0.3">
      <c r="A77997" s="13" t="s">
        <v>397</v>
      </c>
      <c r="B77997" s="14" t="s">
        <v>1</v>
      </c>
      <c r="C77997" s="14" t="s">
        <v>41</v>
      </c>
      <c r="D77997" s="14" t="s">
        <v>398</v>
      </c>
      <c r="E77997" s="15">
        <v>45628</v>
      </c>
      <c r="F77997" s="14" t="s">
        <v>53</v>
      </c>
      <c r="G77997" s="16">
        <v>0.48503960211744773</v>
      </c>
    </row>
    <row r="77998" spans="1:7" x14ac:dyDescent="0.3">
      <c r="A77998" s="13" t="s">
        <v>397</v>
      </c>
      <c r="B77998" s="14" t="s">
        <v>1</v>
      </c>
      <c r="C77998" s="14" t="s">
        <v>41</v>
      </c>
      <c r="D77998" s="14" t="s">
        <v>398</v>
      </c>
      <c r="E77998" s="15">
        <v>45629</v>
      </c>
      <c r="F77998" s="14" t="s">
        <v>53</v>
      </c>
      <c r="G77998" s="16">
        <v>0.48533729906017081</v>
      </c>
    </row>
    <row r="77999" spans="1:7" x14ac:dyDescent="0.3">
      <c r="A77999" s="13" t="s">
        <v>397</v>
      </c>
      <c r="B77999" s="14" t="s">
        <v>1</v>
      </c>
      <c r="C77999" s="14" t="s">
        <v>41</v>
      </c>
      <c r="D77999" s="14" t="s">
        <v>398</v>
      </c>
      <c r="E77999" s="15">
        <v>45630</v>
      </c>
      <c r="F77999" s="14" t="s">
        <v>53</v>
      </c>
      <c r="G77999" s="16">
        <v>0.4788204778004872</v>
      </c>
    </row>
    <row r="78000" spans="1:7" x14ac:dyDescent="0.3">
      <c r="A78000" s="13" t="s">
        <v>397</v>
      </c>
      <c r="B78000" s="14" t="s">
        <v>1</v>
      </c>
      <c r="C78000" s="14" t="s">
        <v>41</v>
      </c>
      <c r="D78000" s="14" t="s">
        <v>398</v>
      </c>
      <c r="E78000" s="15">
        <v>45631</v>
      </c>
      <c r="F78000" s="14" t="s">
        <v>53</v>
      </c>
      <c r="G78000" s="16">
        <v>0.47640167532686573</v>
      </c>
    </row>
    <row r="78001" spans="1:7" x14ac:dyDescent="0.3">
      <c r="A78001" s="13" t="s">
        <v>397</v>
      </c>
      <c r="B78001" s="14" t="s">
        <v>1</v>
      </c>
      <c r="C78001" s="14" t="s">
        <v>41</v>
      </c>
      <c r="D78001" s="14" t="s">
        <v>398</v>
      </c>
      <c r="E78001" s="15">
        <v>45632</v>
      </c>
      <c r="F78001" s="14" t="s">
        <v>53</v>
      </c>
      <c r="G78001" s="16">
        <v>0.4751297380292544</v>
      </c>
    </row>
    <row r="78002" spans="1:7" x14ac:dyDescent="0.3">
      <c r="A78002" s="13" t="s">
        <v>397</v>
      </c>
      <c r="B78002" s="14" t="s">
        <v>1</v>
      </c>
      <c r="C78002" s="14" t="s">
        <v>41</v>
      </c>
      <c r="D78002" s="14" t="s">
        <v>398</v>
      </c>
      <c r="E78002" s="15">
        <v>45633</v>
      </c>
      <c r="F78002" s="14" t="s">
        <v>53</v>
      </c>
      <c r="G78002" s="16">
        <v>0.4751297380292544</v>
      </c>
    </row>
    <row r="78003" spans="1:7" x14ac:dyDescent="0.3">
      <c r="A78003" s="13" t="s">
        <v>397</v>
      </c>
      <c r="B78003" s="14" t="s">
        <v>1</v>
      </c>
      <c r="C78003" s="14" t="s">
        <v>41</v>
      </c>
      <c r="D78003" s="14" t="s">
        <v>398</v>
      </c>
      <c r="E78003" s="15">
        <v>45634</v>
      </c>
      <c r="F78003" s="14" t="s">
        <v>53</v>
      </c>
      <c r="G78003" s="16">
        <v>0.4751297380292544</v>
      </c>
    </row>
    <row r="78004" spans="1:7" x14ac:dyDescent="0.3">
      <c r="A78004" s="13" t="s">
        <v>397</v>
      </c>
      <c r="B78004" s="14" t="s">
        <v>1</v>
      </c>
      <c r="C78004" s="14" t="s">
        <v>41</v>
      </c>
      <c r="D78004" s="14" t="s">
        <v>398</v>
      </c>
      <c r="E78004" s="15">
        <v>45635</v>
      </c>
      <c r="F78004" s="14" t="s">
        <v>53</v>
      </c>
      <c r="G78004" s="16">
        <v>0.46910284198818208</v>
      </c>
    </row>
    <row r="78005" spans="1:7" x14ac:dyDescent="0.3">
      <c r="A78005" s="13" t="s">
        <v>397</v>
      </c>
      <c r="B78005" s="14" t="s">
        <v>1</v>
      </c>
      <c r="C78005" s="14" t="s">
        <v>41</v>
      </c>
      <c r="D78005" s="14" t="s">
        <v>398</v>
      </c>
      <c r="E78005" s="15">
        <v>45636</v>
      </c>
      <c r="F78005" s="14" t="s">
        <v>53</v>
      </c>
      <c r="G78005" s="16">
        <v>0.46010492930107882</v>
      </c>
    </row>
    <row r="78006" spans="1:7" x14ac:dyDescent="0.3">
      <c r="A78006" s="13" t="s">
        <v>397</v>
      </c>
      <c r="B78006" s="14" t="s">
        <v>1</v>
      </c>
      <c r="C78006" s="14" t="s">
        <v>41</v>
      </c>
      <c r="D78006" s="14" t="s">
        <v>398</v>
      </c>
      <c r="E78006" s="15">
        <v>45637</v>
      </c>
      <c r="F78006" s="14" t="s">
        <v>53</v>
      </c>
      <c r="G78006" s="16">
        <v>0.45730211621723654</v>
      </c>
    </row>
    <row r="78007" spans="1:7" x14ac:dyDescent="0.3">
      <c r="A78007" s="13" t="s">
        <v>397</v>
      </c>
      <c r="B78007" s="14" t="s">
        <v>1</v>
      </c>
      <c r="C78007" s="14" t="s">
        <v>41</v>
      </c>
      <c r="D78007" s="14" t="s">
        <v>398</v>
      </c>
      <c r="E78007" s="15">
        <v>45638</v>
      </c>
      <c r="F78007" s="14" t="s">
        <v>53</v>
      </c>
      <c r="G78007" s="16">
        <v>0.45751141633644937</v>
      </c>
    </row>
    <row r="78008" spans="1:7" x14ac:dyDescent="0.3">
      <c r="A78008" s="13" t="s">
        <v>397</v>
      </c>
      <c r="B78008" s="14" t="s">
        <v>1</v>
      </c>
      <c r="C78008" s="14" t="s">
        <v>41</v>
      </c>
      <c r="D78008" s="14" t="s">
        <v>398</v>
      </c>
      <c r="E78008" s="15">
        <v>45639</v>
      </c>
      <c r="F78008" s="14" t="s">
        <v>53</v>
      </c>
      <c r="G78008" s="16">
        <v>0.45443124801946927</v>
      </c>
    </row>
    <row r="78009" spans="1:7" x14ac:dyDescent="0.3">
      <c r="A78009" s="13" t="s">
        <v>397</v>
      </c>
      <c r="B78009" s="14" t="s">
        <v>1</v>
      </c>
      <c r="C78009" s="14" t="s">
        <v>41</v>
      </c>
      <c r="D78009" s="14" t="s">
        <v>398</v>
      </c>
      <c r="E78009" s="15">
        <v>45640</v>
      </c>
      <c r="F78009" s="14" t="s">
        <v>53</v>
      </c>
      <c r="G78009" s="16">
        <v>0.45443124801946927</v>
      </c>
    </row>
    <row r="78010" spans="1:7" x14ac:dyDescent="0.3">
      <c r="A78010" s="13" t="s">
        <v>397</v>
      </c>
      <c r="B78010" s="14" t="s">
        <v>1</v>
      </c>
      <c r="C78010" s="14" t="s">
        <v>41</v>
      </c>
      <c r="D78010" s="14" t="s">
        <v>398</v>
      </c>
      <c r="E78010" s="15">
        <v>45641</v>
      </c>
      <c r="F78010" s="14" t="s">
        <v>53</v>
      </c>
      <c r="G78010" s="16">
        <v>0.45443124801946927</v>
      </c>
    </row>
    <row r="78011" spans="1:7" x14ac:dyDescent="0.3">
      <c r="A78011" s="13" t="s">
        <v>397</v>
      </c>
      <c r="B78011" s="14" t="s">
        <v>1</v>
      </c>
      <c r="C78011" s="14" t="s">
        <v>41</v>
      </c>
      <c r="D78011" s="14" t="s">
        <v>398</v>
      </c>
      <c r="E78011" s="15">
        <v>45642</v>
      </c>
      <c r="F78011" s="14" t="s">
        <v>53</v>
      </c>
      <c r="G78011" s="16">
        <v>0.44879715362752232</v>
      </c>
    </row>
    <row r="78012" spans="1:7" x14ac:dyDescent="0.3">
      <c r="A78012" s="13" t="s">
        <v>397</v>
      </c>
      <c r="B78012" s="14" t="s">
        <v>1</v>
      </c>
      <c r="C78012" s="14" t="s">
        <v>41</v>
      </c>
      <c r="D78012" s="14" t="s">
        <v>398</v>
      </c>
      <c r="E78012" s="15">
        <v>45643</v>
      </c>
      <c r="F78012" s="14" t="s">
        <v>53</v>
      </c>
      <c r="G78012" s="16">
        <v>0.44366255330951887</v>
      </c>
    </row>
    <row r="78013" spans="1:7" x14ac:dyDescent="0.3">
      <c r="A78013" s="13" t="s">
        <v>397</v>
      </c>
      <c r="B78013" s="14" t="s">
        <v>1</v>
      </c>
      <c r="C78013" s="14" t="s">
        <v>41</v>
      </c>
      <c r="D78013" s="14" t="s">
        <v>398</v>
      </c>
      <c r="E78013" s="15">
        <v>45644</v>
      </c>
      <c r="F78013" s="14" t="s">
        <v>53</v>
      </c>
      <c r="G78013" s="16">
        <v>0.44270662443048941</v>
      </c>
    </row>
    <row r="78014" spans="1:7" x14ac:dyDescent="0.3">
      <c r="A78014" s="13" t="s">
        <v>397</v>
      </c>
      <c r="B78014" s="14" t="s">
        <v>1</v>
      </c>
      <c r="C78014" s="14" t="s">
        <v>41</v>
      </c>
      <c r="D78014" s="14" t="s">
        <v>398</v>
      </c>
      <c r="E78014" s="15">
        <v>45645</v>
      </c>
      <c r="F78014" s="14" t="s">
        <v>53</v>
      </c>
      <c r="G78014" s="16">
        <v>0.43565971082812982</v>
      </c>
    </row>
    <row r="78015" spans="1:7" x14ac:dyDescent="0.3">
      <c r="A78015" s="13" t="s">
        <v>397</v>
      </c>
      <c r="B78015" s="14" t="s">
        <v>1</v>
      </c>
      <c r="C78015" s="14" t="s">
        <v>41</v>
      </c>
      <c r="D78015" s="14" t="s">
        <v>398</v>
      </c>
      <c r="E78015" s="15">
        <v>45646</v>
      </c>
      <c r="F78015" s="14" t="s">
        <v>53</v>
      </c>
      <c r="G78015" s="16">
        <v>0.43429888542402634</v>
      </c>
    </row>
    <row r="78016" spans="1:7" x14ac:dyDescent="0.3">
      <c r="A78016" s="13" t="s">
        <v>397</v>
      </c>
      <c r="B78016" s="14" t="s">
        <v>1</v>
      </c>
      <c r="C78016" s="14" t="s">
        <v>41</v>
      </c>
      <c r="D78016" s="14" t="s">
        <v>398</v>
      </c>
      <c r="E78016" s="15">
        <v>45647</v>
      </c>
      <c r="F78016" s="14" t="s">
        <v>53</v>
      </c>
      <c r="G78016" s="16">
        <v>0.43429888542402634</v>
      </c>
    </row>
    <row r="78017" spans="1:7" x14ac:dyDescent="0.3">
      <c r="A78017" s="13" t="s">
        <v>397</v>
      </c>
      <c r="B78017" s="14" t="s">
        <v>1</v>
      </c>
      <c r="C78017" s="14" t="s">
        <v>41</v>
      </c>
      <c r="D78017" s="14" t="s">
        <v>398</v>
      </c>
      <c r="E78017" s="15">
        <v>45648</v>
      </c>
      <c r="F78017" s="14" t="s">
        <v>53</v>
      </c>
      <c r="G78017" s="16">
        <v>0.43429888542402634</v>
      </c>
    </row>
    <row r="78018" spans="1:7" x14ac:dyDescent="0.3">
      <c r="A78018" s="13" t="s">
        <v>397</v>
      </c>
      <c r="B78018" s="14" t="s">
        <v>1</v>
      </c>
      <c r="C78018" s="14" t="s">
        <v>41</v>
      </c>
      <c r="D78018" s="14" t="s">
        <v>398</v>
      </c>
      <c r="E78018" s="15">
        <v>45649</v>
      </c>
      <c r="F78018" s="14" t="s">
        <v>53</v>
      </c>
      <c r="G78018" s="16">
        <v>0.43132089378310573</v>
      </c>
    </row>
    <row r="78019" spans="1:7" x14ac:dyDescent="0.3">
      <c r="A78019" s="13" t="s">
        <v>397</v>
      </c>
      <c r="B78019" s="14" t="s">
        <v>1</v>
      </c>
      <c r="C78019" s="14" t="s">
        <v>41</v>
      </c>
      <c r="D78019" s="14" t="s">
        <v>398</v>
      </c>
      <c r="E78019" s="15">
        <v>45650</v>
      </c>
      <c r="F78019" s="14" t="s">
        <v>53</v>
      </c>
      <c r="G78019" s="16">
        <v>0.42506451815648671</v>
      </c>
    </row>
    <row r="78020" spans="1:7" x14ac:dyDescent="0.3">
      <c r="A78020" s="13" t="s">
        <v>397</v>
      </c>
      <c r="B78020" s="14" t="s">
        <v>1</v>
      </c>
      <c r="C78020" s="14" t="s">
        <v>41</v>
      </c>
      <c r="D78020" s="14" t="s">
        <v>398</v>
      </c>
      <c r="E78020" s="15">
        <v>45651</v>
      </c>
      <c r="F78020" s="14" t="s">
        <v>53</v>
      </c>
      <c r="G78020" s="16">
        <v>0.42506451815648671</v>
      </c>
    </row>
    <row r="78021" spans="1:7" x14ac:dyDescent="0.3">
      <c r="A78021" s="13" t="s">
        <v>397</v>
      </c>
      <c r="B78021" s="14" t="s">
        <v>1</v>
      </c>
      <c r="C78021" s="14" t="s">
        <v>41</v>
      </c>
      <c r="D78021" s="14" t="s">
        <v>398</v>
      </c>
      <c r="E78021" s="15">
        <v>45652</v>
      </c>
      <c r="F78021" s="14" t="s">
        <v>53</v>
      </c>
      <c r="G78021" s="16">
        <v>0.42506451815648671</v>
      </c>
    </row>
    <row r="78022" spans="1:7" x14ac:dyDescent="0.3">
      <c r="A78022" s="13" t="s">
        <v>397</v>
      </c>
      <c r="B78022" s="14" t="s">
        <v>1</v>
      </c>
      <c r="C78022" s="14" t="s">
        <v>41</v>
      </c>
      <c r="D78022" s="14" t="s">
        <v>398</v>
      </c>
      <c r="E78022" s="15">
        <v>45653</v>
      </c>
      <c r="F78022" s="14" t="s">
        <v>53</v>
      </c>
      <c r="G78022" s="16">
        <v>0.42506451815648671</v>
      </c>
    </row>
    <row r="78023" spans="1:7" x14ac:dyDescent="0.3">
      <c r="A78023" s="13" t="s">
        <v>397</v>
      </c>
      <c r="B78023" s="14" t="s">
        <v>1</v>
      </c>
      <c r="C78023" s="14" t="s">
        <v>41</v>
      </c>
      <c r="D78023" s="14" t="s">
        <v>398</v>
      </c>
      <c r="E78023" s="15">
        <v>45654</v>
      </c>
      <c r="F78023" s="14" t="s">
        <v>53</v>
      </c>
      <c r="G78023" s="16">
        <v>0.42506451815648671</v>
      </c>
    </row>
    <row r="78024" spans="1:7" x14ac:dyDescent="0.3">
      <c r="A78024" s="13" t="s">
        <v>397</v>
      </c>
      <c r="B78024" s="14" t="s">
        <v>1</v>
      </c>
      <c r="C78024" s="14" t="s">
        <v>41</v>
      </c>
      <c r="D78024" s="14" t="s">
        <v>398</v>
      </c>
      <c r="E78024" s="15">
        <v>45655</v>
      </c>
      <c r="F78024" s="14" t="s">
        <v>53</v>
      </c>
      <c r="G78024" s="16">
        <v>0.42506451815648671</v>
      </c>
    </row>
    <row r="78025" spans="1:7" x14ac:dyDescent="0.3">
      <c r="A78025" s="13" t="s">
        <v>397</v>
      </c>
      <c r="B78025" s="14" t="s">
        <v>1</v>
      </c>
      <c r="C78025" s="14" t="s">
        <v>41</v>
      </c>
      <c r="D78025" s="14" t="s">
        <v>398</v>
      </c>
      <c r="E78025" s="15">
        <v>45656</v>
      </c>
      <c r="F78025" s="14" t="s">
        <v>53</v>
      </c>
      <c r="G78025" s="16">
        <v>0.42393878347485181</v>
      </c>
    </row>
    <row r="78026" spans="1:7" x14ac:dyDescent="0.3">
      <c r="A78026" s="13" t="s">
        <v>397</v>
      </c>
      <c r="B78026" s="14" t="s">
        <v>1</v>
      </c>
      <c r="C78026" s="14" t="s">
        <v>41</v>
      </c>
      <c r="D78026" s="14" t="s">
        <v>398</v>
      </c>
      <c r="E78026" s="15">
        <v>45657</v>
      </c>
      <c r="F78026" s="14" t="s">
        <v>53</v>
      </c>
      <c r="G78026" s="16">
        <v>0.42393878347485181</v>
      </c>
    </row>
    <row r="78027" spans="1:7" x14ac:dyDescent="0.3">
      <c r="A78027" s="13" t="s">
        <v>397</v>
      </c>
      <c r="B78027" s="14" t="s">
        <v>1</v>
      </c>
      <c r="C78027" s="14" t="s">
        <v>41</v>
      </c>
      <c r="D78027" s="14" t="s">
        <v>398</v>
      </c>
      <c r="E78027" s="15">
        <v>45658</v>
      </c>
      <c r="F78027" s="14" t="s">
        <v>53</v>
      </c>
      <c r="G78027" s="16">
        <v>0.42393878347485181</v>
      </c>
    </row>
    <row r="78028" spans="1:7" x14ac:dyDescent="0.3">
      <c r="A78028" s="13" t="s">
        <v>397</v>
      </c>
      <c r="B78028" s="14" t="s">
        <v>1</v>
      </c>
      <c r="C78028" s="14" t="s">
        <v>41</v>
      </c>
      <c r="D78028" s="14" t="s">
        <v>398</v>
      </c>
      <c r="E78028" s="15">
        <v>45659</v>
      </c>
      <c r="F78028" s="14" t="s">
        <v>53</v>
      </c>
      <c r="G78028" s="16">
        <v>0.42393878347485181</v>
      </c>
    </row>
    <row r="78029" spans="1:7" x14ac:dyDescent="0.3">
      <c r="A78029" s="13" t="s">
        <v>397</v>
      </c>
      <c r="B78029" s="14" t="s">
        <v>1</v>
      </c>
      <c r="C78029" s="14" t="s">
        <v>41</v>
      </c>
      <c r="D78029" s="14" t="s">
        <v>398</v>
      </c>
      <c r="E78029" s="15">
        <v>45660</v>
      </c>
      <c r="F78029" s="14" t="s">
        <v>53</v>
      </c>
      <c r="G78029" s="16">
        <v>0.42393878347485181</v>
      </c>
    </row>
    <row r="78030" spans="1:7" x14ac:dyDescent="0.3">
      <c r="A78030" s="13" t="s">
        <v>397</v>
      </c>
      <c r="B78030" s="14" t="s">
        <v>1</v>
      </c>
      <c r="C78030" s="14" t="s">
        <v>41</v>
      </c>
      <c r="D78030" s="14" t="s">
        <v>398</v>
      </c>
      <c r="E78030" s="15">
        <v>45661</v>
      </c>
      <c r="F78030" s="14" t="s">
        <v>53</v>
      </c>
      <c r="G78030" s="16">
        <v>0.42393878347485181</v>
      </c>
    </row>
    <row r="78031" spans="1:7" x14ac:dyDescent="0.3">
      <c r="A78031" s="13" t="s">
        <v>397</v>
      </c>
      <c r="B78031" s="14" t="s">
        <v>1</v>
      </c>
      <c r="C78031" s="14" t="s">
        <v>41</v>
      </c>
      <c r="D78031" s="14" t="s">
        <v>398</v>
      </c>
      <c r="E78031" s="15">
        <v>45662</v>
      </c>
      <c r="F78031" s="14" t="s">
        <v>53</v>
      </c>
      <c r="G78031" s="16">
        <v>0.42393878347485181</v>
      </c>
    </row>
    <row r="78032" spans="1:7" x14ac:dyDescent="0.3">
      <c r="A78032" s="13" t="s">
        <v>397</v>
      </c>
      <c r="B78032" s="14" t="s">
        <v>1</v>
      </c>
      <c r="C78032" s="14" t="s">
        <v>41</v>
      </c>
      <c r="D78032" s="14" t="s">
        <v>398</v>
      </c>
      <c r="E78032" s="15">
        <v>45663</v>
      </c>
      <c r="F78032" s="14" t="s">
        <v>53</v>
      </c>
      <c r="G78032" s="16">
        <v>0.51573834037922639</v>
      </c>
    </row>
    <row r="78033" spans="1:7" x14ac:dyDescent="0.3">
      <c r="A78033" s="13" t="s">
        <v>397</v>
      </c>
      <c r="B78033" s="14" t="s">
        <v>1</v>
      </c>
      <c r="C78033" s="14" t="s">
        <v>41</v>
      </c>
      <c r="D78033" s="14" t="s">
        <v>398</v>
      </c>
      <c r="E78033" s="15">
        <v>45664</v>
      </c>
      <c r="F78033" s="14" t="s">
        <v>53</v>
      </c>
      <c r="G78033" s="16">
        <v>0.50274075384727923</v>
      </c>
    </row>
    <row r="78034" spans="1:7" x14ac:dyDescent="0.3">
      <c r="A78034" s="13" t="s">
        <v>397</v>
      </c>
      <c r="B78034" s="14" t="s">
        <v>1</v>
      </c>
      <c r="C78034" s="14" t="s">
        <v>41</v>
      </c>
      <c r="D78034" s="14" t="s">
        <v>398</v>
      </c>
      <c r="E78034" s="15">
        <v>45665</v>
      </c>
      <c r="F78034" s="14" t="s">
        <v>53</v>
      </c>
      <c r="G78034" s="16">
        <v>0.50460561035235996</v>
      </c>
    </row>
    <row r="78035" spans="1:7" x14ac:dyDescent="0.3">
      <c r="A78035" s="13" t="s">
        <v>397</v>
      </c>
      <c r="B78035" s="14" t="s">
        <v>1</v>
      </c>
      <c r="C78035" s="14" t="s">
        <v>41</v>
      </c>
      <c r="D78035" s="14" t="s">
        <v>398</v>
      </c>
      <c r="E78035" s="15">
        <v>45666</v>
      </c>
      <c r="F78035" s="14" t="s">
        <v>53</v>
      </c>
      <c r="G78035" s="16">
        <v>0.50543266999882608</v>
      </c>
    </row>
    <row r="78036" spans="1:7" x14ac:dyDescent="0.3">
      <c r="A78036" s="13" t="s">
        <v>397</v>
      </c>
      <c r="B78036" s="14" t="s">
        <v>1</v>
      </c>
      <c r="C78036" s="14" t="s">
        <v>41</v>
      </c>
      <c r="D78036" s="14" t="s">
        <v>398</v>
      </c>
      <c r="E78036" s="15">
        <v>45667</v>
      </c>
      <c r="F78036" s="14" t="s">
        <v>53</v>
      </c>
      <c r="G78036" s="16">
        <v>0.50869841948227446</v>
      </c>
    </row>
    <row r="78037" spans="1:7" x14ac:dyDescent="0.3">
      <c r="A78037" s="13" t="s">
        <v>397</v>
      </c>
      <c r="B78037" s="14" t="s">
        <v>1</v>
      </c>
      <c r="C78037" s="14" t="s">
        <v>41</v>
      </c>
      <c r="D78037" s="14" t="s">
        <v>398</v>
      </c>
      <c r="E78037" s="15">
        <v>45668</v>
      </c>
      <c r="F78037" s="14" t="s">
        <v>53</v>
      </c>
      <c r="G78037" s="16">
        <v>0.50869841948227446</v>
      </c>
    </row>
    <row r="78038" spans="1:7" x14ac:dyDescent="0.3">
      <c r="A78038" s="13" t="s">
        <v>397</v>
      </c>
      <c r="B78038" s="14" t="s">
        <v>1</v>
      </c>
      <c r="C78038" s="14" t="s">
        <v>41</v>
      </c>
      <c r="D78038" s="14" t="s">
        <v>398</v>
      </c>
      <c r="E78038" s="15">
        <v>45669</v>
      </c>
      <c r="F78038" s="14" t="s">
        <v>53</v>
      </c>
      <c r="G78038" s="16">
        <v>0.50869841948227446</v>
      </c>
    </row>
    <row r="78039" spans="1:7" x14ac:dyDescent="0.3">
      <c r="A78039" s="13" t="s">
        <v>397</v>
      </c>
      <c r="B78039" s="14" t="s">
        <v>1</v>
      </c>
      <c r="C78039" s="14" t="s">
        <v>41</v>
      </c>
      <c r="D78039" s="14" t="s">
        <v>398</v>
      </c>
      <c r="E78039" s="15">
        <v>45670</v>
      </c>
      <c r="F78039" s="14" t="s">
        <v>53</v>
      </c>
      <c r="G78039" s="16">
        <v>0.50869841948227446</v>
      </c>
    </row>
    <row r="78040" spans="1:7" x14ac:dyDescent="0.3">
      <c r="A78040" s="13" t="s">
        <v>397</v>
      </c>
      <c r="B78040" s="14" t="s">
        <v>1</v>
      </c>
      <c r="C78040" s="14" t="s">
        <v>41</v>
      </c>
      <c r="D78040" s="14" t="s">
        <v>398</v>
      </c>
      <c r="E78040" s="15">
        <v>45671</v>
      </c>
      <c r="F78040" s="14" t="s">
        <v>53</v>
      </c>
      <c r="G78040" s="16">
        <v>0.50570612960016814</v>
      </c>
    </row>
    <row r="78041" spans="1:7" x14ac:dyDescent="0.3">
      <c r="A78041" s="13" t="s">
        <v>397</v>
      </c>
      <c r="B78041" s="14" t="s">
        <v>1</v>
      </c>
      <c r="C78041" s="14" t="s">
        <v>41</v>
      </c>
      <c r="D78041" s="14" t="s">
        <v>398</v>
      </c>
      <c r="E78041" s="15">
        <v>45672</v>
      </c>
      <c r="F78041" s="14" t="s">
        <v>53</v>
      </c>
      <c r="G78041" s="16">
        <v>0.50125572976315025</v>
      </c>
    </row>
    <row r="78042" spans="1:7" x14ac:dyDescent="0.3">
      <c r="A78042" s="13" t="s">
        <v>397</v>
      </c>
      <c r="B78042" s="14" t="s">
        <v>1</v>
      </c>
      <c r="C78042" s="14" t="s">
        <v>41</v>
      </c>
      <c r="D78042" s="14" t="s">
        <v>398</v>
      </c>
      <c r="E78042" s="15">
        <v>45673</v>
      </c>
      <c r="F78042" s="14" t="s">
        <v>53</v>
      </c>
      <c r="G78042" s="16">
        <v>0.50366677488326894</v>
      </c>
    </row>
    <row r="78043" spans="1:7" x14ac:dyDescent="0.3">
      <c r="A78043" s="13" t="s">
        <v>397</v>
      </c>
      <c r="B78043" s="14" t="s">
        <v>1</v>
      </c>
      <c r="C78043" s="14" t="s">
        <v>41</v>
      </c>
      <c r="D78043" s="14" t="s">
        <v>398</v>
      </c>
      <c r="E78043" s="15">
        <v>45674</v>
      </c>
      <c r="F78043" s="14" t="s">
        <v>53</v>
      </c>
      <c r="G78043" s="16">
        <v>0.50089283097995274</v>
      </c>
    </row>
    <row r="78044" spans="1:7" x14ac:dyDescent="0.3">
      <c r="A78044" s="13" t="s">
        <v>397</v>
      </c>
      <c r="B78044" s="14" t="s">
        <v>1</v>
      </c>
      <c r="C78044" s="14" t="s">
        <v>41</v>
      </c>
      <c r="D78044" s="14" t="s">
        <v>398</v>
      </c>
      <c r="E78044" s="15">
        <v>45675</v>
      </c>
      <c r="F78044" s="14" t="s">
        <v>53</v>
      </c>
      <c r="G78044" s="16">
        <v>0.50089283097995274</v>
      </c>
    </row>
    <row r="78045" spans="1:7" x14ac:dyDescent="0.3">
      <c r="A78045" s="13" t="s">
        <v>397</v>
      </c>
      <c r="B78045" s="14" t="s">
        <v>1</v>
      </c>
      <c r="C78045" s="14" t="s">
        <v>41</v>
      </c>
      <c r="D78045" s="14" t="s">
        <v>398</v>
      </c>
      <c r="E78045" s="15">
        <v>45676</v>
      </c>
      <c r="F78045" s="14" t="s">
        <v>53</v>
      </c>
      <c r="G78045" s="16">
        <v>0.50089283097995274</v>
      </c>
    </row>
    <row r="78046" spans="1:7" x14ac:dyDescent="0.3">
      <c r="A78046" s="13" t="s">
        <v>397</v>
      </c>
      <c r="B78046" s="14" t="s">
        <v>1</v>
      </c>
      <c r="C78046" s="14" t="s">
        <v>41</v>
      </c>
      <c r="D78046" s="14" t="s">
        <v>398</v>
      </c>
      <c r="E78046" s="15">
        <v>45677</v>
      </c>
      <c r="F78046" s="14" t="s">
        <v>53</v>
      </c>
      <c r="G78046" s="16">
        <v>0.49471107859911001</v>
      </c>
    </row>
    <row r="78047" spans="1:7" x14ac:dyDescent="0.3">
      <c r="A78047" s="13" t="s">
        <v>397</v>
      </c>
      <c r="B78047" s="14" t="s">
        <v>1</v>
      </c>
      <c r="C78047" s="14" t="s">
        <v>41</v>
      </c>
      <c r="D78047" s="14" t="s">
        <v>398</v>
      </c>
      <c r="E78047" s="15">
        <v>45678</v>
      </c>
      <c r="F78047" s="14" t="s">
        <v>53</v>
      </c>
      <c r="G78047" s="16">
        <v>0.48791361377609921</v>
      </c>
    </row>
    <row r="78048" spans="1:7" x14ac:dyDescent="0.3">
      <c r="A78048" s="13" t="s">
        <v>397</v>
      </c>
      <c r="B78048" s="14" t="s">
        <v>1</v>
      </c>
      <c r="C78048" s="14" t="s">
        <v>41</v>
      </c>
      <c r="D78048" s="14" t="s">
        <v>398</v>
      </c>
      <c r="E78048" s="15">
        <v>45679</v>
      </c>
      <c r="F78048" s="14" t="s">
        <v>53</v>
      </c>
      <c r="G78048" s="16">
        <v>0.48432457785124805</v>
      </c>
    </row>
    <row r="78049" spans="1:7" x14ac:dyDescent="0.3">
      <c r="A78049" s="13" t="s">
        <v>397</v>
      </c>
      <c r="B78049" s="14" t="s">
        <v>1</v>
      </c>
      <c r="C78049" s="14" t="s">
        <v>41</v>
      </c>
      <c r="D78049" s="14" t="s">
        <v>398</v>
      </c>
      <c r="E78049" s="15">
        <v>45680</v>
      </c>
      <c r="F78049" s="14" t="s">
        <v>53</v>
      </c>
      <c r="G78049" s="16">
        <v>0.48242241769455851</v>
      </c>
    </row>
    <row r="78050" spans="1:7" x14ac:dyDescent="0.3">
      <c r="A78050" s="13" t="s">
        <v>397</v>
      </c>
      <c r="B78050" s="14" t="s">
        <v>1</v>
      </c>
      <c r="C78050" s="14" t="s">
        <v>41</v>
      </c>
      <c r="D78050" s="14" t="s">
        <v>398</v>
      </c>
      <c r="E78050" s="15">
        <v>45681</v>
      </c>
      <c r="F78050" s="14" t="s">
        <v>53</v>
      </c>
      <c r="G78050" s="16">
        <v>0.47540851067146811</v>
      </c>
    </row>
    <row r="78051" spans="1:7" x14ac:dyDescent="0.3">
      <c r="A78051" s="13" t="s">
        <v>397</v>
      </c>
      <c r="B78051" s="14" t="s">
        <v>1</v>
      </c>
      <c r="C78051" s="14" t="s">
        <v>41</v>
      </c>
      <c r="D78051" s="14" t="s">
        <v>398</v>
      </c>
      <c r="E78051" s="15">
        <v>45682</v>
      </c>
      <c r="F78051" s="14" t="s">
        <v>53</v>
      </c>
      <c r="G78051" s="16">
        <v>0.47540851067146811</v>
      </c>
    </row>
    <row r="78052" spans="1:7" x14ac:dyDescent="0.3">
      <c r="A78052" s="13" t="s">
        <v>397</v>
      </c>
      <c r="B78052" s="14" t="s">
        <v>1</v>
      </c>
      <c r="C78052" s="14" t="s">
        <v>41</v>
      </c>
      <c r="D78052" s="14" t="s">
        <v>398</v>
      </c>
      <c r="E78052" s="15">
        <v>45683</v>
      </c>
      <c r="F78052" s="14" t="s">
        <v>53</v>
      </c>
      <c r="G78052" s="16">
        <v>0.47540851067146811</v>
      </c>
    </row>
    <row r="78053" spans="1:7" x14ac:dyDescent="0.3">
      <c r="A78053" s="13" t="s">
        <v>397</v>
      </c>
      <c r="B78053" s="14" t="s">
        <v>1</v>
      </c>
      <c r="C78053" s="14" t="s">
        <v>41</v>
      </c>
      <c r="D78053" s="14" t="s">
        <v>398</v>
      </c>
      <c r="E78053" s="15">
        <v>45684</v>
      </c>
      <c r="F78053" s="14" t="s">
        <v>53</v>
      </c>
      <c r="G78053" s="16">
        <v>0.48044214397223273</v>
      </c>
    </row>
    <row r="78054" spans="1:7" x14ac:dyDescent="0.3">
      <c r="A78054" s="13" t="s">
        <v>397</v>
      </c>
      <c r="B78054" s="14" t="s">
        <v>1</v>
      </c>
      <c r="C78054" s="14" t="s">
        <v>41</v>
      </c>
      <c r="D78054" s="14" t="s">
        <v>398</v>
      </c>
      <c r="E78054" s="15">
        <v>45685</v>
      </c>
      <c r="F78054" s="14" t="s">
        <v>53</v>
      </c>
      <c r="G78054" s="16">
        <v>0.47338762722986694</v>
      </c>
    </row>
    <row r="78055" spans="1:7" x14ac:dyDescent="0.3">
      <c r="A78055" s="13" t="s">
        <v>397</v>
      </c>
      <c r="B78055" s="14" t="s">
        <v>1</v>
      </c>
      <c r="C78055" s="14" t="s">
        <v>41</v>
      </c>
      <c r="D78055" s="14" t="s">
        <v>398</v>
      </c>
      <c r="E78055" s="15">
        <v>45686</v>
      </c>
      <c r="F78055" s="14" t="s">
        <v>53</v>
      </c>
      <c r="G78055" s="16">
        <v>0.47174110404818653</v>
      </c>
    </row>
    <row r="78056" spans="1:7" x14ac:dyDescent="0.3">
      <c r="A78056" s="13" t="s">
        <v>397</v>
      </c>
      <c r="B78056" s="14" t="s">
        <v>1</v>
      </c>
      <c r="C78056" s="14" t="s">
        <v>41</v>
      </c>
      <c r="D78056" s="14" t="s">
        <v>398</v>
      </c>
      <c r="E78056" s="15">
        <v>45687</v>
      </c>
      <c r="F78056" s="14" t="s">
        <v>53</v>
      </c>
      <c r="G78056" s="16">
        <v>0.47391178111763599</v>
      </c>
    </row>
    <row r="78057" spans="1:7" x14ac:dyDescent="0.3">
      <c r="A78057" s="13" t="s">
        <v>397</v>
      </c>
      <c r="B78057" s="14" t="s">
        <v>1</v>
      </c>
      <c r="C78057" s="14" t="s">
        <v>41</v>
      </c>
      <c r="D78057" s="14" t="s">
        <v>398</v>
      </c>
      <c r="E78057" s="15">
        <v>45688</v>
      </c>
      <c r="F78057" s="14" t="s">
        <v>53</v>
      </c>
      <c r="G78057" s="16">
        <v>0.48318958006350321</v>
      </c>
    </row>
    <row r="78058" spans="1:7" x14ac:dyDescent="0.3">
      <c r="A78058" s="13" t="s">
        <v>397</v>
      </c>
      <c r="B78058" s="14" t="s">
        <v>1</v>
      </c>
      <c r="C78058" s="14" t="s">
        <v>41</v>
      </c>
      <c r="D78058" s="14" t="s">
        <v>398</v>
      </c>
      <c r="E78058" s="15">
        <v>45689</v>
      </c>
      <c r="F78058" s="14" t="s">
        <v>53</v>
      </c>
      <c r="G78058" s="16">
        <v>0.48318958006350321</v>
      </c>
    </row>
    <row r="78059" spans="1:7" x14ac:dyDescent="0.3">
      <c r="A78059" s="13" t="s">
        <v>397</v>
      </c>
      <c r="B78059" s="14" t="s">
        <v>1</v>
      </c>
      <c r="C78059" s="14" t="s">
        <v>41</v>
      </c>
      <c r="D78059" s="14" t="s">
        <v>398</v>
      </c>
      <c r="E78059" s="15">
        <v>45690</v>
      </c>
      <c r="F78059" s="14" t="s">
        <v>53</v>
      </c>
      <c r="G78059" s="16">
        <v>0.48318958006350321</v>
      </c>
    </row>
    <row r="78060" spans="1:7" x14ac:dyDescent="0.3">
      <c r="A78060" s="13" t="s">
        <v>397</v>
      </c>
      <c r="B78060" s="14" t="s">
        <v>1</v>
      </c>
      <c r="C78060" s="14" t="s">
        <v>41</v>
      </c>
      <c r="D78060" s="14" t="s">
        <v>398</v>
      </c>
      <c r="E78060" s="15">
        <v>45691</v>
      </c>
      <c r="F78060" s="14" t="s">
        <v>53</v>
      </c>
      <c r="G78060" s="16">
        <v>0.48318958006350321</v>
      </c>
    </row>
    <row r="78061" spans="1:7" x14ac:dyDescent="0.3">
      <c r="A78061" s="13" t="s">
        <v>397</v>
      </c>
      <c r="B78061" s="14" t="s">
        <v>1</v>
      </c>
      <c r="C78061" s="14" t="s">
        <v>41</v>
      </c>
      <c r="D78061" s="14" t="s">
        <v>398</v>
      </c>
      <c r="E78061" s="15">
        <v>45692</v>
      </c>
      <c r="F78061" s="14" t="s">
        <v>53</v>
      </c>
      <c r="G78061" s="16">
        <v>0.4805974427982963</v>
      </c>
    </row>
    <row r="78062" spans="1:7" x14ac:dyDescent="0.3">
      <c r="A78062" s="13" t="s">
        <v>397</v>
      </c>
      <c r="B78062" s="14" t="s">
        <v>1</v>
      </c>
      <c r="C78062" s="14" t="s">
        <v>41</v>
      </c>
      <c r="D78062" s="14" t="s">
        <v>398</v>
      </c>
      <c r="E78062" s="15">
        <v>45693</v>
      </c>
      <c r="F78062" s="14" t="s">
        <v>53</v>
      </c>
      <c r="G78062" s="16">
        <v>0.47881160641536458</v>
      </c>
    </row>
    <row r="78063" spans="1:7" x14ac:dyDescent="0.3">
      <c r="A78063" s="13" t="s">
        <v>397</v>
      </c>
      <c r="B78063" s="14" t="s">
        <v>1</v>
      </c>
      <c r="C78063" s="14" t="s">
        <v>41</v>
      </c>
      <c r="D78063" s="14" t="s">
        <v>398</v>
      </c>
      <c r="E78063" s="15">
        <v>45694</v>
      </c>
      <c r="F78063" s="14" t="s">
        <v>53</v>
      </c>
      <c r="G78063" s="16">
        <v>0.48307317076005052</v>
      </c>
    </row>
    <row r="78064" spans="1:7" x14ac:dyDescent="0.3">
      <c r="A78064" s="13" t="s">
        <v>397</v>
      </c>
      <c r="B78064" s="14" t="s">
        <v>1</v>
      </c>
      <c r="C78064" s="14" t="s">
        <v>41</v>
      </c>
      <c r="D78064" s="14" t="s">
        <v>398</v>
      </c>
      <c r="E78064" s="15">
        <v>45695</v>
      </c>
      <c r="F78064" s="14" t="s">
        <v>53</v>
      </c>
      <c r="G78064" s="16">
        <v>0.48211366644768822</v>
      </c>
    </row>
    <row r="78065" spans="1:7" x14ac:dyDescent="0.3">
      <c r="A78065" s="13" t="s">
        <v>397</v>
      </c>
      <c r="B78065" s="14" t="s">
        <v>1</v>
      </c>
      <c r="C78065" s="14" t="s">
        <v>41</v>
      </c>
      <c r="D78065" s="14" t="s">
        <v>398</v>
      </c>
      <c r="E78065" s="15">
        <v>45696</v>
      </c>
      <c r="F78065" s="14" t="s">
        <v>53</v>
      </c>
      <c r="G78065" s="16">
        <v>0.48211366644768822</v>
      </c>
    </row>
    <row r="78066" spans="1:7" x14ac:dyDescent="0.3">
      <c r="A78066" s="13" t="s">
        <v>397</v>
      </c>
      <c r="B78066" s="14" t="s">
        <v>1</v>
      </c>
      <c r="C78066" s="14" t="s">
        <v>41</v>
      </c>
      <c r="D78066" s="14" t="s">
        <v>398</v>
      </c>
      <c r="E78066" s="15">
        <v>45697</v>
      </c>
      <c r="F78066" s="14" t="s">
        <v>53</v>
      </c>
      <c r="G78066" s="16">
        <v>0.48211366644768822</v>
      </c>
    </row>
    <row r="78067" spans="1:7" x14ac:dyDescent="0.3">
      <c r="A78067" s="13" t="s">
        <v>397</v>
      </c>
      <c r="B78067" s="14" t="s">
        <v>1</v>
      </c>
      <c r="C78067" s="14" t="s">
        <v>41</v>
      </c>
      <c r="D78067" s="14" t="s">
        <v>398</v>
      </c>
      <c r="E78067" s="15">
        <v>45698</v>
      </c>
      <c r="F78067" s="14" t="s">
        <v>53</v>
      </c>
      <c r="G78067" s="16">
        <v>0.47978472948712692</v>
      </c>
    </row>
    <row r="78068" spans="1:7" x14ac:dyDescent="0.3">
      <c r="A78068" s="13" t="s">
        <v>397</v>
      </c>
      <c r="B78068" s="14" t="s">
        <v>1</v>
      </c>
      <c r="C78068" s="14" t="s">
        <v>41</v>
      </c>
      <c r="D78068" s="14" t="s">
        <v>398</v>
      </c>
      <c r="E78068" s="15">
        <v>45699</v>
      </c>
      <c r="F78068" s="14" t="s">
        <v>53</v>
      </c>
      <c r="G78068" s="16">
        <v>0.47978472948712692</v>
      </c>
    </row>
    <row r="78069" spans="1:7" x14ac:dyDescent="0.3">
      <c r="A78069" s="13" t="s">
        <v>397</v>
      </c>
      <c r="B78069" s="14" t="s">
        <v>1</v>
      </c>
      <c r="C78069" s="14" t="s">
        <v>41</v>
      </c>
      <c r="D78069" s="14" t="s">
        <v>398</v>
      </c>
      <c r="E78069" s="15">
        <v>45700</v>
      </c>
      <c r="F78069" s="14" t="s">
        <v>53</v>
      </c>
      <c r="G78069" s="16">
        <v>0.46358017105727006</v>
      </c>
    </row>
    <row r="78070" spans="1:7" x14ac:dyDescent="0.3">
      <c r="A78070" s="13" t="s">
        <v>397</v>
      </c>
      <c r="B78070" s="14" t="s">
        <v>1</v>
      </c>
      <c r="C78070" s="14" t="s">
        <v>41</v>
      </c>
      <c r="D78070" s="14" t="s">
        <v>398</v>
      </c>
      <c r="E78070" s="15">
        <v>45701</v>
      </c>
      <c r="F78070" s="14" t="s">
        <v>53</v>
      </c>
      <c r="G78070" s="16">
        <v>0.46060670597697284</v>
      </c>
    </row>
    <row r="78071" spans="1:7" x14ac:dyDescent="0.3">
      <c r="A78071" s="13" t="s">
        <v>397</v>
      </c>
      <c r="B78071" s="14" t="s">
        <v>1</v>
      </c>
      <c r="C78071" s="14" t="s">
        <v>41</v>
      </c>
      <c r="D78071" s="14" t="s">
        <v>398</v>
      </c>
      <c r="E78071" s="15">
        <v>45702</v>
      </c>
      <c r="F78071" s="14" t="s">
        <v>53</v>
      </c>
      <c r="G78071" s="16">
        <v>0.46062334070043853</v>
      </c>
    </row>
    <row r="78072" spans="1:7" x14ac:dyDescent="0.3">
      <c r="A78072" s="13" t="s">
        <v>397</v>
      </c>
      <c r="B78072" s="14" t="s">
        <v>1</v>
      </c>
      <c r="C78072" s="14" t="s">
        <v>41</v>
      </c>
      <c r="D78072" s="14" t="s">
        <v>398</v>
      </c>
      <c r="E78072" s="15">
        <v>45703</v>
      </c>
      <c r="F78072" s="14" t="s">
        <v>53</v>
      </c>
      <c r="G78072" s="16">
        <v>0.46062334070043853</v>
      </c>
    </row>
    <row r="78073" spans="1:7" x14ac:dyDescent="0.3">
      <c r="A78073" s="13" t="s">
        <v>397</v>
      </c>
      <c r="B78073" s="14" t="s">
        <v>1</v>
      </c>
      <c r="C78073" s="14" t="s">
        <v>41</v>
      </c>
      <c r="D78073" s="14" t="s">
        <v>398</v>
      </c>
      <c r="E78073" s="15">
        <v>45704</v>
      </c>
      <c r="F78073" s="14" t="s">
        <v>53</v>
      </c>
      <c r="G78073" s="16">
        <v>0.46062334070043853</v>
      </c>
    </row>
    <row r="78074" spans="1:7" x14ac:dyDescent="0.3">
      <c r="A78074" s="13" t="s">
        <v>397</v>
      </c>
      <c r="B78074" s="14" t="s">
        <v>1</v>
      </c>
      <c r="C78074" s="14" t="s">
        <v>41</v>
      </c>
      <c r="D78074" s="14" t="s">
        <v>398</v>
      </c>
      <c r="E78074" s="15">
        <v>45705</v>
      </c>
      <c r="F78074" s="14" t="s">
        <v>53</v>
      </c>
      <c r="G78074" s="16">
        <v>0.45974126592494047</v>
      </c>
    </row>
    <row r="78075" spans="1:7" x14ac:dyDescent="0.3">
      <c r="A78075" s="13" t="s">
        <v>397</v>
      </c>
      <c r="B78075" s="14" t="s">
        <v>1</v>
      </c>
      <c r="C78075" s="14" t="s">
        <v>41</v>
      </c>
      <c r="D78075" s="14" t="s">
        <v>398</v>
      </c>
      <c r="E78075" s="15">
        <v>45706</v>
      </c>
      <c r="F78075" s="14" t="s">
        <v>53</v>
      </c>
      <c r="G78075" s="16">
        <v>0.45243220723504812</v>
      </c>
    </row>
    <row r="78076" spans="1:7" x14ac:dyDescent="0.3">
      <c r="A78076" s="13" t="s">
        <v>397</v>
      </c>
      <c r="B78076" s="14" t="s">
        <v>1</v>
      </c>
      <c r="C78076" s="14" t="s">
        <v>41</v>
      </c>
      <c r="D78076" s="14" t="s">
        <v>398</v>
      </c>
      <c r="E78076" s="15">
        <v>45707</v>
      </c>
      <c r="F78076" s="14" t="s">
        <v>53</v>
      </c>
      <c r="G78076" s="16">
        <v>0.45316254352667634</v>
      </c>
    </row>
    <row r="78077" spans="1:7" x14ac:dyDescent="0.3">
      <c r="A78077" s="13" t="s">
        <v>397</v>
      </c>
      <c r="B78077" s="14" t="s">
        <v>1</v>
      </c>
      <c r="C78077" s="14" t="s">
        <v>41</v>
      </c>
      <c r="D78077" s="14" t="s">
        <v>398</v>
      </c>
      <c r="E78077" s="15">
        <v>45708</v>
      </c>
      <c r="F78077" s="14" t="s">
        <v>53</v>
      </c>
      <c r="G78077" s="16">
        <v>0.4659687452723501</v>
      </c>
    </row>
    <row r="78078" spans="1:7" x14ac:dyDescent="0.3">
      <c r="A78078" s="13" t="s">
        <v>397</v>
      </c>
      <c r="B78078" s="14" t="s">
        <v>1</v>
      </c>
      <c r="C78078" s="14" t="s">
        <v>41</v>
      </c>
      <c r="D78078" s="14" t="s">
        <v>398</v>
      </c>
      <c r="E78078" s="15">
        <v>45709</v>
      </c>
      <c r="F78078" s="14" t="s">
        <v>53</v>
      </c>
      <c r="G78078" s="16">
        <v>0.4663753206999921</v>
      </c>
    </row>
    <row r="78079" spans="1:7" x14ac:dyDescent="0.3">
      <c r="A78079" s="13" t="s">
        <v>397</v>
      </c>
      <c r="B78079" s="14" t="s">
        <v>1</v>
      </c>
      <c r="C78079" s="14" t="s">
        <v>41</v>
      </c>
      <c r="D78079" s="14" t="s">
        <v>398</v>
      </c>
      <c r="E78079" s="15">
        <v>45710</v>
      </c>
      <c r="F78079" s="14" t="s">
        <v>53</v>
      </c>
      <c r="G78079" s="16">
        <v>0.4663753206999921</v>
      </c>
    </row>
    <row r="78080" spans="1:7" x14ac:dyDescent="0.3">
      <c r="A78080" s="13" t="s">
        <v>397</v>
      </c>
      <c r="B78080" s="14" t="s">
        <v>1</v>
      </c>
      <c r="C78080" s="14" t="s">
        <v>41</v>
      </c>
      <c r="D78080" s="14" t="s">
        <v>398</v>
      </c>
      <c r="E78080" s="15">
        <v>45711</v>
      </c>
      <c r="F78080" s="14" t="s">
        <v>53</v>
      </c>
      <c r="G78080" s="16">
        <v>0.4663753206999921</v>
      </c>
    </row>
    <row r="78081" spans="1:7" x14ac:dyDescent="0.3">
      <c r="A78081" s="13" t="s">
        <v>397</v>
      </c>
      <c r="B78081" s="14" t="s">
        <v>1</v>
      </c>
      <c r="C78081" s="14" t="s">
        <v>41</v>
      </c>
      <c r="D78081" s="14" t="s">
        <v>398</v>
      </c>
      <c r="E78081" s="15">
        <v>45712</v>
      </c>
      <c r="F78081" s="14" t="s">
        <v>53</v>
      </c>
      <c r="G78081" s="16">
        <v>0.4663753206999921</v>
      </c>
    </row>
    <row r="78082" spans="1:7" x14ac:dyDescent="0.3">
      <c r="A78082" s="13" t="s">
        <v>397</v>
      </c>
      <c r="B78082" s="14" t="s">
        <v>1</v>
      </c>
      <c r="C78082" s="14" t="s">
        <v>41</v>
      </c>
      <c r="D78082" s="14" t="s">
        <v>398</v>
      </c>
      <c r="E78082" s="15">
        <v>45713</v>
      </c>
      <c r="F78082" s="14" t="s">
        <v>53</v>
      </c>
      <c r="G78082" s="16">
        <v>0.4638032924546347</v>
      </c>
    </row>
    <row r="78083" spans="1:7" x14ac:dyDescent="0.3">
      <c r="A78083" s="13" t="s">
        <v>397</v>
      </c>
      <c r="B78083" s="14" t="s">
        <v>1</v>
      </c>
      <c r="C78083" s="14" t="s">
        <v>41</v>
      </c>
      <c r="D78083" s="14" t="s">
        <v>398</v>
      </c>
      <c r="E78083" s="15">
        <v>45714</v>
      </c>
      <c r="F78083" s="14" t="s">
        <v>53</v>
      </c>
      <c r="G78083" s="16">
        <v>0.45516365283884114</v>
      </c>
    </row>
    <row r="78084" spans="1:7" x14ac:dyDescent="0.3">
      <c r="A78084" s="13" t="s">
        <v>397</v>
      </c>
      <c r="B78084" s="14" t="s">
        <v>1</v>
      </c>
      <c r="C78084" s="14" t="s">
        <v>41</v>
      </c>
      <c r="D78084" s="14" t="s">
        <v>398</v>
      </c>
      <c r="E78084" s="15">
        <v>45715</v>
      </c>
      <c r="F78084" s="14" t="s">
        <v>53</v>
      </c>
      <c r="G78084" s="16">
        <v>0.4536562346736483</v>
      </c>
    </row>
    <row r="78085" spans="1:7" x14ac:dyDescent="0.3">
      <c r="A78085" s="13" t="s">
        <v>397</v>
      </c>
      <c r="B78085" s="14" t="s">
        <v>1</v>
      </c>
      <c r="C78085" s="14" t="s">
        <v>41</v>
      </c>
      <c r="D78085" s="14" t="s">
        <v>398</v>
      </c>
      <c r="E78085" s="15">
        <v>45716</v>
      </c>
      <c r="F78085" s="14" t="s">
        <v>53</v>
      </c>
      <c r="G78085" s="16">
        <v>0.45824988768198216</v>
      </c>
    </row>
    <row r="78086" spans="1:7" x14ac:dyDescent="0.3">
      <c r="A78086" s="13" t="s">
        <v>397</v>
      </c>
      <c r="B78086" s="14" t="s">
        <v>1</v>
      </c>
      <c r="C78086" s="14" t="s">
        <v>41</v>
      </c>
      <c r="D78086" s="14" t="s">
        <v>398</v>
      </c>
      <c r="E78086" s="15">
        <v>45717</v>
      </c>
      <c r="F78086" s="14" t="s">
        <v>53</v>
      </c>
      <c r="G78086" s="16">
        <v>0.45824988768198216</v>
      </c>
    </row>
    <row r="78087" spans="1:7" x14ac:dyDescent="0.3">
      <c r="A78087" s="13" t="s">
        <v>397</v>
      </c>
      <c r="B78087" s="14" t="s">
        <v>1</v>
      </c>
      <c r="C78087" s="14" t="s">
        <v>41</v>
      </c>
      <c r="D78087" s="14" t="s">
        <v>398</v>
      </c>
      <c r="E78087" s="15">
        <v>45718</v>
      </c>
      <c r="F78087" s="14" t="s">
        <v>53</v>
      </c>
      <c r="G78087" s="16">
        <v>0.45824988768198216</v>
      </c>
    </row>
    <row r="78088" spans="1:7" x14ac:dyDescent="0.3">
      <c r="A78088" s="13" t="s">
        <v>397</v>
      </c>
      <c r="B78088" s="14" t="s">
        <v>1</v>
      </c>
      <c r="C78088" s="14" t="s">
        <v>41</v>
      </c>
      <c r="D78088" s="14" t="s">
        <v>398</v>
      </c>
      <c r="E78088" s="15">
        <v>45719</v>
      </c>
      <c r="F78088" s="14" t="s">
        <v>53</v>
      </c>
      <c r="G78088" s="16">
        <v>0.45525857620998539</v>
      </c>
    </row>
    <row r="78089" spans="1:7" x14ac:dyDescent="0.3">
      <c r="A78089" s="13" t="s">
        <v>397</v>
      </c>
      <c r="B78089" s="14" t="s">
        <v>1</v>
      </c>
      <c r="C78089" s="14" t="s">
        <v>41</v>
      </c>
      <c r="D78089" s="14" t="s">
        <v>398</v>
      </c>
      <c r="E78089" s="15">
        <v>45720</v>
      </c>
      <c r="F78089" s="14" t="s">
        <v>53</v>
      </c>
      <c r="G78089" s="16">
        <v>0.44716001348945283</v>
      </c>
    </row>
    <row r="78090" spans="1:7" x14ac:dyDescent="0.3">
      <c r="A78090" s="13" t="s">
        <v>397</v>
      </c>
      <c r="B78090" s="14" t="s">
        <v>1</v>
      </c>
      <c r="C78090" s="14" t="s">
        <v>41</v>
      </c>
      <c r="D78090" s="14" t="s">
        <v>398</v>
      </c>
      <c r="E78090" s="15">
        <v>45721</v>
      </c>
      <c r="F78090" s="14" t="s">
        <v>53</v>
      </c>
      <c r="G78090" s="16">
        <v>0.44438184049424484</v>
      </c>
    </row>
    <row r="78091" spans="1:7" x14ac:dyDescent="0.3">
      <c r="A78091" s="13" t="s">
        <v>397</v>
      </c>
      <c r="B78091" s="14" t="s">
        <v>1</v>
      </c>
      <c r="C78091" s="14" t="s">
        <v>41</v>
      </c>
      <c r="D78091" s="14" t="s">
        <v>398</v>
      </c>
      <c r="E78091" s="15">
        <v>45722</v>
      </c>
      <c r="F78091" s="14" t="s">
        <v>53</v>
      </c>
      <c r="G78091" s="16">
        <v>0.44553272392971149</v>
      </c>
    </row>
    <row r="78092" spans="1:7" x14ac:dyDescent="0.3">
      <c r="A78092" s="13" t="s">
        <v>397</v>
      </c>
      <c r="B78092" s="14" t="s">
        <v>1</v>
      </c>
      <c r="C78092" s="14" t="s">
        <v>41</v>
      </c>
      <c r="D78092" s="14" t="s">
        <v>398</v>
      </c>
      <c r="E78092" s="15">
        <v>45723</v>
      </c>
      <c r="F78092" s="14" t="s">
        <v>53</v>
      </c>
      <c r="G78092" s="16">
        <v>0.4432819953495768</v>
      </c>
    </row>
    <row r="78093" spans="1:7" x14ac:dyDescent="0.3">
      <c r="A78093" s="13" t="s">
        <v>397</v>
      </c>
      <c r="B78093" s="14" t="s">
        <v>1</v>
      </c>
      <c r="C78093" s="14" t="s">
        <v>41</v>
      </c>
      <c r="D78093" s="14" t="s">
        <v>398</v>
      </c>
      <c r="E78093" s="15">
        <v>45724</v>
      </c>
      <c r="F78093" s="14" t="s">
        <v>53</v>
      </c>
      <c r="G78093" s="16">
        <v>0.4432819953495768</v>
      </c>
    </row>
    <row r="78094" spans="1:7" x14ac:dyDescent="0.3">
      <c r="A78094" s="13" t="s">
        <v>397</v>
      </c>
      <c r="B78094" s="14" t="s">
        <v>1</v>
      </c>
      <c r="C78094" s="14" t="s">
        <v>41</v>
      </c>
      <c r="D78094" s="14" t="s">
        <v>398</v>
      </c>
      <c r="E78094" s="15">
        <v>45725</v>
      </c>
      <c r="F78094" s="14" t="s">
        <v>53</v>
      </c>
      <c r="G78094" s="16">
        <v>0.4432819953495768</v>
      </c>
    </row>
    <row r="78095" spans="1:7" x14ac:dyDescent="0.3">
      <c r="A78095" s="13" t="s">
        <v>397</v>
      </c>
      <c r="B78095" s="14" t="s">
        <v>1</v>
      </c>
      <c r="C78095" s="14" t="s">
        <v>41</v>
      </c>
      <c r="D78095" s="14" t="s">
        <v>398</v>
      </c>
      <c r="E78095" s="15">
        <v>45726</v>
      </c>
      <c r="F78095" s="14" t="s">
        <v>53</v>
      </c>
      <c r="G78095" s="16">
        <v>0.44497109351096381</v>
      </c>
    </row>
    <row r="78096" spans="1:7" x14ac:dyDescent="0.3">
      <c r="A78096" s="13" t="s">
        <v>397</v>
      </c>
      <c r="B78096" s="14" t="s">
        <v>1</v>
      </c>
      <c r="C78096" s="14" t="s">
        <v>41</v>
      </c>
      <c r="D78096" s="14" t="s">
        <v>398</v>
      </c>
      <c r="E78096" s="15">
        <v>45727</v>
      </c>
      <c r="F78096" s="14" t="s">
        <v>53</v>
      </c>
      <c r="G78096" s="16">
        <v>0.43494531967329592</v>
      </c>
    </row>
    <row r="78097" spans="1:7" x14ac:dyDescent="0.3">
      <c r="A78097" s="13" t="s">
        <v>397</v>
      </c>
      <c r="B78097" s="14" t="s">
        <v>1</v>
      </c>
      <c r="C78097" s="14" t="s">
        <v>41</v>
      </c>
      <c r="D78097" s="14" t="s">
        <v>398</v>
      </c>
      <c r="E78097" s="15">
        <v>45728</v>
      </c>
      <c r="F78097" s="14" t="s">
        <v>53</v>
      </c>
      <c r="G78097" s="16">
        <v>0.4312248844719429</v>
      </c>
    </row>
    <row r="78098" spans="1:7" x14ac:dyDescent="0.3">
      <c r="A78098" s="13" t="s">
        <v>397</v>
      </c>
      <c r="B78098" s="14" t="s">
        <v>1</v>
      </c>
      <c r="C78098" s="14" t="s">
        <v>41</v>
      </c>
      <c r="D78098" s="14" t="s">
        <v>398</v>
      </c>
      <c r="E78098" s="15">
        <v>45729</v>
      </c>
      <c r="F78098" s="14" t="s">
        <v>53</v>
      </c>
      <c r="G78098" s="16">
        <v>0.4309307669377252</v>
      </c>
    </row>
    <row r="78099" spans="1:7" x14ac:dyDescent="0.3">
      <c r="A78099" s="13" t="s">
        <v>397</v>
      </c>
      <c r="B78099" s="14" t="s">
        <v>1</v>
      </c>
      <c r="C78099" s="14" t="s">
        <v>41</v>
      </c>
      <c r="D78099" s="14" t="s">
        <v>398</v>
      </c>
      <c r="E78099" s="15">
        <v>45730</v>
      </c>
      <c r="F78099" s="14" t="s">
        <v>53</v>
      </c>
      <c r="G78099" s="16">
        <v>0.42722732376185146</v>
      </c>
    </row>
    <row r="78100" spans="1:7" x14ac:dyDescent="0.3">
      <c r="A78100" s="13" t="s">
        <v>397</v>
      </c>
      <c r="B78100" s="14" t="s">
        <v>1</v>
      </c>
      <c r="C78100" s="14" t="s">
        <v>41</v>
      </c>
      <c r="D78100" s="14" t="s">
        <v>398</v>
      </c>
      <c r="E78100" s="15">
        <v>45731</v>
      </c>
      <c r="F78100" s="14" t="s">
        <v>53</v>
      </c>
      <c r="G78100" s="16">
        <v>0.42722732376185146</v>
      </c>
    </row>
    <row r="78101" spans="1:7" x14ac:dyDescent="0.3">
      <c r="A78101" s="13" t="s">
        <v>397</v>
      </c>
      <c r="B78101" s="14" t="s">
        <v>1</v>
      </c>
      <c r="C78101" s="14" t="s">
        <v>41</v>
      </c>
      <c r="D78101" s="14" t="s">
        <v>398</v>
      </c>
      <c r="E78101" s="15">
        <v>45732</v>
      </c>
      <c r="F78101" s="14" t="s">
        <v>53</v>
      </c>
      <c r="G78101" s="16">
        <v>0.42722732376185146</v>
      </c>
    </row>
    <row r="78102" spans="1:7" x14ac:dyDescent="0.3">
      <c r="A78102" s="13" t="s">
        <v>397</v>
      </c>
      <c r="B78102" s="14" t="s">
        <v>1</v>
      </c>
      <c r="C78102" s="14" t="s">
        <v>41</v>
      </c>
      <c r="D78102" s="14" t="s">
        <v>398</v>
      </c>
      <c r="E78102" s="15">
        <v>45733</v>
      </c>
      <c r="F78102" s="14" t="s">
        <v>53</v>
      </c>
      <c r="G78102" s="16">
        <v>0.42722732376185146</v>
      </c>
    </row>
    <row r="78103" spans="1:7" x14ac:dyDescent="0.3">
      <c r="A78103" s="13" t="s">
        <v>397</v>
      </c>
      <c r="B78103" s="14" t="s">
        <v>1</v>
      </c>
      <c r="C78103" s="14" t="s">
        <v>41</v>
      </c>
      <c r="D78103" s="14" t="s">
        <v>398</v>
      </c>
      <c r="E78103" s="15">
        <v>45734</v>
      </c>
      <c r="F78103" s="14" t="s">
        <v>53</v>
      </c>
      <c r="G78103" s="16">
        <v>0.42124429789517848</v>
      </c>
    </row>
    <row r="78104" spans="1:7" x14ac:dyDescent="0.3">
      <c r="A78104" s="13" t="s">
        <v>397</v>
      </c>
      <c r="B78104" s="14" t="s">
        <v>1</v>
      </c>
      <c r="C78104" s="14" t="s">
        <v>41</v>
      </c>
      <c r="D78104" s="14" t="s">
        <v>398</v>
      </c>
      <c r="E78104" s="15">
        <v>45735</v>
      </c>
      <c r="F78104" s="14" t="s">
        <v>53</v>
      </c>
      <c r="G78104" s="16">
        <v>0.41836772376293679</v>
      </c>
    </row>
    <row r="78105" spans="1:7" x14ac:dyDescent="0.3">
      <c r="A78105" s="13" t="s">
        <v>397</v>
      </c>
      <c r="B78105" s="14" t="s">
        <v>1</v>
      </c>
      <c r="C78105" s="14" t="s">
        <v>41</v>
      </c>
      <c r="D78105" s="14" t="s">
        <v>398</v>
      </c>
      <c r="E78105" s="15">
        <v>45736</v>
      </c>
      <c r="F78105" s="14" t="s">
        <v>53</v>
      </c>
      <c r="G78105" s="16">
        <v>0.41836772376293679</v>
      </c>
    </row>
    <row r="78106" spans="1:7" x14ac:dyDescent="0.3">
      <c r="A78106" s="13" t="s">
        <v>397</v>
      </c>
      <c r="B78106" s="14" t="s">
        <v>1</v>
      </c>
      <c r="C78106" s="14" t="s">
        <v>41</v>
      </c>
      <c r="D78106" s="14" t="s">
        <v>398</v>
      </c>
      <c r="E78106" s="15">
        <v>45737</v>
      </c>
      <c r="F78106" s="14" t="s">
        <v>53</v>
      </c>
      <c r="G78106" s="16">
        <v>0.41738432944031018</v>
      </c>
    </row>
    <row r="78107" spans="1:7" x14ac:dyDescent="0.3">
      <c r="A78107" s="13" t="s">
        <v>397</v>
      </c>
      <c r="B78107" s="14" t="s">
        <v>1</v>
      </c>
      <c r="C78107" s="14" t="s">
        <v>41</v>
      </c>
      <c r="D78107" s="14" t="s">
        <v>398</v>
      </c>
      <c r="E78107" s="15">
        <v>45738</v>
      </c>
      <c r="F78107" s="14" t="s">
        <v>53</v>
      </c>
      <c r="G78107" s="16">
        <v>0.41738432944031018</v>
      </c>
    </row>
    <row r="78108" spans="1:7" x14ac:dyDescent="0.3">
      <c r="A78108" s="13" t="s">
        <v>397</v>
      </c>
      <c r="B78108" s="14" t="s">
        <v>1</v>
      </c>
      <c r="C78108" s="14" t="s">
        <v>41</v>
      </c>
      <c r="D78108" s="14" t="s">
        <v>398</v>
      </c>
      <c r="E78108" s="15">
        <v>45739</v>
      </c>
      <c r="F78108" s="14" t="s">
        <v>53</v>
      </c>
      <c r="G78108" s="16">
        <v>0.41738432944031018</v>
      </c>
    </row>
    <row r="78109" spans="1:7" x14ac:dyDescent="0.3">
      <c r="A78109" s="13" t="s">
        <v>397</v>
      </c>
      <c r="B78109" s="14" t="s">
        <v>1</v>
      </c>
      <c r="C78109" s="14" t="s">
        <v>41</v>
      </c>
      <c r="D78109" s="14" t="s">
        <v>398</v>
      </c>
      <c r="E78109" s="15">
        <v>45740</v>
      </c>
      <c r="F78109" s="14" t="s">
        <v>53</v>
      </c>
      <c r="G78109" s="16">
        <v>0.40921996058377336</v>
      </c>
    </row>
    <row r="78110" spans="1:7" x14ac:dyDescent="0.3">
      <c r="A78110" s="13" t="s">
        <v>397</v>
      </c>
      <c r="B78110" s="14" t="s">
        <v>1</v>
      </c>
      <c r="C78110" s="14" t="s">
        <v>41</v>
      </c>
      <c r="D78110" s="14" t="s">
        <v>398</v>
      </c>
      <c r="E78110" s="15">
        <v>45741</v>
      </c>
      <c r="F78110" s="14" t="s">
        <v>53</v>
      </c>
      <c r="G78110" s="16">
        <v>0.40468125927483489</v>
      </c>
    </row>
    <row r="78111" spans="1:7" x14ac:dyDescent="0.3">
      <c r="A78111" s="13" t="s">
        <v>397</v>
      </c>
      <c r="B78111" s="14" t="s">
        <v>1</v>
      </c>
      <c r="C78111" s="14" t="s">
        <v>41</v>
      </c>
      <c r="D78111" s="14" t="s">
        <v>398</v>
      </c>
      <c r="E78111" s="15">
        <v>45742</v>
      </c>
      <c r="F78111" s="14" t="s">
        <v>53</v>
      </c>
      <c r="G78111" s="16">
        <v>0.40241673154282037</v>
      </c>
    </row>
    <row r="78112" spans="1:7" x14ac:dyDescent="0.3">
      <c r="A78112" s="13" t="s">
        <v>397</v>
      </c>
      <c r="B78112" s="14" t="s">
        <v>1</v>
      </c>
      <c r="C78112" s="14" t="s">
        <v>41</v>
      </c>
      <c r="D78112" s="14" t="s">
        <v>398</v>
      </c>
      <c r="E78112" s="15">
        <v>45743</v>
      </c>
      <c r="F78112" s="14" t="s">
        <v>53</v>
      </c>
      <c r="G78112" s="16">
        <v>0.39796672010795492</v>
      </c>
    </row>
    <row r="78113" spans="1:7" x14ac:dyDescent="0.3">
      <c r="A78113" s="13" t="s">
        <v>397</v>
      </c>
      <c r="B78113" s="14" t="s">
        <v>1</v>
      </c>
      <c r="C78113" s="14" t="s">
        <v>41</v>
      </c>
      <c r="D78113" s="14" t="s">
        <v>398</v>
      </c>
      <c r="E78113" s="15">
        <v>45744</v>
      </c>
      <c r="F78113" s="14" t="s">
        <v>53</v>
      </c>
      <c r="G78113" s="16">
        <v>0.39926991883237123</v>
      </c>
    </row>
    <row r="78114" spans="1:7" x14ac:dyDescent="0.3">
      <c r="A78114" s="13" t="s">
        <v>397</v>
      </c>
      <c r="B78114" s="14" t="s">
        <v>1</v>
      </c>
      <c r="C78114" s="14" t="s">
        <v>41</v>
      </c>
      <c r="D78114" s="14" t="s">
        <v>398</v>
      </c>
      <c r="E78114" s="15">
        <v>45745</v>
      </c>
      <c r="F78114" s="14" t="s">
        <v>53</v>
      </c>
      <c r="G78114" s="16">
        <v>0.39926991883237123</v>
      </c>
    </row>
    <row r="78115" spans="1:7" x14ac:dyDescent="0.3">
      <c r="A78115" s="13" t="s">
        <v>397</v>
      </c>
      <c r="B78115" s="14" t="s">
        <v>1</v>
      </c>
      <c r="C78115" s="14" t="s">
        <v>41</v>
      </c>
      <c r="D78115" s="14" t="s">
        <v>398</v>
      </c>
      <c r="E78115" s="15">
        <v>45746</v>
      </c>
      <c r="F78115" s="14" t="s">
        <v>53</v>
      </c>
      <c r="G78115" s="16">
        <v>0.39926991883237123</v>
      </c>
    </row>
    <row r="78116" spans="1:7" x14ac:dyDescent="0.3">
      <c r="A78116" s="13" t="s">
        <v>397</v>
      </c>
      <c r="B78116" s="14" t="s">
        <v>1</v>
      </c>
      <c r="C78116" s="14" t="s">
        <v>41</v>
      </c>
      <c r="D78116" s="14" t="s">
        <v>398</v>
      </c>
      <c r="E78116" s="15">
        <v>45747</v>
      </c>
      <c r="F78116" s="14" t="s">
        <v>53</v>
      </c>
      <c r="G78116" s="16">
        <v>1.2572656313984645</v>
      </c>
    </row>
    <row r="78117" spans="1:7" x14ac:dyDescent="0.3">
      <c r="A78117" s="13" t="s">
        <v>399</v>
      </c>
      <c r="B78117" s="14" t="s">
        <v>1</v>
      </c>
      <c r="C78117" s="14" t="s">
        <v>47</v>
      </c>
      <c r="D78117" s="14" t="s">
        <v>400</v>
      </c>
      <c r="E78117" s="15">
        <v>45383</v>
      </c>
      <c r="F78117" s="14" t="s">
        <v>15</v>
      </c>
      <c r="G78117" s="16">
        <v>0</v>
      </c>
    </row>
    <row r="78118" spans="1:7" x14ac:dyDescent="0.3">
      <c r="A78118" s="13" t="s">
        <v>399</v>
      </c>
      <c r="B78118" s="14" t="s">
        <v>1</v>
      </c>
      <c r="C78118" s="14" t="s">
        <v>47</v>
      </c>
      <c r="D78118" s="14" t="s">
        <v>400</v>
      </c>
      <c r="E78118" s="15">
        <v>45384</v>
      </c>
      <c r="F78118" s="14" t="s">
        <v>15</v>
      </c>
      <c r="G78118" s="16">
        <v>0</v>
      </c>
    </row>
    <row r="78119" spans="1:7" x14ac:dyDescent="0.3">
      <c r="A78119" s="13" t="s">
        <v>399</v>
      </c>
      <c r="B78119" s="14" t="s">
        <v>1</v>
      </c>
      <c r="C78119" s="14" t="s">
        <v>47</v>
      </c>
      <c r="D78119" s="14" t="s">
        <v>400</v>
      </c>
      <c r="E78119" s="15">
        <v>45385</v>
      </c>
      <c r="F78119" s="14" t="s">
        <v>15</v>
      </c>
      <c r="G78119" s="16">
        <v>0</v>
      </c>
    </row>
    <row r="78120" spans="1:7" x14ac:dyDescent="0.3">
      <c r="A78120" s="13" t="s">
        <v>399</v>
      </c>
      <c r="B78120" s="14" t="s">
        <v>1</v>
      </c>
      <c r="C78120" s="14" t="s">
        <v>47</v>
      </c>
      <c r="D78120" s="14" t="s">
        <v>400</v>
      </c>
      <c r="E78120" s="15">
        <v>45386</v>
      </c>
      <c r="F78120" s="14" t="s">
        <v>15</v>
      </c>
      <c r="G78120" s="16">
        <v>0</v>
      </c>
    </row>
    <row r="78121" spans="1:7" x14ac:dyDescent="0.3">
      <c r="A78121" s="13" t="s">
        <v>399</v>
      </c>
      <c r="B78121" s="14" t="s">
        <v>1</v>
      </c>
      <c r="C78121" s="14" t="s">
        <v>47</v>
      </c>
      <c r="D78121" s="14" t="s">
        <v>400</v>
      </c>
      <c r="E78121" s="15">
        <v>45387</v>
      </c>
      <c r="F78121" s="14" t="s">
        <v>15</v>
      </c>
      <c r="G78121" s="16">
        <v>0</v>
      </c>
    </row>
    <row r="78122" spans="1:7" x14ac:dyDescent="0.3">
      <c r="A78122" s="13" t="s">
        <v>399</v>
      </c>
      <c r="B78122" s="14" t="s">
        <v>1</v>
      </c>
      <c r="C78122" s="14" t="s">
        <v>47</v>
      </c>
      <c r="D78122" s="14" t="s">
        <v>400</v>
      </c>
      <c r="E78122" s="15">
        <v>45388</v>
      </c>
      <c r="F78122" s="14" t="s">
        <v>15</v>
      </c>
      <c r="G78122" s="16">
        <v>0</v>
      </c>
    </row>
    <row r="78123" spans="1:7" x14ac:dyDescent="0.3">
      <c r="A78123" s="13" t="s">
        <v>399</v>
      </c>
      <c r="B78123" s="14" t="s">
        <v>1</v>
      </c>
      <c r="C78123" s="14" t="s">
        <v>47</v>
      </c>
      <c r="D78123" s="14" t="s">
        <v>400</v>
      </c>
      <c r="E78123" s="15">
        <v>45389</v>
      </c>
      <c r="F78123" s="14" t="s">
        <v>15</v>
      </c>
      <c r="G78123" s="16">
        <v>0</v>
      </c>
    </row>
    <row r="78124" spans="1:7" x14ac:dyDescent="0.3">
      <c r="A78124" s="13" t="s">
        <v>399</v>
      </c>
      <c r="B78124" s="14" t="s">
        <v>1</v>
      </c>
      <c r="C78124" s="14" t="s">
        <v>47</v>
      </c>
      <c r="D78124" s="14" t="s">
        <v>400</v>
      </c>
      <c r="E78124" s="15">
        <v>45390</v>
      </c>
      <c r="F78124" s="14" t="s">
        <v>15</v>
      </c>
      <c r="G78124" s="16">
        <v>0</v>
      </c>
    </row>
    <row r="78125" spans="1:7" x14ac:dyDescent="0.3">
      <c r="A78125" s="13" t="s">
        <v>399</v>
      </c>
      <c r="B78125" s="14" t="s">
        <v>1</v>
      </c>
      <c r="C78125" s="14" t="s">
        <v>47</v>
      </c>
      <c r="D78125" s="14" t="s">
        <v>400</v>
      </c>
      <c r="E78125" s="15">
        <v>45391</v>
      </c>
      <c r="F78125" s="14" t="s">
        <v>15</v>
      </c>
      <c r="G78125" s="16">
        <v>0</v>
      </c>
    </row>
    <row r="78126" spans="1:7" x14ac:dyDescent="0.3">
      <c r="A78126" s="13" t="s">
        <v>399</v>
      </c>
      <c r="B78126" s="14" t="s">
        <v>1</v>
      </c>
      <c r="C78126" s="14" t="s">
        <v>47</v>
      </c>
      <c r="D78126" s="14" t="s">
        <v>400</v>
      </c>
      <c r="E78126" s="15">
        <v>45392</v>
      </c>
      <c r="F78126" s="14" t="s">
        <v>15</v>
      </c>
      <c r="G78126" s="16">
        <v>0</v>
      </c>
    </row>
    <row r="78127" spans="1:7" x14ac:dyDescent="0.3">
      <c r="A78127" s="13" t="s">
        <v>399</v>
      </c>
      <c r="B78127" s="14" t="s">
        <v>1</v>
      </c>
      <c r="C78127" s="14" t="s">
        <v>47</v>
      </c>
      <c r="D78127" s="14" t="s">
        <v>400</v>
      </c>
      <c r="E78127" s="15">
        <v>45393</v>
      </c>
      <c r="F78127" s="14" t="s">
        <v>15</v>
      </c>
      <c r="G78127" s="16">
        <v>0</v>
      </c>
    </row>
    <row r="78128" spans="1:7" x14ac:dyDescent="0.3">
      <c r="A78128" s="13" t="s">
        <v>399</v>
      </c>
      <c r="B78128" s="14" t="s">
        <v>1</v>
      </c>
      <c r="C78128" s="14" t="s">
        <v>47</v>
      </c>
      <c r="D78128" s="14" t="s">
        <v>400</v>
      </c>
      <c r="E78128" s="15">
        <v>45394</v>
      </c>
      <c r="F78128" s="14" t="s">
        <v>15</v>
      </c>
      <c r="G78128" s="16">
        <v>0</v>
      </c>
    </row>
    <row r="78129" spans="1:7" x14ac:dyDescent="0.3">
      <c r="A78129" s="13" t="s">
        <v>399</v>
      </c>
      <c r="B78129" s="14" t="s">
        <v>1</v>
      </c>
      <c r="C78129" s="14" t="s">
        <v>47</v>
      </c>
      <c r="D78129" s="14" t="s">
        <v>400</v>
      </c>
      <c r="E78129" s="15">
        <v>45395</v>
      </c>
      <c r="F78129" s="14" t="s">
        <v>15</v>
      </c>
      <c r="G78129" s="16">
        <v>0</v>
      </c>
    </row>
    <row r="78130" spans="1:7" x14ac:dyDescent="0.3">
      <c r="A78130" s="13" t="s">
        <v>399</v>
      </c>
      <c r="B78130" s="14" t="s">
        <v>1</v>
      </c>
      <c r="C78130" s="14" t="s">
        <v>47</v>
      </c>
      <c r="D78130" s="14" t="s">
        <v>400</v>
      </c>
      <c r="E78130" s="15">
        <v>45396</v>
      </c>
      <c r="F78130" s="14" t="s">
        <v>15</v>
      </c>
      <c r="G78130" s="16">
        <v>0</v>
      </c>
    </row>
    <row r="78131" spans="1:7" x14ac:dyDescent="0.3">
      <c r="A78131" s="13" t="s">
        <v>399</v>
      </c>
      <c r="B78131" s="14" t="s">
        <v>1</v>
      </c>
      <c r="C78131" s="14" t="s">
        <v>47</v>
      </c>
      <c r="D78131" s="14" t="s">
        <v>400</v>
      </c>
      <c r="E78131" s="15">
        <v>45397</v>
      </c>
      <c r="F78131" s="14" t="s">
        <v>15</v>
      </c>
      <c r="G78131" s="16">
        <v>0</v>
      </c>
    </row>
    <row r="78132" spans="1:7" x14ac:dyDescent="0.3">
      <c r="A78132" s="13" t="s">
        <v>399</v>
      </c>
      <c r="B78132" s="14" t="s">
        <v>1</v>
      </c>
      <c r="C78132" s="14" t="s">
        <v>47</v>
      </c>
      <c r="D78132" s="14" t="s">
        <v>400</v>
      </c>
      <c r="E78132" s="15">
        <v>45398</v>
      </c>
      <c r="F78132" s="14" t="s">
        <v>15</v>
      </c>
      <c r="G78132" s="16">
        <v>0</v>
      </c>
    </row>
    <row r="78133" spans="1:7" x14ac:dyDescent="0.3">
      <c r="A78133" s="13" t="s">
        <v>399</v>
      </c>
      <c r="B78133" s="14" t="s">
        <v>1</v>
      </c>
      <c r="C78133" s="14" t="s">
        <v>47</v>
      </c>
      <c r="D78133" s="14" t="s">
        <v>400</v>
      </c>
      <c r="E78133" s="15">
        <v>45399</v>
      </c>
      <c r="F78133" s="14" t="s">
        <v>15</v>
      </c>
      <c r="G78133" s="16">
        <v>0</v>
      </c>
    </row>
    <row r="78134" spans="1:7" x14ac:dyDescent="0.3">
      <c r="A78134" s="13" t="s">
        <v>399</v>
      </c>
      <c r="B78134" s="14" t="s">
        <v>1</v>
      </c>
      <c r="C78134" s="14" t="s">
        <v>47</v>
      </c>
      <c r="D78134" s="14" t="s">
        <v>400</v>
      </c>
      <c r="E78134" s="15">
        <v>45400</v>
      </c>
      <c r="F78134" s="14" t="s">
        <v>15</v>
      </c>
      <c r="G78134" s="16">
        <v>0</v>
      </c>
    </row>
    <row r="78135" spans="1:7" x14ac:dyDescent="0.3">
      <c r="A78135" s="13" t="s">
        <v>399</v>
      </c>
      <c r="B78135" s="14" t="s">
        <v>1</v>
      </c>
      <c r="C78135" s="14" t="s">
        <v>47</v>
      </c>
      <c r="D78135" s="14" t="s">
        <v>400</v>
      </c>
      <c r="E78135" s="15">
        <v>45401</v>
      </c>
      <c r="F78135" s="14" t="s">
        <v>15</v>
      </c>
      <c r="G78135" s="16">
        <v>0</v>
      </c>
    </row>
    <row r="78136" spans="1:7" x14ac:dyDescent="0.3">
      <c r="A78136" s="13" t="s">
        <v>399</v>
      </c>
      <c r="B78136" s="14" t="s">
        <v>1</v>
      </c>
      <c r="C78136" s="14" t="s">
        <v>47</v>
      </c>
      <c r="D78136" s="14" t="s">
        <v>400</v>
      </c>
      <c r="E78136" s="15">
        <v>45402</v>
      </c>
      <c r="F78136" s="14" t="s">
        <v>15</v>
      </c>
      <c r="G78136" s="16">
        <v>0</v>
      </c>
    </row>
    <row r="78137" spans="1:7" x14ac:dyDescent="0.3">
      <c r="A78137" s="13" t="s">
        <v>399</v>
      </c>
      <c r="B78137" s="14" t="s">
        <v>1</v>
      </c>
      <c r="C78137" s="14" t="s">
        <v>47</v>
      </c>
      <c r="D78137" s="14" t="s">
        <v>400</v>
      </c>
      <c r="E78137" s="15">
        <v>45403</v>
      </c>
      <c r="F78137" s="14" t="s">
        <v>15</v>
      </c>
      <c r="G78137" s="16">
        <v>0</v>
      </c>
    </row>
    <row r="78138" spans="1:7" x14ac:dyDescent="0.3">
      <c r="A78138" s="13" t="s">
        <v>399</v>
      </c>
      <c r="B78138" s="14" t="s">
        <v>1</v>
      </c>
      <c r="C78138" s="14" t="s">
        <v>47</v>
      </c>
      <c r="D78138" s="14" t="s">
        <v>400</v>
      </c>
      <c r="E78138" s="15">
        <v>45404</v>
      </c>
      <c r="F78138" s="14" t="s">
        <v>15</v>
      </c>
      <c r="G78138" s="16">
        <v>0</v>
      </c>
    </row>
    <row r="78139" spans="1:7" x14ac:dyDescent="0.3">
      <c r="A78139" s="13" t="s">
        <v>399</v>
      </c>
      <c r="B78139" s="14" t="s">
        <v>1</v>
      </c>
      <c r="C78139" s="14" t="s">
        <v>47</v>
      </c>
      <c r="D78139" s="14" t="s">
        <v>400</v>
      </c>
      <c r="E78139" s="15">
        <v>45405</v>
      </c>
      <c r="F78139" s="14" t="s">
        <v>15</v>
      </c>
      <c r="G78139" s="16">
        <v>0</v>
      </c>
    </row>
    <row r="78140" spans="1:7" x14ac:dyDescent="0.3">
      <c r="A78140" s="13" t="s">
        <v>399</v>
      </c>
      <c r="B78140" s="14" t="s">
        <v>1</v>
      </c>
      <c r="C78140" s="14" t="s">
        <v>47</v>
      </c>
      <c r="D78140" s="14" t="s">
        <v>400</v>
      </c>
      <c r="E78140" s="15">
        <v>45406</v>
      </c>
      <c r="F78140" s="14" t="s">
        <v>15</v>
      </c>
      <c r="G78140" s="16">
        <v>0</v>
      </c>
    </row>
    <row r="78141" spans="1:7" x14ac:dyDescent="0.3">
      <c r="A78141" s="13" t="s">
        <v>399</v>
      </c>
      <c r="B78141" s="14" t="s">
        <v>1</v>
      </c>
      <c r="C78141" s="14" t="s">
        <v>47</v>
      </c>
      <c r="D78141" s="14" t="s">
        <v>400</v>
      </c>
      <c r="E78141" s="15">
        <v>45407</v>
      </c>
      <c r="F78141" s="14" t="s">
        <v>15</v>
      </c>
      <c r="G78141" s="16">
        <v>0</v>
      </c>
    </row>
    <row r="78142" spans="1:7" x14ac:dyDescent="0.3">
      <c r="A78142" s="13" t="s">
        <v>399</v>
      </c>
      <c r="B78142" s="14" t="s">
        <v>1</v>
      </c>
      <c r="C78142" s="14" t="s">
        <v>47</v>
      </c>
      <c r="D78142" s="14" t="s">
        <v>400</v>
      </c>
      <c r="E78142" s="15">
        <v>45408</v>
      </c>
      <c r="F78142" s="14" t="s">
        <v>15</v>
      </c>
      <c r="G78142" s="16">
        <v>0</v>
      </c>
    </row>
    <row r="78143" spans="1:7" x14ac:dyDescent="0.3">
      <c r="A78143" s="13" t="s">
        <v>399</v>
      </c>
      <c r="B78143" s="14" t="s">
        <v>1</v>
      </c>
      <c r="C78143" s="14" t="s">
        <v>47</v>
      </c>
      <c r="D78143" s="14" t="s">
        <v>400</v>
      </c>
      <c r="E78143" s="15">
        <v>45409</v>
      </c>
      <c r="F78143" s="14" t="s">
        <v>15</v>
      </c>
      <c r="G78143" s="16">
        <v>0</v>
      </c>
    </row>
    <row r="78144" spans="1:7" x14ac:dyDescent="0.3">
      <c r="A78144" s="13" t="s">
        <v>399</v>
      </c>
      <c r="B78144" s="14" t="s">
        <v>1</v>
      </c>
      <c r="C78144" s="14" t="s">
        <v>47</v>
      </c>
      <c r="D78144" s="14" t="s">
        <v>400</v>
      </c>
      <c r="E78144" s="15">
        <v>45410</v>
      </c>
      <c r="F78144" s="14" t="s">
        <v>15</v>
      </c>
      <c r="G78144" s="16">
        <v>0</v>
      </c>
    </row>
    <row r="78145" spans="1:7" x14ac:dyDescent="0.3">
      <c r="A78145" s="13" t="s">
        <v>399</v>
      </c>
      <c r="B78145" s="14" t="s">
        <v>1</v>
      </c>
      <c r="C78145" s="14" t="s">
        <v>47</v>
      </c>
      <c r="D78145" s="14" t="s">
        <v>400</v>
      </c>
      <c r="E78145" s="15">
        <v>45411</v>
      </c>
      <c r="F78145" s="14" t="s">
        <v>15</v>
      </c>
      <c r="G78145" s="16">
        <v>0</v>
      </c>
    </row>
    <row r="78146" spans="1:7" x14ac:dyDescent="0.3">
      <c r="A78146" s="13" t="s">
        <v>399</v>
      </c>
      <c r="B78146" s="14" t="s">
        <v>1</v>
      </c>
      <c r="C78146" s="14" t="s">
        <v>47</v>
      </c>
      <c r="D78146" s="14" t="s">
        <v>400</v>
      </c>
      <c r="E78146" s="15">
        <v>45412</v>
      </c>
      <c r="F78146" s="14" t="s">
        <v>15</v>
      </c>
      <c r="G78146" s="16">
        <v>0</v>
      </c>
    </row>
    <row r="78147" spans="1:7" x14ac:dyDescent="0.3">
      <c r="A78147" s="13" t="s">
        <v>399</v>
      </c>
      <c r="B78147" s="14" t="s">
        <v>1</v>
      </c>
      <c r="C78147" s="14" t="s">
        <v>47</v>
      </c>
      <c r="D78147" s="14" t="s">
        <v>400</v>
      </c>
      <c r="E78147" s="15">
        <v>45413</v>
      </c>
      <c r="F78147" s="14" t="s">
        <v>15</v>
      </c>
      <c r="G78147" s="16">
        <v>0</v>
      </c>
    </row>
    <row r="78148" spans="1:7" x14ac:dyDescent="0.3">
      <c r="A78148" s="13" t="s">
        <v>399</v>
      </c>
      <c r="B78148" s="14" t="s">
        <v>1</v>
      </c>
      <c r="C78148" s="14" t="s">
        <v>47</v>
      </c>
      <c r="D78148" s="14" t="s">
        <v>400</v>
      </c>
      <c r="E78148" s="15">
        <v>45414</v>
      </c>
      <c r="F78148" s="14" t="s">
        <v>15</v>
      </c>
      <c r="G78148" s="16">
        <v>0</v>
      </c>
    </row>
    <row r="78149" spans="1:7" x14ac:dyDescent="0.3">
      <c r="A78149" s="13" t="s">
        <v>399</v>
      </c>
      <c r="B78149" s="14" t="s">
        <v>1</v>
      </c>
      <c r="C78149" s="14" t="s">
        <v>47</v>
      </c>
      <c r="D78149" s="14" t="s">
        <v>400</v>
      </c>
      <c r="E78149" s="15">
        <v>45415</v>
      </c>
      <c r="F78149" s="14" t="s">
        <v>15</v>
      </c>
      <c r="G78149" s="16">
        <v>0</v>
      </c>
    </row>
    <row r="78150" spans="1:7" x14ac:dyDescent="0.3">
      <c r="A78150" s="13" t="s">
        <v>399</v>
      </c>
      <c r="B78150" s="14" t="s">
        <v>1</v>
      </c>
      <c r="C78150" s="14" t="s">
        <v>47</v>
      </c>
      <c r="D78150" s="14" t="s">
        <v>400</v>
      </c>
      <c r="E78150" s="15">
        <v>45416</v>
      </c>
      <c r="F78150" s="14" t="s">
        <v>15</v>
      </c>
      <c r="G78150" s="16">
        <v>0</v>
      </c>
    </row>
    <row r="78151" spans="1:7" x14ac:dyDescent="0.3">
      <c r="A78151" s="13" t="s">
        <v>399</v>
      </c>
      <c r="B78151" s="14" t="s">
        <v>1</v>
      </c>
      <c r="C78151" s="14" t="s">
        <v>47</v>
      </c>
      <c r="D78151" s="14" t="s">
        <v>400</v>
      </c>
      <c r="E78151" s="15">
        <v>45417</v>
      </c>
      <c r="F78151" s="14" t="s">
        <v>15</v>
      </c>
      <c r="G78151" s="16">
        <v>0</v>
      </c>
    </row>
    <row r="78152" spans="1:7" x14ac:dyDescent="0.3">
      <c r="A78152" s="13" t="s">
        <v>399</v>
      </c>
      <c r="B78152" s="14" t="s">
        <v>1</v>
      </c>
      <c r="C78152" s="14" t="s">
        <v>47</v>
      </c>
      <c r="D78152" s="14" t="s">
        <v>400</v>
      </c>
      <c r="E78152" s="15">
        <v>45418</v>
      </c>
      <c r="F78152" s="14" t="s">
        <v>15</v>
      </c>
      <c r="G78152" s="16">
        <v>0</v>
      </c>
    </row>
    <row r="78153" spans="1:7" x14ac:dyDescent="0.3">
      <c r="A78153" s="13" t="s">
        <v>399</v>
      </c>
      <c r="B78153" s="14" t="s">
        <v>1</v>
      </c>
      <c r="C78153" s="14" t="s">
        <v>47</v>
      </c>
      <c r="D78153" s="14" t="s">
        <v>400</v>
      </c>
      <c r="E78153" s="15">
        <v>45419</v>
      </c>
      <c r="F78153" s="14" t="s">
        <v>15</v>
      </c>
      <c r="G78153" s="16">
        <v>0</v>
      </c>
    </row>
    <row r="78154" spans="1:7" x14ac:dyDescent="0.3">
      <c r="A78154" s="13" t="s">
        <v>399</v>
      </c>
      <c r="B78154" s="14" t="s">
        <v>1</v>
      </c>
      <c r="C78154" s="14" t="s">
        <v>47</v>
      </c>
      <c r="D78154" s="14" t="s">
        <v>400</v>
      </c>
      <c r="E78154" s="15">
        <v>45420</v>
      </c>
      <c r="F78154" s="14" t="s">
        <v>15</v>
      </c>
      <c r="G78154" s="16">
        <v>0</v>
      </c>
    </row>
    <row r="78155" spans="1:7" x14ac:dyDescent="0.3">
      <c r="A78155" s="13" t="s">
        <v>399</v>
      </c>
      <c r="B78155" s="14" t="s">
        <v>1</v>
      </c>
      <c r="C78155" s="14" t="s">
        <v>47</v>
      </c>
      <c r="D78155" s="14" t="s">
        <v>400</v>
      </c>
      <c r="E78155" s="15">
        <v>45421</v>
      </c>
      <c r="F78155" s="14" t="s">
        <v>15</v>
      </c>
      <c r="G78155" s="16">
        <v>0</v>
      </c>
    </row>
    <row r="78156" spans="1:7" x14ac:dyDescent="0.3">
      <c r="A78156" s="13" t="s">
        <v>399</v>
      </c>
      <c r="B78156" s="14" t="s">
        <v>1</v>
      </c>
      <c r="C78156" s="14" t="s">
        <v>47</v>
      </c>
      <c r="D78156" s="14" t="s">
        <v>400</v>
      </c>
      <c r="E78156" s="15">
        <v>45422</v>
      </c>
      <c r="F78156" s="14" t="s">
        <v>15</v>
      </c>
      <c r="G78156" s="16">
        <v>0</v>
      </c>
    </row>
    <row r="78157" spans="1:7" x14ac:dyDescent="0.3">
      <c r="A78157" s="13" t="s">
        <v>399</v>
      </c>
      <c r="B78157" s="14" t="s">
        <v>1</v>
      </c>
      <c r="C78157" s="14" t="s">
        <v>47</v>
      </c>
      <c r="D78157" s="14" t="s">
        <v>400</v>
      </c>
      <c r="E78157" s="15">
        <v>45423</v>
      </c>
      <c r="F78157" s="14" t="s">
        <v>15</v>
      </c>
      <c r="G78157" s="16">
        <v>0</v>
      </c>
    </row>
    <row r="78158" spans="1:7" x14ac:dyDescent="0.3">
      <c r="A78158" s="13" t="s">
        <v>399</v>
      </c>
      <c r="B78158" s="14" t="s">
        <v>1</v>
      </c>
      <c r="C78158" s="14" t="s">
        <v>47</v>
      </c>
      <c r="D78158" s="14" t="s">
        <v>400</v>
      </c>
      <c r="E78158" s="15">
        <v>45424</v>
      </c>
      <c r="F78158" s="14" t="s">
        <v>15</v>
      </c>
      <c r="G78158" s="16">
        <v>0</v>
      </c>
    </row>
    <row r="78159" spans="1:7" x14ac:dyDescent="0.3">
      <c r="A78159" s="13" t="s">
        <v>399</v>
      </c>
      <c r="B78159" s="14" t="s">
        <v>1</v>
      </c>
      <c r="C78159" s="14" t="s">
        <v>47</v>
      </c>
      <c r="D78159" s="14" t="s">
        <v>400</v>
      </c>
      <c r="E78159" s="15">
        <v>45425</v>
      </c>
      <c r="F78159" s="14" t="s">
        <v>15</v>
      </c>
      <c r="G78159" s="16">
        <v>0</v>
      </c>
    </row>
    <row r="78160" spans="1:7" x14ac:dyDescent="0.3">
      <c r="A78160" s="13" t="s">
        <v>399</v>
      </c>
      <c r="B78160" s="14" t="s">
        <v>1</v>
      </c>
      <c r="C78160" s="14" t="s">
        <v>47</v>
      </c>
      <c r="D78160" s="14" t="s">
        <v>400</v>
      </c>
      <c r="E78160" s="15">
        <v>45426</v>
      </c>
      <c r="F78160" s="14" t="s">
        <v>15</v>
      </c>
      <c r="G78160" s="16">
        <v>0</v>
      </c>
    </row>
    <row r="78161" spans="1:7" x14ac:dyDescent="0.3">
      <c r="A78161" s="13" t="s">
        <v>399</v>
      </c>
      <c r="B78161" s="14" t="s">
        <v>1</v>
      </c>
      <c r="C78161" s="14" t="s">
        <v>47</v>
      </c>
      <c r="D78161" s="14" t="s">
        <v>400</v>
      </c>
      <c r="E78161" s="15">
        <v>45427</v>
      </c>
      <c r="F78161" s="14" t="s">
        <v>15</v>
      </c>
      <c r="G78161" s="16">
        <v>0</v>
      </c>
    </row>
    <row r="78162" spans="1:7" x14ac:dyDescent="0.3">
      <c r="A78162" s="13" t="s">
        <v>399</v>
      </c>
      <c r="B78162" s="14" t="s">
        <v>1</v>
      </c>
      <c r="C78162" s="14" t="s">
        <v>47</v>
      </c>
      <c r="D78162" s="14" t="s">
        <v>400</v>
      </c>
      <c r="E78162" s="15">
        <v>45428</v>
      </c>
      <c r="F78162" s="14" t="s">
        <v>15</v>
      </c>
      <c r="G78162" s="16">
        <v>0</v>
      </c>
    </row>
    <row r="78163" spans="1:7" x14ac:dyDescent="0.3">
      <c r="A78163" s="13" t="s">
        <v>399</v>
      </c>
      <c r="B78163" s="14" t="s">
        <v>1</v>
      </c>
      <c r="C78163" s="14" t="s">
        <v>47</v>
      </c>
      <c r="D78163" s="14" t="s">
        <v>400</v>
      </c>
      <c r="E78163" s="15">
        <v>45429</v>
      </c>
      <c r="F78163" s="14" t="s">
        <v>15</v>
      </c>
      <c r="G78163" s="16">
        <v>0</v>
      </c>
    </row>
    <row r="78164" spans="1:7" x14ac:dyDescent="0.3">
      <c r="A78164" s="13" t="s">
        <v>399</v>
      </c>
      <c r="B78164" s="14" t="s">
        <v>1</v>
      </c>
      <c r="C78164" s="14" t="s">
        <v>47</v>
      </c>
      <c r="D78164" s="14" t="s">
        <v>400</v>
      </c>
      <c r="E78164" s="15">
        <v>45430</v>
      </c>
      <c r="F78164" s="14" t="s">
        <v>15</v>
      </c>
      <c r="G78164" s="16">
        <v>0</v>
      </c>
    </row>
    <row r="78165" spans="1:7" x14ac:dyDescent="0.3">
      <c r="A78165" s="13" t="s">
        <v>399</v>
      </c>
      <c r="B78165" s="14" t="s">
        <v>1</v>
      </c>
      <c r="C78165" s="14" t="s">
        <v>47</v>
      </c>
      <c r="D78165" s="14" t="s">
        <v>400</v>
      </c>
      <c r="E78165" s="15">
        <v>45431</v>
      </c>
      <c r="F78165" s="14" t="s">
        <v>15</v>
      </c>
      <c r="G78165" s="16">
        <v>0</v>
      </c>
    </row>
    <row r="78166" spans="1:7" x14ac:dyDescent="0.3">
      <c r="A78166" s="13" t="s">
        <v>399</v>
      </c>
      <c r="B78166" s="14" t="s">
        <v>1</v>
      </c>
      <c r="C78166" s="14" t="s">
        <v>47</v>
      </c>
      <c r="D78166" s="14" t="s">
        <v>400</v>
      </c>
      <c r="E78166" s="15">
        <v>45432</v>
      </c>
      <c r="F78166" s="14" t="s">
        <v>15</v>
      </c>
      <c r="G78166" s="16">
        <v>0</v>
      </c>
    </row>
    <row r="78167" spans="1:7" x14ac:dyDescent="0.3">
      <c r="A78167" s="13" t="s">
        <v>399</v>
      </c>
      <c r="B78167" s="14" t="s">
        <v>1</v>
      </c>
      <c r="C78167" s="14" t="s">
        <v>47</v>
      </c>
      <c r="D78167" s="14" t="s">
        <v>400</v>
      </c>
      <c r="E78167" s="15">
        <v>45433</v>
      </c>
      <c r="F78167" s="14" t="s">
        <v>15</v>
      </c>
      <c r="G78167" s="16">
        <v>0</v>
      </c>
    </row>
    <row r="78168" spans="1:7" x14ac:dyDescent="0.3">
      <c r="A78168" s="13" t="s">
        <v>399</v>
      </c>
      <c r="B78168" s="14" t="s">
        <v>1</v>
      </c>
      <c r="C78168" s="14" t="s">
        <v>47</v>
      </c>
      <c r="D78168" s="14" t="s">
        <v>400</v>
      </c>
      <c r="E78168" s="15">
        <v>45434</v>
      </c>
      <c r="F78168" s="14" t="s">
        <v>15</v>
      </c>
      <c r="G78168" s="16">
        <v>0</v>
      </c>
    </row>
    <row r="78169" spans="1:7" x14ac:dyDescent="0.3">
      <c r="A78169" s="13" t="s">
        <v>399</v>
      </c>
      <c r="B78169" s="14" t="s">
        <v>1</v>
      </c>
      <c r="C78169" s="14" t="s">
        <v>47</v>
      </c>
      <c r="D78169" s="14" t="s">
        <v>400</v>
      </c>
      <c r="E78169" s="15">
        <v>45435</v>
      </c>
      <c r="F78169" s="14" t="s">
        <v>15</v>
      </c>
      <c r="G78169" s="16">
        <v>0</v>
      </c>
    </row>
    <row r="78170" spans="1:7" x14ac:dyDescent="0.3">
      <c r="A78170" s="13" t="s">
        <v>399</v>
      </c>
      <c r="B78170" s="14" t="s">
        <v>1</v>
      </c>
      <c r="C78170" s="14" t="s">
        <v>47</v>
      </c>
      <c r="D78170" s="14" t="s">
        <v>400</v>
      </c>
      <c r="E78170" s="15">
        <v>45436</v>
      </c>
      <c r="F78170" s="14" t="s">
        <v>15</v>
      </c>
      <c r="G78170" s="16">
        <v>0</v>
      </c>
    </row>
    <row r="78171" spans="1:7" x14ac:dyDescent="0.3">
      <c r="A78171" s="13" t="s">
        <v>399</v>
      </c>
      <c r="B78171" s="14" t="s">
        <v>1</v>
      </c>
      <c r="C78171" s="14" t="s">
        <v>47</v>
      </c>
      <c r="D78171" s="14" t="s">
        <v>400</v>
      </c>
      <c r="E78171" s="15">
        <v>45437</v>
      </c>
      <c r="F78171" s="14" t="s">
        <v>15</v>
      </c>
      <c r="G78171" s="16">
        <v>0</v>
      </c>
    </row>
    <row r="78172" spans="1:7" x14ac:dyDescent="0.3">
      <c r="A78172" s="13" t="s">
        <v>399</v>
      </c>
      <c r="B78172" s="14" t="s">
        <v>1</v>
      </c>
      <c r="C78172" s="14" t="s">
        <v>47</v>
      </c>
      <c r="D78172" s="14" t="s">
        <v>400</v>
      </c>
      <c r="E78172" s="15">
        <v>45438</v>
      </c>
      <c r="F78172" s="14" t="s">
        <v>15</v>
      </c>
      <c r="G78172" s="16">
        <v>0</v>
      </c>
    </row>
    <row r="78173" spans="1:7" x14ac:dyDescent="0.3">
      <c r="A78173" s="13" t="s">
        <v>399</v>
      </c>
      <c r="B78173" s="14" t="s">
        <v>1</v>
      </c>
      <c r="C78173" s="14" t="s">
        <v>47</v>
      </c>
      <c r="D78173" s="14" t="s">
        <v>400</v>
      </c>
      <c r="E78173" s="15">
        <v>45439</v>
      </c>
      <c r="F78173" s="14" t="s">
        <v>15</v>
      </c>
      <c r="G78173" s="16">
        <v>0</v>
      </c>
    </row>
    <row r="78174" spans="1:7" x14ac:dyDescent="0.3">
      <c r="A78174" s="13" t="s">
        <v>399</v>
      </c>
      <c r="B78174" s="14" t="s">
        <v>1</v>
      </c>
      <c r="C78174" s="14" t="s">
        <v>47</v>
      </c>
      <c r="D78174" s="14" t="s">
        <v>400</v>
      </c>
      <c r="E78174" s="15">
        <v>45440</v>
      </c>
      <c r="F78174" s="14" t="s">
        <v>15</v>
      </c>
      <c r="G78174" s="16">
        <v>0</v>
      </c>
    </row>
    <row r="78175" spans="1:7" x14ac:dyDescent="0.3">
      <c r="A78175" s="13" t="s">
        <v>399</v>
      </c>
      <c r="B78175" s="14" t="s">
        <v>1</v>
      </c>
      <c r="C78175" s="14" t="s">
        <v>47</v>
      </c>
      <c r="D78175" s="14" t="s">
        <v>400</v>
      </c>
      <c r="E78175" s="15">
        <v>45441</v>
      </c>
      <c r="F78175" s="14" t="s">
        <v>15</v>
      </c>
      <c r="G78175" s="16">
        <v>0</v>
      </c>
    </row>
    <row r="78176" spans="1:7" x14ac:dyDescent="0.3">
      <c r="A78176" s="13" t="s">
        <v>399</v>
      </c>
      <c r="B78176" s="14" t="s">
        <v>1</v>
      </c>
      <c r="C78176" s="14" t="s">
        <v>47</v>
      </c>
      <c r="D78176" s="14" t="s">
        <v>400</v>
      </c>
      <c r="E78176" s="15">
        <v>45442</v>
      </c>
      <c r="F78176" s="14" t="s">
        <v>15</v>
      </c>
      <c r="G78176" s="16">
        <v>4.3642342098503956E-3</v>
      </c>
    </row>
    <row r="78177" spans="1:7" x14ac:dyDescent="0.3">
      <c r="A78177" s="13" t="s">
        <v>399</v>
      </c>
      <c r="B78177" s="14" t="s">
        <v>1</v>
      </c>
      <c r="C78177" s="14" t="s">
        <v>47</v>
      </c>
      <c r="D78177" s="14" t="s">
        <v>400</v>
      </c>
      <c r="E78177" s="15">
        <v>45443</v>
      </c>
      <c r="F78177" s="14" t="s">
        <v>15</v>
      </c>
      <c r="G78177" s="16">
        <v>3.520382899487268E-4</v>
      </c>
    </row>
    <row r="78178" spans="1:7" x14ac:dyDescent="0.3">
      <c r="A78178" s="13" t="s">
        <v>399</v>
      </c>
      <c r="B78178" s="14" t="s">
        <v>1</v>
      </c>
      <c r="C78178" s="14" t="s">
        <v>47</v>
      </c>
      <c r="D78178" s="14" t="s">
        <v>400</v>
      </c>
      <c r="E78178" s="15">
        <v>45444</v>
      </c>
      <c r="F78178" s="14" t="s">
        <v>15</v>
      </c>
      <c r="G78178" s="16">
        <v>3.520382899487268E-4</v>
      </c>
    </row>
    <row r="78179" spans="1:7" x14ac:dyDescent="0.3">
      <c r="A78179" s="13" t="s">
        <v>399</v>
      </c>
      <c r="B78179" s="14" t="s">
        <v>1</v>
      </c>
      <c r="C78179" s="14" t="s">
        <v>47</v>
      </c>
      <c r="D78179" s="14" t="s">
        <v>400</v>
      </c>
      <c r="E78179" s="15">
        <v>45445</v>
      </c>
      <c r="F78179" s="14" t="s">
        <v>15</v>
      </c>
      <c r="G78179" s="16">
        <v>3.520382899487268E-4</v>
      </c>
    </row>
    <row r="78180" spans="1:7" x14ac:dyDescent="0.3">
      <c r="A78180" s="13" t="s">
        <v>399</v>
      </c>
      <c r="B78180" s="14" t="s">
        <v>1</v>
      </c>
      <c r="C78180" s="14" t="s">
        <v>47</v>
      </c>
      <c r="D78180" s="14" t="s">
        <v>400</v>
      </c>
      <c r="E78180" s="15">
        <v>45446</v>
      </c>
      <c r="F78180" s="14" t="s">
        <v>15</v>
      </c>
      <c r="G78180" s="16">
        <v>3.520382899487268E-4</v>
      </c>
    </row>
    <row r="78181" spans="1:7" x14ac:dyDescent="0.3">
      <c r="A78181" s="13" t="s">
        <v>399</v>
      </c>
      <c r="B78181" s="14" t="s">
        <v>1</v>
      </c>
      <c r="C78181" s="14" t="s">
        <v>47</v>
      </c>
      <c r="D78181" s="14" t="s">
        <v>400</v>
      </c>
      <c r="E78181" s="15">
        <v>45447</v>
      </c>
      <c r="F78181" s="14" t="s">
        <v>15</v>
      </c>
      <c r="G78181" s="16">
        <v>2.3851084973597354E-2</v>
      </c>
    </row>
    <row r="78182" spans="1:7" x14ac:dyDescent="0.3">
      <c r="A78182" s="13" t="s">
        <v>399</v>
      </c>
      <c r="B78182" s="14" t="s">
        <v>1</v>
      </c>
      <c r="C78182" s="14" t="s">
        <v>47</v>
      </c>
      <c r="D78182" s="14" t="s">
        <v>400</v>
      </c>
      <c r="E78182" s="15">
        <v>45448</v>
      </c>
      <c r="F78182" s="14" t="s">
        <v>15</v>
      </c>
      <c r="G78182" s="16">
        <v>3.5603386095115805E-2</v>
      </c>
    </row>
    <row r="78183" spans="1:7" x14ac:dyDescent="0.3">
      <c r="A78183" s="13" t="s">
        <v>399</v>
      </c>
      <c r="B78183" s="14" t="s">
        <v>1</v>
      </c>
      <c r="C78183" s="14" t="s">
        <v>47</v>
      </c>
      <c r="D78183" s="14" t="s">
        <v>400</v>
      </c>
      <c r="E78183" s="15">
        <v>45449</v>
      </c>
      <c r="F78183" s="14" t="s">
        <v>15</v>
      </c>
      <c r="G78183" s="16">
        <v>3.163261029355733E-2</v>
      </c>
    </row>
    <row r="78184" spans="1:7" x14ac:dyDescent="0.3">
      <c r="A78184" s="13" t="s">
        <v>399</v>
      </c>
      <c r="B78184" s="14" t="s">
        <v>1</v>
      </c>
      <c r="C78184" s="14" t="s">
        <v>47</v>
      </c>
      <c r="D78184" s="14" t="s">
        <v>400</v>
      </c>
      <c r="E78184" s="15">
        <v>45450</v>
      </c>
      <c r="F78184" s="14" t="s">
        <v>15</v>
      </c>
      <c r="G78184" s="16">
        <v>2.7580177687265124E-2</v>
      </c>
    </row>
    <row r="78185" spans="1:7" x14ac:dyDescent="0.3">
      <c r="A78185" s="13" t="s">
        <v>399</v>
      </c>
      <c r="B78185" s="14" t="s">
        <v>1</v>
      </c>
      <c r="C78185" s="14" t="s">
        <v>47</v>
      </c>
      <c r="D78185" s="14" t="s">
        <v>400</v>
      </c>
      <c r="E78185" s="15">
        <v>45451</v>
      </c>
      <c r="F78185" s="14" t="s">
        <v>15</v>
      </c>
      <c r="G78185" s="16">
        <v>2.7580177687265124E-2</v>
      </c>
    </row>
    <row r="78186" spans="1:7" x14ac:dyDescent="0.3">
      <c r="A78186" s="13" t="s">
        <v>399</v>
      </c>
      <c r="B78186" s="14" t="s">
        <v>1</v>
      </c>
      <c r="C78186" s="14" t="s">
        <v>47</v>
      </c>
      <c r="D78186" s="14" t="s">
        <v>400</v>
      </c>
      <c r="E78186" s="15">
        <v>45452</v>
      </c>
      <c r="F78186" s="14" t="s">
        <v>15</v>
      </c>
      <c r="G78186" s="16">
        <v>2.7580177687265124E-2</v>
      </c>
    </row>
    <row r="78187" spans="1:7" x14ac:dyDescent="0.3">
      <c r="A78187" s="13" t="s">
        <v>399</v>
      </c>
      <c r="B78187" s="14" t="s">
        <v>1</v>
      </c>
      <c r="C78187" s="14" t="s">
        <v>47</v>
      </c>
      <c r="D78187" s="14" t="s">
        <v>400</v>
      </c>
      <c r="E78187" s="15">
        <v>45453</v>
      </c>
      <c r="F78187" s="14" t="s">
        <v>15</v>
      </c>
      <c r="G78187" s="16">
        <v>2.3550230288073511E-2</v>
      </c>
    </row>
    <row r="78188" spans="1:7" x14ac:dyDescent="0.3">
      <c r="A78188" s="13" t="s">
        <v>399</v>
      </c>
      <c r="B78188" s="14" t="s">
        <v>1</v>
      </c>
      <c r="C78188" s="14" t="s">
        <v>47</v>
      </c>
      <c r="D78188" s="14" t="s">
        <v>400</v>
      </c>
      <c r="E78188" s="15">
        <v>45454</v>
      </c>
      <c r="F78188" s="14" t="s">
        <v>15</v>
      </c>
      <c r="G78188" s="16">
        <v>1.1560519575272436E-2</v>
      </c>
    </row>
    <row r="78189" spans="1:7" x14ac:dyDescent="0.3">
      <c r="A78189" s="13" t="s">
        <v>399</v>
      </c>
      <c r="B78189" s="14" t="s">
        <v>1</v>
      </c>
      <c r="C78189" s="14" t="s">
        <v>47</v>
      </c>
      <c r="D78189" s="14" t="s">
        <v>400</v>
      </c>
      <c r="E78189" s="15">
        <v>45455</v>
      </c>
      <c r="F78189" s="14" t="s">
        <v>15</v>
      </c>
      <c r="G78189" s="16">
        <v>7.5424064956074515E-3</v>
      </c>
    </row>
    <row r="78190" spans="1:7" x14ac:dyDescent="0.3">
      <c r="A78190" s="13" t="s">
        <v>399</v>
      </c>
      <c r="B78190" s="14" t="s">
        <v>1</v>
      </c>
      <c r="C78190" s="14" t="s">
        <v>47</v>
      </c>
      <c r="D78190" s="14" t="s">
        <v>400</v>
      </c>
      <c r="E78190" s="15">
        <v>45456</v>
      </c>
      <c r="F78190" s="14" t="s">
        <v>15</v>
      </c>
      <c r="G78190" s="16">
        <v>3.4575180989906966E-2</v>
      </c>
    </row>
    <row r="78191" spans="1:7" x14ac:dyDescent="0.3">
      <c r="A78191" s="13" t="s">
        <v>399</v>
      </c>
      <c r="B78191" s="14" t="s">
        <v>1</v>
      </c>
      <c r="C78191" s="14" t="s">
        <v>47</v>
      </c>
      <c r="D78191" s="14" t="s">
        <v>400</v>
      </c>
      <c r="E78191" s="15">
        <v>45457</v>
      </c>
      <c r="F78191" s="14" t="s">
        <v>15</v>
      </c>
      <c r="G78191" s="16">
        <v>3.6751150750478669E-2</v>
      </c>
    </row>
    <row r="78192" spans="1:7" x14ac:dyDescent="0.3">
      <c r="A78192" s="13" t="s">
        <v>399</v>
      </c>
      <c r="B78192" s="14" t="s">
        <v>1</v>
      </c>
      <c r="C78192" s="14" t="s">
        <v>47</v>
      </c>
      <c r="D78192" s="14" t="s">
        <v>400</v>
      </c>
      <c r="E78192" s="15">
        <v>45458</v>
      </c>
      <c r="F78192" s="14" t="s">
        <v>15</v>
      </c>
      <c r="G78192" s="16">
        <v>3.6751150750478669E-2</v>
      </c>
    </row>
    <row r="78193" spans="1:7" x14ac:dyDescent="0.3">
      <c r="A78193" s="13" t="s">
        <v>399</v>
      </c>
      <c r="B78193" s="14" t="s">
        <v>1</v>
      </c>
      <c r="C78193" s="14" t="s">
        <v>47</v>
      </c>
      <c r="D78193" s="14" t="s">
        <v>400</v>
      </c>
      <c r="E78193" s="15">
        <v>45459</v>
      </c>
      <c r="F78193" s="14" t="s">
        <v>15</v>
      </c>
      <c r="G78193" s="16">
        <v>3.6751150750478669E-2</v>
      </c>
    </row>
    <row r="78194" spans="1:7" x14ac:dyDescent="0.3">
      <c r="A78194" s="13" t="s">
        <v>399</v>
      </c>
      <c r="B78194" s="14" t="s">
        <v>1</v>
      </c>
      <c r="C78194" s="14" t="s">
        <v>47</v>
      </c>
      <c r="D78194" s="14" t="s">
        <v>400</v>
      </c>
      <c r="E78194" s="15">
        <v>45460</v>
      </c>
      <c r="F78194" s="14" t="s">
        <v>15</v>
      </c>
      <c r="G78194" s="16">
        <v>3.3796942996257476E-2</v>
      </c>
    </row>
    <row r="78195" spans="1:7" x14ac:dyDescent="0.3">
      <c r="A78195" s="13" t="s">
        <v>399</v>
      </c>
      <c r="B78195" s="14" t="s">
        <v>1</v>
      </c>
      <c r="C78195" s="14" t="s">
        <v>47</v>
      </c>
      <c r="D78195" s="14" t="s">
        <v>400</v>
      </c>
      <c r="E78195" s="15">
        <v>45461</v>
      </c>
      <c r="F78195" s="14" t="s">
        <v>15</v>
      </c>
      <c r="G78195" s="16">
        <v>2.9292439384048109E-2</v>
      </c>
    </row>
    <row r="78196" spans="1:7" x14ac:dyDescent="0.3">
      <c r="A78196" s="13" t="s">
        <v>399</v>
      </c>
      <c r="B78196" s="14" t="s">
        <v>1</v>
      </c>
      <c r="C78196" s="14" t="s">
        <v>47</v>
      </c>
      <c r="D78196" s="14" t="s">
        <v>400</v>
      </c>
      <c r="E78196" s="15">
        <v>45462</v>
      </c>
      <c r="F78196" s="14" t="s">
        <v>15</v>
      </c>
      <c r="G78196" s="16">
        <v>2.9292439384048109E-2</v>
      </c>
    </row>
    <row r="78197" spans="1:7" x14ac:dyDescent="0.3">
      <c r="A78197" s="13" t="s">
        <v>399</v>
      </c>
      <c r="B78197" s="14" t="s">
        <v>1</v>
      </c>
      <c r="C78197" s="14" t="s">
        <v>47</v>
      </c>
      <c r="D78197" s="14" t="s">
        <v>400</v>
      </c>
      <c r="E78197" s="15">
        <v>45463</v>
      </c>
      <c r="F78197" s="14" t="s">
        <v>15</v>
      </c>
      <c r="G78197" s="16">
        <v>6.4087344055862416E-2</v>
      </c>
    </row>
    <row r="78198" spans="1:7" x14ac:dyDescent="0.3">
      <c r="A78198" s="13" t="s">
        <v>399</v>
      </c>
      <c r="B78198" s="14" t="s">
        <v>1</v>
      </c>
      <c r="C78198" s="14" t="s">
        <v>47</v>
      </c>
      <c r="D78198" s="14" t="s">
        <v>400</v>
      </c>
      <c r="E78198" s="15">
        <v>45464</v>
      </c>
      <c r="F78198" s="14" t="s">
        <v>15</v>
      </c>
      <c r="G78198" s="16">
        <v>5.6053846360812822E-2</v>
      </c>
    </row>
    <row r="78199" spans="1:7" x14ac:dyDescent="0.3">
      <c r="A78199" s="13" t="s">
        <v>399</v>
      </c>
      <c r="B78199" s="14" t="s">
        <v>1</v>
      </c>
      <c r="C78199" s="14" t="s">
        <v>47</v>
      </c>
      <c r="D78199" s="14" t="s">
        <v>400</v>
      </c>
      <c r="E78199" s="15">
        <v>45465</v>
      </c>
      <c r="F78199" s="14" t="s">
        <v>15</v>
      </c>
      <c r="G78199" s="16">
        <v>5.6053846360812822E-2</v>
      </c>
    </row>
    <row r="78200" spans="1:7" x14ac:dyDescent="0.3">
      <c r="A78200" s="13" t="s">
        <v>399</v>
      </c>
      <c r="B78200" s="14" t="s">
        <v>1</v>
      </c>
      <c r="C78200" s="14" t="s">
        <v>47</v>
      </c>
      <c r="D78200" s="14" t="s">
        <v>400</v>
      </c>
      <c r="E78200" s="15">
        <v>45466</v>
      </c>
      <c r="F78200" s="14" t="s">
        <v>15</v>
      </c>
      <c r="G78200" s="16">
        <v>5.6053846360812822E-2</v>
      </c>
    </row>
    <row r="78201" spans="1:7" x14ac:dyDescent="0.3">
      <c r="A78201" s="13" t="s">
        <v>399</v>
      </c>
      <c r="B78201" s="14" t="s">
        <v>1</v>
      </c>
      <c r="C78201" s="14" t="s">
        <v>47</v>
      </c>
      <c r="D78201" s="14" t="s">
        <v>400</v>
      </c>
      <c r="E78201" s="15">
        <v>45467</v>
      </c>
      <c r="F78201" s="14" t="s">
        <v>15</v>
      </c>
      <c r="G78201" s="16">
        <v>5.5047567600674467E-2</v>
      </c>
    </row>
    <row r="78202" spans="1:7" x14ac:dyDescent="0.3">
      <c r="A78202" s="13" t="s">
        <v>399</v>
      </c>
      <c r="B78202" s="14" t="s">
        <v>1</v>
      </c>
      <c r="C78202" s="14" t="s">
        <v>47</v>
      </c>
      <c r="D78202" s="14" t="s">
        <v>400</v>
      </c>
      <c r="E78202" s="15">
        <v>45468</v>
      </c>
      <c r="F78202" s="14" t="s">
        <v>15</v>
      </c>
      <c r="G78202" s="16">
        <v>4.6288626118642623E-2</v>
      </c>
    </row>
    <row r="78203" spans="1:7" x14ac:dyDescent="0.3">
      <c r="A78203" s="13" t="s">
        <v>399</v>
      </c>
      <c r="B78203" s="14" t="s">
        <v>1</v>
      </c>
      <c r="C78203" s="14" t="s">
        <v>47</v>
      </c>
      <c r="D78203" s="14" t="s">
        <v>400</v>
      </c>
      <c r="E78203" s="15">
        <v>45469</v>
      </c>
      <c r="F78203" s="14" t="s">
        <v>15</v>
      </c>
      <c r="G78203" s="16">
        <v>4.2385305938385923E-2</v>
      </c>
    </row>
    <row r="78204" spans="1:7" x14ac:dyDescent="0.3">
      <c r="A78204" s="13" t="s">
        <v>399</v>
      </c>
      <c r="B78204" s="14" t="s">
        <v>1</v>
      </c>
      <c r="C78204" s="14" t="s">
        <v>47</v>
      </c>
      <c r="D78204" s="14" t="s">
        <v>400</v>
      </c>
      <c r="E78204" s="15">
        <v>45470</v>
      </c>
      <c r="F78204" s="14" t="s">
        <v>15</v>
      </c>
      <c r="G78204" s="16">
        <v>3.8491453213750526E-2</v>
      </c>
    </row>
    <row r="78205" spans="1:7" x14ac:dyDescent="0.3">
      <c r="A78205" s="13" t="s">
        <v>399</v>
      </c>
      <c r="B78205" s="14" t="s">
        <v>1</v>
      </c>
      <c r="C78205" s="14" t="s">
        <v>47</v>
      </c>
      <c r="D78205" s="14" t="s">
        <v>400</v>
      </c>
      <c r="E78205" s="15">
        <v>45471</v>
      </c>
      <c r="F78205" s="14" t="s">
        <v>15</v>
      </c>
      <c r="G78205" s="16">
        <v>3.4604701080831107E-2</v>
      </c>
    </row>
    <row r="78206" spans="1:7" x14ac:dyDescent="0.3">
      <c r="A78206" s="13" t="s">
        <v>399</v>
      </c>
      <c r="B78206" s="14" t="s">
        <v>1</v>
      </c>
      <c r="C78206" s="14" t="s">
        <v>47</v>
      </c>
      <c r="D78206" s="14" t="s">
        <v>400</v>
      </c>
      <c r="E78206" s="15">
        <v>45472</v>
      </c>
      <c r="F78206" s="14" t="s">
        <v>15</v>
      </c>
      <c r="G78206" s="16">
        <v>3.4604701080831107E-2</v>
      </c>
    </row>
    <row r="78207" spans="1:7" x14ac:dyDescent="0.3">
      <c r="A78207" s="13" t="s">
        <v>399</v>
      </c>
      <c r="B78207" s="14" t="s">
        <v>1</v>
      </c>
      <c r="C78207" s="14" t="s">
        <v>47</v>
      </c>
      <c r="D78207" s="14" t="s">
        <v>400</v>
      </c>
      <c r="E78207" s="15">
        <v>45473</v>
      </c>
      <c r="F78207" s="14" t="s">
        <v>15</v>
      </c>
      <c r="G78207" s="16">
        <v>3.4604701080831107E-2</v>
      </c>
    </row>
    <row r="78208" spans="1:7" x14ac:dyDescent="0.3">
      <c r="A78208" s="13" t="s">
        <v>399</v>
      </c>
      <c r="B78208" s="14" t="s">
        <v>1</v>
      </c>
      <c r="C78208" s="14" t="s">
        <v>47</v>
      </c>
      <c r="D78208" s="14" t="s">
        <v>400</v>
      </c>
      <c r="E78208" s="15">
        <v>45474</v>
      </c>
      <c r="F78208" s="14" t="s">
        <v>15</v>
      </c>
      <c r="G78208" s="16">
        <v>3.9704931196432397E-2</v>
      </c>
    </row>
    <row r="78209" spans="1:7" x14ac:dyDescent="0.3">
      <c r="A78209" s="13" t="s">
        <v>399</v>
      </c>
      <c r="B78209" s="14" t="s">
        <v>1</v>
      </c>
      <c r="C78209" s="14" t="s">
        <v>47</v>
      </c>
      <c r="D78209" s="14" t="s">
        <v>400</v>
      </c>
      <c r="E78209" s="15">
        <v>45475</v>
      </c>
      <c r="F78209" s="14" t="s">
        <v>15</v>
      </c>
      <c r="G78209" s="16">
        <v>2.9356640601974515E-2</v>
      </c>
    </row>
    <row r="78210" spans="1:7" x14ac:dyDescent="0.3">
      <c r="A78210" s="13" t="s">
        <v>399</v>
      </c>
      <c r="B78210" s="14" t="s">
        <v>1</v>
      </c>
      <c r="C78210" s="14" t="s">
        <v>47</v>
      </c>
      <c r="D78210" s="14" t="s">
        <v>400</v>
      </c>
      <c r="E78210" s="15">
        <v>45476</v>
      </c>
      <c r="F78210" s="14" t="s">
        <v>15</v>
      </c>
      <c r="G78210" s="16">
        <v>3.6442669534143851E-2</v>
      </c>
    </row>
    <row r="78211" spans="1:7" x14ac:dyDescent="0.3">
      <c r="A78211" s="13" t="s">
        <v>399</v>
      </c>
      <c r="B78211" s="14" t="s">
        <v>1</v>
      </c>
      <c r="C78211" s="14" t="s">
        <v>47</v>
      </c>
      <c r="D78211" s="14" t="s">
        <v>400</v>
      </c>
      <c r="E78211" s="15">
        <v>45477</v>
      </c>
      <c r="F78211" s="14" t="s">
        <v>15</v>
      </c>
      <c r="G78211" s="16">
        <v>3.6442669534143851E-2</v>
      </c>
    </row>
    <row r="78212" spans="1:7" x14ac:dyDescent="0.3">
      <c r="A78212" s="13" t="s">
        <v>399</v>
      </c>
      <c r="B78212" s="14" t="s">
        <v>1</v>
      </c>
      <c r="C78212" s="14" t="s">
        <v>47</v>
      </c>
      <c r="D78212" s="14" t="s">
        <v>400</v>
      </c>
      <c r="E78212" s="15">
        <v>45478</v>
      </c>
      <c r="F78212" s="14" t="s">
        <v>15</v>
      </c>
      <c r="G78212" s="16">
        <v>3.2554733969271762E-2</v>
      </c>
    </row>
    <row r="78213" spans="1:7" x14ac:dyDescent="0.3">
      <c r="A78213" s="13" t="s">
        <v>399</v>
      </c>
      <c r="B78213" s="14" t="s">
        <v>1</v>
      </c>
      <c r="C78213" s="14" t="s">
        <v>47</v>
      </c>
      <c r="D78213" s="14" t="s">
        <v>400</v>
      </c>
      <c r="E78213" s="15">
        <v>45479</v>
      </c>
      <c r="F78213" s="14" t="s">
        <v>15</v>
      </c>
      <c r="G78213" s="16">
        <v>3.2554733969271762E-2</v>
      </c>
    </row>
    <row r="78214" spans="1:7" x14ac:dyDescent="0.3">
      <c r="A78214" s="13" t="s">
        <v>399</v>
      </c>
      <c r="B78214" s="14" t="s">
        <v>1</v>
      </c>
      <c r="C78214" s="14" t="s">
        <v>47</v>
      </c>
      <c r="D78214" s="14" t="s">
        <v>400</v>
      </c>
      <c r="E78214" s="15">
        <v>45480</v>
      </c>
      <c r="F78214" s="14" t="s">
        <v>15</v>
      </c>
      <c r="G78214" s="16">
        <v>3.2554733969271762E-2</v>
      </c>
    </row>
    <row r="78215" spans="1:7" x14ac:dyDescent="0.3">
      <c r="A78215" s="13" t="s">
        <v>399</v>
      </c>
      <c r="B78215" s="14" t="s">
        <v>1</v>
      </c>
      <c r="C78215" s="14" t="s">
        <v>47</v>
      </c>
      <c r="D78215" s="14" t="s">
        <v>400</v>
      </c>
      <c r="E78215" s="15">
        <v>45481</v>
      </c>
      <c r="F78215" s="14" t="s">
        <v>15</v>
      </c>
      <c r="G78215" s="16">
        <v>2.4659697812683706E-2</v>
      </c>
    </row>
    <row r="78216" spans="1:7" x14ac:dyDescent="0.3">
      <c r="A78216" s="13" t="s">
        <v>399</v>
      </c>
      <c r="B78216" s="14" t="s">
        <v>1</v>
      </c>
      <c r="C78216" s="14" t="s">
        <v>47</v>
      </c>
      <c r="D78216" s="14" t="s">
        <v>400</v>
      </c>
      <c r="E78216" s="15">
        <v>45482</v>
      </c>
      <c r="F78216" s="14" t="s">
        <v>15</v>
      </c>
      <c r="G78216" s="16">
        <v>1.2771762247811624E-2</v>
      </c>
    </row>
    <row r="78217" spans="1:7" x14ac:dyDescent="0.3">
      <c r="A78217" s="13" t="s">
        <v>399</v>
      </c>
      <c r="B78217" s="14" t="s">
        <v>1</v>
      </c>
      <c r="C78217" s="14" t="s">
        <v>47</v>
      </c>
      <c r="D78217" s="14" t="s">
        <v>400</v>
      </c>
      <c r="E78217" s="15">
        <v>45483</v>
      </c>
      <c r="F78217" s="14" t="s">
        <v>15</v>
      </c>
      <c r="G78217" s="16">
        <v>8.7654834876732673E-3</v>
      </c>
    </row>
    <row r="78218" spans="1:7" x14ac:dyDescent="0.3">
      <c r="A78218" s="13" t="s">
        <v>399</v>
      </c>
      <c r="B78218" s="14" t="s">
        <v>1</v>
      </c>
      <c r="C78218" s="14" t="s">
        <v>47</v>
      </c>
      <c r="D78218" s="14" t="s">
        <v>400</v>
      </c>
      <c r="E78218" s="15">
        <v>45484</v>
      </c>
      <c r="F78218" s="14" t="s">
        <v>15</v>
      </c>
      <c r="G78218" s="16">
        <v>4.7911573902568068E-3</v>
      </c>
    </row>
    <row r="78219" spans="1:7" x14ac:dyDescent="0.3">
      <c r="A78219" s="13" t="s">
        <v>399</v>
      </c>
      <c r="B78219" s="14" t="s">
        <v>1</v>
      </c>
      <c r="C78219" s="14" t="s">
        <v>47</v>
      </c>
      <c r="D78219" s="14" t="s">
        <v>400</v>
      </c>
      <c r="E78219" s="15">
        <v>45485</v>
      </c>
      <c r="F78219" s="14" t="s">
        <v>15</v>
      </c>
      <c r="G78219" s="16">
        <v>7.5884312715987132E-4</v>
      </c>
    </row>
    <row r="78220" spans="1:7" x14ac:dyDescent="0.3">
      <c r="A78220" s="13" t="s">
        <v>399</v>
      </c>
      <c r="B78220" s="14" t="s">
        <v>1</v>
      </c>
      <c r="C78220" s="14" t="s">
        <v>47</v>
      </c>
      <c r="D78220" s="14" t="s">
        <v>400</v>
      </c>
      <c r="E78220" s="15">
        <v>45486</v>
      </c>
      <c r="F78220" s="14" t="s">
        <v>15</v>
      </c>
      <c r="G78220" s="16">
        <v>7.5884312715987132E-4</v>
      </c>
    </row>
    <row r="78221" spans="1:7" x14ac:dyDescent="0.3">
      <c r="A78221" s="13" t="s">
        <v>399</v>
      </c>
      <c r="B78221" s="14" t="s">
        <v>1</v>
      </c>
      <c r="C78221" s="14" t="s">
        <v>47</v>
      </c>
      <c r="D78221" s="14" t="s">
        <v>400</v>
      </c>
      <c r="E78221" s="15">
        <v>45487</v>
      </c>
      <c r="F78221" s="14" t="s">
        <v>15</v>
      </c>
      <c r="G78221" s="16">
        <v>7.5884312715987132E-4</v>
      </c>
    </row>
    <row r="78222" spans="1:7" x14ac:dyDescent="0.3">
      <c r="A78222" s="13" t="s">
        <v>399</v>
      </c>
      <c r="B78222" s="14" t="s">
        <v>1</v>
      </c>
      <c r="C78222" s="14" t="s">
        <v>47</v>
      </c>
      <c r="D78222" s="14" t="s">
        <v>400</v>
      </c>
      <c r="E78222" s="15">
        <v>45488</v>
      </c>
      <c r="F78222" s="14" t="s">
        <v>15</v>
      </c>
      <c r="G78222" s="16">
        <v>0</v>
      </c>
    </row>
    <row r="78223" spans="1:7" x14ac:dyDescent="0.3">
      <c r="A78223" s="13" t="s">
        <v>399</v>
      </c>
      <c r="B78223" s="14" t="s">
        <v>1</v>
      </c>
      <c r="C78223" s="14" t="s">
        <v>47</v>
      </c>
      <c r="D78223" s="14" t="s">
        <v>400</v>
      </c>
      <c r="E78223" s="15">
        <v>45489</v>
      </c>
      <c r="F78223" s="14" t="s">
        <v>15</v>
      </c>
      <c r="G78223" s="16">
        <v>0</v>
      </c>
    </row>
    <row r="78224" spans="1:7" x14ac:dyDescent="0.3">
      <c r="A78224" s="13" t="s">
        <v>399</v>
      </c>
      <c r="B78224" s="14" t="s">
        <v>1</v>
      </c>
      <c r="C78224" s="14" t="s">
        <v>47</v>
      </c>
      <c r="D78224" s="14" t="s">
        <v>400</v>
      </c>
      <c r="E78224" s="15">
        <v>45490</v>
      </c>
      <c r="F78224" s="14" t="s">
        <v>15</v>
      </c>
      <c r="G78224" s="16">
        <v>0</v>
      </c>
    </row>
    <row r="78225" spans="1:7" x14ac:dyDescent="0.3">
      <c r="A78225" s="13" t="s">
        <v>399</v>
      </c>
      <c r="B78225" s="14" t="s">
        <v>1</v>
      </c>
      <c r="C78225" s="14" t="s">
        <v>47</v>
      </c>
      <c r="D78225" s="14" t="s">
        <v>400</v>
      </c>
      <c r="E78225" s="15">
        <v>45491</v>
      </c>
      <c r="F78225" s="14" t="s">
        <v>15</v>
      </c>
      <c r="G78225" s="16">
        <v>0</v>
      </c>
    </row>
    <row r="78226" spans="1:7" x14ac:dyDescent="0.3">
      <c r="A78226" s="13" t="s">
        <v>399</v>
      </c>
      <c r="B78226" s="14" t="s">
        <v>1</v>
      </c>
      <c r="C78226" s="14" t="s">
        <v>47</v>
      </c>
      <c r="D78226" s="14" t="s">
        <v>400</v>
      </c>
      <c r="E78226" s="15">
        <v>45492</v>
      </c>
      <c r="F78226" s="14" t="s">
        <v>15</v>
      </c>
      <c r="G78226" s="16">
        <v>0</v>
      </c>
    </row>
    <row r="78227" spans="1:7" x14ac:dyDescent="0.3">
      <c r="A78227" s="13" t="s">
        <v>399</v>
      </c>
      <c r="B78227" s="14" t="s">
        <v>1</v>
      </c>
      <c r="C78227" s="14" t="s">
        <v>47</v>
      </c>
      <c r="D78227" s="14" t="s">
        <v>400</v>
      </c>
      <c r="E78227" s="15">
        <v>45493</v>
      </c>
      <c r="F78227" s="14" t="s">
        <v>15</v>
      </c>
      <c r="G78227" s="16">
        <v>0</v>
      </c>
    </row>
    <row r="78228" spans="1:7" x14ac:dyDescent="0.3">
      <c r="A78228" s="13" t="s">
        <v>399</v>
      </c>
      <c r="B78228" s="14" t="s">
        <v>1</v>
      </c>
      <c r="C78228" s="14" t="s">
        <v>47</v>
      </c>
      <c r="D78228" s="14" t="s">
        <v>400</v>
      </c>
      <c r="E78228" s="15">
        <v>45494</v>
      </c>
      <c r="F78228" s="14" t="s">
        <v>15</v>
      </c>
      <c r="G78228" s="16">
        <v>0</v>
      </c>
    </row>
    <row r="78229" spans="1:7" x14ac:dyDescent="0.3">
      <c r="A78229" s="13" t="s">
        <v>399</v>
      </c>
      <c r="B78229" s="14" t="s">
        <v>1</v>
      </c>
      <c r="C78229" s="14" t="s">
        <v>47</v>
      </c>
      <c r="D78229" s="14" t="s">
        <v>400</v>
      </c>
      <c r="E78229" s="15">
        <v>45495</v>
      </c>
      <c r="F78229" s="14" t="s">
        <v>15</v>
      </c>
      <c r="G78229" s="16">
        <v>0</v>
      </c>
    </row>
    <row r="78230" spans="1:7" x14ac:dyDescent="0.3">
      <c r="A78230" s="13" t="s">
        <v>399</v>
      </c>
      <c r="B78230" s="14" t="s">
        <v>1</v>
      </c>
      <c r="C78230" s="14" t="s">
        <v>47</v>
      </c>
      <c r="D78230" s="14" t="s">
        <v>400</v>
      </c>
      <c r="E78230" s="15">
        <v>45496</v>
      </c>
      <c r="F78230" s="14" t="s">
        <v>15</v>
      </c>
      <c r="G78230" s="16">
        <v>0</v>
      </c>
    </row>
    <row r="78231" spans="1:7" x14ac:dyDescent="0.3">
      <c r="A78231" s="13" t="s">
        <v>399</v>
      </c>
      <c r="B78231" s="14" t="s">
        <v>1</v>
      </c>
      <c r="C78231" s="14" t="s">
        <v>47</v>
      </c>
      <c r="D78231" s="14" t="s">
        <v>400</v>
      </c>
      <c r="E78231" s="15">
        <v>45497</v>
      </c>
      <c r="F78231" s="14" t="s">
        <v>15</v>
      </c>
      <c r="G78231" s="16">
        <v>0</v>
      </c>
    </row>
    <row r="78232" spans="1:7" x14ac:dyDescent="0.3">
      <c r="A78232" s="13" t="s">
        <v>399</v>
      </c>
      <c r="B78232" s="14" t="s">
        <v>1</v>
      </c>
      <c r="C78232" s="14" t="s">
        <v>47</v>
      </c>
      <c r="D78232" s="14" t="s">
        <v>400</v>
      </c>
      <c r="E78232" s="15">
        <v>45498</v>
      </c>
      <c r="F78232" s="14" t="s">
        <v>15</v>
      </c>
      <c r="G78232" s="16">
        <v>0</v>
      </c>
    </row>
    <row r="78233" spans="1:7" x14ac:dyDescent="0.3">
      <c r="A78233" s="13" t="s">
        <v>399</v>
      </c>
      <c r="B78233" s="14" t="s">
        <v>1</v>
      </c>
      <c r="C78233" s="14" t="s">
        <v>47</v>
      </c>
      <c r="D78233" s="14" t="s">
        <v>400</v>
      </c>
      <c r="E78233" s="15">
        <v>45499</v>
      </c>
      <c r="F78233" s="14" t="s">
        <v>15</v>
      </c>
      <c r="G78233" s="16">
        <v>0</v>
      </c>
    </row>
    <row r="78234" spans="1:7" x14ac:dyDescent="0.3">
      <c r="A78234" s="13" t="s">
        <v>399</v>
      </c>
      <c r="B78234" s="14" t="s">
        <v>1</v>
      </c>
      <c r="C78234" s="14" t="s">
        <v>47</v>
      </c>
      <c r="D78234" s="14" t="s">
        <v>400</v>
      </c>
      <c r="E78234" s="15">
        <v>45500</v>
      </c>
      <c r="F78234" s="14" t="s">
        <v>15</v>
      </c>
      <c r="G78234" s="16">
        <v>0</v>
      </c>
    </row>
    <row r="78235" spans="1:7" x14ac:dyDescent="0.3">
      <c r="A78235" s="13" t="s">
        <v>399</v>
      </c>
      <c r="B78235" s="14" t="s">
        <v>1</v>
      </c>
      <c r="C78235" s="14" t="s">
        <v>47</v>
      </c>
      <c r="D78235" s="14" t="s">
        <v>400</v>
      </c>
      <c r="E78235" s="15">
        <v>45501</v>
      </c>
      <c r="F78235" s="14" t="s">
        <v>15</v>
      </c>
      <c r="G78235" s="16">
        <v>0</v>
      </c>
    </row>
    <row r="78236" spans="1:7" x14ac:dyDescent="0.3">
      <c r="A78236" s="13" t="s">
        <v>399</v>
      </c>
      <c r="B78236" s="14" t="s">
        <v>1</v>
      </c>
      <c r="C78236" s="14" t="s">
        <v>47</v>
      </c>
      <c r="D78236" s="14" t="s">
        <v>400</v>
      </c>
      <c r="E78236" s="15">
        <v>45502</v>
      </c>
      <c r="F78236" s="14" t="s">
        <v>15</v>
      </c>
      <c r="G78236" s="16">
        <v>0</v>
      </c>
    </row>
    <row r="78237" spans="1:7" x14ac:dyDescent="0.3">
      <c r="A78237" s="13" t="s">
        <v>399</v>
      </c>
      <c r="B78237" s="14" t="s">
        <v>1</v>
      </c>
      <c r="C78237" s="14" t="s">
        <v>47</v>
      </c>
      <c r="D78237" s="14" t="s">
        <v>400</v>
      </c>
      <c r="E78237" s="15">
        <v>45503</v>
      </c>
      <c r="F78237" s="14" t="s">
        <v>15</v>
      </c>
      <c r="G78237" s="16">
        <v>0</v>
      </c>
    </row>
    <row r="78238" spans="1:7" x14ac:dyDescent="0.3">
      <c r="A78238" s="13" t="s">
        <v>399</v>
      </c>
      <c r="B78238" s="14" t="s">
        <v>1</v>
      </c>
      <c r="C78238" s="14" t="s">
        <v>47</v>
      </c>
      <c r="D78238" s="14" t="s">
        <v>400</v>
      </c>
      <c r="E78238" s="15">
        <v>45504</v>
      </c>
      <c r="F78238" s="14" t="s">
        <v>15</v>
      </c>
      <c r="G78238" s="16">
        <v>0</v>
      </c>
    </row>
    <row r="78239" spans="1:7" x14ac:dyDescent="0.3">
      <c r="A78239" s="13" t="s">
        <v>399</v>
      </c>
      <c r="B78239" s="14" t="s">
        <v>1</v>
      </c>
      <c r="C78239" s="14" t="s">
        <v>47</v>
      </c>
      <c r="D78239" s="14" t="s">
        <v>400</v>
      </c>
      <c r="E78239" s="15">
        <v>45505</v>
      </c>
      <c r="F78239" s="14" t="s">
        <v>15</v>
      </c>
      <c r="G78239" s="16">
        <v>0</v>
      </c>
    </row>
    <row r="78240" spans="1:7" x14ac:dyDescent="0.3">
      <c r="A78240" s="13" t="s">
        <v>399</v>
      </c>
      <c r="B78240" s="14" t="s">
        <v>1</v>
      </c>
      <c r="C78240" s="14" t="s">
        <v>47</v>
      </c>
      <c r="D78240" s="14" t="s">
        <v>400</v>
      </c>
      <c r="E78240" s="15">
        <v>45506</v>
      </c>
      <c r="F78240" s="14" t="s">
        <v>15</v>
      </c>
      <c r="G78240" s="16">
        <v>0</v>
      </c>
    </row>
    <row r="78241" spans="1:7" x14ac:dyDescent="0.3">
      <c r="A78241" s="13" t="s">
        <v>399</v>
      </c>
      <c r="B78241" s="14" t="s">
        <v>1</v>
      </c>
      <c r="C78241" s="14" t="s">
        <v>47</v>
      </c>
      <c r="D78241" s="14" t="s">
        <v>400</v>
      </c>
      <c r="E78241" s="15">
        <v>45507</v>
      </c>
      <c r="F78241" s="14" t="s">
        <v>15</v>
      </c>
      <c r="G78241" s="16">
        <v>0</v>
      </c>
    </row>
    <row r="78242" spans="1:7" x14ac:dyDescent="0.3">
      <c r="A78242" s="13" t="s">
        <v>399</v>
      </c>
      <c r="B78242" s="14" t="s">
        <v>1</v>
      </c>
      <c r="C78242" s="14" t="s">
        <v>47</v>
      </c>
      <c r="D78242" s="14" t="s">
        <v>400</v>
      </c>
      <c r="E78242" s="15">
        <v>45508</v>
      </c>
      <c r="F78242" s="14" t="s">
        <v>15</v>
      </c>
      <c r="G78242" s="16">
        <v>0</v>
      </c>
    </row>
    <row r="78243" spans="1:7" x14ac:dyDescent="0.3">
      <c r="A78243" s="13" t="s">
        <v>399</v>
      </c>
      <c r="B78243" s="14" t="s">
        <v>1</v>
      </c>
      <c r="C78243" s="14" t="s">
        <v>47</v>
      </c>
      <c r="D78243" s="14" t="s">
        <v>400</v>
      </c>
      <c r="E78243" s="15">
        <v>45509</v>
      </c>
      <c r="F78243" s="14" t="s">
        <v>15</v>
      </c>
      <c r="G78243" s="16">
        <v>0</v>
      </c>
    </row>
    <row r="78244" spans="1:7" x14ac:dyDescent="0.3">
      <c r="A78244" s="13" t="s">
        <v>399</v>
      </c>
      <c r="B78244" s="14" t="s">
        <v>1</v>
      </c>
      <c r="C78244" s="14" t="s">
        <v>47</v>
      </c>
      <c r="D78244" s="14" t="s">
        <v>400</v>
      </c>
      <c r="E78244" s="15">
        <v>45510</v>
      </c>
      <c r="F78244" s="14" t="s">
        <v>15</v>
      </c>
      <c r="G78244" s="16">
        <v>0</v>
      </c>
    </row>
    <row r="78245" spans="1:7" x14ac:dyDescent="0.3">
      <c r="A78245" s="13" t="s">
        <v>399</v>
      </c>
      <c r="B78245" s="14" t="s">
        <v>1</v>
      </c>
      <c r="C78245" s="14" t="s">
        <v>47</v>
      </c>
      <c r="D78245" s="14" t="s">
        <v>400</v>
      </c>
      <c r="E78245" s="15">
        <v>45511</v>
      </c>
      <c r="F78245" s="14" t="s">
        <v>15</v>
      </c>
      <c r="G78245" s="16">
        <v>0</v>
      </c>
    </row>
    <row r="78246" spans="1:7" x14ac:dyDescent="0.3">
      <c r="A78246" s="13" t="s">
        <v>399</v>
      </c>
      <c r="B78246" s="14" t="s">
        <v>1</v>
      </c>
      <c r="C78246" s="14" t="s">
        <v>47</v>
      </c>
      <c r="D78246" s="14" t="s">
        <v>400</v>
      </c>
      <c r="E78246" s="15">
        <v>45512</v>
      </c>
      <c r="F78246" s="14" t="s">
        <v>15</v>
      </c>
      <c r="G78246" s="16">
        <v>0</v>
      </c>
    </row>
    <row r="78247" spans="1:7" x14ac:dyDescent="0.3">
      <c r="A78247" s="13" t="s">
        <v>399</v>
      </c>
      <c r="B78247" s="14" t="s">
        <v>1</v>
      </c>
      <c r="C78247" s="14" t="s">
        <v>47</v>
      </c>
      <c r="D78247" s="14" t="s">
        <v>400</v>
      </c>
      <c r="E78247" s="15">
        <v>45513</v>
      </c>
      <c r="F78247" s="14" t="s">
        <v>15</v>
      </c>
      <c r="G78247" s="16">
        <v>0</v>
      </c>
    </row>
    <row r="78248" spans="1:7" x14ac:dyDescent="0.3">
      <c r="A78248" s="13" t="s">
        <v>399</v>
      </c>
      <c r="B78248" s="14" t="s">
        <v>1</v>
      </c>
      <c r="C78248" s="14" t="s">
        <v>47</v>
      </c>
      <c r="D78248" s="14" t="s">
        <v>400</v>
      </c>
      <c r="E78248" s="15">
        <v>45514</v>
      </c>
      <c r="F78248" s="14" t="s">
        <v>15</v>
      </c>
      <c r="G78248" s="16">
        <v>0</v>
      </c>
    </row>
    <row r="78249" spans="1:7" x14ac:dyDescent="0.3">
      <c r="A78249" s="13" t="s">
        <v>399</v>
      </c>
      <c r="B78249" s="14" t="s">
        <v>1</v>
      </c>
      <c r="C78249" s="14" t="s">
        <v>47</v>
      </c>
      <c r="D78249" s="14" t="s">
        <v>400</v>
      </c>
      <c r="E78249" s="15">
        <v>45515</v>
      </c>
      <c r="F78249" s="14" t="s">
        <v>15</v>
      </c>
      <c r="G78249" s="16">
        <v>0</v>
      </c>
    </row>
    <row r="78250" spans="1:7" x14ac:dyDescent="0.3">
      <c r="A78250" s="13" t="s">
        <v>399</v>
      </c>
      <c r="B78250" s="14" t="s">
        <v>1</v>
      </c>
      <c r="C78250" s="14" t="s">
        <v>47</v>
      </c>
      <c r="D78250" s="14" t="s">
        <v>400</v>
      </c>
      <c r="E78250" s="15">
        <v>45516</v>
      </c>
      <c r="F78250" s="14" t="s">
        <v>15</v>
      </c>
      <c r="G78250" s="16">
        <v>0</v>
      </c>
    </row>
    <row r="78251" spans="1:7" x14ac:dyDescent="0.3">
      <c r="A78251" s="13" t="s">
        <v>399</v>
      </c>
      <c r="B78251" s="14" t="s">
        <v>1</v>
      </c>
      <c r="C78251" s="14" t="s">
        <v>47</v>
      </c>
      <c r="D78251" s="14" t="s">
        <v>400</v>
      </c>
      <c r="E78251" s="15">
        <v>45517</v>
      </c>
      <c r="F78251" s="14" t="s">
        <v>15</v>
      </c>
      <c r="G78251" s="16">
        <v>0</v>
      </c>
    </row>
    <row r="78252" spans="1:7" x14ac:dyDescent="0.3">
      <c r="A78252" s="13" t="s">
        <v>399</v>
      </c>
      <c r="B78252" s="14" t="s">
        <v>1</v>
      </c>
      <c r="C78252" s="14" t="s">
        <v>47</v>
      </c>
      <c r="D78252" s="14" t="s">
        <v>400</v>
      </c>
      <c r="E78252" s="15">
        <v>45518</v>
      </c>
      <c r="F78252" s="14" t="s">
        <v>15</v>
      </c>
      <c r="G78252" s="16">
        <v>0</v>
      </c>
    </row>
    <row r="78253" spans="1:7" x14ac:dyDescent="0.3">
      <c r="A78253" s="13" t="s">
        <v>399</v>
      </c>
      <c r="B78253" s="14" t="s">
        <v>1</v>
      </c>
      <c r="C78253" s="14" t="s">
        <v>47</v>
      </c>
      <c r="D78253" s="14" t="s">
        <v>400</v>
      </c>
      <c r="E78253" s="15">
        <v>45519</v>
      </c>
      <c r="F78253" s="14" t="s">
        <v>15</v>
      </c>
      <c r="G78253" s="16">
        <v>0</v>
      </c>
    </row>
    <row r="78254" spans="1:7" x14ac:dyDescent="0.3">
      <c r="A78254" s="13" t="s">
        <v>399</v>
      </c>
      <c r="B78254" s="14" t="s">
        <v>1</v>
      </c>
      <c r="C78254" s="14" t="s">
        <v>47</v>
      </c>
      <c r="D78254" s="14" t="s">
        <v>400</v>
      </c>
      <c r="E78254" s="15">
        <v>45520</v>
      </c>
      <c r="F78254" s="14" t="s">
        <v>15</v>
      </c>
      <c r="G78254" s="16">
        <v>0</v>
      </c>
    </row>
    <row r="78255" spans="1:7" x14ac:dyDescent="0.3">
      <c r="A78255" s="13" t="s">
        <v>399</v>
      </c>
      <c r="B78255" s="14" t="s">
        <v>1</v>
      </c>
      <c r="C78255" s="14" t="s">
        <v>47</v>
      </c>
      <c r="D78255" s="14" t="s">
        <v>400</v>
      </c>
      <c r="E78255" s="15">
        <v>45521</v>
      </c>
      <c r="F78255" s="14" t="s">
        <v>15</v>
      </c>
      <c r="G78255" s="16">
        <v>0</v>
      </c>
    </row>
    <row r="78256" spans="1:7" x14ac:dyDescent="0.3">
      <c r="A78256" s="13" t="s">
        <v>399</v>
      </c>
      <c r="B78256" s="14" t="s">
        <v>1</v>
      </c>
      <c r="C78256" s="14" t="s">
        <v>47</v>
      </c>
      <c r="D78256" s="14" t="s">
        <v>400</v>
      </c>
      <c r="E78256" s="15">
        <v>45522</v>
      </c>
      <c r="F78256" s="14" t="s">
        <v>15</v>
      </c>
      <c r="G78256" s="16">
        <v>0</v>
      </c>
    </row>
    <row r="78257" spans="1:7" x14ac:dyDescent="0.3">
      <c r="A78257" s="13" t="s">
        <v>399</v>
      </c>
      <c r="B78257" s="14" t="s">
        <v>1</v>
      </c>
      <c r="C78257" s="14" t="s">
        <v>47</v>
      </c>
      <c r="D78257" s="14" t="s">
        <v>400</v>
      </c>
      <c r="E78257" s="15">
        <v>45523</v>
      </c>
      <c r="F78257" s="14" t="s">
        <v>15</v>
      </c>
      <c r="G78257" s="16">
        <v>0</v>
      </c>
    </row>
    <row r="78258" spans="1:7" x14ac:dyDescent="0.3">
      <c r="A78258" s="13" t="s">
        <v>399</v>
      </c>
      <c r="B78258" s="14" t="s">
        <v>1</v>
      </c>
      <c r="C78258" s="14" t="s">
        <v>47</v>
      </c>
      <c r="D78258" s="14" t="s">
        <v>400</v>
      </c>
      <c r="E78258" s="15">
        <v>45524</v>
      </c>
      <c r="F78258" s="14" t="s">
        <v>15</v>
      </c>
      <c r="G78258" s="16">
        <v>0</v>
      </c>
    </row>
    <row r="78259" spans="1:7" x14ac:dyDescent="0.3">
      <c r="A78259" s="13" t="s">
        <v>399</v>
      </c>
      <c r="B78259" s="14" t="s">
        <v>1</v>
      </c>
      <c r="C78259" s="14" t="s">
        <v>47</v>
      </c>
      <c r="D78259" s="14" t="s">
        <v>400</v>
      </c>
      <c r="E78259" s="15">
        <v>45525</v>
      </c>
      <c r="F78259" s="14" t="s">
        <v>15</v>
      </c>
      <c r="G78259" s="16">
        <v>0</v>
      </c>
    </row>
    <row r="78260" spans="1:7" x14ac:dyDescent="0.3">
      <c r="A78260" s="13" t="s">
        <v>399</v>
      </c>
      <c r="B78260" s="14" t="s">
        <v>1</v>
      </c>
      <c r="C78260" s="14" t="s">
        <v>47</v>
      </c>
      <c r="D78260" s="14" t="s">
        <v>400</v>
      </c>
      <c r="E78260" s="15">
        <v>45526</v>
      </c>
      <c r="F78260" s="14" t="s">
        <v>15</v>
      </c>
      <c r="G78260" s="16">
        <v>0</v>
      </c>
    </row>
    <row r="78261" spans="1:7" x14ac:dyDescent="0.3">
      <c r="A78261" s="13" t="s">
        <v>399</v>
      </c>
      <c r="B78261" s="14" t="s">
        <v>1</v>
      </c>
      <c r="C78261" s="14" t="s">
        <v>47</v>
      </c>
      <c r="D78261" s="14" t="s">
        <v>400</v>
      </c>
      <c r="E78261" s="15">
        <v>45527</v>
      </c>
      <c r="F78261" s="14" t="s">
        <v>15</v>
      </c>
      <c r="G78261" s="16">
        <v>0</v>
      </c>
    </row>
    <row r="78262" spans="1:7" x14ac:dyDescent="0.3">
      <c r="A78262" s="13" t="s">
        <v>399</v>
      </c>
      <c r="B78262" s="14" t="s">
        <v>1</v>
      </c>
      <c r="C78262" s="14" t="s">
        <v>47</v>
      </c>
      <c r="D78262" s="14" t="s">
        <v>400</v>
      </c>
      <c r="E78262" s="15">
        <v>45528</v>
      </c>
      <c r="F78262" s="14" t="s">
        <v>15</v>
      </c>
      <c r="G78262" s="16">
        <v>0</v>
      </c>
    </row>
    <row r="78263" spans="1:7" x14ac:dyDescent="0.3">
      <c r="A78263" s="13" t="s">
        <v>399</v>
      </c>
      <c r="B78263" s="14" t="s">
        <v>1</v>
      </c>
      <c r="C78263" s="14" t="s">
        <v>47</v>
      </c>
      <c r="D78263" s="14" t="s">
        <v>400</v>
      </c>
      <c r="E78263" s="15">
        <v>45529</v>
      </c>
      <c r="F78263" s="14" t="s">
        <v>15</v>
      </c>
      <c r="G78263" s="16">
        <v>0</v>
      </c>
    </row>
    <row r="78264" spans="1:7" x14ac:dyDescent="0.3">
      <c r="A78264" s="13" t="s">
        <v>399</v>
      </c>
      <c r="B78264" s="14" t="s">
        <v>1</v>
      </c>
      <c r="C78264" s="14" t="s">
        <v>47</v>
      </c>
      <c r="D78264" s="14" t="s">
        <v>400</v>
      </c>
      <c r="E78264" s="15">
        <v>45530</v>
      </c>
      <c r="F78264" s="14" t="s">
        <v>15</v>
      </c>
      <c r="G78264" s="16">
        <v>0</v>
      </c>
    </row>
    <row r="78265" spans="1:7" x14ac:dyDescent="0.3">
      <c r="A78265" s="13" t="s">
        <v>399</v>
      </c>
      <c r="B78265" s="14" t="s">
        <v>1</v>
      </c>
      <c r="C78265" s="14" t="s">
        <v>47</v>
      </c>
      <c r="D78265" s="14" t="s">
        <v>400</v>
      </c>
      <c r="E78265" s="15">
        <v>45531</v>
      </c>
      <c r="F78265" s="14" t="s">
        <v>15</v>
      </c>
      <c r="G78265" s="16">
        <v>0</v>
      </c>
    </row>
    <row r="78266" spans="1:7" x14ac:dyDescent="0.3">
      <c r="A78266" s="13" t="s">
        <v>399</v>
      </c>
      <c r="B78266" s="14" t="s">
        <v>1</v>
      </c>
      <c r="C78266" s="14" t="s">
        <v>47</v>
      </c>
      <c r="D78266" s="14" t="s">
        <v>400</v>
      </c>
      <c r="E78266" s="15">
        <v>45532</v>
      </c>
      <c r="F78266" s="14" t="s">
        <v>15</v>
      </c>
      <c r="G78266" s="16">
        <v>0</v>
      </c>
    </row>
    <row r="78267" spans="1:7" x14ac:dyDescent="0.3">
      <c r="A78267" s="13" t="s">
        <v>399</v>
      </c>
      <c r="B78267" s="14" t="s">
        <v>1</v>
      </c>
      <c r="C78267" s="14" t="s">
        <v>47</v>
      </c>
      <c r="D78267" s="14" t="s">
        <v>400</v>
      </c>
      <c r="E78267" s="15">
        <v>45533</v>
      </c>
      <c r="F78267" s="14" t="s">
        <v>15</v>
      </c>
      <c r="G78267" s="16">
        <v>0</v>
      </c>
    </row>
    <row r="78268" spans="1:7" x14ac:dyDescent="0.3">
      <c r="A78268" s="13" t="s">
        <v>399</v>
      </c>
      <c r="B78268" s="14" t="s">
        <v>1</v>
      </c>
      <c r="C78268" s="14" t="s">
        <v>47</v>
      </c>
      <c r="D78268" s="14" t="s">
        <v>400</v>
      </c>
      <c r="E78268" s="15">
        <v>45534</v>
      </c>
      <c r="F78268" s="14" t="s">
        <v>15</v>
      </c>
      <c r="G78268" s="16">
        <v>0</v>
      </c>
    </row>
    <row r="78269" spans="1:7" x14ac:dyDescent="0.3">
      <c r="A78269" s="13" t="s">
        <v>399</v>
      </c>
      <c r="B78269" s="14" t="s">
        <v>1</v>
      </c>
      <c r="C78269" s="14" t="s">
        <v>47</v>
      </c>
      <c r="D78269" s="14" t="s">
        <v>400</v>
      </c>
      <c r="E78269" s="15">
        <v>45535</v>
      </c>
      <c r="F78269" s="14" t="s">
        <v>15</v>
      </c>
      <c r="G78269" s="16">
        <v>0</v>
      </c>
    </row>
    <row r="78270" spans="1:7" x14ac:dyDescent="0.3">
      <c r="A78270" s="13" t="s">
        <v>399</v>
      </c>
      <c r="B78270" s="14" t="s">
        <v>1</v>
      </c>
      <c r="C78270" s="14" t="s">
        <v>47</v>
      </c>
      <c r="D78270" s="14" t="s">
        <v>400</v>
      </c>
      <c r="E78270" s="15">
        <v>45536</v>
      </c>
      <c r="F78270" s="14" t="s">
        <v>15</v>
      </c>
      <c r="G78270" s="16">
        <v>0</v>
      </c>
    </row>
    <row r="78271" spans="1:7" x14ac:dyDescent="0.3">
      <c r="A78271" s="13" t="s">
        <v>399</v>
      </c>
      <c r="B78271" s="14" t="s">
        <v>1</v>
      </c>
      <c r="C78271" s="14" t="s">
        <v>47</v>
      </c>
      <c r="D78271" s="14" t="s">
        <v>400</v>
      </c>
      <c r="E78271" s="15">
        <v>45537</v>
      </c>
      <c r="F78271" s="14" t="s">
        <v>15</v>
      </c>
      <c r="G78271" s="16">
        <v>0</v>
      </c>
    </row>
    <row r="78272" spans="1:7" x14ac:dyDescent="0.3">
      <c r="A78272" s="13" t="s">
        <v>399</v>
      </c>
      <c r="B78272" s="14" t="s">
        <v>1</v>
      </c>
      <c r="C78272" s="14" t="s">
        <v>47</v>
      </c>
      <c r="D78272" s="14" t="s">
        <v>400</v>
      </c>
      <c r="E78272" s="15">
        <v>45538</v>
      </c>
      <c r="F78272" s="14" t="s">
        <v>15</v>
      </c>
      <c r="G78272" s="16">
        <v>0</v>
      </c>
    </row>
    <row r="78273" spans="1:7" x14ac:dyDescent="0.3">
      <c r="A78273" s="13" t="s">
        <v>399</v>
      </c>
      <c r="B78273" s="14" t="s">
        <v>1</v>
      </c>
      <c r="C78273" s="14" t="s">
        <v>47</v>
      </c>
      <c r="D78273" s="14" t="s">
        <v>400</v>
      </c>
      <c r="E78273" s="15">
        <v>45539</v>
      </c>
      <c r="F78273" s="14" t="s">
        <v>15</v>
      </c>
      <c r="G78273" s="16">
        <v>0</v>
      </c>
    </row>
    <row r="78274" spans="1:7" x14ac:dyDescent="0.3">
      <c r="A78274" s="13" t="s">
        <v>399</v>
      </c>
      <c r="B78274" s="14" t="s">
        <v>1</v>
      </c>
      <c r="C78274" s="14" t="s">
        <v>47</v>
      </c>
      <c r="D78274" s="14" t="s">
        <v>400</v>
      </c>
      <c r="E78274" s="15">
        <v>45540</v>
      </c>
      <c r="F78274" s="14" t="s">
        <v>15</v>
      </c>
      <c r="G78274" s="16">
        <v>0</v>
      </c>
    </row>
    <row r="78275" spans="1:7" x14ac:dyDescent="0.3">
      <c r="A78275" s="13" t="s">
        <v>399</v>
      </c>
      <c r="B78275" s="14" t="s">
        <v>1</v>
      </c>
      <c r="C78275" s="14" t="s">
        <v>47</v>
      </c>
      <c r="D78275" s="14" t="s">
        <v>400</v>
      </c>
      <c r="E78275" s="15">
        <v>45541</v>
      </c>
      <c r="F78275" s="14" t="s">
        <v>15</v>
      </c>
      <c r="G78275" s="16">
        <v>0</v>
      </c>
    </row>
    <row r="78276" spans="1:7" x14ac:dyDescent="0.3">
      <c r="A78276" s="13" t="s">
        <v>399</v>
      </c>
      <c r="B78276" s="14" t="s">
        <v>1</v>
      </c>
      <c r="C78276" s="14" t="s">
        <v>47</v>
      </c>
      <c r="D78276" s="14" t="s">
        <v>400</v>
      </c>
      <c r="E78276" s="15">
        <v>45542</v>
      </c>
      <c r="F78276" s="14" t="s">
        <v>15</v>
      </c>
      <c r="G78276" s="16">
        <v>0</v>
      </c>
    </row>
    <row r="78277" spans="1:7" x14ac:dyDescent="0.3">
      <c r="A78277" s="13" t="s">
        <v>399</v>
      </c>
      <c r="B78277" s="14" t="s">
        <v>1</v>
      </c>
      <c r="C78277" s="14" t="s">
        <v>47</v>
      </c>
      <c r="D78277" s="14" t="s">
        <v>400</v>
      </c>
      <c r="E78277" s="15">
        <v>45543</v>
      </c>
      <c r="F78277" s="14" t="s">
        <v>15</v>
      </c>
      <c r="G78277" s="16">
        <v>0</v>
      </c>
    </row>
    <row r="78278" spans="1:7" x14ac:dyDescent="0.3">
      <c r="A78278" s="13" t="s">
        <v>399</v>
      </c>
      <c r="B78278" s="14" t="s">
        <v>1</v>
      </c>
      <c r="C78278" s="14" t="s">
        <v>47</v>
      </c>
      <c r="D78278" s="14" t="s">
        <v>400</v>
      </c>
      <c r="E78278" s="15">
        <v>45544</v>
      </c>
      <c r="F78278" s="14" t="s">
        <v>15</v>
      </c>
      <c r="G78278" s="16">
        <v>0</v>
      </c>
    </row>
    <row r="78279" spans="1:7" x14ac:dyDescent="0.3">
      <c r="A78279" s="13" t="s">
        <v>399</v>
      </c>
      <c r="B78279" s="14" t="s">
        <v>1</v>
      </c>
      <c r="C78279" s="14" t="s">
        <v>47</v>
      </c>
      <c r="D78279" s="14" t="s">
        <v>400</v>
      </c>
      <c r="E78279" s="15">
        <v>45545</v>
      </c>
      <c r="F78279" s="14" t="s">
        <v>15</v>
      </c>
      <c r="G78279" s="16">
        <v>0</v>
      </c>
    </row>
    <row r="78280" spans="1:7" x14ac:dyDescent="0.3">
      <c r="A78280" s="13" t="s">
        <v>399</v>
      </c>
      <c r="B78280" s="14" t="s">
        <v>1</v>
      </c>
      <c r="C78280" s="14" t="s">
        <v>47</v>
      </c>
      <c r="D78280" s="14" t="s">
        <v>400</v>
      </c>
      <c r="E78280" s="15">
        <v>45546</v>
      </c>
      <c r="F78280" s="14" t="s">
        <v>15</v>
      </c>
      <c r="G78280" s="16">
        <v>0</v>
      </c>
    </row>
    <row r="78281" spans="1:7" x14ac:dyDescent="0.3">
      <c r="A78281" s="13" t="s">
        <v>399</v>
      </c>
      <c r="B78281" s="14" t="s">
        <v>1</v>
      </c>
      <c r="C78281" s="14" t="s">
        <v>47</v>
      </c>
      <c r="D78281" s="14" t="s">
        <v>400</v>
      </c>
      <c r="E78281" s="15">
        <v>45547</v>
      </c>
      <c r="F78281" s="14" t="s">
        <v>15</v>
      </c>
      <c r="G78281" s="16">
        <v>0</v>
      </c>
    </row>
    <row r="78282" spans="1:7" x14ac:dyDescent="0.3">
      <c r="A78282" s="13" t="s">
        <v>399</v>
      </c>
      <c r="B78282" s="14" t="s">
        <v>1</v>
      </c>
      <c r="C78282" s="14" t="s">
        <v>47</v>
      </c>
      <c r="D78282" s="14" t="s">
        <v>400</v>
      </c>
      <c r="E78282" s="15">
        <v>45548</v>
      </c>
      <c r="F78282" s="14" t="s">
        <v>15</v>
      </c>
      <c r="G78282" s="16">
        <v>0</v>
      </c>
    </row>
    <row r="78283" spans="1:7" x14ac:dyDescent="0.3">
      <c r="A78283" s="13" t="s">
        <v>399</v>
      </c>
      <c r="B78283" s="14" t="s">
        <v>1</v>
      </c>
      <c r="C78283" s="14" t="s">
        <v>47</v>
      </c>
      <c r="D78283" s="14" t="s">
        <v>400</v>
      </c>
      <c r="E78283" s="15">
        <v>45549</v>
      </c>
      <c r="F78283" s="14" t="s">
        <v>15</v>
      </c>
      <c r="G78283" s="16">
        <v>0</v>
      </c>
    </row>
    <row r="78284" spans="1:7" x14ac:dyDescent="0.3">
      <c r="A78284" s="13" t="s">
        <v>399</v>
      </c>
      <c r="B78284" s="14" t="s">
        <v>1</v>
      </c>
      <c r="C78284" s="14" t="s">
        <v>47</v>
      </c>
      <c r="D78284" s="14" t="s">
        <v>400</v>
      </c>
      <c r="E78284" s="15">
        <v>45550</v>
      </c>
      <c r="F78284" s="14" t="s">
        <v>15</v>
      </c>
      <c r="G78284" s="16">
        <v>0</v>
      </c>
    </row>
    <row r="78285" spans="1:7" x14ac:dyDescent="0.3">
      <c r="A78285" s="13" t="s">
        <v>399</v>
      </c>
      <c r="B78285" s="14" t="s">
        <v>1</v>
      </c>
      <c r="C78285" s="14" t="s">
        <v>47</v>
      </c>
      <c r="D78285" s="14" t="s">
        <v>400</v>
      </c>
      <c r="E78285" s="15">
        <v>45551</v>
      </c>
      <c r="F78285" s="14" t="s">
        <v>15</v>
      </c>
      <c r="G78285" s="16">
        <v>0</v>
      </c>
    </row>
    <row r="78286" spans="1:7" x14ac:dyDescent="0.3">
      <c r="A78286" s="13" t="s">
        <v>399</v>
      </c>
      <c r="B78286" s="14" t="s">
        <v>1</v>
      </c>
      <c r="C78286" s="14" t="s">
        <v>47</v>
      </c>
      <c r="D78286" s="14" t="s">
        <v>400</v>
      </c>
      <c r="E78286" s="15">
        <v>45552</v>
      </c>
      <c r="F78286" s="14" t="s">
        <v>15</v>
      </c>
      <c r="G78286" s="16">
        <v>0</v>
      </c>
    </row>
    <row r="78287" spans="1:7" x14ac:dyDescent="0.3">
      <c r="A78287" s="13" t="s">
        <v>399</v>
      </c>
      <c r="B78287" s="14" t="s">
        <v>1</v>
      </c>
      <c r="C78287" s="14" t="s">
        <v>47</v>
      </c>
      <c r="D78287" s="14" t="s">
        <v>400</v>
      </c>
      <c r="E78287" s="15">
        <v>45553</v>
      </c>
      <c r="F78287" s="14" t="s">
        <v>15</v>
      </c>
      <c r="G78287" s="16">
        <v>0</v>
      </c>
    </row>
    <row r="78288" spans="1:7" x14ac:dyDescent="0.3">
      <c r="A78288" s="13" t="s">
        <v>399</v>
      </c>
      <c r="B78288" s="14" t="s">
        <v>1</v>
      </c>
      <c r="C78288" s="14" t="s">
        <v>47</v>
      </c>
      <c r="D78288" s="14" t="s">
        <v>400</v>
      </c>
      <c r="E78288" s="15">
        <v>45554</v>
      </c>
      <c r="F78288" s="14" t="s">
        <v>15</v>
      </c>
      <c r="G78288" s="16">
        <v>0</v>
      </c>
    </row>
    <row r="78289" spans="1:7" x14ac:dyDescent="0.3">
      <c r="A78289" s="13" t="s">
        <v>399</v>
      </c>
      <c r="B78289" s="14" t="s">
        <v>1</v>
      </c>
      <c r="C78289" s="14" t="s">
        <v>47</v>
      </c>
      <c r="D78289" s="14" t="s">
        <v>400</v>
      </c>
      <c r="E78289" s="15">
        <v>45555</v>
      </c>
      <c r="F78289" s="14" t="s">
        <v>15</v>
      </c>
      <c r="G78289" s="16">
        <v>0</v>
      </c>
    </row>
    <row r="78290" spans="1:7" x14ac:dyDescent="0.3">
      <c r="A78290" s="13" t="s">
        <v>399</v>
      </c>
      <c r="B78290" s="14" t="s">
        <v>1</v>
      </c>
      <c r="C78290" s="14" t="s">
        <v>47</v>
      </c>
      <c r="D78290" s="14" t="s">
        <v>400</v>
      </c>
      <c r="E78290" s="15">
        <v>45556</v>
      </c>
      <c r="F78290" s="14" t="s">
        <v>15</v>
      </c>
      <c r="G78290" s="16">
        <v>0</v>
      </c>
    </row>
    <row r="78291" spans="1:7" x14ac:dyDescent="0.3">
      <c r="A78291" s="13" t="s">
        <v>399</v>
      </c>
      <c r="B78291" s="14" t="s">
        <v>1</v>
      </c>
      <c r="C78291" s="14" t="s">
        <v>47</v>
      </c>
      <c r="D78291" s="14" t="s">
        <v>400</v>
      </c>
      <c r="E78291" s="15">
        <v>45557</v>
      </c>
      <c r="F78291" s="14" t="s">
        <v>15</v>
      </c>
      <c r="G78291" s="16">
        <v>0</v>
      </c>
    </row>
    <row r="78292" spans="1:7" x14ac:dyDescent="0.3">
      <c r="A78292" s="13" t="s">
        <v>399</v>
      </c>
      <c r="B78292" s="14" t="s">
        <v>1</v>
      </c>
      <c r="C78292" s="14" t="s">
        <v>47</v>
      </c>
      <c r="D78292" s="14" t="s">
        <v>400</v>
      </c>
      <c r="E78292" s="15">
        <v>45558</v>
      </c>
      <c r="F78292" s="14" t="s">
        <v>15</v>
      </c>
      <c r="G78292" s="16">
        <v>0</v>
      </c>
    </row>
    <row r="78293" spans="1:7" x14ac:dyDescent="0.3">
      <c r="A78293" s="13" t="s">
        <v>399</v>
      </c>
      <c r="B78293" s="14" t="s">
        <v>1</v>
      </c>
      <c r="C78293" s="14" t="s">
        <v>47</v>
      </c>
      <c r="D78293" s="14" t="s">
        <v>400</v>
      </c>
      <c r="E78293" s="15">
        <v>45559</v>
      </c>
      <c r="F78293" s="14" t="s">
        <v>15</v>
      </c>
      <c r="G78293" s="16">
        <v>0</v>
      </c>
    </row>
    <row r="78294" spans="1:7" x14ac:dyDescent="0.3">
      <c r="A78294" s="13" t="s">
        <v>399</v>
      </c>
      <c r="B78294" s="14" t="s">
        <v>1</v>
      </c>
      <c r="C78294" s="14" t="s">
        <v>47</v>
      </c>
      <c r="D78294" s="14" t="s">
        <v>400</v>
      </c>
      <c r="E78294" s="15">
        <v>45560</v>
      </c>
      <c r="F78294" s="14" t="s">
        <v>15</v>
      </c>
      <c r="G78294" s="16">
        <v>0</v>
      </c>
    </row>
    <row r="78295" spans="1:7" x14ac:dyDescent="0.3">
      <c r="A78295" s="13" t="s">
        <v>399</v>
      </c>
      <c r="B78295" s="14" t="s">
        <v>1</v>
      </c>
      <c r="C78295" s="14" t="s">
        <v>47</v>
      </c>
      <c r="D78295" s="14" t="s">
        <v>400</v>
      </c>
      <c r="E78295" s="15">
        <v>45561</v>
      </c>
      <c r="F78295" s="14" t="s">
        <v>15</v>
      </c>
      <c r="G78295" s="16">
        <v>0</v>
      </c>
    </row>
    <row r="78296" spans="1:7" x14ac:dyDescent="0.3">
      <c r="A78296" s="13" t="s">
        <v>399</v>
      </c>
      <c r="B78296" s="14" t="s">
        <v>1</v>
      </c>
      <c r="C78296" s="14" t="s">
        <v>47</v>
      </c>
      <c r="D78296" s="14" t="s">
        <v>400</v>
      </c>
      <c r="E78296" s="15">
        <v>45562</v>
      </c>
      <c r="F78296" s="14" t="s">
        <v>15</v>
      </c>
      <c r="G78296" s="16">
        <v>0</v>
      </c>
    </row>
    <row r="78297" spans="1:7" x14ac:dyDescent="0.3">
      <c r="A78297" s="13" t="s">
        <v>399</v>
      </c>
      <c r="B78297" s="14" t="s">
        <v>1</v>
      </c>
      <c r="C78297" s="14" t="s">
        <v>47</v>
      </c>
      <c r="D78297" s="14" t="s">
        <v>400</v>
      </c>
      <c r="E78297" s="15">
        <v>45563</v>
      </c>
      <c r="F78297" s="14" t="s">
        <v>15</v>
      </c>
      <c r="G78297" s="16">
        <v>0</v>
      </c>
    </row>
    <row r="78298" spans="1:7" x14ac:dyDescent="0.3">
      <c r="A78298" s="13" t="s">
        <v>399</v>
      </c>
      <c r="B78298" s="14" t="s">
        <v>1</v>
      </c>
      <c r="C78298" s="14" t="s">
        <v>47</v>
      </c>
      <c r="D78298" s="14" t="s">
        <v>400</v>
      </c>
      <c r="E78298" s="15">
        <v>45564</v>
      </c>
      <c r="F78298" s="14" t="s">
        <v>15</v>
      </c>
      <c r="G78298" s="16">
        <v>0</v>
      </c>
    </row>
    <row r="78299" spans="1:7" x14ac:dyDescent="0.3">
      <c r="A78299" s="13" t="s">
        <v>399</v>
      </c>
      <c r="B78299" s="14" t="s">
        <v>1</v>
      </c>
      <c r="C78299" s="14" t="s">
        <v>47</v>
      </c>
      <c r="D78299" s="14" t="s">
        <v>400</v>
      </c>
      <c r="E78299" s="15">
        <v>45565</v>
      </c>
      <c r="F78299" s="14" t="s">
        <v>15</v>
      </c>
      <c r="G78299" s="16">
        <v>0</v>
      </c>
    </row>
    <row r="78300" spans="1:7" x14ac:dyDescent="0.3">
      <c r="A78300" s="13" t="s">
        <v>399</v>
      </c>
      <c r="B78300" s="14" t="s">
        <v>1</v>
      </c>
      <c r="C78300" s="14" t="s">
        <v>47</v>
      </c>
      <c r="D78300" s="14" t="s">
        <v>400</v>
      </c>
      <c r="E78300" s="15">
        <v>45566</v>
      </c>
      <c r="F78300" s="14" t="s">
        <v>15</v>
      </c>
      <c r="G78300" s="16">
        <v>0</v>
      </c>
    </row>
    <row r="78301" spans="1:7" x14ac:dyDescent="0.3">
      <c r="A78301" s="13" t="s">
        <v>399</v>
      </c>
      <c r="B78301" s="14" t="s">
        <v>1</v>
      </c>
      <c r="C78301" s="14" t="s">
        <v>47</v>
      </c>
      <c r="D78301" s="14" t="s">
        <v>400</v>
      </c>
      <c r="E78301" s="15">
        <v>45567</v>
      </c>
      <c r="F78301" s="14" t="s">
        <v>15</v>
      </c>
      <c r="G78301" s="16">
        <v>0</v>
      </c>
    </row>
    <row r="78302" spans="1:7" x14ac:dyDescent="0.3">
      <c r="A78302" s="13" t="s">
        <v>399</v>
      </c>
      <c r="B78302" s="14" t="s">
        <v>1</v>
      </c>
      <c r="C78302" s="14" t="s">
        <v>47</v>
      </c>
      <c r="D78302" s="14" t="s">
        <v>400</v>
      </c>
      <c r="E78302" s="15">
        <v>45568</v>
      </c>
      <c r="F78302" s="14" t="s">
        <v>15</v>
      </c>
      <c r="G78302" s="16">
        <v>0</v>
      </c>
    </row>
    <row r="78303" spans="1:7" x14ac:dyDescent="0.3">
      <c r="A78303" s="13" t="s">
        <v>399</v>
      </c>
      <c r="B78303" s="14" t="s">
        <v>1</v>
      </c>
      <c r="C78303" s="14" t="s">
        <v>47</v>
      </c>
      <c r="D78303" s="14" t="s">
        <v>400</v>
      </c>
      <c r="E78303" s="15">
        <v>45569</v>
      </c>
      <c r="F78303" s="14" t="s">
        <v>15</v>
      </c>
      <c r="G78303" s="16">
        <v>0</v>
      </c>
    </row>
    <row r="78304" spans="1:7" x14ac:dyDescent="0.3">
      <c r="A78304" s="13" t="s">
        <v>399</v>
      </c>
      <c r="B78304" s="14" t="s">
        <v>1</v>
      </c>
      <c r="C78304" s="14" t="s">
        <v>47</v>
      </c>
      <c r="D78304" s="14" t="s">
        <v>400</v>
      </c>
      <c r="E78304" s="15">
        <v>45570</v>
      </c>
      <c r="F78304" s="14" t="s">
        <v>15</v>
      </c>
      <c r="G78304" s="16">
        <v>0</v>
      </c>
    </row>
    <row r="78305" spans="1:7" x14ac:dyDescent="0.3">
      <c r="A78305" s="13" t="s">
        <v>399</v>
      </c>
      <c r="B78305" s="14" t="s">
        <v>1</v>
      </c>
      <c r="C78305" s="14" t="s">
        <v>47</v>
      </c>
      <c r="D78305" s="14" t="s">
        <v>400</v>
      </c>
      <c r="E78305" s="15">
        <v>45571</v>
      </c>
      <c r="F78305" s="14" t="s">
        <v>15</v>
      </c>
      <c r="G78305" s="16">
        <v>0</v>
      </c>
    </row>
    <row r="78306" spans="1:7" x14ac:dyDescent="0.3">
      <c r="A78306" s="13" t="s">
        <v>399</v>
      </c>
      <c r="B78306" s="14" t="s">
        <v>1</v>
      </c>
      <c r="C78306" s="14" t="s">
        <v>47</v>
      </c>
      <c r="D78306" s="14" t="s">
        <v>400</v>
      </c>
      <c r="E78306" s="15">
        <v>45572</v>
      </c>
      <c r="F78306" s="14" t="s">
        <v>15</v>
      </c>
      <c r="G78306" s="16">
        <v>0</v>
      </c>
    </row>
    <row r="78307" spans="1:7" x14ac:dyDescent="0.3">
      <c r="A78307" s="13" t="s">
        <v>399</v>
      </c>
      <c r="B78307" s="14" t="s">
        <v>1</v>
      </c>
      <c r="C78307" s="14" t="s">
        <v>47</v>
      </c>
      <c r="D78307" s="14" t="s">
        <v>400</v>
      </c>
      <c r="E78307" s="15">
        <v>45573</v>
      </c>
      <c r="F78307" s="14" t="s">
        <v>15</v>
      </c>
      <c r="G78307" s="16">
        <v>0</v>
      </c>
    </row>
    <row r="78308" spans="1:7" x14ac:dyDescent="0.3">
      <c r="A78308" s="13" t="s">
        <v>399</v>
      </c>
      <c r="B78308" s="14" t="s">
        <v>1</v>
      </c>
      <c r="C78308" s="14" t="s">
        <v>47</v>
      </c>
      <c r="D78308" s="14" t="s">
        <v>400</v>
      </c>
      <c r="E78308" s="15">
        <v>45574</v>
      </c>
      <c r="F78308" s="14" t="s">
        <v>15</v>
      </c>
      <c r="G78308" s="16">
        <v>0</v>
      </c>
    </row>
    <row r="78309" spans="1:7" x14ac:dyDescent="0.3">
      <c r="A78309" s="13" t="s">
        <v>399</v>
      </c>
      <c r="B78309" s="14" t="s">
        <v>1</v>
      </c>
      <c r="C78309" s="14" t="s">
        <v>47</v>
      </c>
      <c r="D78309" s="14" t="s">
        <v>400</v>
      </c>
      <c r="E78309" s="15">
        <v>45575</v>
      </c>
      <c r="F78309" s="14" t="s">
        <v>15</v>
      </c>
      <c r="G78309" s="16">
        <v>0</v>
      </c>
    </row>
    <row r="78310" spans="1:7" x14ac:dyDescent="0.3">
      <c r="A78310" s="13" t="s">
        <v>399</v>
      </c>
      <c r="B78310" s="14" t="s">
        <v>1</v>
      </c>
      <c r="C78310" s="14" t="s">
        <v>47</v>
      </c>
      <c r="D78310" s="14" t="s">
        <v>400</v>
      </c>
      <c r="E78310" s="15">
        <v>45576</v>
      </c>
      <c r="F78310" s="14" t="s">
        <v>15</v>
      </c>
      <c r="G78310" s="16">
        <v>0</v>
      </c>
    </row>
    <row r="78311" spans="1:7" x14ac:dyDescent="0.3">
      <c r="A78311" s="13" t="s">
        <v>399</v>
      </c>
      <c r="B78311" s="14" t="s">
        <v>1</v>
      </c>
      <c r="C78311" s="14" t="s">
        <v>47</v>
      </c>
      <c r="D78311" s="14" t="s">
        <v>400</v>
      </c>
      <c r="E78311" s="15">
        <v>45577</v>
      </c>
      <c r="F78311" s="14" t="s">
        <v>15</v>
      </c>
      <c r="G78311" s="16">
        <v>0</v>
      </c>
    </row>
    <row r="78312" spans="1:7" x14ac:dyDescent="0.3">
      <c r="A78312" s="13" t="s">
        <v>399</v>
      </c>
      <c r="B78312" s="14" t="s">
        <v>1</v>
      </c>
      <c r="C78312" s="14" t="s">
        <v>47</v>
      </c>
      <c r="D78312" s="14" t="s">
        <v>400</v>
      </c>
      <c r="E78312" s="15">
        <v>45578</v>
      </c>
      <c r="F78312" s="14" t="s">
        <v>15</v>
      </c>
      <c r="G78312" s="16">
        <v>0</v>
      </c>
    </row>
    <row r="78313" spans="1:7" x14ac:dyDescent="0.3">
      <c r="A78313" s="13" t="s">
        <v>399</v>
      </c>
      <c r="B78313" s="14" t="s">
        <v>1</v>
      </c>
      <c r="C78313" s="14" t="s">
        <v>47</v>
      </c>
      <c r="D78313" s="14" t="s">
        <v>400</v>
      </c>
      <c r="E78313" s="15">
        <v>45579</v>
      </c>
      <c r="F78313" s="14" t="s">
        <v>15</v>
      </c>
      <c r="G78313" s="16">
        <v>0</v>
      </c>
    </row>
    <row r="78314" spans="1:7" x14ac:dyDescent="0.3">
      <c r="A78314" s="13" t="s">
        <v>399</v>
      </c>
      <c r="B78314" s="14" t="s">
        <v>1</v>
      </c>
      <c r="C78314" s="14" t="s">
        <v>47</v>
      </c>
      <c r="D78314" s="14" t="s">
        <v>400</v>
      </c>
      <c r="E78314" s="15">
        <v>45580</v>
      </c>
      <c r="F78314" s="14" t="s">
        <v>15</v>
      </c>
      <c r="G78314" s="16">
        <v>0</v>
      </c>
    </row>
    <row r="78315" spans="1:7" x14ac:dyDescent="0.3">
      <c r="A78315" s="13" t="s">
        <v>399</v>
      </c>
      <c r="B78315" s="14" t="s">
        <v>1</v>
      </c>
      <c r="C78315" s="14" t="s">
        <v>47</v>
      </c>
      <c r="D78315" s="14" t="s">
        <v>400</v>
      </c>
      <c r="E78315" s="15">
        <v>45581</v>
      </c>
      <c r="F78315" s="14" t="s">
        <v>15</v>
      </c>
      <c r="G78315" s="16">
        <v>0</v>
      </c>
    </row>
    <row r="78316" spans="1:7" x14ac:dyDescent="0.3">
      <c r="A78316" s="13" t="s">
        <v>399</v>
      </c>
      <c r="B78316" s="14" t="s">
        <v>1</v>
      </c>
      <c r="C78316" s="14" t="s">
        <v>47</v>
      </c>
      <c r="D78316" s="14" t="s">
        <v>400</v>
      </c>
      <c r="E78316" s="15">
        <v>45582</v>
      </c>
      <c r="F78316" s="14" t="s">
        <v>15</v>
      </c>
      <c r="G78316" s="16">
        <v>0</v>
      </c>
    </row>
    <row r="78317" spans="1:7" x14ac:dyDescent="0.3">
      <c r="A78317" s="13" t="s">
        <v>399</v>
      </c>
      <c r="B78317" s="14" t="s">
        <v>1</v>
      </c>
      <c r="C78317" s="14" t="s">
        <v>47</v>
      </c>
      <c r="D78317" s="14" t="s">
        <v>400</v>
      </c>
      <c r="E78317" s="15">
        <v>45583</v>
      </c>
      <c r="F78317" s="14" t="s">
        <v>15</v>
      </c>
      <c r="G78317" s="16">
        <v>0</v>
      </c>
    </row>
    <row r="78318" spans="1:7" x14ac:dyDescent="0.3">
      <c r="A78318" s="13" t="s">
        <v>399</v>
      </c>
      <c r="B78318" s="14" t="s">
        <v>1</v>
      </c>
      <c r="C78318" s="14" t="s">
        <v>47</v>
      </c>
      <c r="D78318" s="14" t="s">
        <v>400</v>
      </c>
      <c r="E78318" s="15">
        <v>45584</v>
      </c>
      <c r="F78318" s="14" t="s">
        <v>15</v>
      </c>
      <c r="G78318" s="16">
        <v>0</v>
      </c>
    </row>
    <row r="78319" spans="1:7" x14ac:dyDescent="0.3">
      <c r="A78319" s="13" t="s">
        <v>399</v>
      </c>
      <c r="B78319" s="14" t="s">
        <v>1</v>
      </c>
      <c r="C78319" s="14" t="s">
        <v>47</v>
      </c>
      <c r="D78319" s="14" t="s">
        <v>400</v>
      </c>
      <c r="E78319" s="15">
        <v>45585</v>
      </c>
      <c r="F78319" s="14" t="s">
        <v>15</v>
      </c>
      <c r="G78319" s="16">
        <v>0</v>
      </c>
    </row>
    <row r="78320" spans="1:7" x14ac:dyDescent="0.3">
      <c r="A78320" s="13" t="s">
        <v>399</v>
      </c>
      <c r="B78320" s="14" t="s">
        <v>1</v>
      </c>
      <c r="C78320" s="14" t="s">
        <v>47</v>
      </c>
      <c r="D78320" s="14" t="s">
        <v>400</v>
      </c>
      <c r="E78320" s="15">
        <v>45586</v>
      </c>
      <c r="F78320" s="14" t="s">
        <v>15</v>
      </c>
      <c r="G78320" s="16">
        <v>0</v>
      </c>
    </row>
    <row r="78321" spans="1:7" x14ac:dyDescent="0.3">
      <c r="A78321" s="13" t="s">
        <v>399</v>
      </c>
      <c r="B78321" s="14" t="s">
        <v>1</v>
      </c>
      <c r="C78321" s="14" t="s">
        <v>47</v>
      </c>
      <c r="D78321" s="14" t="s">
        <v>400</v>
      </c>
      <c r="E78321" s="15">
        <v>45587</v>
      </c>
      <c r="F78321" s="14" t="s">
        <v>15</v>
      </c>
      <c r="G78321" s="16">
        <v>0</v>
      </c>
    </row>
    <row r="78322" spans="1:7" x14ac:dyDescent="0.3">
      <c r="A78322" s="13" t="s">
        <v>399</v>
      </c>
      <c r="B78322" s="14" t="s">
        <v>1</v>
      </c>
      <c r="C78322" s="14" t="s">
        <v>47</v>
      </c>
      <c r="D78322" s="14" t="s">
        <v>400</v>
      </c>
      <c r="E78322" s="15">
        <v>45588</v>
      </c>
      <c r="F78322" s="14" t="s">
        <v>15</v>
      </c>
      <c r="G78322" s="16">
        <v>0</v>
      </c>
    </row>
    <row r="78323" spans="1:7" x14ac:dyDescent="0.3">
      <c r="A78323" s="13" t="s">
        <v>399</v>
      </c>
      <c r="B78323" s="14" t="s">
        <v>1</v>
      </c>
      <c r="C78323" s="14" t="s">
        <v>47</v>
      </c>
      <c r="D78323" s="14" t="s">
        <v>400</v>
      </c>
      <c r="E78323" s="15">
        <v>45589</v>
      </c>
      <c r="F78323" s="14" t="s">
        <v>15</v>
      </c>
      <c r="G78323" s="16">
        <v>0</v>
      </c>
    </row>
    <row r="78324" spans="1:7" x14ac:dyDescent="0.3">
      <c r="A78324" s="13" t="s">
        <v>399</v>
      </c>
      <c r="B78324" s="14" t="s">
        <v>1</v>
      </c>
      <c r="C78324" s="14" t="s">
        <v>47</v>
      </c>
      <c r="D78324" s="14" t="s">
        <v>400</v>
      </c>
      <c r="E78324" s="15">
        <v>45590</v>
      </c>
      <c r="F78324" s="14" t="s">
        <v>15</v>
      </c>
      <c r="G78324" s="16">
        <v>0</v>
      </c>
    </row>
    <row r="78325" spans="1:7" x14ac:dyDescent="0.3">
      <c r="A78325" s="13" t="s">
        <v>399</v>
      </c>
      <c r="B78325" s="14" t="s">
        <v>1</v>
      </c>
      <c r="C78325" s="14" t="s">
        <v>47</v>
      </c>
      <c r="D78325" s="14" t="s">
        <v>400</v>
      </c>
      <c r="E78325" s="15">
        <v>45591</v>
      </c>
      <c r="F78325" s="14" t="s">
        <v>15</v>
      </c>
      <c r="G78325" s="16">
        <v>0</v>
      </c>
    </row>
    <row r="78326" spans="1:7" x14ac:dyDescent="0.3">
      <c r="A78326" s="13" t="s">
        <v>399</v>
      </c>
      <c r="B78326" s="14" t="s">
        <v>1</v>
      </c>
      <c r="C78326" s="14" t="s">
        <v>47</v>
      </c>
      <c r="D78326" s="14" t="s">
        <v>400</v>
      </c>
      <c r="E78326" s="15">
        <v>45592</v>
      </c>
      <c r="F78326" s="14" t="s">
        <v>15</v>
      </c>
      <c r="G78326" s="16">
        <v>0</v>
      </c>
    </row>
    <row r="78327" spans="1:7" x14ac:dyDescent="0.3">
      <c r="A78327" s="13" t="s">
        <v>399</v>
      </c>
      <c r="B78327" s="14" t="s">
        <v>1</v>
      </c>
      <c r="C78327" s="14" t="s">
        <v>47</v>
      </c>
      <c r="D78327" s="14" t="s">
        <v>400</v>
      </c>
      <c r="E78327" s="15">
        <v>45593</v>
      </c>
      <c r="F78327" s="14" t="s">
        <v>15</v>
      </c>
      <c r="G78327" s="16">
        <v>0</v>
      </c>
    </row>
    <row r="78328" spans="1:7" x14ac:dyDescent="0.3">
      <c r="A78328" s="13" t="s">
        <v>399</v>
      </c>
      <c r="B78328" s="14" t="s">
        <v>1</v>
      </c>
      <c r="C78328" s="14" t="s">
        <v>47</v>
      </c>
      <c r="D78328" s="14" t="s">
        <v>400</v>
      </c>
      <c r="E78328" s="15">
        <v>45594</v>
      </c>
      <c r="F78328" s="14" t="s">
        <v>15</v>
      </c>
      <c r="G78328" s="16">
        <v>0</v>
      </c>
    </row>
    <row r="78329" spans="1:7" x14ac:dyDescent="0.3">
      <c r="A78329" s="13" t="s">
        <v>399</v>
      </c>
      <c r="B78329" s="14" t="s">
        <v>1</v>
      </c>
      <c r="C78329" s="14" t="s">
        <v>47</v>
      </c>
      <c r="D78329" s="14" t="s">
        <v>400</v>
      </c>
      <c r="E78329" s="15">
        <v>45595</v>
      </c>
      <c r="F78329" s="14" t="s">
        <v>15</v>
      </c>
      <c r="G78329" s="16">
        <v>0</v>
      </c>
    </row>
    <row r="78330" spans="1:7" x14ac:dyDescent="0.3">
      <c r="A78330" s="13" t="s">
        <v>399</v>
      </c>
      <c r="B78330" s="14" t="s">
        <v>1</v>
      </c>
      <c r="C78330" s="14" t="s">
        <v>47</v>
      </c>
      <c r="D78330" s="14" t="s">
        <v>400</v>
      </c>
      <c r="E78330" s="15">
        <v>45596</v>
      </c>
      <c r="F78330" s="14" t="s">
        <v>15</v>
      </c>
      <c r="G78330" s="16">
        <v>0</v>
      </c>
    </row>
    <row r="78331" spans="1:7" x14ac:dyDescent="0.3">
      <c r="A78331" s="13" t="s">
        <v>399</v>
      </c>
      <c r="B78331" s="14" t="s">
        <v>1</v>
      </c>
      <c r="C78331" s="14" t="s">
        <v>47</v>
      </c>
      <c r="D78331" s="14" t="s">
        <v>400</v>
      </c>
      <c r="E78331" s="15">
        <v>45597</v>
      </c>
      <c r="F78331" s="14" t="s">
        <v>15</v>
      </c>
      <c r="G78331" s="16">
        <v>0</v>
      </c>
    </row>
    <row r="78332" spans="1:7" x14ac:dyDescent="0.3">
      <c r="A78332" s="13" t="s">
        <v>399</v>
      </c>
      <c r="B78332" s="14" t="s">
        <v>1</v>
      </c>
      <c r="C78332" s="14" t="s">
        <v>47</v>
      </c>
      <c r="D78332" s="14" t="s">
        <v>400</v>
      </c>
      <c r="E78332" s="15">
        <v>45598</v>
      </c>
      <c r="F78332" s="14" t="s">
        <v>15</v>
      </c>
      <c r="G78332" s="16">
        <v>0</v>
      </c>
    </row>
    <row r="78333" spans="1:7" x14ac:dyDescent="0.3">
      <c r="A78333" s="13" t="s">
        <v>399</v>
      </c>
      <c r="B78333" s="14" t="s">
        <v>1</v>
      </c>
      <c r="C78333" s="14" t="s">
        <v>47</v>
      </c>
      <c r="D78333" s="14" t="s">
        <v>400</v>
      </c>
      <c r="E78333" s="15">
        <v>45599</v>
      </c>
      <c r="F78333" s="14" t="s">
        <v>15</v>
      </c>
      <c r="G78333" s="16">
        <v>0</v>
      </c>
    </row>
    <row r="78334" spans="1:7" x14ac:dyDescent="0.3">
      <c r="A78334" s="13" t="s">
        <v>399</v>
      </c>
      <c r="B78334" s="14" t="s">
        <v>1</v>
      </c>
      <c r="C78334" s="14" t="s">
        <v>47</v>
      </c>
      <c r="D78334" s="14" t="s">
        <v>400</v>
      </c>
      <c r="E78334" s="15">
        <v>45600</v>
      </c>
      <c r="F78334" s="14" t="s">
        <v>15</v>
      </c>
      <c r="G78334" s="16">
        <v>0</v>
      </c>
    </row>
    <row r="78335" spans="1:7" x14ac:dyDescent="0.3">
      <c r="A78335" s="13" t="s">
        <v>399</v>
      </c>
      <c r="B78335" s="14" t="s">
        <v>1</v>
      </c>
      <c r="C78335" s="14" t="s">
        <v>47</v>
      </c>
      <c r="D78335" s="14" t="s">
        <v>400</v>
      </c>
      <c r="E78335" s="15">
        <v>45601</v>
      </c>
      <c r="F78335" s="14" t="s">
        <v>15</v>
      </c>
      <c r="G78335" s="16">
        <v>0</v>
      </c>
    </row>
    <row r="78336" spans="1:7" x14ac:dyDescent="0.3">
      <c r="A78336" s="13" t="s">
        <v>399</v>
      </c>
      <c r="B78336" s="14" t="s">
        <v>1</v>
      </c>
      <c r="C78336" s="14" t="s">
        <v>47</v>
      </c>
      <c r="D78336" s="14" t="s">
        <v>400</v>
      </c>
      <c r="E78336" s="15">
        <v>45602</v>
      </c>
      <c r="F78336" s="14" t="s">
        <v>15</v>
      </c>
      <c r="G78336" s="16">
        <v>0</v>
      </c>
    </row>
    <row r="78337" spans="1:7" x14ac:dyDescent="0.3">
      <c r="A78337" s="13" t="s">
        <v>399</v>
      </c>
      <c r="B78337" s="14" t="s">
        <v>1</v>
      </c>
      <c r="C78337" s="14" t="s">
        <v>47</v>
      </c>
      <c r="D78337" s="14" t="s">
        <v>400</v>
      </c>
      <c r="E78337" s="15">
        <v>45603</v>
      </c>
      <c r="F78337" s="14" t="s">
        <v>15</v>
      </c>
      <c r="G78337" s="16">
        <v>0</v>
      </c>
    </row>
    <row r="78338" spans="1:7" x14ac:dyDescent="0.3">
      <c r="A78338" s="13" t="s">
        <v>399</v>
      </c>
      <c r="B78338" s="14" t="s">
        <v>1</v>
      </c>
      <c r="C78338" s="14" t="s">
        <v>47</v>
      </c>
      <c r="D78338" s="14" t="s">
        <v>400</v>
      </c>
      <c r="E78338" s="15">
        <v>45604</v>
      </c>
      <c r="F78338" s="14" t="s">
        <v>15</v>
      </c>
      <c r="G78338" s="16">
        <v>0</v>
      </c>
    </row>
    <row r="78339" spans="1:7" x14ac:dyDescent="0.3">
      <c r="A78339" s="13" t="s">
        <v>399</v>
      </c>
      <c r="B78339" s="14" t="s">
        <v>1</v>
      </c>
      <c r="C78339" s="14" t="s">
        <v>47</v>
      </c>
      <c r="D78339" s="14" t="s">
        <v>400</v>
      </c>
      <c r="E78339" s="15">
        <v>45605</v>
      </c>
      <c r="F78339" s="14" t="s">
        <v>15</v>
      </c>
      <c r="G78339" s="16">
        <v>0</v>
      </c>
    </row>
    <row r="78340" spans="1:7" x14ac:dyDescent="0.3">
      <c r="A78340" s="13" t="s">
        <v>399</v>
      </c>
      <c r="B78340" s="14" t="s">
        <v>1</v>
      </c>
      <c r="C78340" s="14" t="s">
        <v>47</v>
      </c>
      <c r="D78340" s="14" t="s">
        <v>400</v>
      </c>
      <c r="E78340" s="15">
        <v>45606</v>
      </c>
      <c r="F78340" s="14" t="s">
        <v>15</v>
      </c>
      <c r="G78340" s="16">
        <v>0</v>
      </c>
    </row>
    <row r="78341" spans="1:7" x14ac:dyDescent="0.3">
      <c r="A78341" s="13" t="s">
        <v>399</v>
      </c>
      <c r="B78341" s="14" t="s">
        <v>1</v>
      </c>
      <c r="C78341" s="14" t="s">
        <v>47</v>
      </c>
      <c r="D78341" s="14" t="s">
        <v>400</v>
      </c>
      <c r="E78341" s="15">
        <v>45607</v>
      </c>
      <c r="F78341" s="14" t="s">
        <v>15</v>
      </c>
      <c r="G78341" s="16">
        <v>0</v>
      </c>
    </row>
    <row r="78342" spans="1:7" x14ac:dyDescent="0.3">
      <c r="A78342" s="13" t="s">
        <v>399</v>
      </c>
      <c r="B78342" s="14" t="s">
        <v>1</v>
      </c>
      <c r="C78342" s="14" t="s">
        <v>47</v>
      </c>
      <c r="D78342" s="14" t="s">
        <v>400</v>
      </c>
      <c r="E78342" s="15">
        <v>45608</v>
      </c>
      <c r="F78342" s="14" t="s">
        <v>15</v>
      </c>
      <c r="G78342" s="16">
        <v>0</v>
      </c>
    </row>
    <row r="78343" spans="1:7" x14ac:dyDescent="0.3">
      <c r="A78343" s="13" t="s">
        <v>399</v>
      </c>
      <c r="B78343" s="14" t="s">
        <v>1</v>
      </c>
      <c r="C78343" s="14" t="s">
        <v>47</v>
      </c>
      <c r="D78343" s="14" t="s">
        <v>400</v>
      </c>
      <c r="E78343" s="15">
        <v>45609</v>
      </c>
      <c r="F78343" s="14" t="s">
        <v>15</v>
      </c>
      <c r="G78343" s="16">
        <v>0</v>
      </c>
    </row>
    <row r="78344" spans="1:7" x14ac:dyDescent="0.3">
      <c r="A78344" s="13" t="s">
        <v>399</v>
      </c>
      <c r="B78344" s="14" t="s">
        <v>1</v>
      </c>
      <c r="C78344" s="14" t="s">
        <v>47</v>
      </c>
      <c r="D78344" s="14" t="s">
        <v>400</v>
      </c>
      <c r="E78344" s="15">
        <v>45610</v>
      </c>
      <c r="F78344" s="14" t="s">
        <v>15</v>
      </c>
      <c r="G78344" s="16">
        <v>0</v>
      </c>
    </row>
    <row r="78345" spans="1:7" x14ac:dyDescent="0.3">
      <c r="A78345" s="13" t="s">
        <v>399</v>
      </c>
      <c r="B78345" s="14" t="s">
        <v>1</v>
      </c>
      <c r="C78345" s="14" t="s">
        <v>47</v>
      </c>
      <c r="D78345" s="14" t="s">
        <v>400</v>
      </c>
      <c r="E78345" s="15">
        <v>45611</v>
      </c>
      <c r="F78345" s="14" t="s">
        <v>15</v>
      </c>
      <c r="G78345" s="16">
        <v>0</v>
      </c>
    </row>
    <row r="78346" spans="1:7" x14ac:dyDescent="0.3">
      <c r="A78346" s="13" t="s">
        <v>399</v>
      </c>
      <c r="B78346" s="14" t="s">
        <v>1</v>
      </c>
      <c r="C78346" s="14" t="s">
        <v>47</v>
      </c>
      <c r="D78346" s="14" t="s">
        <v>400</v>
      </c>
      <c r="E78346" s="15">
        <v>45612</v>
      </c>
      <c r="F78346" s="14" t="s">
        <v>15</v>
      </c>
      <c r="G78346" s="16">
        <v>0</v>
      </c>
    </row>
    <row r="78347" spans="1:7" x14ac:dyDescent="0.3">
      <c r="A78347" s="13" t="s">
        <v>399</v>
      </c>
      <c r="B78347" s="14" t="s">
        <v>1</v>
      </c>
      <c r="C78347" s="14" t="s">
        <v>47</v>
      </c>
      <c r="D78347" s="14" t="s">
        <v>400</v>
      </c>
      <c r="E78347" s="15">
        <v>45613</v>
      </c>
      <c r="F78347" s="14" t="s">
        <v>15</v>
      </c>
      <c r="G78347" s="16">
        <v>0</v>
      </c>
    </row>
    <row r="78348" spans="1:7" x14ac:dyDescent="0.3">
      <c r="A78348" s="13" t="s">
        <v>399</v>
      </c>
      <c r="B78348" s="14" t="s">
        <v>1</v>
      </c>
      <c r="C78348" s="14" t="s">
        <v>47</v>
      </c>
      <c r="D78348" s="14" t="s">
        <v>400</v>
      </c>
      <c r="E78348" s="15">
        <v>45614</v>
      </c>
      <c r="F78348" s="14" t="s">
        <v>15</v>
      </c>
      <c r="G78348" s="16">
        <v>0</v>
      </c>
    </row>
    <row r="78349" spans="1:7" x14ac:dyDescent="0.3">
      <c r="A78349" s="13" t="s">
        <v>399</v>
      </c>
      <c r="B78349" s="14" t="s">
        <v>1</v>
      </c>
      <c r="C78349" s="14" t="s">
        <v>47</v>
      </c>
      <c r="D78349" s="14" t="s">
        <v>400</v>
      </c>
      <c r="E78349" s="15">
        <v>45615</v>
      </c>
      <c r="F78349" s="14" t="s">
        <v>15</v>
      </c>
      <c r="G78349" s="16">
        <v>0</v>
      </c>
    </row>
    <row r="78350" spans="1:7" x14ac:dyDescent="0.3">
      <c r="A78350" s="13" t="s">
        <v>399</v>
      </c>
      <c r="B78350" s="14" t="s">
        <v>1</v>
      </c>
      <c r="C78350" s="14" t="s">
        <v>47</v>
      </c>
      <c r="D78350" s="14" t="s">
        <v>400</v>
      </c>
      <c r="E78350" s="15">
        <v>45616</v>
      </c>
      <c r="F78350" s="14" t="s">
        <v>15</v>
      </c>
      <c r="G78350" s="16">
        <v>0</v>
      </c>
    </row>
    <row r="78351" spans="1:7" x14ac:dyDescent="0.3">
      <c r="A78351" s="13" t="s">
        <v>399</v>
      </c>
      <c r="B78351" s="14" t="s">
        <v>1</v>
      </c>
      <c r="C78351" s="14" t="s">
        <v>47</v>
      </c>
      <c r="D78351" s="14" t="s">
        <v>400</v>
      </c>
      <c r="E78351" s="15">
        <v>45617</v>
      </c>
      <c r="F78351" s="14" t="s">
        <v>15</v>
      </c>
      <c r="G78351" s="16">
        <v>0</v>
      </c>
    </row>
    <row r="78352" spans="1:7" x14ac:dyDescent="0.3">
      <c r="A78352" s="13" t="s">
        <v>399</v>
      </c>
      <c r="B78352" s="14" t="s">
        <v>1</v>
      </c>
      <c r="C78352" s="14" t="s">
        <v>47</v>
      </c>
      <c r="D78352" s="14" t="s">
        <v>400</v>
      </c>
      <c r="E78352" s="15">
        <v>45618</v>
      </c>
      <c r="F78352" s="14" t="s">
        <v>15</v>
      </c>
      <c r="G78352" s="16">
        <v>0</v>
      </c>
    </row>
    <row r="78353" spans="1:7" x14ac:dyDescent="0.3">
      <c r="A78353" s="13" t="s">
        <v>399</v>
      </c>
      <c r="B78353" s="14" t="s">
        <v>1</v>
      </c>
      <c r="C78353" s="14" t="s">
        <v>47</v>
      </c>
      <c r="D78353" s="14" t="s">
        <v>400</v>
      </c>
      <c r="E78353" s="15">
        <v>45619</v>
      </c>
      <c r="F78353" s="14" t="s">
        <v>15</v>
      </c>
      <c r="G78353" s="16">
        <v>0</v>
      </c>
    </row>
    <row r="78354" spans="1:7" x14ac:dyDescent="0.3">
      <c r="A78354" s="13" t="s">
        <v>399</v>
      </c>
      <c r="B78354" s="14" t="s">
        <v>1</v>
      </c>
      <c r="C78354" s="14" t="s">
        <v>47</v>
      </c>
      <c r="D78354" s="14" t="s">
        <v>400</v>
      </c>
      <c r="E78354" s="15">
        <v>45620</v>
      </c>
      <c r="F78354" s="14" t="s">
        <v>15</v>
      </c>
      <c r="G78354" s="16">
        <v>0</v>
      </c>
    </row>
    <row r="78355" spans="1:7" x14ac:dyDescent="0.3">
      <c r="A78355" s="13" t="s">
        <v>399</v>
      </c>
      <c r="B78355" s="14" t="s">
        <v>1</v>
      </c>
      <c r="C78355" s="14" t="s">
        <v>47</v>
      </c>
      <c r="D78355" s="14" t="s">
        <v>400</v>
      </c>
      <c r="E78355" s="15">
        <v>45621</v>
      </c>
      <c r="F78355" s="14" t="s">
        <v>15</v>
      </c>
      <c r="G78355" s="16">
        <v>0</v>
      </c>
    </row>
    <row r="78356" spans="1:7" x14ac:dyDescent="0.3">
      <c r="A78356" s="13" t="s">
        <v>399</v>
      </c>
      <c r="B78356" s="14" t="s">
        <v>1</v>
      </c>
      <c r="C78356" s="14" t="s">
        <v>47</v>
      </c>
      <c r="D78356" s="14" t="s">
        <v>400</v>
      </c>
      <c r="E78356" s="15">
        <v>45622</v>
      </c>
      <c r="F78356" s="14" t="s">
        <v>15</v>
      </c>
      <c r="G78356" s="16">
        <v>0</v>
      </c>
    </row>
    <row r="78357" spans="1:7" x14ac:dyDescent="0.3">
      <c r="A78357" s="13" t="s">
        <v>399</v>
      </c>
      <c r="B78357" s="14" t="s">
        <v>1</v>
      </c>
      <c r="C78357" s="14" t="s">
        <v>47</v>
      </c>
      <c r="D78357" s="14" t="s">
        <v>400</v>
      </c>
      <c r="E78357" s="15">
        <v>45623</v>
      </c>
      <c r="F78357" s="14" t="s">
        <v>15</v>
      </c>
      <c r="G78357" s="16">
        <v>0</v>
      </c>
    </row>
    <row r="78358" spans="1:7" x14ac:dyDescent="0.3">
      <c r="A78358" s="13" t="s">
        <v>399</v>
      </c>
      <c r="B78358" s="14" t="s">
        <v>1</v>
      </c>
      <c r="C78358" s="14" t="s">
        <v>47</v>
      </c>
      <c r="D78358" s="14" t="s">
        <v>400</v>
      </c>
      <c r="E78358" s="15">
        <v>45624</v>
      </c>
      <c r="F78358" s="14" t="s">
        <v>15</v>
      </c>
      <c r="G78358" s="16">
        <v>0</v>
      </c>
    </row>
    <row r="78359" spans="1:7" x14ac:dyDescent="0.3">
      <c r="A78359" s="13" t="s">
        <v>399</v>
      </c>
      <c r="B78359" s="14" t="s">
        <v>1</v>
      </c>
      <c r="C78359" s="14" t="s">
        <v>47</v>
      </c>
      <c r="D78359" s="14" t="s">
        <v>400</v>
      </c>
      <c r="E78359" s="15">
        <v>45625</v>
      </c>
      <c r="F78359" s="14" t="s">
        <v>15</v>
      </c>
      <c r="G78359" s="16">
        <v>0</v>
      </c>
    </row>
    <row r="78360" spans="1:7" x14ac:dyDescent="0.3">
      <c r="A78360" s="13" t="s">
        <v>399</v>
      </c>
      <c r="B78360" s="14" t="s">
        <v>1</v>
      </c>
      <c r="C78360" s="14" t="s">
        <v>47</v>
      </c>
      <c r="D78360" s="14" t="s">
        <v>400</v>
      </c>
      <c r="E78360" s="15">
        <v>45626</v>
      </c>
      <c r="F78360" s="14" t="s">
        <v>15</v>
      </c>
      <c r="G78360" s="16">
        <v>0</v>
      </c>
    </row>
    <row r="78361" spans="1:7" x14ac:dyDescent="0.3">
      <c r="A78361" s="13" t="s">
        <v>399</v>
      </c>
      <c r="B78361" s="14" t="s">
        <v>1</v>
      </c>
      <c r="C78361" s="14" t="s">
        <v>47</v>
      </c>
      <c r="D78361" s="14" t="s">
        <v>400</v>
      </c>
      <c r="E78361" s="15">
        <v>45627</v>
      </c>
      <c r="F78361" s="14" t="s">
        <v>15</v>
      </c>
      <c r="G78361" s="16">
        <v>0</v>
      </c>
    </row>
    <row r="78362" spans="1:7" x14ac:dyDescent="0.3">
      <c r="A78362" s="13" t="s">
        <v>399</v>
      </c>
      <c r="B78362" s="14" t="s">
        <v>1</v>
      </c>
      <c r="C78362" s="14" t="s">
        <v>47</v>
      </c>
      <c r="D78362" s="14" t="s">
        <v>400</v>
      </c>
      <c r="E78362" s="15">
        <v>45628</v>
      </c>
      <c r="F78362" s="14" t="s">
        <v>15</v>
      </c>
      <c r="G78362" s="16">
        <v>0</v>
      </c>
    </row>
    <row r="78363" spans="1:7" x14ac:dyDescent="0.3">
      <c r="A78363" s="13" t="s">
        <v>399</v>
      </c>
      <c r="B78363" s="14" t="s">
        <v>1</v>
      </c>
      <c r="C78363" s="14" t="s">
        <v>47</v>
      </c>
      <c r="D78363" s="14" t="s">
        <v>400</v>
      </c>
      <c r="E78363" s="15">
        <v>45629</v>
      </c>
      <c r="F78363" s="14" t="s">
        <v>15</v>
      </c>
      <c r="G78363" s="16">
        <v>0</v>
      </c>
    </row>
    <row r="78364" spans="1:7" x14ac:dyDescent="0.3">
      <c r="A78364" s="13" t="s">
        <v>399</v>
      </c>
      <c r="B78364" s="14" t="s">
        <v>1</v>
      </c>
      <c r="C78364" s="14" t="s">
        <v>47</v>
      </c>
      <c r="D78364" s="14" t="s">
        <v>400</v>
      </c>
      <c r="E78364" s="15">
        <v>45630</v>
      </c>
      <c r="F78364" s="14" t="s">
        <v>15</v>
      </c>
      <c r="G78364" s="16">
        <v>0</v>
      </c>
    </row>
    <row r="78365" spans="1:7" x14ac:dyDescent="0.3">
      <c r="A78365" s="13" t="s">
        <v>399</v>
      </c>
      <c r="B78365" s="14" t="s">
        <v>1</v>
      </c>
      <c r="C78365" s="14" t="s">
        <v>47</v>
      </c>
      <c r="D78365" s="14" t="s">
        <v>400</v>
      </c>
      <c r="E78365" s="15">
        <v>45631</v>
      </c>
      <c r="F78365" s="14" t="s">
        <v>15</v>
      </c>
      <c r="G78365" s="16">
        <v>0</v>
      </c>
    </row>
    <row r="78366" spans="1:7" x14ac:dyDescent="0.3">
      <c r="A78366" s="13" t="s">
        <v>399</v>
      </c>
      <c r="B78366" s="14" t="s">
        <v>1</v>
      </c>
      <c r="C78366" s="14" t="s">
        <v>47</v>
      </c>
      <c r="D78366" s="14" t="s">
        <v>400</v>
      </c>
      <c r="E78366" s="15">
        <v>45632</v>
      </c>
      <c r="F78366" s="14" t="s">
        <v>15</v>
      </c>
      <c r="G78366" s="16">
        <v>0</v>
      </c>
    </row>
    <row r="78367" spans="1:7" x14ac:dyDescent="0.3">
      <c r="A78367" s="13" t="s">
        <v>399</v>
      </c>
      <c r="B78367" s="14" t="s">
        <v>1</v>
      </c>
      <c r="C78367" s="14" t="s">
        <v>47</v>
      </c>
      <c r="D78367" s="14" t="s">
        <v>400</v>
      </c>
      <c r="E78367" s="15">
        <v>45633</v>
      </c>
      <c r="F78367" s="14" t="s">
        <v>15</v>
      </c>
      <c r="G78367" s="16">
        <v>0</v>
      </c>
    </row>
    <row r="78368" spans="1:7" x14ac:dyDescent="0.3">
      <c r="A78368" s="13" t="s">
        <v>399</v>
      </c>
      <c r="B78368" s="14" t="s">
        <v>1</v>
      </c>
      <c r="C78368" s="14" t="s">
        <v>47</v>
      </c>
      <c r="D78368" s="14" t="s">
        <v>400</v>
      </c>
      <c r="E78368" s="15">
        <v>45634</v>
      </c>
      <c r="F78368" s="14" t="s">
        <v>15</v>
      </c>
      <c r="G78368" s="16">
        <v>0</v>
      </c>
    </row>
    <row r="78369" spans="1:7" x14ac:dyDescent="0.3">
      <c r="A78369" s="13" t="s">
        <v>399</v>
      </c>
      <c r="B78369" s="14" t="s">
        <v>1</v>
      </c>
      <c r="C78369" s="14" t="s">
        <v>47</v>
      </c>
      <c r="D78369" s="14" t="s">
        <v>400</v>
      </c>
      <c r="E78369" s="15">
        <v>45635</v>
      </c>
      <c r="F78369" s="14" t="s">
        <v>15</v>
      </c>
      <c r="G78369" s="16">
        <v>0</v>
      </c>
    </row>
    <row r="78370" spans="1:7" x14ac:dyDescent="0.3">
      <c r="A78370" s="13" t="s">
        <v>399</v>
      </c>
      <c r="B78370" s="14" t="s">
        <v>1</v>
      </c>
      <c r="C78370" s="14" t="s">
        <v>47</v>
      </c>
      <c r="D78370" s="14" t="s">
        <v>400</v>
      </c>
      <c r="E78370" s="15">
        <v>45636</v>
      </c>
      <c r="F78370" s="14" t="s">
        <v>15</v>
      </c>
      <c r="G78370" s="16">
        <v>0</v>
      </c>
    </row>
    <row r="78371" spans="1:7" x14ac:dyDescent="0.3">
      <c r="A78371" s="13" t="s">
        <v>399</v>
      </c>
      <c r="B78371" s="14" t="s">
        <v>1</v>
      </c>
      <c r="C78371" s="14" t="s">
        <v>47</v>
      </c>
      <c r="D78371" s="14" t="s">
        <v>400</v>
      </c>
      <c r="E78371" s="15">
        <v>45637</v>
      </c>
      <c r="F78371" s="14" t="s">
        <v>15</v>
      </c>
      <c r="G78371" s="16">
        <v>0</v>
      </c>
    </row>
    <row r="78372" spans="1:7" x14ac:dyDescent="0.3">
      <c r="A78372" s="13" t="s">
        <v>399</v>
      </c>
      <c r="B78372" s="14" t="s">
        <v>1</v>
      </c>
      <c r="C78372" s="14" t="s">
        <v>47</v>
      </c>
      <c r="D78372" s="14" t="s">
        <v>400</v>
      </c>
      <c r="E78372" s="15">
        <v>45638</v>
      </c>
      <c r="F78372" s="14" t="s">
        <v>15</v>
      </c>
      <c r="G78372" s="16">
        <v>0</v>
      </c>
    </row>
    <row r="78373" spans="1:7" x14ac:dyDescent="0.3">
      <c r="A78373" s="13" t="s">
        <v>399</v>
      </c>
      <c r="B78373" s="14" t="s">
        <v>1</v>
      </c>
      <c r="C78373" s="14" t="s">
        <v>47</v>
      </c>
      <c r="D78373" s="14" t="s">
        <v>400</v>
      </c>
      <c r="E78373" s="15">
        <v>45639</v>
      </c>
      <c r="F78373" s="14" t="s">
        <v>15</v>
      </c>
      <c r="G78373" s="16">
        <v>0</v>
      </c>
    </row>
    <row r="78374" spans="1:7" x14ac:dyDescent="0.3">
      <c r="A78374" s="13" t="s">
        <v>399</v>
      </c>
      <c r="B78374" s="14" t="s">
        <v>1</v>
      </c>
      <c r="C78374" s="14" t="s">
        <v>47</v>
      </c>
      <c r="D78374" s="14" t="s">
        <v>400</v>
      </c>
      <c r="E78374" s="15">
        <v>45640</v>
      </c>
      <c r="F78374" s="14" t="s">
        <v>15</v>
      </c>
      <c r="G78374" s="16">
        <v>0</v>
      </c>
    </row>
    <row r="78375" spans="1:7" x14ac:dyDescent="0.3">
      <c r="A78375" s="13" t="s">
        <v>399</v>
      </c>
      <c r="B78375" s="14" t="s">
        <v>1</v>
      </c>
      <c r="C78375" s="14" t="s">
        <v>47</v>
      </c>
      <c r="D78375" s="14" t="s">
        <v>400</v>
      </c>
      <c r="E78375" s="15">
        <v>45641</v>
      </c>
      <c r="F78375" s="14" t="s">
        <v>15</v>
      </c>
      <c r="G78375" s="16">
        <v>0</v>
      </c>
    </row>
    <row r="78376" spans="1:7" x14ac:dyDescent="0.3">
      <c r="A78376" s="13" t="s">
        <v>399</v>
      </c>
      <c r="B78376" s="14" t="s">
        <v>1</v>
      </c>
      <c r="C78376" s="14" t="s">
        <v>47</v>
      </c>
      <c r="D78376" s="14" t="s">
        <v>400</v>
      </c>
      <c r="E78376" s="15">
        <v>45642</v>
      </c>
      <c r="F78376" s="14" t="s">
        <v>15</v>
      </c>
      <c r="G78376" s="16">
        <v>0</v>
      </c>
    </row>
    <row r="78377" spans="1:7" x14ac:dyDescent="0.3">
      <c r="A78377" s="13" t="s">
        <v>399</v>
      </c>
      <c r="B78377" s="14" t="s">
        <v>1</v>
      </c>
      <c r="C78377" s="14" t="s">
        <v>47</v>
      </c>
      <c r="D78377" s="14" t="s">
        <v>400</v>
      </c>
      <c r="E78377" s="15">
        <v>45643</v>
      </c>
      <c r="F78377" s="14" t="s">
        <v>15</v>
      </c>
      <c r="G78377" s="16">
        <v>0</v>
      </c>
    </row>
    <row r="78378" spans="1:7" x14ac:dyDescent="0.3">
      <c r="A78378" s="13" t="s">
        <v>399</v>
      </c>
      <c r="B78378" s="14" t="s">
        <v>1</v>
      </c>
      <c r="C78378" s="14" t="s">
        <v>47</v>
      </c>
      <c r="D78378" s="14" t="s">
        <v>400</v>
      </c>
      <c r="E78378" s="15">
        <v>45644</v>
      </c>
      <c r="F78378" s="14" t="s">
        <v>15</v>
      </c>
      <c r="G78378" s="16">
        <v>0</v>
      </c>
    </row>
    <row r="78379" spans="1:7" x14ac:dyDescent="0.3">
      <c r="A78379" s="13" t="s">
        <v>399</v>
      </c>
      <c r="B78379" s="14" t="s">
        <v>1</v>
      </c>
      <c r="C78379" s="14" t="s">
        <v>47</v>
      </c>
      <c r="D78379" s="14" t="s">
        <v>400</v>
      </c>
      <c r="E78379" s="15">
        <v>45645</v>
      </c>
      <c r="F78379" s="14" t="s">
        <v>15</v>
      </c>
      <c r="G78379" s="16">
        <v>0</v>
      </c>
    </row>
    <row r="78380" spans="1:7" x14ac:dyDescent="0.3">
      <c r="A78380" s="13" t="s">
        <v>399</v>
      </c>
      <c r="B78380" s="14" t="s">
        <v>1</v>
      </c>
      <c r="C78380" s="14" t="s">
        <v>47</v>
      </c>
      <c r="D78380" s="14" t="s">
        <v>400</v>
      </c>
      <c r="E78380" s="15">
        <v>45646</v>
      </c>
      <c r="F78380" s="14" t="s">
        <v>15</v>
      </c>
      <c r="G78380" s="16">
        <v>0</v>
      </c>
    </row>
    <row r="78381" spans="1:7" x14ac:dyDescent="0.3">
      <c r="A78381" s="13" t="s">
        <v>399</v>
      </c>
      <c r="B78381" s="14" t="s">
        <v>1</v>
      </c>
      <c r="C78381" s="14" t="s">
        <v>47</v>
      </c>
      <c r="D78381" s="14" t="s">
        <v>400</v>
      </c>
      <c r="E78381" s="15">
        <v>45647</v>
      </c>
      <c r="F78381" s="14" t="s">
        <v>15</v>
      </c>
      <c r="G78381" s="16">
        <v>0</v>
      </c>
    </row>
    <row r="78382" spans="1:7" x14ac:dyDescent="0.3">
      <c r="A78382" s="13" t="s">
        <v>399</v>
      </c>
      <c r="B78382" s="14" t="s">
        <v>1</v>
      </c>
      <c r="C78382" s="14" t="s">
        <v>47</v>
      </c>
      <c r="D78382" s="14" t="s">
        <v>400</v>
      </c>
      <c r="E78382" s="15">
        <v>45648</v>
      </c>
      <c r="F78382" s="14" t="s">
        <v>15</v>
      </c>
      <c r="G78382" s="16">
        <v>0</v>
      </c>
    </row>
    <row r="78383" spans="1:7" x14ac:dyDescent="0.3">
      <c r="A78383" s="13" t="s">
        <v>399</v>
      </c>
      <c r="B78383" s="14" t="s">
        <v>1</v>
      </c>
      <c r="C78383" s="14" t="s">
        <v>47</v>
      </c>
      <c r="D78383" s="14" t="s">
        <v>400</v>
      </c>
      <c r="E78383" s="15">
        <v>45649</v>
      </c>
      <c r="F78383" s="14" t="s">
        <v>15</v>
      </c>
      <c r="G78383" s="16">
        <v>0</v>
      </c>
    </row>
    <row r="78384" spans="1:7" x14ac:dyDescent="0.3">
      <c r="A78384" s="13" t="s">
        <v>399</v>
      </c>
      <c r="B78384" s="14" t="s">
        <v>1</v>
      </c>
      <c r="C78384" s="14" t="s">
        <v>47</v>
      </c>
      <c r="D78384" s="14" t="s">
        <v>400</v>
      </c>
      <c r="E78384" s="15">
        <v>45650</v>
      </c>
      <c r="F78384" s="14" t="s">
        <v>15</v>
      </c>
      <c r="G78384" s="16">
        <v>0</v>
      </c>
    </row>
    <row r="78385" spans="1:7" x14ac:dyDescent="0.3">
      <c r="A78385" s="13" t="s">
        <v>399</v>
      </c>
      <c r="B78385" s="14" t="s">
        <v>1</v>
      </c>
      <c r="C78385" s="14" t="s">
        <v>47</v>
      </c>
      <c r="D78385" s="14" t="s">
        <v>400</v>
      </c>
      <c r="E78385" s="15">
        <v>45651</v>
      </c>
      <c r="F78385" s="14" t="s">
        <v>15</v>
      </c>
      <c r="G78385" s="16">
        <v>0</v>
      </c>
    </row>
    <row r="78386" spans="1:7" x14ac:dyDescent="0.3">
      <c r="A78386" s="13" t="s">
        <v>399</v>
      </c>
      <c r="B78386" s="14" t="s">
        <v>1</v>
      </c>
      <c r="C78386" s="14" t="s">
        <v>47</v>
      </c>
      <c r="D78386" s="14" t="s">
        <v>400</v>
      </c>
      <c r="E78386" s="15">
        <v>45652</v>
      </c>
      <c r="F78386" s="14" t="s">
        <v>15</v>
      </c>
      <c r="G78386" s="16">
        <v>0</v>
      </c>
    </row>
    <row r="78387" spans="1:7" x14ac:dyDescent="0.3">
      <c r="A78387" s="13" t="s">
        <v>399</v>
      </c>
      <c r="B78387" s="14" t="s">
        <v>1</v>
      </c>
      <c r="C78387" s="14" t="s">
        <v>47</v>
      </c>
      <c r="D78387" s="14" t="s">
        <v>400</v>
      </c>
      <c r="E78387" s="15">
        <v>45653</v>
      </c>
      <c r="F78387" s="14" t="s">
        <v>15</v>
      </c>
      <c r="G78387" s="16">
        <v>0</v>
      </c>
    </row>
    <row r="78388" spans="1:7" x14ac:dyDescent="0.3">
      <c r="A78388" s="13" t="s">
        <v>399</v>
      </c>
      <c r="B78388" s="14" t="s">
        <v>1</v>
      </c>
      <c r="C78388" s="14" t="s">
        <v>47</v>
      </c>
      <c r="D78388" s="14" t="s">
        <v>400</v>
      </c>
      <c r="E78388" s="15">
        <v>45654</v>
      </c>
      <c r="F78388" s="14" t="s">
        <v>15</v>
      </c>
      <c r="G78388" s="16">
        <v>0</v>
      </c>
    </row>
    <row r="78389" spans="1:7" x14ac:dyDescent="0.3">
      <c r="A78389" s="13" t="s">
        <v>399</v>
      </c>
      <c r="B78389" s="14" t="s">
        <v>1</v>
      </c>
      <c r="C78389" s="14" t="s">
        <v>47</v>
      </c>
      <c r="D78389" s="14" t="s">
        <v>400</v>
      </c>
      <c r="E78389" s="15">
        <v>45655</v>
      </c>
      <c r="F78389" s="14" t="s">
        <v>15</v>
      </c>
      <c r="G78389" s="16">
        <v>0</v>
      </c>
    </row>
    <row r="78390" spans="1:7" x14ac:dyDescent="0.3">
      <c r="A78390" s="13" t="s">
        <v>399</v>
      </c>
      <c r="B78390" s="14" t="s">
        <v>1</v>
      </c>
      <c r="C78390" s="14" t="s">
        <v>47</v>
      </c>
      <c r="D78390" s="14" t="s">
        <v>400</v>
      </c>
      <c r="E78390" s="15">
        <v>45656</v>
      </c>
      <c r="F78390" s="14" t="s">
        <v>15</v>
      </c>
      <c r="G78390" s="16">
        <v>0</v>
      </c>
    </row>
    <row r="78391" spans="1:7" x14ac:dyDescent="0.3">
      <c r="A78391" s="13" t="s">
        <v>399</v>
      </c>
      <c r="B78391" s="14" t="s">
        <v>1</v>
      </c>
      <c r="C78391" s="14" t="s">
        <v>47</v>
      </c>
      <c r="D78391" s="14" t="s">
        <v>400</v>
      </c>
      <c r="E78391" s="15">
        <v>45657</v>
      </c>
      <c r="F78391" s="14" t="s">
        <v>15</v>
      </c>
      <c r="G78391" s="16">
        <v>0</v>
      </c>
    </row>
    <row r="78392" spans="1:7" x14ac:dyDescent="0.3">
      <c r="A78392" s="13" t="s">
        <v>399</v>
      </c>
      <c r="B78392" s="14" t="s">
        <v>1</v>
      </c>
      <c r="C78392" s="14" t="s">
        <v>47</v>
      </c>
      <c r="D78392" s="14" t="s">
        <v>400</v>
      </c>
      <c r="E78392" s="15">
        <v>45658</v>
      </c>
      <c r="F78392" s="14" t="s">
        <v>15</v>
      </c>
      <c r="G78392" s="16">
        <v>0</v>
      </c>
    </row>
    <row r="78393" spans="1:7" x14ac:dyDescent="0.3">
      <c r="A78393" s="13" t="s">
        <v>399</v>
      </c>
      <c r="B78393" s="14" t="s">
        <v>1</v>
      </c>
      <c r="C78393" s="14" t="s">
        <v>47</v>
      </c>
      <c r="D78393" s="14" t="s">
        <v>400</v>
      </c>
      <c r="E78393" s="15">
        <v>45659</v>
      </c>
      <c r="F78393" s="14" t="s">
        <v>15</v>
      </c>
      <c r="G78393" s="16">
        <v>0</v>
      </c>
    </row>
    <row r="78394" spans="1:7" x14ac:dyDescent="0.3">
      <c r="A78394" s="13" t="s">
        <v>399</v>
      </c>
      <c r="B78394" s="14" t="s">
        <v>1</v>
      </c>
      <c r="C78394" s="14" t="s">
        <v>47</v>
      </c>
      <c r="D78394" s="14" t="s">
        <v>400</v>
      </c>
      <c r="E78394" s="15">
        <v>45660</v>
      </c>
      <c r="F78394" s="14" t="s">
        <v>15</v>
      </c>
      <c r="G78394" s="16">
        <v>0</v>
      </c>
    </row>
    <row r="78395" spans="1:7" x14ac:dyDescent="0.3">
      <c r="A78395" s="13" t="s">
        <v>399</v>
      </c>
      <c r="B78395" s="14" t="s">
        <v>1</v>
      </c>
      <c r="C78395" s="14" t="s">
        <v>47</v>
      </c>
      <c r="D78395" s="14" t="s">
        <v>400</v>
      </c>
      <c r="E78395" s="15">
        <v>45661</v>
      </c>
      <c r="F78395" s="14" t="s">
        <v>15</v>
      </c>
      <c r="G78395" s="16">
        <v>0</v>
      </c>
    </row>
    <row r="78396" spans="1:7" x14ac:dyDescent="0.3">
      <c r="A78396" s="13" t="s">
        <v>399</v>
      </c>
      <c r="B78396" s="14" t="s">
        <v>1</v>
      </c>
      <c r="C78396" s="14" t="s">
        <v>47</v>
      </c>
      <c r="D78396" s="14" t="s">
        <v>400</v>
      </c>
      <c r="E78396" s="15">
        <v>45662</v>
      </c>
      <c r="F78396" s="14" t="s">
        <v>15</v>
      </c>
      <c r="G78396" s="16">
        <v>0</v>
      </c>
    </row>
    <row r="78397" spans="1:7" x14ac:dyDescent="0.3">
      <c r="A78397" s="13" t="s">
        <v>399</v>
      </c>
      <c r="B78397" s="14" t="s">
        <v>1</v>
      </c>
      <c r="C78397" s="14" t="s">
        <v>47</v>
      </c>
      <c r="D78397" s="14" t="s">
        <v>400</v>
      </c>
      <c r="E78397" s="15">
        <v>45663</v>
      </c>
      <c r="F78397" s="14" t="s">
        <v>15</v>
      </c>
      <c r="G78397" s="16">
        <v>0</v>
      </c>
    </row>
    <row r="78398" spans="1:7" x14ac:dyDescent="0.3">
      <c r="A78398" s="13" t="s">
        <v>399</v>
      </c>
      <c r="B78398" s="14" t="s">
        <v>1</v>
      </c>
      <c r="C78398" s="14" t="s">
        <v>47</v>
      </c>
      <c r="D78398" s="14" t="s">
        <v>400</v>
      </c>
      <c r="E78398" s="15">
        <v>45664</v>
      </c>
      <c r="F78398" s="14" t="s">
        <v>15</v>
      </c>
      <c r="G78398" s="16">
        <v>0</v>
      </c>
    </row>
    <row r="78399" spans="1:7" x14ac:dyDescent="0.3">
      <c r="A78399" s="13" t="s">
        <v>399</v>
      </c>
      <c r="B78399" s="14" t="s">
        <v>1</v>
      </c>
      <c r="C78399" s="14" t="s">
        <v>47</v>
      </c>
      <c r="D78399" s="14" t="s">
        <v>400</v>
      </c>
      <c r="E78399" s="15">
        <v>45665</v>
      </c>
      <c r="F78399" s="14" t="s">
        <v>15</v>
      </c>
      <c r="G78399" s="16">
        <v>0</v>
      </c>
    </row>
    <row r="78400" spans="1:7" x14ac:dyDescent="0.3">
      <c r="A78400" s="13" t="s">
        <v>399</v>
      </c>
      <c r="B78400" s="14" t="s">
        <v>1</v>
      </c>
      <c r="C78400" s="14" t="s">
        <v>47</v>
      </c>
      <c r="D78400" s="14" t="s">
        <v>400</v>
      </c>
      <c r="E78400" s="15">
        <v>45666</v>
      </c>
      <c r="F78400" s="14" t="s">
        <v>15</v>
      </c>
      <c r="G78400" s="16">
        <v>0</v>
      </c>
    </row>
    <row r="78401" spans="1:7" x14ac:dyDescent="0.3">
      <c r="A78401" s="13" t="s">
        <v>399</v>
      </c>
      <c r="B78401" s="14" t="s">
        <v>1</v>
      </c>
      <c r="C78401" s="14" t="s">
        <v>47</v>
      </c>
      <c r="D78401" s="14" t="s">
        <v>400</v>
      </c>
      <c r="E78401" s="15">
        <v>45667</v>
      </c>
      <c r="F78401" s="14" t="s">
        <v>15</v>
      </c>
      <c r="G78401" s="16">
        <v>0</v>
      </c>
    </row>
    <row r="78402" spans="1:7" x14ac:dyDescent="0.3">
      <c r="A78402" s="13" t="s">
        <v>399</v>
      </c>
      <c r="B78402" s="14" t="s">
        <v>1</v>
      </c>
      <c r="C78402" s="14" t="s">
        <v>47</v>
      </c>
      <c r="D78402" s="14" t="s">
        <v>400</v>
      </c>
      <c r="E78402" s="15">
        <v>45668</v>
      </c>
      <c r="F78402" s="14" t="s">
        <v>15</v>
      </c>
      <c r="G78402" s="16">
        <v>0</v>
      </c>
    </row>
    <row r="78403" spans="1:7" x14ac:dyDescent="0.3">
      <c r="A78403" s="13" t="s">
        <v>399</v>
      </c>
      <c r="B78403" s="14" t="s">
        <v>1</v>
      </c>
      <c r="C78403" s="14" t="s">
        <v>47</v>
      </c>
      <c r="D78403" s="14" t="s">
        <v>400</v>
      </c>
      <c r="E78403" s="15">
        <v>45669</v>
      </c>
      <c r="F78403" s="14" t="s">
        <v>15</v>
      </c>
      <c r="G78403" s="16">
        <v>0</v>
      </c>
    </row>
    <row r="78404" spans="1:7" x14ac:dyDescent="0.3">
      <c r="A78404" s="13" t="s">
        <v>399</v>
      </c>
      <c r="B78404" s="14" t="s">
        <v>1</v>
      </c>
      <c r="C78404" s="14" t="s">
        <v>47</v>
      </c>
      <c r="D78404" s="14" t="s">
        <v>400</v>
      </c>
      <c r="E78404" s="15">
        <v>45670</v>
      </c>
      <c r="F78404" s="14" t="s">
        <v>15</v>
      </c>
      <c r="G78404" s="16">
        <v>0</v>
      </c>
    </row>
    <row r="78405" spans="1:7" x14ac:dyDescent="0.3">
      <c r="A78405" s="13" t="s">
        <v>399</v>
      </c>
      <c r="B78405" s="14" t="s">
        <v>1</v>
      </c>
      <c r="C78405" s="14" t="s">
        <v>47</v>
      </c>
      <c r="D78405" s="14" t="s">
        <v>400</v>
      </c>
      <c r="E78405" s="15">
        <v>45671</v>
      </c>
      <c r="F78405" s="14" t="s">
        <v>15</v>
      </c>
      <c r="G78405" s="16">
        <v>0</v>
      </c>
    </row>
    <row r="78406" spans="1:7" x14ac:dyDescent="0.3">
      <c r="A78406" s="13" t="s">
        <v>399</v>
      </c>
      <c r="B78406" s="14" t="s">
        <v>1</v>
      </c>
      <c r="C78406" s="14" t="s">
        <v>47</v>
      </c>
      <c r="D78406" s="14" t="s">
        <v>400</v>
      </c>
      <c r="E78406" s="15">
        <v>45672</v>
      </c>
      <c r="F78406" s="14" t="s">
        <v>15</v>
      </c>
      <c r="G78406" s="16">
        <v>0</v>
      </c>
    </row>
    <row r="78407" spans="1:7" x14ac:dyDescent="0.3">
      <c r="A78407" s="13" t="s">
        <v>399</v>
      </c>
      <c r="B78407" s="14" t="s">
        <v>1</v>
      </c>
      <c r="C78407" s="14" t="s">
        <v>47</v>
      </c>
      <c r="D78407" s="14" t="s">
        <v>400</v>
      </c>
      <c r="E78407" s="15">
        <v>45673</v>
      </c>
      <c r="F78407" s="14" t="s">
        <v>15</v>
      </c>
      <c r="G78407" s="16">
        <v>0</v>
      </c>
    </row>
    <row r="78408" spans="1:7" x14ac:dyDescent="0.3">
      <c r="A78408" s="13" t="s">
        <v>399</v>
      </c>
      <c r="B78408" s="14" t="s">
        <v>1</v>
      </c>
      <c r="C78408" s="14" t="s">
        <v>47</v>
      </c>
      <c r="D78408" s="14" t="s">
        <v>400</v>
      </c>
      <c r="E78408" s="15">
        <v>45674</v>
      </c>
      <c r="F78408" s="14" t="s">
        <v>15</v>
      </c>
      <c r="G78408" s="16">
        <v>0</v>
      </c>
    </row>
    <row r="78409" spans="1:7" x14ac:dyDescent="0.3">
      <c r="A78409" s="13" t="s">
        <v>399</v>
      </c>
      <c r="B78409" s="14" t="s">
        <v>1</v>
      </c>
      <c r="C78409" s="14" t="s">
        <v>47</v>
      </c>
      <c r="D78409" s="14" t="s">
        <v>400</v>
      </c>
      <c r="E78409" s="15">
        <v>45675</v>
      </c>
      <c r="F78409" s="14" t="s">
        <v>15</v>
      </c>
      <c r="G78409" s="16">
        <v>0</v>
      </c>
    </row>
    <row r="78410" spans="1:7" x14ac:dyDescent="0.3">
      <c r="A78410" s="13" t="s">
        <v>399</v>
      </c>
      <c r="B78410" s="14" t="s">
        <v>1</v>
      </c>
      <c r="C78410" s="14" t="s">
        <v>47</v>
      </c>
      <c r="D78410" s="14" t="s">
        <v>400</v>
      </c>
      <c r="E78410" s="15">
        <v>45676</v>
      </c>
      <c r="F78410" s="14" t="s">
        <v>15</v>
      </c>
      <c r="G78410" s="16">
        <v>0</v>
      </c>
    </row>
    <row r="78411" spans="1:7" x14ac:dyDescent="0.3">
      <c r="A78411" s="13" t="s">
        <v>399</v>
      </c>
      <c r="B78411" s="14" t="s">
        <v>1</v>
      </c>
      <c r="C78411" s="14" t="s">
        <v>47</v>
      </c>
      <c r="D78411" s="14" t="s">
        <v>400</v>
      </c>
      <c r="E78411" s="15">
        <v>45677</v>
      </c>
      <c r="F78411" s="14" t="s">
        <v>15</v>
      </c>
      <c r="G78411" s="16">
        <v>0</v>
      </c>
    </row>
    <row r="78412" spans="1:7" x14ac:dyDescent="0.3">
      <c r="A78412" s="13" t="s">
        <v>399</v>
      </c>
      <c r="B78412" s="14" t="s">
        <v>1</v>
      </c>
      <c r="C78412" s="14" t="s">
        <v>47</v>
      </c>
      <c r="D78412" s="14" t="s">
        <v>400</v>
      </c>
      <c r="E78412" s="15">
        <v>45678</v>
      </c>
      <c r="F78412" s="14" t="s">
        <v>15</v>
      </c>
      <c r="G78412" s="16">
        <v>0</v>
      </c>
    </row>
    <row r="78413" spans="1:7" x14ac:dyDescent="0.3">
      <c r="A78413" s="13" t="s">
        <v>399</v>
      </c>
      <c r="B78413" s="14" t="s">
        <v>1</v>
      </c>
      <c r="C78413" s="14" t="s">
        <v>47</v>
      </c>
      <c r="D78413" s="14" t="s">
        <v>400</v>
      </c>
      <c r="E78413" s="15">
        <v>45679</v>
      </c>
      <c r="F78413" s="14" t="s">
        <v>15</v>
      </c>
      <c r="G78413" s="16">
        <v>0</v>
      </c>
    </row>
    <row r="78414" spans="1:7" x14ac:dyDescent="0.3">
      <c r="A78414" s="13" t="s">
        <v>399</v>
      </c>
      <c r="B78414" s="14" t="s">
        <v>1</v>
      </c>
      <c r="C78414" s="14" t="s">
        <v>47</v>
      </c>
      <c r="D78414" s="14" t="s">
        <v>400</v>
      </c>
      <c r="E78414" s="15">
        <v>45680</v>
      </c>
      <c r="F78414" s="14" t="s">
        <v>15</v>
      </c>
      <c r="G78414" s="16">
        <v>0</v>
      </c>
    </row>
    <row r="78415" spans="1:7" x14ac:dyDescent="0.3">
      <c r="A78415" s="13" t="s">
        <v>399</v>
      </c>
      <c r="B78415" s="14" t="s">
        <v>1</v>
      </c>
      <c r="C78415" s="14" t="s">
        <v>47</v>
      </c>
      <c r="D78415" s="14" t="s">
        <v>400</v>
      </c>
      <c r="E78415" s="15">
        <v>45681</v>
      </c>
      <c r="F78415" s="14" t="s">
        <v>15</v>
      </c>
      <c r="G78415" s="16">
        <v>0</v>
      </c>
    </row>
    <row r="78416" spans="1:7" x14ac:dyDescent="0.3">
      <c r="A78416" s="13" t="s">
        <v>399</v>
      </c>
      <c r="B78416" s="14" t="s">
        <v>1</v>
      </c>
      <c r="C78416" s="14" t="s">
        <v>47</v>
      </c>
      <c r="D78416" s="14" t="s">
        <v>400</v>
      </c>
      <c r="E78416" s="15">
        <v>45682</v>
      </c>
      <c r="F78416" s="14" t="s">
        <v>15</v>
      </c>
      <c r="G78416" s="16">
        <v>0</v>
      </c>
    </row>
    <row r="78417" spans="1:7" x14ac:dyDescent="0.3">
      <c r="A78417" s="13" t="s">
        <v>399</v>
      </c>
      <c r="B78417" s="14" t="s">
        <v>1</v>
      </c>
      <c r="C78417" s="14" t="s">
        <v>47</v>
      </c>
      <c r="D78417" s="14" t="s">
        <v>400</v>
      </c>
      <c r="E78417" s="15">
        <v>45683</v>
      </c>
      <c r="F78417" s="14" t="s">
        <v>15</v>
      </c>
      <c r="G78417" s="16">
        <v>0</v>
      </c>
    </row>
    <row r="78418" spans="1:7" x14ac:dyDescent="0.3">
      <c r="A78418" s="13" t="s">
        <v>399</v>
      </c>
      <c r="B78418" s="14" t="s">
        <v>1</v>
      </c>
      <c r="C78418" s="14" t="s">
        <v>47</v>
      </c>
      <c r="D78418" s="14" t="s">
        <v>400</v>
      </c>
      <c r="E78418" s="15">
        <v>45684</v>
      </c>
      <c r="F78418" s="14" t="s">
        <v>15</v>
      </c>
      <c r="G78418" s="16">
        <v>0</v>
      </c>
    </row>
    <row r="78419" spans="1:7" x14ac:dyDescent="0.3">
      <c r="A78419" s="13" t="s">
        <v>399</v>
      </c>
      <c r="B78419" s="14" t="s">
        <v>1</v>
      </c>
      <c r="C78419" s="14" t="s">
        <v>47</v>
      </c>
      <c r="D78419" s="14" t="s">
        <v>400</v>
      </c>
      <c r="E78419" s="15">
        <v>45685</v>
      </c>
      <c r="F78419" s="14" t="s">
        <v>15</v>
      </c>
      <c r="G78419" s="16">
        <v>0</v>
      </c>
    </row>
    <row r="78420" spans="1:7" x14ac:dyDescent="0.3">
      <c r="A78420" s="13" t="s">
        <v>399</v>
      </c>
      <c r="B78420" s="14" t="s">
        <v>1</v>
      </c>
      <c r="C78420" s="14" t="s">
        <v>47</v>
      </c>
      <c r="D78420" s="14" t="s">
        <v>400</v>
      </c>
      <c r="E78420" s="15">
        <v>45686</v>
      </c>
      <c r="F78420" s="14" t="s">
        <v>15</v>
      </c>
      <c r="G78420" s="16">
        <v>0</v>
      </c>
    </row>
    <row r="78421" spans="1:7" x14ac:dyDescent="0.3">
      <c r="A78421" s="13" t="s">
        <v>399</v>
      </c>
      <c r="B78421" s="14" t="s">
        <v>1</v>
      </c>
      <c r="C78421" s="14" t="s">
        <v>47</v>
      </c>
      <c r="D78421" s="14" t="s">
        <v>400</v>
      </c>
      <c r="E78421" s="15">
        <v>45687</v>
      </c>
      <c r="F78421" s="14" t="s">
        <v>15</v>
      </c>
      <c r="G78421" s="16">
        <v>0</v>
      </c>
    </row>
    <row r="78422" spans="1:7" x14ac:dyDescent="0.3">
      <c r="A78422" s="13" t="s">
        <v>399</v>
      </c>
      <c r="B78422" s="14" t="s">
        <v>1</v>
      </c>
      <c r="C78422" s="14" t="s">
        <v>47</v>
      </c>
      <c r="D78422" s="14" t="s">
        <v>400</v>
      </c>
      <c r="E78422" s="15">
        <v>45688</v>
      </c>
      <c r="F78422" s="14" t="s">
        <v>15</v>
      </c>
      <c r="G78422" s="16">
        <v>0</v>
      </c>
    </row>
    <row r="78423" spans="1:7" x14ac:dyDescent="0.3">
      <c r="A78423" s="13" t="s">
        <v>399</v>
      </c>
      <c r="B78423" s="14" t="s">
        <v>1</v>
      </c>
      <c r="C78423" s="14" t="s">
        <v>47</v>
      </c>
      <c r="D78423" s="14" t="s">
        <v>400</v>
      </c>
      <c r="E78423" s="15">
        <v>45689</v>
      </c>
      <c r="F78423" s="14" t="s">
        <v>15</v>
      </c>
      <c r="G78423" s="16">
        <v>0</v>
      </c>
    </row>
    <row r="78424" spans="1:7" x14ac:dyDescent="0.3">
      <c r="A78424" s="13" t="s">
        <v>399</v>
      </c>
      <c r="B78424" s="14" t="s">
        <v>1</v>
      </c>
      <c r="C78424" s="14" t="s">
        <v>47</v>
      </c>
      <c r="D78424" s="14" t="s">
        <v>400</v>
      </c>
      <c r="E78424" s="15">
        <v>45690</v>
      </c>
      <c r="F78424" s="14" t="s">
        <v>15</v>
      </c>
      <c r="G78424" s="16">
        <v>0</v>
      </c>
    </row>
    <row r="78425" spans="1:7" x14ac:dyDescent="0.3">
      <c r="A78425" s="13" t="s">
        <v>399</v>
      </c>
      <c r="B78425" s="14" t="s">
        <v>1</v>
      </c>
      <c r="C78425" s="14" t="s">
        <v>47</v>
      </c>
      <c r="D78425" s="14" t="s">
        <v>400</v>
      </c>
      <c r="E78425" s="15">
        <v>45691</v>
      </c>
      <c r="F78425" s="14" t="s">
        <v>15</v>
      </c>
      <c r="G78425" s="16">
        <v>0</v>
      </c>
    </row>
    <row r="78426" spans="1:7" x14ac:dyDescent="0.3">
      <c r="A78426" s="13" t="s">
        <v>399</v>
      </c>
      <c r="B78426" s="14" t="s">
        <v>1</v>
      </c>
      <c r="C78426" s="14" t="s">
        <v>47</v>
      </c>
      <c r="D78426" s="14" t="s">
        <v>400</v>
      </c>
      <c r="E78426" s="15">
        <v>45692</v>
      </c>
      <c r="F78426" s="14" t="s">
        <v>15</v>
      </c>
      <c r="G78426" s="16">
        <v>0</v>
      </c>
    </row>
    <row r="78427" spans="1:7" x14ac:dyDescent="0.3">
      <c r="A78427" s="13" t="s">
        <v>399</v>
      </c>
      <c r="B78427" s="14" t="s">
        <v>1</v>
      </c>
      <c r="C78427" s="14" t="s">
        <v>47</v>
      </c>
      <c r="D78427" s="14" t="s">
        <v>400</v>
      </c>
      <c r="E78427" s="15">
        <v>45693</v>
      </c>
      <c r="F78427" s="14" t="s">
        <v>15</v>
      </c>
      <c r="G78427" s="16">
        <v>0</v>
      </c>
    </row>
    <row r="78428" spans="1:7" x14ac:dyDescent="0.3">
      <c r="A78428" s="13" t="s">
        <v>399</v>
      </c>
      <c r="B78428" s="14" t="s">
        <v>1</v>
      </c>
      <c r="C78428" s="14" t="s">
        <v>47</v>
      </c>
      <c r="D78428" s="14" t="s">
        <v>400</v>
      </c>
      <c r="E78428" s="15">
        <v>45694</v>
      </c>
      <c r="F78428" s="14" t="s">
        <v>15</v>
      </c>
      <c r="G78428" s="16">
        <v>0</v>
      </c>
    </row>
    <row r="78429" spans="1:7" x14ac:dyDescent="0.3">
      <c r="A78429" s="13" t="s">
        <v>399</v>
      </c>
      <c r="B78429" s="14" t="s">
        <v>1</v>
      </c>
      <c r="C78429" s="14" t="s">
        <v>47</v>
      </c>
      <c r="D78429" s="14" t="s">
        <v>400</v>
      </c>
      <c r="E78429" s="15">
        <v>45695</v>
      </c>
      <c r="F78429" s="14" t="s">
        <v>15</v>
      </c>
      <c r="G78429" s="16">
        <v>0</v>
      </c>
    </row>
    <row r="78430" spans="1:7" x14ac:dyDescent="0.3">
      <c r="A78430" s="13" t="s">
        <v>399</v>
      </c>
      <c r="B78430" s="14" t="s">
        <v>1</v>
      </c>
      <c r="C78430" s="14" t="s">
        <v>47</v>
      </c>
      <c r="D78430" s="14" t="s">
        <v>400</v>
      </c>
      <c r="E78430" s="15">
        <v>45696</v>
      </c>
      <c r="F78430" s="14" t="s">
        <v>15</v>
      </c>
      <c r="G78430" s="16">
        <v>0</v>
      </c>
    </row>
    <row r="78431" spans="1:7" x14ac:dyDescent="0.3">
      <c r="A78431" s="13" t="s">
        <v>399</v>
      </c>
      <c r="B78431" s="14" t="s">
        <v>1</v>
      </c>
      <c r="C78431" s="14" t="s">
        <v>47</v>
      </c>
      <c r="D78431" s="14" t="s">
        <v>400</v>
      </c>
      <c r="E78431" s="15">
        <v>45697</v>
      </c>
      <c r="F78431" s="14" t="s">
        <v>15</v>
      </c>
      <c r="G78431" s="16">
        <v>0</v>
      </c>
    </row>
    <row r="78432" spans="1:7" x14ac:dyDescent="0.3">
      <c r="A78432" s="13" t="s">
        <v>399</v>
      </c>
      <c r="B78432" s="14" t="s">
        <v>1</v>
      </c>
      <c r="C78432" s="14" t="s">
        <v>47</v>
      </c>
      <c r="D78432" s="14" t="s">
        <v>400</v>
      </c>
      <c r="E78432" s="15">
        <v>45698</v>
      </c>
      <c r="F78432" s="14" t="s">
        <v>15</v>
      </c>
      <c r="G78432" s="16">
        <v>0</v>
      </c>
    </row>
    <row r="78433" spans="1:7" x14ac:dyDescent="0.3">
      <c r="A78433" s="13" t="s">
        <v>399</v>
      </c>
      <c r="B78433" s="14" t="s">
        <v>1</v>
      </c>
      <c r="C78433" s="14" t="s">
        <v>47</v>
      </c>
      <c r="D78433" s="14" t="s">
        <v>400</v>
      </c>
      <c r="E78433" s="15">
        <v>45699</v>
      </c>
      <c r="F78433" s="14" t="s">
        <v>15</v>
      </c>
      <c r="G78433" s="16">
        <v>0</v>
      </c>
    </row>
    <row r="78434" spans="1:7" x14ac:dyDescent="0.3">
      <c r="A78434" s="13" t="s">
        <v>399</v>
      </c>
      <c r="B78434" s="14" t="s">
        <v>1</v>
      </c>
      <c r="C78434" s="14" t="s">
        <v>47</v>
      </c>
      <c r="D78434" s="14" t="s">
        <v>400</v>
      </c>
      <c r="E78434" s="15">
        <v>45700</v>
      </c>
      <c r="F78434" s="14" t="s">
        <v>15</v>
      </c>
      <c r="G78434" s="16">
        <v>0</v>
      </c>
    </row>
    <row r="78435" spans="1:7" x14ac:dyDescent="0.3">
      <c r="A78435" s="13" t="s">
        <v>399</v>
      </c>
      <c r="B78435" s="14" t="s">
        <v>1</v>
      </c>
      <c r="C78435" s="14" t="s">
        <v>47</v>
      </c>
      <c r="D78435" s="14" t="s">
        <v>400</v>
      </c>
      <c r="E78435" s="15">
        <v>45701</v>
      </c>
      <c r="F78435" s="14" t="s">
        <v>15</v>
      </c>
      <c r="G78435" s="16">
        <v>0</v>
      </c>
    </row>
    <row r="78436" spans="1:7" x14ac:dyDescent="0.3">
      <c r="A78436" s="13" t="s">
        <v>399</v>
      </c>
      <c r="B78436" s="14" t="s">
        <v>1</v>
      </c>
      <c r="C78436" s="14" t="s">
        <v>47</v>
      </c>
      <c r="D78436" s="14" t="s">
        <v>400</v>
      </c>
      <c r="E78436" s="15">
        <v>45702</v>
      </c>
      <c r="F78436" s="14" t="s">
        <v>15</v>
      </c>
      <c r="G78436" s="16">
        <v>0</v>
      </c>
    </row>
    <row r="78437" spans="1:7" x14ac:dyDescent="0.3">
      <c r="A78437" s="13" t="s">
        <v>399</v>
      </c>
      <c r="B78437" s="14" t="s">
        <v>1</v>
      </c>
      <c r="C78437" s="14" t="s">
        <v>47</v>
      </c>
      <c r="D78437" s="14" t="s">
        <v>400</v>
      </c>
      <c r="E78437" s="15">
        <v>45703</v>
      </c>
      <c r="F78437" s="14" t="s">
        <v>15</v>
      </c>
      <c r="G78437" s="16">
        <v>0</v>
      </c>
    </row>
    <row r="78438" spans="1:7" x14ac:dyDescent="0.3">
      <c r="A78438" s="13" t="s">
        <v>399</v>
      </c>
      <c r="B78438" s="14" t="s">
        <v>1</v>
      </c>
      <c r="C78438" s="14" t="s">
        <v>47</v>
      </c>
      <c r="D78438" s="14" t="s">
        <v>400</v>
      </c>
      <c r="E78438" s="15">
        <v>45704</v>
      </c>
      <c r="F78438" s="14" t="s">
        <v>15</v>
      </c>
      <c r="G78438" s="16">
        <v>0</v>
      </c>
    </row>
    <row r="78439" spans="1:7" x14ac:dyDescent="0.3">
      <c r="A78439" s="13" t="s">
        <v>399</v>
      </c>
      <c r="B78439" s="14" t="s">
        <v>1</v>
      </c>
      <c r="C78439" s="14" t="s">
        <v>47</v>
      </c>
      <c r="D78439" s="14" t="s">
        <v>400</v>
      </c>
      <c r="E78439" s="15">
        <v>45705</v>
      </c>
      <c r="F78439" s="14" t="s">
        <v>15</v>
      </c>
      <c r="G78439" s="16">
        <v>0</v>
      </c>
    </row>
    <row r="78440" spans="1:7" x14ac:dyDescent="0.3">
      <c r="A78440" s="13" t="s">
        <v>399</v>
      </c>
      <c r="B78440" s="14" t="s">
        <v>1</v>
      </c>
      <c r="C78440" s="14" t="s">
        <v>47</v>
      </c>
      <c r="D78440" s="14" t="s">
        <v>400</v>
      </c>
      <c r="E78440" s="15">
        <v>45706</v>
      </c>
      <c r="F78440" s="14" t="s">
        <v>15</v>
      </c>
      <c r="G78440" s="16">
        <v>0</v>
      </c>
    </row>
    <row r="78441" spans="1:7" x14ac:dyDescent="0.3">
      <c r="A78441" s="13" t="s">
        <v>399</v>
      </c>
      <c r="B78441" s="14" t="s">
        <v>1</v>
      </c>
      <c r="C78441" s="14" t="s">
        <v>47</v>
      </c>
      <c r="D78441" s="14" t="s">
        <v>400</v>
      </c>
      <c r="E78441" s="15">
        <v>45707</v>
      </c>
      <c r="F78441" s="14" t="s">
        <v>15</v>
      </c>
      <c r="G78441" s="16">
        <v>0</v>
      </c>
    </row>
    <row r="78442" spans="1:7" x14ac:dyDescent="0.3">
      <c r="A78442" s="13" t="s">
        <v>399</v>
      </c>
      <c r="B78442" s="14" t="s">
        <v>1</v>
      </c>
      <c r="C78442" s="14" t="s">
        <v>47</v>
      </c>
      <c r="D78442" s="14" t="s">
        <v>400</v>
      </c>
      <c r="E78442" s="15">
        <v>45708</v>
      </c>
      <c r="F78442" s="14" t="s">
        <v>15</v>
      </c>
      <c r="G78442" s="16">
        <v>0</v>
      </c>
    </row>
    <row r="78443" spans="1:7" x14ac:dyDescent="0.3">
      <c r="A78443" s="13" t="s">
        <v>399</v>
      </c>
      <c r="B78443" s="14" t="s">
        <v>1</v>
      </c>
      <c r="C78443" s="14" t="s">
        <v>47</v>
      </c>
      <c r="D78443" s="14" t="s">
        <v>400</v>
      </c>
      <c r="E78443" s="15">
        <v>45709</v>
      </c>
      <c r="F78443" s="14" t="s">
        <v>15</v>
      </c>
      <c r="G78443" s="16">
        <v>0</v>
      </c>
    </row>
    <row r="78444" spans="1:7" x14ac:dyDescent="0.3">
      <c r="A78444" s="13" t="s">
        <v>399</v>
      </c>
      <c r="B78444" s="14" t="s">
        <v>1</v>
      </c>
      <c r="C78444" s="14" t="s">
        <v>47</v>
      </c>
      <c r="D78444" s="14" t="s">
        <v>400</v>
      </c>
      <c r="E78444" s="15">
        <v>45710</v>
      </c>
      <c r="F78444" s="14" t="s">
        <v>15</v>
      </c>
      <c r="G78444" s="16">
        <v>0</v>
      </c>
    </row>
    <row r="78445" spans="1:7" x14ac:dyDescent="0.3">
      <c r="A78445" s="13" t="s">
        <v>399</v>
      </c>
      <c r="B78445" s="14" t="s">
        <v>1</v>
      </c>
      <c r="C78445" s="14" t="s">
        <v>47</v>
      </c>
      <c r="D78445" s="14" t="s">
        <v>400</v>
      </c>
      <c r="E78445" s="15">
        <v>45711</v>
      </c>
      <c r="F78445" s="14" t="s">
        <v>15</v>
      </c>
      <c r="G78445" s="16">
        <v>0</v>
      </c>
    </row>
    <row r="78446" spans="1:7" x14ac:dyDescent="0.3">
      <c r="A78446" s="13" t="s">
        <v>399</v>
      </c>
      <c r="B78446" s="14" t="s">
        <v>1</v>
      </c>
      <c r="C78446" s="14" t="s">
        <v>47</v>
      </c>
      <c r="D78446" s="14" t="s">
        <v>400</v>
      </c>
      <c r="E78446" s="15">
        <v>45712</v>
      </c>
      <c r="F78446" s="14" t="s">
        <v>15</v>
      </c>
      <c r="G78446" s="16">
        <v>0</v>
      </c>
    </row>
    <row r="78447" spans="1:7" x14ac:dyDescent="0.3">
      <c r="A78447" s="13" t="s">
        <v>399</v>
      </c>
      <c r="B78447" s="14" t="s">
        <v>1</v>
      </c>
      <c r="C78447" s="14" t="s">
        <v>47</v>
      </c>
      <c r="D78447" s="14" t="s">
        <v>400</v>
      </c>
      <c r="E78447" s="15">
        <v>45713</v>
      </c>
      <c r="F78447" s="14" t="s">
        <v>15</v>
      </c>
      <c r="G78447" s="16">
        <v>0</v>
      </c>
    </row>
    <row r="78448" spans="1:7" x14ac:dyDescent="0.3">
      <c r="A78448" s="13" t="s">
        <v>399</v>
      </c>
      <c r="B78448" s="14" t="s">
        <v>1</v>
      </c>
      <c r="C78448" s="14" t="s">
        <v>47</v>
      </c>
      <c r="D78448" s="14" t="s">
        <v>400</v>
      </c>
      <c r="E78448" s="15">
        <v>45714</v>
      </c>
      <c r="F78448" s="14" t="s">
        <v>15</v>
      </c>
      <c r="G78448" s="16">
        <v>0</v>
      </c>
    </row>
    <row r="78449" spans="1:7" x14ac:dyDescent="0.3">
      <c r="A78449" s="13" t="s">
        <v>399</v>
      </c>
      <c r="B78449" s="14" t="s">
        <v>1</v>
      </c>
      <c r="C78449" s="14" t="s">
        <v>47</v>
      </c>
      <c r="D78449" s="14" t="s">
        <v>400</v>
      </c>
      <c r="E78449" s="15">
        <v>45715</v>
      </c>
      <c r="F78449" s="14" t="s">
        <v>15</v>
      </c>
      <c r="G78449" s="16">
        <v>0</v>
      </c>
    </row>
    <row r="78450" spans="1:7" x14ac:dyDescent="0.3">
      <c r="A78450" s="13" t="s">
        <v>399</v>
      </c>
      <c r="B78450" s="14" t="s">
        <v>1</v>
      </c>
      <c r="C78450" s="14" t="s">
        <v>47</v>
      </c>
      <c r="D78450" s="14" t="s">
        <v>400</v>
      </c>
      <c r="E78450" s="15">
        <v>45716</v>
      </c>
      <c r="F78450" s="14" t="s">
        <v>15</v>
      </c>
      <c r="G78450" s="16">
        <v>0</v>
      </c>
    </row>
    <row r="78451" spans="1:7" x14ac:dyDescent="0.3">
      <c r="A78451" s="13" t="s">
        <v>399</v>
      </c>
      <c r="B78451" s="14" t="s">
        <v>1</v>
      </c>
      <c r="C78451" s="14" t="s">
        <v>47</v>
      </c>
      <c r="D78451" s="14" t="s">
        <v>400</v>
      </c>
      <c r="E78451" s="15">
        <v>45717</v>
      </c>
      <c r="F78451" s="14" t="s">
        <v>15</v>
      </c>
      <c r="G78451" s="16">
        <v>0</v>
      </c>
    </row>
    <row r="78452" spans="1:7" x14ac:dyDescent="0.3">
      <c r="A78452" s="13" t="s">
        <v>399</v>
      </c>
      <c r="B78452" s="14" t="s">
        <v>1</v>
      </c>
      <c r="C78452" s="14" t="s">
        <v>47</v>
      </c>
      <c r="D78452" s="14" t="s">
        <v>400</v>
      </c>
      <c r="E78452" s="15">
        <v>45718</v>
      </c>
      <c r="F78452" s="14" t="s">
        <v>15</v>
      </c>
      <c r="G78452" s="16">
        <v>0</v>
      </c>
    </row>
    <row r="78453" spans="1:7" x14ac:dyDescent="0.3">
      <c r="A78453" s="13" t="s">
        <v>399</v>
      </c>
      <c r="B78453" s="14" t="s">
        <v>1</v>
      </c>
      <c r="C78453" s="14" t="s">
        <v>47</v>
      </c>
      <c r="D78453" s="14" t="s">
        <v>400</v>
      </c>
      <c r="E78453" s="15">
        <v>45719</v>
      </c>
      <c r="F78453" s="14" t="s">
        <v>15</v>
      </c>
      <c r="G78453" s="16">
        <v>0</v>
      </c>
    </row>
    <row r="78454" spans="1:7" x14ac:dyDescent="0.3">
      <c r="A78454" s="13" t="s">
        <v>399</v>
      </c>
      <c r="B78454" s="14" t="s">
        <v>1</v>
      </c>
      <c r="C78454" s="14" t="s">
        <v>47</v>
      </c>
      <c r="D78454" s="14" t="s">
        <v>400</v>
      </c>
      <c r="E78454" s="15">
        <v>45720</v>
      </c>
      <c r="F78454" s="14" t="s">
        <v>15</v>
      </c>
      <c r="G78454" s="16">
        <v>0</v>
      </c>
    </row>
    <row r="78455" spans="1:7" x14ac:dyDescent="0.3">
      <c r="A78455" s="13" t="s">
        <v>399</v>
      </c>
      <c r="B78455" s="14" t="s">
        <v>1</v>
      </c>
      <c r="C78455" s="14" t="s">
        <v>47</v>
      </c>
      <c r="D78455" s="14" t="s">
        <v>400</v>
      </c>
      <c r="E78455" s="15">
        <v>45721</v>
      </c>
      <c r="F78455" s="14" t="s">
        <v>15</v>
      </c>
      <c r="G78455" s="16">
        <v>0</v>
      </c>
    </row>
    <row r="78456" spans="1:7" x14ac:dyDescent="0.3">
      <c r="A78456" s="13" t="s">
        <v>399</v>
      </c>
      <c r="B78456" s="14" t="s">
        <v>1</v>
      </c>
      <c r="C78456" s="14" t="s">
        <v>47</v>
      </c>
      <c r="D78456" s="14" t="s">
        <v>400</v>
      </c>
      <c r="E78456" s="15">
        <v>45722</v>
      </c>
      <c r="F78456" s="14" t="s">
        <v>15</v>
      </c>
      <c r="G78456" s="16">
        <v>0</v>
      </c>
    </row>
    <row r="78457" spans="1:7" x14ac:dyDescent="0.3">
      <c r="A78457" s="13" t="s">
        <v>399</v>
      </c>
      <c r="B78457" s="14" t="s">
        <v>1</v>
      </c>
      <c r="C78457" s="14" t="s">
        <v>47</v>
      </c>
      <c r="D78457" s="14" t="s">
        <v>400</v>
      </c>
      <c r="E78457" s="15">
        <v>45723</v>
      </c>
      <c r="F78457" s="14" t="s">
        <v>15</v>
      </c>
      <c r="G78457" s="16">
        <v>0</v>
      </c>
    </row>
    <row r="78458" spans="1:7" x14ac:dyDescent="0.3">
      <c r="A78458" s="13" t="s">
        <v>399</v>
      </c>
      <c r="B78458" s="14" t="s">
        <v>1</v>
      </c>
      <c r="C78458" s="14" t="s">
        <v>47</v>
      </c>
      <c r="D78458" s="14" t="s">
        <v>400</v>
      </c>
      <c r="E78458" s="15">
        <v>45724</v>
      </c>
      <c r="F78458" s="14" t="s">
        <v>15</v>
      </c>
      <c r="G78458" s="16">
        <v>0</v>
      </c>
    </row>
    <row r="78459" spans="1:7" x14ac:dyDescent="0.3">
      <c r="A78459" s="13" t="s">
        <v>399</v>
      </c>
      <c r="B78459" s="14" t="s">
        <v>1</v>
      </c>
      <c r="C78459" s="14" t="s">
        <v>47</v>
      </c>
      <c r="D78459" s="14" t="s">
        <v>400</v>
      </c>
      <c r="E78459" s="15">
        <v>45725</v>
      </c>
      <c r="F78459" s="14" t="s">
        <v>15</v>
      </c>
      <c r="G78459" s="16">
        <v>0</v>
      </c>
    </row>
    <row r="78460" spans="1:7" x14ac:dyDescent="0.3">
      <c r="A78460" s="13" t="s">
        <v>399</v>
      </c>
      <c r="B78460" s="14" t="s">
        <v>1</v>
      </c>
      <c r="C78460" s="14" t="s">
        <v>47</v>
      </c>
      <c r="D78460" s="14" t="s">
        <v>400</v>
      </c>
      <c r="E78460" s="15">
        <v>45726</v>
      </c>
      <c r="F78460" s="14" t="s">
        <v>15</v>
      </c>
      <c r="G78460" s="16">
        <v>0</v>
      </c>
    </row>
    <row r="78461" spans="1:7" x14ac:dyDescent="0.3">
      <c r="A78461" s="13" t="s">
        <v>399</v>
      </c>
      <c r="B78461" s="14" t="s">
        <v>1</v>
      </c>
      <c r="C78461" s="14" t="s">
        <v>47</v>
      </c>
      <c r="D78461" s="14" t="s">
        <v>400</v>
      </c>
      <c r="E78461" s="15">
        <v>45727</v>
      </c>
      <c r="F78461" s="14" t="s">
        <v>15</v>
      </c>
      <c r="G78461" s="16">
        <v>0</v>
      </c>
    </row>
    <row r="78462" spans="1:7" x14ac:dyDescent="0.3">
      <c r="A78462" s="13" t="s">
        <v>399</v>
      </c>
      <c r="B78462" s="14" t="s">
        <v>1</v>
      </c>
      <c r="C78462" s="14" t="s">
        <v>47</v>
      </c>
      <c r="D78462" s="14" t="s">
        <v>400</v>
      </c>
      <c r="E78462" s="15">
        <v>45728</v>
      </c>
      <c r="F78462" s="14" t="s">
        <v>15</v>
      </c>
      <c r="G78462" s="16">
        <v>0</v>
      </c>
    </row>
    <row r="78463" spans="1:7" x14ac:dyDescent="0.3">
      <c r="A78463" s="13" t="s">
        <v>399</v>
      </c>
      <c r="B78463" s="14" t="s">
        <v>1</v>
      </c>
      <c r="C78463" s="14" t="s">
        <v>47</v>
      </c>
      <c r="D78463" s="14" t="s">
        <v>400</v>
      </c>
      <c r="E78463" s="15">
        <v>45729</v>
      </c>
      <c r="F78463" s="14" t="s">
        <v>15</v>
      </c>
      <c r="G78463" s="16">
        <v>0</v>
      </c>
    </row>
    <row r="78464" spans="1:7" x14ac:dyDescent="0.3">
      <c r="A78464" s="13" t="s">
        <v>399</v>
      </c>
      <c r="B78464" s="14" t="s">
        <v>1</v>
      </c>
      <c r="C78464" s="14" t="s">
        <v>47</v>
      </c>
      <c r="D78464" s="14" t="s">
        <v>400</v>
      </c>
      <c r="E78464" s="15">
        <v>45730</v>
      </c>
      <c r="F78464" s="14" t="s">
        <v>15</v>
      </c>
      <c r="G78464" s="16">
        <v>0</v>
      </c>
    </row>
    <row r="78465" spans="1:7" x14ac:dyDescent="0.3">
      <c r="A78465" s="13" t="s">
        <v>399</v>
      </c>
      <c r="B78465" s="14" t="s">
        <v>1</v>
      </c>
      <c r="C78465" s="14" t="s">
        <v>47</v>
      </c>
      <c r="D78465" s="14" t="s">
        <v>400</v>
      </c>
      <c r="E78465" s="15">
        <v>45731</v>
      </c>
      <c r="F78465" s="14" t="s">
        <v>15</v>
      </c>
      <c r="G78465" s="16">
        <v>0</v>
      </c>
    </row>
    <row r="78466" spans="1:7" x14ac:dyDescent="0.3">
      <c r="A78466" s="13" t="s">
        <v>399</v>
      </c>
      <c r="B78466" s="14" t="s">
        <v>1</v>
      </c>
      <c r="C78466" s="14" t="s">
        <v>47</v>
      </c>
      <c r="D78466" s="14" t="s">
        <v>400</v>
      </c>
      <c r="E78466" s="15">
        <v>45732</v>
      </c>
      <c r="F78466" s="14" t="s">
        <v>15</v>
      </c>
      <c r="G78466" s="16">
        <v>0</v>
      </c>
    </row>
    <row r="78467" spans="1:7" x14ac:dyDescent="0.3">
      <c r="A78467" s="13" t="s">
        <v>399</v>
      </c>
      <c r="B78467" s="14" t="s">
        <v>1</v>
      </c>
      <c r="C78467" s="14" t="s">
        <v>47</v>
      </c>
      <c r="D78467" s="14" t="s">
        <v>400</v>
      </c>
      <c r="E78467" s="15">
        <v>45733</v>
      </c>
      <c r="F78467" s="14" t="s">
        <v>15</v>
      </c>
      <c r="G78467" s="16">
        <v>0</v>
      </c>
    </row>
    <row r="78468" spans="1:7" x14ac:dyDescent="0.3">
      <c r="A78468" s="13" t="s">
        <v>399</v>
      </c>
      <c r="B78468" s="14" t="s">
        <v>1</v>
      </c>
      <c r="C78468" s="14" t="s">
        <v>47</v>
      </c>
      <c r="D78468" s="14" t="s">
        <v>400</v>
      </c>
      <c r="E78468" s="15">
        <v>45734</v>
      </c>
      <c r="F78468" s="14" t="s">
        <v>15</v>
      </c>
      <c r="G78468" s="16">
        <v>0</v>
      </c>
    </row>
    <row r="78469" spans="1:7" x14ac:dyDescent="0.3">
      <c r="A78469" s="13" t="s">
        <v>399</v>
      </c>
      <c r="B78469" s="14" t="s">
        <v>1</v>
      </c>
      <c r="C78469" s="14" t="s">
        <v>47</v>
      </c>
      <c r="D78469" s="14" t="s">
        <v>400</v>
      </c>
      <c r="E78469" s="15">
        <v>45735</v>
      </c>
      <c r="F78469" s="14" t="s">
        <v>15</v>
      </c>
      <c r="G78469" s="16">
        <v>0</v>
      </c>
    </row>
    <row r="78470" spans="1:7" x14ac:dyDescent="0.3">
      <c r="A78470" s="13" t="s">
        <v>399</v>
      </c>
      <c r="B78470" s="14" t="s">
        <v>1</v>
      </c>
      <c r="C78470" s="14" t="s">
        <v>47</v>
      </c>
      <c r="D78470" s="14" t="s">
        <v>400</v>
      </c>
      <c r="E78470" s="15">
        <v>45736</v>
      </c>
      <c r="F78470" s="14" t="s">
        <v>15</v>
      </c>
      <c r="G78470" s="16">
        <v>0</v>
      </c>
    </row>
    <row r="78471" spans="1:7" x14ac:dyDescent="0.3">
      <c r="A78471" s="13" t="s">
        <v>399</v>
      </c>
      <c r="B78471" s="14" t="s">
        <v>1</v>
      </c>
      <c r="C78471" s="14" t="s">
        <v>47</v>
      </c>
      <c r="D78471" s="14" t="s">
        <v>400</v>
      </c>
      <c r="E78471" s="15">
        <v>45737</v>
      </c>
      <c r="F78471" s="14" t="s">
        <v>15</v>
      </c>
      <c r="G78471" s="16">
        <v>0</v>
      </c>
    </row>
    <row r="78472" spans="1:7" x14ac:dyDescent="0.3">
      <c r="A78472" s="13" t="s">
        <v>399</v>
      </c>
      <c r="B78472" s="14" t="s">
        <v>1</v>
      </c>
      <c r="C78472" s="14" t="s">
        <v>47</v>
      </c>
      <c r="D78472" s="14" t="s">
        <v>400</v>
      </c>
      <c r="E78472" s="15">
        <v>45738</v>
      </c>
      <c r="F78472" s="14" t="s">
        <v>15</v>
      </c>
      <c r="G78472" s="16">
        <v>0</v>
      </c>
    </row>
    <row r="78473" spans="1:7" x14ac:dyDescent="0.3">
      <c r="A78473" s="13" t="s">
        <v>399</v>
      </c>
      <c r="B78473" s="14" t="s">
        <v>1</v>
      </c>
      <c r="C78473" s="14" t="s">
        <v>47</v>
      </c>
      <c r="D78473" s="14" t="s">
        <v>400</v>
      </c>
      <c r="E78473" s="15">
        <v>45739</v>
      </c>
      <c r="F78473" s="14" t="s">
        <v>15</v>
      </c>
      <c r="G78473" s="16">
        <v>0</v>
      </c>
    </row>
    <row r="78474" spans="1:7" x14ac:dyDescent="0.3">
      <c r="A78474" s="13" t="s">
        <v>399</v>
      </c>
      <c r="B78474" s="14" t="s">
        <v>1</v>
      </c>
      <c r="C78474" s="14" t="s">
        <v>47</v>
      </c>
      <c r="D78474" s="14" t="s">
        <v>400</v>
      </c>
      <c r="E78474" s="15">
        <v>45740</v>
      </c>
      <c r="F78474" s="14" t="s">
        <v>15</v>
      </c>
      <c r="G78474" s="16">
        <v>0</v>
      </c>
    </row>
    <row r="78475" spans="1:7" x14ac:dyDescent="0.3">
      <c r="A78475" s="13" t="s">
        <v>399</v>
      </c>
      <c r="B78475" s="14" t="s">
        <v>1</v>
      </c>
      <c r="C78475" s="14" t="s">
        <v>47</v>
      </c>
      <c r="D78475" s="14" t="s">
        <v>400</v>
      </c>
      <c r="E78475" s="15">
        <v>45741</v>
      </c>
      <c r="F78475" s="14" t="s">
        <v>15</v>
      </c>
      <c r="G78475" s="16">
        <v>0</v>
      </c>
    </row>
    <row r="78476" spans="1:7" x14ac:dyDescent="0.3">
      <c r="A78476" s="13" t="s">
        <v>399</v>
      </c>
      <c r="B78476" s="14" t="s">
        <v>1</v>
      </c>
      <c r="C78476" s="14" t="s">
        <v>47</v>
      </c>
      <c r="D78476" s="14" t="s">
        <v>400</v>
      </c>
      <c r="E78476" s="15">
        <v>45742</v>
      </c>
      <c r="F78476" s="14" t="s">
        <v>15</v>
      </c>
      <c r="G78476" s="16">
        <v>0</v>
      </c>
    </row>
    <row r="78477" spans="1:7" x14ac:dyDescent="0.3">
      <c r="A78477" s="13" t="s">
        <v>399</v>
      </c>
      <c r="B78477" s="14" t="s">
        <v>1</v>
      </c>
      <c r="C78477" s="14" t="s">
        <v>47</v>
      </c>
      <c r="D78477" s="14" t="s">
        <v>400</v>
      </c>
      <c r="E78477" s="15">
        <v>45743</v>
      </c>
      <c r="F78477" s="14" t="s">
        <v>15</v>
      </c>
      <c r="G78477" s="16">
        <v>0</v>
      </c>
    </row>
    <row r="78478" spans="1:7" x14ac:dyDescent="0.3">
      <c r="A78478" s="13" t="s">
        <v>399</v>
      </c>
      <c r="B78478" s="14" t="s">
        <v>1</v>
      </c>
      <c r="C78478" s="14" t="s">
        <v>47</v>
      </c>
      <c r="D78478" s="14" t="s">
        <v>400</v>
      </c>
      <c r="E78478" s="15">
        <v>45744</v>
      </c>
      <c r="F78478" s="14" t="s">
        <v>15</v>
      </c>
      <c r="G78478" s="16">
        <v>0</v>
      </c>
    </row>
    <row r="78479" spans="1:7" x14ac:dyDescent="0.3">
      <c r="A78479" s="13" t="s">
        <v>399</v>
      </c>
      <c r="B78479" s="14" t="s">
        <v>1</v>
      </c>
      <c r="C78479" s="14" t="s">
        <v>47</v>
      </c>
      <c r="D78479" s="14" t="s">
        <v>400</v>
      </c>
      <c r="E78479" s="15">
        <v>45745</v>
      </c>
      <c r="F78479" s="14" t="s">
        <v>15</v>
      </c>
      <c r="G78479" s="16">
        <v>0</v>
      </c>
    </row>
    <row r="78480" spans="1:7" x14ac:dyDescent="0.3">
      <c r="A78480" s="13" t="s">
        <v>399</v>
      </c>
      <c r="B78480" s="14" t="s">
        <v>1</v>
      </c>
      <c r="C78480" s="14" t="s">
        <v>47</v>
      </c>
      <c r="D78480" s="14" t="s">
        <v>400</v>
      </c>
      <c r="E78480" s="15">
        <v>45746</v>
      </c>
      <c r="F78480" s="14" t="s">
        <v>15</v>
      </c>
      <c r="G78480" s="16">
        <v>0</v>
      </c>
    </row>
    <row r="78481" spans="1:7" x14ac:dyDescent="0.3">
      <c r="A78481" s="13" t="s">
        <v>399</v>
      </c>
      <c r="B78481" s="14" t="s">
        <v>1</v>
      </c>
      <c r="C78481" s="14" t="s">
        <v>47</v>
      </c>
      <c r="D78481" s="14" t="s">
        <v>400</v>
      </c>
      <c r="E78481" s="15">
        <v>45747</v>
      </c>
      <c r="F78481" s="14" t="s">
        <v>15</v>
      </c>
      <c r="G78481" s="16">
        <v>0</v>
      </c>
    </row>
    <row r="78482" spans="1:7" x14ac:dyDescent="0.3">
      <c r="A78482" s="13" t="s">
        <v>401</v>
      </c>
      <c r="B78482" s="14" t="s">
        <v>1</v>
      </c>
      <c r="C78482" s="14" t="s">
        <v>59</v>
      </c>
      <c r="D78482" s="14" t="s">
        <v>146</v>
      </c>
      <c r="E78482" s="15">
        <v>45383</v>
      </c>
      <c r="F78482" s="14" t="s">
        <v>61</v>
      </c>
      <c r="G78482" s="16">
        <v>0</v>
      </c>
    </row>
    <row r="78483" spans="1:7" x14ac:dyDescent="0.3">
      <c r="A78483" s="13" t="s">
        <v>401</v>
      </c>
      <c r="B78483" s="14" t="s">
        <v>1</v>
      </c>
      <c r="C78483" s="14" t="s">
        <v>59</v>
      </c>
      <c r="D78483" s="14" t="s">
        <v>146</v>
      </c>
      <c r="E78483" s="15">
        <v>45384</v>
      </c>
      <c r="F78483" s="14" t="s">
        <v>61</v>
      </c>
      <c r="G78483" s="16">
        <v>0</v>
      </c>
    </row>
    <row r="78484" spans="1:7" x14ac:dyDescent="0.3">
      <c r="A78484" s="13" t="s">
        <v>401</v>
      </c>
      <c r="B78484" s="14" t="s">
        <v>1</v>
      </c>
      <c r="C78484" s="14" t="s">
        <v>59</v>
      </c>
      <c r="D78484" s="14" t="s">
        <v>146</v>
      </c>
      <c r="E78484" s="15">
        <v>45385</v>
      </c>
      <c r="F78484" s="14" t="s">
        <v>61</v>
      </c>
      <c r="G78484" s="16">
        <v>0</v>
      </c>
    </row>
    <row r="78485" spans="1:7" x14ac:dyDescent="0.3">
      <c r="A78485" s="13" t="s">
        <v>401</v>
      </c>
      <c r="B78485" s="14" t="s">
        <v>1</v>
      </c>
      <c r="C78485" s="14" t="s">
        <v>59</v>
      </c>
      <c r="D78485" s="14" t="s">
        <v>146</v>
      </c>
      <c r="E78485" s="15">
        <v>45386</v>
      </c>
      <c r="F78485" s="14" t="s">
        <v>61</v>
      </c>
      <c r="G78485" s="16">
        <v>0</v>
      </c>
    </row>
    <row r="78486" spans="1:7" x14ac:dyDescent="0.3">
      <c r="A78486" s="13" t="s">
        <v>401</v>
      </c>
      <c r="B78486" s="14" t="s">
        <v>1</v>
      </c>
      <c r="C78486" s="14" t="s">
        <v>59</v>
      </c>
      <c r="D78486" s="14" t="s">
        <v>146</v>
      </c>
      <c r="E78486" s="15">
        <v>45387</v>
      </c>
      <c r="F78486" s="14" t="s">
        <v>61</v>
      </c>
      <c r="G78486" s="16">
        <v>0</v>
      </c>
    </row>
    <row r="78487" spans="1:7" x14ac:dyDescent="0.3">
      <c r="A78487" s="13" t="s">
        <v>401</v>
      </c>
      <c r="B78487" s="14" t="s">
        <v>1</v>
      </c>
      <c r="C78487" s="14" t="s">
        <v>59</v>
      </c>
      <c r="D78487" s="14" t="s">
        <v>146</v>
      </c>
      <c r="E78487" s="15">
        <v>45388</v>
      </c>
      <c r="F78487" s="14" t="s">
        <v>61</v>
      </c>
      <c r="G78487" s="16">
        <v>0</v>
      </c>
    </row>
    <row r="78488" spans="1:7" x14ac:dyDescent="0.3">
      <c r="A78488" s="13" t="s">
        <v>401</v>
      </c>
      <c r="B78488" s="14" t="s">
        <v>1</v>
      </c>
      <c r="C78488" s="14" t="s">
        <v>59</v>
      </c>
      <c r="D78488" s="14" t="s">
        <v>146</v>
      </c>
      <c r="E78488" s="15">
        <v>45389</v>
      </c>
      <c r="F78488" s="14" t="s">
        <v>61</v>
      </c>
      <c r="G78488" s="16">
        <v>0</v>
      </c>
    </row>
    <row r="78489" spans="1:7" x14ac:dyDescent="0.3">
      <c r="A78489" s="13" t="s">
        <v>401</v>
      </c>
      <c r="B78489" s="14" t="s">
        <v>1</v>
      </c>
      <c r="C78489" s="14" t="s">
        <v>59</v>
      </c>
      <c r="D78489" s="14" t="s">
        <v>146</v>
      </c>
      <c r="E78489" s="15">
        <v>45390</v>
      </c>
      <c r="F78489" s="14" t="s">
        <v>61</v>
      </c>
      <c r="G78489" s="16">
        <v>0</v>
      </c>
    </row>
    <row r="78490" spans="1:7" x14ac:dyDescent="0.3">
      <c r="A78490" s="13" t="s">
        <v>401</v>
      </c>
      <c r="B78490" s="14" t="s">
        <v>1</v>
      </c>
      <c r="C78490" s="14" t="s">
        <v>59</v>
      </c>
      <c r="D78490" s="14" t="s">
        <v>146</v>
      </c>
      <c r="E78490" s="15">
        <v>45391</v>
      </c>
      <c r="F78490" s="14" t="s">
        <v>61</v>
      </c>
      <c r="G78490" s="16">
        <v>0</v>
      </c>
    </row>
    <row r="78491" spans="1:7" x14ac:dyDescent="0.3">
      <c r="A78491" s="13" t="s">
        <v>401</v>
      </c>
      <c r="B78491" s="14" t="s">
        <v>1</v>
      </c>
      <c r="C78491" s="14" t="s">
        <v>59</v>
      </c>
      <c r="D78491" s="14" t="s">
        <v>146</v>
      </c>
      <c r="E78491" s="15">
        <v>45392</v>
      </c>
      <c r="F78491" s="14" t="s">
        <v>61</v>
      </c>
      <c r="G78491" s="16">
        <v>0</v>
      </c>
    </row>
    <row r="78492" spans="1:7" x14ac:dyDescent="0.3">
      <c r="A78492" s="13" t="s">
        <v>401</v>
      </c>
      <c r="B78492" s="14" t="s">
        <v>1</v>
      </c>
      <c r="C78492" s="14" t="s">
        <v>59</v>
      </c>
      <c r="D78492" s="14" t="s">
        <v>146</v>
      </c>
      <c r="E78492" s="15">
        <v>45393</v>
      </c>
      <c r="F78492" s="14" t="s">
        <v>61</v>
      </c>
      <c r="G78492" s="16">
        <v>0</v>
      </c>
    </row>
    <row r="78493" spans="1:7" x14ac:dyDescent="0.3">
      <c r="A78493" s="13" t="s">
        <v>401</v>
      </c>
      <c r="B78493" s="14" t="s">
        <v>1</v>
      </c>
      <c r="C78493" s="14" t="s">
        <v>59</v>
      </c>
      <c r="D78493" s="14" t="s">
        <v>146</v>
      </c>
      <c r="E78493" s="15">
        <v>45394</v>
      </c>
      <c r="F78493" s="14" t="s">
        <v>61</v>
      </c>
      <c r="G78493" s="16">
        <v>0</v>
      </c>
    </row>
    <row r="78494" spans="1:7" x14ac:dyDescent="0.3">
      <c r="A78494" s="13" t="s">
        <v>401</v>
      </c>
      <c r="B78494" s="14" t="s">
        <v>1</v>
      </c>
      <c r="C78494" s="14" t="s">
        <v>59</v>
      </c>
      <c r="D78494" s="14" t="s">
        <v>146</v>
      </c>
      <c r="E78494" s="15">
        <v>45395</v>
      </c>
      <c r="F78494" s="14" t="s">
        <v>61</v>
      </c>
      <c r="G78494" s="16">
        <v>0</v>
      </c>
    </row>
    <row r="78495" spans="1:7" x14ac:dyDescent="0.3">
      <c r="A78495" s="13" t="s">
        <v>401</v>
      </c>
      <c r="B78495" s="14" t="s">
        <v>1</v>
      </c>
      <c r="C78495" s="14" t="s">
        <v>59</v>
      </c>
      <c r="D78495" s="14" t="s">
        <v>146</v>
      </c>
      <c r="E78495" s="15">
        <v>45396</v>
      </c>
      <c r="F78495" s="14" t="s">
        <v>61</v>
      </c>
      <c r="G78495" s="16">
        <v>0</v>
      </c>
    </row>
    <row r="78496" spans="1:7" x14ac:dyDescent="0.3">
      <c r="A78496" s="13" t="s">
        <v>401</v>
      </c>
      <c r="B78496" s="14" t="s">
        <v>1</v>
      </c>
      <c r="C78496" s="14" t="s">
        <v>59</v>
      </c>
      <c r="D78496" s="14" t="s">
        <v>146</v>
      </c>
      <c r="E78496" s="15">
        <v>45397</v>
      </c>
      <c r="F78496" s="14" t="s">
        <v>61</v>
      </c>
      <c r="G78496" s="16">
        <v>0</v>
      </c>
    </row>
    <row r="78497" spans="1:7" x14ac:dyDescent="0.3">
      <c r="A78497" s="13" t="s">
        <v>401</v>
      </c>
      <c r="B78497" s="14" t="s">
        <v>1</v>
      </c>
      <c r="C78497" s="14" t="s">
        <v>59</v>
      </c>
      <c r="D78497" s="14" t="s">
        <v>146</v>
      </c>
      <c r="E78497" s="15">
        <v>45398</v>
      </c>
      <c r="F78497" s="14" t="s">
        <v>61</v>
      </c>
      <c r="G78497" s="16">
        <v>0</v>
      </c>
    </row>
    <row r="78498" spans="1:7" x14ac:dyDescent="0.3">
      <c r="A78498" s="13" t="s">
        <v>401</v>
      </c>
      <c r="B78498" s="14" t="s">
        <v>1</v>
      </c>
      <c r="C78498" s="14" t="s">
        <v>59</v>
      </c>
      <c r="D78498" s="14" t="s">
        <v>146</v>
      </c>
      <c r="E78498" s="15">
        <v>45399</v>
      </c>
      <c r="F78498" s="14" t="s">
        <v>61</v>
      </c>
      <c r="G78498" s="16">
        <v>0</v>
      </c>
    </row>
    <row r="78499" spans="1:7" x14ac:dyDescent="0.3">
      <c r="A78499" s="13" t="s">
        <v>401</v>
      </c>
      <c r="B78499" s="14" t="s">
        <v>1</v>
      </c>
      <c r="C78499" s="14" t="s">
        <v>59</v>
      </c>
      <c r="D78499" s="14" t="s">
        <v>146</v>
      </c>
      <c r="E78499" s="15">
        <v>45400</v>
      </c>
      <c r="F78499" s="14" t="s">
        <v>61</v>
      </c>
      <c r="G78499" s="16">
        <v>0</v>
      </c>
    </row>
    <row r="78500" spans="1:7" x14ac:dyDescent="0.3">
      <c r="A78500" s="13" t="s">
        <v>401</v>
      </c>
      <c r="B78500" s="14" t="s">
        <v>1</v>
      </c>
      <c r="C78500" s="14" t="s">
        <v>59</v>
      </c>
      <c r="D78500" s="14" t="s">
        <v>146</v>
      </c>
      <c r="E78500" s="15">
        <v>45401</v>
      </c>
      <c r="F78500" s="14" t="s">
        <v>61</v>
      </c>
      <c r="G78500" s="16">
        <v>0</v>
      </c>
    </row>
    <row r="78501" spans="1:7" x14ac:dyDescent="0.3">
      <c r="A78501" s="13" t="s">
        <v>401</v>
      </c>
      <c r="B78501" s="14" t="s">
        <v>1</v>
      </c>
      <c r="C78501" s="14" t="s">
        <v>59</v>
      </c>
      <c r="D78501" s="14" t="s">
        <v>146</v>
      </c>
      <c r="E78501" s="15">
        <v>45402</v>
      </c>
      <c r="F78501" s="14" t="s">
        <v>61</v>
      </c>
      <c r="G78501" s="16">
        <v>0</v>
      </c>
    </row>
    <row r="78502" spans="1:7" x14ac:dyDescent="0.3">
      <c r="A78502" s="13" t="s">
        <v>401</v>
      </c>
      <c r="B78502" s="14" t="s">
        <v>1</v>
      </c>
      <c r="C78502" s="14" t="s">
        <v>59</v>
      </c>
      <c r="D78502" s="14" t="s">
        <v>146</v>
      </c>
      <c r="E78502" s="15">
        <v>45403</v>
      </c>
      <c r="F78502" s="14" t="s">
        <v>61</v>
      </c>
      <c r="G78502" s="16">
        <v>0</v>
      </c>
    </row>
    <row r="78503" spans="1:7" x14ac:dyDescent="0.3">
      <c r="A78503" s="13" t="s">
        <v>401</v>
      </c>
      <c r="B78503" s="14" t="s">
        <v>1</v>
      </c>
      <c r="C78503" s="14" t="s">
        <v>59</v>
      </c>
      <c r="D78503" s="14" t="s">
        <v>146</v>
      </c>
      <c r="E78503" s="15">
        <v>45404</v>
      </c>
      <c r="F78503" s="14" t="s">
        <v>61</v>
      </c>
      <c r="G78503" s="16">
        <v>0</v>
      </c>
    </row>
    <row r="78504" spans="1:7" x14ac:dyDescent="0.3">
      <c r="A78504" s="13" t="s">
        <v>401</v>
      </c>
      <c r="B78504" s="14" t="s">
        <v>1</v>
      </c>
      <c r="C78504" s="14" t="s">
        <v>59</v>
      </c>
      <c r="D78504" s="14" t="s">
        <v>146</v>
      </c>
      <c r="E78504" s="15">
        <v>45405</v>
      </c>
      <c r="F78504" s="14" t="s">
        <v>61</v>
      </c>
      <c r="G78504" s="16">
        <v>0</v>
      </c>
    </row>
    <row r="78505" spans="1:7" x14ac:dyDescent="0.3">
      <c r="A78505" s="13" t="s">
        <v>401</v>
      </c>
      <c r="B78505" s="14" t="s">
        <v>1</v>
      </c>
      <c r="C78505" s="14" t="s">
        <v>59</v>
      </c>
      <c r="D78505" s="14" t="s">
        <v>146</v>
      </c>
      <c r="E78505" s="15">
        <v>45406</v>
      </c>
      <c r="F78505" s="14" t="s">
        <v>61</v>
      </c>
      <c r="G78505" s="16">
        <v>0</v>
      </c>
    </row>
    <row r="78506" spans="1:7" x14ac:dyDescent="0.3">
      <c r="A78506" s="13" t="s">
        <v>401</v>
      </c>
      <c r="B78506" s="14" t="s">
        <v>1</v>
      </c>
      <c r="C78506" s="14" t="s">
        <v>59</v>
      </c>
      <c r="D78506" s="14" t="s">
        <v>146</v>
      </c>
      <c r="E78506" s="15">
        <v>45407</v>
      </c>
      <c r="F78506" s="14" t="s">
        <v>61</v>
      </c>
      <c r="G78506" s="16">
        <v>0</v>
      </c>
    </row>
    <row r="78507" spans="1:7" x14ac:dyDescent="0.3">
      <c r="A78507" s="13" t="s">
        <v>401</v>
      </c>
      <c r="B78507" s="14" t="s">
        <v>1</v>
      </c>
      <c r="C78507" s="14" t="s">
        <v>59</v>
      </c>
      <c r="D78507" s="14" t="s">
        <v>146</v>
      </c>
      <c r="E78507" s="15">
        <v>45408</v>
      </c>
      <c r="F78507" s="14" t="s">
        <v>61</v>
      </c>
      <c r="G78507" s="16">
        <v>0</v>
      </c>
    </row>
    <row r="78508" spans="1:7" x14ac:dyDescent="0.3">
      <c r="A78508" s="13" t="s">
        <v>401</v>
      </c>
      <c r="B78508" s="14" t="s">
        <v>1</v>
      </c>
      <c r="C78508" s="14" t="s">
        <v>59</v>
      </c>
      <c r="D78508" s="14" t="s">
        <v>146</v>
      </c>
      <c r="E78508" s="15">
        <v>45409</v>
      </c>
      <c r="F78508" s="14" t="s">
        <v>61</v>
      </c>
      <c r="G78508" s="16">
        <v>0</v>
      </c>
    </row>
    <row r="78509" spans="1:7" x14ac:dyDescent="0.3">
      <c r="A78509" s="13" t="s">
        <v>401</v>
      </c>
      <c r="B78509" s="14" t="s">
        <v>1</v>
      </c>
      <c r="C78509" s="14" t="s">
        <v>59</v>
      </c>
      <c r="D78509" s="14" t="s">
        <v>146</v>
      </c>
      <c r="E78509" s="15">
        <v>45410</v>
      </c>
      <c r="F78509" s="14" t="s">
        <v>61</v>
      </c>
      <c r="G78509" s="16">
        <v>0</v>
      </c>
    </row>
    <row r="78510" spans="1:7" x14ac:dyDescent="0.3">
      <c r="A78510" s="13" t="s">
        <v>401</v>
      </c>
      <c r="B78510" s="14" t="s">
        <v>1</v>
      </c>
      <c r="C78510" s="14" t="s">
        <v>59</v>
      </c>
      <c r="D78510" s="14" t="s">
        <v>146</v>
      </c>
      <c r="E78510" s="15">
        <v>45411</v>
      </c>
      <c r="F78510" s="14" t="s">
        <v>61</v>
      </c>
      <c r="G78510" s="16">
        <v>0</v>
      </c>
    </row>
    <row r="78511" spans="1:7" x14ac:dyDescent="0.3">
      <c r="A78511" s="13" t="s">
        <v>401</v>
      </c>
      <c r="B78511" s="14" t="s">
        <v>1</v>
      </c>
      <c r="C78511" s="14" t="s">
        <v>59</v>
      </c>
      <c r="D78511" s="14" t="s">
        <v>146</v>
      </c>
      <c r="E78511" s="15">
        <v>45412</v>
      </c>
      <c r="F78511" s="14" t="s">
        <v>61</v>
      </c>
      <c r="G78511" s="16">
        <v>0</v>
      </c>
    </row>
    <row r="78512" spans="1:7" x14ac:dyDescent="0.3">
      <c r="A78512" s="13" t="s">
        <v>401</v>
      </c>
      <c r="B78512" s="14" t="s">
        <v>1</v>
      </c>
      <c r="C78512" s="14" t="s">
        <v>59</v>
      </c>
      <c r="D78512" s="14" t="s">
        <v>146</v>
      </c>
      <c r="E78512" s="15">
        <v>45413</v>
      </c>
      <c r="F78512" s="14" t="s">
        <v>61</v>
      </c>
      <c r="G78512" s="16">
        <v>0</v>
      </c>
    </row>
    <row r="78513" spans="1:7" x14ac:dyDescent="0.3">
      <c r="A78513" s="13" t="s">
        <v>401</v>
      </c>
      <c r="B78513" s="14" t="s">
        <v>1</v>
      </c>
      <c r="C78513" s="14" t="s">
        <v>59</v>
      </c>
      <c r="D78513" s="14" t="s">
        <v>146</v>
      </c>
      <c r="E78513" s="15">
        <v>45414</v>
      </c>
      <c r="F78513" s="14" t="s">
        <v>61</v>
      </c>
      <c r="G78513" s="16">
        <v>0</v>
      </c>
    </row>
    <row r="78514" spans="1:7" x14ac:dyDescent="0.3">
      <c r="A78514" s="13" t="s">
        <v>401</v>
      </c>
      <c r="B78514" s="14" t="s">
        <v>1</v>
      </c>
      <c r="C78514" s="14" t="s">
        <v>59</v>
      </c>
      <c r="D78514" s="14" t="s">
        <v>146</v>
      </c>
      <c r="E78514" s="15">
        <v>45415</v>
      </c>
      <c r="F78514" s="14" t="s">
        <v>61</v>
      </c>
      <c r="G78514" s="16">
        <v>0</v>
      </c>
    </row>
    <row r="78515" spans="1:7" x14ac:dyDescent="0.3">
      <c r="A78515" s="13" t="s">
        <v>401</v>
      </c>
      <c r="B78515" s="14" t="s">
        <v>1</v>
      </c>
      <c r="C78515" s="14" t="s">
        <v>59</v>
      </c>
      <c r="D78515" s="14" t="s">
        <v>146</v>
      </c>
      <c r="E78515" s="15">
        <v>45416</v>
      </c>
      <c r="F78515" s="14" t="s">
        <v>61</v>
      </c>
      <c r="G78515" s="16">
        <v>0</v>
      </c>
    </row>
    <row r="78516" spans="1:7" x14ac:dyDescent="0.3">
      <c r="A78516" s="13" t="s">
        <v>401</v>
      </c>
      <c r="B78516" s="14" t="s">
        <v>1</v>
      </c>
      <c r="C78516" s="14" t="s">
        <v>59</v>
      </c>
      <c r="D78516" s="14" t="s">
        <v>146</v>
      </c>
      <c r="E78516" s="15">
        <v>45417</v>
      </c>
      <c r="F78516" s="14" t="s">
        <v>61</v>
      </c>
      <c r="G78516" s="16">
        <v>0</v>
      </c>
    </row>
    <row r="78517" spans="1:7" x14ac:dyDescent="0.3">
      <c r="A78517" s="13" t="s">
        <v>401</v>
      </c>
      <c r="B78517" s="14" t="s">
        <v>1</v>
      </c>
      <c r="C78517" s="14" t="s">
        <v>59</v>
      </c>
      <c r="D78517" s="14" t="s">
        <v>146</v>
      </c>
      <c r="E78517" s="15">
        <v>45418</v>
      </c>
      <c r="F78517" s="14" t="s">
        <v>61</v>
      </c>
      <c r="G78517" s="16">
        <v>0</v>
      </c>
    </row>
    <row r="78518" spans="1:7" x14ac:dyDescent="0.3">
      <c r="A78518" s="13" t="s">
        <v>401</v>
      </c>
      <c r="B78518" s="14" t="s">
        <v>1</v>
      </c>
      <c r="C78518" s="14" t="s">
        <v>59</v>
      </c>
      <c r="D78518" s="14" t="s">
        <v>146</v>
      </c>
      <c r="E78518" s="15">
        <v>45419</v>
      </c>
      <c r="F78518" s="14" t="s">
        <v>61</v>
      </c>
      <c r="G78518" s="16">
        <v>0</v>
      </c>
    </row>
    <row r="78519" spans="1:7" x14ac:dyDescent="0.3">
      <c r="A78519" s="13" t="s">
        <v>401</v>
      </c>
      <c r="B78519" s="14" t="s">
        <v>1</v>
      </c>
      <c r="C78519" s="14" t="s">
        <v>59</v>
      </c>
      <c r="D78519" s="14" t="s">
        <v>146</v>
      </c>
      <c r="E78519" s="15">
        <v>45420</v>
      </c>
      <c r="F78519" s="14" t="s">
        <v>61</v>
      </c>
      <c r="G78519" s="16">
        <v>0</v>
      </c>
    </row>
    <row r="78520" spans="1:7" x14ac:dyDescent="0.3">
      <c r="A78520" s="13" t="s">
        <v>401</v>
      </c>
      <c r="B78520" s="14" t="s">
        <v>1</v>
      </c>
      <c r="C78520" s="14" t="s">
        <v>59</v>
      </c>
      <c r="D78520" s="14" t="s">
        <v>146</v>
      </c>
      <c r="E78520" s="15">
        <v>45421</v>
      </c>
      <c r="F78520" s="14" t="s">
        <v>61</v>
      </c>
      <c r="G78520" s="16">
        <v>0</v>
      </c>
    </row>
    <row r="78521" spans="1:7" x14ac:dyDescent="0.3">
      <c r="A78521" s="13" t="s">
        <v>401</v>
      </c>
      <c r="B78521" s="14" t="s">
        <v>1</v>
      </c>
      <c r="C78521" s="14" t="s">
        <v>59</v>
      </c>
      <c r="D78521" s="14" t="s">
        <v>146</v>
      </c>
      <c r="E78521" s="15">
        <v>45422</v>
      </c>
      <c r="F78521" s="14" t="s">
        <v>61</v>
      </c>
      <c r="G78521" s="16">
        <v>0</v>
      </c>
    </row>
    <row r="78522" spans="1:7" x14ac:dyDescent="0.3">
      <c r="A78522" s="13" t="s">
        <v>401</v>
      </c>
      <c r="B78522" s="14" t="s">
        <v>1</v>
      </c>
      <c r="C78522" s="14" t="s">
        <v>59</v>
      </c>
      <c r="D78522" s="14" t="s">
        <v>146</v>
      </c>
      <c r="E78522" s="15">
        <v>45423</v>
      </c>
      <c r="F78522" s="14" t="s">
        <v>61</v>
      </c>
      <c r="G78522" s="16">
        <v>0</v>
      </c>
    </row>
    <row r="78523" spans="1:7" x14ac:dyDescent="0.3">
      <c r="A78523" s="13" t="s">
        <v>401</v>
      </c>
      <c r="B78523" s="14" t="s">
        <v>1</v>
      </c>
      <c r="C78523" s="14" t="s">
        <v>59</v>
      </c>
      <c r="D78523" s="14" t="s">
        <v>146</v>
      </c>
      <c r="E78523" s="15">
        <v>45424</v>
      </c>
      <c r="F78523" s="14" t="s">
        <v>61</v>
      </c>
      <c r="G78523" s="16">
        <v>0</v>
      </c>
    </row>
    <row r="78524" spans="1:7" x14ac:dyDescent="0.3">
      <c r="A78524" s="13" t="s">
        <v>401</v>
      </c>
      <c r="B78524" s="14" t="s">
        <v>1</v>
      </c>
      <c r="C78524" s="14" t="s">
        <v>59</v>
      </c>
      <c r="D78524" s="14" t="s">
        <v>146</v>
      </c>
      <c r="E78524" s="15">
        <v>45425</v>
      </c>
      <c r="F78524" s="14" t="s">
        <v>61</v>
      </c>
      <c r="G78524" s="16">
        <v>0</v>
      </c>
    </row>
    <row r="78525" spans="1:7" x14ac:dyDescent="0.3">
      <c r="A78525" s="13" t="s">
        <v>401</v>
      </c>
      <c r="B78525" s="14" t="s">
        <v>1</v>
      </c>
      <c r="C78525" s="14" t="s">
        <v>59</v>
      </c>
      <c r="D78525" s="14" t="s">
        <v>146</v>
      </c>
      <c r="E78525" s="15">
        <v>45426</v>
      </c>
      <c r="F78525" s="14" t="s">
        <v>61</v>
      </c>
      <c r="G78525" s="16">
        <v>0</v>
      </c>
    </row>
    <row r="78526" spans="1:7" x14ac:dyDescent="0.3">
      <c r="A78526" s="13" t="s">
        <v>401</v>
      </c>
      <c r="B78526" s="14" t="s">
        <v>1</v>
      </c>
      <c r="C78526" s="14" t="s">
        <v>59</v>
      </c>
      <c r="D78526" s="14" t="s">
        <v>146</v>
      </c>
      <c r="E78526" s="15">
        <v>45427</v>
      </c>
      <c r="F78526" s="14" t="s">
        <v>61</v>
      </c>
      <c r="G78526" s="16">
        <v>0</v>
      </c>
    </row>
    <row r="78527" spans="1:7" x14ac:dyDescent="0.3">
      <c r="A78527" s="13" t="s">
        <v>401</v>
      </c>
      <c r="B78527" s="14" t="s">
        <v>1</v>
      </c>
      <c r="C78527" s="14" t="s">
        <v>59</v>
      </c>
      <c r="D78527" s="14" t="s">
        <v>146</v>
      </c>
      <c r="E78527" s="15">
        <v>45428</v>
      </c>
      <c r="F78527" s="14" t="s">
        <v>61</v>
      </c>
      <c r="G78527" s="16">
        <v>0</v>
      </c>
    </row>
    <row r="78528" spans="1:7" x14ac:dyDescent="0.3">
      <c r="A78528" s="13" t="s">
        <v>401</v>
      </c>
      <c r="B78528" s="14" t="s">
        <v>1</v>
      </c>
      <c r="C78528" s="14" t="s">
        <v>59</v>
      </c>
      <c r="D78528" s="14" t="s">
        <v>146</v>
      </c>
      <c r="E78528" s="15">
        <v>45429</v>
      </c>
      <c r="F78528" s="14" t="s">
        <v>61</v>
      </c>
      <c r="G78528" s="16">
        <v>0</v>
      </c>
    </row>
    <row r="78529" spans="1:7" x14ac:dyDescent="0.3">
      <c r="A78529" s="13" t="s">
        <v>401</v>
      </c>
      <c r="B78529" s="14" t="s">
        <v>1</v>
      </c>
      <c r="C78529" s="14" t="s">
        <v>59</v>
      </c>
      <c r="D78529" s="14" t="s">
        <v>146</v>
      </c>
      <c r="E78529" s="15">
        <v>45430</v>
      </c>
      <c r="F78529" s="14" t="s">
        <v>61</v>
      </c>
      <c r="G78529" s="16">
        <v>0</v>
      </c>
    </row>
    <row r="78530" spans="1:7" x14ac:dyDescent="0.3">
      <c r="A78530" s="13" t="s">
        <v>401</v>
      </c>
      <c r="B78530" s="14" t="s">
        <v>1</v>
      </c>
      <c r="C78530" s="14" t="s">
        <v>59</v>
      </c>
      <c r="D78530" s="14" t="s">
        <v>146</v>
      </c>
      <c r="E78530" s="15">
        <v>45431</v>
      </c>
      <c r="F78530" s="14" t="s">
        <v>61</v>
      </c>
      <c r="G78530" s="16">
        <v>0</v>
      </c>
    </row>
    <row r="78531" spans="1:7" x14ac:dyDescent="0.3">
      <c r="A78531" s="13" t="s">
        <v>401</v>
      </c>
      <c r="B78531" s="14" t="s">
        <v>1</v>
      </c>
      <c r="C78531" s="14" t="s">
        <v>59</v>
      </c>
      <c r="D78531" s="14" t="s">
        <v>146</v>
      </c>
      <c r="E78531" s="15">
        <v>45432</v>
      </c>
      <c r="F78531" s="14" t="s">
        <v>61</v>
      </c>
      <c r="G78531" s="16">
        <v>0</v>
      </c>
    </row>
    <row r="78532" spans="1:7" x14ac:dyDescent="0.3">
      <c r="A78532" s="13" t="s">
        <v>401</v>
      </c>
      <c r="B78532" s="14" t="s">
        <v>1</v>
      </c>
      <c r="C78532" s="14" t="s">
        <v>59</v>
      </c>
      <c r="D78532" s="14" t="s">
        <v>146</v>
      </c>
      <c r="E78532" s="15">
        <v>45433</v>
      </c>
      <c r="F78532" s="14" t="s">
        <v>61</v>
      </c>
      <c r="G78532" s="16">
        <v>0</v>
      </c>
    </row>
    <row r="78533" spans="1:7" x14ac:dyDescent="0.3">
      <c r="A78533" s="13" t="s">
        <v>401</v>
      </c>
      <c r="B78533" s="14" t="s">
        <v>1</v>
      </c>
      <c r="C78533" s="14" t="s">
        <v>59</v>
      </c>
      <c r="D78533" s="14" t="s">
        <v>146</v>
      </c>
      <c r="E78533" s="15">
        <v>45434</v>
      </c>
      <c r="F78533" s="14" t="s">
        <v>61</v>
      </c>
      <c r="G78533" s="16">
        <v>0</v>
      </c>
    </row>
    <row r="78534" spans="1:7" x14ac:dyDescent="0.3">
      <c r="A78534" s="13" t="s">
        <v>401</v>
      </c>
      <c r="B78534" s="14" t="s">
        <v>1</v>
      </c>
      <c r="C78534" s="14" t="s">
        <v>59</v>
      </c>
      <c r="D78534" s="14" t="s">
        <v>146</v>
      </c>
      <c r="E78534" s="15">
        <v>45435</v>
      </c>
      <c r="F78534" s="14" t="s">
        <v>61</v>
      </c>
      <c r="G78534" s="16">
        <v>0</v>
      </c>
    </row>
    <row r="78535" spans="1:7" x14ac:dyDescent="0.3">
      <c r="A78535" s="13" t="s">
        <v>401</v>
      </c>
      <c r="B78535" s="14" t="s">
        <v>1</v>
      </c>
      <c r="C78535" s="14" t="s">
        <v>59</v>
      </c>
      <c r="D78535" s="14" t="s">
        <v>146</v>
      </c>
      <c r="E78535" s="15">
        <v>45436</v>
      </c>
      <c r="F78535" s="14" t="s">
        <v>61</v>
      </c>
      <c r="G78535" s="16">
        <v>0</v>
      </c>
    </row>
    <row r="78536" spans="1:7" x14ac:dyDescent="0.3">
      <c r="A78536" s="13" t="s">
        <v>401</v>
      </c>
      <c r="B78536" s="14" t="s">
        <v>1</v>
      </c>
      <c r="C78536" s="14" t="s">
        <v>59</v>
      </c>
      <c r="D78536" s="14" t="s">
        <v>146</v>
      </c>
      <c r="E78536" s="15">
        <v>45437</v>
      </c>
      <c r="F78536" s="14" t="s">
        <v>61</v>
      </c>
      <c r="G78536" s="16">
        <v>0</v>
      </c>
    </row>
    <row r="78537" spans="1:7" x14ac:dyDescent="0.3">
      <c r="A78537" s="13" t="s">
        <v>401</v>
      </c>
      <c r="B78537" s="14" t="s">
        <v>1</v>
      </c>
      <c r="C78537" s="14" t="s">
        <v>59</v>
      </c>
      <c r="D78537" s="14" t="s">
        <v>146</v>
      </c>
      <c r="E78537" s="15">
        <v>45438</v>
      </c>
      <c r="F78537" s="14" t="s">
        <v>61</v>
      </c>
      <c r="G78537" s="16">
        <v>0</v>
      </c>
    </row>
    <row r="78538" spans="1:7" x14ac:dyDescent="0.3">
      <c r="A78538" s="13" t="s">
        <v>401</v>
      </c>
      <c r="B78538" s="14" t="s">
        <v>1</v>
      </c>
      <c r="C78538" s="14" t="s">
        <v>59</v>
      </c>
      <c r="D78538" s="14" t="s">
        <v>146</v>
      </c>
      <c r="E78538" s="15">
        <v>45439</v>
      </c>
      <c r="F78538" s="14" t="s">
        <v>61</v>
      </c>
      <c r="G78538" s="16">
        <v>0</v>
      </c>
    </row>
    <row r="78539" spans="1:7" x14ac:dyDescent="0.3">
      <c r="A78539" s="13" t="s">
        <v>401</v>
      </c>
      <c r="B78539" s="14" t="s">
        <v>1</v>
      </c>
      <c r="C78539" s="14" t="s">
        <v>59</v>
      </c>
      <c r="D78539" s="14" t="s">
        <v>146</v>
      </c>
      <c r="E78539" s="15">
        <v>45440</v>
      </c>
      <c r="F78539" s="14" t="s">
        <v>61</v>
      </c>
      <c r="G78539" s="16">
        <v>0</v>
      </c>
    </row>
    <row r="78540" spans="1:7" x14ac:dyDescent="0.3">
      <c r="A78540" s="13" t="s">
        <v>401</v>
      </c>
      <c r="B78540" s="14" t="s">
        <v>1</v>
      </c>
      <c r="C78540" s="14" t="s">
        <v>59</v>
      </c>
      <c r="D78540" s="14" t="s">
        <v>146</v>
      </c>
      <c r="E78540" s="15">
        <v>45441</v>
      </c>
      <c r="F78540" s="14" t="s">
        <v>61</v>
      </c>
      <c r="G78540" s="16">
        <v>0</v>
      </c>
    </row>
    <row r="78541" spans="1:7" x14ac:dyDescent="0.3">
      <c r="A78541" s="13" t="s">
        <v>401</v>
      </c>
      <c r="B78541" s="14" t="s">
        <v>1</v>
      </c>
      <c r="C78541" s="14" t="s">
        <v>59</v>
      </c>
      <c r="D78541" s="14" t="s">
        <v>146</v>
      </c>
      <c r="E78541" s="15">
        <v>45442</v>
      </c>
      <c r="F78541" s="14" t="s">
        <v>61</v>
      </c>
      <c r="G78541" s="16">
        <v>0</v>
      </c>
    </row>
    <row r="78542" spans="1:7" x14ac:dyDescent="0.3">
      <c r="A78542" s="13" t="s">
        <v>401</v>
      </c>
      <c r="B78542" s="14" t="s">
        <v>1</v>
      </c>
      <c r="C78542" s="14" t="s">
        <v>59</v>
      </c>
      <c r="D78542" s="14" t="s">
        <v>146</v>
      </c>
      <c r="E78542" s="15">
        <v>45443</v>
      </c>
      <c r="F78542" s="14" t="s">
        <v>61</v>
      </c>
      <c r="G78542" s="16">
        <v>0</v>
      </c>
    </row>
    <row r="78543" spans="1:7" x14ac:dyDescent="0.3">
      <c r="A78543" s="13" t="s">
        <v>401</v>
      </c>
      <c r="B78543" s="14" t="s">
        <v>1</v>
      </c>
      <c r="C78543" s="14" t="s">
        <v>59</v>
      </c>
      <c r="D78543" s="14" t="s">
        <v>146</v>
      </c>
      <c r="E78543" s="15">
        <v>45444</v>
      </c>
      <c r="F78543" s="14" t="s">
        <v>61</v>
      </c>
      <c r="G78543" s="16">
        <v>0</v>
      </c>
    </row>
    <row r="78544" spans="1:7" x14ac:dyDescent="0.3">
      <c r="A78544" s="13" t="s">
        <v>401</v>
      </c>
      <c r="B78544" s="14" t="s">
        <v>1</v>
      </c>
      <c r="C78544" s="14" t="s">
        <v>59</v>
      </c>
      <c r="D78544" s="14" t="s">
        <v>146</v>
      </c>
      <c r="E78544" s="15">
        <v>45445</v>
      </c>
      <c r="F78544" s="14" t="s">
        <v>61</v>
      </c>
      <c r="G78544" s="16">
        <v>0</v>
      </c>
    </row>
    <row r="78545" spans="1:7" x14ac:dyDescent="0.3">
      <c r="A78545" s="13" t="s">
        <v>401</v>
      </c>
      <c r="B78545" s="14" t="s">
        <v>1</v>
      </c>
      <c r="C78545" s="14" t="s">
        <v>59</v>
      </c>
      <c r="D78545" s="14" t="s">
        <v>146</v>
      </c>
      <c r="E78545" s="15">
        <v>45446</v>
      </c>
      <c r="F78545" s="14" t="s">
        <v>61</v>
      </c>
      <c r="G78545" s="16">
        <v>0</v>
      </c>
    </row>
    <row r="78546" spans="1:7" x14ac:dyDescent="0.3">
      <c r="A78546" s="13" t="s">
        <v>401</v>
      </c>
      <c r="B78546" s="14" t="s">
        <v>1</v>
      </c>
      <c r="C78546" s="14" t="s">
        <v>59</v>
      </c>
      <c r="D78546" s="14" t="s">
        <v>146</v>
      </c>
      <c r="E78546" s="15">
        <v>45447</v>
      </c>
      <c r="F78546" s="14" t="s">
        <v>61</v>
      </c>
      <c r="G78546" s="16">
        <v>0</v>
      </c>
    </row>
    <row r="78547" spans="1:7" x14ac:dyDescent="0.3">
      <c r="A78547" s="13" t="s">
        <v>401</v>
      </c>
      <c r="B78547" s="14" t="s">
        <v>1</v>
      </c>
      <c r="C78547" s="14" t="s">
        <v>59</v>
      </c>
      <c r="D78547" s="14" t="s">
        <v>146</v>
      </c>
      <c r="E78547" s="15">
        <v>45448</v>
      </c>
      <c r="F78547" s="14" t="s">
        <v>61</v>
      </c>
      <c r="G78547" s="16">
        <v>0</v>
      </c>
    </row>
    <row r="78548" spans="1:7" x14ac:dyDescent="0.3">
      <c r="A78548" s="13" t="s">
        <v>401</v>
      </c>
      <c r="B78548" s="14" t="s">
        <v>1</v>
      </c>
      <c r="C78548" s="14" t="s">
        <v>59</v>
      </c>
      <c r="D78548" s="14" t="s">
        <v>146</v>
      </c>
      <c r="E78548" s="15">
        <v>45449</v>
      </c>
      <c r="F78548" s="14" t="s">
        <v>61</v>
      </c>
      <c r="G78548" s="16">
        <v>0</v>
      </c>
    </row>
    <row r="78549" spans="1:7" x14ac:dyDescent="0.3">
      <c r="A78549" s="13" t="s">
        <v>401</v>
      </c>
      <c r="B78549" s="14" t="s">
        <v>1</v>
      </c>
      <c r="C78549" s="14" t="s">
        <v>59</v>
      </c>
      <c r="D78549" s="14" t="s">
        <v>146</v>
      </c>
      <c r="E78549" s="15">
        <v>45450</v>
      </c>
      <c r="F78549" s="14" t="s">
        <v>61</v>
      </c>
      <c r="G78549" s="16">
        <v>0</v>
      </c>
    </row>
    <row r="78550" spans="1:7" x14ac:dyDescent="0.3">
      <c r="A78550" s="13" t="s">
        <v>401</v>
      </c>
      <c r="B78550" s="14" t="s">
        <v>1</v>
      </c>
      <c r="C78550" s="14" t="s">
        <v>59</v>
      </c>
      <c r="D78550" s="14" t="s">
        <v>146</v>
      </c>
      <c r="E78550" s="15">
        <v>45451</v>
      </c>
      <c r="F78550" s="14" t="s">
        <v>61</v>
      </c>
      <c r="G78550" s="16">
        <v>0</v>
      </c>
    </row>
    <row r="78551" spans="1:7" x14ac:dyDescent="0.3">
      <c r="A78551" s="13" t="s">
        <v>401</v>
      </c>
      <c r="B78551" s="14" t="s">
        <v>1</v>
      </c>
      <c r="C78551" s="14" t="s">
        <v>59</v>
      </c>
      <c r="D78551" s="14" t="s">
        <v>146</v>
      </c>
      <c r="E78551" s="15">
        <v>45452</v>
      </c>
      <c r="F78551" s="14" t="s">
        <v>61</v>
      </c>
      <c r="G78551" s="16">
        <v>0</v>
      </c>
    </row>
    <row r="78552" spans="1:7" x14ac:dyDescent="0.3">
      <c r="A78552" s="13" t="s">
        <v>401</v>
      </c>
      <c r="B78552" s="14" t="s">
        <v>1</v>
      </c>
      <c r="C78552" s="14" t="s">
        <v>59</v>
      </c>
      <c r="D78552" s="14" t="s">
        <v>146</v>
      </c>
      <c r="E78552" s="15">
        <v>45453</v>
      </c>
      <c r="F78552" s="14" t="s">
        <v>61</v>
      </c>
      <c r="G78552" s="16">
        <v>0</v>
      </c>
    </row>
    <row r="78553" spans="1:7" x14ac:dyDescent="0.3">
      <c r="A78553" s="13" t="s">
        <v>401</v>
      </c>
      <c r="B78553" s="14" t="s">
        <v>1</v>
      </c>
      <c r="C78553" s="14" t="s">
        <v>59</v>
      </c>
      <c r="D78553" s="14" t="s">
        <v>146</v>
      </c>
      <c r="E78553" s="15">
        <v>45454</v>
      </c>
      <c r="F78553" s="14" t="s">
        <v>61</v>
      </c>
      <c r="G78553" s="16">
        <v>0</v>
      </c>
    </row>
    <row r="78554" spans="1:7" x14ac:dyDescent="0.3">
      <c r="A78554" s="13" t="s">
        <v>401</v>
      </c>
      <c r="B78554" s="14" t="s">
        <v>1</v>
      </c>
      <c r="C78554" s="14" t="s">
        <v>59</v>
      </c>
      <c r="D78554" s="14" t="s">
        <v>146</v>
      </c>
      <c r="E78554" s="15">
        <v>45455</v>
      </c>
      <c r="F78554" s="14" t="s">
        <v>61</v>
      </c>
      <c r="G78554" s="16">
        <v>0</v>
      </c>
    </row>
    <row r="78555" spans="1:7" x14ac:dyDescent="0.3">
      <c r="A78555" s="13" t="s">
        <v>401</v>
      </c>
      <c r="B78555" s="14" t="s">
        <v>1</v>
      </c>
      <c r="C78555" s="14" t="s">
        <v>59</v>
      </c>
      <c r="D78555" s="14" t="s">
        <v>146</v>
      </c>
      <c r="E78555" s="15">
        <v>45456</v>
      </c>
      <c r="F78555" s="14" t="s">
        <v>61</v>
      </c>
      <c r="G78555" s="16">
        <v>0</v>
      </c>
    </row>
    <row r="78556" spans="1:7" x14ac:dyDescent="0.3">
      <c r="A78556" s="13" t="s">
        <v>401</v>
      </c>
      <c r="B78556" s="14" t="s">
        <v>1</v>
      </c>
      <c r="C78556" s="14" t="s">
        <v>59</v>
      </c>
      <c r="D78556" s="14" t="s">
        <v>146</v>
      </c>
      <c r="E78556" s="15">
        <v>45457</v>
      </c>
      <c r="F78556" s="14" t="s">
        <v>61</v>
      </c>
      <c r="G78556" s="16">
        <v>0</v>
      </c>
    </row>
    <row r="78557" spans="1:7" x14ac:dyDescent="0.3">
      <c r="A78557" s="13" t="s">
        <v>401</v>
      </c>
      <c r="B78557" s="14" t="s">
        <v>1</v>
      </c>
      <c r="C78557" s="14" t="s">
        <v>59</v>
      </c>
      <c r="D78557" s="14" t="s">
        <v>146</v>
      </c>
      <c r="E78557" s="15">
        <v>45458</v>
      </c>
      <c r="F78557" s="14" t="s">
        <v>61</v>
      </c>
      <c r="G78557" s="16">
        <v>0</v>
      </c>
    </row>
    <row r="78558" spans="1:7" x14ac:dyDescent="0.3">
      <c r="A78558" s="13" t="s">
        <v>401</v>
      </c>
      <c r="B78558" s="14" t="s">
        <v>1</v>
      </c>
      <c r="C78558" s="14" t="s">
        <v>59</v>
      </c>
      <c r="D78558" s="14" t="s">
        <v>146</v>
      </c>
      <c r="E78558" s="15">
        <v>45459</v>
      </c>
      <c r="F78558" s="14" t="s">
        <v>61</v>
      </c>
      <c r="G78558" s="16">
        <v>0</v>
      </c>
    </row>
    <row r="78559" spans="1:7" x14ac:dyDescent="0.3">
      <c r="A78559" s="13" t="s">
        <v>401</v>
      </c>
      <c r="B78559" s="14" t="s">
        <v>1</v>
      </c>
      <c r="C78559" s="14" t="s">
        <v>59</v>
      </c>
      <c r="D78559" s="14" t="s">
        <v>146</v>
      </c>
      <c r="E78559" s="15">
        <v>45460</v>
      </c>
      <c r="F78559" s="14" t="s">
        <v>61</v>
      </c>
      <c r="G78559" s="16">
        <v>0</v>
      </c>
    </row>
    <row r="78560" spans="1:7" x14ac:dyDescent="0.3">
      <c r="A78560" s="13" t="s">
        <v>401</v>
      </c>
      <c r="B78560" s="14" t="s">
        <v>1</v>
      </c>
      <c r="C78560" s="14" t="s">
        <v>59</v>
      </c>
      <c r="D78560" s="14" t="s">
        <v>146</v>
      </c>
      <c r="E78560" s="15">
        <v>45461</v>
      </c>
      <c r="F78560" s="14" t="s">
        <v>61</v>
      </c>
      <c r="G78560" s="16">
        <v>0</v>
      </c>
    </row>
    <row r="78561" spans="1:7" x14ac:dyDescent="0.3">
      <c r="A78561" s="13" t="s">
        <v>401</v>
      </c>
      <c r="B78561" s="14" t="s">
        <v>1</v>
      </c>
      <c r="C78561" s="14" t="s">
        <v>59</v>
      </c>
      <c r="D78561" s="14" t="s">
        <v>146</v>
      </c>
      <c r="E78561" s="15">
        <v>45462</v>
      </c>
      <c r="F78561" s="14" t="s">
        <v>61</v>
      </c>
      <c r="G78561" s="16">
        <v>0</v>
      </c>
    </row>
    <row r="78562" spans="1:7" x14ac:dyDescent="0.3">
      <c r="A78562" s="13" t="s">
        <v>401</v>
      </c>
      <c r="B78562" s="14" t="s">
        <v>1</v>
      </c>
      <c r="C78562" s="14" t="s">
        <v>59</v>
      </c>
      <c r="D78562" s="14" t="s">
        <v>146</v>
      </c>
      <c r="E78562" s="15">
        <v>45463</v>
      </c>
      <c r="F78562" s="14" t="s">
        <v>61</v>
      </c>
      <c r="G78562" s="16">
        <v>0</v>
      </c>
    </row>
    <row r="78563" spans="1:7" x14ac:dyDescent="0.3">
      <c r="A78563" s="13" t="s">
        <v>401</v>
      </c>
      <c r="B78563" s="14" t="s">
        <v>1</v>
      </c>
      <c r="C78563" s="14" t="s">
        <v>59</v>
      </c>
      <c r="D78563" s="14" t="s">
        <v>146</v>
      </c>
      <c r="E78563" s="15">
        <v>45464</v>
      </c>
      <c r="F78563" s="14" t="s">
        <v>61</v>
      </c>
      <c r="G78563" s="16">
        <v>0</v>
      </c>
    </row>
    <row r="78564" spans="1:7" x14ac:dyDescent="0.3">
      <c r="A78564" s="13" t="s">
        <v>401</v>
      </c>
      <c r="B78564" s="14" t="s">
        <v>1</v>
      </c>
      <c r="C78564" s="14" t="s">
        <v>59</v>
      </c>
      <c r="D78564" s="14" t="s">
        <v>146</v>
      </c>
      <c r="E78564" s="15">
        <v>45465</v>
      </c>
      <c r="F78564" s="14" t="s">
        <v>61</v>
      </c>
      <c r="G78564" s="16">
        <v>0</v>
      </c>
    </row>
    <row r="78565" spans="1:7" x14ac:dyDescent="0.3">
      <c r="A78565" s="13" t="s">
        <v>401</v>
      </c>
      <c r="B78565" s="14" t="s">
        <v>1</v>
      </c>
      <c r="C78565" s="14" t="s">
        <v>59</v>
      </c>
      <c r="D78565" s="14" t="s">
        <v>146</v>
      </c>
      <c r="E78565" s="15">
        <v>45466</v>
      </c>
      <c r="F78565" s="14" t="s">
        <v>61</v>
      </c>
      <c r="G78565" s="16">
        <v>0</v>
      </c>
    </row>
    <row r="78566" spans="1:7" x14ac:dyDescent="0.3">
      <c r="A78566" s="13" t="s">
        <v>401</v>
      </c>
      <c r="B78566" s="14" t="s">
        <v>1</v>
      </c>
      <c r="C78566" s="14" t="s">
        <v>59</v>
      </c>
      <c r="D78566" s="14" t="s">
        <v>146</v>
      </c>
      <c r="E78566" s="15">
        <v>45467</v>
      </c>
      <c r="F78566" s="14" t="s">
        <v>61</v>
      </c>
      <c r="G78566" s="16">
        <v>0</v>
      </c>
    </row>
    <row r="78567" spans="1:7" x14ac:dyDescent="0.3">
      <c r="A78567" s="13" t="s">
        <v>401</v>
      </c>
      <c r="B78567" s="14" t="s">
        <v>1</v>
      </c>
      <c r="C78567" s="14" t="s">
        <v>59</v>
      </c>
      <c r="D78567" s="14" t="s">
        <v>146</v>
      </c>
      <c r="E78567" s="15">
        <v>45468</v>
      </c>
      <c r="F78567" s="14" t="s">
        <v>61</v>
      </c>
      <c r="G78567" s="16">
        <v>0</v>
      </c>
    </row>
    <row r="78568" spans="1:7" x14ac:dyDescent="0.3">
      <c r="A78568" s="13" t="s">
        <v>401</v>
      </c>
      <c r="B78568" s="14" t="s">
        <v>1</v>
      </c>
      <c r="C78568" s="14" t="s">
        <v>59</v>
      </c>
      <c r="D78568" s="14" t="s">
        <v>146</v>
      </c>
      <c r="E78568" s="15">
        <v>45469</v>
      </c>
      <c r="F78568" s="14" t="s">
        <v>61</v>
      </c>
      <c r="G78568" s="16">
        <v>0</v>
      </c>
    </row>
    <row r="78569" spans="1:7" x14ac:dyDescent="0.3">
      <c r="A78569" s="13" t="s">
        <v>401</v>
      </c>
      <c r="B78569" s="14" t="s">
        <v>1</v>
      </c>
      <c r="C78569" s="14" t="s">
        <v>59</v>
      </c>
      <c r="D78569" s="14" t="s">
        <v>146</v>
      </c>
      <c r="E78569" s="15">
        <v>45470</v>
      </c>
      <c r="F78569" s="14" t="s">
        <v>61</v>
      </c>
      <c r="G78569" s="16">
        <v>0</v>
      </c>
    </row>
    <row r="78570" spans="1:7" x14ac:dyDescent="0.3">
      <c r="A78570" s="13" t="s">
        <v>401</v>
      </c>
      <c r="B78570" s="14" t="s">
        <v>1</v>
      </c>
      <c r="C78570" s="14" t="s">
        <v>59</v>
      </c>
      <c r="D78570" s="14" t="s">
        <v>146</v>
      </c>
      <c r="E78570" s="15">
        <v>45471</v>
      </c>
      <c r="F78570" s="14" t="s">
        <v>61</v>
      </c>
      <c r="G78570" s="16">
        <v>0</v>
      </c>
    </row>
    <row r="78571" spans="1:7" x14ac:dyDescent="0.3">
      <c r="A78571" s="13" t="s">
        <v>401</v>
      </c>
      <c r="B78571" s="14" t="s">
        <v>1</v>
      </c>
      <c r="C78571" s="14" t="s">
        <v>59</v>
      </c>
      <c r="D78571" s="14" t="s">
        <v>146</v>
      </c>
      <c r="E78571" s="15">
        <v>45472</v>
      </c>
      <c r="F78571" s="14" t="s">
        <v>61</v>
      </c>
      <c r="G78571" s="16">
        <v>0</v>
      </c>
    </row>
    <row r="78572" spans="1:7" x14ac:dyDescent="0.3">
      <c r="A78572" s="13" t="s">
        <v>401</v>
      </c>
      <c r="B78572" s="14" t="s">
        <v>1</v>
      </c>
      <c r="C78572" s="14" t="s">
        <v>59</v>
      </c>
      <c r="D78572" s="14" t="s">
        <v>146</v>
      </c>
      <c r="E78572" s="15">
        <v>45473</v>
      </c>
      <c r="F78572" s="14" t="s">
        <v>61</v>
      </c>
      <c r="G78572" s="16">
        <v>0</v>
      </c>
    </row>
    <row r="78573" spans="1:7" x14ac:dyDescent="0.3">
      <c r="A78573" s="13" t="s">
        <v>401</v>
      </c>
      <c r="B78573" s="14" t="s">
        <v>1</v>
      </c>
      <c r="C78573" s="14" t="s">
        <v>59</v>
      </c>
      <c r="D78573" s="14" t="s">
        <v>146</v>
      </c>
      <c r="E78573" s="15">
        <v>45474</v>
      </c>
      <c r="F78573" s="14" t="s">
        <v>61</v>
      </c>
      <c r="G78573" s="16">
        <v>0</v>
      </c>
    </row>
    <row r="78574" spans="1:7" x14ac:dyDescent="0.3">
      <c r="A78574" s="13" t="s">
        <v>401</v>
      </c>
      <c r="B78574" s="14" t="s">
        <v>1</v>
      </c>
      <c r="C78574" s="14" t="s">
        <v>59</v>
      </c>
      <c r="D78574" s="14" t="s">
        <v>146</v>
      </c>
      <c r="E78574" s="15">
        <v>45475</v>
      </c>
      <c r="F78574" s="14" t="s">
        <v>61</v>
      </c>
      <c r="G78574" s="16">
        <v>0</v>
      </c>
    </row>
    <row r="78575" spans="1:7" x14ac:dyDescent="0.3">
      <c r="A78575" s="13" t="s">
        <v>401</v>
      </c>
      <c r="B78575" s="14" t="s">
        <v>1</v>
      </c>
      <c r="C78575" s="14" t="s">
        <v>59</v>
      </c>
      <c r="D78575" s="14" t="s">
        <v>146</v>
      </c>
      <c r="E78575" s="15">
        <v>45476</v>
      </c>
      <c r="F78575" s="14" t="s">
        <v>61</v>
      </c>
      <c r="G78575" s="16">
        <v>0</v>
      </c>
    </row>
    <row r="78576" spans="1:7" x14ac:dyDescent="0.3">
      <c r="A78576" s="13" t="s">
        <v>401</v>
      </c>
      <c r="B78576" s="14" t="s">
        <v>1</v>
      </c>
      <c r="C78576" s="14" t="s">
        <v>59</v>
      </c>
      <c r="D78576" s="14" t="s">
        <v>146</v>
      </c>
      <c r="E78576" s="15">
        <v>45477</v>
      </c>
      <c r="F78576" s="14" t="s">
        <v>61</v>
      </c>
      <c r="G78576" s="16">
        <v>0</v>
      </c>
    </row>
    <row r="78577" spans="1:7" x14ac:dyDescent="0.3">
      <c r="A78577" s="13" t="s">
        <v>401</v>
      </c>
      <c r="B78577" s="14" t="s">
        <v>1</v>
      </c>
      <c r="C78577" s="14" t="s">
        <v>59</v>
      </c>
      <c r="D78577" s="14" t="s">
        <v>146</v>
      </c>
      <c r="E78577" s="15">
        <v>45478</v>
      </c>
      <c r="F78577" s="14" t="s">
        <v>61</v>
      </c>
      <c r="G78577" s="16">
        <v>0</v>
      </c>
    </row>
    <row r="78578" spans="1:7" x14ac:dyDescent="0.3">
      <c r="A78578" s="13" t="s">
        <v>401</v>
      </c>
      <c r="B78578" s="14" t="s">
        <v>1</v>
      </c>
      <c r="C78578" s="14" t="s">
        <v>59</v>
      </c>
      <c r="D78578" s="14" t="s">
        <v>146</v>
      </c>
      <c r="E78578" s="15">
        <v>45479</v>
      </c>
      <c r="F78578" s="14" t="s">
        <v>61</v>
      </c>
      <c r="G78578" s="16">
        <v>0</v>
      </c>
    </row>
    <row r="78579" spans="1:7" x14ac:dyDescent="0.3">
      <c r="A78579" s="13" t="s">
        <v>401</v>
      </c>
      <c r="B78579" s="14" t="s">
        <v>1</v>
      </c>
      <c r="C78579" s="14" t="s">
        <v>59</v>
      </c>
      <c r="D78579" s="14" t="s">
        <v>146</v>
      </c>
      <c r="E78579" s="15">
        <v>45480</v>
      </c>
      <c r="F78579" s="14" t="s">
        <v>61</v>
      </c>
      <c r="G78579" s="16">
        <v>0</v>
      </c>
    </row>
    <row r="78580" spans="1:7" x14ac:dyDescent="0.3">
      <c r="A78580" s="13" t="s">
        <v>401</v>
      </c>
      <c r="B78580" s="14" t="s">
        <v>1</v>
      </c>
      <c r="C78580" s="14" t="s">
        <v>59</v>
      </c>
      <c r="D78580" s="14" t="s">
        <v>146</v>
      </c>
      <c r="E78580" s="15">
        <v>45481</v>
      </c>
      <c r="F78580" s="14" t="s">
        <v>61</v>
      </c>
      <c r="G78580" s="16">
        <v>0</v>
      </c>
    </row>
    <row r="78581" spans="1:7" x14ac:dyDescent="0.3">
      <c r="A78581" s="13" t="s">
        <v>401</v>
      </c>
      <c r="B78581" s="14" t="s">
        <v>1</v>
      </c>
      <c r="C78581" s="14" t="s">
        <v>59</v>
      </c>
      <c r="D78581" s="14" t="s">
        <v>146</v>
      </c>
      <c r="E78581" s="15">
        <v>45482</v>
      </c>
      <c r="F78581" s="14" t="s">
        <v>61</v>
      </c>
      <c r="G78581" s="16">
        <v>0</v>
      </c>
    </row>
    <row r="78582" spans="1:7" x14ac:dyDescent="0.3">
      <c r="A78582" s="13" t="s">
        <v>401</v>
      </c>
      <c r="B78582" s="14" t="s">
        <v>1</v>
      </c>
      <c r="C78582" s="14" t="s">
        <v>59</v>
      </c>
      <c r="D78582" s="14" t="s">
        <v>146</v>
      </c>
      <c r="E78582" s="15">
        <v>45483</v>
      </c>
      <c r="F78582" s="14" t="s">
        <v>61</v>
      </c>
      <c r="G78582" s="16">
        <v>0</v>
      </c>
    </row>
    <row r="78583" spans="1:7" x14ac:dyDescent="0.3">
      <c r="A78583" s="13" t="s">
        <v>401</v>
      </c>
      <c r="B78583" s="14" t="s">
        <v>1</v>
      </c>
      <c r="C78583" s="14" t="s">
        <v>59</v>
      </c>
      <c r="D78583" s="14" t="s">
        <v>146</v>
      </c>
      <c r="E78583" s="15">
        <v>45484</v>
      </c>
      <c r="F78583" s="14" t="s">
        <v>61</v>
      </c>
      <c r="G78583" s="16">
        <v>0</v>
      </c>
    </row>
    <row r="78584" spans="1:7" x14ac:dyDescent="0.3">
      <c r="A78584" s="13" t="s">
        <v>401</v>
      </c>
      <c r="B78584" s="14" t="s">
        <v>1</v>
      </c>
      <c r="C78584" s="14" t="s">
        <v>59</v>
      </c>
      <c r="D78584" s="14" t="s">
        <v>146</v>
      </c>
      <c r="E78584" s="15">
        <v>45485</v>
      </c>
      <c r="F78584" s="14" t="s">
        <v>61</v>
      </c>
      <c r="G78584" s="16">
        <v>0</v>
      </c>
    </row>
    <row r="78585" spans="1:7" x14ac:dyDescent="0.3">
      <c r="A78585" s="13" t="s">
        <v>401</v>
      </c>
      <c r="B78585" s="14" t="s">
        <v>1</v>
      </c>
      <c r="C78585" s="14" t="s">
        <v>59</v>
      </c>
      <c r="D78585" s="14" t="s">
        <v>146</v>
      </c>
      <c r="E78585" s="15">
        <v>45486</v>
      </c>
      <c r="F78585" s="14" t="s">
        <v>61</v>
      </c>
      <c r="G78585" s="16">
        <v>0</v>
      </c>
    </row>
    <row r="78586" spans="1:7" x14ac:dyDescent="0.3">
      <c r="A78586" s="13" t="s">
        <v>401</v>
      </c>
      <c r="B78586" s="14" t="s">
        <v>1</v>
      </c>
      <c r="C78586" s="14" t="s">
        <v>59</v>
      </c>
      <c r="D78586" s="14" t="s">
        <v>146</v>
      </c>
      <c r="E78586" s="15">
        <v>45487</v>
      </c>
      <c r="F78586" s="14" t="s">
        <v>61</v>
      </c>
      <c r="G78586" s="16">
        <v>0</v>
      </c>
    </row>
    <row r="78587" spans="1:7" x14ac:dyDescent="0.3">
      <c r="A78587" s="13" t="s">
        <v>401</v>
      </c>
      <c r="B78587" s="14" t="s">
        <v>1</v>
      </c>
      <c r="C78587" s="14" t="s">
        <v>59</v>
      </c>
      <c r="D78587" s="14" t="s">
        <v>146</v>
      </c>
      <c r="E78587" s="15">
        <v>45488</v>
      </c>
      <c r="F78587" s="14" t="s">
        <v>61</v>
      </c>
      <c r="G78587" s="16">
        <v>0</v>
      </c>
    </row>
    <row r="78588" spans="1:7" x14ac:dyDescent="0.3">
      <c r="A78588" s="13" t="s">
        <v>401</v>
      </c>
      <c r="B78588" s="14" t="s">
        <v>1</v>
      </c>
      <c r="C78588" s="14" t="s">
        <v>59</v>
      </c>
      <c r="D78588" s="14" t="s">
        <v>146</v>
      </c>
      <c r="E78588" s="15">
        <v>45489</v>
      </c>
      <c r="F78588" s="14" t="s">
        <v>61</v>
      </c>
      <c r="G78588" s="16">
        <v>0</v>
      </c>
    </row>
    <row r="78589" spans="1:7" x14ac:dyDescent="0.3">
      <c r="A78589" s="13" t="s">
        <v>401</v>
      </c>
      <c r="B78589" s="14" t="s">
        <v>1</v>
      </c>
      <c r="C78589" s="14" t="s">
        <v>59</v>
      </c>
      <c r="D78589" s="14" t="s">
        <v>146</v>
      </c>
      <c r="E78589" s="15">
        <v>45490</v>
      </c>
      <c r="F78589" s="14" t="s">
        <v>61</v>
      </c>
      <c r="G78589" s="16">
        <v>0</v>
      </c>
    </row>
    <row r="78590" spans="1:7" x14ac:dyDescent="0.3">
      <c r="A78590" s="13" t="s">
        <v>401</v>
      </c>
      <c r="B78590" s="14" t="s">
        <v>1</v>
      </c>
      <c r="C78590" s="14" t="s">
        <v>59</v>
      </c>
      <c r="D78590" s="14" t="s">
        <v>146</v>
      </c>
      <c r="E78590" s="15">
        <v>45491</v>
      </c>
      <c r="F78590" s="14" t="s">
        <v>61</v>
      </c>
      <c r="G78590" s="16">
        <v>0</v>
      </c>
    </row>
    <row r="78591" spans="1:7" x14ac:dyDescent="0.3">
      <c r="A78591" s="13" t="s">
        <v>401</v>
      </c>
      <c r="B78591" s="14" t="s">
        <v>1</v>
      </c>
      <c r="C78591" s="14" t="s">
        <v>59</v>
      </c>
      <c r="D78591" s="14" t="s">
        <v>146</v>
      </c>
      <c r="E78591" s="15">
        <v>45492</v>
      </c>
      <c r="F78591" s="14" t="s">
        <v>61</v>
      </c>
      <c r="G78591" s="16">
        <v>0</v>
      </c>
    </row>
    <row r="78592" spans="1:7" x14ac:dyDescent="0.3">
      <c r="A78592" s="13" t="s">
        <v>401</v>
      </c>
      <c r="B78592" s="14" t="s">
        <v>1</v>
      </c>
      <c r="C78592" s="14" t="s">
        <v>59</v>
      </c>
      <c r="D78592" s="14" t="s">
        <v>146</v>
      </c>
      <c r="E78592" s="15">
        <v>45493</v>
      </c>
      <c r="F78592" s="14" t="s">
        <v>61</v>
      </c>
      <c r="G78592" s="16">
        <v>0</v>
      </c>
    </row>
    <row r="78593" spans="1:7" x14ac:dyDescent="0.3">
      <c r="A78593" s="13" t="s">
        <v>401</v>
      </c>
      <c r="B78593" s="14" t="s">
        <v>1</v>
      </c>
      <c r="C78593" s="14" t="s">
        <v>59</v>
      </c>
      <c r="D78593" s="14" t="s">
        <v>146</v>
      </c>
      <c r="E78593" s="15">
        <v>45494</v>
      </c>
      <c r="F78593" s="14" t="s">
        <v>61</v>
      </c>
      <c r="G78593" s="16">
        <v>0</v>
      </c>
    </row>
    <row r="78594" spans="1:7" x14ac:dyDescent="0.3">
      <c r="A78594" s="13" t="s">
        <v>401</v>
      </c>
      <c r="B78594" s="14" t="s">
        <v>1</v>
      </c>
      <c r="C78594" s="14" t="s">
        <v>59</v>
      </c>
      <c r="D78594" s="14" t="s">
        <v>146</v>
      </c>
      <c r="E78594" s="15">
        <v>45495</v>
      </c>
      <c r="F78594" s="14" t="s">
        <v>61</v>
      </c>
      <c r="G78594" s="16">
        <v>0</v>
      </c>
    </row>
    <row r="78595" spans="1:7" x14ac:dyDescent="0.3">
      <c r="A78595" s="13" t="s">
        <v>401</v>
      </c>
      <c r="B78595" s="14" t="s">
        <v>1</v>
      </c>
      <c r="C78595" s="14" t="s">
        <v>59</v>
      </c>
      <c r="D78595" s="14" t="s">
        <v>146</v>
      </c>
      <c r="E78595" s="15">
        <v>45496</v>
      </c>
      <c r="F78595" s="14" t="s">
        <v>61</v>
      </c>
      <c r="G78595" s="16">
        <v>0</v>
      </c>
    </row>
    <row r="78596" spans="1:7" x14ac:dyDescent="0.3">
      <c r="A78596" s="13" t="s">
        <v>401</v>
      </c>
      <c r="B78596" s="14" t="s">
        <v>1</v>
      </c>
      <c r="C78596" s="14" t="s">
        <v>59</v>
      </c>
      <c r="D78596" s="14" t="s">
        <v>146</v>
      </c>
      <c r="E78596" s="15">
        <v>45497</v>
      </c>
      <c r="F78596" s="14" t="s">
        <v>61</v>
      </c>
      <c r="G78596" s="16">
        <v>0</v>
      </c>
    </row>
    <row r="78597" spans="1:7" x14ac:dyDescent="0.3">
      <c r="A78597" s="13" t="s">
        <v>401</v>
      </c>
      <c r="B78597" s="14" t="s">
        <v>1</v>
      </c>
      <c r="C78597" s="14" t="s">
        <v>59</v>
      </c>
      <c r="D78597" s="14" t="s">
        <v>146</v>
      </c>
      <c r="E78597" s="15">
        <v>45498</v>
      </c>
      <c r="F78597" s="14" t="s">
        <v>61</v>
      </c>
      <c r="G78597" s="16">
        <v>0</v>
      </c>
    </row>
    <row r="78598" spans="1:7" x14ac:dyDescent="0.3">
      <c r="A78598" s="13" t="s">
        <v>401</v>
      </c>
      <c r="B78598" s="14" t="s">
        <v>1</v>
      </c>
      <c r="C78598" s="14" t="s">
        <v>59</v>
      </c>
      <c r="D78598" s="14" t="s">
        <v>146</v>
      </c>
      <c r="E78598" s="15">
        <v>45499</v>
      </c>
      <c r="F78598" s="14" t="s">
        <v>61</v>
      </c>
      <c r="G78598" s="16">
        <v>0</v>
      </c>
    </row>
    <row r="78599" spans="1:7" x14ac:dyDescent="0.3">
      <c r="A78599" s="13" t="s">
        <v>401</v>
      </c>
      <c r="B78599" s="14" t="s">
        <v>1</v>
      </c>
      <c r="C78599" s="14" t="s">
        <v>59</v>
      </c>
      <c r="D78599" s="14" t="s">
        <v>146</v>
      </c>
      <c r="E78599" s="15">
        <v>45500</v>
      </c>
      <c r="F78599" s="14" t="s">
        <v>61</v>
      </c>
      <c r="G78599" s="16">
        <v>0</v>
      </c>
    </row>
    <row r="78600" spans="1:7" x14ac:dyDescent="0.3">
      <c r="A78600" s="13" t="s">
        <v>401</v>
      </c>
      <c r="B78600" s="14" t="s">
        <v>1</v>
      </c>
      <c r="C78600" s="14" t="s">
        <v>59</v>
      </c>
      <c r="D78600" s="14" t="s">
        <v>146</v>
      </c>
      <c r="E78600" s="15">
        <v>45501</v>
      </c>
      <c r="F78600" s="14" t="s">
        <v>61</v>
      </c>
      <c r="G78600" s="16">
        <v>0</v>
      </c>
    </row>
    <row r="78601" spans="1:7" x14ac:dyDescent="0.3">
      <c r="A78601" s="13" t="s">
        <v>401</v>
      </c>
      <c r="B78601" s="14" t="s">
        <v>1</v>
      </c>
      <c r="C78601" s="14" t="s">
        <v>59</v>
      </c>
      <c r="D78601" s="14" t="s">
        <v>146</v>
      </c>
      <c r="E78601" s="15">
        <v>45502</v>
      </c>
      <c r="F78601" s="14" t="s">
        <v>61</v>
      </c>
      <c r="G78601" s="16">
        <v>0</v>
      </c>
    </row>
    <row r="78602" spans="1:7" x14ac:dyDescent="0.3">
      <c r="A78602" s="13" t="s">
        <v>401</v>
      </c>
      <c r="B78602" s="14" t="s">
        <v>1</v>
      </c>
      <c r="C78602" s="14" t="s">
        <v>59</v>
      </c>
      <c r="D78602" s="14" t="s">
        <v>146</v>
      </c>
      <c r="E78602" s="15">
        <v>45503</v>
      </c>
      <c r="F78602" s="14" t="s">
        <v>61</v>
      </c>
      <c r="G78602" s="16">
        <v>0</v>
      </c>
    </row>
    <row r="78603" spans="1:7" x14ac:dyDescent="0.3">
      <c r="A78603" s="13" t="s">
        <v>401</v>
      </c>
      <c r="B78603" s="14" t="s">
        <v>1</v>
      </c>
      <c r="C78603" s="14" t="s">
        <v>59</v>
      </c>
      <c r="D78603" s="14" t="s">
        <v>146</v>
      </c>
      <c r="E78603" s="15">
        <v>45504</v>
      </c>
      <c r="F78603" s="14" t="s">
        <v>61</v>
      </c>
      <c r="G78603" s="16">
        <v>0</v>
      </c>
    </row>
    <row r="78604" spans="1:7" x14ac:dyDescent="0.3">
      <c r="A78604" s="13" t="s">
        <v>401</v>
      </c>
      <c r="B78604" s="14" t="s">
        <v>1</v>
      </c>
      <c r="C78604" s="14" t="s">
        <v>59</v>
      </c>
      <c r="D78604" s="14" t="s">
        <v>146</v>
      </c>
      <c r="E78604" s="15">
        <v>45505</v>
      </c>
      <c r="F78604" s="14" t="s">
        <v>61</v>
      </c>
      <c r="G78604" s="16">
        <v>0</v>
      </c>
    </row>
    <row r="78605" spans="1:7" x14ac:dyDescent="0.3">
      <c r="A78605" s="13" t="s">
        <v>401</v>
      </c>
      <c r="B78605" s="14" t="s">
        <v>1</v>
      </c>
      <c r="C78605" s="14" t="s">
        <v>59</v>
      </c>
      <c r="D78605" s="14" t="s">
        <v>146</v>
      </c>
      <c r="E78605" s="15">
        <v>45506</v>
      </c>
      <c r="F78605" s="14" t="s">
        <v>61</v>
      </c>
      <c r="G78605" s="16">
        <v>0</v>
      </c>
    </row>
    <row r="78606" spans="1:7" x14ac:dyDescent="0.3">
      <c r="A78606" s="13" t="s">
        <v>401</v>
      </c>
      <c r="B78606" s="14" t="s">
        <v>1</v>
      </c>
      <c r="C78606" s="14" t="s">
        <v>59</v>
      </c>
      <c r="D78606" s="14" t="s">
        <v>146</v>
      </c>
      <c r="E78606" s="15">
        <v>45507</v>
      </c>
      <c r="F78606" s="14" t="s">
        <v>61</v>
      </c>
      <c r="G78606" s="16">
        <v>0</v>
      </c>
    </row>
    <row r="78607" spans="1:7" x14ac:dyDescent="0.3">
      <c r="A78607" s="13" t="s">
        <v>401</v>
      </c>
      <c r="B78607" s="14" t="s">
        <v>1</v>
      </c>
      <c r="C78607" s="14" t="s">
        <v>59</v>
      </c>
      <c r="D78607" s="14" t="s">
        <v>146</v>
      </c>
      <c r="E78607" s="15">
        <v>45508</v>
      </c>
      <c r="F78607" s="14" t="s">
        <v>61</v>
      </c>
      <c r="G78607" s="16">
        <v>0</v>
      </c>
    </row>
    <row r="78608" spans="1:7" x14ac:dyDescent="0.3">
      <c r="A78608" s="13" t="s">
        <v>401</v>
      </c>
      <c r="B78608" s="14" t="s">
        <v>1</v>
      </c>
      <c r="C78608" s="14" t="s">
        <v>59</v>
      </c>
      <c r="D78608" s="14" t="s">
        <v>146</v>
      </c>
      <c r="E78608" s="15">
        <v>45509</v>
      </c>
      <c r="F78608" s="14" t="s">
        <v>61</v>
      </c>
      <c r="G78608" s="16">
        <v>0</v>
      </c>
    </row>
    <row r="78609" spans="1:7" x14ac:dyDescent="0.3">
      <c r="A78609" s="13" t="s">
        <v>401</v>
      </c>
      <c r="B78609" s="14" t="s">
        <v>1</v>
      </c>
      <c r="C78609" s="14" t="s">
        <v>59</v>
      </c>
      <c r="D78609" s="14" t="s">
        <v>146</v>
      </c>
      <c r="E78609" s="15">
        <v>45510</v>
      </c>
      <c r="F78609" s="14" t="s">
        <v>61</v>
      </c>
      <c r="G78609" s="16">
        <v>0</v>
      </c>
    </row>
    <row r="78610" spans="1:7" x14ac:dyDescent="0.3">
      <c r="A78610" s="13" t="s">
        <v>401</v>
      </c>
      <c r="B78610" s="14" t="s">
        <v>1</v>
      </c>
      <c r="C78610" s="14" t="s">
        <v>59</v>
      </c>
      <c r="D78610" s="14" t="s">
        <v>146</v>
      </c>
      <c r="E78610" s="15">
        <v>45511</v>
      </c>
      <c r="F78610" s="14" t="s">
        <v>61</v>
      </c>
      <c r="G78610" s="16">
        <v>0</v>
      </c>
    </row>
    <row r="78611" spans="1:7" x14ac:dyDescent="0.3">
      <c r="A78611" s="13" t="s">
        <v>401</v>
      </c>
      <c r="B78611" s="14" t="s">
        <v>1</v>
      </c>
      <c r="C78611" s="14" t="s">
        <v>59</v>
      </c>
      <c r="D78611" s="14" t="s">
        <v>146</v>
      </c>
      <c r="E78611" s="15">
        <v>45512</v>
      </c>
      <c r="F78611" s="14" t="s">
        <v>61</v>
      </c>
      <c r="G78611" s="16">
        <v>0</v>
      </c>
    </row>
    <row r="78612" spans="1:7" x14ac:dyDescent="0.3">
      <c r="A78612" s="13" t="s">
        <v>401</v>
      </c>
      <c r="B78612" s="14" t="s">
        <v>1</v>
      </c>
      <c r="C78612" s="14" t="s">
        <v>59</v>
      </c>
      <c r="D78612" s="14" t="s">
        <v>146</v>
      </c>
      <c r="E78612" s="15">
        <v>45513</v>
      </c>
      <c r="F78612" s="14" t="s">
        <v>61</v>
      </c>
      <c r="G78612" s="16">
        <v>0</v>
      </c>
    </row>
    <row r="78613" spans="1:7" x14ac:dyDescent="0.3">
      <c r="A78613" s="13" t="s">
        <v>401</v>
      </c>
      <c r="B78613" s="14" t="s">
        <v>1</v>
      </c>
      <c r="C78613" s="14" t="s">
        <v>59</v>
      </c>
      <c r="D78613" s="14" t="s">
        <v>146</v>
      </c>
      <c r="E78613" s="15">
        <v>45514</v>
      </c>
      <c r="F78613" s="14" t="s">
        <v>61</v>
      </c>
      <c r="G78613" s="16">
        <v>0</v>
      </c>
    </row>
    <row r="78614" spans="1:7" x14ac:dyDescent="0.3">
      <c r="A78614" s="13" t="s">
        <v>401</v>
      </c>
      <c r="B78614" s="14" t="s">
        <v>1</v>
      </c>
      <c r="C78614" s="14" t="s">
        <v>59</v>
      </c>
      <c r="D78614" s="14" t="s">
        <v>146</v>
      </c>
      <c r="E78614" s="15">
        <v>45515</v>
      </c>
      <c r="F78614" s="14" t="s">
        <v>61</v>
      </c>
      <c r="G78614" s="16">
        <v>0</v>
      </c>
    </row>
    <row r="78615" spans="1:7" x14ac:dyDescent="0.3">
      <c r="A78615" s="13" t="s">
        <v>401</v>
      </c>
      <c r="B78615" s="14" t="s">
        <v>1</v>
      </c>
      <c r="C78615" s="14" t="s">
        <v>59</v>
      </c>
      <c r="D78615" s="14" t="s">
        <v>146</v>
      </c>
      <c r="E78615" s="15">
        <v>45516</v>
      </c>
      <c r="F78615" s="14" t="s">
        <v>61</v>
      </c>
      <c r="G78615" s="16">
        <v>0</v>
      </c>
    </row>
    <row r="78616" spans="1:7" x14ac:dyDescent="0.3">
      <c r="A78616" s="13" t="s">
        <v>401</v>
      </c>
      <c r="B78616" s="14" t="s">
        <v>1</v>
      </c>
      <c r="C78616" s="14" t="s">
        <v>59</v>
      </c>
      <c r="D78616" s="14" t="s">
        <v>146</v>
      </c>
      <c r="E78616" s="15">
        <v>45517</v>
      </c>
      <c r="F78616" s="14" t="s">
        <v>61</v>
      </c>
      <c r="G78616" s="16">
        <v>0</v>
      </c>
    </row>
    <row r="78617" spans="1:7" x14ac:dyDescent="0.3">
      <c r="A78617" s="13" t="s">
        <v>401</v>
      </c>
      <c r="B78617" s="14" t="s">
        <v>1</v>
      </c>
      <c r="C78617" s="14" t="s">
        <v>59</v>
      </c>
      <c r="D78617" s="14" t="s">
        <v>146</v>
      </c>
      <c r="E78617" s="15">
        <v>45518</v>
      </c>
      <c r="F78617" s="14" t="s">
        <v>61</v>
      </c>
      <c r="G78617" s="16">
        <v>0</v>
      </c>
    </row>
    <row r="78618" spans="1:7" x14ac:dyDescent="0.3">
      <c r="A78618" s="13" t="s">
        <v>401</v>
      </c>
      <c r="B78618" s="14" t="s">
        <v>1</v>
      </c>
      <c r="C78618" s="14" t="s">
        <v>59</v>
      </c>
      <c r="D78618" s="14" t="s">
        <v>146</v>
      </c>
      <c r="E78618" s="15">
        <v>45519</v>
      </c>
      <c r="F78618" s="14" t="s">
        <v>61</v>
      </c>
      <c r="G78618" s="16">
        <v>0</v>
      </c>
    </row>
    <row r="78619" spans="1:7" x14ac:dyDescent="0.3">
      <c r="A78619" s="13" t="s">
        <v>401</v>
      </c>
      <c r="B78619" s="14" t="s">
        <v>1</v>
      </c>
      <c r="C78619" s="14" t="s">
        <v>59</v>
      </c>
      <c r="D78619" s="14" t="s">
        <v>146</v>
      </c>
      <c r="E78619" s="15">
        <v>45520</v>
      </c>
      <c r="F78619" s="14" t="s">
        <v>61</v>
      </c>
      <c r="G78619" s="16">
        <v>0</v>
      </c>
    </row>
    <row r="78620" spans="1:7" x14ac:dyDescent="0.3">
      <c r="A78620" s="13" t="s">
        <v>401</v>
      </c>
      <c r="B78620" s="14" t="s">
        <v>1</v>
      </c>
      <c r="C78620" s="14" t="s">
        <v>59</v>
      </c>
      <c r="D78620" s="14" t="s">
        <v>146</v>
      </c>
      <c r="E78620" s="15">
        <v>45521</v>
      </c>
      <c r="F78620" s="14" t="s">
        <v>61</v>
      </c>
      <c r="G78620" s="16">
        <v>0</v>
      </c>
    </row>
    <row r="78621" spans="1:7" x14ac:dyDescent="0.3">
      <c r="A78621" s="13" t="s">
        <v>401</v>
      </c>
      <c r="B78621" s="14" t="s">
        <v>1</v>
      </c>
      <c r="C78621" s="14" t="s">
        <v>59</v>
      </c>
      <c r="D78621" s="14" t="s">
        <v>146</v>
      </c>
      <c r="E78621" s="15">
        <v>45522</v>
      </c>
      <c r="F78621" s="14" t="s">
        <v>61</v>
      </c>
      <c r="G78621" s="16">
        <v>0</v>
      </c>
    </row>
    <row r="78622" spans="1:7" x14ac:dyDescent="0.3">
      <c r="A78622" s="13" t="s">
        <v>401</v>
      </c>
      <c r="B78622" s="14" t="s">
        <v>1</v>
      </c>
      <c r="C78622" s="14" t="s">
        <v>59</v>
      </c>
      <c r="D78622" s="14" t="s">
        <v>146</v>
      </c>
      <c r="E78622" s="15">
        <v>45523</v>
      </c>
      <c r="F78622" s="14" t="s">
        <v>61</v>
      </c>
      <c r="G78622" s="16">
        <v>0</v>
      </c>
    </row>
    <row r="78623" spans="1:7" x14ac:dyDescent="0.3">
      <c r="A78623" s="13" t="s">
        <v>401</v>
      </c>
      <c r="B78623" s="14" t="s">
        <v>1</v>
      </c>
      <c r="C78623" s="14" t="s">
        <v>59</v>
      </c>
      <c r="D78623" s="14" t="s">
        <v>146</v>
      </c>
      <c r="E78623" s="15">
        <v>45524</v>
      </c>
      <c r="F78623" s="14" t="s">
        <v>61</v>
      </c>
      <c r="G78623" s="16">
        <v>0</v>
      </c>
    </row>
    <row r="78624" spans="1:7" x14ac:dyDescent="0.3">
      <c r="A78624" s="13" t="s">
        <v>401</v>
      </c>
      <c r="B78624" s="14" t="s">
        <v>1</v>
      </c>
      <c r="C78624" s="14" t="s">
        <v>59</v>
      </c>
      <c r="D78624" s="14" t="s">
        <v>146</v>
      </c>
      <c r="E78624" s="15">
        <v>45525</v>
      </c>
      <c r="F78624" s="14" t="s">
        <v>61</v>
      </c>
      <c r="G78624" s="16">
        <v>0</v>
      </c>
    </row>
    <row r="78625" spans="1:7" x14ac:dyDescent="0.3">
      <c r="A78625" s="13" t="s">
        <v>401</v>
      </c>
      <c r="B78625" s="14" t="s">
        <v>1</v>
      </c>
      <c r="C78625" s="14" t="s">
        <v>59</v>
      </c>
      <c r="D78625" s="14" t="s">
        <v>146</v>
      </c>
      <c r="E78625" s="15">
        <v>45526</v>
      </c>
      <c r="F78625" s="14" t="s">
        <v>61</v>
      </c>
      <c r="G78625" s="16">
        <v>0</v>
      </c>
    </row>
    <row r="78626" spans="1:7" x14ac:dyDescent="0.3">
      <c r="A78626" s="13" t="s">
        <v>401</v>
      </c>
      <c r="B78626" s="14" t="s">
        <v>1</v>
      </c>
      <c r="C78626" s="14" t="s">
        <v>59</v>
      </c>
      <c r="D78626" s="14" t="s">
        <v>146</v>
      </c>
      <c r="E78626" s="15">
        <v>45527</v>
      </c>
      <c r="F78626" s="14" t="s">
        <v>61</v>
      </c>
      <c r="G78626" s="16">
        <v>0</v>
      </c>
    </row>
    <row r="78627" spans="1:7" x14ac:dyDescent="0.3">
      <c r="A78627" s="13" t="s">
        <v>401</v>
      </c>
      <c r="B78627" s="14" t="s">
        <v>1</v>
      </c>
      <c r="C78627" s="14" t="s">
        <v>59</v>
      </c>
      <c r="D78627" s="14" t="s">
        <v>146</v>
      </c>
      <c r="E78627" s="15">
        <v>45528</v>
      </c>
      <c r="F78627" s="14" t="s">
        <v>61</v>
      </c>
      <c r="G78627" s="16">
        <v>0</v>
      </c>
    </row>
    <row r="78628" spans="1:7" x14ac:dyDescent="0.3">
      <c r="A78628" s="13" t="s">
        <v>401</v>
      </c>
      <c r="B78628" s="14" t="s">
        <v>1</v>
      </c>
      <c r="C78628" s="14" t="s">
        <v>59</v>
      </c>
      <c r="D78628" s="14" t="s">
        <v>146</v>
      </c>
      <c r="E78628" s="15">
        <v>45529</v>
      </c>
      <c r="F78628" s="14" t="s">
        <v>61</v>
      </c>
      <c r="G78628" s="16">
        <v>0</v>
      </c>
    </row>
    <row r="78629" spans="1:7" x14ac:dyDescent="0.3">
      <c r="A78629" s="13" t="s">
        <v>401</v>
      </c>
      <c r="B78629" s="14" t="s">
        <v>1</v>
      </c>
      <c r="C78629" s="14" t="s">
        <v>59</v>
      </c>
      <c r="D78629" s="14" t="s">
        <v>146</v>
      </c>
      <c r="E78629" s="15">
        <v>45530</v>
      </c>
      <c r="F78629" s="14" t="s">
        <v>61</v>
      </c>
      <c r="G78629" s="16">
        <v>0</v>
      </c>
    </row>
    <row r="78630" spans="1:7" x14ac:dyDescent="0.3">
      <c r="A78630" s="13" t="s">
        <v>401</v>
      </c>
      <c r="B78630" s="14" t="s">
        <v>1</v>
      </c>
      <c r="C78630" s="14" t="s">
        <v>59</v>
      </c>
      <c r="D78630" s="14" t="s">
        <v>146</v>
      </c>
      <c r="E78630" s="15">
        <v>45531</v>
      </c>
      <c r="F78630" s="14" t="s">
        <v>61</v>
      </c>
      <c r="G78630" s="16">
        <v>0</v>
      </c>
    </row>
    <row r="78631" spans="1:7" x14ac:dyDescent="0.3">
      <c r="A78631" s="13" t="s">
        <v>401</v>
      </c>
      <c r="B78631" s="14" t="s">
        <v>1</v>
      </c>
      <c r="C78631" s="14" t="s">
        <v>59</v>
      </c>
      <c r="D78631" s="14" t="s">
        <v>146</v>
      </c>
      <c r="E78631" s="15">
        <v>45532</v>
      </c>
      <c r="F78631" s="14" t="s">
        <v>61</v>
      </c>
      <c r="G78631" s="16">
        <v>0</v>
      </c>
    </row>
    <row r="78632" spans="1:7" x14ac:dyDescent="0.3">
      <c r="A78632" s="13" t="s">
        <v>401</v>
      </c>
      <c r="B78632" s="14" t="s">
        <v>1</v>
      </c>
      <c r="C78632" s="14" t="s">
        <v>59</v>
      </c>
      <c r="D78632" s="14" t="s">
        <v>146</v>
      </c>
      <c r="E78632" s="15">
        <v>45533</v>
      </c>
      <c r="F78632" s="14" t="s">
        <v>61</v>
      </c>
      <c r="G78632" s="16">
        <v>0</v>
      </c>
    </row>
    <row r="78633" spans="1:7" x14ac:dyDescent="0.3">
      <c r="A78633" s="13" t="s">
        <v>401</v>
      </c>
      <c r="B78633" s="14" t="s">
        <v>1</v>
      </c>
      <c r="C78633" s="14" t="s">
        <v>59</v>
      </c>
      <c r="D78633" s="14" t="s">
        <v>146</v>
      </c>
      <c r="E78633" s="15">
        <v>45534</v>
      </c>
      <c r="F78633" s="14" t="s">
        <v>61</v>
      </c>
      <c r="G78633" s="16">
        <v>0</v>
      </c>
    </row>
    <row r="78634" spans="1:7" x14ac:dyDescent="0.3">
      <c r="A78634" s="13" t="s">
        <v>401</v>
      </c>
      <c r="B78634" s="14" t="s">
        <v>1</v>
      </c>
      <c r="C78634" s="14" t="s">
        <v>59</v>
      </c>
      <c r="D78634" s="14" t="s">
        <v>146</v>
      </c>
      <c r="E78634" s="15">
        <v>45535</v>
      </c>
      <c r="F78634" s="14" t="s">
        <v>61</v>
      </c>
      <c r="G78634" s="16">
        <v>0</v>
      </c>
    </row>
    <row r="78635" spans="1:7" x14ac:dyDescent="0.3">
      <c r="A78635" s="13" t="s">
        <v>401</v>
      </c>
      <c r="B78635" s="14" t="s">
        <v>1</v>
      </c>
      <c r="C78635" s="14" t="s">
        <v>59</v>
      </c>
      <c r="D78635" s="14" t="s">
        <v>146</v>
      </c>
      <c r="E78635" s="15">
        <v>45536</v>
      </c>
      <c r="F78635" s="14" t="s">
        <v>61</v>
      </c>
      <c r="G78635" s="16">
        <v>0</v>
      </c>
    </row>
    <row r="78636" spans="1:7" x14ac:dyDescent="0.3">
      <c r="A78636" s="13" t="s">
        <v>401</v>
      </c>
      <c r="B78636" s="14" t="s">
        <v>1</v>
      </c>
      <c r="C78636" s="14" t="s">
        <v>59</v>
      </c>
      <c r="D78636" s="14" t="s">
        <v>146</v>
      </c>
      <c r="E78636" s="15">
        <v>45537</v>
      </c>
      <c r="F78636" s="14" t="s">
        <v>61</v>
      </c>
      <c r="G78636" s="16">
        <v>0</v>
      </c>
    </row>
    <row r="78637" spans="1:7" x14ac:dyDescent="0.3">
      <c r="A78637" s="13" t="s">
        <v>401</v>
      </c>
      <c r="B78637" s="14" t="s">
        <v>1</v>
      </c>
      <c r="C78637" s="14" t="s">
        <v>59</v>
      </c>
      <c r="D78637" s="14" t="s">
        <v>146</v>
      </c>
      <c r="E78637" s="15">
        <v>45538</v>
      </c>
      <c r="F78637" s="14" t="s">
        <v>61</v>
      </c>
      <c r="G78637" s="16">
        <v>0</v>
      </c>
    </row>
    <row r="78638" spans="1:7" x14ac:dyDescent="0.3">
      <c r="A78638" s="13" t="s">
        <v>401</v>
      </c>
      <c r="B78638" s="14" t="s">
        <v>1</v>
      </c>
      <c r="C78638" s="14" t="s">
        <v>59</v>
      </c>
      <c r="D78638" s="14" t="s">
        <v>146</v>
      </c>
      <c r="E78638" s="15">
        <v>45539</v>
      </c>
      <c r="F78638" s="14" t="s">
        <v>61</v>
      </c>
      <c r="G78638" s="16">
        <v>0</v>
      </c>
    </row>
    <row r="78639" spans="1:7" x14ac:dyDescent="0.3">
      <c r="A78639" s="13" t="s">
        <v>401</v>
      </c>
      <c r="B78639" s="14" t="s">
        <v>1</v>
      </c>
      <c r="C78639" s="14" t="s">
        <v>59</v>
      </c>
      <c r="D78639" s="14" t="s">
        <v>146</v>
      </c>
      <c r="E78639" s="15">
        <v>45540</v>
      </c>
      <c r="F78639" s="14" t="s">
        <v>61</v>
      </c>
      <c r="G78639" s="16">
        <v>0</v>
      </c>
    </row>
    <row r="78640" spans="1:7" x14ac:dyDescent="0.3">
      <c r="A78640" s="13" t="s">
        <v>401</v>
      </c>
      <c r="B78640" s="14" t="s">
        <v>1</v>
      </c>
      <c r="C78640" s="14" t="s">
        <v>59</v>
      </c>
      <c r="D78640" s="14" t="s">
        <v>146</v>
      </c>
      <c r="E78640" s="15">
        <v>45541</v>
      </c>
      <c r="F78640" s="14" t="s">
        <v>61</v>
      </c>
      <c r="G78640" s="16">
        <v>0</v>
      </c>
    </row>
    <row r="78641" spans="1:7" x14ac:dyDescent="0.3">
      <c r="A78641" s="13" t="s">
        <v>401</v>
      </c>
      <c r="B78641" s="14" t="s">
        <v>1</v>
      </c>
      <c r="C78641" s="14" t="s">
        <v>59</v>
      </c>
      <c r="D78641" s="14" t="s">
        <v>146</v>
      </c>
      <c r="E78641" s="15">
        <v>45542</v>
      </c>
      <c r="F78641" s="14" t="s">
        <v>61</v>
      </c>
      <c r="G78641" s="16">
        <v>0</v>
      </c>
    </row>
    <row r="78642" spans="1:7" x14ac:dyDescent="0.3">
      <c r="A78642" s="13" t="s">
        <v>401</v>
      </c>
      <c r="B78642" s="14" t="s">
        <v>1</v>
      </c>
      <c r="C78642" s="14" t="s">
        <v>59</v>
      </c>
      <c r="D78642" s="14" t="s">
        <v>146</v>
      </c>
      <c r="E78642" s="15">
        <v>45543</v>
      </c>
      <c r="F78642" s="14" t="s">
        <v>61</v>
      </c>
      <c r="G78642" s="16">
        <v>0</v>
      </c>
    </row>
    <row r="78643" spans="1:7" x14ac:dyDescent="0.3">
      <c r="A78643" s="13" t="s">
        <v>401</v>
      </c>
      <c r="B78643" s="14" t="s">
        <v>1</v>
      </c>
      <c r="C78643" s="14" t="s">
        <v>59</v>
      </c>
      <c r="D78643" s="14" t="s">
        <v>146</v>
      </c>
      <c r="E78643" s="15">
        <v>45544</v>
      </c>
      <c r="F78643" s="14" t="s">
        <v>61</v>
      </c>
      <c r="G78643" s="16">
        <v>0</v>
      </c>
    </row>
    <row r="78644" spans="1:7" x14ac:dyDescent="0.3">
      <c r="A78644" s="13" t="s">
        <v>401</v>
      </c>
      <c r="B78644" s="14" t="s">
        <v>1</v>
      </c>
      <c r="C78644" s="14" t="s">
        <v>59</v>
      </c>
      <c r="D78644" s="14" t="s">
        <v>146</v>
      </c>
      <c r="E78644" s="15">
        <v>45545</v>
      </c>
      <c r="F78644" s="14" t="s">
        <v>61</v>
      </c>
      <c r="G78644" s="16">
        <v>0</v>
      </c>
    </row>
    <row r="78645" spans="1:7" x14ac:dyDescent="0.3">
      <c r="A78645" s="13" t="s">
        <v>401</v>
      </c>
      <c r="B78645" s="14" t="s">
        <v>1</v>
      </c>
      <c r="C78645" s="14" t="s">
        <v>59</v>
      </c>
      <c r="D78645" s="14" t="s">
        <v>146</v>
      </c>
      <c r="E78645" s="15">
        <v>45546</v>
      </c>
      <c r="F78645" s="14" t="s">
        <v>61</v>
      </c>
      <c r="G78645" s="16">
        <v>0</v>
      </c>
    </row>
    <row r="78646" spans="1:7" x14ac:dyDescent="0.3">
      <c r="A78646" s="13" t="s">
        <v>401</v>
      </c>
      <c r="B78646" s="14" t="s">
        <v>1</v>
      </c>
      <c r="C78646" s="14" t="s">
        <v>59</v>
      </c>
      <c r="D78646" s="14" t="s">
        <v>146</v>
      </c>
      <c r="E78646" s="15">
        <v>45547</v>
      </c>
      <c r="F78646" s="14" t="s">
        <v>61</v>
      </c>
      <c r="G78646" s="16">
        <v>0</v>
      </c>
    </row>
    <row r="78647" spans="1:7" x14ac:dyDescent="0.3">
      <c r="A78647" s="13" t="s">
        <v>401</v>
      </c>
      <c r="B78647" s="14" t="s">
        <v>1</v>
      </c>
      <c r="C78647" s="14" t="s">
        <v>59</v>
      </c>
      <c r="D78647" s="14" t="s">
        <v>146</v>
      </c>
      <c r="E78647" s="15">
        <v>45548</v>
      </c>
      <c r="F78647" s="14" t="s">
        <v>61</v>
      </c>
      <c r="G78647" s="16">
        <v>0</v>
      </c>
    </row>
    <row r="78648" spans="1:7" x14ac:dyDescent="0.3">
      <c r="A78648" s="13" t="s">
        <v>401</v>
      </c>
      <c r="B78648" s="14" t="s">
        <v>1</v>
      </c>
      <c r="C78648" s="14" t="s">
        <v>59</v>
      </c>
      <c r="D78648" s="14" t="s">
        <v>146</v>
      </c>
      <c r="E78648" s="15">
        <v>45549</v>
      </c>
      <c r="F78648" s="14" t="s">
        <v>61</v>
      </c>
      <c r="G78648" s="16">
        <v>0</v>
      </c>
    </row>
    <row r="78649" spans="1:7" x14ac:dyDescent="0.3">
      <c r="A78649" s="13" t="s">
        <v>401</v>
      </c>
      <c r="B78649" s="14" t="s">
        <v>1</v>
      </c>
      <c r="C78649" s="14" t="s">
        <v>59</v>
      </c>
      <c r="D78649" s="14" t="s">
        <v>146</v>
      </c>
      <c r="E78649" s="15">
        <v>45550</v>
      </c>
      <c r="F78649" s="14" t="s">
        <v>61</v>
      </c>
      <c r="G78649" s="16">
        <v>0</v>
      </c>
    </row>
    <row r="78650" spans="1:7" x14ac:dyDescent="0.3">
      <c r="A78650" s="13" t="s">
        <v>401</v>
      </c>
      <c r="B78650" s="14" t="s">
        <v>1</v>
      </c>
      <c r="C78650" s="14" t="s">
        <v>59</v>
      </c>
      <c r="D78650" s="14" t="s">
        <v>146</v>
      </c>
      <c r="E78650" s="15">
        <v>45551</v>
      </c>
      <c r="F78650" s="14" t="s">
        <v>61</v>
      </c>
      <c r="G78650" s="16">
        <v>0</v>
      </c>
    </row>
    <row r="78651" spans="1:7" x14ac:dyDescent="0.3">
      <c r="A78651" s="13" t="s">
        <v>401</v>
      </c>
      <c r="B78651" s="14" t="s">
        <v>1</v>
      </c>
      <c r="C78651" s="14" t="s">
        <v>59</v>
      </c>
      <c r="D78651" s="14" t="s">
        <v>146</v>
      </c>
      <c r="E78651" s="15">
        <v>45552</v>
      </c>
      <c r="F78651" s="14" t="s">
        <v>61</v>
      </c>
      <c r="G78651" s="16">
        <v>0</v>
      </c>
    </row>
    <row r="78652" spans="1:7" x14ac:dyDescent="0.3">
      <c r="A78652" s="13" t="s">
        <v>401</v>
      </c>
      <c r="B78652" s="14" t="s">
        <v>1</v>
      </c>
      <c r="C78652" s="14" t="s">
        <v>59</v>
      </c>
      <c r="D78652" s="14" t="s">
        <v>146</v>
      </c>
      <c r="E78652" s="15">
        <v>45553</v>
      </c>
      <c r="F78652" s="14" t="s">
        <v>61</v>
      </c>
      <c r="G78652" s="16">
        <v>0</v>
      </c>
    </row>
    <row r="78653" spans="1:7" x14ac:dyDescent="0.3">
      <c r="A78653" s="13" t="s">
        <v>401</v>
      </c>
      <c r="B78653" s="14" t="s">
        <v>1</v>
      </c>
      <c r="C78653" s="14" t="s">
        <v>59</v>
      </c>
      <c r="D78653" s="14" t="s">
        <v>146</v>
      </c>
      <c r="E78653" s="15">
        <v>45554</v>
      </c>
      <c r="F78653" s="14" t="s">
        <v>61</v>
      </c>
      <c r="G78653" s="16">
        <v>0</v>
      </c>
    </row>
    <row r="78654" spans="1:7" x14ac:dyDescent="0.3">
      <c r="A78654" s="13" t="s">
        <v>401</v>
      </c>
      <c r="B78654" s="14" t="s">
        <v>1</v>
      </c>
      <c r="C78654" s="14" t="s">
        <v>59</v>
      </c>
      <c r="D78654" s="14" t="s">
        <v>146</v>
      </c>
      <c r="E78654" s="15">
        <v>45555</v>
      </c>
      <c r="F78654" s="14" t="s">
        <v>61</v>
      </c>
      <c r="G78654" s="16">
        <v>0</v>
      </c>
    </row>
    <row r="78655" spans="1:7" x14ac:dyDescent="0.3">
      <c r="A78655" s="13" t="s">
        <v>401</v>
      </c>
      <c r="B78655" s="14" t="s">
        <v>1</v>
      </c>
      <c r="C78655" s="14" t="s">
        <v>59</v>
      </c>
      <c r="D78655" s="14" t="s">
        <v>146</v>
      </c>
      <c r="E78655" s="15">
        <v>45556</v>
      </c>
      <c r="F78655" s="14" t="s">
        <v>61</v>
      </c>
      <c r="G78655" s="16">
        <v>0</v>
      </c>
    </row>
    <row r="78656" spans="1:7" x14ac:dyDescent="0.3">
      <c r="A78656" s="13" t="s">
        <v>401</v>
      </c>
      <c r="B78656" s="14" t="s">
        <v>1</v>
      </c>
      <c r="C78656" s="14" t="s">
        <v>59</v>
      </c>
      <c r="D78656" s="14" t="s">
        <v>146</v>
      </c>
      <c r="E78656" s="15">
        <v>45557</v>
      </c>
      <c r="F78656" s="14" t="s">
        <v>61</v>
      </c>
      <c r="G78656" s="16">
        <v>0</v>
      </c>
    </row>
    <row r="78657" spans="1:7" x14ac:dyDescent="0.3">
      <c r="A78657" s="13" t="s">
        <v>401</v>
      </c>
      <c r="B78657" s="14" t="s">
        <v>1</v>
      </c>
      <c r="C78657" s="14" t="s">
        <v>59</v>
      </c>
      <c r="D78657" s="14" t="s">
        <v>146</v>
      </c>
      <c r="E78657" s="15">
        <v>45558</v>
      </c>
      <c r="F78657" s="14" t="s">
        <v>61</v>
      </c>
      <c r="G78657" s="16">
        <v>0</v>
      </c>
    </row>
    <row r="78658" spans="1:7" x14ac:dyDescent="0.3">
      <c r="A78658" s="13" t="s">
        <v>401</v>
      </c>
      <c r="B78658" s="14" t="s">
        <v>1</v>
      </c>
      <c r="C78658" s="14" t="s">
        <v>59</v>
      </c>
      <c r="D78658" s="14" t="s">
        <v>146</v>
      </c>
      <c r="E78658" s="15">
        <v>45559</v>
      </c>
      <c r="F78658" s="14" t="s">
        <v>61</v>
      </c>
      <c r="G78658" s="16">
        <v>0</v>
      </c>
    </row>
    <row r="78659" spans="1:7" x14ac:dyDescent="0.3">
      <c r="A78659" s="13" t="s">
        <v>401</v>
      </c>
      <c r="B78659" s="14" t="s">
        <v>1</v>
      </c>
      <c r="C78659" s="14" t="s">
        <v>59</v>
      </c>
      <c r="D78659" s="14" t="s">
        <v>146</v>
      </c>
      <c r="E78659" s="15">
        <v>45560</v>
      </c>
      <c r="F78659" s="14" t="s">
        <v>61</v>
      </c>
      <c r="G78659" s="16">
        <v>0</v>
      </c>
    </row>
    <row r="78660" spans="1:7" x14ac:dyDescent="0.3">
      <c r="A78660" s="13" t="s">
        <v>401</v>
      </c>
      <c r="B78660" s="14" t="s">
        <v>1</v>
      </c>
      <c r="C78660" s="14" t="s">
        <v>59</v>
      </c>
      <c r="D78660" s="14" t="s">
        <v>146</v>
      </c>
      <c r="E78660" s="15">
        <v>45561</v>
      </c>
      <c r="F78660" s="14" t="s">
        <v>61</v>
      </c>
      <c r="G78660" s="16">
        <v>0</v>
      </c>
    </row>
    <row r="78661" spans="1:7" x14ac:dyDescent="0.3">
      <c r="A78661" s="13" t="s">
        <v>401</v>
      </c>
      <c r="B78661" s="14" t="s">
        <v>1</v>
      </c>
      <c r="C78661" s="14" t="s">
        <v>59</v>
      </c>
      <c r="D78661" s="14" t="s">
        <v>146</v>
      </c>
      <c r="E78661" s="15">
        <v>45562</v>
      </c>
      <c r="F78661" s="14" t="s">
        <v>61</v>
      </c>
      <c r="G78661" s="16">
        <v>0</v>
      </c>
    </row>
    <row r="78662" spans="1:7" x14ac:dyDescent="0.3">
      <c r="A78662" s="13" t="s">
        <v>401</v>
      </c>
      <c r="B78662" s="14" t="s">
        <v>1</v>
      </c>
      <c r="C78662" s="14" t="s">
        <v>59</v>
      </c>
      <c r="D78662" s="14" t="s">
        <v>146</v>
      </c>
      <c r="E78662" s="15">
        <v>45563</v>
      </c>
      <c r="F78662" s="14" t="s">
        <v>61</v>
      </c>
      <c r="G78662" s="16">
        <v>0</v>
      </c>
    </row>
    <row r="78663" spans="1:7" x14ac:dyDescent="0.3">
      <c r="A78663" s="13" t="s">
        <v>401</v>
      </c>
      <c r="B78663" s="14" t="s">
        <v>1</v>
      </c>
      <c r="C78663" s="14" t="s">
        <v>59</v>
      </c>
      <c r="D78663" s="14" t="s">
        <v>146</v>
      </c>
      <c r="E78663" s="15">
        <v>45564</v>
      </c>
      <c r="F78663" s="14" t="s">
        <v>61</v>
      </c>
      <c r="G78663" s="16">
        <v>0</v>
      </c>
    </row>
    <row r="78664" spans="1:7" x14ac:dyDescent="0.3">
      <c r="A78664" s="13" t="s">
        <v>401</v>
      </c>
      <c r="B78664" s="14" t="s">
        <v>1</v>
      </c>
      <c r="C78664" s="14" t="s">
        <v>59</v>
      </c>
      <c r="D78664" s="14" t="s">
        <v>146</v>
      </c>
      <c r="E78664" s="15">
        <v>45565</v>
      </c>
      <c r="F78664" s="14" t="s">
        <v>61</v>
      </c>
      <c r="G78664" s="16">
        <v>0</v>
      </c>
    </row>
    <row r="78665" spans="1:7" x14ac:dyDescent="0.3">
      <c r="A78665" s="13" t="s">
        <v>401</v>
      </c>
      <c r="B78665" s="14" t="s">
        <v>1</v>
      </c>
      <c r="C78665" s="14" t="s">
        <v>59</v>
      </c>
      <c r="D78665" s="14" t="s">
        <v>146</v>
      </c>
      <c r="E78665" s="15">
        <v>45566</v>
      </c>
      <c r="F78665" s="14" t="s">
        <v>61</v>
      </c>
      <c r="G78665" s="16">
        <v>0</v>
      </c>
    </row>
    <row r="78666" spans="1:7" x14ac:dyDescent="0.3">
      <c r="A78666" s="13" t="s">
        <v>401</v>
      </c>
      <c r="B78666" s="14" t="s">
        <v>1</v>
      </c>
      <c r="C78666" s="14" t="s">
        <v>59</v>
      </c>
      <c r="D78666" s="14" t="s">
        <v>146</v>
      </c>
      <c r="E78666" s="15">
        <v>45567</v>
      </c>
      <c r="F78666" s="14" t="s">
        <v>61</v>
      </c>
      <c r="G78666" s="16">
        <v>0</v>
      </c>
    </row>
    <row r="78667" spans="1:7" x14ac:dyDescent="0.3">
      <c r="A78667" s="13" t="s">
        <v>401</v>
      </c>
      <c r="B78667" s="14" t="s">
        <v>1</v>
      </c>
      <c r="C78667" s="14" t="s">
        <v>59</v>
      </c>
      <c r="D78667" s="14" t="s">
        <v>146</v>
      </c>
      <c r="E78667" s="15">
        <v>45568</v>
      </c>
      <c r="F78667" s="14" t="s">
        <v>61</v>
      </c>
      <c r="G78667" s="16">
        <v>0</v>
      </c>
    </row>
    <row r="78668" spans="1:7" x14ac:dyDescent="0.3">
      <c r="A78668" s="13" t="s">
        <v>401</v>
      </c>
      <c r="B78668" s="14" t="s">
        <v>1</v>
      </c>
      <c r="C78668" s="14" t="s">
        <v>59</v>
      </c>
      <c r="D78668" s="14" t="s">
        <v>146</v>
      </c>
      <c r="E78668" s="15">
        <v>45569</v>
      </c>
      <c r="F78668" s="14" t="s">
        <v>61</v>
      </c>
      <c r="G78668" s="16">
        <v>0</v>
      </c>
    </row>
    <row r="78669" spans="1:7" x14ac:dyDescent="0.3">
      <c r="A78669" s="13" t="s">
        <v>401</v>
      </c>
      <c r="B78669" s="14" t="s">
        <v>1</v>
      </c>
      <c r="C78669" s="14" t="s">
        <v>59</v>
      </c>
      <c r="D78669" s="14" t="s">
        <v>146</v>
      </c>
      <c r="E78669" s="15">
        <v>45570</v>
      </c>
      <c r="F78669" s="14" t="s">
        <v>61</v>
      </c>
      <c r="G78669" s="16">
        <v>0</v>
      </c>
    </row>
    <row r="78670" spans="1:7" x14ac:dyDescent="0.3">
      <c r="A78670" s="13" t="s">
        <v>401</v>
      </c>
      <c r="B78670" s="14" t="s">
        <v>1</v>
      </c>
      <c r="C78670" s="14" t="s">
        <v>59</v>
      </c>
      <c r="D78670" s="14" t="s">
        <v>146</v>
      </c>
      <c r="E78670" s="15">
        <v>45571</v>
      </c>
      <c r="F78670" s="14" t="s">
        <v>61</v>
      </c>
      <c r="G78670" s="16">
        <v>0</v>
      </c>
    </row>
    <row r="78671" spans="1:7" x14ac:dyDescent="0.3">
      <c r="A78671" s="13" t="s">
        <v>401</v>
      </c>
      <c r="B78671" s="14" t="s">
        <v>1</v>
      </c>
      <c r="C78671" s="14" t="s">
        <v>59</v>
      </c>
      <c r="D78671" s="14" t="s">
        <v>146</v>
      </c>
      <c r="E78671" s="15">
        <v>45572</v>
      </c>
      <c r="F78671" s="14" t="s">
        <v>61</v>
      </c>
      <c r="G78671" s="16">
        <v>0</v>
      </c>
    </row>
    <row r="78672" spans="1:7" x14ac:dyDescent="0.3">
      <c r="A78672" s="13" t="s">
        <v>401</v>
      </c>
      <c r="B78672" s="14" t="s">
        <v>1</v>
      </c>
      <c r="C78672" s="14" t="s">
        <v>59</v>
      </c>
      <c r="D78672" s="14" t="s">
        <v>146</v>
      </c>
      <c r="E78672" s="15">
        <v>45573</v>
      </c>
      <c r="F78672" s="14" t="s">
        <v>61</v>
      </c>
      <c r="G78672" s="16">
        <v>0</v>
      </c>
    </row>
    <row r="78673" spans="1:7" x14ac:dyDescent="0.3">
      <c r="A78673" s="13" t="s">
        <v>401</v>
      </c>
      <c r="B78673" s="14" t="s">
        <v>1</v>
      </c>
      <c r="C78673" s="14" t="s">
        <v>59</v>
      </c>
      <c r="D78673" s="14" t="s">
        <v>146</v>
      </c>
      <c r="E78673" s="15">
        <v>45574</v>
      </c>
      <c r="F78673" s="14" t="s">
        <v>61</v>
      </c>
      <c r="G78673" s="16">
        <v>0</v>
      </c>
    </row>
    <row r="78674" spans="1:7" x14ac:dyDescent="0.3">
      <c r="A78674" s="13" t="s">
        <v>401</v>
      </c>
      <c r="B78674" s="14" t="s">
        <v>1</v>
      </c>
      <c r="C78674" s="14" t="s">
        <v>59</v>
      </c>
      <c r="D78674" s="14" t="s">
        <v>146</v>
      </c>
      <c r="E78674" s="15">
        <v>45575</v>
      </c>
      <c r="F78674" s="14" t="s">
        <v>61</v>
      </c>
      <c r="G78674" s="16">
        <v>0</v>
      </c>
    </row>
    <row r="78675" spans="1:7" x14ac:dyDescent="0.3">
      <c r="A78675" s="13" t="s">
        <v>401</v>
      </c>
      <c r="B78675" s="14" t="s">
        <v>1</v>
      </c>
      <c r="C78675" s="14" t="s">
        <v>59</v>
      </c>
      <c r="D78675" s="14" t="s">
        <v>146</v>
      </c>
      <c r="E78675" s="15">
        <v>45576</v>
      </c>
      <c r="F78675" s="14" t="s">
        <v>61</v>
      </c>
      <c r="G78675" s="16">
        <v>0</v>
      </c>
    </row>
    <row r="78676" spans="1:7" x14ac:dyDescent="0.3">
      <c r="A78676" s="13" t="s">
        <v>401</v>
      </c>
      <c r="B78676" s="14" t="s">
        <v>1</v>
      </c>
      <c r="C78676" s="14" t="s">
        <v>59</v>
      </c>
      <c r="D78676" s="14" t="s">
        <v>146</v>
      </c>
      <c r="E78676" s="15">
        <v>45577</v>
      </c>
      <c r="F78676" s="14" t="s">
        <v>61</v>
      </c>
      <c r="G78676" s="16">
        <v>0</v>
      </c>
    </row>
    <row r="78677" spans="1:7" x14ac:dyDescent="0.3">
      <c r="A78677" s="13" t="s">
        <v>401</v>
      </c>
      <c r="B78677" s="14" t="s">
        <v>1</v>
      </c>
      <c r="C78677" s="14" t="s">
        <v>59</v>
      </c>
      <c r="D78677" s="14" t="s">
        <v>146</v>
      </c>
      <c r="E78677" s="15">
        <v>45578</v>
      </c>
      <c r="F78677" s="14" t="s">
        <v>61</v>
      </c>
      <c r="G78677" s="16">
        <v>0</v>
      </c>
    </row>
    <row r="78678" spans="1:7" x14ac:dyDescent="0.3">
      <c r="A78678" s="13" t="s">
        <v>401</v>
      </c>
      <c r="B78678" s="14" t="s">
        <v>1</v>
      </c>
      <c r="C78678" s="14" t="s">
        <v>59</v>
      </c>
      <c r="D78678" s="14" t="s">
        <v>146</v>
      </c>
      <c r="E78678" s="15">
        <v>45579</v>
      </c>
      <c r="F78678" s="14" t="s">
        <v>61</v>
      </c>
      <c r="G78678" s="16">
        <v>0</v>
      </c>
    </row>
    <row r="78679" spans="1:7" x14ac:dyDescent="0.3">
      <c r="A78679" s="13" t="s">
        <v>401</v>
      </c>
      <c r="B78679" s="14" t="s">
        <v>1</v>
      </c>
      <c r="C78679" s="14" t="s">
        <v>59</v>
      </c>
      <c r="D78679" s="14" t="s">
        <v>146</v>
      </c>
      <c r="E78679" s="15">
        <v>45580</v>
      </c>
      <c r="F78679" s="14" t="s">
        <v>61</v>
      </c>
      <c r="G78679" s="16">
        <v>0</v>
      </c>
    </row>
    <row r="78680" spans="1:7" x14ac:dyDescent="0.3">
      <c r="A78680" s="13" t="s">
        <v>401</v>
      </c>
      <c r="B78680" s="14" t="s">
        <v>1</v>
      </c>
      <c r="C78680" s="14" t="s">
        <v>59</v>
      </c>
      <c r="D78680" s="14" t="s">
        <v>146</v>
      </c>
      <c r="E78680" s="15">
        <v>45581</v>
      </c>
      <c r="F78680" s="14" t="s">
        <v>61</v>
      </c>
      <c r="G78680" s="16">
        <v>0</v>
      </c>
    </row>
    <row r="78681" spans="1:7" x14ac:dyDescent="0.3">
      <c r="A78681" s="13" t="s">
        <v>401</v>
      </c>
      <c r="B78681" s="14" t="s">
        <v>1</v>
      </c>
      <c r="C78681" s="14" t="s">
        <v>59</v>
      </c>
      <c r="D78681" s="14" t="s">
        <v>146</v>
      </c>
      <c r="E78681" s="15">
        <v>45582</v>
      </c>
      <c r="F78681" s="14" t="s">
        <v>61</v>
      </c>
      <c r="G78681" s="16">
        <v>0</v>
      </c>
    </row>
    <row r="78682" spans="1:7" x14ac:dyDescent="0.3">
      <c r="A78682" s="13" t="s">
        <v>401</v>
      </c>
      <c r="B78682" s="14" t="s">
        <v>1</v>
      </c>
      <c r="C78682" s="14" t="s">
        <v>59</v>
      </c>
      <c r="D78682" s="14" t="s">
        <v>146</v>
      </c>
      <c r="E78682" s="15">
        <v>45583</v>
      </c>
      <c r="F78682" s="14" t="s">
        <v>61</v>
      </c>
      <c r="G78682" s="16">
        <v>0</v>
      </c>
    </row>
    <row r="78683" spans="1:7" x14ac:dyDescent="0.3">
      <c r="A78683" s="13" t="s">
        <v>401</v>
      </c>
      <c r="B78683" s="14" t="s">
        <v>1</v>
      </c>
      <c r="C78683" s="14" t="s">
        <v>59</v>
      </c>
      <c r="D78683" s="14" t="s">
        <v>146</v>
      </c>
      <c r="E78683" s="15">
        <v>45584</v>
      </c>
      <c r="F78683" s="14" t="s">
        <v>61</v>
      </c>
      <c r="G78683" s="16">
        <v>0</v>
      </c>
    </row>
    <row r="78684" spans="1:7" x14ac:dyDescent="0.3">
      <c r="A78684" s="13" t="s">
        <v>401</v>
      </c>
      <c r="B78684" s="14" t="s">
        <v>1</v>
      </c>
      <c r="C78684" s="14" t="s">
        <v>59</v>
      </c>
      <c r="D78684" s="14" t="s">
        <v>146</v>
      </c>
      <c r="E78684" s="15">
        <v>45585</v>
      </c>
      <c r="F78684" s="14" t="s">
        <v>61</v>
      </c>
      <c r="G78684" s="16">
        <v>0</v>
      </c>
    </row>
    <row r="78685" spans="1:7" x14ac:dyDescent="0.3">
      <c r="A78685" s="13" t="s">
        <v>401</v>
      </c>
      <c r="B78685" s="14" t="s">
        <v>1</v>
      </c>
      <c r="C78685" s="14" t="s">
        <v>59</v>
      </c>
      <c r="D78685" s="14" t="s">
        <v>146</v>
      </c>
      <c r="E78685" s="15">
        <v>45586</v>
      </c>
      <c r="F78685" s="14" t="s">
        <v>61</v>
      </c>
      <c r="G78685" s="16">
        <v>0</v>
      </c>
    </row>
    <row r="78686" spans="1:7" x14ac:dyDescent="0.3">
      <c r="A78686" s="13" t="s">
        <v>401</v>
      </c>
      <c r="B78686" s="14" t="s">
        <v>1</v>
      </c>
      <c r="C78686" s="14" t="s">
        <v>59</v>
      </c>
      <c r="D78686" s="14" t="s">
        <v>146</v>
      </c>
      <c r="E78686" s="15">
        <v>45587</v>
      </c>
      <c r="F78686" s="14" t="s">
        <v>61</v>
      </c>
      <c r="G78686" s="16">
        <v>0</v>
      </c>
    </row>
    <row r="78687" spans="1:7" x14ac:dyDescent="0.3">
      <c r="A78687" s="13" t="s">
        <v>401</v>
      </c>
      <c r="B78687" s="14" t="s">
        <v>1</v>
      </c>
      <c r="C78687" s="14" t="s">
        <v>59</v>
      </c>
      <c r="D78687" s="14" t="s">
        <v>146</v>
      </c>
      <c r="E78687" s="15">
        <v>45588</v>
      </c>
      <c r="F78687" s="14" t="s">
        <v>61</v>
      </c>
      <c r="G78687" s="16">
        <v>0</v>
      </c>
    </row>
    <row r="78688" spans="1:7" x14ac:dyDescent="0.3">
      <c r="A78688" s="13" t="s">
        <v>401</v>
      </c>
      <c r="B78688" s="14" t="s">
        <v>1</v>
      </c>
      <c r="C78688" s="14" t="s">
        <v>59</v>
      </c>
      <c r="D78688" s="14" t="s">
        <v>146</v>
      </c>
      <c r="E78688" s="15">
        <v>45589</v>
      </c>
      <c r="F78688" s="14" t="s">
        <v>61</v>
      </c>
      <c r="G78688" s="16">
        <v>0</v>
      </c>
    </row>
    <row r="78689" spans="1:7" x14ac:dyDescent="0.3">
      <c r="A78689" s="13" t="s">
        <v>401</v>
      </c>
      <c r="B78689" s="14" t="s">
        <v>1</v>
      </c>
      <c r="C78689" s="14" t="s">
        <v>59</v>
      </c>
      <c r="D78689" s="14" t="s">
        <v>146</v>
      </c>
      <c r="E78689" s="15">
        <v>45590</v>
      </c>
      <c r="F78689" s="14" t="s">
        <v>61</v>
      </c>
      <c r="G78689" s="16">
        <v>0</v>
      </c>
    </row>
    <row r="78690" spans="1:7" x14ac:dyDescent="0.3">
      <c r="A78690" s="13" t="s">
        <v>401</v>
      </c>
      <c r="B78690" s="14" t="s">
        <v>1</v>
      </c>
      <c r="C78690" s="14" t="s">
        <v>59</v>
      </c>
      <c r="D78690" s="14" t="s">
        <v>146</v>
      </c>
      <c r="E78690" s="15">
        <v>45591</v>
      </c>
      <c r="F78690" s="14" t="s">
        <v>61</v>
      </c>
      <c r="G78690" s="16">
        <v>0</v>
      </c>
    </row>
    <row r="78691" spans="1:7" x14ac:dyDescent="0.3">
      <c r="A78691" s="13" t="s">
        <v>401</v>
      </c>
      <c r="B78691" s="14" t="s">
        <v>1</v>
      </c>
      <c r="C78691" s="14" t="s">
        <v>59</v>
      </c>
      <c r="D78691" s="14" t="s">
        <v>146</v>
      </c>
      <c r="E78691" s="15">
        <v>45592</v>
      </c>
      <c r="F78691" s="14" t="s">
        <v>61</v>
      </c>
      <c r="G78691" s="16">
        <v>0</v>
      </c>
    </row>
    <row r="78692" spans="1:7" x14ac:dyDescent="0.3">
      <c r="A78692" s="13" t="s">
        <v>401</v>
      </c>
      <c r="B78692" s="14" t="s">
        <v>1</v>
      </c>
      <c r="C78692" s="14" t="s">
        <v>59</v>
      </c>
      <c r="D78692" s="14" t="s">
        <v>146</v>
      </c>
      <c r="E78692" s="15">
        <v>45593</v>
      </c>
      <c r="F78692" s="14" t="s">
        <v>61</v>
      </c>
      <c r="G78692" s="16">
        <v>0</v>
      </c>
    </row>
    <row r="78693" spans="1:7" x14ac:dyDescent="0.3">
      <c r="A78693" s="13" t="s">
        <v>401</v>
      </c>
      <c r="B78693" s="14" t="s">
        <v>1</v>
      </c>
      <c r="C78693" s="14" t="s">
        <v>59</v>
      </c>
      <c r="D78693" s="14" t="s">
        <v>146</v>
      </c>
      <c r="E78693" s="15">
        <v>45594</v>
      </c>
      <c r="F78693" s="14" t="s">
        <v>61</v>
      </c>
      <c r="G78693" s="16">
        <v>0</v>
      </c>
    </row>
    <row r="78694" spans="1:7" x14ac:dyDescent="0.3">
      <c r="A78694" s="13" t="s">
        <v>401</v>
      </c>
      <c r="B78694" s="14" t="s">
        <v>1</v>
      </c>
      <c r="C78694" s="14" t="s">
        <v>59</v>
      </c>
      <c r="D78694" s="14" t="s">
        <v>146</v>
      </c>
      <c r="E78694" s="15">
        <v>45595</v>
      </c>
      <c r="F78694" s="14" t="s">
        <v>61</v>
      </c>
      <c r="G78694" s="16">
        <v>0</v>
      </c>
    </row>
    <row r="78695" spans="1:7" x14ac:dyDescent="0.3">
      <c r="A78695" s="13" t="s">
        <v>401</v>
      </c>
      <c r="B78695" s="14" t="s">
        <v>1</v>
      </c>
      <c r="C78695" s="14" t="s">
        <v>59</v>
      </c>
      <c r="D78695" s="14" t="s">
        <v>146</v>
      </c>
      <c r="E78695" s="15">
        <v>45596</v>
      </c>
      <c r="F78695" s="14" t="s">
        <v>61</v>
      </c>
      <c r="G78695" s="16">
        <v>0</v>
      </c>
    </row>
    <row r="78696" spans="1:7" x14ac:dyDescent="0.3">
      <c r="A78696" s="13" t="s">
        <v>401</v>
      </c>
      <c r="B78696" s="14" t="s">
        <v>1</v>
      </c>
      <c r="C78696" s="14" t="s">
        <v>59</v>
      </c>
      <c r="D78696" s="14" t="s">
        <v>146</v>
      </c>
      <c r="E78696" s="15">
        <v>45597</v>
      </c>
      <c r="F78696" s="14" t="s">
        <v>61</v>
      </c>
      <c r="G78696" s="16">
        <v>0</v>
      </c>
    </row>
    <row r="78697" spans="1:7" x14ac:dyDescent="0.3">
      <c r="A78697" s="13" t="s">
        <v>401</v>
      </c>
      <c r="B78697" s="14" t="s">
        <v>1</v>
      </c>
      <c r="C78697" s="14" t="s">
        <v>59</v>
      </c>
      <c r="D78697" s="14" t="s">
        <v>146</v>
      </c>
      <c r="E78697" s="15">
        <v>45598</v>
      </c>
      <c r="F78697" s="14" t="s">
        <v>61</v>
      </c>
      <c r="G78697" s="16">
        <v>0</v>
      </c>
    </row>
    <row r="78698" spans="1:7" x14ac:dyDescent="0.3">
      <c r="A78698" s="13" t="s">
        <v>401</v>
      </c>
      <c r="B78698" s="14" t="s">
        <v>1</v>
      </c>
      <c r="C78698" s="14" t="s">
        <v>59</v>
      </c>
      <c r="D78698" s="14" t="s">
        <v>146</v>
      </c>
      <c r="E78698" s="15">
        <v>45599</v>
      </c>
      <c r="F78698" s="14" t="s">
        <v>61</v>
      </c>
      <c r="G78698" s="16">
        <v>0</v>
      </c>
    </row>
    <row r="78699" spans="1:7" x14ac:dyDescent="0.3">
      <c r="A78699" s="13" t="s">
        <v>401</v>
      </c>
      <c r="B78699" s="14" t="s">
        <v>1</v>
      </c>
      <c r="C78699" s="14" t="s">
        <v>59</v>
      </c>
      <c r="D78699" s="14" t="s">
        <v>146</v>
      </c>
      <c r="E78699" s="15">
        <v>45600</v>
      </c>
      <c r="F78699" s="14" t="s">
        <v>61</v>
      </c>
      <c r="G78699" s="16">
        <v>0</v>
      </c>
    </row>
    <row r="78700" spans="1:7" x14ac:dyDescent="0.3">
      <c r="A78700" s="13" t="s">
        <v>401</v>
      </c>
      <c r="B78700" s="14" t="s">
        <v>1</v>
      </c>
      <c r="C78700" s="14" t="s">
        <v>59</v>
      </c>
      <c r="D78700" s="14" t="s">
        <v>146</v>
      </c>
      <c r="E78700" s="15">
        <v>45601</v>
      </c>
      <c r="F78700" s="14" t="s">
        <v>61</v>
      </c>
      <c r="G78700" s="16">
        <v>0</v>
      </c>
    </row>
    <row r="78701" spans="1:7" x14ac:dyDescent="0.3">
      <c r="A78701" s="13" t="s">
        <v>401</v>
      </c>
      <c r="B78701" s="14" t="s">
        <v>1</v>
      </c>
      <c r="C78701" s="14" t="s">
        <v>59</v>
      </c>
      <c r="D78701" s="14" t="s">
        <v>146</v>
      </c>
      <c r="E78701" s="15">
        <v>45602</v>
      </c>
      <c r="F78701" s="14" t="s">
        <v>61</v>
      </c>
      <c r="G78701" s="16">
        <v>0</v>
      </c>
    </row>
    <row r="78702" spans="1:7" x14ac:dyDescent="0.3">
      <c r="A78702" s="13" t="s">
        <v>401</v>
      </c>
      <c r="B78702" s="14" t="s">
        <v>1</v>
      </c>
      <c r="C78702" s="14" t="s">
        <v>59</v>
      </c>
      <c r="D78702" s="14" t="s">
        <v>146</v>
      </c>
      <c r="E78702" s="15">
        <v>45603</v>
      </c>
      <c r="F78702" s="14" t="s">
        <v>61</v>
      </c>
      <c r="G78702" s="16">
        <v>0</v>
      </c>
    </row>
    <row r="78703" spans="1:7" x14ac:dyDescent="0.3">
      <c r="A78703" s="13" t="s">
        <v>401</v>
      </c>
      <c r="B78703" s="14" t="s">
        <v>1</v>
      </c>
      <c r="C78703" s="14" t="s">
        <v>59</v>
      </c>
      <c r="D78703" s="14" t="s">
        <v>146</v>
      </c>
      <c r="E78703" s="15">
        <v>45604</v>
      </c>
      <c r="F78703" s="14" t="s">
        <v>61</v>
      </c>
      <c r="G78703" s="16">
        <v>0</v>
      </c>
    </row>
    <row r="78704" spans="1:7" x14ac:dyDescent="0.3">
      <c r="A78704" s="13" t="s">
        <v>401</v>
      </c>
      <c r="B78704" s="14" t="s">
        <v>1</v>
      </c>
      <c r="C78704" s="14" t="s">
        <v>59</v>
      </c>
      <c r="D78704" s="14" t="s">
        <v>146</v>
      </c>
      <c r="E78704" s="15">
        <v>45605</v>
      </c>
      <c r="F78704" s="14" t="s">
        <v>61</v>
      </c>
      <c r="G78704" s="16">
        <v>0</v>
      </c>
    </row>
    <row r="78705" spans="1:7" x14ac:dyDescent="0.3">
      <c r="A78705" s="13" t="s">
        <v>401</v>
      </c>
      <c r="B78705" s="14" t="s">
        <v>1</v>
      </c>
      <c r="C78705" s="14" t="s">
        <v>59</v>
      </c>
      <c r="D78705" s="14" t="s">
        <v>146</v>
      </c>
      <c r="E78705" s="15">
        <v>45606</v>
      </c>
      <c r="F78705" s="14" t="s">
        <v>61</v>
      </c>
      <c r="G78705" s="16">
        <v>0</v>
      </c>
    </row>
    <row r="78706" spans="1:7" x14ac:dyDescent="0.3">
      <c r="A78706" s="13" t="s">
        <v>401</v>
      </c>
      <c r="B78706" s="14" t="s">
        <v>1</v>
      </c>
      <c r="C78706" s="14" t="s">
        <v>59</v>
      </c>
      <c r="D78706" s="14" t="s">
        <v>146</v>
      </c>
      <c r="E78706" s="15">
        <v>45607</v>
      </c>
      <c r="F78706" s="14" t="s">
        <v>61</v>
      </c>
      <c r="G78706" s="16">
        <v>0</v>
      </c>
    </row>
    <row r="78707" spans="1:7" x14ac:dyDescent="0.3">
      <c r="A78707" s="13" t="s">
        <v>401</v>
      </c>
      <c r="B78707" s="14" t="s">
        <v>1</v>
      </c>
      <c r="C78707" s="14" t="s">
        <v>59</v>
      </c>
      <c r="D78707" s="14" t="s">
        <v>146</v>
      </c>
      <c r="E78707" s="15">
        <v>45608</v>
      </c>
      <c r="F78707" s="14" t="s">
        <v>61</v>
      </c>
      <c r="G78707" s="16">
        <v>0</v>
      </c>
    </row>
    <row r="78708" spans="1:7" x14ac:dyDescent="0.3">
      <c r="A78708" s="13" t="s">
        <v>401</v>
      </c>
      <c r="B78708" s="14" t="s">
        <v>1</v>
      </c>
      <c r="C78708" s="14" t="s">
        <v>59</v>
      </c>
      <c r="D78708" s="14" t="s">
        <v>146</v>
      </c>
      <c r="E78708" s="15">
        <v>45609</v>
      </c>
      <c r="F78708" s="14" t="s">
        <v>61</v>
      </c>
      <c r="G78708" s="16">
        <v>0</v>
      </c>
    </row>
    <row r="78709" spans="1:7" x14ac:dyDescent="0.3">
      <c r="A78709" s="13" t="s">
        <v>401</v>
      </c>
      <c r="B78709" s="14" t="s">
        <v>1</v>
      </c>
      <c r="C78709" s="14" t="s">
        <v>59</v>
      </c>
      <c r="D78709" s="14" t="s">
        <v>146</v>
      </c>
      <c r="E78709" s="15">
        <v>45610</v>
      </c>
      <c r="F78709" s="14" t="s">
        <v>61</v>
      </c>
      <c r="G78709" s="16">
        <v>0</v>
      </c>
    </row>
    <row r="78710" spans="1:7" x14ac:dyDescent="0.3">
      <c r="A78710" s="13" t="s">
        <v>401</v>
      </c>
      <c r="B78710" s="14" t="s">
        <v>1</v>
      </c>
      <c r="C78710" s="14" t="s">
        <v>59</v>
      </c>
      <c r="D78710" s="14" t="s">
        <v>146</v>
      </c>
      <c r="E78710" s="15">
        <v>45611</v>
      </c>
      <c r="F78710" s="14" t="s">
        <v>61</v>
      </c>
      <c r="G78710" s="16">
        <v>0</v>
      </c>
    </row>
    <row r="78711" spans="1:7" x14ac:dyDescent="0.3">
      <c r="A78711" s="13" t="s">
        <v>401</v>
      </c>
      <c r="B78711" s="14" t="s">
        <v>1</v>
      </c>
      <c r="C78711" s="14" t="s">
        <v>59</v>
      </c>
      <c r="D78711" s="14" t="s">
        <v>146</v>
      </c>
      <c r="E78711" s="15">
        <v>45612</v>
      </c>
      <c r="F78711" s="14" t="s">
        <v>61</v>
      </c>
      <c r="G78711" s="16">
        <v>0</v>
      </c>
    </row>
    <row r="78712" spans="1:7" x14ac:dyDescent="0.3">
      <c r="A78712" s="13" t="s">
        <v>401</v>
      </c>
      <c r="B78712" s="14" t="s">
        <v>1</v>
      </c>
      <c r="C78712" s="14" t="s">
        <v>59</v>
      </c>
      <c r="D78712" s="14" t="s">
        <v>146</v>
      </c>
      <c r="E78712" s="15">
        <v>45613</v>
      </c>
      <c r="F78712" s="14" t="s">
        <v>61</v>
      </c>
      <c r="G78712" s="16">
        <v>0</v>
      </c>
    </row>
    <row r="78713" spans="1:7" x14ac:dyDescent="0.3">
      <c r="A78713" s="13" t="s">
        <v>401</v>
      </c>
      <c r="B78713" s="14" t="s">
        <v>1</v>
      </c>
      <c r="C78713" s="14" t="s">
        <v>59</v>
      </c>
      <c r="D78713" s="14" t="s">
        <v>146</v>
      </c>
      <c r="E78713" s="15">
        <v>45614</v>
      </c>
      <c r="F78713" s="14" t="s">
        <v>61</v>
      </c>
      <c r="G78713" s="16">
        <v>0</v>
      </c>
    </row>
    <row r="78714" spans="1:7" x14ac:dyDescent="0.3">
      <c r="A78714" s="13" t="s">
        <v>401</v>
      </c>
      <c r="B78714" s="14" t="s">
        <v>1</v>
      </c>
      <c r="C78714" s="14" t="s">
        <v>59</v>
      </c>
      <c r="D78714" s="14" t="s">
        <v>146</v>
      </c>
      <c r="E78714" s="15">
        <v>45615</v>
      </c>
      <c r="F78714" s="14" t="s">
        <v>61</v>
      </c>
      <c r="G78714" s="16">
        <v>0</v>
      </c>
    </row>
    <row r="78715" spans="1:7" x14ac:dyDescent="0.3">
      <c r="A78715" s="13" t="s">
        <v>401</v>
      </c>
      <c r="B78715" s="14" t="s">
        <v>1</v>
      </c>
      <c r="C78715" s="14" t="s">
        <v>59</v>
      </c>
      <c r="D78715" s="14" t="s">
        <v>146</v>
      </c>
      <c r="E78715" s="15">
        <v>45616</v>
      </c>
      <c r="F78715" s="14" t="s">
        <v>61</v>
      </c>
      <c r="G78715" s="16">
        <v>0</v>
      </c>
    </row>
    <row r="78716" spans="1:7" x14ac:dyDescent="0.3">
      <c r="A78716" s="13" t="s">
        <v>401</v>
      </c>
      <c r="B78716" s="14" t="s">
        <v>1</v>
      </c>
      <c r="C78716" s="14" t="s">
        <v>59</v>
      </c>
      <c r="D78716" s="14" t="s">
        <v>146</v>
      </c>
      <c r="E78716" s="15">
        <v>45617</v>
      </c>
      <c r="F78716" s="14" t="s">
        <v>61</v>
      </c>
      <c r="G78716" s="16">
        <v>0</v>
      </c>
    </row>
    <row r="78717" spans="1:7" x14ac:dyDescent="0.3">
      <c r="A78717" s="13" t="s">
        <v>401</v>
      </c>
      <c r="B78717" s="14" t="s">
        <v>1</v>
      </c>
      <c r="C78717" s="14" t="s">
        <v>59</v>
      </c>
      <c r="D78717" s="14" t="s">
        <v>146</v>
      </c>
      <c r="E78717" s="15">
        <v>45618</v>
      </c>
      <c r="F78717" s="14" t="s">
        <v>61</v>
      </c>
      <c r="G78717" s="16">
        <v>0</v>
      </c>
    </row>
    <row r="78718" spans="1:7" x14ac:dyDescent="0.3">
      <c r="A78718" s="13" t="s">
        <v>401</v>
      </c>
      <c r="B78718" s="14" t="s">
        <v>1</v>
      </c>
      <c r="C78718" s="14" t="s">
        <v>59</v>
      </c>
      <c r="D78718" s="14" t="s">
        <v>146</v>
      </c>
      <c r="E78718" s="15">
        <v>45619</v>
      </c>
      <c r="F78718" s="14" t="s">
        <v>61</v>
      </c>
      <c r="G78718" s="16">
        <v>0</v>
      </c>
    </row>
    <row r="78719" spans="1:7" x14ac:dyDescent="0.3">
      <c r="A78719" s="13" t="s">
        <v>401</v>
      </c>
      <c r="B78719" s="14" t="s">
        <v>1</v>
      </c>
      <c r="C78719" s="14" t="s">
        <v>59</v>
      </c>
      <c r="D78719" s="14" t="s">
        <v>146</v>
      </c>
      <c r="E78719" s="15">
        <v>45620</v>
      </c>
      <c r="F78719" s="14" t="s">
        <v>61</v>
      </c>
      <c r="G78719" s="16">
        <v>0</v>
      </c>
    </row>
    <row r="78720" spans="1:7" x14ac:dyDescent="0.3">
      <c r="A78720" s="13" t="s">
        <v>401</v>
      </c>
      <c r="B78720" s="14" t="s">
        <v>1</v>
      </c>
      <c r="C78720" s="14" t="s">
        <v>59</v>
      </c>
      <c r="D78720" s="14" t="s">
        <v>146</v>
      </c>
      <c r="E78720" s="15">
        <v>45621</v>
      </c>
      <c r="F78720" s="14" t="s">
        <v>61</v>
      </c>
      <c r="G78720" s="16">
        <v>0</v>
      </c>
    </row>
    <row r="78721" spans="1:7" x14ac:dyDescent="0.3">
      <c r="A78721" s="13" t="s">
        <v>401</v>
      </c>
      <c r="B78721" s="14" t="s">
        <v>1</v>
      </c>
      <c r="C78721" s="14" t="s">
        <v>59</v>
      </c>
      <c r="D78721" s="14" t="s">
        <v>146</v>
      </c>
      <c r="E78721" s="15">
        <v>45622</v>
      </c>
      <c r="F78721" s="14" t="s">
        <v>61</v>
      </c>
      <c r="G78721" s="16">
        <v>0</v>
      </c>
    </row>
    <row r="78722" spans="1:7" x14ac:dyDescent="0.3">
      <c r="A78722" s="13" t="s">
        <v>401</v>
      </c>
      <c r="B78722" s="14" t="s">
        <v>1</v>
      </c>
      <c r="C78722" s="14" t="s">
        <v>59</v>
      </c>
      <c r="D78722" s="14" t="s">
        <v>146</v>
      </c>
      <c r="E78722" s="15">
        <v>45623</v>
      </c>
      <c r="F78722" s="14" t="s">
        <v>61</v>
      </c>
      <c r="G78722" s="16">
        <v>0</v>
      </c>
    </row>
    <row r="78723" spans="1:7" x14ac:dyDescent="0.3">
      <c r="A78723" s="13" t="s">
        <v>401</v>
      </c>
      <c r="B78723" s="14" t="s">
        <v>1</v>
      </c>
      <c r="C78723" s="14" t="s">
        <v>59</v>
      </c>
      <c r="D78723" s="14" t="s">
        <v>146</v>
      </c>
      <c r="E78723" s="15">
        <v>45624</v>
      </c>
      <c r="F78723" s="14" t="s">
        <v>61</v>
      </c>
      <c r="G78723" s="16">
        <v>0</v>
      </c>
    </row>
    <row r="78724" spans="1:7" x14ac:dyDescent="0.3">
      <c r="A78724" s="13" t="s">
        <v>401</v>
      </c>
      <c r="B78724" s="14" t="s">
        <v>1</v>
      </c>
      <c r="C78724" s="14" t="s">
        <v>59</v>
      </c>
      <c r="D78724" s="14" t="s">
        <v>146</v>
      </c>
      <c r="E78724" s="15">
        <v>45625</v>
      </c>
      <c r="F78724" s="14" t="s">
        <v>61</v>
      </c>
      <c r="G78724" s="16">
        <v>0</v>
      </c>
    </row>
    <row r="78725" spans="1:7" x14ac:dyDescent="0.3">
      <c r="A78725" s="13" t="s">
        <v>401</v>
      </c>
      <c r="B78725" s="14" t="s">
        <v>1</v>
      </c>
      <c r="C78725" s="14" t="s">
        <v>59</v>
      </c>
      <c r="D78725" s="14" t="s">
        <v>146</v>
      </c>
      <c r="E78725" s="15">
        <v>45626</v>
      </c>
      <c r="F78725" s="14" t="s">
        <v>61</v>
      </c>
      <c r="G78725" s="16">
        <v>0</v>
      </c>
    </row>
    <row r="78726" spans="1:7" x14ac:dyDescent="0.3">
      <c r="A78726" s="13" t="s">
        <v>401</v>
      </c>
      <c r="B78726" s="14" t="s">
        <v>1</v>
      </c>
      <c r="C78726" s="14" t="s">
        <v>59</v>
      </c>
      <c r="D78726" s="14" t="s">
        <v>146</v>
      </c>
      <c r="E78726" s="15">
        <v>45627</v>
      </c>
      <c r="F78726" s="14" t="s">
        <v>61</v>
      </c>
      <c r="G78726" s="16">
        <v>0</v>
      </c>
    </row>
    <row r="78727" spans="1:7" x14ac:dyDescent="0.3">
      <c r="A78727" s="13" t="s">
        <v>401</v>
      </c>
      <c r="B78727" s="14" t="s">
        <v>1</v>
      </c>
      <c r="C78727" s="14" t="s">
        <v>59</v>
      </c>
      <c r="D78727" s="14" t="s">
        <v>146</v>
      </c>
      <c r="E78727" s="15">
        <v>45628</v>
      </c>
      <c r="F78727" s="14" t="s">
        <v>61</v>
      </c>
      <c r="G78727" s="16">
        <v>0</v>
      </c>
    </row>
    <row r="78728" spans="1:7" x14ac:dyDescent="0.3">
      <c r="A78728" s="13" t="s">
        <v>401</v>
      </c>
      <c r="B78728" s="14" t="s">
        <v>1</v>
      </c>
      <c r="C78728" s="14" t="s">
        <v>59</v>
      </c>
      <c r="D78728" s="14" t="s">
        <v>146</v>
      </c>
      <c r="E78728" s="15">
        <v>45629</v>
      </c>
      <c r="F78728" s="14" t="s">
        <v>61</v>
      </c>
      <c r="G78728" s="16">
        <v>0</v>
      </c>
    </row>
    <row r="78729" spans="1:7" x14ac:dyDescent="0.3">
      <c r="A78729" s="13" t="s">
        <v>401</v>
      </c>
      <c r="B78729" s="14" t="s">
        <v>1</v>
      </c>
      <c r="C78729" s="14" t="s">
        <v>59</v>
      </c>
      <c r="D78729" s="14" t="s">
        <v>146</v>
      </c>
      <c r="E78729" s="15">
        <v>45630</v>
      </c>
      <c r="F78729" s="14" t="s">
        <v>61</v>
      </c>
      <c r="G78729" s="16">
        <v>0</v>
      </c>
    </row>
    <row r="78730" spans="1:7" x14ac:dyDescent="0.3">
      <c r="A78730" s="13" t="s">
        <v>401</v>
      </c>
      <c r="B78730" s="14" t="s">
        <v>1</v>
      </c>
      <c r="C78730" s="14" t="s">
        <v>59</v>
      </c>
      <c r="D78730" s="14" t="s">
        <v>146</v>
      </c>
      <c r="E78730" s="15">
        <v>45631</v>
      </c>
      <c r="F78730" s="14" t="s">
        <v>61</v>
      </c>
      <c r="G78730" s="16">
        <v>0</v>
      </c>
    </row>
    <row r="78731" spans="1:7" x14ac:dyDescent="0.3">
      <c r="A78731" s="13" t="s">
        <v>401</v>
      </c>
      <c r="B78731" s="14" t="s">
        <v>1</v>
      </c>
      <c r="C78731" s="14" t="s">
        <v>59</v>
      </c>
      <c r="D78731" s="14" t="s">
        <v>146</v>
      </c>
      <c r="E78731" s="15">
        <v>45632</v>
      </c>
      <c r="F78731" s="14" t="s">
        <v>61</v>
      </c>
      <c r="G78731" s="16">
        <v>0</v>
      </c>
    </row>
    <row r="78732" spans="1:7" x14ac:dyDescent="0.3">
      <c r="A78732" s="13" t="s">
        <v>401</v>
      </c>
      <c r="B78732" s="14" t="s">
        <v>1</v>
      </c>
      <c r="C78732" s="14" t="s">
        <v>59</v>
      </c>
      <c r="D78732" s="14" t="s">
        <v>146</v>
      </c>
      <c r="E78732" s="15">
        <v>45633</v>
      </c>
      <c r="F78732" s="14" t="s">
        <v>61</v>
      </c>
      <c r="G78732" s="16">
        <v>0</v>
      </c>
    </row>
    <row r="78733" spans="1:7" x14ac:dyDescent="0.3">
      <c r="A78733" s="13" t="s">
        <v>401</v>
      </c>
      <c r="B78733" s="14" t="s">
        <v>1</v>
      </c>
      <c r="C78733" s="14" t="s">
        <v>59</v>
      </c>
      <c r="D78733" s="14" t="s">
        <v>146</v>
      </c>
      <c r="E78733" s="15">
        <v>45634</v>
      </c>
      <c r="F78733" s="14" t="s">
        <v>61</v>
      </c>
      <c r="G78733" s="16">
        <v>0</v>
      </c>
    </row>
    <row r="78734" spans="1:7" x14ac:dyDescent="0.3">
      <c r="A78734" s="13" t="s">
        <v>401</v>
      </c>
      <c r="B78734" s="14" t="s">
        <v>1</v>
      </c>
      <c r="C78734" s="14" t="s">
        <v>59</v>
      </c>
      <c r="D78734" s="14" t="s">
        <v>146</v>
      </c>
      <c r="E78734" s="15">
        <v>45635</v>
      </c>
      <c r="F78734" s="14" t="s">
        <v>61</v>
      </c>
      <c r="G78734" s="16">
        <v>0</v>
      </c>
    </row>
    <row r="78735" spans="1:7" x14ac:dyDescent="0.3">
      <c r="A78735" s="13" t="s">
        <v>401</v>
      </c>
      <c r="B78735" s="14" t="s">
        <v>1</v>
      </c>
      <c r="C78735" s="14" t="s">
        <v>59</v>
      </c>
      <c r="D78735" s="14" t="s">
        <v>146</v>
      </c>
      <c r="E78735" s="15">
        <v>45636</v>
      </c>
      <c r="F78735" s="14" t="s">
        <v>61</v>
      </c>
      <c r="G78735" s="16">
        <v>0</v>
      </c>
    </row>
    <row r="78736" spans="1:7" x14ac:dyDescent="0.3">
      <c r="A78736" s="13" t="s">
        <v>401</v>
      </c>
      <c r="B78736" s="14" t="s">
        <v>1</v>
      </c>
      <c r="C78736" s="14" t="s">
        <v>59</v>
      </c>
      <c r="D78736" s="14" t="s">
        <v>146</v>
      </c>
      <c r="E78736" s="15">
        <v>45637</v>
      </c>
      <c r="F78736" s="14" t="s">
        <v>61</v>
      </c>
      <c r="G78736" s="16">
        <v>0</v>
      </c>
    </row>
    <row r="78737" spans="1:7" x14ac:dyDescent="0.3">
      <c r="A78737" s="13" t="s">
        <v>401</v>
      </c>
      <c r="B78737" s="14" t="s">
        <v>1</v>
      </c>
      <c r="C78737" s="14" t="s">
        <v>59</v>
      </c>
      <c r="D78737" s="14" t="s">
        <v>146</v>
      </c>
      <c r="E78737" s="15">
        <v>45638</v>
      </c>
      <c r="F78737" s="14" t="s">
        <v>61</v>
      </c>
      <c r="G78737" s="16">
        <v>0</v>
      </c>
    </row>
    <row r="78738" spans="1:7" x14ac:dyDescent="0.3">
      <c r="A78738" s="13" t="s">
        <v>401</v>
      </c>
      <c r="B78738" s="14" t="s">
        <v>1</v>
      </c>
      <c r="C78738" s="14" t="s">
        <v>59</v>
      </c>
      <c r="D78738" s="14" t="s">
        <v>146</v>
      </c>
      <c r="E78738" s="15">
        <v>45639</v>
      </c>
      <c r="F78738" s="14" t="s">
        <v>61</v>
      </c>
      <c r="G78738" s="16">
        <v>0</v>
      </c>
    </row>
    <row r="78739" spans="1:7" x14ac:dyDescent="0.3">
      <c r="A78739" s="13" t="s">
        <v>401</v>
      </c>
      <c r="B78739" s="14" t="s">
        <v>1</v>
      </c>
      <c r="C78739" s="14" t="s">
        <v>59</v>
      </c>
      <c r="D78739" s="14" t="s">
        <v>146</v>
      </c>
      <c r="E78739" s="15">
        <v>45640</v>
      </c>
      <c r="F78739" s="14" t="s">
        <v>61</v>
      </c>
      <c r="G78739" s="16">
        <v>0</v>
      </c>
    </row>
    <row r="78740" spans="1:7" x14ac:dyDescent="0.3">
      <c r="A78740" s="13" t="s">
        <v>401</v>
      </c>
      <c r="B78740" s="14" t="s">
        <v>1</v>
      </c>
      <c r="C78740" s="14" t="s">
        <v>59</v>
      </c>
      <c r="D78740" s="14" t="s">
        <v>146</v>
      </c>
      <c r="E78740" s="15">
        <v>45641</v>
      </c>
      <c r="F78740" s="14" t="s">
        <v>61</v>
      </c>
      <c r="G78740" s="16">
        <v>0</v>
      </c>
    </row>
    <row r="78741" spans="1:7" x14ac:dyDescent="0.3">
      <c r="A78741" s="13" t="s">
        <v>401</v>
      </c>
      <c r="B78741" s="14" t="s">
        <v>1</v>
      </c>
      <c r="C78741" s="14" t="s">
        <v>59</v>
      </c>
      <c r="D78741" s="14" t="s">
        <v>146</v>
      </c>
      <c r="E78741" s="15">
        <v>45642</v>
      </c>
      <c r="F78741" s="14" t="s">
        <v>61</v>
      </c>
      <c r="G78741" s="16">
        <v>0</v>
      </c>
    </row>
    <row r="78742" spans="1:7" x14ac:dyDescent="0.3">
      <c r="A78742" s="13" t="s">
        <v>401</v>
      </c>
      <c r="B78742" s="14" t="s">
        <v>1</v>
      </c>
      <c r="C78742" s="14" t="s">
        <v>59</v>
      </c>
      <c r="D78742" s="14" t="s">
        <v>146</v>
      </c>
      <c r="E78742" s="15">
        <v>45643</v>
      </c>
      <c r="F78742" s="14" t="s">
        <v>61</v>
      </c>
      <c r="G78742" s="16">
        <v>0</v>
      </c>
    </row>
    <row r="78743" spans="1:7" x14ac:dyDescent="0.3">
      <c r="A78743" s="13" t="s">
        <v>401</v>
      </c>
      <c r="B78743" s="14" t="s">
        <v>1</v>
      </c>
      <c r="C78743" s="14" t="s">
        <v>59</v>
      </c>
      <c r="D78743" s="14" t="s">
        <v>146</v>
      </c>
      <c r="E78743" s="15">
        <v>45644</v>
      </c>
      <c r="F78743" s="14" t="s">
        <v>61</v>
      </c>
      <c r="G78743" s="16">
        <v>0</v>
      </c>
    </row>
    <row r="78744" spans="1:7" x14ac:dyDescent="0.3">
      <c r="A78744" s="13" t="s">
        <v>401</v>
      </c>
      <c r="B78744" s="14" t="s">
        <v>1</v>
      </c>
      <c r="C78744" s="14" t="s">
        <v>59</v>
      </c>
      <c r="D78744" s="14" t="s">
        <v>146</v>
      </c>
      <c r="E78744" s="15">
        <v>45645</v>
      </c>
      <c r="F78744" s="14" t="s">
        <v>61</v>
      </c>
      <c r="G78744" s="16">
        <v>0</v>
      </c>
    </row>
    <row r="78745" spans="1:7" x14ac:dyDescent="0.3">
      <c r="A78745" s="13" t="s">
        <v>401</v>
      </c>
      <c r="B78745" s="14" t="s">
        <v>1</v>
      </c>
      <c r="C78745" s="14" t="s">
        <v>59</v>
      </c>
      <c r="D78745" s="14" t="s">
        <v>146</v>
      </c>
      <c r="E78745" s="15">
        <v>45646</v>
      </c>
      <c r="F78745" s="14" t="s">
        <v>61</v>
      </c>
      <c r="G78745" s="16">
        <v>0</v>
      </c>
    </row>
    <row r="78746" spans="1:7" x14ac:dyDescent="0.3">
      <c r="A78746" s="13" t="s">
        <v>401</v>
      </c>
      <c r="B78746" s="14" t="s">
        <v>1</v>
      </c>
      <c r="C78746" s="14" t="s">
        <v>59</v>
      </c>
      <c r="D78746" s="14" t="s">
        <v>146</v>
      </c>
      <c r="E78746" s="15">
        <v>45647</v>
      </c>
      <c r="F78746" s="14" t="s">
        <v>61</v>
      </c>
      <c r="G78746" s="16">
        <v>0</v>
      </c>
    </row>
    <row r="78747" spans="1:7" x14ac:dyDescent="0.3">
      <c r="A78747" s="13" t="s">
        <v>401</v>
      </c>
      <c r="B78747" s="14" t="s">
        <v>1</v>
      </c>
      <c r="C78747" s="14" t="s">
        <v>59</v>
      </c>
      <c r="D78747" s="14" t="s">
        <v>146</v>
      </c>
      <c r="E78747" s="15">
        <v>45648</v>
      </c>
      <c r="F78747" s="14" t="s">
        <v>61</v>
      </c>
      <c r="G78747" s="16">
        <v>0</v>
      </c>
    </row>
    <row r="78748" spans="1:7" x14ac:dyDescent="0.3">
      <c r="A78748" s="13" t="s">
        <v>401</v>
      </c>
      <c r="B78748" s="14" t="s">
        <v>1</v>
      </c>
      <c r="C78748" s="14" t="s">
        <v>59</v>
      </c>
      <c r="D78748" s="14" t="s">
        <v>146</v>
      </c>
      <c r="E78748" s="15">
        <v>45649</v>
      </c>
      <c r="F78748" s="14" t="s">
        <v>61</v>
      </c>
      <c r="G78748" s="16">
        <v>0</v>
      </c>
    </row>
    <row r="78749" spans="1:7" x14ac:dyDescent="0.3">
      <c r="A78749" s="13" t="s">
        <v>401</v>
      </c>
      <c r="B78749" s="14" t="s">
        <v>1</v>
      </c>
      <c r="C78749" s="14" t="s">
        <v>59</v>
      </c>
      <c r="D78749" s="14" t="s">
        <v>146</v>
      </c>
      <c r="E78749" s="15">
        <v>45650</v>
      </c>
      <c r="F78749" s="14" t="s">
        <v>61</v>
      </c>
      <c r="G78749" s="16">
        <v>0</v>
      </c>
    </row>
    <row r="78750" spans="1:7" x14ac:dyDescent="0.3">
      <c r="A78750" s="13" t="s">
        <v>401</v>
      </c>
      <c r="B78750" s="14" t="s">
        <v>1</v>
      </c>
      <c r="C78750" s="14" t="s">
        <v>59</v>
      </c>
      <c r="D78750" s="14" t="s">
        <v>146</v>
      </c>
      <c r="E78750" s="15">
        <v>45651</v>
      </c>
      <c r="F78750" s="14" t="s">
        <v>61</v>
      </c>
      <c r="G78750" s="16">
        <v>0</v>
      </c>
    </row>
    <row r="78751" spans="1:7" x14ac:dyDescent="0.3">
      <c r="A78751" s="13" t="s">
        <v>401</v>
      </c>
      <c r="B78751" s="14" t="s">
        <v>1</v>
      </c>
      <c r="C78751" s="14" t="s">
        <v>59</v>
      </c>
      <c r="D78751" s="14" t="s">
        <v>146</v>
      </c>
      <c r="E78751" s="15">
        <v>45652</v>
      </c>
      <c r="F78751" s="14" t="s">
        <v>61</v>
      </c>
      <c r="G78751" s="16">
        <v>0</v>
      </c>
    </row>
    <row r="78752" spans="1:7" x14ac:dyDescent="0.3">
      <c r="A78752" s="13" t="s">
        <v>401</v>
      </c>
      <c r="B78752" s="14" t="s">
        <v>1</v>
      </c>
      <c r="C78752" s="14" t="s">
        <v>59</v>
      </c>
      <c r="D78752" s="14" t="s">
        <v>146</v>
      </c>
      <c r="E78752" s="15">
        <v>45653</v>
      </c>
      <c r="F78752" s="14" t="s">
        <v>61</v>
      </c>
      <c r="G78752" s="16">
        <v>0</v>
      </c>
    </row>
    <row r="78753" spans="1:7" x14ac:dyDescent="0.3">
      <c r="A78753" s="13" t="s">
        <v>401</v>
      </c>
      <c r="B78753" s="14" t="s">
        <v>1</v>
      </c>
      <c r="C78753" s="14" t="s">
        <v>59</v>
      </c>
      <c r="D78753" s="14" t="s">
        <v>146</v>
      </c>
      <c r="E78753" s="15">
        <v>45654</v>
      </c>
      <c r="F78753" s="14" t="s">
        <v>61</v>
      </c>
      <c r="G78753" s="16">
        <v>0</v>
      </c>
    </row>
    <row r="78754" spans="1:7" x14ac:dyDescent="0.3">
      <c r="A78754" s="13" t="s">
        <v>401</v>
      </c>
      <c r="B78754" s="14" t="s">
        <v>1</v>
      </c>
      <c r="C78754" s="14" t="s">
        <v>59</v>
      </c>
      <c r="D78754" s="14" t="s">
        <v>146</v>
      </c>
      <c r="E78754" s="15">
        <v>45655</v>
      </c>
      <c r="F78754" s="14" t="s">
        <v>61</v>
      </c>
      <c r="G78754" s="16">
        <v>0</v>
      </c>
    </row>
    <row r="78755" spans="1:7" x14ac:dyDescent="0.3">
      <c r="A78755" s="13" t="s">
        <v>401</v>
      </c>
      <c r="B78755" s="14" t="s">
        <v>1</v>
      </c>
      <c r="C78755" s="14" t="s">
        <v>59</v>
      </c>
      <c r="D78755" s="14" t="s">
        <v>146</v>
      </c>
      <c r="E78755" s="15">
        <v>45656</v>
      </c>
      <c r="F78755" s="14" t="s">
        <v>61</v>
      </c>
      <c r="G78755" s="16">
        <v>0</v>
      </c>
    </row>
    <row r="78756" spans="1:7" x14ac:dyDescent="0.3">
      <c r="A78756" s="13" t="s">
        <v>401</v>
      </c>
      <c r="B78756" s="14" t="s">
        <v>1</v>
      </c>
      <c r="C78756" s="14" t="s">
        <v>59</v>
      </c>
      <c r="D78756" s="14" t="s">
        <v>146</v>
      </c>
      <c r="E78756" s="15">
        <v>45657</v>
      </c>
      <c r="F78756" s="14" t="s">
        <v>61</v>
      </c>
      <c r="G78756" s="16">
        <v>0</v>
      </c>
    </row>
    <row r="78757" spans="1:7" x14ac:dyDescent="0.3">
      <c r="A78757" s="13" t="s">
        <v>401</v>
      </c>
      <c r="B78757" s="14" t="s">
        <v>1</v>
      </c>
      <c r="C78757" s="14" t="s">
        <v>59</v>
      </c>
      <c r="D78757" s="14" t="s">
        <v>146</v>
      </c>
      <c r="E78757" s="15">
        <v>45658</v>
      </c>
      <c r="F78757" s="14" t="s">
        <v>61</v>
      </c>
      <c r="G78757" s="16">
        <v>0</v>
      </c>
    </row>
    <row r="78758" spans="1:7" x14ac:dyDescent="0.3">
      <c r="A78758" s="13" t="s">
        <v>401</v>
      </c>
      <c r="B78758" s="14" t="s">
        <v>1</v>
      </c>
      <c r="C78758" s="14" t="s">
        <v>59</v>
      </c>
      <c r="D78758" s="14" t="s">
        <v>146</v>
      </c>
      <c r="E78758" s="15">
        <v>45659</v>
      </c>
      <c r="F78758" s="14" t="s">
        <v>61</v>
      </c>
      <c r="G78758" s="16">
        <v>0</v>
      </c>
    </row>
    <row r="78759" spans="1:7" x14ac:dyDescent="0.3">
      <c r="A78759" s="13" t="s">
        <v>401</v>
      </c>
      <c r="B78759" s="14" t="s">
        <v>1</v>
      </c>
      <c r="C78759" s="14" t="s">
        <v>59</v>
      </c>
      <c r="D78759" s="14" t="s">
        <v>146</v>
      </c>
      <c r="E78759" s="15">
        <v>45660</v>
      </c>
      <c r="F78759" s="14" t="s">
        <v>61</v>
      </c>
      <c r="G78759" s="16">
        <v>0</v>
      </c>
    </row>
    <row r="78760" spans="1:7" x14ac:dyDescent="0.3">
      <c r="A78760" s="13" t="s">
        <v>401</v>
      </c>
      <c r="B78760" s="14" t="s">
        <v>1</v>
      </c>
      <c r="C78760" s="14" t="s">
        <v>59</v>
      </c>
      <c r="D78760" s="14" t="s">
        <v>146</v>
      </c>
      <c r="E78760" s="15">
        <v>45661</v>
      </c>
      <c r="F78760" s="14" t="s">
        <v>61</v>
      </c>
      <c r="G78760" s="16">
        <v>0</v>
      </c>
    </row>
    <row r="78761" spans="1:7" x14ac:dyDescent="0.3">
      <c r="A78761" s="13" t="s">
        <v>401</v>
      </c>
      <c r="B78761" s="14" t="s">
        <v>1</v>
      </c>
      <c r="C78761" s="14" t="s">
        <v>59</v>
      </c>
      <c r="D78761" s="14" t="s">
        <v>146</v>
      </c>
      <c r="E78761" s="15">
        <v>45662</v>
      </c>
      <c r="F78761" s="14" t="s">
        <v>61</v>
      </c>
      <c r="G78761" s="16">
        <v>0</v>
      </c>
    </row>
    <row r="78762" spans="1:7" x14ac:dyDescent="0.3">
      <c r="A78762" s="13" t="s">
        <v>401</v>
      </c>
      <c r="B78762" s="14" t="s">
        <v>1</v>
      </c>
      <c r="C78762" s="14" t="s">
        <v>59</v>
      </c>
      <c r="D78762" s="14" t="s">
        <v>146</v>
      </c>
      <c r="E78762" s="15">
        <v>45663</v>
      </c>
      <c r="F78762" s="14" t="s">
        <v>61</v>
      </c>
      <c r="G78762" s="16">
        <v>0</v>
      </c>
    </row>
    <row r="78763" spans="1:7" x14ac:dyDescent="0.3">
      <c r="A78763" s="13" t="s">
        <v>401</v>
      </c>
      <c r="B78763" s="14" t="s">
        <v>1</v>
      </c>
      <c r="C78763" s="14" t="s">
        <v>59</v>
      </c>
      <c r="D78763" s="14" t="s">
        <v>146</v>
      </c>
      <c r="E78763" s="15">
        <v>45664</v>
      </c>
      <c r="F78763" s="14" t="s">
        <v>61</v>
      </c>
      <c r="G78763" s="16">
        <v>0</v>
      </c>
    </row>
    <row r="78764" spans="1:7" x14ac:dyDescent="0.3">
      <c r="A78764" s="13" t="s">
        <v>401</v>
      </c>
      <c r="B78764" s="14" t="s">
        <v>1</v>
      </c>
      <c r="C78764" s="14" t="s">
        <v>59</v>
      </c>
      <c r="D78764" s="14" t="s">
        <v>146</v>
      </c>
      <c r="E78764" s="15">
        <v>45665</v>
      </c>
      <c r="F78764" s="14" t="s">
        <v>61</v>
      </c>
      <c r="G78764" s="16">
        <v>0</v>
      </c>
    </row>
    <row r="78765" spans="1:7" x14ac:dyDescent="0.3">
      <c r="A78765" s="13" t="s">
        <v>401</v>
      </c>
      <c r="B78765" s="14" t="s">
        <v>1</v>
      </c>
      <c r="C78765" s="14" t="s">
        <v>59</v>
      </c>
      <c r="D78765" s="14" t="s">
        <v>146</v>
      </c>
      <c r="E78765" s="15">
        <v>45666</v>
      </c>
      <c r="F78765" s="14" t="s">
        <v>61</v>
      </c>
      <c r="G78765" s="16">
        <v>0</v>
      </c>
    </row>
    <row r="78766" spans="1:7" x14ac:dyDescent="0.3">
      <c r="A78766" s="13" t="s">
        <v>401</v>
      </c>
      <c r="B78766" s="14" t="s">
        <v>1</v>
      </c>
      <c r="C78766" s="14" t="s">
        <v>59</v>
      </c>
      <c r="D78766" s="14" t="s">
        <v>146</v>
      </c>
      <c r="E78766" s="15">
        <v>45667</v>
      </c>
      <c r="F78766" s="14" t="s">
        <v>61</v>
      </c>
      <c r="G78766" s="16">
        <v>0</v>
      </c>
    </row>
    <row r="78767" spans="1:7" x14ac:dyDescent="0.3">
      <c r="A78767" s="13" t="s">
        <v>401</v>
      </c>
      <c r="B78767" s="14" t="s">
        <v>1</v>
      </c>
      <c r="C78767" s="14" t="s">
        <v>59</v>
      </c>
      <c r="D78767" s="14" t="s">
        <v>146</v>
      </c>
      <c r="E78767" s="15">
        <v>45668</v>
      </c>
      <c r="F78767" s="14" t="s">
        <v>61</v>
      </c>
      <c r="G78767" s="16">
        <v>0</v>
      </c>
    </row>
    <row r="78768" spans="1:7" x14ac:dyDescent="0.3">
      <c r="A78768" s="13" t="s">
        <v>401</v>
      </c>
      <c r="B78768" s="14" t="s">
        <v>1</v>
      </c>
      <c r="C78768" s="14" t="s">
        <v>59</v>
      </c>
      <c r="D78768" s="14" t="s">
        <v>146</v>
      </c>
      <c r="E78768" s="15">
        <v>45669</v>
      </c>
      <c r="F78768" s="14" t="s">
        <v>61</v>
      </c>
      <c r="G78768" s="16">
        <v>0</v>
      </c>
    </row>
    <row r="78769" spans="1:7" x14ac:dyDescent="0.3">
      <c r="A78769" s="13" t="s">
        <v>401</v>
      </c>
      <c r="B78769" s="14" t="s">
        <v>1</v>
      </c>
      <c r="C78769" s="14" t="s">
        <v>59</v>
      </c>
      <c r="D78769" s="14" t="s">
        <v>146</v>
      </c>
      <c r="E78769" s="15">
        <v>45670</v>
      </c>
      <c r="F78769" s="14" t="s">
        <v>61</v>
      </c>
      <c r="G78769" s="16">
        <v>0</v>
      </c>
    </row>
    <row r="78770" spans="1:7" x14ac:dyDescent="0.3">
      <c r="A78770" s="13" t="s">
        <v>401</v>
      </c>
      <c r="B78770" s="14" t="s">
        <v>1</v>
      </c>
      <c r="C78770" s="14" t="s">
        <v>59</v>
      </c>
      <c r="D78770" s="14" t="s">
        <v>146</v>
      </c>
      <c r="E78770" s="15">
        <v>45671</v>
      </c>
      <c r="F78770" s="14" t="s">
        <v>61</v>
      </c>
      <c r="G78770" s="16">
        <v>0</v>
      </c>
    </row>
    <row r="78771" spans="1:7" x14ac:dyDescent="0.3">
      <c r="A78771" s="13" t="s">
        <v>401</v>
      </c>
      <c r="B78771" s="14" t="s">
        <v>1</v>
      </c>
      <c r="C78771" s="14" t="s">
        <v>59</v>
      </c>
      <c r="D78771" s="14" t="s">
        <v>146</v>
      </c>
      <c r="E78771" s="15">
        <v>45672</v>
      </c>
      <c r="F78771" s="14" t="s">
        <v>61</v>
      </c>
      <c r="G78771" s="16">
        <v>0</v>
      </c>
    </row>
    <row r="78772" spans="1:7" x14ac:dyDescent="0.3">
      <c r="A78772" s="13" t="s">
        <v>401</v>
      </c>
      <c r="B78772" s="14" t="s">
        <v>1</v>
      </c>
      <c r="C78772" s="14" t="s">
        <v>59</v>
      </c>
      <c r="D78772" s="14" t="s">
        <v>146</v>
      </c>
      <c r="E78772" s="15">
        <v>45673</v>
      </c>
      <c r="F78772" s="14" t="s">
        <v>61</v>
      </c>
      <c r="G78772" s="16">
        <v>0</v>
      </c>
    </row>
    <row r="78773" spans="1:7" x14ac:dyDescent="0.3">
      <c r="A78773" s="13" t="s">
        <v>401</v>
      </c>
      <c r="B78773" s="14" t="s">
        <v>1</v>
      </c>
      <c r="C78773" s="14" t="s">
        <v>59</v>
      </c>
      <c r="D78773" s="14" t="s">
        <v>146</v>
      </c>
      <c r="E78773" s="15">
        <v>45674</v>
      </c>
      <c r="F78773" s="14" t="s">
        <v>61</v>
      </c>
      <c r="G78773" s="16">
        <v>0</v>
      </c>
    </row>
    <row r="78774" spans="1:7" x14ac:dyDescent="0.3">
      <c r="A78774" s="13" t="s">
        <v>401</v>
      </c>
      <c r="B78774" s="14" t="s">
        <v>1</v>
      </c>
      <c r="C78774" s="14" t="s">
        <v>59</v>
      </c>
      <c r="D78774" s="14" t="s">
        <v>146</v>
      </c>
      <c r="E78774" s="15">
        <v>45675</v>
      </c>
      <c r="F78774" s="14" t="s">
        <v>61</v>
      </c>
      <c r="G78774" s="16">
        <v>0</v>
      </c>
    </row>
    <row r="78775" spans="1:7" x14ac:dyDescent="0.3">
      <c r="A78775" s="13" t="s">
        <v>401</v>
      </c>
      <c r="B78775" s="14" t="s">
        <v>1</v>
      </c>
      <c r="C78775" s="14" t="s">
        <v>59</v>
      </c>
      <c r="D78775" s="14" t="s">
        <v>146</v>
      </c>
      <c r="E78775" s="15">
        <v>45676</v>
      </c>
      <c r="F78775" s="14" t="s">
        <v>61</v>
      </c>
      <c r="G78775" s="16">
        <v>0</v>
      </c>
    </row>
    <row r="78776" spans="1:7" x14ac:dyDescent="0.3">
      <c r="A78776" s="13" t="s">
        <v>401</v>
      </c>
      <c r="B78776" s="14" t="s">
        <v>1</v>
      </c>
      <c r="C78776" s="14" t="s">
        <v>59</v>
      </c>
      <c r="D78776" s="14" t="s">
        <v>146</v>
      </c>
      <c r="E78776" s="15">
        <v>45677</v>
      </c>
      <c r="F78776" s="14" t="s">
        <v>61</v>
      </c>
      <c r="G78776" s="16">
        <v>0</v>
      </c>
    </row>
    <row r="78777" spans="1:7" x14ac:dyDescent="0.3">
      <c r="A78777" s="13" t="s">
        <v>401</v>
      </c>
      <c r="B78777" s="14" t="s">
        <v>1</v>
      </c>
      <c r="C78777" s="14" t="s">
        <v>59</v>
      </c>
      <c r="D78777" s="14" t="s">
        <v>146</v>
      </c>
      <c r="E78777" s="15">
        <v>45678</v>
      </c>
      <c r="F78777" s="14" t="s">
        <v>61</v>
      </c>
      <c r="G78777" s="16">
        <v>0</v>
      </c>
    </row>
    <row r="78778" spans="1:7" x14ac:dyDescent="0.3">
      <c r="A78778" s="13" t="s">
        <v>401</v>
      </c>
      <c r="B78778" s="14" t="s">
        <v>1</v>
      </c>
      <c r="C78778" s="14" t="s">
        <v>59</v>
      </c>
      <c r="D78778" s="14" t="s">
        <v>146</v>
      </c>
      <c r="E78778" s="15">
        <v>45679</v>
      </c>
      <c r="F78778" s="14" t="s">
        <v>61</v>
      </c>
      <c r="G78778" s="16">
        <v>0</v>
      </c>
    </row>
    <row r="78779" spans="1:7" x14ac:dyDescent="0.3">
      <c r="A78779" s="13" t="s">
        <v>401</v>
      </c>
      <c r="B78779" s="14" t="s">
        <v>1</v>
      </c>
      <c r="C78779" s="14" t="s">
        <v>59</v>
      </c>
      <c r="D78779" s="14" t="s">
        <v>146</v>
      </c>
      <c r="E78779" s="15">
        <v>45680</v>
      </c>
      <c r="F78779" s="14" t="s">
        <v>61</v>
      </c>
      <c r="G78779" s="16">
        <v>0</v>
      </c>
    </row>
    <row r="78780" spans="1:7" x14ac:dyDescent="0.3">
      <c r="A78780" s="13" t="s">
        <v>401</v>
      </c>
      <c r="B78780" s="14" t="s">
        <v>1</v>
      </c>
      <c r="C78780" s="14" t="s">
        <v>59</v>
      </c>
      <c r="D78780" s="14" t="s">
        <v>146</v>
      </c>
      <c r="E78780" s="15">
        <v>45681</v>
      </c>
      <c r="F78780" s="14" t="s">
        <v>61</v>
      </c>
      <c r="G78780" s="16">
        <v>0</v>
      </c>
    </row>
    <row r="78781" spans="1:7" x14ac:dyDescent="0.3">
      <c r="A78781" s="13" t="s">
        <v>401</v>
      </c>
      <c r="B78781" s="14" t="s">
        <v>1</v>
      </c>
      <c r="C78781" s="14" t="s">
        <v>59</v>
      </c>
      <c r="D78781" s="14" t="s">
        <v>146</v>
      </c>
      <c r="E78781" s="15">
        <v>45682</v>
      </c>
      <c r="F78781" s="14" t="s">
        <v>61</v>
      </c>
      <c r="G78781" s="16">
        <v>0</v>
      </c>
    </row>
    <row r="78782" spans="1:7" x14ac:dyDescent="0.3">
      <c r="A78782" s="13" t="s">
        <v>401</v>
      </c>
      <c r="B78782" s="14" t="s">
        <v>1</v>
      </c>
      <c r="C78782" s="14" t="s">
        <v>59</v>
      </c>
      <c r="D78782" s="14" t="s">
        <v>146</v>
      </c>
      <c r="E78782" s="15">
        <v>45683</v>
      </c>
      <c r="F78782" s="14" t="s">
        <v>61</v>
      </c>
      <c r="G78782" s="16">
        <v>0</v>
      </c>
    </row>
    <row r="78783" spans="1:7" x14ac:dyDescent="0.3">
      <c r="A78783" s="13" t="s">
        <v>401</v>
      </c>
      <c r="B78783" s="14" t="s">
        <v>1</v>
      </c>
      <c r="C78783" s="14" t="s">
        <v>59</v>
      </c>
      <c r="D78783" s="14" t="s">
        <v>146</v>
      </c>
      <c r="E78783" s="15">
        <v>45684</v>
      </c>
      <c r="F78783" s="14" t="s">
        <v>61</v>
      </c>
      <c r="G78783" s="16">
        <v>0</v>
      </c>
    </row>
    <row r="78784" spans="1:7" x14ac:dyDescent="0.3">
      <c r="A78784" s="13" t="s">
        <v>401</v>
      </c>
      <c r="B78784" s="14" t="s">
        <v>1</v>
      </c>
      <c r="C78784" s="14" t="s">
        <v>59</v>
      </c>
      <c r="D78784" s="14" t="s">
        <v>146</v>
      </c>
      <c r="E78784" s="15">
        <v>45685</v>
      </c>
      <c r="F78784" s="14" t="s">
        <v>61</v>
      </c>
      <c r="G78784" s="16">
        <v>0</v>
      </c>
    </row>
    <row r="78785" spans="1:7" x14ac:dyDescent="0.3">
      <c r="A78785" s="13" t="s">
        <v>401</v>
      </c>
      <c r="B78785" s="14" t="s">
        <v>1</v>
      </c>
      <c r="C78785" s="14" t="s">
        <v>59</v>
      </c>
      <c r="D78785" s="14" t="s">
        <v>146</v>
      </c>
      <c r="E78785" s="15">
        <v>45686</v>
      </c>
      <c r="F78785" s="14" t="s">
        <v>61</v>
      </c>
      <c r="G78785" s="16">
        <v>0</v>
      </c>
    </row>
    <row r="78786" spans="1:7" x14ac:dyDescent="0.3">
      <c r="A78786" s="13" t="s">
        <v>401</v>
      </c>
      <c r="B78786" s="14" t="s">
        <v>1</v>
      </c>
      <c r="C78786" s="14" t="s">
        <v>59</v>
      </c>
      <c r="D78786" s="14" t="s">
        <v>146</v>
      </c>
      <c r="E78786" s="15">
        <v>45687</v>
      </c>
      <c r="F78786" s="14" t="s">
        <v>61</v>
      </c>
      <c r="G78786" s="16">
        <v>0</v>
      </c>
    </row>
    <row r="78787" spans="1:7" x14ac:dyDescent="0.3">
      <c r="A78787" s="13" t="s">
        <v>401</v>
      </c>
      <c r="B78787" s="14" t="s">
        <v>1</v>
      </c>
      <c r="C78787" s="14" t="s">
        <v>59</v>
      </c>
      <c r="D78787" s="14" t="s">
        <v>146</v>
      </c>
      <c r="E78787" s="15">
        <v>45688</v>
      </c>
      <c r="F78787" s="14" t="s">
        <v>61</v>
      </c>
      <c r="G78787" s="16">
        <v>0</v>
      </c>
    </row>
    <row r="78788" spans="1:7" x14ac:dyDescent="0.3">
      <c r="A78788" s="13" t="s">
        <v>401</v>
      </c>
      <c r="B78788" s="14" t="s">
        <v>1</v>
      </c>
      <c r="C78788" s="14" t="s">
        <v>59</v>
      </c>
      <c r="D78788" s="14" t="s">
        <v>146</v>
      </c>
      <c r="E78788" s="15">
        <v>45689</v>
      </c>
      <c r="F78788" s="14" t="s">
        <v>61</v>
      </c>
      <c r="G78788" s="16">
        <v>0</v>
      </c>
    </row>
    <row r="78789" spans="1:7" x14ac:dyDescent="0.3">
      <c r="A78789" s="13" t="s">
        <v>401</v>
      </c>
      <c r="B78789" s="14" t="s">
        <v>1</v>
      </c>
      <c r="C78789" s="14" t="s">
        <v>59</v>
      </c>
      <c r="D78789" s="14" t="s">
        <v>146</v>
      </c>
      <c r="E78789" s="15">
        <v>45690</v>
      </c>
      <c r="F78789" s="14" t="s">
        <v>61</v>
      </c>
      <c r="G78789" s="16">
        <v>0</v>
      </c>
    </row>
    <row r="78790" spans="1:7" x14ac:dyDescent="0.3">
      <c r="A78790" s="13" t="s">
        <v>401</v>
      </c>
      <c r="B78790" s="14" t="s">
        <v>1</v>
      </c>
      <c r="C78790" s="14" t="s">
        <v>59</v>
      </c>
      <c r="D78790" s="14" t="s">
        <v>146</v>
      </c>
      <c r="E78790" s="15">
        <v>45691</v>
      </c>
      <c r="F78790" s="14" t="s">
        <v>61</v>
      </c>
      <c r="G78790" s="16">
        <v>0</v>
      </c>
    </row>
    <row r="78791" spans="1:7" x14ac:dyDescent="0.3">
      <c r="A78791" s="13" t="s">
        <v>401</v>
      </c>
      <c r="B78791" s="14" t="s">
        <v>1</v>
      </c>
      <c r="C78791" s="14" t="s">
        <v>59</v>
      </c>
      <c r="D78791" s="14" t="s">
        <v>146</v>
      </c>
      <c r="E78791" s="15">
        <v>45692</v>
      </c>
      <c r="F78791" s="14" t="s">
        <v>61</v>
      </c>
      <c r="G78791" s="16">
        <v>0</v>
      </c>
    </row>
    <row r="78792" spans="1:7" x14ac:dyDescent="0.3">
      <c r="A78792" s="13" t="s">
        <v>401</v>
      </c>
      <c r="B78792" s="14" t="s">
        <v>1</v>
      </c>
      <c r="C78792" s="14" t="s">
        <v>59</v>
      </c>
      <c r="D78792" s="14" t="s">
        <v>146</v>
      </c>
      <c r="E78792" s="15">
        <v>45693</v>
      </c>
      <c r="F78792" s="14" t="s">
        <v>61</v>
      </c>
      <c r="G78792" s="16">
        <v>0</v>
      </c>
    </row>
    <row r="78793" spans="1:7" x14ac:dyDescent="0.3">
      <c r="A78793" s="13" t="s">
        <v>401</v>
      </c>
      <c r="B78793" s="14" t="s">
        <v>1</v>
      </c>
      <c r="C78793" s="14" t="s">
        <v>59</v>
      </c>
      <c r="D78793" s="14" t="s">
        <v>146</v>
      </c>
      <c r="E78793" s="15">
        <v>45694</v>
      </c>
      <c r="F78793" s="14" t="s">
        <v>61</v>
      </c>
      <c r="G78793" s="16">
        <v>0</v>
      </c>
    </row>
    <row r="78794" spans="1:7" x14ac:dyDescent="0.3">
      <c r="A78794" s="13" t="s">
        <v>401</v>
      </c>
      <c r="B78794" s="14" t="s">
        <v>1</v>
      </c>
      <c r="C78794" s="14" t="s">
        <v>59</v>
      </c>
      <c r="D78794" s="14" t="s">
        <v>146</v>
      </c>
      <c r="E78794" s="15">
        <v>45695</v>
      </c>
      <c r="F78794" s="14" t="s">
        <v>61</v>
      </c>
      <c r="G78794" s="16">
        <v>0</v>
      </c>
    </row>
    <row r="78795" spans="1:7" x14ac:dyDescent="0.3">
      <c r="A78795" s="13" t="s">
        <v>401</v>
      </c>
      <c r="B78795" s="14" t="s">
        <v>1</v>
      </c>
      <c r="C78795" s="14" t="s">
        <v>59</v>
      </c>
      <c r="D78795" s="14" t="s">
        <v>146</v>
      </c>
      <c r="E78795" s="15">
        <v>45696</v>
      </c>
      <c r="F78795" s="14" t="s">
        <v>61</v>
      </c>
      <c r="G78795" s="16">
        <v>0</v>
      </c>
    </row>
    <row r="78796" spans="1:7" x14ac:dyDescent="0.3">
      <c r="A78796" s="13" t="s">
        <v>401</v>
      </c>
      <c r="B78796" s="14" t="s">
        <v>1</v>
      </c>
      <c r="C78796" s="14" t="s">
        <v>59</v>
      </c>
      <c r="D78796" s="14" t="s">
        <v>146</v>
      </c>
      <c r="E78796" s="15">
        <v>45697</v>
      </c>
      <c r="F78796" s="14" t="s">
        <v>61</v>
      </c>
      <c r="G78796" s="16">
        <v>0</v>
      </c>
    </row>
    <row r="78797" spans="1:7" x14ac:dyDescent="0.3">
      <c r="A78797" s="13" t="s">
        <v>401</v>
      </c>
      <c r="B78797" s="14" t="s">
        <v>1</v>
      </c>
      <c r="C78797" s="14" t="s">
        <v>59</v>
      </c>
      <c r="D78797" s="14" t="s">
        <v>146</v>
      </c>
      <c r="E78797" s="15">
        <v>45698</v>
      </c>
      <c r="F78797" s="14" t="s">
        <v>61</v>
      </c>
      <c r="G78797" s="16">
        <v>0</v>
      </c>
    </row>
    <row r="78798" spans="1:7" x14ac:dyDescent="0.3">
      <c r="A78798" s="13" t="s">
        <v>401</v>
      </c>
      <c r="B78798" s="14" t="s">
        <v>1</v>
      </c>
      <c r="C78798" s="14" t="s">
        <v>59</v>
      </c>
      <c r="D78798" s="14" t="s">
        <v>146</v>
      </c>
      <c r="E78798" s="15">
        <v>45699</v>
      </c>
      <c r="F78798" s="14" t="s">
        <v>61</v>
      </c>
      <c r="G78798" s="16">
        <v>0</v>
      </c>
    </row>
    <row r="78799" spans="1:7" x14ac:dyDescent="0.3">
      <c r="A78799" s="13" t="s">
        <v>401</v>
      </c>
      <c r="B78799" s="14" t="s">
        <v>1</v>
      </c>
      <c r="C78799" s="14" t="s">
        <v>59</v>
      </c>
      <c r="D78799" s="14" t="s">
        <v>146</v>
      </c>
      <c r="E78799" s="15">
        <v>45700</v>
      </c>
      <c r="F78799" s="14" t="s">
        <v>61</v>
      </c>
      <c r="G78799" s="16">
        <v>0</v>
      </c>
    </row>
    <row r="78800" spans="1:7" x14ac:dyDescent="0.3">
      <c r="A78800" s="13" t="s">
        <v>401</v>
      </c>
      <c r="B78800" s="14" t="s">
        <v>1</v>
      </c>
      <c r="C78800" s="14" t="s">
        <v>59</v>
      </c>
      <c r="D78800" s="14" t="s">
        <v>146</v>
      </c>
      <c r="E78800" s="15">
        <v>45701</v>
      </c>
      <c r="F78800" s="14" t="s">
        <v>61</v>
      </c>
      <c r="G78800" s="16">
        <v>0</v>
      </c>
    </row>
    <row r="78801" spans="1:7" x14ac:dyDescent="0.3">
      <c r="A78801" s="13" t="s">
        <v>401</v>
      </c>
      <c r="B78801" s="14" t="s">
        <v>1</v>
      </c>
      <c r="C78801" s="14" t="s">
        <v>59</v>
      </c>
      <c r="D78801" s="14" t="s">
        <v>146</v>
      </c>
      <c r="E78801" s="15">
        <v>45702</v>
      </c>
      <c r="F78801" s="14" t="s">
        <v>61</v>
      </c>
      <c r="G78801" s="16">
        <v>0</v>
      </c>
    </row>
    <row r="78802" spans="1:7" x14ac:dyDescent="0.3">
      <c r="A78802" s="13" t="s">
        <v>401</v>
      </c>
      <c r="B78802" s="14" t="s">
        <v>1</v>
      </c>
      <c r="C78802" s="14" t="s">
        <v>59</v>
      </c>
      <c r="D78802" s="14" t="s">
        <v>146</v>
      </c>
      <c r="E78802" s="15">
        <v>45703</v>
      </c>
      <c r="F78802" s="14" t="s">
        <v>61</v>
      </c>
      <c r="G78802" s="16">
        <v>0</v>
      </c>
    </row>
    <row r="78803" spans="1:7" x14ac:dyDescent="0.3">
      <c r="A78803" s="13" t="s">
        <v>401</v>
      </c>
      <c r="B78803" s="14" t="s">
        <v>1</v>
      </c>
      <c r="C78803" s="14" t="s">
        <v>59</v>
      </c>
      <c r="D78803" s="14" t="s">
        <v>146</v>
      </c>
      <c r="E78803" s="15">
        <v>45704</v>
      </c>
      <c r="F78803" s="14" t="s">
        <v>61</v>
      </c>
      <c r="G78803" s="16">
        <v>0</v>
      </c>
    </row>
    <row r="78804" spans="1:7" x14ac:dyDescent="0.3">
      <c r="A78804" s="13" t="s">
        <v>401</v>
      </c>
      <c r="B78804" s="14" t="s">
        <v>1</v>
      </c>
      <c r="C78804" s="14" t="s">
        <v>59</v>
      </c>
      <c r="D78804" s="14" t="s">
        <v>146</v>
      </c>
      <c r="E78804" s="15">
        <v>45705</v>
      </c>
      <c r="F78804" s="14" t="s">
        <v>61</v>
      </c>
      <c r="G78804" s="16">
        <v>0</v>
      </c>
    </row>
    <row r="78805" spans="1:7" x14ac:dyDescent="0.3">
      <c r="A78805" s="13" t="s">
        <v>401</v>
      </c>
      <c r="B78805" s="14" t="s">
        <v>1</v>
      </c>
      <c r="C78805" s="14" t="s">
        <v>59</v>
      </c>
      <c r="D78805" s="14" t="s">
        <v>146</v>
      </c>
      <c r="E78805" s="15">
        <v>45706</v>
      </c>
      <c r="F78805" s="14" t="s">
        <v>61</v>
      </c>
      <c r="G78805" s="16">
        <v>0</v>
      </c>
    </row>
    <row r="78806" spans="1:7" x14ac:dyDescent="0.3">
      <c r="A78806" s="13" t="s">
        <v>401</v>
      </c>
      <c r="B78806" s="14" t="s">
        <v>1</v>
      </c>
      <c r="C78806" s="14" t="s">
        <v>59</v>
      </c>
      <c r="D78806" s="14" t="s">
        <v>146</v>
      </c>
      <c r="E78806" s="15">
        <v>45707</v>
      </c>
      <c r="F78806" s="14" t="s">
        <v>61</v>
      </c>
      <c r="G78806" s="16">
        <v>0</v>
      </c>
    </row>
    <row r="78807" spans="1:7" x14ac:dyDescent="0.3">
      <c r="A78807" s="13" t="s">
        <v>401</v>
      </c>
      <c r="B78807" s="14" t="s">
        <v>1</v>
      </c>
      <c r="C78807" s="14" t="s">
        <v>59</v>
      </c>
      <c r="D78807" s="14" t="s">
        <v>146</v>
      </c>
      <c r="E78807" s="15">
        <v>45708</v>
      </c>
      <c r="F78807" s="14" t="s">
        <v>61</v>
      </c>
      <c r="G78807" s="16">
        <v>0</v>
      </c>
    </row>
    <row r="78808" spans="1:7" x14ac:dyDescent="0.3">
      <c r="A78808" s="13" t="s">
        <v>401</v>
      </c>
      <c r="B78808" s="14" t="s">
        <v>1</v>
      </c>
      <c r="C78808" s="14" t="s">
        <v>59</v>
      </c>
      <c r="D78808" s="14" t="s">
        <v>146</v>
      </c>
      <c r="E78808" s="15">
        <v>45709</v>
      </c>
      <c r="F78808" s="14" t="s">
        <v>61</v>
      </c>
      <c r="G78808" s="16">
        <v>0</v>
      </c>
    </row>
    <row r="78809" spans="1:7" x14ac:dyDescent="0.3">
      <c r="A78809" s="13" t="s">
        <v>401</v>
      </c>
      <c r="B78809" s="14" t="s">
        <v>1</v>
      </c>
      <c r="C78809" s="14" t="s">
        <v>59</v>
      </c>
      <c r="D78809" s="14" t="s">
        <v>146</v>
      </c>
      <c r="E78809" s="15">
        <v>45710</v>
      </c>
      <c r="F78809" s="14" t="s">
        <v>61</v>
      </c>
      <c r="G78809" s="16">
        <v>0</v>
      </c>
    </row>
    <row r="78810" spans="1:7" x14ac:dyDescent="0.3">
      <c r="A78810" s="13" t="s">
        <v>401</v>
      </c>
      <c r="B78810" s="14" t="s">
        <v>1</v>
      </c>
      <c r="C78810" s="14" t="s">
        <v>59</v>
      </c>
      <c r="D78810" s="14" t="s">
        <v>146</v>
      </c>
      <c r="E78810" s="15">
        <v>45711</v>
      </c>
      <c r="F78810" s="14" t="s">
        <v>61</v>
      </c>
      <c r="G78810" s="16">
        <v>0</v>
      </c>
    </row>
    <row r="78811" spans="1:7" x14ac:dyDescent="0.3">
      <c r="A78811" s="13" t="s">
        <v>401</v>
      </c>
      <c r="B78811" s="14" t="s">
        <v>1</v>
      </c>
      <c r="C78811" s="14" t="s">
        <v>59</v>
      </c>
      <c r="D78811" s="14" t="s">
        <v>146</v>
      </c>
      <c r="E78811" s="15">
        <v>45712</v>
      </c>
      <c r="F78811" s="14" t="s">
        <v>61</v>
      </c>
      <c r="G78811" s="16">
        <v>0</v>
      </c>
    </row>
    <row r="78812" spans="1:7" x14ac:dyDescent="0.3">
      <c r="A78812" s="13" t="s">
        <v>401</v>
      </c>
      <c r="B78812" s="14" t="s">
        <v>1</v>
      </c>
      <c r="C78812" s="14" t="s">
        <v>59</v>
      </c>
      <c r="D78812" s="14" t="s">
        <v>146</v>
      </c>
      <c r="E78812" s="15">
        <v>45713</v>
      </c>
      <c r="F78812" s="14" t="s">
        <v>61</v>
      </c>
      <c r="G78812" s="16">
        <v>0</v>
      </c>
    </row>
    <row r="78813" spans="1:7" x14ac:dyDescent="0.3">
      <c r="A78813" s="13" t="s">
        <v>401</v>
      </c>
      <c r="B78813" s="14" t="s">
        <v>1</v>
      </c>
      <c r="C78813" s="14" t="s">
        <v>59</v>
      </c>
      <c r="D78813" s="14" t="s">
        <v>146</v>
      </c>
      <c r="E78813" s="15">
        <v>45714</v>
      </c>
      <c r="F78813" s="14" t="s">
        <v>61</v>
      </c>
      <c r="G78813" s="16">
        <v>0</v>
      </c>
    </row>
    <row r="78814" spans="1:7" x14ac:dyDescent="0.3">
      <c r="A78814" s="13" t="s">
        <v>401</v>
      </c>
      <c r="B78814" s="14" t="s">
        <v>1</v>
      </c>
      <c r="C78814" s="14" t="s">
        <v>59</v>
      </c>
      <c r="D78814" s="14" t="s">
        <v>146</v>
      </c>
      <c r="E78814" s="15">
        <v>45715</v>
      </c>
      <c r="F78814" s="14" t="s">
        <v>61</v>
      </c>
      <c r="G78814" s="16">
        <v>0</v>
      </c>
    </row>
    <row r="78815" spans="1:7" x14ac:dyDescent="0.3">
      <c r="A78815" s="13" t="s">
        <v>401</v>
      </c>
      <c r="B78815" s="14" t="s">
        <v>1</v>
      </c>
      <c r="C78815" s="14" t="s">
        <v>59</v>
      </c>
      <c r="D78815" s="14" t="s">
        <v>146</v>
      </c>
      <c r="E78815" s="15">
        <v>45716</v>
      </c>
      <c r="F78815" s="14" t="s">
        <v>61</v>
      </c>
      <c r="G78815" s="16">
        <v>0</v>
      </c>
    </row>
    <row r="78816" spans="1:7" x14ac:dyDescent="0.3">
      <c r="A78816" s="13" t="s">
        <v>401</v>
      </c>
      <c r="B78816" s="14" t="s">
        <v>1</v>
      </c>
      <c r="C78816" s="14" t="s">
        <v>59</v>
      </c>
      <c r="D78816" s="14" t="s">
        <v>146</v>
      </c>
      <c r="E78816" s="15">
        <v>45717</v>
      </c>
      <c r="F78816" s="14" t="s">
        <v>61</v>
      </c>
      <c r="G78816" s="16">
        <v>0</v>
      </c>
    </row>
    <row r="78817" spans="1:7" x14ac:dyDescent="0.3">
      <c r="A78817" s="13" t="s">
        <v>401</v>
      </c>
      <c r="B78817" s="14" t="s">
        <v>1</v>
      </c>
      <c r="C78817" s="14" t="s">
        <v>59</v>
      </c>
      <c r="D78817" s="14" t="s">
        <v>146</v>
      </c>
      <c r="E78817" s="15">
        <v>45718</v>
      </c>
      <c r="F78817" s="14" t="s">
        <v>61</v>
      </c>
      <c r="G78817" s="16">
        <v>0</v>
      </c>
    </row>
    <row r="78818" spans="1:7" x14ac:dyDescent="0.3">
      <c r="A78818" s="13" t="s">
        <v>401</v>
      </c>
      <c r="B78818" s="14" t="s">
        <v>1</v>
      </c>
      <c r="C78818" s="14" t="s">
        <v>59</v>
      </c>
      <c r="D78818" s="14" t="s">
        <v>146</v>
      </c>
      <c r="E78818" s="15">
        <v>45719</v>
      </c>
      <c r="F78818" s="14" t="s">
        <v>61</v>
      </c>
      <c r="G78818" s="16">
        <v>0</v>
      </c>
    </row>
    <row r="78819" spans="1:7" x14ac:dyDescent="0.3">
      <c r="A78819" s="13" t="s">
        <v>401</v>
      </c>
      <c r="B78819" s="14" t="s">
        <v>1</v>
      </c>
      <c r="C78819" s="14" t="s">
        <v>59</v>
      </c>
      <c r="D78819" s="14" t="s">
        <v>146</v>
      </c>
      <c r="E78819" s="15">
        <v>45720</v>
      </c>
      <c r="F78819" s="14" t="s">
        <v>61</v>
      </c>
      <c r="G78819" s="16">
        <v>0</v>
      </c>
    </row>
    <row r="78820" spans="1:7" x14ac:dyDescent="0.3">
      <c r="A78820" s="13" t="s">
        <v>401</v>
      </c>
      <c r="B78820" s="14" t="s">
        <v>1</v>
      </c>
      <c r="C78820" s="14" t="s">
        <v>59</v>
      </c>
      <c r="D78820" s="14" t="s">
        <v>146</v>
      </c>
      <c r="E78820" s="15">
        <v>45721</v>
      </c>
      <c r="F78820" s="14" t="s">
        <v>61</v>
      </c>
      <c r="G78820" s="16">
        <v>0</v>
      </c>
    </row>
    <row r="78821" spans="1:7" x14ac:dyDescent="0.3">
      <c r="A78821" s="13" t="s">
        <v>401</v>
      </c>
      <c r="B78821" s="14" t="s">
        <v>1</v>
      </c>
      <c r="C78821" s="14" t="s">
        <v>59</v>
      </c>
      <c r="D78821" s="14" t="s">
        <v>146</v>
      </c>
      <c r="E78821" s="15">
        <v>45722</v>
      </c>
      <c r="F78821" s="14" t="s">
        <v>61</v>
      </c>
      <c r="G78821" s="16">
        <v>0</v>
      </c>
    </row>
    <row r="78822" spans="1:7" x14ac:dyDescent="0.3">
      <c r="A78822" s="13" t="s">
        <v>401</v>
      </c>
      <c r="B78822" s="14" t="s">
        <v>1</v>
      </c>
      <c r="C78822" s="14" t="s">
        <v>59</v>
      </c>
      <c r="D78822" s="14" t="s">
        <v>146</v>
      </c>
      <c r="E78822" s="15">
        <v>45723</v>
      </c>
      <c r="F78822" s="14" t="s">
        <v>61</v>
      </c>
      <c r="G78822" s="16">
        <v>0</v>
      </c>
    </row>
    <row r="78823" spans="1:7" x14ac:dyDescent="0.3">
      <c r="A78823" s="13" t="s">
        <v>401</v>
      </c>
      <c r="B78823" s="14" t="s">
        <v>1</v>
      </c>
      <c r="C78823" s="14" t="s">
        <v>59</v>
      </c>
      <c r="D78823" s="14" t="s">
        <v>146</v>
      </c>
      <c r="E78823" s="15">
        <v>45724</v>
      </c>
      <c r="F78823" s="14" t="s">
        <v>61</v>
      </c>
      <c r="G78823" s="16">
        <v>0</v>
      </c>
    </row>
    <row r="78824" spans="1:7" x14ac:dyDescent="0.3">
      <c r="A78824" s="13" t="s">
        <v>401</v>
      </c>
      <c r="B78824" s="14" t="s">
        <v>1</v>
      </c>
      <c r="C78824" s="14" t="s">
        <v>59</v>
      </c>
      <c r="D78824" s="14" t="s">
        <v>146</v>
      </c>
      <c r="E78824" s="15">
        <v>45725</v>
      </c>
      <c r="F78824" s="14" t="s">
        <v>61</v>
      </c>
      <c r="G78824" s="16">
        <v>0</v>
      </c>
    </row>
    <row r="78825" spans="1:7" x14ac:dyDescent="0.3">
      <c r="A78825" s="13" t="s">
        <v>401</v>
      </c>
      <c r="B78825" s="14" t="s">
        <v>1</v>
      </c>
      <c r="C78825" s="14" t="s">
        <v>59</v>
      </c>
      <c r="D78825" s="14" t="s">
        <v>146</v>
      </c>
      <c r="E78825" s="15">
        <v>45726</v>
      </c>
      <c r="F78825" s="14" t="s">
        <v>61</v>
      </c>
      <c r="G78825" s="16">
        <v>0</v>
      </c>
    </row>
    <row r="78826" spans="1:7" x14ac:dyDescent="0.3">
      <c r="A78826" s="13" t="s">
        <v>401</v>
      </c>
      <c r="B78826" s="14" t="s">
        <v>1</v>
      </c>
      <c r="C78826" s="14" t="s">
        <v>59</v>
      </c>
      <c r="D78826" s="14" t="s">
        <v>146</v>
      </c>
      <c r="E78826" s="15">
        <v>45727</v>
      </c>
      <c r="F78826" s="14" t="s">
        <v>61</v>
      </c>
      <c r="G78826" s="16">
        <v>0</v>
      </c>
    </row>
    <row r="78827" spans="1:7" x14ac:dyDescent="0.3">
      <c r="A78827" s="13" t="s">
        <v>401</v>
      </c>
      <c r="B78827" s="14" t="s">
        <v>1</v>
      </c>
      <c r="C78827" s="14" t="s">
        <v>59</v>
      </c>
      <c r="D78827" s="14" t="s">
        <v>146</v>
      </c>
      <c r="E78827" s="15">
        <v>45728</v>
      </c>
      <c r="F78827" s="14" t="s">
        <v>61</v>
      </c>
      <c r="G78827" s="16">
        <v>0</v>
      </c>
    </row>
    <row r="78828" spans="1:7" x14ac:dyDescent="0.3">
      <c r="A78828" s="13" t="s">
        <v>401</v>
      </c>
      <c r="B78828" s="14" t="s">
        <v>1</v>
      </c>
      <c r="C78828" s="14" t="s">
        <v>59</v>
      </c>
      <c r="D78828" s="14" t="s">
        <v>146</v>
      </c>
      <c r="E78828" s="15">
        <v>45729</v>
      </c>
      <c r="F78828" s="14" t="s">
        <v>61</v>
      </c>
      <c r="G78828" s="16">
        <v>0</v>
      </c>
    </row>
    <row r="78829" spans="1:7" x14ac:dyDescent="0.3">
      <c r="A78829" s="13" t="s">
        <v>401</v>
      </c>
      <c r="B78829" s="14" t="s">
        <v>1</v>
      </c>
      <c r="C78829" s="14" t="s">
        <v>59</v>
      </c>
      <c r="D78829" s="14" t="s">
        <v>146</v>
      </c>
      <c r="E78829" s="15">
        <v>45730</v>
      </c>
      <c r="F78829" s="14" t="s">
        <v>61</v>
      </c>
      <c r="G78829" s="16">
        <v>0</v>
      </c>
    </row>
    <row r="78830" spans="1:7" x14ac:dyDescent="0.3">
      <c r="A78830" s="13" t="s">
        <v>401</v>
      </c>
      <c r="B78830" s="14" t="s">
        <v>1</v>
      </c>
      <c r="C78830" s="14" t="s">
        <v>59</v>
      </c>
      <c r="D78830" s="14" t="s">
        <v>146</v>
      </c>
      <c r="E78830" s="15">
        <v>45731</v>
      </c>
      <c r="F78830" s="14" t="s">
        <v>61</v>
      </c>
      <c r="G78830" s="16">
        <v>0</v>
      </c>
    </row>
    <row r="78831" spans="1:7" x14ac:dyDescent="0.3">
      <c r="A78831" s="13" t="s">
        <v>401</v>
      </c>
      <c r="B78831" s="14" t="s">
        <v>1</v>
      </c>
      <c r="C78831" s="14" t="s">
        <v>59</v>
      </c>
      <c r="D78831" s="14" t="s">
        <v>146</v>
      </c>
      <c r="E78831" s="15">
        <v>45732</v>
      </c>
      <c r="F78831" s="14" t="s">
        <v>61</v>
      </c>
      <c r="G78831" s="16">
        <v>0</v>
      </c>
    </row>
    <row r="78832" spans="1:7" x14ac:dyDescent="0.3">
      <c r="A78832" s="13" t="s">
        <v>401</v>
      </c>
      <c r="B78832" s="14" t="s">
        <v>1</v>
      </c>
      <c r="C78832" s="14" t="s">
        <v>59</v>
      </c>
      <c r="D78832" s="14" t="s">
        <v>146</v>
      </c>
      <c r="E78832" s="15">
        <v>45733</v>
      </c>
      <c r="F78832" s="14" t="s">
        <v>61</v>
      </c>
      <c r="G78832" s="16">
        <v>0</v>
      </c>
    </row>
    <row r="78833" spans="1:7" x14ac:dyDescent="0.3">
      <c r="A78833" s="13" t="s">
        <v>401</v>
      </c>
      <c r="B78833" s="14" t="s">
        <v>1</v>
      </c>
      <c r="C78833" s="14" t="s">
        <v>59</v>
      </c>
      <c r="D78833" s="14" t="s">
        <v>146</v>
      </c>
      <c r="E78833" s="15">
        <v>45734</v>
      </c>
      <c r="F78833" s="14" t="s">
        <v>61</v>
      </c>
      <c r="G78833" s="16">
        <v>0</v>
      </c>
    </row>
    <row r="78834" spans="1:7" x14ac:dyDescent="0.3">
      <c r="A78834" s="13" t="s">
        <v>401</v>
      </c>
      <c r="B78834" s="14" t="s">
        <v>1</v>
      </c>
      <c r="C78834" s="14" t="s">
        <v>59</v>
      </c>
      <c r="D78834" s="14" t="s">
        <v>146</v>
      </c>
      <c r="E78834" s="15">
        <v>45735</v>
      </c>
      <c r="F78834" s="14" t="s">
        <v>61</v>
      </c>
      <c r="G78834" s="16">
        <v>0</v>
      </c>
    </row>
    <row r="78835" spans="1:7" x14ac:dyDescent="0.3">
      <c r="A78835" s="13" t="s">
        <v>401</v>
      </c>
      <c r="B78835" s="14" t="s">
        <v>1</v>
      </c>
      <c r="C78835" s="14" t="s">
        <v>59</v>
      </c>
      <c r="D78835" s="14" t="s">
        <v>146</v>
      </c>
      <c r="E78835" s="15">
        <v>45736</v>
      </c>
      <c r="F78835" s="14" t="s">
        <v>61</v>
      </c>
      <c r="G78835" s="16">
        <v>0</v>
      </c>
    </row>
    <row r="78836" spans="1:7" x14ac:dyDescent="0.3">
      <c r="A78836" s="13" t="s">
        <v>401</v>
      </c>
      <c r="B78836" s="14" t="s">
        <v>1</v>
      </c>
      <c r="C78836" s="14" t="s">
        <v>59</v>
      </c>
      <c r="D78836" s="14" t="s">
        <v>146</v>
      </c>
      <c r="E78836" s="15">
        <v>45737</v>
      </c>
      <c r="F78836" s="14" t="s">
        <v>61</v>
      </c>
      <c r="G78836" s="16">
        <v>0</v>
      </c>
    </row>
    <row r="78837" spans="1:7" x14ac:dyDescent="0.3">
      <c r="A78837" s="13" t="s">
        <v>401</v>
      </c>
      <c r="B78837" s="14" t="s">
        <v>1</v>
      </c>
      <c r="C78837" s="14" t="s">
        <v>59</v>
      </c>
      <c r="D78837" s="14" t="s">
        <v>146</v>
      </c>
      <c r="E78837" s="15">
        <v>45738</v>
      </c>
      <c r="F78837" s="14" t="s">
        <v>61</v>
      </c>
      <c r="G78837" s="16">
        <v>0</v>
      </c>
    </row>
    <row r="78838" spans="1:7" x14ac:dyDescent="0.3">
      <c r="A78838" s="13" t="s">
        <v>401</v>
      </c>
      <c r="B78838" s="14" t="s">
        <v>1</v>
      </c>
      <c r="C78838" s="14" t="s">
        <v>59</v>
      </c>
      <c r="D78838" s="14" t="s">
        <v>146</v>
      </c>
      <c r="E78838" s="15">
        <v>45739</v>
      </c>
      <c r="F78838" s="14" t="s">
        <v>61</v>
      </c>
      <c r="G78838" s="16">
        <v>0</v>
      </c>
    </row>
    <row r="78839" spans="1:7" x14ac:dyDescent="0.3">
      <c r="A78839" s="13" t="s">
        <v>401</v>
      </c>
      <c r="B78839" s="14" t="s">
        <v>1</v>
      </c>
      <c r="C78839" s="14" t="s">
        <v>59</v>
      </c>
      <c r="D78839" s="14" t="s">
        <v>146</v>
      </c>
      <c r="E78839" s="15">
        <v>45740</v>
      </c>
      <c r="F78839" s="14" t="s">
        <v>61</v>
      </c>
      <c r="G78839" s="16">
        <v>0</v>
      </c>
    </row>
    <row r="78840" spans="1:7" x14ac:dyDescent="0.3">
      <c r="A78840" s="13" t="s">
        <v>401</v>
      </c>
      <c r="B78840" s="14" t="s">
        <v>1</v>
      </c>
      <c r="C78840" s="14" t="s">
        <v>59</v>
      </c>
      <c r="D78840" s="14" t="s">
        <v>146</v>
      </c>
      <c r="E78840" s="15">
        <v>45741</v>
      </c>
      <c r="F78840" s="14" t="s">
        <v>61</v>
      </c>
      <c r="G78840" s="16">
        <v>0</v>
      </c>
    </row>
    <row r="78841" spans="1:7" x14ac:dyDescent="0.3">
      <c r="A78841" s="13" t="s">
        <v>401</v>
      </c>
      <c r="B78841" s="14" t="s">
        <v>1</v>
      </c>
      <c r="C78841" s="14" t="s">
        <v>59</v>
      </c>
      <c r="D78841" s="14" t="s">
        <v>146</v>
      </c>
      <c r="E78841" s="15">
        <v>45742</v>
      </c>
      <c r="F78841" s="14" t="s">
        <v>61</v>
      </c>
      <c r="G78841" s="16">
        <v>0</v>
      </c>
    </row>
    <row r="78842" spans="1:7" x14ac:dyDescent="0.3">
      <c r="A78842" s="13" t="s">
        <v>401</v>
      </c>
      <c r="B78842" s="14" t="s">
        <v>1</v>
      </c>
      <c r="C78842" s="14" t="s">
        <v>59</v>
      </c>
      <c r="D78842" s="14" t="s">
        <v>146</v>
      </c>
      <c r="E78842" s="15">
        <v>45743</v>
      </c>
      <c r="F78842" s="14" t="s">
        <v>61</v>
      </c>
      <c r="G78842" s="16">
        <v>0</v>
      </c>
    </row>
    <row r="78843" spans="1:7" x14ac:dyDescent="0.3">
      <c r="A78843" s="13" t="s">
        <v>401</v>
      </c>
      <c r="B78843" s="14" t="s">
        <v>1</v>
      </c>
      <c r="C78843" s="14" t="s">
        <v>59</v>
      </c>
      <c r="D78843" s="14" t="s">
        <v>146</v>
      </c>
      <c r="E78843" s="15">
        <v>45744</v>
      </c>
      <c r="F78843" s="14" t="s">
        <v>61</v>
      </c>
      <c r="G78843" s="16">
        <v>0</v>
      </c>
    </row>
    <row r="78844" spans="1:7" x14ac:dyDescent="0.3">
      <c r="A78844" s="13" t="s">
        <v>401</v>
      </c>
      <c r="B78844" s="14" t="s">
        <v>1</v>
      </c>
      <c r="C78844" s="14" t="s">
        <v>59</v>
      </c>
      <c r="D78844" s="14" t="s">
        <v>146</v>
      </c>
      <c r="E78844" s="15">
        <v>45745</v>
      </c>
      <c r="F78844" s="14" t="s">
        <v>61</v>
      </c>
      <c r="G78844" s="16">
        <v>0</v>
      </c>
    </row>
    <row r="78845" spans="1:7" x14ac:dyDescent="0.3">
      <c r="A78845" s="13" t="s">
        <v>401</v>
      </c>
      <c r="B78845" s="14" t="s">
        <v>1</v>
      </c>
      <c r="C78845" s="14" t="s">
        <v>59</v>
      </c>
      <c r="D78845" s="14" t="s">
        <v>146</v>
      </c>
      <c r="E78845" s="15">
        <v>45746</v>
      </c>
      <c r="F78845" s="14" t="s">
        <v>61</v>
      </c>
      <c r="G78845" s="16">
        <v>0</v>
      </c>
    </row>
    <row r="78846" spans="1:7" x14ac:dyDescent="0.3">
      <c r="A78846" s="13" t="s">
        <v>401</v>
      </c>
      <c r="B78846" s="14" t="s">
        <v>1</v>
      </c>
      <c r="C78846" s="14" t="s">
        <v>59</v>
      </c>
      <c r="D78846" s="14" t="s">
        <v>146</v>
      </c>
      <c r="E78846" s="15">
        <v>45747</v>
      </c>
      <c r="F78846" s="14" t="s">
        <v>61</v>
      </c>
      <c r="G78846" s="16">
        <v>0</v>
      </c>
    </row>
    <row r="78847" spans="1:7" x14ac:dyDescent="0.3">
      <c r="A78847" s="13" t="s">
        <v>402</v>
      </c>
      <c r="B78847" s="14" t="s">
        <v>1</v>
      </c>
      <c r="C78847" s="14" t="s">
        <v>109</v>
      </c>
      <c r="D78847" s="14" t="s">
        <v>403</v>
      </c>
      <c r="E78847" s="15">
        <v>45383</v>
      </c>
      <c r="F78847" s="14" t="s">
        <v>25</v>
      </c>
      <c r="G78847" s="16">
        <v>0</v>
      </c>
    </row>
    <row r="78848" spans="1:7" x14ac:dyDescent="0.3">
      <c r="A78848" s="13" t="s">
        <v>402</v>
      </c>
      <c r="B78848" s="14" t="s">
        <v>1</v>
      </c>
      <c r="C78848" s="14" t="s">
        <v>109</v>
      </c>
      <c r="D78848" s="14" t="s">
        <v>403</v>
      </c>
      <c r="E78848" s="15">
        <v>45384</v>
      </c>
      <c r="F78848" s="14" t="s">
        <v>25</v>
      </c>
      <c r="G78848" s="16">
        <v>0</v>
      </c>
    </row>
    <row r="78849" spans="1:7" x14ac:dyDescent="0.3">
      <c r="A78849" s="13" t="s">
        <v>402</v>
      </c>
      <c r="B78849" s="14" t="s">
        <v>1</v>
      </c>
      <c r="C78849" s="14" t="s">
        <v>109</v>
      </c>
      <c r="D78849" s="14" t="s">
        <v>403</v>
      </c>
      <c r="E78849" s="15">
        <v>45385</v>
      </c>
      <c r="F78849" s="14" t="s">
        <v>25</v>
      </c>
      <c r="G78849" s="16">
        <v>0</v>
      </c>
    </row>
    <row r="78850" spans="1:7" x14ac:dyDescent="0.3">
      <c r="A78850" s="13" t="s">
        <v>402</v>
      </c>
      <c r="B78850" s="14" t="s">
        <v>1</v>
      </c>
      <c r="C78850" s="14" t="s">
        <v>109</v>
      </c>
      <c r="D78850" s="14" t="s">
        <v>403</v>
      </c>
      <c r="E78850" s="15">
        <v>45386</v>
      </c>
      <c r="F78850" s="14" t="s">
        <v>25</v>
      </c>
      <c r="G78850" s="16">
        <v>0</v>
      </c>
    </row>
    <row r="78851" spans="1:7" x14ac:dyDescent="0.3">
      <c r="A78851" s="13" t="s">
        <v>402</v>
      </c>
      <c r="B78851" s="14" t="s">
        <v>1</v>
      </c>
      <c r="C78851" s="14" t="s">
        <v>109</v>
      </c>
      <c r="D78851" s="14" t="s">
        <v>403</v>
      </c>
      <c r="E78851" s="15">
        <v>45387</v>
      </c>
      <c r="F78851" s="14" t="s">
        <v>25</v>
      </c>
      <c r="G78851" s="16">
        <v>0</v>
      </c>
    </row>
    <row r="78852" spans="1:7" x14ac:dyDescent="0.3">
      <c r="A78852" s="13" t="s">
        <v>402</v>
      </c>
      <c r="B78852" s="14" t="s">
        <v>1</v>
      </c>
      <c r="C78852" s="14" t="s">
        <v>109</v>
      </c>
      <c r="D78852" s="14" t="s">
        <v>403</v>
      </c>
      <c r="E78852" s="15">
        <v>45388</v>
      </c>
      <c r="F78852" s="14" t="s">
        <v>25</v>
      </c>
      <c r="G78852" s="16">
        <v>0</v>
      </c>
    </row>
    <row r="78853" spans="1:7" x14ac:dyDescent="0.3">
      <c r="A78853" s="13" t="s">
        <v>402</v>
      </c>
      <c r="B78853" s="14" t="s">
        <v>1</v>
      </c>
      <c r="C78853" s="14" t="s">
        <v>109</v>
      </c>
      <c r="D78853" s="14" t="s">
        <v>403</v>
      </c>
      <c r="E78853" s="15">
        <v>45389</v>
      </c>
      <c r="F78853" s="14" t="s">
        <v>25</v>
      </c>
      <c r="G78853" s="16">
        <v>0</v>
      </c>
    </row>
    <row r="78854" spans="1:7" x14ac:dyDescent="0.3">
      <c r="A78854" s="13" t="s">
        <v>402</v>
      </c>
      <c r="B78854" s="14" t="s">
        <v>1</v>
      </c>
      <c r="C78854" s="14" t="s">
        <v>109</v>
      </c>
      <c r="D78854" s="14" t="s">
        <v>403</v>
      </c>
      <c r="E78854" s="15">
        <v>45390</v>
      </c>
      <c r="F78854" s="14" t="s">
        <v>25</v>
      </c>
      <c r="G78854" s="16">
        <v>0</v>
      </c>
    </row>
    <row r="78855" spans="1:7" x14ac:dyDescent="0.3">
      <c r="A78855" s="13" t="s">
        <v>402</v>
      </c>
      <c r="B78855" s="14" t="s">
        <v>1</v>
      </c>
      <c r="C78855" s="14" t="s">
        <v>109</v>
      </c>
      <c r="D78855" s="14" t="s">
        <v>403</v>
      </c>
      <c r="E78855" s="15">
        <v>45391</v>
      </c>
      <c r="F78855" s="14" t="s">
        <v>25</v>
      </c>
      <c r="G78855" s="16">
        <v>0</v>
      </c>
    </row>
    <row r="78856" spans="1:7" x14ac:dyDescent="0.3">
      <c r="A78856" s="13" t="s">
        <v>402</v>
      </c>
      <c r="B78856" s="14" t="s">
        <v>1</v>
      </c>
      <c r="C78856" s="14" t="s">
        <v>109</v>
      </c>
      <c r="D78856" s="14" t="s">
        <v>403</v>
      </c>
      <c r="E78856" s="15">
        <v>45392</v>
      </c>
      <c r="F78856" s="14" t="s">
        <v>25</v>
      </c>
      <c r="G78856" s="16">
        <v>0</v>
      </c>
    </row>
    <row r="78857" spans="1:7" x14ac:dyDescent="0.3">
      <c r="A78857" s="13" t="s">
        <v>402</v>
      </c>
      <c r="B78857" s="14" t="s">
        <v>1</v>
      </c>
      <c r="C78857" s="14" t="s">
        <v>109</v>
      </c>
      <c r="D78857" s="14" t="s">
        <v>403</v>
      </c>
      <c r="E78857" s="15">
        <v>45393</v>
      </c>
      <c r="F78857" s="14" t="s">
        <v>25</v>
      </c>
      <c r="G78857" s="16">
        <v>0</v>
      </c>
    </row>
    <row r="78858" spans="1:7" x14ac:dyDescent="0.3">
      <c r="A78858" s="13" t="s">
        <v>402</v>
      </c>
      <c r="B78858" s="14" t="s">
        <v>1</v>
      </c>
      <c r="C78858" s="14" t="s">
        <v>109</v>
      </c>
      <c r="D78858" s="14" t="s">
        <v>403</v>
      </c>
      <c r="E78858" s="15">
        <v>45394</v>
      </c>
      <c r="F78858" s="14" t="s">
        <v>25</v>
      </c>
      <c r="G78858" s="16">
        <v>0</v>
      </c>
    </row>
    <row r="78859" spans="1:7" x14ac:dyDescent="0.3">
      <c r="A78859" s="13" t="s">
        <v>402</v>
      </c>
      <c r="B78859" s="14" t="s">
        <v>1</v>
      </c>
      <c r="C78859" s="14" t="s">
        <v>109</v>
      </c>
      <c r="D78859" s="14" t="s">
        <v>403</v>
      </c>
      <c r="E78859" s="15">
        <v>45395</v>
      </c>
      <c r="F78859" s="14" t="s">
        <v>25</v>
      </c>
      <c r="G78859" s="16">
        <v>0</v>
      </c>
    </row>
    <row r="78860" spans="1:7" x14ac:dyDescent="0.3">
      <c r="A78860" s="13" t="s">
        <v>402</v>
      </c>
      <c r="B78860" s="14" t="s">
        <v>1</v>
      </c>
      <c r="C78860" s="14" t="s">
        <v>109</v>
      </c>
      <c r="D78860" s="14" t="s">
        <v>403</v>
      </c>
      <c r="E78860" s="15">
        <v>45396</v>
      </c>
      <c r="F78860" s="14" t="s">
        <v>25</v>
      </c>
      <c r="G78860" s="16">
        <v>0</v>
      </c>
    </row>
    <row r="78861" spans="1:7" x14ac:dyDescent="0.3">
      <c r="A78861" s="13" t="s">
        <v>402</v>
      </c>
      <c r="B78861" s="14" t="s">
        <v>1</v>
      </c>
      <c r="C78861" s="14" t="s">
        <v>109</v>
      </c>
      <c r="D78861" s="14" t="s">
        <v>403</v>
      </c>
      <c r="E78861" s="15">
        <v>45397</v>
      </c>
      <c r="F78861" s="14" t="s">
        <v>25</v>
      </c>
      <c r="G78861" s="16">
        <v>3.8495223970383989E-3</v>
      </c>
    </row>
    <row r="78862" spans="1:7" x14ac:dyDescent="0.3">
      <c r="A78862" s="13" t="s">
        <v>402</v>
      </c>
      <c r="B78862" s="14" t="s">
        <v>1</v>
      </c>
      <c r="C78862" s="14" t="s">
        <v>109</v>
      </c>
      <c r="D78862" s="14" t="s">
        <v>403</v>
      </c>
      <c r="E78862" s="15">
        <v>45398</v>
      </c>
      <c r="F78862" s="14" t="s">
        <v>25</v>
      </c>
      <c r="G78862" s="16">
        <v>0</v>
      </c>
    </row>
    <row r="78863" spans="1:7" x14ac:dyDescent="0.3">
      <c r="A78863" s="13" t="s">
        <v>402</v>
      </c>
      <c r="B78863" s="14" t="s">
        <v>1</v>
      </c>
      <c r="C78863" s="14" t="s">
        <v>109</v>
      </c>
      <c r="D78863" s="14" t="s">
        <v>403</v>
      </c>
      <c r="E78863" s="15">
        <v>45399</v>
      </c>
      <c r="F78863" s="14" t="s">
        <v>25</v>
      </c>
      <c r="G78863" s="16">
        <v>0</v>
      </c>
    </row>
    <row r="78864" spans="1:7" x14ac:dyDescent="0.3">
      <c r="A78864" s="13" t="s">
        <v>402</v>
      </c>
      <c r="B78864" s="14" t="s">
        <v>1</v>
      </c>
      <c r="C78864" s="14" t="s">
        <v>109</v>
      </c>
      <c r="D78864" s="14" t="s">
        <v>403</v>
      </c>
      <c r="E78864" s="15">
        <v>45400</v>
      </c>
      <c r="F78864" s="14" t="s">
        <v>25</v>
      </c>
      <c r="G78864" s="16">
        <v>0</v>
      </c>
    </row>
    <row r="78865" spans="1:7" x14ac:dyDescent="0.3">
      <c r="A78865" s="13" t="s">
        <v>402</v>
      </c>
      <c r="B78865" s="14" t="s">
        <v>1</v>
      </c>
      <c r="C78865" s="14" t="s">
        <v>109</v>
      </c>
      <c r="D78865" s="14" t="s">
        <v>403</v>
      </c>
      <c r="E78865" s="15">
        <v>45401</v>
      </c>
      <c r="F78865" s="14" t="s">
        <v>25</v>
      </c>
      <c r="G78865" s="16">
        <v>0</v>
      </c>
    </row>
    <row r="78866" spans="1:7" x14ac:dyDescent="0.3">
      <c r="A78866" s="13" t="s">
        <v>402</v>
      </c>
      <c r="B78866" s="14" t="s">
        <v>1</v>
      </c>
      <c r="C78866" s="14" t="s">
        <v>109</v>
      </c>
      <c r="D78866" s="14" t="s">
        <v>403</v>
      </c>
      <c r="E78866" s="15">
        <v>45402</v>
      </c>
      <c r="F78866" s="14" t="s">
        <v>25</v>
      </c>
      <c r="G78866" s="16">
        <v>0</v>
      </c>
    </row>
    <row r="78867" spans="1:7" x14ac:dyDescent="0.3">
      <c r="A78867" s="13" t="s">
        <v>402</v>
      </c>
      <c r="B78867" s="14" t="s">
        <v>1</v>
      </c>
      <c r="C78867" s="14" t="s">
        <v>109</v>
      </c>
      <c r="D78867" s="14" t="s">
        <v>403</v>
      </c>
      <c r="E78867" s="15">
        <v>45403</v>
      </c>
      <c r="F78867" s="14" t="s">
        <v>25</v>
      </c>
      <c r="G78867" s="16">
        <v>0</v>
      </c>
    </row>
    <row r="78868" spans="1:7" x14ac:dyDescent="0.3">
      <c r="A78868" s="13" t="s">
        <v>402</v>
      </c>
      <c r="B78868" s="14" t="s">
        <v>1</v>
      </c>
      <c r="C78868" s="14" t="s">
        <v>109</v>
      </c>
      <c r="D78868" s="14" t="s">
        <v>403</v>
      </c>
      <c r="E78868" s="15">
        <v>45404</v>
      </c>
      <c r="F78868" s="14" t="s">
        <v>25</v>
      </c>
      <c r="G78868" s="16">
        <v>0</v>
      </c>
    </row>
    <row r="78869" spans="1:7" x14ac:dyDescent="0.3">
      <c r="A78869" s="13" t="s">
        <v>402</v>
      </c>
      <c r="B78869" s="14" t="s">
        <v>1</v>
      </c>
      <c r="C78869" s="14" t="s">
        <v>109</v>
      </c>
      <c r="D78869" s="14" t="s">
        <v>403</v>
      </c>
      <c r="E78869" s="15">
        <v>45405</v>
      </c>
      <c r="F78869" s="14" t="s">
        <v>25</v>
      </c>
      <c r="G78869" s="16">
        <v>0</v>
      </c>
    </row>
    <row r="78870" spans="1:7" x14ac:dyDescent="0.3">
      <c r="A78870" s="13" t="s">
        <v>402</v>
      </c>
      <c r="B78870" s="14" t="s">
        <v>1</v>
      </c>
      <c r="C78870" s="14" t="s">
        <v>109</v>
      </c>
      <c r="D78870" s="14" t="s">
        <v>403</v>
      </c>
      <c r="E78870" s="15">
        <v>45406</v>
      </c>
      <c r="F78870" s="14" t="s">
        <v>25</v>
      </c>
      <c r="G78870" s="16">
        <v>0</v>
      </c>
    </row>
    <row r="78871" spans="1:7" x14ac:dyDescent="0.3">
      <c r="A78871" s="13" t="s">
        <v>402</v>
      </c>
      <c r="B78871" s="14" t="s">
        <v>1</v>
      </c>
      <c r="C78871" s="14" t="s">
        <v>109</v>
      </c>
      <c r="D78871" s="14" t="s">
        <v>403</v>
      </c>
      <c r="E78871" s="15">
        <v>45407</v>
      </c>
      <c r="F78871" s="14" t="s">
        <v>25</v>
      </c>
      <c r="G78871" s="16">
        <v>0</v>
      </c>
    </row>
    <row r="78872" spans="1:7" x14ac:dyDescent="0.3">
      <c r="A78872" s="13" t="s">
        <v>402</v>
      </c>
      <c r="B78872" s="14" t="s">
        <v>1</v>
      </c>
      <c r="C78872" s="14" t="s">
        <v>109</v>
      </c>
      <c r="D78872" s="14" t="s">
        <v>403</v>
      </c>
      <c r="E78872" s="15">
        <v>45408</v>
      </c>
      <c r="F78872" s="14" t="s">
        <v>25</v>
      </c>
      <c r="G78872" s="16">
        <v>0</v>
      </c>
    </row>
    <row r="78873" spans="1:7" x14ac:dyDescent="0.3">
      <c r="A78873" s="13" t="s">
        <v>402</v>
      </c>
      <c r="B78873" s="14" t="s">
        <v>1</v>
      </c>
      <c r="C78873" s="14" t="s">
        <v>109</v>
      </c>
      <c r="D78873" s="14" t="s">
        <v>403</v>
      </c>
      <c r="E78873" s="15">
        <v>45409</v>
      </c>
      <c r="F78873" s="14" t="s">
        <v>25</v>
      </c>
      <c r="G78873" s="16">
        <v>0</v>
      </c>
    </row>
    <row r="78874" spans="1:7" x14ac:dyDescent="0.3">
      <c r="A78874" s="13" t="s">
        <v>402</v>
      </c>
      <c r="B78874" s="14" t="s">
        <v>1</v>
      </c>
      <c r="C78874" s="14" t="s">
        <v>109</v>
      </c>
      <c r="D78874" s="14" t="s">
        <v>403</v>
      </c>
      <c r="E78874" s="15">
        <v>45410</v>
      </c>
      <c r="F78874" s="14" t="s">
        <v>25</v>
      </c>
      <c r="G78874" s="16">
        <v>0</v>
      </c>
    </row>
    <row r="78875" spans="1:7" x14ac:dyDescent="0.3">
      <c r="A78875" s="13" t="s">
        <v>402</v>
      </c>
      <c r="B78875" s="14" t="s">
        <v>1</v>
      </c>
      <c r="C78875" s="14" t="s">
        <v>109</v>
      </c>
      <c r="D78875" s="14" t="s">
        <v>403</v>
      </c>
      <c r="E78875" s="15">
        <v>45411</v>
      </c>
      <c r="F78875" s="14" t="s">
        <v>25</v>
      </c>
      <c r="G78875" s="16">
        <v>0</v>
      </c>
    </row>
    <row r="78876" spans="1:7" x14ac:dyDescent="0.3">
      <c r="A78876" s="13" t="s">
        <v>402</v>
      </c>
      <c r="B78876" s="14" t="s">
        <v>1</v>
      </c>
      <c r="C78876" s="14" t="s">
        <v>109</v>
      </c>
      <c r="D78876" s="14" t="s">
        <v>403</v>
      </c>
      <c r="E78876" s="15">
        <v>45412</v>
      </c>
      <c r="F78876" s="14" t="s">
        <v>25</v>
      </c>
      <c r="G78876" s="16">
        <v>0</v>
      </c>
    </row>
    <row r="78877" spans="1:7" x14ac:dyDescent="0.3">
      <c r="A78877" s="13" t="s">
        <v>402</v>
      </c>
      <c r="B78877" s="14" t="s">
        <v>1</v>
      </c>
      <c r="C78877" s="14" t="s">
        <v>109</v>
      </c>
      <c r="D78877" s="14" t="s">
        <v>403</v>
      </c>
      <c r="E78877" s="15">
        <v>45413</v>
      </c>
      <c r="F78877" s="14" t="s">
        <v>25</v>
      </c>
      <c r="G78877" s="16">
        <v>0</v>
      </c>
    </row>
    <row r="78878" spans="1:7" x14ac:dyDescent="0.3">
      <c r="A78878" s="13" t="s">
        <v>402</v>
      </c>
      <c r="B78878" s="14" t="s">
        <v>1</v>
      </c>
      <c r="C78878" s="14" t="s">
        <v>109</v>
      </c>
      <c r="D78878" s="14" t="s">
        <v>403</v>
      </c>
      <c r="E78878" s="15">
        <v>45414</v>
      </c>
      <c r="F78878" s="14" t="s">
        <v>25</v>
      </c>
      <c r="G78878" s="16">
        <v>0</v>
      </c>
    </row>
    <row r="78879" spans="1:7" x14ac:dyDescent="0.3">
      <c r="A78879" s="13" t="s">
        <v>402</v>
      </c>
      <c r="B78879" s="14" t="s">
        <v>1</v>
      </c>
      <c r="C78879" s="14" t="s">
        <v>109</v>
      </c>
      <c r="D78879" s="14" t="s">
        <v>403</v>
      </c>
      <c r="E78879" s="15">
        <v>45415</v>
      </c>
      <c r="F78879" s="14" t="s">
        <v>25</v>
      </c>
      <c r="G78879" s="16">
        <v>0</v>
      </c>
    </row>
    <row r="78880" spans="1:7" x14ac:dyDescent="0.3">
      <c r="A78880" s="13" t="s">
        <v>402</v>
      </c>
      <c r="B78880" s="14" t="s">
        <v>1</v>
      </c>
      <c r="C78880" s="14" t="s">
        <v>109</v>
      </c>
      <c r="D78880" s="14" t="s">
        <v>403</v>
      </c>
      <c r="E78880" s="15">
        <v>45416</v>
      </c>
      <c r="F78880" s="14" t="s">
        <v>25</v>
      </c>
      <c r="G78880" s="16">
        <v>0</v>
      </c>
    </row>
    <row r="78881" spans="1:7" x14ac:dyDescent="0.3">
      <c r="A78881" s="13" t="s">
        <v>402</v>
      </c>
      <c r="B78881" s="14" t="s">
        <v>1</v>
      </c>
      <c r="C78881" s="14" t="s">
        <v>109</v>
      </c>
      <c r="D78881" s="14" t="s">
        <v>403</v>
      </c>
      <c r="E78881" s="15">
        <v>45417</v>
      </c>
      <c r="F78881" s="14" t="s">
        <v>25</v>
      </c>
      <c r="G78881" s="16">
        <v>0</v>
      </c>
    </row>
    <row r="78882" spans="1:7" x14ac:dyDescent="0.3">
      <c r="A78882" s="13" t="s">
        <v>402</v>
      </c>
      <c r="B78882" s="14" t="s">
        <v>1</v>
      </c>
      <c r="C78882" s="14" t="s">
        <v>109</v>
      </c>
      <c r="D78882" s="14" t="s">
        <v>403</v>
      </c>
      <c r="E78882" s="15">
        <v>45418</v>
      </c>
      <c r="F78882" s="14" t="s">
        <v>25</v>
      </c>
      <c r="G78882" s="16">
        <v>0</v>
      </c>
    </row>
    <row r="78883" spans="1:7" x14ac:dyDescent="0.3">
      <c r="A78883" s="13" t="s">
        <v>402</v>
      </c>
      <c r="B78883" s="14" t="s">
        <v>1</v>
      </c>
      <c r="C78883" s="14" t="s">
        <v>109</v>
      </c>
      <c r="D78883" s="14" t="s">
        <v>403</v>
      </c>
      <c r="E78883" s="15">
        <v>45419</v>
      </c>
      <c r="F78883" s="14" t="s">
        <v>25</v>
      </c>
      <c r="G78883" s="16">
        <v>0</v>
      </c>
    </row>
    <row r="78884" spans="1:7" x14ac:dyDescent="0.3">
      <c r="A78884" s="13" t="s">
        <v>402</v>
      </c>
      <c r="B78884" s="14" t="s">
        <v>1</v>
      </c>
      <c r="C78884" s="14" t="s">
        <v>109</v>
      </c>
      <c r="D78884" s="14" t="s">
        <v>403</v>
      </c>
      <c r="E78884" s="15">
        <v>45420</v>
      </c>
      <c r="F78884" s="14" t="s">
        <v>25</v>
      </c>
      <c r="G78884" s="16">
        <v>6.5521178771917182E-3</v>
      </c>
    </row>
    <row r="78885" spans="1:7" x14ac:dyDescent="0.3">
      <c r="A78885" s="13" t="s">
        <v>402</v>
      </c>
      <c r="B78885" s="14" t="s">
        <v>1</v>
      </c>
      <c r="C78885" s="14" t="s">
        <v>109</v>
      </c>
      <c r="D78885" s="14" t="s">
        <v>403</v>
      </c>
      <c r="E78885" s="15">
        <v>45421</v>
      </c>
      <c r="F78885" s="14" t="s">
        <v>25</v>
      </c>
      <c r="G78885" s="16">
        <v>4.6705929886090795E-3</v>
      </c>
    </row>
    <row r="78886" spans="1:7" x14ac:dyDescent="0.3">
      <c r="A78886" s="13" t="s">
        <v>402</v>
      </c>
      <c r="B78886" s="14" t="s">
        <v>1</v>
      </c>
      <c r="C78886" s="14" t="s">
        <v>109</v>
      </c>
      <c r="D78886" s="14" t="s">
        <v>403</v>
      </c>
      <c r="E78886" s="15">
        <v>45422</v>
      </c>
      <c r="F78886" s="14" t="s">
        <v>25</v>
      </c>
      <c r="G78886" s="16">
        <v>2.8181571872429156E-3</v>
      </c>
    </row>
    <row r="78887" spans="1:7" x14ac:dyDescent="0.3">
      <c r="A78887" s="13" t="s">
        <v>402</v>
      </c>
      <c r="B78887" s="14" t="s">
        <v>1</v>
      </c>
      <c r="C78887" s="14" t="s">
        <v>109</v>
      </c>
      <c r="D78887" s="14" t="s">
        <v>403</v>
      </c>
      <c r="E78887" s="15">
        <v>45423</v>
      </c>
      <c r="F78887" s="14" t="s">
        <v>25</v>
      </c>
      <c r="G78887" s="16">
        <v>2.8181571872429156E-3</v>
      </c>
    </row>
    <row r="78888" spans="1:7" x14ac:dyDescent="0.3">
      <c r="A78888" s="13" t="s">
        <v>402</v>
      </c>
      <c r="B78888" s="14" t="s">
        <v>1</v>
      </c>
      <c r="C78888" s="14" t="s">
        <v>109</v>
      </c>
      <c r="D78888" s="14" t="s">
        <v>403</v>
      </c>
      <c r="E78888" s="15">
        <v>45424</v>
      </c>
      <c r="F78888" s="14" t="s">
        <v>25</v>
      </c>
      <c r="G78888" s="16">
        <v>2.8181571872429156E-3</v>
      </c>
    </row>
    <row r="78889" spans="1:7" x14ac:dyDescent="0.3">
      <c r="A78889" s="13" t="s">
        <v>402</v>
      </c>
      <c r="B78889" s="14" t="s">
        <v>1</v>
      </c>
      <c r="C78889" s="14" t="s">
        <v>109</v>
      </c>
      <c r="D78889" s="14" t="s">
        <v>403</v>
      </c>
      <c r="E78889" s="15">
        <v>45425</v>
      </c>
      <c r="F78889" s="14" t="s">
        <v>25</v>
      </c>
      <c r="G78889" s="16">
        <v>1.3867381226999671E-2</v>
      </c>
    </row>
    <row r="78890" spans="1:7" x14ac:dyDescent="0.3">
      <c r="A78890" s="13" t="s">
        <v>402</v>
      </c>
      <c r="B78890" s="14" t="s">
        <v>1</v>
      </c>
      <c r="C78890" s="14" t="s">
        <v>109</v>
      </c>
      <c r="D78890" s="14" t="s">
        <v>403</v>
      </c>
      <c r="E78890" s="15">
        <v>45426</v>
      </c>
      <c r="F78890" s="14" t="s">
        <v>25</v>
      </c>
      <c r="G78890" s="16">
        <v>1.5308830858458449E-2</v>
      </c>
    </row>
    <row r="78891" spans="1:7" x14ac:dyDescent="0.3">
      <c r="A78891" s="13" t="s">
        <v>402</v>
      </c>
      <c r="B78891" s="14" t="s">
        <v>1</v>
      </c>
      <c r="C78891" s="14" t="s">
        <v>109</v>
      </c>
      <c r="D78891" s="14" t="s">
        <v>403</v>
      </c>
      <c r="E78891" s="15">
        <v>45427</v>
      </c>
      <c r="F78891" s="14" t="s">
        <v>25</v>
      </c>
      <c r="G78891" s="16">
        <v>1.5648933101933056E-2</v>
      </c>
    </row>
    <row r="78892" spans="1:7" x14ac:dyDescent="0.3">
      <c r="A78892" s="13" t="s">
        <v>402</v>
      </c>
      <c r="B78892" s="14" t="s">
        <v>1</v>
      </c>
      <c r="C78892" s="14" t="s">
        <v>109</v>
      </c>
      <c r="D78892" s="14" t="s">
        <v>403</v>
      </c>
      <c r="E78892" s="15">
        <v>45428</v>
      </c>
      <c r="F78892" s="14" t="s">
        <v>25</v>
      </c>
      <c r="G78892" s="16">
        <v>2.4441888171441238E-2</v>
      </c>
    </row>
    <row r="78893" spans="1:7" x14ac:dyDescent="0.3">
      <c r="A78893" s="13" t="s">
        <v>402</v>
      </c>
      <c r="B78893" s="14" t="s">
        <v>1</v>
      </c>
      <c r="C78893" s="14" t="s">
        <v>109</v>
      </c>
      <c r="D78893" s="14" t="s">
        <v>403</v>
      </c>
      <c r="E78893" s="15">
        <v>45429</v>
      </c>
      <c r="F78893" s="14" t="s">
        <v>25</v>
      </c>
      <c r="G78893" s="16">
        <v>2.2232441278574308E-2</v>
      </c>
    </row>
    <row r="78894" spans="1:7" x14ac:dyDescent="0.3">
      <c r="A78894" s="13" t="s">
        <v>402</v>
      </c>
      <c r="B78894" s="14" t="s">
        <v>1</v>
      </c>
      <c r="C78894" s="14" t="s">
        <v>109</v>
      </c>
      <c r="D78894" s="14" t="s">
        <v>403</v>
      </c>
      <c r="E78894" s="15">
        <v>45430</v>
      </c>
      <c r="F78894" s="14" t="s">
        <v>25</v>
      </c>
      <c r="G78894" s="16">
        <v>2.2232441278574308E-2</v>
      </c>
    </row>
    <row r="78895" spans="1:7" x14ac:dyDescent="0.3">
      <c r="A78895" s="13" t="s">
        <v>402</v>
      </c>
      <c r="B78895" s="14" t="s">
        <v>1</v>
      </c>
      <c r="C78895" s="14" t="s">
        <v>109</v>
      </c>
      <c r="D78895" s="14" t="s">
        <v>403</v>
      </c>
      <c r="E78895" s="15">
        <v>45431</v>
      </c>
      <c r="F78895" s="14" t="s">
        <v>25</v>
      </c>
      <c r="G78895" s="16">
        <v>2.2232441278574308E-2</v>
      </c>
    </row>
    <row r="78896" spans="1:7" x14ac:dyDescent="0.3">
      <c r="A78896" s="13" t="s">
        <v>402</v>
      </c>
      <c r="B78896" s="14" t="s">
        <v>1</v>
      </c>
      <c r="C78896" s="14" t="s">
        <v>109</v>
      </c>
      <c r="D78896" s="14" t="s">
        <v>403</v>
      </c>
      <c r="E78896" s="15">
        <v>45432</v>
      </c>
      <c r="F78896" s="14" t="s">
        <v>25</v>
      </c>
      <c r="G78896" s="16">
        <v>2.033880406788658E-2</v>
      </c>
    </row>
    <row r="78897" spans="1:7" x14ac:dyDescent="0.3">
      <c r="A78897" s="13" t="s">
        <v>402</v>
      </c>
      <c r="B78897" s="14" t="s">
        <v>1</v>
      </c>
      <c r="C78897" s="14" t="s">
        <v>109</v>
      </c>
      <c r="D78897" s="14" t="s">
        <v>403</v>
      </c>
      <c r="E78897" s="15">
        <v>45433</v>
      </c>
      <c r="F78897" s="14" t="s">
        <v>25</v>
      </c>
      <c r="G78897" s="16">
        <v>1.4549507022007059E-2</v>
      </c>
    </row>
    <row r="78898" spans="1:7" x14ac:dyDescent="0.3">
      <c r="A78898" s="13" t="s">
        <v>402</v>
      </c>
      <c r="B78898" s="14" t="s">
        <v>1</v>
      </c>
      <c r="C78898" s="14" t="s">
        <v>109</v>
      </c>
      <c r="D78898" s="14" t="s">
        <v>403</v>
      </c>
      <c r="E78898" s="15">
        <v>45434</v>
      </c>
      <c r="F78898" s="14" t="s">
        <v>25</v>
      </c>
      <c r="G78898" s="16">
        <v>1.2673664708059182E-2</v>
      </c>
    </row>
    <row r="78899" spans="1:7" x14ac:dyDescent="0.3">
      <c r="A78899" s="13" t="s">
        <v>402</v>
      </c>
      <c r="B78899" s="14" t="s">
        <v>1</v>
      </c>
      <c r="C78899" s="14" t="s">
        <v>109</v>
      </c>
      <c r="D78899" s="14" t="s">
        <v>403</v>
      </c>
      <c r="E78899" s="15">
        <v>45435</v>
      </c>
      <c r="F78899" s="14" t="s">
        <v>25</v>
      </c>
      <c r="G78899" s="16">
        <v>1.071707256281508E-2</v>
      </c>
    </row>
    <row r="78900" spans="1:7" x14ac:dyDescent="0.3">
      <c r="A78900" s="13" t="s">
        <v>402</v>
      </c>
      <c r="B78900" s="14" t="s">
        <v>1</v>
      </c>
      <c r="C78900" s="14" t="s">
        <v>109</v>
      </c>
      <c r="D78900" s="14" t="s">
        <v>403</v>
      </c>
      <c r="E78900" s="15">
        <v>45436</v>
      </c>
      <c r="F78900" s="14" t="s">
        <v>25</v>
      </c>
      <c r="G78900" s="16">
        <v>3.4027187914911126E-2</v>
      </c>
    </row>
    <row r="78901" spans="1:7" x14ac:dyDescent="0.3">
      <c r="A78901" s="13" t="s">
        <v>402</v>
      </c>
      <c r="B78901" s="14" t="s">
        <v>1</v>
      </c>
      <c r="C78901" s="14" t="s">
        <v>109</v>
      </c>
      <c r="D78901" s="14" t="s">
        <v>403</v>
      </c>
      <c r="E78901" s="15">
        <v>45437</v>
      </c>
      <c r="F78901" s="14" t="s">
        <v>25</v>
      </c>
      <c r="G78901" s="16">
        <v>3.4027187914911126E-2</v>
      </c>
    </row>
    <row r="78902" spans="1:7" x14ac:dyDescent="0.3">
      <c r="A78902" s="13" t="s">
        <v>402</v>
      </c>
      <c r="B78902" s="14" t="s">
        <v>1</v>
      </c>
      <c r="C78902" s="14" t="s">
        <v>109</v>
      </c>
      <c r="D78902" s="14" t="s">
        <v>403</v>
      </c>
      <c r="E78902" s="15">
        <v>45438</v>
      </c>
      <c r="F78902" s="14" t="s">
        <v>25</v>
      </c>
      <c r="G78902" s="16">
        <v>3.4027187914911126E-2</v>
      </c>
    </row>
    <row r="78903" spans="1:7" x14ac:dyDescent="0.3">
      <c r="A78903" s="13" t="s">
        <v>402</v>
      </c>
      <c r="B78903" s="14" t="s">
        <v>1</v>
      </c>
      <c r="C78903" s="14" t="s">
        <v>109</v>
      </c>
      <c r="D78903" s="14" t="s">
        <v>403</v>
      </c>
      <c r="E78903" s="15">
        <v>45439</v>
      </c>
      <c r="F78903" s="14" t="s">
        <v>25</v>
      </c>
      <c r="G78903" s="16">
        <v>3.5210779380178588E-2</v>
      </c>
    </row>
    <row r="78904" spans="1:7" x14ac:dyDescent="0.3">
      <c r="A78904" s="13" t="s">
        <v>402</v>
      </c>
      <c r="B78904" s="14" t="s">
        <v>1</v>
      </c>
      <c r="C78904" s="14" t="s">
        <v>109</v>
      </c>
      <c r="D78904" s="14" t="s">
        <v>403</v>
      </c>
      <c r="E78904" s="15">
        <v>45440</v>
      </c>
      <c r="F78904" s="14" t="s">
        <v>25</v>
      </c>
      <c r="G78904" s="16">
        <v>2.9272801387752255E-2</v>
      </c>
    </row>
    <row r="78905" spans="1:7" x14ac:dyDescent="0.3">
      <c r="A78905" s="13" t="s">
        <v>402</v>
      </c>
      <c r="B78905" s="14" t="s">
        <v>1</v>
      </c>
      <c r="C78905" s="14" t="s">
        <v>109</v>
      </c>
      <c r="D78905" s="14" t="s">
        <v>403</v>
      </c>
      <c r="E78905" s="15">
        <v>45441</v>
      </c>
      <c r="F78905" s="14" t="s">
        <v>25</v>
      </c>
      <c r="G78905" s="16">
        <v>2.812902689690194E-2</v>
      </c>
    </row>
    <row r="78906" spans="1:7" x14ac:dyDescent="0.3">
      <c r="A78906" s="13" t="s">
        <v>402</v>
      </c>
      <c r="B78906" s="14" t="s">
        <v>1</v>
      </c>
      <c r="C78906" s="14" t="s">
        <v>109</v>
      </c>
      <c r="D78906" s="14" t="s">
        <v>403</v>
      </c>
      <c r="E78906" s="15">
        <v>45442</v>
      </c>
      <c r="F78906" s="14" t="s">
        <v>25</v>
      </c>
      <c r="G78906" s="16">
        <v>3.197349783107882E-2</v>
      </c>
    </row>
    <row r="78907" spans="1:7" x14ac:dyDescent="0.3">
      <c r="A78907" s="13" t="s">
        <v>402</v>
      </c>
      <c r="B78907" s="14" t="s">
        <v>1</v>
      </c>
      <c r="C78907" s="14" t="s">
        <v>109</v>
      </c>
      <c r="D78907" s="14" t="s">
        <v>403</v>
      </c>
      <c r="E78907" s="15">
        <v>45443</v>
      </c>
      <c r="F78907" s="14" t="s">
        <v>25</v>
      </c>
      <c r="G78907" s="16">
        <v>3.0033935214857751E-2</v>
      </c>
    </row>
    <row r="78908" spans="1:7" x14ac:dyDescent="0.3">
      <c r="A78908" s="13" t="s">
        <v>402</v>
      </c>
      <c r="B78908" s="14" t="s">
        <v>1</v>
      </c>
      <c r="C78908" s="14" t="s">
        <v>109</v>
      </c>
      <c r="D78908" s="14" t="s">
        <v>403</v>
      </c>
      <c r="E78908" s="15">
        <v>45444</v>
      </c>
      <c r="F78908" s="14" t="s">
        <v>25</v>
      </c>
      <c r="G78908" s="16">
        <v>3.0033935214857751E-2</v>
      </c>
    </row>
    <row r="78909" spans="1:7" x14ac:dyDescent="0.3">
      <c r="A78909" s="13" t="s">
        <v>402</v>
      </c>
      <c r="B78909" s="14" t="s">
        <v>1</v>
      </c>
      <c r="C78909" s="14" t="s">
        <v>109</v>
      </c>
      <c r="D78909" s="14" t="s">
        <v>403</v>
      </c>
      <c r="E78909" s="15">
        <v>45445</v>
      </c>
      <c r="F78909" s="14" t="s">
        <v>25</v>
      </c>
      <c r="G78909" s="16">
        <v>3.0033935214857751E-2</v>
      </c>
    </row>
    <row r="78910" spans="1:7" x14ac:dyDescent="0.3">
      <c r="A78910" s="13" t="s">
        <v>402</v>
      </c>
      <c r="B78910" s="14" t="s">
        <v>1</v>
      </c>
      <c r="C78910" s="14" t="s">
        <v>109</v>
      </c>
      <c r="D78910" s="14" t="s">
        <v>403</v>
      </c>
      <c r="E78910" s="15">
        <v>45446</v>
      </c>
      <c r="F78910" s="14" t="s">
        <v>25</v>
      </c>
      <c r="G78910" s="16">
        <v>3.0033935214857751E-2</v>
      </c>
    </row>
    <row r="78911" spans="1:7" x14ac:dyDescent="0.3">
      <c r="A78911" s="13" t="s">
        <v>402</v>
      </c>
      <c r="B78911" s="14" t="s">
        <v>1</v>
      </c>
      <c r="C78911" s="14" t="s">
        <v>109</v>
      </c>
      <c r="D78911" s="14" t="s">
        <v>403</v>
      </c>
      <c r="E78911" s="15">
        <v>45447</v>
      </c>
      <c r="F78911" s="14" t="s">
        <v>25</v>
      </c>
      <c r="G78911" s="16">
        <v>2.7321674751009401E-2</v>
      </c>
    </row>
    <row r="78912" spans="1:7" x14ac:dyDescent="0.3">
      <c r="A78912" s="13" t="s">
        <v>402</v>
      </c>
      <c r="B78912" s="14" t="s">
        <v>1</v>
      </c>
      <c r="C78912" s="14" t="s">
        <v>109</v>
      </c>
      <c r="D78912" s="14" t="s">
        <v>403</v>
      </c>
      <c r="E78912" s="15">
        <v>45448</v>
      </c>
      <c r="F78912" s="14" t="s">
        <v>25</v>
      </c>
      <c r="G78912" s="16">
        <v>2.3718103190259424E-2</v>
      </c>
    </row>
    <row r="78913" spans="1:7" x14ac:dyDescent="0.3">
      <c r="A78913" s="13" t="s">
        <v>402</v>
      </c>
      <c r="B78913" s="14" t="s">
        <v>1</v>
      </c>
      <c r="C78913" s="14" t="s">
        <v>109</v>
      </c>
      <c r="D78913" s="14" t="s">
        <v>403</v>
      </c>
      <c r="E78913" s="15">
        <v>45449</v>
      </c>
      <c r="F78913" s="14" t="s">
        <v>25</v>
      </c>
      <c r="G78913" s="16">
        <v>2.170539173224921E-2</v>
      </c>
    </row>
    <row r="78914" spans="1:7" x14ac:dyDescent="0.3">
      <c r="A78914" s="13" t="s">
        <v>402</v>
      </c>
      <c r="B78914" s="14" t="s">
        <v>1</v>
      </c>
      <c r="C78914" s="14" t="s">
        <v>109</v>
      </c>
      <c r="D78914" s="14" t="s">
        <v>403</v>
      </c>
      <c r="E78914" s="15">
        <v>45450</v>
      </c>
      <c r="F78914" s="14" t="s">
        <v>25</v>
      </c>
      <c r="G78914" s="16">
        <v>4.9136403895462255E-2</v>
      </c>
    </row>
    <row r="78915" spans="1:7" x14ac:dyDescent="0.3">
      <c r="A78915" s="13" t="s">
        <v>402</v>
      </c>
      <c r="B78915" s="14" t="s">
        <v>1</v>
      </c>
      <c r="C78915" s="14" t="s">
        <v>109</v>
      </c>
      <c r="D78915" s="14" t="s">
        <v>403</v>
      </c>
      <c r="E78915" s="15">
        <v>45451</v>
      </c>
      <c r="F78915" s="14" t="s">
        <v>25</v>
      </c>
      <c r="G78915" s="16">
        <v>4.9136403895462255E-2</v>
      </c>
    </row>
    <row r="78916" spans="1:7" x14ac:dyDescent="0.3">
      <c r="A78916" s="13" t="s">
        <v>402</v>
      </c>
      <c r="B78916" s="14" t="s">
        <v>1</v>
      </c>
      <c r="C78916" s="14" t="s">
        <v>109</v>
      </c>
      <c r="D78916" s="14" t="s">
        <v>403</v>
      </c>
      <c r="E78916" s="15">
        <v>45452</v>
      </c>
      <c r="F78916" s="14" t="s">
        <v>25</v>
      </c>
      <c r="G78916" s="16">
        <v>4.9136403895462255E-2</v>
      </c>
    </row>
    <row r="78917" spans="1:7" x14ac:dyDescent="0.3">
      <c r="A78917" s="13" t="s">
        <v>402</v>
      </c>
      <c r="B78917" s="14" t="s">
        <v>1</v>
      </c>
      <c r="C78917" s="14" t="s">
        <v>109</v>
      </c>
      <c r="D78917" s="14" t="s">
        <v>403</v>
      </c>
      <c r="E78917" s="15">
        <v>45453</v>
      </c>
      <c r="F78917" s="14" t="s">
        <v>25</v>
      </c>
      <c r="G78917" s="16">
        <v>4.7208184756594392E-2</v>
      </c>
    </row>
    <row r="78918" spans="1:7" x14ac:dyDescent="0.3">
      <c r="A78918" s="13" t="s">
        <v>402</v>
      </c>
      <c r="B78918" s="14" t="s">
        <v>1</v>
      </c>
      <c r="C78918" s="14" t="s">
        <v>109</v>
      </c>
      <c r="D78918" s="14" t="s">
        <v>403</v>
      </c>
      <c r="E78918" s="15">
        <v>45454</v>
      </c>
      <c r="F78918" s="14" t="s">
        <v>25</v>
      </c>
      <c r="G78918" s="16">
        <v>4.317275545371884E-2</v>
      </c>
    </row>
    <row r="78919" spans="1:7" x14ac:dyDescent="0.3">
      <c r="A78919" s="13" t="s">
        <v>402</v>
      </c>
      <c r="B78919" s="14" t="s">
        <v>1</v>
      </c>
      <c r="C78919" s="14" t="s">
        <v>109</v>
      </c>
      <c r="D78919" s="14" t="s">
        <v>403</v>
      </c>
      <c r="E78919" s="15">
        <v>45455</v>
      </c>
      <c r="F78919" s="14" t="s">
        <v>25</v>
      </c>
      <c r="G78919" s="16">
        <v>5.6556025269011385E-2</v>
      </c>
    </row>
    <row r="78920" spans="1:7" x14ac:dyDescent="0.3">
      <c r="A78920" s="13" t="s">
        <v>402</v>
      </c>
      <c r="B78920" s="14" t="s">
        <v>1</v>
      </c>
      <c r="C78920" s="14" t="s">
        <v>109</v>
      </c>
      <c r="D78920" s="14" t="s">
        <v>403</v>
      </c>
      <c r="E78920" s="15">
        <v>45456</v>
      </c>
      <c r="F78920" s="14" t="s">
        <v>25</v>
      </c>
      <c r="G78920" s="16">
        <v>5.4587462481421288E-2</v>
      </c>
    </row>
    <row r="78921" spans="1:7" x14ac:dyDescent="0.3">
      <c r="A78921" s="13" t="s">
        <v>402</v>
      </c>
      <c r="B78921" s="14" t="s">
        <v>1</v>
      </c>
      <c r="C78921" s="14" t="s">
        <v>109</v>
      </c>
      <c r="D78921" s="14" t="s">
        <v>403</v>
      </c>
      <c r="E78921" s="15">
        <v>45457</v>
      </c>
      <c r="F78921" s="14" t="s">
        <v>25</v>
      </c>
      <c r="G78921" s="16">
        <v>5.237041356962243E-2</v>
      </c>
    </row>
    <row r="78922" spans="1:7" x14ac:dyDescent="0.3">
      <c r="A78922" s="13" t="s">
        <v>402</v>
      </c>
      <c r="B78922" s="14" t="s">
        <v>1</v>
      </c>
      <c r="C78922" s="14" t="s">
        <v>109</v>
      </c>
      <c r="D78922" s="14" t="s">
        <v>403</v>
      </c>
      <c r="E78922" s="15">
        <v>45458</v>
      </c>
      <c r="F78922" s="14" t="s">
        <v>25</v>
      </c>
      <c r="G78922" s="16">
        <v>5.237041356962243E-2</v>
      </c>
    </row>
    <row r="78923" spans="1:7" x14ac:dyDescent="0.3">
      <c r="A78923" s="13" t="s">
        <v>402</v>
      </c>
      <c r="B78923" s="14" t="s">
        <v>1</v>
      </c>
      <c r="C78923" s="14" t="s">
        <v>109</v>
      </c>
      <c r="D78923" s="14" t="s">
        <v>403</v>
      </c>
      <c r="E78923" s="15">
        <v>45459</v>
      </c>
      <c r="F78923" s="14" t="s">
        <v>25</v>
      </c>
      <c r="G78923" s="16">
        <v>5.237041356962243E-2</v>
      </c>
    </row>
    <row r="78924" spans="1:7" x14ac:dyDescent="0.3">
      <c r="A78924" s="13" t="s">
        <v>402</v>
      </c>
      <c r="B78924" s="14" t="s">
        <v>1</v>
      </c>
      <c r="C78924" s="14" t="s">
        <v>109</v>
      </c>
      <c r="D78924" s="14" t="s">
        <v>403</v>
      </c>
      <c r="E78924" s="15">
        <v>45460</v>
      </c>
      <c r="F78924" s="14" t="s">
        <v>25</v>
      </c>
      <c r="G78924" s="16">
        <v>5.0327979489060204E-2</v>
      </c>
    </row>
    <row r="78925" spans="1:7" x14ac:dyDescent="0.3">
      <c r="A78925" s="13" t="s">
        <v>402</v>
      </c>
      <c r="B78925" s="14" t="s">
        <v>1</v>
      </c>
      <c r="C78925" s="14" t="s">
        <v>109</v>
      </c>
      <c r="D78925" s="14" t="s">
        <v>403</v>
      </c>
      <c r="E78925" s="15">
        <v>45461</v>
      </c>
      <c r="F78925" s="14" t="s">
        <v>25</v>
      </c>
      <c r="G78925" s="16">
        <v>4.4236475290807452E-2</v>
      </c>
    </row>
    <row r="78926" spans="1:7" x14ac:dyDescent="0.3">
      <c r="A78926" s="13" t="s">
        <v>402</v>
      </c>
      <c r="B78926" s="14" t="s">
        <v>1</v>
      </c>
      <c r="C78926" s="14" t="s">
        <v>109</v>
      </c>
      <c r="D78926" s="14" t="s">
        <v>403</v>
      </c>
      <c r="E78926" s="15">
        <v>45462</v>
      </c>
      <c r="F78926" s="14" t="s">
        <v>25</v>
      </c>
      <c r="G78926" s="16">
        <v>4.2252651714945126E-2</v>
      </c>
    </row>
    <row r="78927" spans="1:7" x14ac:dyDescent="0.3">
      <c r="A78927" s="13" t="s">
        <v>402</v>
      </c>
      <c r="B78927" s="14" t="s">
        <v>1</v>
      </c>
      <c r="C78927" s="14" t="s">
        <v>109</v>
      </c>
      <c r="D78927" s="14" t="s">
        <v>403</v>
      </c>
      <c r="E78927" s="15">
        <v>45463</v>
      </c>
      <c r="F78927" s="14" t="s">
        <v>25</v>
      </c>
      <c r="G78927" s="16">
        <v>4.0532300824347986E-2</v>
      </c>
    </row>
    <row r="78928" spans="1:7" x14ac:dyDescent="0.3">
      <c r="A78928" s="13" t="s">
        <v>402</v>
      </c>
      <c r="B78928" s="14" t="s">
        <v>1</v>
      </c>
      <c r="C78928" s="14" t="s">
        <v>109</v>
      </c>
      <c r="D78928" s="14" t="s">
        <v>403</v>
      </c>
      <c r="E78928" s="15">
        <v>45464</v>
      </c>
      <c r="F78928" s="14" t="s">
        <v>25</v>
      </c>
      <c r="G78928" s="16">
        <v>3.8593266101244555E-2</v>
      </c>
    </row>
    <row r="78929" spans="1:7" x14ac:dyDescent="0.3">
      <c r="A78929" s="13" t="s">
        <v>402</v>
      </c>
      <c r="B78929" s="14" t="s">
        <v>1</v>
      </c>
      <c r="C78929" s="14" t="s">
        <v>109</v>
      </c>
      <c r="D78929" s="14" t="s">
        <v>403</v>
      </c>
      <c r="E78929" s="15">
        <v>45465</v>
      </c>
      <c r="F78929" s="14" t="s">
        <v>25</v>
      </c>
      <c r="G78929" s="16">
        <v>3.8593266101244555E-2</v>
      </c>
    </row>
    <row r="78930" spans="1:7" x14ac:dyDescent="0.3">
      <c r="A78930" s="13" t="s">
        <v>402</v>
      </c>
      <c r="B78930" s="14" t="s">
        <v>1</v>
      </c>
      <c r="C78930" s="14" t="s">
        <v>109</v>
      </c>
      <c r="D78930" s="14" t="s">
        <v>403</v>
      </c>
      <c r="E78930" s="15">
        <v>45466</v>
      </c>
      <c r="F78930" s="14" t="s">
        <v>25</v>
      </c>
      <c r="G78930" s="16">
        <v>3.8593266101244555E-2</v>
      </c>
    </row>
    <row r="78931" spans="1:7" x14ac:dyDescent="0.3">
      <c r="A78931" s="13" t="s">
        <v>402</v>
      </c>
      <c r="B78931" s="14" t="s">
        <v>1</v>
      </c>
      <c r="C78931" s="14" t="s">
        <v>109</v>
      </c>
      <c r="D78931" s="14" t="s">
        <v>403</v>
      </c>
      <c r="E78931" s="15">
        <v>45467</v>
      </c>
      <c r="F78931" s="14" t="s">
        <v>25</v>
      </c>
      <c r="G78931" s="16">
        <v>3.6532231128564824E-2</v>
      </c>
    </row>
    <row r="78932" spans="1:7" x14ac:dyDescent="0.3">
      <c r="A78932" s="13" t="s">
        <v>402</v>
      </c>
      <c r="B78932" s="14" t="s">
        <v>1</v>
      </c>
      <c r="C78932" s="14" t="s">
        <v>109</v>
      </c>
      <c r="D78932" s="14" t="s">
        <v>403</v>
      </c>
      <c r="E78932" s="15">
        <v>45468</v>
      </c>
      <c r="F78932" s="14" t="s">
        <v>25</v>
      </c>
      <c r="G78932" s="16">
        <v>3.0879157824309347E-2</v>
      </c>
    </row>
    <row r="78933" spans="1:7" x14ac:dyDescent="0.3">
      <c r="A78933" s="13" t="s">
        <v>402</v>
      </c>
      <c r="B78933" s="14" t="s">
        <v>1</v>
      </c>
      <c r="C78933" s="14" t="s">
        <v>109</v>
      </c>
      <c r="D78933" s="14" t="s">
        <v>403</v>
      </c>
      <c r="E78933" s="15">
        <v>45469</v>
      </c>
      <c r="F78933" s="14" t="s">
        <v>25</v>
      </c>
      <c r="G78933" s="16">
        <v>3.0108110777026818E-2</v>
      </c>
    </row>
    <row r="78934" spans="1:7" x14ac:dyDescent="0.3">
      <c r="A78934" s="13" t="s">
        <v>402</v>
      </c>
      <c r="B78934" s="14" t="s">
        <v>1</v>
      </c>
      <c r="C78934" s="14" t="s">
        <v>109</v>
      </c>
      <c r="D78934" s="14" t="s">
        <v>403</v>
      </c>
      <c r="E78934" s="15">
        <v>45470</v>
      </c>
      <c r="F78934" s="14" t="s">
        <v>25</v>
      </c>
      <c r="G78934" s="16">
        <v>3.379465863251848E-2</v>
      </c>
    </row>
    <row r="78935" spans="1:7" x14ac:dyDescent="0.3">
      <c r="A78935" s="13" t="s">
        <v>402</v>
      </c>
      <c r="B78935" s="14" t="s">
        <v>1</v>
      </c>
      <c r="C78935" s="14" t="s">
        <v>109</v>
      </c>
      <c r="D78935" s="14" t="s">
        <v>403</v>
      </c>
      <c r="E78935" s="15">
        <v>45471</v>
      </c>
      <c r="F78935" s="14" t="s">
        <v>25</v>
      </c>
      <c r="G78935" s="16">
        <v>6.3885892986578652E-2</v>
      </c>
    </row>
    <row r="78936" spans="1:7" x14ac:dyDescent="0.3">
      <c r="A78936" s="13" t="s">
        <v>402</v>
      </c>
      <c r="B78936" s="14" t="s">
        <v>1</v>
      </c>
      <c r="C78936" s="14" t="s">
        <v>109</v>
      </c>
      <c r="D78936" s="14" t="s">
        <v>403</v>
      </c>
      <c r="E78936" s="15">
        <v>45472</v>
      </c>
      <c r="F78936" s="14" t="s">
        <v>25</v>
      </c>
      <c r="G78936" s="16">
        <v>6.3885892986578652E-2</v>
      </c>
    </row>
    <row r="78937" spans="1:7" x14ac:dyDescent="0.3">
      <c r="A78937" s="13" t="s">
        <v>402</v>
      </c>
      <c r="B78937" s="14" t="s">
        <v>1</v>
      </c>
      <c r="C78937" s="14" t="s">
        <v>109</v>
      </c>
      <c r="D78937" s="14" t="s">
        <v>403</v>
      </c>
      <c r="E78937" s="15">
        <v>45473</v>
      </c>
      <c r="F78937" s="14" t="s">
        <v>25</v>
      </c>
      <c r="G78937" s="16">
        <v>6.3885892986578652E-2</v>
      </c>
    </row>
    <row r="78938" spans="1:7" x14ac:dyDescent="0.3">
      <c r="A78938" s="13" t="s">
        <v>402</v>
      </c>
      <c r="B78938" s="14" t="s">
        <v>1</v>
      </c>
      <c r="C78938" s="14" t="s">
        <v>109</v>
      </c>
      <c r="D78938" s="14" t="s">
        <v>403</v>
      </c>
      <c r="E78938" s="15">
        <v>45474</v>
      </c>
      <c r="F78938" s="14" t="s">
        <v>25</v>
      </c>
      <c r="G78938" s="16">
        <v>6.3885921741904828E-2</v>
      </c>
    </row>
    <row r="78939" spans="1:7" x14ac:dyDescent="0.3">
      <c r="A78939" s="13" t="s">
        <v>402</v>
      </c>
      <c r="B78939" s="14" t="s">
        <v>1</v>
      </c>
      <c r="C78939" s="14" t="s">
        <v>109</v>
      </c>
      <c r="D78939" s="14" t="s">
        <v>403</v>
      </c>
      <c r="E78939" s="15">
        <v>45475</v>
      </c>
      <c r="F78939" s="14" t="s">
        <v>25</v>
      </c>
      <c r="G78939" s="16">
        <v>5.984881432829018E-2</v>
      </c>
    </row>
    <row r="78940" spans="1:7" x14ac:dyDescent="0.3">
      <c r="A78940" s="13" t="s">
        <v>402</v>
      </c>
      <c r="B78940" s="14" t="s">
        <v>1</v>
      </c>
      <c r="C78940" s="14" t="s">
        <v>109</v>
      </c>
      <c r="D78940" s="14" t="s">
        <v>403</v>
      </c>
      <c r="E78940" s="15">
        <v>45476</v>
      </c>
      <c r="F78940" s="14" t="s">
        <v>25</v>
      </c>
      <c r="G78940" s="16">
        <v>5.7681480626681526E-2</v>
      </c>
    </row>
    <row r="78941" spans="1:7" x14ac:dyDescent="0.3">
      <c r="A78941" s="13" t="s">
        <v>402</v>
      </c>
      <c r="B78941" s="14" t="s">
        <v>1</v>
      </c>
      <c r="C78941" s="14" t="s">
        <v>109</v>
      </c>
      <c r="D78941" s="14" t="s">
        <v>403</v>
      </c>
      <c r="E78941" s="15">
        <v>45477</v>
      </c>
      <c r="F78941" s="14" t="s">
        <v>25</v>
      </c>
      <c r="G78941" s="16">
        <v>5.5568707781027432E-2</v>
      </c>
    </row>
    <row r="78942" spans="1:7" x14ac:dyDescent="0.3">
      <c r="A78942" s="13" t="s">
        <v>402</v>
      </c>
      <c r="B78942" s="14" t="s">
        <v>1</v>
      </c>
      <c r="C78942" s="14" t="s">
        <v>109</v>
      </c>
      <c r="D78942" s="14" t="s">
        <v>403</v>
      </c>
      <c r="E78942" s="15">
        <v>45478</v>
      </c>
      <c r="F78942" s="14" t="s">
        <v>25</v>
      </c>
      <c r="G78942" s="16">
        <v>5.695878385297664E-2</v>
      </c>
    </row>
    <row r="78943" spans="1:7" x14ac:dyDescent="0.3">
      <c r="A78943" s="13" t="s">
        <v>402</v>
      </c>
      <c r="B78943" s="14" t="s">
        <v>1</v>
      </c>
      <c r="C78943" s="14" t="s">
        <v>109</v>
      </c>
      <c r="D78943" s="14" t="s">
        <v>403</v>
      </c>
      <c r="E78943" s="15">
        <v>45479</v>
      </c>
      <c r="F78943" s="14" t="s">
        <v>25</v>
      </c>
      <c r="G78943" s="16">
        <v>5.695878385297664E-2</v>
      </c>
    </row>
    <row r="78944" spans="1:7" x14ac:dyDescent="0.3">
      <c r="A78944" s="13" t="s">
        <v>402</v>
      </c>
      <c r="B78944" s="14" t="s">
        <v>1</v>
      </c>
      <c r="C78944" s="14" t="s">
        <v>109</v>
      </c>
      <c r="D78944" s="14" t="s">
        <v>403</v>
      </c>
      <c r="E78944" s="15">
        <v>45480</v>
      </c>
      <c r="F78944" s="14" t="s">
        <v>25</v>
      </c>
      <c r="G78944" s="16">
        <v>5.695878385297664E-2</v>
      </c>
    </row>
    <row r="78945" spans="1:7" x14ac:dyDescent="0.3">
      <c r="A78945" s="13" t="s">
        <v>402</v>
      </c>
      <c r="B78945" s="14" t="s">
        <v>1</v>
      </c>
      <c r="C78945" s="14" t="s">
        <v>109</v>
      </c>
      <c r="D78945" s="14" t="s">
        <v>403</v>
      </c>
      <c r="E78945" s="15">
        <v>45481</v>
      </c>
      <c r="F78945" s="14" t="s">
        <v>25</v>
      </c>
      <c r="G78945" s="16">
        <v>6.2361037663064833E-2</v>
      </c>
    </row>
    <row r="78946" spans="1:7" x14ac:dyDescent="0.3">
      <c r="A78946" s="13" t="s">
        <v>402</v>
      </c>
      <c r="B78946" s="14" t="s">
        <v>1</v>
      </c>
      <c r="C78946" s="14" t="s">
        <v>109</v>
      </c>
      <c r="D78946" s="14" t="s">
        <v>403</v>
      </c>
      <c r="E78946" s="15">
        <v>45482</v>
      </c>
      <c r="F78946" s="14" t="s">
        <v>25</v>
      </c>
      <c r="G78946" s="16">
        <v>5.6148628886972279E-2</v>
      </c>
    </row>
    <row r="78947" spans="1:7" x14ac:dyDescent="0.3">
      <c r="A78947" s="13" t="s">
        <v>402</v>
      </c>
      <c r="B78947" s="14" t="s">
        <v>1</v>
      </c>
      <c r="C78947" s="14" t="s">
        <v>109</v>
      </c>
      <c r="D78947" s="14" t="s">
        <v>403</v>
      </c>
      <c r="E78947" s="15">
        <v>45483</v>
      </c>
      <c r="F78947" s="14" t="s">
        <v>25</v>
      </c>
      <c r="G78947" s="16">
        <v>5.4170818440673313E-2</v>
      </c>
    </row>
    <row r="78948" spans="1:7" x14ac:dyDescent="0.3">
      <c r="A78948" s="13" t="s">
        <v>402</v>
      </c>
      <c r="B78948" s="14" t="s">
        <v>1</v>
      </c>
      <c r="C78948" s="14" t="s">
        <v>109</v>
      </c>
      <c r="D78948" s="14" t="s">
        <v>403</v>
      </c>
      <c r="E78948" s="15">
        <v>45484</v>
      </c>
      <c r="F78948" s="14" t="s">
        <v>25</v>
      </c>
      <c r="G78948" s="16">
        <v>5.1912120924405232E-2</v>
      </c>
    </row>
    <row r="78949" spans="1:7" x14ac:dyDescent="0.3">
      <c r="A78949" s="13" t="s">
        <v>402</v>
      </c>
      <c r="B78949" s="14" t="s">
        <v>1</v>
      </c>
      <c r="C78949" s="14" t="s">
        <v>109</v>
      </c>
      <c r="D78949" s="14" t="s">
        <v>403</v>
      </c>
      <c r="E78949" s="15">
        <v>45485</v>
      </c>
      <c r="F78949" s="14" t="s">
        <v>25</v>
      </c>
      <c r="G78949" s="16">
        <v>4.9704801563096868E-2</v>
      </c>
    </row>
    <row r="78950" spans="1:7" x14ac:dyDescent="0.3">
      <c r="A78950" s="13" t="s">
        <v>402</v>
      </c>
      <c r="B78950" s="14" t="s">
        <v>1</v>
      </c>
      <c r="C78950" s="14" t="s">
        <v>109</v>
      </c>
      <c r="D78950" s="14" t="s">
        <v>403</v>
      </c>
      <c r="E78950" s="15">
        <v>45486</v>
      </c>
      <c r="F78950" s="14" t="s">
        <v>25</v>
      </c>
      <c r="G78950" s="16">
        <v>4.9704801563096868E-2</v>
      </c>
    </row>
    <row r="78951" spans="1:7" x14ac:dyDescent="0.3">
      <c r="A78951" s="13" t="s">
        <v>402</v>
      </c>
      <c r="B78951" s="14" t="s">
        <v>1</v>
      </c>
      <c r="C78951" s="14" t="s">
        <v>109</v>
      </c>
      <c r="D78951" s="14" t="s">
        <v>403</v>
      </c>
      <c r="E78951" s="15">
        <v>45487</v>
      </c>
      <c r="F78951" s="14" t="s">
        <v>25</v>
      </c>
      <c r="G78951" s="16">
        <v>4.9704801563096868E-2</v>
      </c>
    </row>
    <row r="78952" spans="1:7" x14ac:dyDescent="0.3">
      <c r="A78952" s="13" t="s">
        <v>402</v>
      </c>
      <c r="B78952" s="14" t="s">
        <v>1</v>
      </c>
      <c r="C78952" s="14" t="s">
        <v>109</v>
      </c>
      <c r="D78952" s="14" t="s">
        <v>403</v>
      </c>
      <c r="E78952" s="15">
        <v>45488</v>
      </c>
      <c r="F78952" s="14" t="s">
        <v>25</v>
      </c>
      <c r="G78952" s="16">
        <v>4.8576758667673928E-2</v>
      </c>
    </row>
    <row r="78953" spans="1:7" x14ac:dyDescent="0.3">
      <c r="A78953" s="13" t="s">
        <v>402</v>
      </c>
      <c r="B78953" s="14" t="s">
        <v>1</v>
      </c>
      <c r="C78953" s="14" t="s">
        <v>109</v>
      </c>
      <c r="D78953" s="14" t="s">
        <v>403</v>
      </c>
      <c r="E78953" s="15">
        <v>45489</v>
      </c>
      <c r="F78953" s="14" t="s">
        <v>25</v>
      </c>
      <c r="G78953" s="16">
        <v>4.2212625458653286E-2</v>
      </c>
    </row>
    <row r="78954" spans="1:7" x14ac:dyDescent="0.3">
      <c r="A78954" s="13" t="s">
        <v>402</v>
      </c>
      <c r="B78954" s="14" t="s">
        <v>1</v>
      </c>
      <c r="C78954" s="14" t="s">
        <v>109</v>
      </c>
      <c r="D78954" s="14" t="s">
        <v>403</v>
      </c>
      <c r="E78954" s="15">
        <v>45490</v>
      </c>
      <c r="F78954" s="14" t="s">
        <v>25</v>
      </c>
      <c r="G78954" s="16">
        <v>3.9679180444647126E-2</v>
      </c>
    </row>
    <row r="78955" spans="1:7" x14ac:dyDescent="0.3">
      <c r="A78955" s="13" t="s">
        <v>402</v>
      </c>
      <c r="B78955" s="14" t="s">
        <v>1</v>
      </c>
      <c r="C78955" s="14" t="s">
        <v>109</v>
      </c>
      <c r="D78955" s="14" t="s">
        <v>403</v>
      </c>
      <c r="E78955" s="15">
        <v>45491</v>
      </c>
      <c r="F78955" s="14" t="s">
        <v>25</v>
      </c>
      <c r="G78955" s="16">
        <v>3.7808413939370497E-2</v>
      </c>
    </row>
    <row r="78956" spans="1:7" x14ac:dyDescent="0.3">
      <c r="A78956" s="13" t="s">
        <v>402</v>
      </c>
      <c r="B78956" s="14" t="s">
        <v>1</v>
      </c>
      <c r="C78956" s="14" t="s">
        <v>109</v>
      </c>
      <c r="D78956" s="14" t="s">
        <v>403</v>
      </c>
      <c r="E78956" s="15">
        <v>45492</v>
      </c>
      <c r="F78956" s="14" t="s">
        <v>25</v>
      </c>
      <c r="G78956" s="16">
        <v>3.5867759690510849E-2</v>
      </c>
    </row>
    <row r="78957" spans="1:7" x14ac:dyDescent="0.3">
      <c r="A78957" s="13" t="s">
        <v>402</v>
      </c>
      <c r="B78957" s="14" t="s">
        <v>1</v>
      </c>
      <c r="C78957" s="14" t="s">
        <v>109</v>
      </c>
      <c r="D78957" s="14" t="s">
        <v>403</v>
      </c>
      <c r="E78957" s="15">
        <v>45493</v>
      </c>
      <c r="F78957" s="14" t="s">
        <v>25</v>
      </c>
      <c r="G78957" s="16">
        <v>3.5867759690510849E-2</v>
      </c>
    </row>
    <row r="78958" spans="1:7" x14ac:dyDescent="0.3">
      <c r="A78958" s="13" t="s">
        <v>402</v>
      </c>
      <c r="B78958" s="14" t="s">
        <v>1</v>
      </c>
      <c r="C78958" s="14" t="s">
        <v>109</v>
      </c>
      <c r="D78958" s="14" t="s">
        <v>403</v>
      </c>
      <c r="E78958" s="15">
        <v>45494</v>
      </c>
      <c r="F78958" s="14" t="s">
        <v>25</v>
      </c>
      <c r="G78958" s="16">
        <v>3.5867759690510849E-2</v>
      </c>
    </row>
    <row r="78959" spans="1:7" x14ac:dyDescent="0.3">
      <c r="A78959" s="13" t="s">
        <v>402</v>
      </c>
      <c r="B78959" s="14" t="s">
        <v>1</v>
      </c>
      <c r="C78959" s="14" t="s">
        <v>109</v>
      </c>
      <c r="D78959" s="14" t="s">
        <v>403</v>
      </c>
      <c r="E78959" s="15">
        <v>45495</v>
      </c>
      <c r="F78959" s="14" t="s">
        <v>25</v>
      </c>
      <c r="G78959" s="16">
        <v>3.3895820303538202E-2</v>
      </c>
    </row>
    <row r="78960" spans="1:7" x14ac:dyDescent="0.3">
      <c r="A78960" s="13" t="s">
        <v>402</v>
      </c>
      <c r="B78960" s="14" t="s">
        <v>1</v>
      </c>
      <c r="C78960" s="14" t="s">
        <v>109</v>
      </c>
      <c r="D78960" s="14" t="s">
        <v>403</v>
      </c>
      <c r="E78960" s="15">
        <v>45496</v>
      </c>
      <c r="F78960" s="14" t="s">
        <v>25</v>
      </c>
      <c r="G78960" s="16">
        <v>2.8072204597672467E-2</v>
      </c>
    </row>
    <row r="78961" spans="1:7" x14ac:dyDescent="0.3">
      <c r="A78961" s="13" t="s">
        <v>402</v>
      </c>
      <c r="B78961" s="14" t="s">
        <v>1</v>
      </c>
      <c r="C78961" s="14" t="s">
        <v>109</v>
      </c>
      <c r="D78961" s="14" t="s">
        <v>403</v>
      </c>
      <c r="E78961" s="15">
        <v>45497</v>
      </c>
      <c r="F78961" s="14" t="s">
        <v>25</v>
      </c>
      <c r="G78961" s="16">
        <v>2.5922472533306502E-2</v>
      </c>
    </row>
    <row r="78962" spans="1:7" x14ac:dyDescent="0.3">
      <c r="A78962" s="13" t="s">
        <v>402</v>
      </c>
      <c r="B78962" s="14" t="s">
        <v>1</v>
      </c>
      <c r="C78962" s="14" t="s">
        <v>109</v>
      </c>
      <c r="D78962" s="14" t="s">
        <v>403</v>
      </c>
      <c r="E78962" s="15">
        <v>45498</v>
      </c>
      <c r="F78962" s="14" t="s">
        <v>25</v>
      </c>
      <c r="G78962" s="16">
        <v>2.385384478285487E-2</v>
      </c>
    </row>
    <row r="78963" spans="1:7" x14ac:dyDescent="0.3">
      <c r="A78963" s="13" t="s">
        <v>402</v>
      </c>
      <c r="B78963" s="14" t="s">
        <v>1</v>
      </c>
      <c r="C78963" s="14" t="s">
        <v>109</v>
      </c>
      <c r="D78963" s="14" t="s">
        <v>403</v>
      </c>
      <c r="E78963" s="15">
        <v>45499</v>
      </c>
      <c r="F78963" s="14" t="s">
        <v>25</v>
      </c>
      <c r="G78963" s="16">
        <v>2.1999176554489124E-2</v>
      </c>
    </row>
    <row r="78964" spans="1:7" x14ac:dyDescent="0.3">
      <c r="A78964" s="13" t="s">
        <v>402</v>
      </c>
      <c r="B78964" s="14" t="s">
        <v>1</v>
      </c>
      <c r="C78964" s="14" t="s">
        <v>109</v>
      </c>
      <c r="D78964" s="14" t="s">
        <v>403</v>
      </c>
      <c r="E78964" s="15">
        <v>45500</v>
      </c>
      <c r="F78964" s="14" t="s">
        <v>25</v>
      </c>
      <c r="G78964" s="16">
        <v>2.1999176554489124E-2</v>
      </c>
    </row>
    <row r="78965" spans="1:7" x14ac:dyDescent="0.3">
      <c r="A78965" s="13" t="s">
        <v>402</v>
      </c>
      <c r="B78965" s="14" t="s">
        <v>1</v>
      </c>
      <c r="C78965" s="14" t="s">
        <v>109</v>
      </c>
      <c r="D78965" s="14" t="s">
        <v>403</v>
      </c>
      <c r="E78965" s="15">
        <v>45501</v>
      </c>
      <c r="F78965" s="14" t="s">
        <v>25</v>
      </c>
      <c r="G78965" s="16">
        <v>2.1999176554489124E-2</v>
      </c>
    </row>
    <row r="78966" spans="1:7" x14ac:dyDescent="0.3">
      <c r="A78966" s="13" t="s">
        <v>402</v>
      </c>
      <c r="B78966" s="14" t="s">
        <v>1</v>
      </c>
      <c r="C78966" s="14" t="s">
        <v>109</v>
      </c>
      <c r="D78966" s="14" t="s">
        <v>403</v>
      </c>
      <c r="E78966" s="15">
        <v>45502</v>
      </c>
      <c r="F78966" s="14" t="s">
        <v>25</v>
      </c>
      <c r="G78966" s="16">
        <v>3.1973676443646654E-2</v>
      </c>
    </row>
    <row r="78967" spans="1:7" x14ac:dyDescent="0.3">
      <c r="A78967" s="13" t="s">
        <v>402</v>
      </c>
      <c r="B78967" s="14" t="s">
        <v>1</v>
      </c>
      <c r="C78967" s="14" t="s">
        <v>109</v>
      </c>
      <c r="D78967" s="14" t="s">
        <v>403</v>
      </c>
      <c r="E78967" s="15">
        <v>45503</v>
      </c>
      <c r="F78967" s="14" t="s">
        <v>25</v>
      </c>
      <c r="G78967" s="16">
        <v>2.6187857850113426E-2</v>
      </c>
    </row>
    <row r="78968" spans="1:7" x14ac:dyDescent="0.3">
      <c r="A78968" s="13" t="s">
        <v>402</v>
      </c>
      <c r="B78968" s="14" t="s">
        <v>1</v>
      </c>
      <c r="C78968" s="14" t="s">
        <v>109</v>
      </c>
      <c r="D78968" s="14" t="s">
        <v>403</v>
      </c>
      <c r="E78968" s="15">
        <v>45504</v>
      </c>
      <c r="F78968" s="14" t="s">
        <v>25</v>
      </c>
      <c r="G78968" s="16">
        <v>2.5641332529797743E-2</v>
      </c>
    </row>
    <row r="78969" spans="1:7" x14ac:dyDescent="0.3">
      <c r="A78969" s="13" t="s">
        <v>402</v>
      </c>
      <c r="B78969" s="14" t="s">
        <v>1</v>
      </c>
      <c r="C78969" s="14" t="s">
        <v>109</v>
      </c>
      <c r="D78969" s="14" t="s">
        <v>403</v>
      </c>
      <c r="E78969" s="15">
        <v>45505</v>
      </c>
      <c r="F78969" s="14" t="s">
        <v>25</v>
      </c>
      <c r="G78969" s="16">
        <v>3.9020480810847309E-2</v>
      </c>
    </row>
    <row r="78970" spans="1:7" x14ac:dyDescent="0.3">
      <c r="A78970" s="13" t="s">
        <v>402</v>
      </c>
      <c r="B78970" s="14" t="s">
        <v>1</v>
      </c>
      <c r="C78970" s="14" t="s">
        <v>109</v>
      </c>
      <c r="D78970" s="14" t="s">
        <v>403</v>
      </c>
      <c r="E78970" s="15">
        <v>45506</v>
      </c>
      <c r="F78970" s="14" t="s">
        <v>25</v>
      </c>
      <c r="G78970" s="16">
        <v>3.6487373529880442E-2</v>
      </c>
    </row>
    <row r="78971" spans="1:7" x14ac:dyDescent="0.3">
      <c r="A78971" s="13" t="s">
        <v>402</v>
      </c>
      <c r="B78971" s="14" t="s">
        <v>1</v>
      </c>
      <c r="C78971" s="14" t="s">
        <v>109</v>
      </c>
      <c r="D78971" s="14" t="s">
        <v>403</v>
      </c>
      <c r="E78971" s="15">
        <v>45507</v>
      </c>
      <c r="F78971" s="14" t="s">
        <v>25</v>
      </c>
      <c r="G78971" s="16">
        <v>3.6487373529880442E-2</v>
      </c>
    </row>
    <row r="78972" spans="1:7" x14ac:dyDescent="0.3">
      <c r="A78972" s="13" t="s">
        <v>402</v>
      </c>
      <c r="B78972" s="14" t="s">
        <v>1</v>
      </c>
      <c r="C78972" s="14" t="s">
        <v>109</v>
      </c>
      <c r="D78972" s="14" t="s">
        <v>403</v>
      </c>
      <c r="E78972" s="15">
        <v>45508</v>
      </c>
      <c r="F78972" s="14" t="s">
        <v>25</v>
      </c>
      <c r="G78972" s="16">
        <v>3.6487373529880442E-2</v>
      </c>
    </row>
    <row r="78973" spans="1:7" x14ac:dyDescent="0.3">
      <c r="A78973" s="13" t="s">
        <v>402</v>
      </c>
      <c r="B78973" s="14" t="s">
        <v>1</v>
      </c>
      <c r="C78973" s="14" t="s">
        <v>109</v>
      </c>
      <c r="D78973" s="14" t="s">
        <v>403</v>
      </c>
      <c r="E78973" s="15">
        <v>45509</v>
      </c>
      <c r="F78973" s="14" t="s">
        <v>25</v>
      </c>
      <c r="G78973" s="16">
        <v>3.6487373529880442E-2</v>
      </c>
    </row>
    <row r="78974" spans="1:7" x14ac:dyDescent="0.3">
      <c r="A78974" s="13" t="s">
        <v>402</v>
      </c>
      <c r="B78974" s="14" t="s">
        <v>1</v>
      </c>
      <c r="C78974" s="14" t="s">
        <v>109</v>
      </c>
      <c r="D78974" s="14" t="s">
        <v>403</v>
      </c>
      <c r="E78974" s="15">
        <v>45510</v>
      </c>
      <c r="F78974" s="14" t="s">
        <v>25</v>
      </c>
      <c r="G78974" s="16">
        <v>3.4436250697566645E-2</v>
      </c>
    </row>
    <row r="78975" spans="1:7" x14ac:dyDescent="0.3">
      <c r="A78975" s="13" t="s">
        <v>402</v>
      </c>
      <c r="B78975" s="14" t="s">
        <v>1</v>
      </c>
      <c r="C78975" s="14" t="s">
        <v>109</v>
      </c>
      <c r="D78975" s="14" t="s">
        <v>403</v>
      </c>
      <c r="E78975" s="15">
        <v>45511</v>
      </c>
      <c r="F78975" s="14" t="s">
        <v>25</v>
      </c>
      <c r="G78975" s="16">
        <v>3.1483288437292631E-2</v>
      </c>
    </row>
    <row r="78976" spans="1:7" x14ac:dyDescent="0.3">
      <c r="A78976" s="13" t="s">
        <v>402</v>
      </c>
      <c r="B78976" s="14" t="s">
        <v>1</v>
      </c>
      <c r="C78976" s="14" t="s">
        <v>109</v>
      </c>
      <c r="D78976" s="14" t="s">
        <v>403</v>
      </c>
      <c r="E78976" s="15">
        <v>45512</v>
      </c>
      <c r="F78976" s="14" t="s">
        <v>25</v>
      </c>
      <c r="G78976" s="16">
        <v>3.0821432655271128E-2</v>
      </c>
    </row>
    <row r="78977" spans="1:7" x14ac:dyDescent="0.3">
      <c r="A78977" s="13" t="s">
        <v>402</v>
      </c>
      <c r="B78977" s="14" t="s">
        <v>1</v>
      </c>
      <c r="C78977" s="14" t="s">
        <v>109</v>
      </c>
      <c r="D78977" s="14" t="s">
        <v>403</v>
      </c>
      <c r="E78977" s="15">
        <v>45513</v>
      </c>
      <c r="F78977" s="14" t="s">
        <v>25</v>
      </c>
      <c r="G78977" s="16">
        <v>4.2408253170041758E-2</v>
      </c>
    </row>
    <row r="78978" spans="1:7" x14ac:dyDescent="0.3">
      <c r="A78978" s="13" t="s">
        <v>402</v>
      </c>
      <c r="B78978" s="14" t="s">
        <v>1</v>
      </c>
      <c r="C78978" s="14" t="s">
        <v>109</v>
      </c>
      <c r="D78978" s="14" t="s">
        <v>403</v>
      </c>
      <c r="E78978" s="15">
        <v>45514</v>
      </c>
      <c r="F78978" s="14" t="s">
        <v>25</v>
      </c>
      <c r="G78978" s="16">
        <v>4.2408253170041758E-2</v>
      </c>
    </row>
    <row r="78979" spans="1:7" x14ac:dyDescent="0.3">
      <c r="A78979" s="13" t="s">
        <v>402</v>
      </c>
      <c r="B78979" s="14" t="s">
        <v>1</v>
      </c>
      <c r="C78979" s="14" t="s">
        <v>109</v>
      </c>
      <c r="D78979" s="14" t="s">
        <v>403</v>
      </c>
      <c r="E78979" s="15">
        <v>45515</v>
      </c>
      <c r="F78979" s="14" t="s">
        <v>25</v>
      </c>
      <c r="G78979" s="16">
        <v>4.2408253170041758E-2</v>
      </c>
    </row>
    <row r="78980" spans="1:7" x14ac:dyDescent="0.3">
      <c r="A78980" s="13" t="s">
        <v>402</v>
      </c>
      <c r="B78980" s="14" t="s">
        <v>1</v>
      </c>
      <c r="C78980" s="14" t="s">
        <v>109</v>
      </c>
      <c r="D78980" s="14" t="s">
        <v>403</v>
      </c>
      <c r="E78980" s="15">
        <v>45516</v>
      </c>
      <c r="F78980" s="14" t="s">
        <v>25</v>
      </c>
      <c r="G78980" s="16">
        <v>4.1969311267063297E-2</v>
      </c>
    </row>
    <row r="78981" spans="1:7" x14ac:dyDescent="0.3">
      <c r="A78981" s="13" t="s">
        <v>402</v>
      </c>
      <c r="B78981" s="14" t="s">
        <v>1</v>
      </c>
      <c r="C78981" s="14" t="s">
        <v>109</v>
      </c>
      <c r="D78981" s="14" t="s">
        <v>403</v>
      </c>
      <c r="E78981" s="15">
        <v>45517</v>
      </c>
      <c r="F78981" s="14" t="s">
        <v>25</v>
      </c>
      <c r="G78981" s="16">
        <v>4.0290374815385402E-2</v>
      </c>
    </row>
    <row r="78982" spans="1:7" x14ac:dyDescent="0.3">
      <c r="A78982" s="13" t="s">
        <v>402</v>
      </c>
      <c r="B78982" s="14" t="s">
        <v>1</v>
      </c>
      <c r="C78982" s="14" t="s">
        <v>109</v>
      </c>
      <c r="D78982" s="14" t="s">
        <v>403</v>
      </c>
      <c r="E78982" s="15">
        <v>45518</v>
      </c>
      <c r="F78982" s="14" t="s">
        <v>25</v>
      </c>
      <c r="G78982" s="16">
        <v>3.8526328213110542E-2</v>
      </c>
    </row>
    <row r="78983" spans="1:7" x14ac:dyDescent="0.3">
      <c r="A78983" s="13" t="s">
        <v>402</v>
      </c>
      <c r="B78983" s="14" t="s">
        <v>1</v>
      </c>
      <c r="C78983" s="14" t="s">
        <v>109</v>
      </c>
      <c r="D78983" s="14" t="s">
        <v>403</v>
      </c>
      <c r="E78983" s="15">
        <v>45519</v>
      </c>
      <c r="F78983" s="14" t="s">
        <v>25</v>
      </c>
      <c r="G78983" s="16">
        <v>3.7006521317624372E-2</v>
      </c>
    </row>
    <row r="78984" spans="1:7" x14ac:dyDescent="0.3">
      <c r="A78984" s="13" t="s">
        <v>402</v>
      </c>
      <c r="B78984" s="14" t="s">
        <v>1</v>
      </c>
      <c r="C78984" s="14" t="s">
        <v>109</v>
      </c>
      <c r="D78984" s="14" t="s">
        <v>403</v>
      </c>
      <c r="E78984" s="15">
        <v>45520</v>
      </c>
      <c r="F78984" s="14" t="s">
        <v>25</v>
      </c>
      <c r="G78984" s="16">
        <v>4.5538268252675512E-2</v>
      </c>
    </row>
    <row r="78985" spans="1:7" x14ac:dyDescent="0.3">
      <c r="A78985" s="13" t="s">
        <v>402</v>
      </c>
      <c r="B78985" s="14" t="s">
        <v>1</v>
      </c>
      <c r="C78985" s="14" t="s">
        <v>109</v>
      </c>
      <c r="D78985" s="14" t="s">
        <v>403</v>
      </c>
      <c r="E78985" s="15">
        <v>45521</v>
      </c>
      <c r="F78985" s="14" t="s">
        <v>25</v>
      </c>
      <c r="G78985" s="16">
        <v>4.5538268252675512E-2</v>
      </c>
    </row>
    <row r="78986" spans="1:7" x14ac:dyDescent="0.3">
      <c r="A78986" s="13" t="s">
        <v>402</v>
      </c>
      <c r="B78986" s="14" t="s">
        <v>1</v>
      </c>
      <c r="C78986" s="14" t="s">
        <v>109</v>
      </c>
      <c r="D78986" s="14" t="s">
        <v>403</v>
      </c>
      <c r="E78986" s="15">
        <v>45522</v>
      </c>
      <c r="F78986" s="14" t="s">
        <v>25</v>
      </c>
      <c r="G78986" s="16">
        <v>4.5538268252675512E-2</v>
      </c>
    </row>
    <row r="78987" spans="1:7" x14ac:dyDescent="0.3">
      <c r="A78987" s="13" t="s">
        <v>402</v>
      </c>
      <c r="B78987" s="14" t="s">
        <v>1</v>
      </c>
      <c r="C78987" s="14" t="s">
        <v>109</v>
      </c>
      <c r="D78987" s="14" t="s">
        <v>403</v>
      </c>
      <c r="E78987" s="15">
        <v>45523</v>
      </c>
      <c r="F78987" s="14" t="s">
        <v>25</v>
      </c>
      <c r="G78987" s="16">
        <v>4.3201716711104989E-2</v>
      </c>
    </row>
    <row r="78988" spans="1:7" x14ac:dyDescent="0.3">
      <c r="A78988" s="13" t="s">
        <v>402</v>
      </c>
      <c r="B78988" s="14" t="s">
        <v>1</v>
      </c>
      <c r="C78988" s="14" t="s">
        <v>109</v>
      </c>
      <c r="D78988" s="14" t="s">
        <v>403</v>
      </c>
      <c r="E78988" s="15">
        <v>45524</v>
      </c>
      <c r="F78988" s="14" t="s">
        <v>25</v>
      </c>
      <c r="G78988" s="16">
        <v>3.7089203740945195E-2</v>
      </c>
    </row>
    <row r="78989" spans="1:7" x14ac:dyDescent="0.3">
      <c r="A78989" s="13" t="s">
        <v>402</v>
      </c>
      <c r="B78989" s="14" t="s">
        <v>1</v>
      </c>
      <c r="C78989" s="14" t="s">
        <v>109</v>
      </c>
      <c r="D78989" s="14" t="s">
        <v>403</v>
      </c>
      <c r="E78989" s="15">
        <v>45525</v>
      </c>
      <c r="F78989" s="14" t="s">
        <v>25</v>
      </c>
      <c r="G78989" s="16">
        <v>3.5065320822450931E-2</v>
      </c>
    </row>
    <row r="78990" spans="1:7" x14ac:dyDescent="0.3">
      <c r="A78990" s="13" t="s">
        <v>402</v>
      </c>
      <c r="B78990" s="14" t="s">
        <v>1</v>
      </c>
      <c r="C78990" s="14" t="s">
        <v>109</v>
      </c>
      <c r="D78990" s="14" t="s">
        <v>403</v>
      </c>
      <c r="E78990" s="15">
        <v>45526</v>
      </c>
      <c r="F78990" s="14" t="s">
        <v>25</v>
      </c>
      <c r="G78990" s="16">
        <v>3.3148273683498784E-2</v>
      </c>
    </row>
    <row r="78991" spans="1:7" x14ac:dyDescent="0.3">
      <c r="A78991" s="13" t="s">
        <v>402</v>
      </c>
      <c r="B78991" s="14" t="s">
        <v>1</v>
      </c>
      <c r="C78991" s="14" t="s">
        <v>109</v>
      </c>
      <c r="D78991" s="14" t="s">
        <v>403</v>
      </c>
      <c r="E78991" s="15">
        <v>45527</v>
      </c>
      <c r="F78991" s="14" t="s">
        <v>25</v>
      </c>
      <c r="G78991" s="16">
        <v>5.4318273255866877E-2</v>
      </c>
    </row>
    <row r="78992" spans="1:7" x14ac:dyDescent="0.3">
      <c r="A78992" s="13" t="s">
        <v>402</v>
      </c>
      <c r="B78992" s="14" t="s">
        <v>1</v>
      </c>
      <c r="C78992" s="14" t="s">
        <v>109</v>
      </c>
      <c r="D78992" s="14" t="s">
        <v>403</v>
      </c>
      <c r="E78992" s="15">
        <v>45528</v>
      </c>
      <c r="F78992" s="14" t="s">
        <v>25</v>
      </c>
      <c r="G78992" s="16">
        <v>5.4318273255866877E-2</v>
      </c>
    </row>
    <row r="78993" spans="1:7" x14ac:dyDescent="0.3">
      <c r="A78993" s="13" t="s">
        <v>402</v>
      </c>
      <c r="B78993" s="14" t="s">
        <v>1</v>
      </c>
      <c r="C78993" s="14" t="s">
        <v>109</v>
      </c>
      <c r="D78993" s="14" t="s">
        <v>403</v>
      </c>
      <c r="E78993" s="15">
        <v>45529</v>
      </c>
      <c r="F78993" s="14" t="s">
        <v>25</v>
      </c>
      <c r="G78993" s="16">
        <v>5.4318273255866877E-2</v>
      </c>
    </row>
    <row r="78994" spans="1:7" x14ac:dyDescent="0.3">
      <c r="A78994" s="13" t="s">
        <v>402</v>
      </c>
      <c r="B78994" s="14" t="s">
        <v>1</v>
      </c>
      <c r="C78994" s="14" t="s">
        <v>109</v>
      </c>
      <c r="D78994" s="14" t="s">
        <v>403</v>
      </c>
      <c r="E78994" s="15">
        <v>45530</v>
      </c>
      <c r="F78994" s="14" t="s">
        <v>25</v>
      </c>
      <c r="G78994" s="16">
        <v>5.2359601327523479E-2</v>
      </c>
    </row>
    <row r="78995" spans="1:7" x14ac:dyDescent="0.3">
      <c r="A78995" s="13" t="s">
        <v>402</v>
      </c>
      <c r="B78995" s="14" t="s">
        <v>1</v>
      </c>
      <c r="C78995" s="14" t="s">
        <v>109</v>
      </c>
      <c r="D78995" s="14" t="s">
        <v>403</v>
      </c>
      <c r="E78995" s="15">
        <v>45531</v>
      </c>
      <c r="F78995" s="14" t="s">
        <v>25</v>
      </c>
      <c r="G78995" s="16">
        <v>4.6176648137157696E-2</v>
      </c>
    </row>
    <row r="78996" spans="1:7" x14ac:dyDescent="0.3">
      <c r="A78996" s="13" t="s">
        <v>402</v>
      </c>
      <c r="B78996" s="14" t="s">
        <v>1</v>
      </c>
      <c r="C78996" s="14" t="s">
        <v>109</v>
      </c>
      <c r="D78996" s="14" t="s">
        <v>403</v>
      </c>
      <c r="E78996" s="15">
        <v>45532</v>
      </c>
      <c r="F78996" s="14" t="s">
        <v>25</v>
      </c>
      <c r="G78996" s="16">
        <v>5.5769250102742404E-2</v>
      </c>
    </row>
    <row r="78997" spans="1:7" x14ac:dyDescent="0.3">
      <c r="A78997" s="13" t="s">
        <v>402</v>
      </c>
      <c r="B78997" s="14" t="s">
        <v>1</v>
      </c>
      <c r="C78997" s="14" t="s">
        <v>109</v>
      </c>
      <c r="D78997" s="14" t="s">
        <v>403</v>
      </c>
      <c r="E78997" s="15">
        <v>45533</v>
      </c>
      <c r="F78997" s="14" t="s">
        <v>25</v>
      </c>
      <c r="G78997" s="16">
        <v>6.7237624459194734E-2</v>
      </c>
    </row>
    <row r="78998" spans="1:7" x14ac:dyDescent="0.3">
      <c r="A78998" s="13" t="s">
        <v>402</v>
      </c>
      <c r="B78998" s="14" t="s">
        <v>1</v>
      </c>
      <c r="C78998" s="14" t="s">
        <v>109</v>
      </c>
      <c r="D78998" s="14" t="s">
        <v>403</v>
      </c>
      <c r="E78998" s="15">
        <v>45534</v>
      </c>
      <c r="F78998" s="14" t="s">
        <v>25</v>
      </c>
      <c r="G78998" s="16">
        <v>6.5524270366641726E-2</v>
      </c>
    </row>
    <row r="78999" spans="1:7" x14ac:dyDescent="0.3">
      <c r="A78999" s="13" t="s">
        <v>402</v>
      </c>
      <c r="B78999" s="14" t="s">
        <v>1</v>
      </c>
      <c r="C78999" s="14" t="s">
        <v>109</v>
      </c>
      <c r="D78999" s="14" t="s">
        <v>403</v>
      </c>
      <c r="E78999" s="15">
        <v>45535</v>
      </c>
      <c r="F78999" s="14" t="s">
        <v>25</v>
      </c>
      <c r="G78999" s="16">
        <v>6.5524270366641726E-2</v>
      </c>
    </row>
    <row r="79000" spans="1:7" x14ac:dyDescent="0.3">
      <c r="A79000" s="13" t="s">
        <v>402</v>
      </c>
      <c r="B79000" s="14" t="s">
        <v>1</v>
      </c>
      <c r="C79000" s="14" t="s">
        <v>109</v>
      </c>
      <c r="D79000" s="14" t="s">
        <v>403</v>
      </c>
      <c r="E79000" s="15">
        <v>45536</v>
      </c>
      <c r="F79000" s="14" t="s">
        <v>25</v>
      </c>
      <c r="G79000" s="16">
        <v>6.5524270366641726E-2</v>
      </c>
    </row>
    <row r="79001" spans="1:7" x14ac:dyDescent="0.3">
      <c r="A79001" s="13" t="s">
        <v>402</v>
      </c>
      <c r="B79001" s="14" t="s">
        <v>1</v>
      </c>
      <c r="C79001" s="14" t="s">
        <v>109</v>
      </c>
      <c r="D79001" s="14" t="s">
        <v>403</v>
      </c>
      <c r="E79001" s="15">
        <v>45537</v>
      </c>
      <c r="F79001" s="14" t="s">
        <v>25</v>
      </c>
      <c r="G79001" s="16">
        <v>6.3749522567355027E-2</v>
      </c>
    </row>
    <row r="79002" spans="1:7" x14ac:dyDescent="0.3">
      <c r="A79002" s="13" t="s">
        <v>402</v>
      </c>
      <c r="B79002" s="14" t="s">
        <v>1</v>
      </c>
      <c r="C79002" s="14" t="s">
        <v>109</v>
      </c>
      <c r="D79002" s="14" t="s">
        <v>403</v>
      </c>
      <c r="E79002" s="15">
        <v>45538</v>
      </c>
      <c r="F79002" s="14" t="s">
        <v>25</v>
      </c>
      <c r="G79002" s="16">
        <v>5.7888324075384738E-2</v>
      </c>
    </row>
    <row r="79003" spans="1:7" x14ac:dyDescent="0.3">
      <c r="A79003" s="13" t="s">
        <v>402</v>
      </c>
      <c r="B79003" s="14" t="s">
        <v>1</v>
      </c>
      <c r="C79003" s="14" t="s">
        <v>109</v>
      </c>
      <c r="D79003" s="14" t="s">
        <v>403</v>
      </c>
      <c r="E79003" s="15">
        <v>45539</v>
      </c>
      <c r="F79003" s="14" t="s">
        <v>25</v>
      </c>
      <c r="G79003" s="16">
        <v>5.7105414317785534E-2</v>
      </c>
    </row>
    <row r="79004" spans="1:7" x14ac:dyDescent="0.3">
      <c r="A79004" s="13" t="s">
        <v>402</v>
      </c>
      <c r="B79004" s="14" t="s">
        <v>1</v>
      </c>
      <c r="C79004" s="14" t="s">
        <v>109</v>
      </c>
      <c r="D79004" s="14" t="s">
        <v>403</v>
      </c>
      <c r="E79004" s="15">
        <v>45540</v>
      </c>
      <c r="F79004" s="14" t="s">
        <v>25</v>
      </c>
      <c r="G79004" s="16">
        <v>5.5130537784855972E-2</v>
      </c>
    </row>
    <row r="79005" spans="1:7" x14ac:dyDescent="0.3">
      <c r="A79005" s="13" t="s">
        <v>402</v>
      </c>
      <c r="B79005" s="14" t="s">
        <v>1</v>
      </c>
      <c r="C79005" s="14" t="s">
        <v>109</v>
      </c>
      <c r="D79005" s="14" t="s">
        <v>403</v>
      </c>
      <c r="E79005" s="15">
        <v>45541</v>
      </c>
      <c r="F79005" s="14" t="s">
        <v>25</v>
      </c>
      <c r="G79005" s="16">
        <v>5.3620512853652783E-2</v>
      </c>
    </row>
    <row r="79006" spans="1:7" x14ac:dyDescent="0.3">
      <c r="A79006" s="13" t="s">
        <v>402</v>
      </c>
      <c r="B79006" s="14" t="s">
        <v>1</v>
      </c>
      <c r="C79006" s="14" t="s">
        <v>109</v>
      </c>
      <c r="D79006" s="14" t="s">
        <v>403</v>
      </c>
      <c r="E79006" s="15">
        <v>45542</v>
      </c>
      <c r="F79006" s="14" t="s">
        <v>25</v>
      </c>
      <c r="G79006" s="16">
        <v>5.3620512853652783E-2</v>
      </c>
    </row>
    <row r="79007" spans="1:7" x14ac:dyDescent="0.3">
      <c r="A79007" s="13" t="s">
        <v>402</v>
      </c>
      <c r="B79007" s="14" t="s">
        <v>1</v>
      </c>
      <c r="C79007" s="14" t="s">
        <v>109</v>
      </c>
      <c r="D79007" s="14" t="s">
        <v>403</v>
      </c>
      <c r="E79007" s="15">
        <v>45543</v>
      </c>
      <c r="F79007" s="14" t="s">
        <v>25</v>
      </c>
      <c r="G79007" s="16">
        <v>5.3620512853652783E-2</v>
      </c>
    </row>
    <row r="79008" spans="1:7" x14ac:dyDescent="0.3">
      <c r="A79008" s="13" t="s">
        <v>402</v>
      </c>
      <c r="B79008" s="14" t="s">
        <v>1</v>
      </c>
      <c r="C79008" s="14" t="s">
        <v>109</v>
      </c>
      <c r="D79008" s="14" t="s">
        <v>403</v>
      </c>
      <c r="E79008" s="15">
        <v>45544</v>
      </c>
      <c r="F79008" s="14" t="s">
        <v>25</v>
      </c>
      <c r="G79008" s="16">
        <v>5.6723612482690339E-2</v>
      </c>
    </row>
    <row r="79009" spans="1:7" x14ac:dyDescent="0.3">
      <c r="A79009" s="13" t="s">
        <v>402</v>
      </c>
      <c r="B79009" s="14" t="s">
        <v>1</v>
      </c>
      <c r="C79009" s="14" t="s">
        <v>109</v>
      </c>
      <c r="D79009" s="14" t="s">
        <v>403</v>
      </c>
      <c r="E79009" s="15">
        <v>45545</v>
      </c>
      <c r="F79009" s="14" t="s">
        <v>25</v>
      </c>
      <c r="G79009" s="16">
        <v>5.122967962664176E-2</v>
      </c>
    </row>
    <row r="79010" spans="1:7" x14ac:dyDescent="0.3">
      <c r="A79010" s="13" t="s">
        <v>402</v>
      </c>
      <c r="B79010" s="14" t="s">
        <v>1</v>
      </c>
      <c r="C79010" s="14" t="s">
        <v>109</v>
      </c>
      <c r="D79010" s="14" t="s">
        <v>403</v>
      </c>
      <c r="E79010" s="15">
        <v>45546</v>
      </c>
      <c r="F79010" s="14" t="s">
        <v>25</v>
      </c>
      <c r="G79010" s="16">
        <v>4.9130199103597685E-2</v>
      </c>
    </row>
    <row r="79011" spans="1:7" x14ac:dyDescent="0.3">
      <c r="A79011" s="13" t="s">
        <v>402</v>
      </c>
      <c r="B79011" s="14" t="s">
        <v>1</v>
      </c>
      <c r="C79011" s="14" t="s">
        <v>109</v>
      </c>
      <c r="D79011" s="14" t="s">
        <v>403</v>
      </c>
      <c r="E79011" s="15">
        <v>45547</v>
      </c>
      <c r="F79011" s="14" t="s">
        <v>25</v>
      </c>
      <c r="G79011" s="16">
        <v>4.7289397896933726E-2</v>
      </c>
    </row>
    <row r="79012" spans="1:7" x14ac:dyDescent="0.3">
      <c r="A79012" s="13" t="s">
        <v>402</v>
      </c>
      <c r="B79012" s="14" t="s">
        <v>1</v>
      </c>
      <c r="C79012" s="14" t="s">
        <v>109</v>
      </c>
      <c r="D79012" s="14" t="s">
        <v>403</v>
      </c>
      <c r="E79012" s="15">
        <v>45548</v>
      </c>
      <c r="F79012" s="14" t="s">
        <v>25</v>
      </c>
      <c r="G79012" s="16">
        <v>4.5870810088169414E-2</v>
      </c>
    </row>
    <row r="79013" spans="1:7" x14ac:dyDescent="0.3">
      <c r="A79013" s="13" t="s">
        <v>402</v>
      </c>
      <c r="B79013" s="14" t="s">
        <v>1</v>
      </c>
      <c r="C79013" s="14" t="s">
        <v>109</v>
      </c>
      <c r="D79013" s="14" t="s">
        <v>403</v>
      </c>
      <c r="E79013" s="15">
        <v>45549</v>
      </c>
      <c r="F79013" s="14" t="s">
        <v>25</v>
      </c>
      <c r="G79013" s="16">
        <v>4.5870810088169414E-2</v>
      </c>
    </row>
    <row r="79014" spans="1:7" x14ac:dyDescent="0.3">
      <c r="A79014" s="13" t="s">
        <v>402</v>
      </c>
      <c r="B79014" s="14" t="s">
        <v>1</v>
      </c>
      <c r="C79014" s="14" t="s">
        <v>109</v>
      </c>
      <c r="D79014" s="14" t="s">
        <v>403</v>
      </c>
      <c r="E79014" s="15">
        <v>45550</v>
      </c>
      <c r="F79014" s="14" t="s">
        <v>25</v>
      </c>
      <c r="G79014" s="16">
        <v>4.5870810088169414E-2</v>
      </c>
    </row>
    <row r="79015" spans="1:7" x14ac:dyDescent="0.3">
      <c r="A79015" s="13" t="s">
        <v>402</v>
      </c>
      <c r="B79015" s="14" t="s">
        <v>1</v>
      </c>
      <c r="C79015" s="14" t="s">
        <v>109</v>
      </c>
      <c r="D79015" s="14" t="s">
        <v>403</v>
      </c>
      <c r="E79015" s="15">
        <v>45551</v>
      </c>
      <c r="F79015" s="14" t="s">
        <v>25</v>
      </c>
      <c r="G79015" s="16">
        <v>4.413635569472929E-2</v>
      </c>
    </row>
    <row r="79016" spans="1:7" x14ac:dyDescent="0.3">
      <c r="A79016" s="13" t="s">
        <v>402</v>
      </c>
      <c r="B79016" s="14" t="s">
        <v>1</v>
      </c>
      <c r="C79016" s="14" t="s">
        <v>109</v>
      </c>
      <c r="D79016" s="14" t="s">
        <v>403</v>
      </c>
      <c r="E79016" s="15">
        <v>45552</v>
      </c>
      <c r="F79016" s="14" t="s">
        <v>25</v>
      </c>
      <c r="G79016" s="16">
        <v>3.8656632208096557E-2</v>
      </c>
    </row>
    <row r="79017" spans="1:7" x14ac:dyDescent="0.3">
      <c r="A79017" s="13" t="s">
        <v>402</v>
      </c>
      <c r="B79017" s="14" t="s">
        <v>1</v>
      </c>
      <c r="C79017" s="14" t="s">
        <v>109</v>
      </c>
      <c r="D79017" s="14" t="s">
        <v>403</v>
      </c>
      <c r="E79017" s="15">
        <v>45553</v>
      </c>
      <c r="F79017" s="14" t="s">
        <v>25</v>
      </c>
      <c r="G79017" s="16">
        <v>3.69680628293233E-2</v>
      </c>
    </row>
    <row r="79018" spans="1:7" x14ac:dyDescent="0.3">
      <c r="A79018" s="13" t="s">
        <v>402</v>
      </c>
      <c r="B79018" s="14" t="s">
        <v>1</v>
      </c>
      <c r="C79018" s="14" t="s">
        <v>109</v>
      </c>
      <c r="D79018" s="14" t="s">
        <v>403</v>
      </c>
      <c r="E79018" s="15">
        <v>45554</v>
      </c>
      <c r="F79018" s="14" t="s">
        <v>25</v>
      </c>
      <c r="G79018" s="16">
        <v>3.5163313272937383E-2</v>
      </c>
    </row>
    <row r="79019" spans="1:7" x14ac:dyDescent="0.3">
      <c r="A79019" s="13" t="s">
        <v>402</v>
      </c>
      <c r="B79019" s="14" t="s">
        <v>1</v>
      </c>
      <c r="C79019" s="14" t="s">
        <v>109</v>
      </c>
      <c r="D79019" s="14" t="s">
        <v>403</v>
      </c>
      <c r="E79019" s="15">
        <v>45555</v>
      </c>
      <c r="F79019" s="14" t="s">
        <v>25</v>
      </c>
      <c r="G79019" s="16">
        <v>3.3408514932736236E-2</v>
      </c>
    </row>
    <row r="79020" spans="1:7" x14ac:dyDescent="0.3">
      <c r="A79020" s="13" t="s">
        <v>402</v>
      </c>
      <c r="B79020" s="14" t="s">
        <v>1</v>
      </c>
      <c r="C79020" s="14" t="s">
        <v>109</v>
      </c>
      <c r="D79020" s="14" t="s">
        <v>403</v>
      </c>
      <c r="E79020" s="15">
        <v>45556</v>
      </c>
      <c r="F79020" s="14" t="s">
        <v>25</v>
      </c>
      <c r="G79020" s="16">
        <v>3.3408514932736236E-2</v>
      </c>
    </row>
    <row r="79021" spans="1:7" x14ac:dyDescent="0.3">
      <c r="A79021" s="13" t="s">
        <v>402</v>
      </c>
      <c r="B79021" s="14" t="s">
        <v>1</v>
      </c>
      <c r="C79021" s="14" t="s">
        <v>109</v>
      </c>
      <c r="D79021" s="14" t="s">
        <v>403</v>
      </c>
      <c r="E79021" s="15">
        <v>45557</v>
      </c>
      <c r="F79021" s="14" t="s">
        <v>25</v>
      </c>
      <c r="G79021" s="16">
        <v>3.3408514932736236E-2</v>
      </c>
    </row>
    <row r="79022" spans="1:7" x14ac:dyDescent="0.3">
      <c r="A79022" s="13" t="s">
        <v>402</v>
      </c>
      <c r="B79022" s="14" t="s">
        <v>1</v>
      </c>
      <c r="C79022" s="14" t="s">
        <v>109</v>
      </c>
      <c r="D79022" s="14" t="s">
        <v>403</v>
      </c>
      <c r="E79022" s="15">
        <v>45558</v>
      </c>
      <c r="F79022" s="14" t="s">
        <v>25</v>
      </c>
      <c r="G79022" s="16">
        <v>3.1417689974763227E-2</v>
      </c>
    </row>
    <row r="79023" spans="1:7" x14ac:dyDescent="0.3">
      <c r="A79023" s="13" t="s">
        <v>402</v>
      </c>
      <c r="B79023" s="14" t="s">
        <v>1</v>
      </c>
      <c r="C79023" s="14" t="s">
        <v>109</v>
      </c>
      <c r="D79023" s="14" t="s">
        <v>403</v>
      </c>
      <c r="E79023" s="15">
        <v>45559</v>
      </c>
      <c r="F79023" s="14" t="s">
        <v>25</v>
      </c>
      <c r="G79023" s="16">
        <v>2.5638733833566345E-2</v>
      </c>
    </row>
    <row r="79024" spans="1:7" x14ac:dyDescent="0.3">
      <c r="A79024" s="13" t="s">
        <v>402</v>
      </c>
      <c r="B79024" s="14" t="s">
        <v>1</v>
      </c>
      <c r="C79024" s="14" t="s">
        <v>109</v>
      </c>
      <c r="D79024" s="14" t="s">
        <v>403</v>
      </c>
      <c r="E79024" s="15">
        <v>45560</v>
      </c>
      <c r="F79024" s="14" t="s">
        <v>25</v>
      </c>
      <c r="G79024" s="16">
        <v>2.3955946885804668E-2</v>
      </c>
    </row>
    <row r="79025" spans="1:7" x14ac:dyDescent="0.3">
      <c r="A79025" s="13" t="s">
        <v>402</v>
      </c>
      <c r="B79025" s="14" t="s">
        <v>1</v>
      </c>
      <c r="C79025" s="14" t="s">
        <v>109</v>
      </c>
      <c r="D79025" s="14" t="s">
        <v>403</v>
      </c>
      <c r="E79025" s="15">
        <v>45561</v>
      </c>
      <c r="F79025" s="14" t="s">
        <v>25</v>
      </c>
      <c r="G79025" s="16">
        <v>2.1922297934059889E-2</v>
      </c>
    </row>
    <row r="79026" spans="1:7" x14ac:dyDescent="0.3">
      <c r="A79026" s="13" t="s">
        <v>402</v>
      </c>
      <c r="B79026" s="14" t="s">
        <v>1</v>
      </c>
      <c r="C79026" s="14" t="s">
        <v>109</v>
      </c>
      <c r="D79026" s="14" t="s">
        <v>403</v>
      </c>
      <c r="E79026" s="15">
        <v>45562</v>
      </c>
      <c r="F79026" s="14" t="s">
        <v>25</v>
      </c>
      <c r="G79026" s="16">
        <v>2.0682871830245014E-2</v>
      </c>
    </row>
    <row r="79027" spans="1:7" x14ac:dyDescent="0.3">
      <c r="A79027" s="13" t="s">
        <v>402</v>
      </c>
      <c r="B79027" s="14" t="s">
        <v>1</v>
      </c>
      <c r="C79027" s="14" t="s">
        <v>109</v>
      </c>
      <c r="D79027" s="14" t="s">
        <v>403</v>
      </c>
      <c r="E79027" s="15">
        <v>45563</v>
      </c>
      <c r="F79027" s="14" t="s">
        <v>25</v>
      </c>
      <c r="G79027" s="16">
        <v>2.0682871830245014E-2</v>
      </c>
    </row>
    <row r="79028" spans="1:7" x14ac:dyDescent="0.3">
      <c r="A79028" s="13" t="s">
        <v>402</v>
      </c>
      <c r="B79028" s="14" t="s">
        <v>1</v>
      </c>
      <c r="C79028" s="14" t="s">
        <v>109</v>
      </c>
      <c r="D79028" s="14" t="s">
        <v>403</v>
      </c>
      <c r="E79028" s="15">
        <v>45564</v>
      </c>
      <c r="F79028" s="14" t="s">
        <v>25</v>
      </c>
      <c r="G79028" s="16">
        <v>2.0682871830245014E-2</v>
      </c>
    </row>
    <row r="79029" spans="1:7" x14ac:dyDescent="0.3">
      <c r="A79029" s="13" t="s">
        <v>402</v>
      </c>
      <c r="B79029" s="14" t="s">
        <v>1</v>
      </c>
      <c r="C79029" s="14" t="s">
        <v>109</v>
      </c>
      <c r="D79029" s="14" t="s">
        <v>403</v>
      </c>
      <c r="E79029" s="15">
        <v>45565</v>
      </c>
      <c r="F79029" s="14" t="s">
        <v>25</v>
      </c>
      <c r="G79029" s="16">
        <v>4.105013360769591E-2</v>
      </c>
    </row>
    <row r="79030" spans="1:7" x14ac:dyDescent="0.3">
      <c r="A79030" s="13" t="s">
        <v>402</v>
      </c>
      <c r="B79030" s="14" t="s">
        <v>1</v>
      </c>
      <c r="C79030" s="14" t="s">
        <v>109</v>
      </c>
      <c r="D79030" s="14" t="s">
        <v>403</v>
      </c>
      <c r="E79030" s="15">
        <v>45566</v>
      </c>
      <c r="F79030" s="14" t="s">
        <v>25</v>
      </c>
      <c r="G79030" s="16">
        <v>3.7368987016128938E-2</v>
      </c>
    </row>
    <row r="79031" spans="1:7" x14ac:dyDescent="0.3">
      <c r="A79031" s="13" t="s">
        <v>402</v>
      </c>
      <c r="B79031" s="14" t="s">
        <v>1</v>
      </c>
      <c r="C79031" s="14" t="s">
        <v>109</v>
      </c>
      <c r="D79031" s="14" t="s">
        <v>403</v>
      </c>
      <c r="E79031" s="15">
        <v>45567</v>
      </c>
      <c r="F79031" s="14" t="s">
        <v>25</v>
      </c>
      <c r="G79031" s="16">
        <v>3.5748695265562465E-2</v>
      </c>
    </row>
    <row r="79032" spans="1:7" x14ac:dyDescent="0.3">
      <c r="A79032" s="13" t="s">
        <v>402</v>
      </c>
      <c r="B79032" s="14" t="s">
        <v>1</v>
      </c>
      <c r="C79032" s="14" t="s">
        <v>109</v>
      </c>
      <c r="D79032" s="14" t="s">
        <v>403</v>
      </c>
      <c r="E79032" s="15">
        <v>45568</v>
      </c>
      <c r="F79032" s="14" t="s">
        <v>25</v>
      </c>
      <c r="G79032" s="16">
        <v>3.3967267801484506E-2</v>
      </c>
    </row>
    <row r="79033" spans="1:7" x14ac:dyDescent="0.3">
      <c r="A79033" s="13" t="s">
        <v>402</v>
      </c>
      <c r="B79033" s="14" t="s">
        <v>1</v>
      </c>
      <c r="C79033" s="14" t="s">
        <v>109</v>
      </c>
      <c r="D79033" s="14" t="s">
        <v>403</v>
      </c>
      <c r="E79033" s="15">
        <v>45569</v>
      </c>
      <c r="F79033" s="14" t="s">
        <v>25</v>
      </c>
      <c r="G79033" s="16">
        <v>3.2250002961248039E-2</v>
      </c>
    </row>
    <row r="79034" spans="1:7" x14ac:dyDescent="0.3">
      <c r="A79034" s="13" t="s">
        <v>402</v>
      </c>
      <c r="B79034" s="14" t="s">
        <v>1</v>
      </c>
      <c r="C79034" s="14" t="s">
        <v>109</v>
      </c>
      <c r="D79034" s="14" t="s">
        <v>403</v>
      </c>
      <c r="E79034" s="15">
        <v>45570</v>
      </c>
      <c r="F79034" s="14" t="s">
        <v>25</v>
      </c>
      <c r="G79034" s="16">
        <v>3.2250002961248039E-2</v>
      </c>
    </row>
    <row r="79035" spans="1:7" x14ac:dyDescent="0.3">
      <c r="A79035" s="13" t="s">
        <v>402</v>
      </c>
      <c r="B79035" s="14" t="s">
        <v>1</v>
      </c>
      <c r="C79035" s="14" t="s">
        <v>109</v>
      </c>
      <c r="D79035" s="14" t="s">
        <v>403</v>
      </c>
      <c r="E79035" s="15">
        <v>45571</v>
      </c>
      <c r="F79035" s="14" t="s">
        <v>25</v>
      </c>
      <c r="G79035" s="16">
        <v>3.2250002961248039E-2</v>
      </c>
    </row>
    <row r="79036" spans="1:7" x14ac:dyDescent="0.3">
      <c r="A79036" s="13" t="s">
        <v>402</v>
      </c>
      <c r="B79036" s="14" t="s">
        <v>1</v>
      </c>
      <c r="C79036" s="14" t="s">
        <v>109</v>
      </c>
      <c r="D79036" s="14" t="s">
        <v>403</v>
      </c>
      <c r="E79036" s="15">
        <v>45572</v>
      </c>
      <c r="F79036" s="14" t="s">
        <v>25</v>
      </c>
      <c r="G79036" s="16">
        <v>3.3834082031186395E-2</v>
      </c>
    </row>
    <row r="79037" spans="1:7" x14ac:dyDescent="0.3">
      <c r="A79037" s="13" t="s">
        <v>402</v>
      </c>
      <c r="B79037" s="14" t="s">
        <v>1</v>
      </c>
      <c r="C79037" s="14" t="s">
        <v>109</v>
      </c>
      <c r="D79037" s="14" t="s">
        <v>403</v>
      </c>
      <c r="E79037" s="15">
        <v>45573</v>
      </c>
      <c r="F79037" s="14" t="s">
        <v>25</v>
      </c>
      <c r="G79037" s="16">
        <v>2.8119965380953921E-2</v>
      </c>
    </row>
    <row r="79038" spans="1:7" x14ac:dyDescent="0.3">
      <c r="A79038" s="13" t="s">
        <v>402</v>
      </c>
      <c r="B79038" s="14" t="s">
        <v>1</v>
      </c>
      <c r="C79038" s="14" t="s">
        <v>109</v>
      </c>
      <c r="D79038" s="14" t="s">
        <v>403</v>
      </c>
      <c r="E79038" s="15">
        <v>45574</v>
      </c>
      <c r="F79038" s="14" t="s">
        <v>25</v>
      </c>
      <c r="G79038" s="16">
        <v>2.6297525271294881E-2</v>
      </c>
    </row>
    <row r="79039" spans="1:7" x14ac:dyDescent="0.3">
      <c r="A79039" s="13" t="s">
        <v>402</v>
      </c>
      <c r="B79039" s="14" t="s">
        <v>1</v>
      </c>
      <c r="C79039" s="14" t="s">
        <v>109</v>
      </c>
      <c r="D79039" s="14" t="s">
        <v>403</v>
      </c>
      <c r="E79039" s="15">
        <v>45575</v>
      </c>
      <c r="F79039" s="14" t="s">
        <v>25</v>
      </c>
      <c r="G79039" s="16">
        <v>2.4216063225573455E-2</v>
      </c>
    </row>
    <row r="79040" spans="1:7" x14ac:dyDescent="0.3">
      <c r="A79040" s="13" t="s">
        <v>402</v>
      </c>
      <c r="B79040" s="14" t="s">
        <v>1</v>
      </c>
      <c r="C79040" s="14" t="s">
        <v>109</v>
      </c>
      <c r="D79040" s="14" t="s">
        <v>403</v>
      </c>
      <c r="E79040" s="15">
        <v>45576</v>
      </c>
      <c r="F79040" s="14" t="s">
        <v>25</v>
      </c>
      <c r="G79040" s="16">
        <v>2.226751831956628E-2</v>
      </c>
    </row>
    <row r="79041" spans="1:7" x14ac:dyDescent="0.3">
      <c r="A79041" s="13" t="s">
        <v>402</v>
      </c>
      <c r="B79041" s="14" t="s">
        <v>1</v>
      </c>
      <c r="C79041" s="14" t="s">
        <v>109</v>
      </c>
      <c r="D79041" s="14" t="s">
        <v>403</v>
      </c>
      <c r="E79041" s="15">
        <v>45577</v>
      </c>
      <c r="F79041" s="14" t="s">
        <v>25</v>
      </c>
      <c r="G79041" s="16">
        <v>2.226751831956628E-2</v>
      </c>
    </row>
    <row r="79042" spans="1:7" x14ac:dyDescent="0.3">
      <c r="A79042" s="13" t="s">
        <v>402</v>
      </c>
      <c r="B79042" s="14" t="s">
        <v>1</v>
      </c>
      <c r="C79042" s="14" t="s">
        <v>109</v>
      </c>
      <c r="D79042" s="14" t="s">
        <v>403</v>
      </c>
      <c r="E79042" s="15">
        <v>45578</v>
      </c>
      <c r="F79042" s="14" t="s">
        <v>25</v>
      </c>
      <c r="G79042" s="16">
        <v>2.226751831956628E-2</v>
      </c>
    </row>
    <row r="79043" spans="1:7" x14ac:dyDescent="0.3">
      <c r="A79043" s="13" t="s">
        <v>402</v>
      </c>
      <c r="B79043" s="14" t="s">
        <v>1</v>
      </c>
      <c r="C79043" s="14" t="s">
        <v>109</v>
      </c>
      <c r="D79043" s="14" t="s">
        <v>403</v>
      </c>
      <c r="E79043" s="15">
        <v>45579</v>
      </c>
      <c r="F79043" s="14" t="s">
        <v>25</v>
      </c>
      <c r="G79043" s="16">
        <v>2.1171413505495253E-2</v>
      </c>
    </row>
    <row r="79044" spans="1:7" x14ac:dyDescent="0.3">
      <c r="A79044" s="13" t="s">
        <v>402</v>
      </c>
      <c r="B79044" s="14" t="s">
        <v>1</v>
      </c>
      <c r="C79044" s="14" t="s">
        <v>109</v>
      </c>
      <c r="D79044" s="14" t="s">
        <v>403</v>
      </c>
      <c r="E79044" s="15">
        <v>45580</v>
      </c>
      <c r="F79044" s="14" t="s">
        <v>25</v>
      </c>
      <c r="G79044" s="16">
        <v>1.5049119385488254E-2</v>
      </c>
    </row>
    <row r="79045" spans="1:7" x14ac:dyDescent="0.3">
      <c r="A79045" s="13" t="s">
        <v>402</v>
      </c>
      <c r="B79045" s="14" t="s">
        <v>1</v>
      </c>
      <c r="C79045" s="14" t="s">
        <v>109</v>
      </c>
      <c r="D79045" s="14" t="s">
        <v>403</v>
      </c>
      <c r="E79045" s="15">
        <v>45581</v>
      </c>
      <c r="F79045" s="14" t="s">
        <v>25</v>
      </c>
      <c r="G79045" s="16">
        <v>1.3077730549171385E-2</v>
      </c>
    </row>
    <row r="79046" spans="1:7" x14ac:dyDescent="0.3">
      <c r="A79046" s="13" t="s">
        <v>402</v>
      </c>
      <c r="B79046" s="14" t="s">
        <v>1</v>
      </c>
      <c r="C79046" s="14" t="s">
        <v>109</v>
      </c>
      <c r="D79046" s="14" t="s">
        <v>403</v>
      </c>
      <c r="E79046" s="15">
        <v>45582</v>
      </c>
      <c r="F79046" s="14" t="s">
        <v>25</v>
      </c>
      <c r="G79046" s="16">
        <v>1.1078616320098404E-2</v>
      </c>
    </row>
    <row r="79047" spans="1:7" x14ac:dyDescent="0.3">
      <c r="A79047" s="13" t="s">
        <v>402</v>
      </c>
      <c r="B79047" s="14" t="s">
        <v>1</v>
      </c>
      <c r="C79047" s="14" t="s">
        <v>109</v>
      </c>
      <c r="D79047" s="14" t="s">
        <v>403</v>
      </c>
      <c r="E79047" s="15">
        <v>45583</v>
      </c>
      <c r="F79047" s="14" t="s">
        <v>25</v>
      </c>
      <c r="G79047" s="16">
        <v>1.3174509188099374E-2</v>
      </c>
    </row>
    <row r="79048" spans="1:7" x14ac:dyDescent="0.3">
      <c r="A79048" s="13" t="s">
        <v>402</v>
      </c>
      <c r="B79048" s="14" t="s">
        <v>1</v>
      </c>
      <c r="C79048" s="14" t="s">
        <v>109</v>
      </c>
      <c r="D79048" s="14" t="s">
        <v>403</v>
      </c>
      <c r="E79048" s="15">
        <v>45584</v>
      </c>
      <c r="F79048" s="14" t="s">
        <v>25</v>
      </c>
      <c r="G79048" s="16">
        <v>1.3174509188099374E-2</v>
      </c>
    </row>
    <row r="79049" spans="1:7" x14ac:dyDescent="0.3">
      <c r="A79049" s="13" t="s">
        <v>402</v>
      </c>
      <c r="B79049" s="14" t="s">
        <v>1</v>
      </c>
      <c r="C79049" s="14" t="s">
        <v>109</v>
      </c>
      <c r="D79049" s="14" t="s">
        <v>403</v>
      </c>
      <c r="E79049" s="15">
        <v>45585</v>
      </c>
      <c r="F79049" s="14" t="s">
        <v>25</v>
      </c>
      <c r="G79049" s="16">
        <v>1.3174509188099374E-2</v>
      </c>
    </row>
    <row r="79050" spans="1:7" x14ac:dyDescent="0.3">
      <c r="A79050" s="13" t="s">
        <v>402</v>
      </c>
      <c r="B79050" s="14" t="s">
        <v>1</v>
      </c>
      <c r="C79050" s="14" t="s">
        <v>109</v>
      </c>
      <c r="D79050" s="14" t="s">
        <v>403</v>
      </c>
      <c r="E79050" s="15">
        <v>45586</v>
      </c>
      <c r="F79050" s="14" t="s">
        <v>25</v>
      </c>
      <c r="G79050" s="16">
        <v>1.119006468781558E-2</v>
      </c>
    </row>
    <row r="79051" spans="1:7" x14ac:dyDescent="0.3">
      <c r="A79051" s="13" t="s">
        <v>402</v>
      </c>
      <c r="B79051" s="14" t="s">
        <v>1</v>
      </c>
      <c r="C79051" s="14" t="s">
        <v>109</v>
      </c>
      <c r="D79051" s="14" t="s">
        <v>403</v>
      </c>
      <c r="E79051" s="15">
        <v>45587</v>
      </c>
      <c r="F79051" s="14" t="s">
        <v>25</v>
      </c>
      <c r="G79051" s="16">
        <v>5.1277387093707312E-3</v>
      </c>
    </row>
    <row r="79052" spans="1:7" x14ac:dyDescent="0.3">
      <c r="A79052" s="13" t="s">
        <v>402</v>
      </c>
      <c r="B79052" s="14" t="s">
        <v>1</v>
      </c>
      <c r="C79052" s="14" t="s">
        <v>109</v>
      </c>
      <c r="D79052" s="14" t="s">
        <v>403</v>
      </c>
      <c r="E79052" s="15">
        <v>45588</v>
      </c>
      <c r="F79052" s="14" t="s">
        <v>25</v>
      </c>
      <c r="G79052" s="16">
        <v>3.1118068651131842E-3</v>
      </c>
    </row>
    <row r="79053" spans="1:7" x14ac:dyDescent="0.3">
      <c r="A79053" s="13" t="s">
        <v>402</v>
      </c>
      <c r="B79053" s="14" t="s">
        <v>1</v>
      </c>
      <c r="C79053" s="14" t="s">
        <v>109</v>
      </c>
      <c r="D79053" s="14" t="s">
        <v>403</v>
      </c>
      <c r="E79053" s="15">
        <v>45589</v>
      </c>
      <c r="F79053" s="14" t="s">
        <v>25</v>
      </c>
      <c r="G79053" s="16">
        <v>1.104675550602309E-3</v>
      </c>
    </row>
    <row r="79054" spans="1:7" x14ac:dyDescent="0.3">
      <c r="A79054" s="13" t="s">
        <v>402</v>
      </c>
      <c r="B79054" s="14" t="s">
        <v>1</v>
      </c>
      <c r="C79054" s="14" t="s">
        <v>109</v>
      </c>
      <c r="D79054" s="14" t="s">
        <v>403</v>
      </c>
      <c r="E79054" s="15">
        <v>45590</v>
      </c>
      <c r="F79054" s="14" t="s">
        <v>25</v>
      </c>
      <c r="G79054" s="16">
        <v>0</v>
      </c>
    </row>
    <row r="79055" spans="1:7" x14ac:dyDescent="0.3">
      <c r="A79055" s="13" t="s">
        <v>402</v>
      </c>
      <c r="B79055" s="14" t="s">
        <v>1</v>
      </c>
      <c r="C79055" s="14" t="s">
        <v>109</v>
      </c>
      <c r="D79055" s="14" t="s">
        <v>403</v>
      </c>
      <c r="E79055" s="15">
        <v>45591</v>
      </c>
      <c r="F79055" s="14" t="s">
        <v>25</v>
      </c>
      <c r="G79055" s="16">
        <v>0</v>
      </c>
    </row>
    <row r="79056" spans="1:7" x14ac:dyDescent="0.3">
      <c r="A79056" s="13" t="s">
        <v>402</v>
      </c>
      <c r="B79056" s="14" t="s">
        <v>1</v>
      </c>
      <c r="C79056" s="14" t="s">
        <v>109</v>
      </c>
      <c r="D79056" s="14" t="s">
        <v>403</v>
      </c>
      <c r="E79056" s="15">
        <v>45592</v>
      </c>
      <c r="F79056" s="14" t="s">
        <v>25</v>
      </c>
      <c r="G79056" s="16">
        <v>0</v>
      </c>
    </row>
    <row r="79057" spans="1:7" x14ac:dyDescent="0.3">
      <c r="A79057" s="13" t="s">
        <v>402</v>
      </c>
      <c r="B79057" s="14" t="s">
        <v>1</v>
      </c>
      <c r="C79057" s="14" t="s">
        <v>109</v>
      </c>
      <c r="D79057" s="14" t="s">
        <v>403</v>
      </c>
      <c r="E79057" s="15">
        <v>45593</v>
      </c>
      <c r="F79057" s="14" t="s">
        <v>25</v>
      </c>
      <c r="G79057" s="16">
        <v>0</v>
      </c>
    </row>
    <row r="79058" spans="1:7" x14ac:dyDescent="0.3">
      <c r="A79058" s="13" t="s">
        <v>402</v>
      </c>
      <c r="B79058" s="14" t="s">
        <v>1</v>
      </c>
      <c r="C79058" s="14" t="s">
        <v>109</v>
      </c>
      <c r="D79058" s="14" t="s">
        <v>403</v>
      </c>
      <c r="E79058" s="15">
        <v>45594</v>
      </c>
      <c r="F79058" s="14" t="s">
        <v>25</v>
      </c>
      <c r="G79058" s="16">
        <v>0</v>
      </c>
    </row>
    <row r="79059" spans="1:7" x14ac:dyDescent="0.3">
      <c r="A79059" s="13" t="s">
        <v>402</v>
      </c>
      <c r="B79059" s="14" t="s">
        <v>1</v>
      </c>
      <c r="C79059" s="14" t="s">
        <v>109</v>
      </c>
      <c r="D79059" s="14" t="s">
        <v>403</v>
      </c>
      <c r="E79059" s="15">
        <v>45595</v>
      </c>
      <c r="F79059" s="14" t="s">
        <v>25</v>
      </c>
      <c r="G79059" s="16">
        <v>0</v>
      </c>
    </row>
    <row r="79060" spans="1:7" x14ac:dyDescent="0.3">
      <c r="A79060" s="13" t="s">
        <v>402</v>
      </c>
      <c r="B79060" s="14" t="s">
        <v>1</v>
      </c>
      <c r="C79060" s="14" t="s">
        <v>109</v>
      </c>
      <c r="D79060" s="14" t="s">
        <v>403</v>
      </c>
      <c r="E79060" s="15">
        <v>45596</v>
      </c>
      <c r="F79060" s="14" t="s">
        <v>25</v>
      </c>
      <c r="G79060" s="16">
        <v>0</v>
      </c>
    </row>
    <row r="79061" spans="1:7" x14ac:dyDescent="0.3">
      <c r="A79061" s="13" t="s">
        <v>402</v>
      </c>
      <c r="B79061" s="14" t="s">
        <v>1</v>
      </c>
      <c r="C79061" s="14" t="s">
        <v>109</v>
      </c>
      <c r="D79061" s="14" t="s">
        <v>403</v>
      </c>
      <c r="E79061" s="15">
        <v>45597</v>
      </c>
      <c r="F79061" s="14" t="s">
        <v>25</v>
      </c>
      <c r="G79061" s="16">
        <v>0</v>
      </c>
    </row>
    <row r="79062" spans="1:7" x14ac:dyDescent="0.3">
      <c r="A79062" s="13" t="s">
        <v>402</v>
      </c>
      <c r="B79062" s="14" t="s">
        <v>1</v>
      </c>
      <c r="C79062" s="14" t="s">
        <v>109</v>
      </c>
      <c r="D79062" s="14" t="s">
        <v>403</v>
      </c>
      <c r="E79062" s="15">
        <v>45598</v>
      </c>
      <c r="F79062" s="14" t="s">
        <v>25</v>
      </c>
      <c r="G79062" s="16">
        <v>0</v>
      </c>
    </row>
    <row r="79063" spans="1:7" x14ac:dyDescent="0.3">
      <c r="A79063" s="13" t="s">
        <v>402</v>
      </c>
      <c r="B79063" s="14" t="s">
        <v>1</v>
      </c>
      <c r="C79063" s="14" t="s">
        <v>109</v>
      </c>
      <c r="D79063" s="14" t="s">
        <v>403</v>
      </c>
      <c r="E79063" s="15">
        <v>45599</v>
      </c>
      <c r="F79063" s="14" t="s">
        <v>25</v>
      </c>
      <c r="G79063" s="16">
        <v>0</v>
      </c>
    </row>
    <row r="79064" spans="1:7" x14ac:dyDescent="0.3">
      <c r="A79064" s="13" t="s">
        <v>402</v>
      </c>
      <c r="B79064" s="14" t="s">
        <v>1</v>
      </c>
      <c r="C79064" s="14" t="s">
        <v>109</v>
      </c>
      <c r="D79064" s="14" t="s">
        <v>403</v>
      </c>
      <c r="E79064" s="15">
        <v>45600</v>
      </c>
      <c r="F79064" s="14" t="s">
        <v>25</v>
      </c>
      <c r="G79064" s="16">
        <v>0</v>
      </c>
    </row>
    <row r="79065" spans="1:7" x14ac:dyDescent="0.3">
      <c r="A79065" s="13" t="s">
        <v>402</v>
      </c>
      <c r="B79065" s="14" t="s">
        <v>1</v>
      </c>
      <c r="C79065" s="14" t="s">
        <v>109</v>
      </c>
      <c r="D79065" s="14" t="s">
        <v>403</v>
      </c>
      <c r="E79065" s="15">
        <v>45601</v>
      </c>
      <c r="F79065" s="14" t="s">
        <v>25</v>
      </c>
      <c r="G79065" s="16">
        <v>0</v>
      </c>
    </row>
    <row r="79066" spans="1:7" x14ac:dyDescent="0.3">
      <c r="A79066" s="13" t="s">
        <v>402</v>
      </c>
      <c r="B79066" s="14" t="s">
        <v>1</v>
      </c>
      <c r="C79066" s="14" t="s">
        <v>109</v>
      </c>
      <c r="D79066" s="14" t="s">
        <v>403</v>
      </c>
      <c r="E79066" s="15">
        <v>45602</v>
      </c>
      <c r="F79066" s="14" t="s">
        <v>25</v>
      </c>
      <c r="G79066" s="16">
        <v>0</v>
      </c>
    </row>
    <row r="79067" spans="1:7" x14ac:dyDescent="0.3">
      <c r="A79067" s="13" t="s">
        <v>402</v>
      </c>
      <c r="B79067" s="14" t="s">
        <v>1</v>
      </c>
      <c r="C79067" s="14" t="s">
        <v>109</v>
      </c>
      <c r="D79067" s="14" t="s">
        <v>403</v>
      </c>
      <c r="E79067" s="15">
        <v>45603</v>
      </c>
      <c r="F79067" s="14" t="s">
        <v>25</v>
      </c>
      <c r="G79067" s="16">
        <v>0</v>
      </c>
    </row>
    <row r="79068" spans="1:7" x14ac:dyDescent="0.3">
      <c r="A79068" s="13" t="s">
        <v>402</v>
      </c>
      <c r="B79068" s="14" t="s">
        <v>1</v>
      </c>
      <c r="C79068" s="14" t="s">
        <v>109</v>
      </c>
      <c r="D79068" s="14" t="s">
        <v>403</v>
      </c>
      <c r="E79068" s="15">
        <v>45604</v>
      </c>
      <c r="F79068" s="14" t="s">
        <v>25</v>
      </c>
      <c r="G79068" s="16">
        <v>0</v>
      </c>
    </row>
    <row r="79069" spans="1:7" x14ac:dyDescent="0.3">
      <c r="A79069" s="13" t="s">
        <v>402</v>
      </c>
      <c r="B79069" s="14" t="s">
        <v>1</v>
      </c>
      <c r="C79069" s="14" t="s">
        <v>109</v>
      </c>
      <c r="D79069" s="14" t="s">
        <v>403</v>
      </c>
      <c r="E79069" s="15">
        <v>45605</v>
      </c>
      <c r="F79069" s="14" t="s">
        <v>25</v>
      </c>
      <c r="G79069" s="16">
        <v>0</v>
      </c>
    </row>
    <row r="79070" spans="1:7" x14ac:dyDescent="0.3">
      <c r="A79070" s="13" t="s">
        <v>402</v>
      </c>
      <c r="B79070" s="14" t="s">
        <v>1</v>
      </c>
      <c r="C79070" s="14" t="s">
        <v>109</v>
      </c>
      <c r="D79070" s="14" t="s">
        <v>403</v>
      </c>
      <c r="E79070" s="15">
        <v>45606</v>
      </c>
      <c r="F79070" s="14" t="s">
        <v>25</v>
      </c>
      <c r="G79070" s="16">
        <v>0</v>
      </c>
    </row>
    <row r="79071" spans="1:7" x14ac:dyDescent="0.3">
      <c r="A79071" s="13" t="s">
        <v>402</v>
      </c>
      <c r="B79071" s="14" t="s">
        <v>1</v>
      </c>
      <c r="C79071" s="14" t="s">
        <v>109</v>
      </c>
      <c r="D79071" s="14" t="s">
        <v>403</v>
      </c>
      <c r="E79071" s="15">
        <v>45607</v>
      </c>
      <c r="F79071" s="14" t="s">
        <v>25</v>
      </c>
      <c r="G79071" s="16">
        <v>0</v>
      </c>
    </row>
    <row r="79072" spans="1:7" x14ac:dyDescent="0.3">
      <c r="A79072" s="13" t="s">
        <v>402</v>
      </c>
      <c r="B79072" s="14" t="s">
        <v>1</v>
      </c>
      <c r="C79072" s="14" t="s">
        <v>109</v>
      </c>
      <c r="D79072" s="14" t="s">
        <v>403</v>
      </c>
      <c r="E79072" s="15">
        <v>45608</v>
      </c>
      <c r="F79072" s="14" t="s">
        <v>25</v>
      </c>
      <c r="G79072" s="16">
        <v>0</v>
      </c>
    </row>
    <row r="79073" spans="1:7" x14ac:dyDescent="0.3">
      <c r="A79073" s="13" t="s">
        <v>402</v>
      </c>
      <c r="B79073" s="14" t="s">
        <v>1</v>
      </c>
      <c r="C79073" s="14" t="s">
        <v>109</v>
      </c>
      <c r="D79073" s="14" t="s">
        <v>403</v>
      </c>
      <c r="E79073" s="15">
        <v>45609</v>
      </c>
      <c r="F79073" s="14" t="s">
        <v>25</v>
      </c>
      <c r="G79073" s="16">
        <v>0</v>
      </c>
    </row>
    <row r="79074" spans="1:7" x14ac:dyDescent="0.3">
      <c r="A79074" s="13" t="s">
        <v>402</v>
      </c>
      <c r="B79074" s="14" t="s">
        <v>1</v>
      </c>
      <c r="C79074" s="14" t="s">
        <v>109</v>
      </c>
      <c r="D79074" s="14" t="s">
        <v>403</v>
      </c>
      <c r="E79074" s="15">
        <v>45610</v>
      </c>
      <c r="F79074" s="14" t="s">
        <v>25</v>
      </c>
      <c r="G79074" s="16">
        <v>0</v>
      </c>
    </row>
    <row r="79075" spans="1:7" x14ac:dyDescent="0.3">
      <c r="A79075" s="13" t="s">
        <v>402</v>
      </c>
      <c r="B79075" s="14" t="s">
        <v>1</v>
      </c>
      <c r="C79075" s="14" t="s">
        <v>109</v>
      </c>
      <c r="D79075" s="14" t="s">
        <v>403</v>
      </c>
      <c r="E79075" s="15">
        <v>45611</v>
      </c>
      <c r="F79075" s="14" t="s">
        <v>25</v>
      </c>
      <c r="G79075" s="16">
        <v>0</v>
      </c>
    </row>
    <row r="79076" spans="1:7" x14ac:dyDescent="0.3">
      <c r="A79076" s="13" t="s">
        <v>402</v>
      </c>
      <c r="B79076" s="14" t="s">
        <v>1</v>
      </c>
      <c r="C79076" s="14" t="s">
        <v>109</v>
      </c>
      <c r="D79076" s="14" t="s">
        <v>403</v>
      </c>
      <c r="E79076" s="15">
        <v>45612</v>
      </c>
      <c r="F79076" s="14" t="s">
        <v>25</v>
      </c>
      <c r="G79076" s="16">
        <v>0</v>
      </c>
    </row>
    <row r="79077" spans="1:7" x14ac:dyDescent="0.3">
      <c r="A79077" s="13" t="s">
        <v>402</v>
      </c>
      <c r="B79077" s="14" t="s">
        <v>1</v>
      </c>
      <c r="C79077" s="14" t="s">
        <v>109</v>
      </c>
      <c r="D79077" s="14" t="s">
        <v>403</v>
      </c>
      <c r="E79077" s="15">
        <v>45613</v>
      </c>
      <c r="F79077" s="14" t="s">
        <v>25</v>
      </c>
      <c r="G79077" s="16">
        <v>0</v>
      </c>
    </row>
    <row r="79078" spans="1:7" x14ac:dyDescent="0.3">
      <c r="A79078" s="13" t="s">
        <v>402</v>
      </c>
      <c r="B79078" s="14" t="s">
        <v>1</v>
      </c>
      <c r="C79078" s="14" t="s">
        <v>109</v>
      </c>
      <c r="D79078" s="14" t="s">
        <v>403</v>
      </c>
      <c r="E79078" s="15">
        <v>45614</v>
      </c>
      <c r="F79078" s="14" t="s">
        <v>25</v>
      </c>
      <c r="G79078" s="16">
        <v>0</v>
      </c>
    </row>
    <row r="79079" spans="1:7" x14ac:dyDescent="0.3">
      <c r="A79079" s="13" t="s">
        <v>402</v>
      </c>
      <c r="B79079" s="14" t="s">
        <v>1</v>
      </c>
      <c r="C79079" s="14" t="s">
        <v>109</v>
      </c>
      <c r="D79079" s="14" t="s">
        <v>403</v>
      </c>
      <c r="E79079" s="15">
        <v>45615</v>
      </c>
      <c r="F79079" s="14" t="s">
        <v>25</v>
      </c>
      <c r="G79079" s="16">
        <v>0</v>
      </c>
    </row>
    <row r="79080" spans="1:7" x14ac:dyDescent="0.3">
      <c r="A79080" s="13" t="s">
        <v>402</v>
      </c>
      <c r="B79080" s="14" t="s">
        <v>1</v>
      </c>
      <c r="C79080" s="14" t="s">
        <v>109</v>
      </c>
      <c r="D79080" s="14" t="s">
        <v>403</v>
      </c>
      <c r="E79080" s="15">
        <v>45616</v>
      </c>
      <c r="F79080" s="14" t="s">
        <v>25</v>
      </c>
      <c r="G79080" s="16">
        <v>0</v>
      </c>
    </row>
    <row r="79081" spans="1:7" x14ac:dyDescent="0.3">
      <c r="A79081" s="13" t="s">
        <v>402</v>
      </c>
      <c r="B79081" s="14" t="s">
        <v>1</v>
      </c>
      <c r="C79081" s="14" t="s">
        <v>109</v>
      </c>
      <c r="D79081" s="14" t="s">
        <v>403</v>
      </c>
      <c r="E79081" s="15">
        <v>45617</v>
      </c>
      <c r="F79081" s="14" t="s">
        <v>25</v>
      </c>
      <c r="G79081" s="16">
        <v>0</v>
      </c>
    </row>
    <row r="79082" spans="1:7" x14ac:dyDescent="0.3">
      <c r="A79082" s="13" t="s">
        <v>402</v>
      </c>
      <c r="B79082" s="14" t="s">
        <v>1</v>
      </c>
      <c r="C79082" s="14" t="s">
        <v>109</v>
      </c>
      <c r="D79082" s="14" t="s">
        <v>403</v>
      </c>
      <c r="E79082" s="15">
        <v>45618</v>
      </c>
      <c r="F79082" s="14" t="s">
        <v>25</v>
      </c>
      <c r="G79082" s="16">
        <v>0</v>
      </c>
    </row>
    <row r="79083" spans="1:7" x14ac:dyDescent="0.3">
      <c r="A79083" s="13" t="s">
        <v>402</v>
      </c>
      <c r="B79083" s="14" t="s">
        <v>1</v>
      </c>
      <c r="C79083" s="14" t="s">
        <v>109</v>
      </c>
      <c r="D79083" s="14" t="s">
        <v>403</v>
      </c>
      <c r="E79083" s="15">
        <v>45619</v>
      </c>
      <c r="F79083" s="14" t="s">
        <v>25</v>
      </c>
      <c r="G79083" s="16">
        <v>0</v>
      </c>
    </row>
    <row r="79084" spans="1:7" x14ac:dyDescent="0.3">
      <c r="A79084" s="13" t="s">
        <v>402</v>
      </c>
      <c r="B79084" s="14" t="s">
        <v>1</v>
      </c>
      <c r="C79084" s="14" t="s">
        <v>109</v>
      </c>
      <c r="D79084" s="14" t="s">
        <v>403</v>
      </c>
      <c r="E79084" s="15">
        <v>45620</v>
      </c>
      <c r="F79084" s="14" t="s">
        <v>25</v>
      </c>
      <c r="G79084" s="16">
        <v>0</v>
      </c>
    </row>
    <row r="79085" spans="1:7" x14ac:dyDescent="0.3">
      <c r="A79085" s="13" t="s">
        <v>402</v>
      </c>
      <c r="B79085" s="14" t="s">
        <v>1</v>
      </c>
      <c r="C79085" s="14" t="s">
        <v>109</v>
      </c>
      <c r="D79085" s="14" t="s">
        <v>403</v>
      </c>
      <c r="E79085" s="15">
        <v>45621</v>
      </c>
      <c r="F79085" s="14" t="s">
        <v>25</v>
      </c>
      <c r="G79085" s="16">
        <v>0</v>
      </c>
    </row>
    <row r="79086" spans="1:7" x14ac:dyDescent="0.3">
      <c r="A79086" s="13" t="s">
        <v>402</v>
      </c>
      <c r="B79086" s="14" t="s">
        <v>1</v>
      </c>
      <c r="C79086" s="14" t="s">
        <v>109</v>
      </c>
      <c r="D79086" s="14" t="s">
        <v>403</v>
      </c>
      <c r="E79086" s="15">
        <v>45622</v>
      </c>
      <c r="F79086" s="14" t="s">
        <v>25</v>
      </c>
      <c r="G79086" s="16">
        <v>0</v>
      </c>
    </row>
    <row r="79087" spans="1:7" x14ac:dyDescent="0.3">
      <c r="A79087" s="13" t="s">
        <v>402</v>
      </c>
      <c r="B79087" s="14" t="s">
        <v>1</v>
      </c>
      <c r="C79087" s="14" t="s">
        <v>109</v>
      </c>
      <c r="D79087" s="14" t="s">
        <v>403</v>
      </c>
      <c r="E79087" s="15">
        <v>45623</v>
      </c>
      <c r="F79087" s="14" t="s">
        <v>25</v>
      </c>
      <c r="G79087" s="16">
        <v>0</v>
      </c>
    </row>
    <row r="79088" spans="1:7" x14ac:dyDescent="0.3">
      <c r="A79088" s="13" t="s">
        <v>402</v>
      </c>
      <c r="B79088" s="14" t="s">
        <v>1</v>
      </c>
      <c r="C79088" s="14" t="s">
        <v>109</v>
      </c>
      <c r="D79088" s="14" t="s">
        <v>403</v>
      </c>
      <c r="E79088" s="15">
        <v>45624</v>
      </c>
      <c r="F79088" s="14" t="s">
        <v>25</v>
      </c>
      <c r="G79088" s="16">
        <v>0</v>
      </c>
    </row>
    <row r="79089" spans="1:7" x14ac:dyDescent="0.3">
      <c r="A79089" s="13" t="s">
        <v>402</v>
      </c>
      <c r="B79089" s="14" t="s">
        <v>1</v>
      </c>
      <c r="C79089" s="14" t="s">
        <v>109</v>
      </c>
      <c r="D79089" s="14" t="s">
        <v>403</v>
      </c>
      <c r="E79089" s="15">
        <v>45625</v>
      </c>
      <c r="F79089" s="14" t="s">
        <v>25</v>
      </c>
      <c r="G79089" s="16">
        <v>0</v>
      </c>
    </row>
    <row r="79090" spans="1:7" x14ac:dyDescent="0.3">
      <c r="A79090" s="13" t="s">
        <v>402</v>
      </c>
      <c r="B79090" s="14" t="s">
        <v>1</v>
      </c>
      <c r="C79090" s="14" t="s">
        <v>109</v>
      </c>
      <c r="D79090" s="14" t="s">
        <v>403</v>
      </c>
      <c r="E79090" s="15">
        <v>45626</v>
      </c>
      <c r="F79090" s="14" t="s">
        <v>25</v>
      </c>
      <c r="G79090" s="16">
        <v>0</v>
      </c>
    </row>
    <row r="79091" spans="1:7" x14ac:dyDescent="0.3">
      <c r="A79091" s="13" t="s">
        <v>402</v>
      </c>
      <c r="B79091" s="14" t="s">
        <v>1</v>
      </c>
      <c r="C79091" s="14" t="s">
        <v>109</v>
      </c>
      <c r="D79091" s="14" t="s">
        <v>403</v>
      </c>
      <c r="E79091" s="15">
        <v>45627</v>
      </c>
      <c r="F79091" s="14" t="s">
        <v>25</v>
      </c>
      <c r="G79091" s="16">
        <v>0</v>
      </c>
    </row>
    <row r="79092" spans="1:7" x14ac:dyDescent="0.3">
      <c r="A79092" s="13" t="s">
        <v>402</v>
      </c>
      <c r="B79092" s="14" t="s">
        <v>1</v>
      </c>
      <c r="C79092" s="14" t="s">
        <v>109</v>
      </c>
      <c r="D79092" s="14" t="s">
        <v>403</v>
      </c>
      <c r="E79092" s="15">
        <v>45628</v>
      </c>
      <c r="F79092" s="14" t="s">
        <v>25</v>
      </c>
      <c r="G79092" s="16">
        <v>0</v>
      </c>
    </row>
    <row r="79093" spans="1:7" x14ac:dyDescent="0.3">
      <c r="A79093" s="13" t="s">
        <v>402</v>
      </c>
      <c r="B79093" s="14" t="s">
        <v>1</v>
      </c>
      <c r="C79093" s="14" t="s">
        <v>109</v>
      </c>
      <c r="D79093" s="14" t="s">
        <v>403</v>
      </c>
      <c r="E79093" s="15">
        <v>45629</v>
      </c>
      <c r="F79093" s="14" t="s">
        <v>25</v>
      </c>
      <c r="G79093" s="16">
        <v>0</v>
      </c>
    </row>
    <row r="79094" spans="1:7" x14ac:dyDescent="0.3">
      <c r="A79094" s="13" t="s">
        <v>402</v>
      </c>
      <c r="B79094" s="14" t="s">
        <v>1</v>
      </c>
      <c r="C79094" s="14" t="s">
        <v>109</v>
      </c>
      <c r="D79094" s="14" t="s">
        <v>403</v>
      </c>
      <c r="E79094" s="15">
        <v>45630</v>
      </c>
      <c r="F79094" s="14" t="s">
        <v>25</v>
      </c>
      <c r="G79094" s="16">
        <v>0</v>
      </c>
    </row>
    <row r="79095" spans="1:7" x14ac:dyDescent="0.3">
      <c r="A79095" s="13" t="s">
        <v>402</v>
      </c>
      <c r="B79095" s="14" t="s">
        <v>1</v>
      </c>
      <c r="C79095" s="14" t="s">
        <v>109</v>
      </c>
      <c r="D79095" s="14" t="s">
        <v>403</v>
      </c>
      <c r="E79095" s="15">
        <v>45631</v>
      </c>
      <c r="F79095" s="14" t="s">
        <v>25</v>
      </c>
      <c r="G79095" s="16">
        <v>0</v>
      </c>
    </row>
    <row r="79096" spans="1:7" x14ac:dyDescent="0.3">
      <c r="A79096" s="13" t="s">
        <v>402</v>
      </c>
      <c r="B79096" s="14" t="s">
        <v>1</v>
      </c>
      <c r="C79096" s="14" t="s">
        <v>109</v>
      </c>
      <c r="D79096" s="14" t="s">
        <v>403</v>
      </c>
      <c r="E79096" s="15">
        <v>45632</v>
      </c>
      <c r="F79096" s="14" t="s">
        <v>25</v>
      </c>
      <c r="G79096" s="16">
        <v>0</v>
      </c>
    </row>
    <row r="79097" spans="1:7" x14ac:dyDescent="0.3">
      <c r="A79097" s="13" t="s">
        <v>402</v>
      </c>
      <c r="B79097" s="14" t="s">
        <v>1</v>
      </c>
      <c r="C79097" s="14" t="s">
        <v>109</v>
      </c>
      <c r="D79097" s="14" t="s">
        <v>403</v>
      </c>
      <c r="E79097" s="15">
        <v>45633</v>
      </c>
      <c r="F79097" s="14" t="s">
        <v>25</v>
      </c>
      <c r="G79097" s="16">
        <v>0</v>
      </c>
    </row>
    <row r="79098" spans="1:7" x14ac:dyDescent="0.3">
      <c r="A79098" s="13" t="s">
        <v>402</v>
      </c>
      <c r="B79098" s="14" t="s">
        <v>1</v>
      </c>
      <c r="C79098" s="14" t="s">
        <v>109</v>
      </c>
      <c r="D79098" s="14" t="s">
        <v>403</v>
      </c>
      <c r="E79098" s="15">
        <v>45634</v>
      </c>
      <c r="F79098" s="14" t="s">
        <v>25</v>
      </c>
      <c r="G79098" s="16">
        <v>0</v>
      </c>
    </row>
    <row r="79099" spans="1:7" x14ac:dyDescent="0.3">
      <c r="A79099" s="13" t="s">
        <v>402</v>
      </c>
      <c r="B79099" s="14" t="s">
        <v>1</v>
      </c>
      <c r="C79099" s="14" t="s">
        <v>109</v>
      </c>
      <c r="D79099" s="14" t="s">
        <v>403</v>
      </c>
      <c r="E79099" s="15">
        <v>45635</v>
      </c>
      <c r="F79099" s="14" t="s">
        <v>25</v>
      </c>
      <c r="G79099" s="16">
        <v>0</v>
      </c>
    </row>
    <row r="79100" spans="1:7" x14ac:dyDescent="0.3">
      <c r="A79100" s="13" t="s">
        <v>402</v>
      </c>
      <c r="B79100" s="14" t="s">
        <v>1</v>
      </c>
      <c r="C79100" s="14" t="s">
        <v>109</v>
      </c>
      <c r="D79100" s="14" t="s">
        <v>403</v>
      </c>
      <c r="E79100" s="15">
        <v>45636</v>
      </c>
      <c r="F79100" s="14" t="s">
        <v>25</v>
      </c>
      <c r="G79100" s="16">
        <v>0</v>
      </c>
    </row>
    <row r="79101" spans="1:7" x14ac:dyDescent="0.3">
      <c r="A79101" s="13" t="s">
        <v>402</v>
      </c>
      <c r="B79101" s="14" t="s">
        <v>1</v>
      </c>
      <c r="C79101" s="14" t="s">
        <v>109</v>
      </c>
      <c r="D79101" s="14" t="s">
        <v>403</v>
      </c>
      <c r="E79101" s="15">
        <v>45637</v>
      </c>
      <c r="F79101" s="14" t="s">
        <v>25</v>
      </c>
      <c r="G79101" s="16">
        <v>0</v>
      </c>
    </row>
    <row r="79102" spans="1:7" x14ac:dyDescent="0.3">
      <c r="A79102" s="13" t="s">
        <v>402</v>
      </c>
      <c r="B79102" s="14" t="s">
        <v>1</v>
      </c>
      <c r="C79102" s="14" t="s">
        <v>109</v>
      </c>
      <c r="D79102" s="14" t="s">
        <v>403</v>
      </c>
      <c r="E79102" s="15">
        <v>45638</v>
      </c>
      <c r="F79102" s="14" t="s">
        <v>25</v>
      </c>
      <c r="G79102" s="16">
        <v>0</v>
      </c>
    </row>
    <row r="79103" spans="1:7" x14ac:dyDescent="0.3">
      <c r="A79103" s="13" t="s">
        <v>402</v>
      </c>
      <c r="B79103" s="14" t="s">
        <v>1</v>
      </c>
      <c r="C79103" s="14" t="s">
        <v>109</v>
      </c>
      <c r="D79103" s="14" t="s">
        <v>403</v>
      </c>
      <c r="E79103" s="15">
        <v>45639</v>
      </c>
      <c r="F79103" s="14" t="s">
        <v>25</v>
      </c>
      <c r="G79103" s="16">
        <v>0</v>
      </c>
    </row>
    <row r="79104" spans="1:7" x14ac:dyDescent="0.3">
      <c r="A79104" s="13" t="s">
        <v>402</v>
      </c>
      <c r="B79104" s="14" t="s">
        <v>1</v>
      </c>
      <c r="C79104" s="14" t="s">
        <v>109</v>
      </c>
      <c r="D79104" s="14" t="s">
        <v>403</v>
      </c>
      <c r="E79104" s="15">
        <v>45640</v>
      </c>
      <c r="F79104" s="14" t="s">
        <v>25</v>
      </c>
      <c r="G79104" s="16">
        <v>0</v>
      </c>
    </row>
    <row r="79105" spans="1:7" x14ac:dyDescent="0.3">
      <c r="A79105" s="13" t="s">
        <v>402</v>
      </c>
      <c r="B79105" s="14" t="s">
        <v>1</v>
      </c>
      <c r="C79105" s="14" t="s">
        <v>109</v>
      </c>
      <c r="D79105" s="14" t="s">
        <v>403</v>
      </c>
      <c r="E79105" s="15">
        <v>45641</v>
      </c>
      <c r="F79105" s="14" t="s">
        <v>25</v>
      </c>
      <c r="G79105" s="16">
        <v>0</v>
      </c>
    </row>
    <row r="79106" spans="1:7" x14ac:dyDescent="0.3">
      <c r="A79106" s="13" t="s">
        <v>402</v>
      </c>
      <c r="B79106" s="14" t="s">
        <v>1</v>
      </c>
      <c r="C79106" s="14" t="s">
        <v>109</v>
      </c>
      <c r="D79106" s="14" t="s">
        <v>403</v>
      </c>
      <c r="E79106" s="15">
        <v>45642</v>
      </c>
      <c r="F79106" s="14" t="s">
        <v>25</v>
      </c>
      <c r="G79106" s="16">
        <v>0</v>
      </c>
    </row>
    <row r="79107" spans="1:7" x14ac:dyDescent="0.3">
      <c r="A79107" s="13" t="s">
        <v>402</v>
      </c>
      <c r="B79107" s="14" t="s">
        <v>1</v>
      </c>
      <c r="C79107" s="14" t="s">
        <v>109</v>
      </c>
      <c r="D79107" s="14" t="s">
        <v>403</v>
      </c>
      <c r="E79107" s="15">
        <v>45643</v>
      </c>
      <c r="F79107" s="14" t="s">
        <v>25</v>
      </c>
      <c r="G79107" s="16">
        <v>0</v>
      </c>
    </row>
    <row r="79108" spans="1:7" x14ac:dyDescent="0.3">
      <c r="A79108" s="13" t="s">
        <v>402</v>
      </c>
      <c r="B79108" s="14" t="s">
        <v>1</v>
      </c>
      <c r="C79108" s="14" t="s">
        <v>109</v>
      </c>
      <c r="D79108" s="14" t="s">
        <v>403</v>
      </c>
      <c r="E79108" s="15">
        <v>45644</v>
      </c>
      <c r="F79108" s="14" t="s">
        <v>25</v>
      </c>
      <c r="G79108" s="16">
        <v>0</v>
      </c>
    </row>
    <row r="79109" spans="1:7" x14ac:dyDescent="0.3">
      <c r="A79109" s="13" t="s">
        <v>402</v>
      </c>
      <c r="B79109" s="14" t="s">
        <v>1</v>
      </c>
      <c r="C79109" s="14" t="s">
        <v>109</v>
      </c>
      <c r="D79109" s="14" t="s">
        <v>403</v>
      </c>
      <c r="E79109" s="15">
        <v>45645</v>
      </c>
      <c r="F79109" s="14" t="s">
        <v>25</v>
      </c>
      <c r="G79109" s="16">
        <v>0</v>
      </c>
    </row>
    <row r="79110" spans="1:7" x14ac:dyDescent="0.3">
      <c r="A79110" s="13" t="s">
        <v>402</v>
      </c>
      <c r="B79110" s="14" t="s">
        <v>1</v>
      </c>
      <c r="C79110" s="14" t="s">
        <v>109</v>
      </c>
      <c r="D79110" s="14" t="s">
        <v>403</v>
      </c>
      <c r="E79110" s="15">
        <v>45646</v>
      </c>
      <c r="F79110" s="14" t="s">
        <v>25</v>
      </c>
      <c r="G79110" s="16">
        <v>0</v>
      </c>
    </row>
    <row r="79111" spans="1:7" x14ac:dyDescent="0.3">
      <c r="A79111" s="13" t="s">
        <v>402</v>
      </c>
      <c r="B79111" s="14" t="s">
        <v>1</v>
      </c>
      <c r="C79111" s="14" t="s">
        <v>109</v>
      </c>
      <c r="D79111" s="14" t="s">
        <v>403</v>
      </c>
      <c r="E79111" s="15">
        <v>45647</v>
      </c>
      <c r="F79111" s="14" t="s">
        <v>25</v>
      </c>
      <c r="G79111" s="16">
        <v>0</v>
      </c>
    </row>
    <row r="79112" spans="1:7" x14ac:dyDescent="0.3">
      <c r="A79112" s="13" t="s">
        <v>402</v>
      </c>
      <c r="B79112" s="14" t="s">
        <v>1</v>
      </c>
      <c r="C79112" s="14" t="s">
        <v>109</v>
      </c>
      <c r="D79112" s="14" t="s">
        <v>403</v>
      </c>
      <c r="E79112" s="15">
        <v>45648</v>
      </c>
      <c r="F79112" s="14" t="s">
        <v>25</v>
      </c>
      <c r="G79112" s="16">
        <v>0</v>
      </c>
    </row>
    <row r="79113" spans="1:7" x14ac:dyDescent="0.3">
      <c r="A79113" s="13" t="s">
        <v>402</v>
      </c>
      <c r="B79113" s="14" t="s">
        <v>1</v>
      </c>
      <c r="C79113" s="14" t="s">
        <v>109</v>
      </c>
      <c r="D79113" s="14" t="s">
        <v>403</v>
      </c>
      <c r="E79113" s="15">
        <v>45649</v>
      </c>
      <c r="F79113" s="14" t="s">
        <v>25</v>
      </c>
      <c r="G79113" s="16">
        <v>0</v>
      </c>
    </row>
    <row r="79114" spans="1:7" x14ac:dyDescent="0.3">
      <c r="A79114" s="13" t="s">
        <v>402</v>
      </c>
      <c r="B79114" s="14" t="s">
        <v>1</v>
      </c>
      <c r="C79114" s="14" t="s">
        <v>109</v>
      </c>
      <c r="D79114" s="14" t="s">
        <v>403</v>
      </c>
      <c r="E79114" s="15">
        <v>45650</v>
      </c>
      <c r="F79114" s="14" t="s">
        <v>25</v>
      </c>
      <c r="G79114" s="16">
        <v>0</v>
      </c>
    </row>
    <row r="79115" spans="1:7" x14ac:dyDescent="0.3">
      <c r="A79115" s="13" t="s">
        <v>402</v>
      </c>
      <c r="B79115" s="14" t="s">
        <v>1</v>
      </c>
      <c r="C79115" s="14" t="s">
        <v>109</v>
      </c>
      <c r="D79115" s="14" t="s">
        <v>403</v>
      </c>
      <c r="E79115" s="15">
        <v>45651</v>
      </c>
      <c r="F79115" s="14" t="s">
        <v>25</v>
      </c>
      <c r="G79115" s="16">
        <v>0</v>
      </c>
    </row>
    <row r="79116" spans="1:7" x14ac:dyDescent="0.3">
      <c r="A79116" s="13" t="s">
        <v>402</v>
      </c>
      <c r="B79116" s="14" t="s">
        <v>1</v>
      </c>
      <c r="C79116" s="14" t="s">
        <v>109</v>
      </c>
      <c r="D79116" s="14" t="s">
        <v>403</v>
      </c>
      <c r="E79116" s="15">
        <v>45652</v>
      </c>
      <c r="F79116" s="14" t="s">
        <v>25</v>
      </c>
      <c r="G79116" s="16">
        <v>0</v>
      </c>
    </row>
    <row r="79117" spans="1:7" x14ac:dyDescent="0.3">
      <c r="A79117" s="13" t="s">
        <v>402</v>
      </c>
      <c r="B79117" s="14" t="s">
        <v>1</v>
      </c>
      <c r="C79117" s="14" t="s">
        <v>109</v>
      </c>
      <c r="D79117" s="14" t="s">
        <v>403</v>
      </c>
      <c r="E79117" s="15">
        <v>45653</v>
      </c>
      <c r="F79117" s="14" t="s">
        <v>25</v>
      </c>
      <c r="G79117" s="16">
        <v>0</v>
      </c>
    </row>
    <row r="79118" spans="1:7" x14ac:dyDescent="0.3">
      <c r="A79118" s="13" t="s">
        <v>402</v>
      </c>
      <c r="B79118" s="14" t="s">
        <v>1</v>
      </c>
      <c r="C79118" s="14" t="s">
        <v>109</v>
      </c>
      <c r="D79118" s="14" t="s">
        <v>403</v>
      </c>
      <c r="E79118" s="15">
        <v>45654</v>
      </c>
      <c r="F79118" s="14" t="s">
        <v>25</v>
      </c>
      <c r="G79118" s="16">
        <v>0</v>
      </c>
    </row>
    <row r="79119" spans="1:7" x14ac:dyDescent="0.3">
      <c r="A79119" s="13" t="s">
        <v>402</v>
      </c>
      <c r="B79119" s="14" t="s">
        <v>1</v>
      </c>
      <c r="C79119" s="14" t="s">
        <v>109</v>
      </c>
      <c r="D79119" s="14" t="s">
        <v>403</v>
      </c>
      <c r="E79119" s="15">
        <v>45655</v>
      </c>
      <c r="F79119" s="14" t="s">
        <v>25</v>
      </c>
      <c r="G79119" s="16">
        <v>0</v>
      </c>
    </row>
    <row r="79120" spans="1:7" x14ac:dyDescent="0.3">
      <c r="A79120" s="13" t="s">
        <v>402</v>
      </c>
      <c r="B79120" s="14" t="s">
        <v>1</v>
      </c>
      <c r="C79120" s="14" t="s">
        <v>109</v>
      </c>
      <c r="D79120" s="14" t="s">
        <v>403</v>
      </c>
      <c r="E79120" s="15">
        <v>45656</v>
      </c>
      <c r="F79120" s="14" t="s">
        <v>25</v>
      </c>
      <c r="G79120" s="16">
        <v>0</v>
      </c>
    </row>
    <row r="79121" spans="1:7" x14ac:dyDescent="0.3">
      <c r="A79121" s="13" t="s">
        <v>402</v>
      </c>
      <c r="B79121" s="14" t="s">
        <v>1</v>
      </c>
      <c r="C79121" s="14" t="s">
        <v>109</v>
      </c>
      <c r="D79121" s="14" t="s">
        <v>403</v>
      </c>
      <c r="E79121" s="15">
        <v>45657</v>
      </c>
      <c r="F79121" s="14" t="s">
        <v>25</v>
      </c>
      <c r="G79121" s="16">
        <v>0</v>
      </c>
    </row>
    <row r="79122" spans="1:7" x14ac:dyDescent="0.3">
      <c r="A79122" s="13" t="s">
        <v>402</v>
      </c>
      <c r="B79122" s="14" t="s">
        <v>1</v>
      </c>
      <c r="C79122" s="14" t="s">
        <v>109</v>
      </c>
      <c r="D79122" s="14" t="s">
        <v>403</v>
      </c>
      <c r="E79122" s="15">
        <v>45658</v>
      </c>
      <c r="F79122" s="14" t="s">
        <v>25</v>
      </c>
      <c r="G79122" s="16">
        <v>0</v>
      </c>
    </row>
    <row r="79123" spans="1:7" x14ac:dyDescent="0.3">
      <c r="A79123" s="13" t="s">
        <v>402</v>
      </c>
      <c r="B79123" s="14" t="s">
        <v>1</v>
      </c>
      <c r="C79123" s="14" t="s">
        <v>109</v>
      </c>
      <c r="D79123" s="14" t="s">
        <v>403</v>
      </c>
      <c r="E79123" s="15">
        <v>45659</v>
      </c>
      <c r="F79123" s="14" t="s">
        <v>25</v>
      </c>
      <c r="G79123" s="16">
        <v>0</v>
      </c>
    </row>
    <row r="79124" spans="1:7" x14ac:dyDescent="0.3">
      <c r="A79124" s="13" t="s">
        <v>402</v>
      </c>
      <c r="B79124" s="14" t="s">
        <v>1</v>
      </c>
      <c r="C79124" s="14" t="s">
        <v>109</v>
      </c>
      <c r="D79124" s="14" t="s">
        <v>403</v>
      </c>
      <c r="E79124" s="15">
        <v>45660</v>
      </c>
      <c r="F79124" s="14" t="s">
        <v>25</v>
      </c>
      <c r="G79124" s="16">
        <v>0</v>
      </c>
    </row>
    <row r="79125" spans="1:7" x14ac:dyDescent="0.3">
      <c r="A79125" s="13" t="s">
        <v>402</v>
      </c>
      <c r="B79125" s="14" t="s">
        <v>1</v>
      </c>
      <c r="C79125" s="14" t="s">
        <v>109</v>
      </c>
      <c r="D79125" s="14" t="s">
        <v>403</v>
      </c>
      <c r="E79125" s="15">
        <v>45661</v>
      </c>
      <c r="F79125" s="14" t="s">
        <v>25</v>
      </c>
      <c r="G79125" s="16">
        <v>0</v>
      </c>
    </row>
    <row r="79126" spans="1:7" x14ac:dyDescent="0.3">
      <c r="A79126" s="13" t="s">
        <v>402</v>
      </c>
      <c r="B79126" s="14" t="s">
        <v>1</v>
      </c>
      <c r="C79126" s="14" t="s">
        <v>109</v>
      </c>
      <c r="D79126" s="14" t="s">
        <v>403</v>
      </c>
      <c r="E79126" s="15">
        <v>45662</v>
      </c>
      <c r="F79126" s="14" t="s">
        <v>25</v>
      </c>
      <c r="G79126" s="16">
        <v>0</v>
      </c>
    </row>
    <row r="79127" spans="1:7" x14ac:dyDescent="0.3">
      <c r="A79127" s="13" t="s">
        <v>402</v>
      </c>
      <c r="B79127" s="14" t="s">
        <v>1</v>
      </c>
      <c r="C79127" s="14" t="s">
        <v>109</v>
      </c>
      <c r="D79127" s="14" t="s">
        <v>403</v>
      </c>
      <c r="E79127" s="15">
        <v>45663</v>
      </c>
      <c r="F79127" s="14" t="s">
        <v>25</v>
      </c>
      <c r="G79127" s="16">
        <v>0</v>
      </c>
    </row>
    <row r="79128" spans="1:7" x14ac:dyDescent="0.3">
      <c r="A79128" s="13" t="s">
        <v>402</v>
      </c>
      <c r="B79128" s="14" t="s">
        <v>1</v>
      </c>
      <c r="C79128" s="14" t="s">
        <v>109</v>
      </c>
      <c r="D79128" s="14" t="s">
        <v>403</v>
      </c>
      <c r="E79128" s="15">
        <v>45664</v>
      </c>
      <c r="F79128" s="14" t="s">
        <v>25</v>
      </c>
      <c r="G79128" s="16">
        <v>0</v>
      </c>
    </row>
    <row r="79129" spans="1:7" x14ac:dyDescent="0.3">
      <c r="A79129" s="13" t="s">
        <v>402</v>
      </c>
      <c r="B79129" s="14" t="s">
        <v>1</v>
      </c>
      <c r="C79129" s="14" t="s">
        <v>109</v>
      </c>
      <c r="D79129" s="14" t="s">
        <v>403</v>
      </c>
      <c r="E79129" s="15">
        <v>45665</v>
      </c>
      <c r="F79129" s="14" t="s">
        <v>25</v>
      </c>
      <c r="G79129" s="16">
        <v>0</v>
      </c>
    </row>
    <row r="79130" spans="1:7" x14ac:dyDescent="0.3">
      <c r="A79130" s="13" t="s">
        <v>402</v>
      </c>
      <c r="B79130" s="14" t="s">
        <v>1</v>
      </c>
      <c r="C79130" s="14" t="s">
        <v>109</v>
      </c>
      <c r="D79130" s="14" t="s">
        <v>403</v>
      </c>
      <c r="E79130" s="15">
        <v>45666</v>
      </c>
      <c r="F79130" s="14" t="s">
        <v>25</v>
      </c>
      <c r="G79130" s="16">
        <v>0</v>
      </c>
    </row>
    <row r="79131" spans="1:7" x14ac:dyDescent="0.3">
      <c r="A79131" s="13" t="s">
        <v>402</v>
      </c>
      <c r="B79131" s="14" t="s">
        <v>1</v>
      </c>
      <c r="C79131" s="14" t="s">
        <v>109</v>
      </c>
      <c r="D79131" s="14" t="s">
        <v>403</v>
      </c>
      <c r="E79131" s="15">
        <v>45667</v>
      </c>
      <c r="F79131" s="14" t="s">
        <v>25</v>
      </c>
      <c r="G79131" s="16">
        <v>0</v>
      </c>
    </row>
    <row r="79132" spans="1:7" x14ac:dyDescent="0.3">
      <c r="A79132" s="13" t="s">
        <v>402</v>
      </c>
      <c r="B79132" s="14" t="s">
        <v>1</v>
      </c>
      <c r="C79132" s="14" t="s">
        <v>109</v>
      </c>
      <c r="D79132" s="14" t="s">
        <v>403</v>
      </c>
      <c r="E79132" s="15">
        <v>45668</v>
      </c>
      <c r="F79132" s="14" t="s">
        <v>25</v>
      </c>
      <c r="G79132" s="16">
        <v>0</v>
      </c>
    </row>
    <row r="79133" spans="1:7" x14ac:dyDescent="0.3">
      <c r="A79133" s="13" t="s">
        <v>402</v>
      </c>
      <c r="B79133" s="14" t="s">
        <v>1</v>
      </c>
      <c r="C79133" s="14" t="s">
        <v>109</v>
      </c>
      <c r="D79133" s="14" t="s">
        <v>403</v>
      </c>
      <c r="E79133" s="15">
        <v>45669</v>
      </c>
      <c r="F79133" s="14" t="s">
        <v>25</v>
      </c>
      <c r="G79133" s="16">
        <v>0</v>
      </c>
    </row>
    <row r="79134" spans="1:7" x14ac:dyDescent="0.3">
      <c r="A79134" s="13" t="s">
        <v>402</v>
      </c>
      <c r="B79134" s="14" t="s">
        <v>1</v>
      </c>
      <c r="C79134" s="14" t="s">
        <v>109</v>
      </c>
      <c r="D79134" s="14" t="s">
        <v>403</v>
      </c>
      <c r="E79134" s="15">
        <v>45670</v>
      </c>
      <c r="F79134" s="14" t="s">
        <v>25</v>
      </c>
      <c r="G79134" s="16">
        <v>0</v>
      </c>
    </row>
    <row r="79135" spans="1:7" x14ac:dyDescent="0.3">
      <c r="A79135" s="13" t="s">
        <v>402</v>
      </c>
      <c r="B79135" s="14" t="s">
        <v>1</v>
      </c>
      <c r="C79135" s="14" t="s">
        <v>109</v>
      </c>
      <c r="D79135" s="14" t="s">
        <v>403</v>
      </c>
      <c r="E79135" s="15">
        <v>45671</v>
      </c>
      <c r="F79135" s="14" t="s">
        <v>25</v>
      </c>
      <c r="G79135" s="16">
        <v>0</v>
      </c>
    </row>
    <row r="79136" spans="1:7" x14ac:dyDescent="0.3">
      <c r="A79136" s="13" t="s">
        <v>402</v>
      </c>
      <c r="B79136" s="14" t="s">
        <v>1</v>
      </c>
      <c r="C79136" s="14" t="s">
        <v>109</v>
      </c>
      <c r="D79136" s="14" t="s">
        <v>403</v>
      </c>
      <c r="E79136" s="15">
        <v>45672</v>
      </c>
      <c r="F79136" s="14" t="s">
        <v>25</v>
      </c>
      <c r="G79136" s="16">
        <v>0</v>
      </c>
    </row>
    <row r="79137" spans="1:7" x14ac:dyDescent="0.3">
      <c r="A79137" s="13" t="s">
        <v>402</v>
      </c>
      <c r="B79137" s="14" t="s">
        <v>1</v>
      </c>
      <c r="C79137" s="14" t="s">
        <v>109</v>
      </c>
      <c r="D79137" s="14" t="s">
        <v>403</v>
      </c>
      <c r="E79137" s="15">
        <v>45673</v>
      </c>
      <c r="F79137" s="14" t="s">
        <v>25</v>
      </c>
      <c r="G79137" s="16">
        <v>0</v>
      </c>
    </row>
    <row r="79138" spans="1:7" x14ac:dyDescent="0.3">
      <c r="A79138" s="13" t="s">
        <v>402</v>
      </c>
      <c r="B79138" s="14" t="s">
        <v>1</v>
      </c>
      <c r="C79138" s="14" t="s">
        <v>109</v>
      </c>
      <c r="D79138" s="14" t="s">
        <v>403</v>
      </c>
      <c r="E79138" s="15">
        <v>45674</v>
      </c>
      <c r="F79138" s="14" t="s">
        <v>25</v>
      </c>
      <c r="G79138" s="16">
        <v>0</v>
      </c>
    </row>
    <row r="79139" spans="1:7" x14ac:dyDescent="0.3">
      <c r="A79139" s="13" t="s">
        <v>402</v>
      </c>
      <c r="B79139" s="14" t="s">
        <v>1</v>
      </c>
      <c r="C79139" s="14" t="s">
        <v>109</v>
      </c>
      <c r="D79139" s="14" t="s">
        <v>403</v>
      </c>
      <c r="E79139" s="15">
        <v>45675</v>
      </c>
      <c r="F79139" s="14" t="s">
        <v>25</v>
      </c>
      <c r="G79139" s="16">
        <v>0</v>
      </c>
    </row>
    <row r="79140" spans="1:7" x14ac:dyDescent="0.3">
      <c r="A79140" s="13" t="s">
        <v>402</v>
      </c>
      <c r="B79140" s="14" t="s">
        <v>1</v>
      </c>
      <c r="C79140" s="14" t="s">
        <v>109</v>
      </c>
      <c r="D79140" s="14" t="s">
        <v>403</v>
      </c>
      <c r="E79140" s="15">
        <v>45676</v>
      </c>
      <c r="F79140" s="14" t="s">
        <v>25</v>
      </c>
      <c r="G79140" s="16">
        <v>0</v>
      </c>
    </row>
    <row r="79141" spans="1:7" x14ac:dyDescent="0.3">
      <c r="A79141" s="13" t="s">
        <v>402</v>
      </c>
      <c r="B79141" s="14" t="s">
        <v>1</v>
      </c>
      <c r="C79141" s="14" t="s">
        <v>109</v>
      </c>
      <c r="D79141" s="14" t="s">
        <v>403</v>
      </c>
      <c r="E79141" s="15">
        <v>45677</v>
      </c>
      <c r="F79141" s="14" t="s">
        <v>25</v>
      </c>
      <c r="G79141" s="16">
        <v>0</v>
      </c>
    </row>
    <row r="79142" spans="1:7" x14ac:dyDescent="0.3">
      <c r="A79142" s="13" t="s">
        <v>402</v>
      </c>
      <c r="B79142" s="14" t="s">
        <v>1</v>
      </c>
      <c r="C79142" s="14" t="s">
        <v>109</v>
      </c>
      <c r="D79142" s="14" t="s">
        <v>403</v>
      </c>
      <c r="E79142" s="15">
        <v>45678</v>
      </c>
      <c r="F79142" s="14" t="s">
        <v>25</v>
      </c>
      <c r="G79142" s="16">
        <v>0</v>
      </c>
    </row>
    <row r="79143" spans="1:7" x14ac:dyDescent="0.3">
      <c r="A79143" s="13" t="s">
        <v>402</v>
      </c>
      <c r="B79143" s="14" t="s">
        <v>1</v>
      </c>
      <c r="C79143" s="14" t="s">
        <v>109</v>
      </c>
      <c r="D79143" s="14" t="s">
        <v>403</v>
      </c>
      <c r="E79143" s="15">
        <v>45679</v>
      </c>
      <c r="F79143" s="14" t="s">
        <v>25</v>
      </c>
      <c r="G79143" s="16">
        <v>0</v>
      </c>
    </row>
    <row r="79144" spans="1:7" x14ac:dyDescent="0.3">
      <c r="A79144" s="13" t="s">
        <v>402</v>
      </c>
      <c r="B79144" s="14" t="s">
        <v>1</v>
      </c>
      <c r="C79144" s="14" t="s">
        <v>109</v>
      </c>
      <c r="D79144" s="14" t="s">
        <v>403</v>
      </c>
      <c r="E79144" s="15">
        <v>45680</v>
      </c>
      <c r="F79144" s="14" t="s">
        <v>25</v>
      </c>
      <c r="G79144" s="16">
        <v>0</v>
      </c>
    </row>
    <row r="79145" spans="1:7" x14ac:dyDescent="0.3">
      <c r="A79145" s="13" t="s">
        <v>402</v>
      </c>
      <c r="B79145" s="14" t="s">
        <v>1</v>
      </c>
      <c r="C79145" s="14" t="s">
        <v>109</v>
      </c>
      <c r="D79145" s="14" t="s">
        <v>403</v>
      </c>
      <c r="E79145" s="15">
        <v>45681</v>
      </c>
      <c r="F79145" s="14" t="s">
        <v>25</v>
      </c>
      <c r="G79145" s="16">
        <v>0</v>
      </c>
    </row>
    <row r="79146" spans="1:7" x14ac:dyDescent="0.3">
      <c r="A79146" s="13" t="s">
        <v>402</v>
      </c>
      <c r="B79146" s="14" t="s">
        <v>1</v>
      </c>
      <c r="C79146" s="14" t="s">
        <v>109</v>
      </c>
      <c r="D79146" s="14" t="s">
        <v>403</v>
      </c>
      <c r="E79146" s="15">
        <v>45682</v>
      </c>
      <c r="F79146" s="14" t="s">
        <v>25</v>
      </c>
      <c r="G79146" s="16">
        <v>0</v>
      </c>
    </row>
    <row r="79147" spans="1:7" x14ac:dyDescent="0.3">
      <c r="A79147" s="13" t="s">
        <v>402</v>
      </c>
      <c r="B79147" s="14" t="s">
        <v>1</v>
      </c>
      <c r="C79147" s="14" t="s">
        <v>109</v>
      </c>
      <c r="D79147" s="14" t="s">
        <v>403</v>
      </c>
      <c r="E79147" s="15">
        <v>45683</v>
      </c>
      <c r="F79147" s="14" t="s">
        <v>25</v>
      </c>
      <c r="G79147" s="16">
        <v>0</v>
      </c>
    </row>
    <row r="79148" spans="1:7" x14ac:dyDescent="0.3">
      <c r="A79148" s="13" t="s">
        <v>402</v>
      </c>
      <c r="B79148" s="14" t="s">
        <v>1</v>
      </c>
      <c r="C79148" s="14" t="s">
        <v>109</v>
      </c>
      <c r="D79148" s="14" t="s">
        <v>403</v>
      </c>
      <c r="E79148" s="15">
        <v>45684</v>
      </c>
      <c r="F79148" s="14" t="s">
        <v>25</v>
      </c>
      <c r="G79148" s="16">
        <v>0</v>
      </c>
    </row>
    <row r="79149" spans="1:7" x14ac:dyDescent="0.3">
      <c r="A79149" s="13" t="s">
        <v>402</v>
      </c>
      <c r="B79149" s="14" t="s">
        <v>1</v>
      </c>
      <c r="C79149" s="14" t="s">
        <v>109</v>
      </c>
      <c r="D79149" s="14" t="s">
        <v>403</v>
      </c>
      <c r="E79149" s="15">
        <v>45685</v>
      </c>
      <c r="F79149" s="14" t="s">
        <v>25</v>
      </c>
      <c r="G79149" s="16">
        <v>0</v>
      </c>
    </row>
    <row r="79150" spans="1:7" x14ac:dyDescent="0.3">
      <c r="A79150" s="13" t="s">
        <v>402</v>
      </c>
      <c r="B79150" s="14" t="s">
        <v>1</v>
      </c>
      <c r="C79150" s="14" t="s">
        <v>109</v>
      </c>
      <c r="D79150" s="14" t="s">
        <v>403</v>
      </c>
      <c r="E79150" s="15">
        <v>45686</v>
      </c>
      <c r="F79150" s="14" t="s">
        <v>25</v>
      </c>
      <c r="G79150" s="16">
        <v>0</v>
      </c>
    </row>
    <row r="79151" spans="1:7" x14ac:dyDescent="0.3">
      <c r="A79151" s="13" t="s">
        <v>402</v>
      </c>
      <c r="B79151" s="14" t="s">
        <v>1</v>
      </c>
      <c r="C79151" s="14" t="s">
        <v>109</v>
      </c>
      <c r="D79151" s="14" t="s">
        <v>403</v>
      </c>
      <c r="E79151" s="15">
        <v>45687</v>
      </c>
      <c r="F79151" s="14" t="s">
        <v>25</v>
      </c>
      <c r="G79151" s="16">
        <v>0</v>
      </c>
    </row>
    <row r="79152" spans="1:7" x14ac:dyDescent="0.3">
      <c r="A79152" s="13" t="s">
        <v>402</v>
      </c>
      <c r="B79152" s="14" t="s">
        <v>1</v>
      </c>
      <c r="C79152" s="14" t="s">
        <v>109</v>
      </c>
      <c r="D79152" s="14" t="s">
        <v>403</v>
      </c>
      <c r="E79152" s="15">
        <v>45688</v>
      </c>
      <c r="F79152" s="14" t="s">
        <v>25</v>
      </c>
      <c r="G79152" s="16">
        <v>0</v>
      </c>
    </row>
    <row r="79153" spans="1:7" x14ac:dyDescent="0.3">
      <c r="A79153" s="13" t="s">
        <v>402</v>
      </c>
      <c r="B79153" s="14" t="s">
        <v>1</v>
      </c>
      <c r="C79153" s="14" t="s">
        <v>109</v>
      </c>
      <c r="D79153" s="14" t="s">
        <v>403</v>
      </c>
      <c r="E79153" s="15">
        <v>45689</v>
      </c>
      <c r="F79153" s="14" t="s">
        <v>25</v>
      </c>
      <c r="G79153" s="16">
        <v>0</v>
      </c>
    </row>
    <row r="79154" spans="1:7" x14ac:dyDescent="0.3">
      <c r="A79154" s="13" t="s">
        <v>402</v>
      </c>
      <c r="B79154" s="14" t="s">
        <v>1</v>
      </c>
      <c r="C79154" s="14" t="s">
        <v>109</v>
      </c>
      <c r="D79154" s="14" t="s">
        <v>403</v>
      </c>
      <c r="E79154" s="15">
        <v>45690</v>
      </c>
      <c r="F79154" s="14" t="s">
        <v>25</v>
      </c>
      <c r="G79154" s="16">
        <v>0</v>
      </c>
    </row>
    <row r="79155" spans="1:7" x14ac:dyDescent="0.3">
      <c r="A79155" s="13" t="s">
        <v>402</v>
      </c>
      <c r="B79155" s="14" t="s">
        <v>1</v>
      </c>
      <c r="C79155" s="14" t="s">
        <v>109</v>
      </c>
      <c r="D79155" s="14" t="s">
        <v>403</v>
      </c>
      <c r="E79155" s="15">
        <v>45691</v>
      </c>
      <c r="F79155" s="14" t="s">
        <v>25</v>
      </c>
      <c r="G79155" s="16">
        <v>0</v>
      </c>
    </row>
    <row r="79156" spans="1:7" x14ac:dyDescent="0.3">
      <c r="A79156" s="13" t="s">
        <v>402</v>
      </c>
      <c r="B79156" s="14" t="s">
        <v>1</v>
      </c>
      <c r="C79156" s="14" t="s">
        <v>109</v>
      </c>
      <c r="D79156" s="14" t="s">
        <v>403</v>
      </c>
      <c r="E79156" s="15">
        <v>45692</v>
      </c>
      <c r="F79156" s="14" t="s">
        <v>25</v>
      </c>
      <c r="G79156" s="16">
        <v>0</v>
      </c>
    </row>
    <row r="79157" spans="1:7" x14ac:dyDescent="0.3">
      <c r="A79157" s="13" t="s">
        <v>402</v>
      </c>
      <c r="B79157" s="14" t="s">
        <v>1</v>
      </c>
      <c r="C79157" s="14" t="s">
        <v>109</v>
      </c>
      <c r="D79157" s="14" t="s">
        <v>403</v>
      </c>
      <c r="E79157" s="15">
        <v>45693</v>
      </c>
      <c r="F79157" s="14" t="s">
        <v>25</v>
      </c>
      <c r="G79157" s="16">
        <v>0</v>
      </c>
    </row>
    <row r="79158" spans="1:7" x14ac:dyDescent="0.3">
      <c r="A79158" s="13" t="s">
        <v>402</v>
      </c>
      <c r="B79158" s="14" t="s">
        <v>1</v>
      </c>
      <c r="C79158" s="14" t="s">
        <v>109</v>
      </c>
      <c r="D79158" s="14" t="s">
        <v>403</v>
      </c>
      <c r="E79158" s="15">
        <v>45694</v>
      </c>
      <c r="F79158" s="14" t="s">
        <v>25</v>
      </c>
      <c r="G79158" s="16">
        <v>0</v>
      </c>
    </row>
    <row r="79159" spans="1:7" x14ac:dyDescent="0.3">
      <c r="A79159" s="13" t="s">
        <v>402</v>
      </c>
      <c r="B79159" s="14" t="s">
        <v>1</v>
      </c>
      <c r="C79159" s="14" t="s">
        <v>109</v>
      </c>
      <c r="D79159" s="14" t="s">
        <v>403</v>
      </c>
      <c r="E79159" s="15">
        <v>45695</v>
      </c>
      <c r="F79159" s="14" t="s">
        <v>25</v>
      </c>
      <c r="G79159" s="16">
        <v>0</v>
      </c>
    </row>
    <row r="79160" spans="1:7" x14ac:dyDescent="0.3">
      <c r="A79160" s="13" t="s">
        <v>402</v>
      </c>
      <c r="B79160" s="14" t="s">
        <v>1</v>
      </c>
      <c r="C79160" s="14" t="s">
        <v>109</v>
      </c>
      <c r="D79160" s="14" t="s">
        <v>403</v>
      </c>
      <c r="E79160" s="15">
        <v>45696</v>
      </c>
      <c r="F79160" s="14" t="s">
        <v>25</v>
      </c>
      <c r="G79160" s="16">
        <v>0</v>
      </c>
    </row>
    <row r="79161" spans="1:7" x14ac:dyDescent="0.3">
      <c r="A79161" s="13" t="s">
        <v>402</v>
      </c>
      <c r="B79161" s="14" t="s">
        <v>1</v>
      </c>
      <c r="C79161" s="14" t="s">
        <v>109</v>
      </c>
      <c r="D79161" s="14" t="s">
        <v>403</v>
      </c>
      <c r="E79161" s="15">
        <v>45697</v>
      </c>
      <c r="F79161" s="14" t="s">
        <v>25</v>
      </c>
      <c r="G79161" s="16">
        <v>0</v>
      </c>
    </row>
    <row r="79162" spans="1:7" x14ac:dyDescent="0.3">
      <c r="A79162" s="13" t="s">
        <v>402</v>
      </c>
      <c r="B79162" s="14" t="s">
        <v>1</v>
      </c>
      <c r="C79162" s="14" t="s">
        <v>109</v>
      </c>
      <c r="D79162" s="14" t="s">
        <v>403</v>
      </c>
      <c r="E79162" s="15">
        <v>45698</v>
      </c>
      <c r="F79162" s="14" t="s">
        <v>25</v>
      </c>
      <c r="G79162" s="16">
        <v>0</v>
      </c>
    </row>
    <row r="79163" spans="1:7" x14ac:dyDescent="0.3">
      <c r="A79163" s="13" t="s">
        <v>402</v>
      </c>
      <c r="B79163" s="14" t="s">
        <v>1</v>
      </c>
      <c r="C79163" s="14" t="s">
        <v>109</v>
      </c>
      <c r="D79163" s="14" t="s">
        <v>403</v>
      </c>
      <c r="E79163" s="15">
        <v>45699</v>
      </c>
      <c r="F79163" s="14" t="s">
        <v>25</v>
      </c>
      <c r="G79163" s="16">
        <v>0</v>
      </c>
    </row>
    <row r="79164" spans="1:7" x14ac:dyDescent="0.3">
      <c r="A79164" s="13" t="s">
        <v>402</v>
      </c>
      <c r="B79164" s="14" t="s">
        <v>1</v>
      </c>
      <c r="C79164" s="14" t="s">
        <v>109</v>
      </c>
      <c r="D79164" s="14" t="s">
        <v>403</v>
      </c>
      <c r="E79164" s="15">
        <v>45700</v>
      </c>
      <c r="F79164" s="14" t="s">
        <v>25</v>
      </c>
      <c r="G79164" s="16">
        <v>0</v>
      </c>
    </row>
    <row r="79165" spans="1:7" x14ac:dyDescent="0.3">
      <c r="A79165" s="13" t="s">
        <v>402</v>
      </c>
      <c r="B79165" s="14" t="s">
        <v>1</v>
      </c>
      <c r="C79165" s="14" t="s">
        <v>109</v>
      </c>
      <c r="D79165" s="14" t="s">
        <v>403</v>
      </c>
      <c r="E79165" s="15">
        <v>45701</v>
      </c>
      <c r="F79165" s="14" t="s">
        <v>25</v>
      </c>
      <c r="G79165" s="16">
        <v>0</v>
      </c>
    </row>
    <row r="79166" spans="1:7" x14ac:dyDescent="0.3">
      <c r="A79166" s="13" t="s">
        <v>402</v>
      </c>
      <c r="B79166" s="14" t="s">
        <v>1</v>
      </c>
      <c r="C79166" s="14" t="s">
        <v>109</v>
      </c>
      <c r="D79166" s="14" t="s">
        <v>403</v>
      </c>
      <c r="E79166" s="15">
        <v>45702</v>
      </c>
      <c r="F79166" s="14" t="s">
        <v>25</v>
      </c>
      <c r="G79166" s="16">
        <v>0</v>
      </c>
    </row>
    <row r="79167" spans="1:7" x14ac:dyDescent="0.3">
      <c r="A79167" s="13" t="s">
        <v>402</v>
      </c>
      <c r="B79167" s="14" t="s">
        <v>1</v>
      </c>
      <c r="C79167" s="14" t="s">
        <v>109</v>
      </c>
      <c r="D79167" s="14" t="s">
        <v>403</v>
      </c>
      <c r="E79167" s="15">
        <v>45703</v>
      </c>
      <c r="F79167" s="14" t="s">
        <v>25</v>
      </c>
      <c r="G79167" s="16">
        <v>0</v>
      </c>
    </row>
    <row r="79168" spans="1:7" x14ac:dyDescent="0.3">
      <c r="A79168" s="13" t="s">
        <v>402</v>
      </c>
      <c r="B79168" s="14" t="s">
        <v>1</v>
      </c>
      <c r="C79168" s="14" t="s">
        <v>109</v>
      </c>
      <c r="D79168" s="14" t="s">
        <v>403</v>
      </c>
      <c r="E79168" s="15">
        <v>45704</v>
      </c>
      <c r="F79168" s="14" t="s">
        <v>25</v>
      </c>
      <c r="G79168" s="16">
        <v>0</v>
      </c>
    </row>
    <row r="79169" spans="1:7" x14ac:dyDescent="0.3">
      <c r="A79169" s="13" t="s">
        <v>402</v>
      </c>
      <c r="B79169" s="14" t="s">
        <v>1</v>
      </c>
      <c r="C79169" s="14" t="s">
        <v>109</v>
      </c>
      <c r="D79169" s="14" t="s">
        <v>403</v>
      </c>
      <c r="E79169" s="15">
        <v>45705</v>
      </c>
      <c r="F79169" s="14" t="s">
        <v>25</v>
      </c>
      <c r="G79169" s="16">
        <v>0</v>
      </c>
    </row>
    <row r="79170" spans="1:7" x14ac:dyDescent="0.3">
      <c r="A79170" s="13" t="s">
        <v>402</v>
      </c>
      <c r="B79170" s="14" t="s">
        <v>1</v>
      </c>
      <c r="C79170" s="14" t="s">
        <v>109</v>
      </c>
      <c r="D79170" s="14" t="s">
        <v>403</v>
      </c>
      <c r="E79170" s="15">
        <v>45706</v>
      </c>
      <c r="F79170" s="14" t="s">
        <v>25</v>
      </c>
      <c r="G79170" s="16">
        <v>0</v>
      </c>
    </row>
    <row r="79171" spans="1:7" x14ac:dyDescent="0.3">
      <c r="A79171" s="13" t="s">
        <v>402</v>
      </c>
      <c r="B79171" s="14" t="s">
        <v>1</v>
      </c>
      <c r="C79171" s="14" t="s">
        <v>109</v>
      </c>
      <c r="D79171" s="14" t="s">
        <v>403</v>
      </c>
      <c r="E79171" s="15">
        <v>45707</v>
      </c>
      <c r="F79171" s="14" t="s">
        <v>25</v>
      </c>
      <c r="G79171" s="16">
        <v>0</v>
      </c>
    </row>
    <row r="79172" spans="1:7" x14ac:dyDescent="0.3">
      <c r="A79172" s="13" t="s">
        <v>402</v>
      </c>
      <c r="B79172" s="14" t="s">
        <v>1</v>
      </c>
      <c r="C79172" s="14" t="s">
        <v>109</v>
      </c>
      <c r="D79172" s="14" t="s">
        <v>403</v>
      </c>
      <c r="E79172" s="15">
        <v>45708</v>
      </c>
      <c r="F79172" s="14" t="s">
        <v>25</v>
      </c>
      <c r="G79172" s="16">
        <v>0</v>
      </c>
    </row>
    <row r="79173" spans="1:7" x14ac:dyDescent="0.3">
      <c r="A79173" s="13" t="s">
        <v>402</v>
      </c>
      <c r="B79173" s="14" t="s">
        <v>1</v>
      </c>
      <c r="C79173" s="14" t="s">
        <v>109</v>
      </c>
      <c r="D79173" s="14" t="s">
        <v>403</v>
      </c>
      <c r="E79173" s="15">
        <v>45709</v>
      </c>
      <c r="F79173" s="14" t="s">
        <v>25</v>
      </c>
      <c r="G79173" s="16">
        <v>0</v>
      </c>
    </row>
    <row r="79174" spans="1:7" x14ac:dyDescent="0.3">
      <c r="A79174" s="13" t="s">
        <v>402</v>
      </c>
      <c r="B79174" s="14" t="s">
        <v>1</v>
      </c>
      <c r="C79174" s="14" t="s">
        <v>109</v>
      </c>
      <c r="D79174" s="14" t="s">
        <v>403</v>
      </c>
      <c r="E79174" s="15">
        <v>45710</v>
      </c>
      <c r="F79174" s="14" t="s">
        <v>25</v>
      </c>
      <c r="G79174" s="16">
        <v>0</v>
      </c>
    </row>
    <row r="79175" spans="1:7" x14ac:dyDescent="0.3">
      <c r="A79175" s="13" t="s">
        <v>402</v>
      </c>
      <c r="B79175" s="14" t="s">
        <v>1</v>
      </c>
      <c r="C79175" s="14" t="s">
        <v>109</v>
      </c>
      <c r="D79175" s="14" t="s">
        <v>403</v>
      </c>
      <c r="E79175" s="15">
        <v>45711</v>
      </c>
      <c r="F79175" s="14" t="s">
        <v>25</v>
      </c>
      <c r="G79175" s="16">
        <v>0</v>
      </c>
    </row>
    <row r="79176" spans="1:7" x14ac:dyDescent="0.3">
      <c r="A79176" s="13" t="s">
        <v>402</v>
      </c>
      <c r="B79176" s="14" t="s">
        <v>1</v>
      </c>
      <c r="C79176" s="14" t="s">
        <v>109</v>
      </c>
      <c r="D79176" s="14" t="s">
        <v>403</v>
      </c>
      <c r="E79176" s="15">
        <v>45712</v>
      </c>
      <c r="F79176" s="14" t="s">
        <v>25</v>
      </c>
      <c r="G79176" s="16">
        <v>0</v>
      </c>
    </row>
    <row r="79177" spans="1:7" x14ac:dyDescent="0.3">
      <c r="A79177" s="13" t="s">
        <v>402</v>
      </c>
      <c r="B79177" s="14" t="s">
        <v>1</v>
      </c>
      <c r="C79177" s="14" t="s">
        <v>109</v>
      </c>
      <c r="D79177" s="14" t="s">
        <v>403</v>
      </c>
      <c r="E79177" s="15">
        <v>45713</v>
      </c>
      <c r="F79177" s="14" t="s">
        <v>25</v>
      </c>
      <c r="G79177" s="16">
        <v>0</v>
      </c>
    </row>
    <row r="79178" spans="1:7" x14ac:dyDescent="0.3">
      <c r="A79178" s="13" t="s">
        <v>402</v>
      </c>
      <c r="B79178" s="14" t="s">
        <v>1</v>
      </c>
      <c r="C79178" s="14" t="s">
        <v>109</v>
      </c>
      <c r="D79178" s="14" t="s">
        <v>403</v>
      </c>
      <c r="E79178" s="15">
        <v>45714</v>
      </c>
      <c r="F79178" s="14" t="s">
        <v>25</v>
      </c>
      <c r="G79178" s="16">
        <v>0</v>
      </c>
    </row>
    <row r="79179" spans="1:7" x14ac:dyDescent="0.3">
      <c r="A79179" s="13" t="s">
        <v>402</v>
      </c>
      <c r="B79179" s="14" t="s">
        <v>1</v>
      </c>
      <c r="C79179" s="14" t="s">
        <v>109</v>
      </c>
      <c r="D79179" s="14" t="s">
        <v>403</v>
      </c>
      <c r="E79179" s="15">
        <v>45715</v>
      </c>
      <c r="F79179" s="14" t="s">
        <v>25</v>
      </c>
      <c r="G79179" s="16">
        <v>0</v>
      </c>
    </row>
    <row r="79180" spans="1:7" x14ac:dyDescent="0.3">
      <c r="A79180" s="13" t="s">
        <v>402</v>
      </c>
      <c r="B79180" s="14" t="s">
        <v>1</v>
      </c>
      <c r="C79180" s="14" t="s">
        <v>109</v>
      </c>
      <c r="D79180" s="14" t="s">
        <v>403</v>
      </c>
      <c r="E79180" s="15">
        <v>45716</v>
      </c>
      <c r="F79180" s="14" t="s">
        <v>25</v>
      </c>
      <c r="G79180" s="16">
        <v>0</v>
      </c>
    </row>
    <row r="79181" spans="1:7" x14ac:dyDescent="0.3">
      <c r="A79181" s="13" t="s">
        <v>402</v>
      </c>
      <c r="B79181" s="14" t="s">
        <v>1</v>
      </c>
      <c r="C79181" s="14" t="s">
        <v>109</v>
      </c>
      <c r="D79181" s="14" t="s">
        <v>403</v>
      </c>
      <c r="E79181" s="15">
        <v>45717</v>
      </c>
      <c r="F79181" s="14" t="s">
        <v>25</v>
      </c>
      <c r="G79181" s="16">
        <v>0</v>
      </c>
    </row>
    <row r="79182" spans="1:7" x14ac:dyDescent="0.3">
      <c r="A79182" s="13" t="s">
        <v>402</v>
      </c>
      <c r="B79182" s="14" t="s">
        <v>1</v>
      </c>
      <c r="C79182" s="14" t="s">
        <v>109</v>
      </c>
      <c r="D79182" s="14" t="s">
        <v>403</v>
      </c>
      <c r="E79182" s="15">
        <v>45718</v>
      </c>
      <c r="F79182" s="14" t="s">
        <v>25</v>
      </c>
      <c r="G79182" s="16">
        <v>0</v>
      </c>
    </row>
    <row r="79183" spans="1:7" x14ac:dyDescent="0.3">
      <c r="A79183" s="13" t="s">
        <v>402</v>
      </c>
      <c r="B79183" s="14" t="s">
        <v>1</v>
      </c>
      <c r="C79183" s="14" t="s">
        <v>109</v>
      </c>
      <c r="D79183" s="14" t="s">
        <v>403</v>
      </c>
      <c r="E79183" s="15">
        <v>45719</v>
      </c>
      <c r="F79183" s="14" t="s">
        <v>25</v>
      </c>
      <c r="G79183" s="16">
        <v>0</v>
      </c>
    </row>
    <row r="79184" spans="1:7" x14ac:dyDescent="0.3">
      <c r="A79184" s="13" t="s">
        <v>402</v>
      </c>
      <c r="B79184" s="14" t="s">
        <v>1</v>
      </c>
      <c r="C79184" s="14" t="s">
        <v>109</v>
      </c>
      <c r="D79184" s="14" t="s">
        <v>403</v>
      </c>
      <c r="E79184" s="15">
        <v>45720</v>
      </c>
      <c r="F79184" s="14" t="s">
        <v>25</v>
      </c>
      <c r="G79184" s="16">
        <v>0</v>
      </c>
    </row>
    <row r="79185" spans="1:7" x14ac:dyDescent="0.3">
      <c r="A79185" s="13" t="s">
        <v>402</v>
      </c>
      <c r="B79185" s="14" t="s">
        <v>1</v>
      </c>
      <c r="C79185" s="14" t="s">
        <v>109</v>
      </c>
      <c r="D79185" s="14" t="s">
        <v>403</v>
      </c>
      <c r="E79185" s="15">
        <v>45721</v>
      </c>
      <c r="F79185" s="14" t="s">
        <v>25</v>
      </c>
      <c r="G79185" s="16">
        <v>0</v>
      </c>
    </row>
    <row r="79186" spans="1:7" x14ac:dyDescent="0.3">
      <c r="A79186" s="13" t="s">
        <v>402</v>
      </c>
      <c r="B79186" s="14" t="s">
        <v>1</v>
      </c>
      <c r="C79186" s="14" t="s">
        <v>109</v>
      </c>
      <c r="D79186" s="14" t="s">
        <v>403</v>
      </c>
      <c r="E79186" s="15">
        <v>45722</v>
      </c>
      <c r="F79186" s="14" t="s">
        <v>25</v>
      </c>
      <c r="G79186" s="16">
        <v>0</v>
      </c>
    </row>
    <row r="79187" spans="1:7" x14ac:dyDescent="0.3">
      <c r="A79187" s="13" t="s">
        <v>402</v>
      </c>
      <c r="B79187" s="14" t="s">
        <v>1</v>
      </c>
      <c r="C79187" s="14" t="s">
        <v>109</v>
      </c>
      <c r="D79187" s="14" t="s">
        <v>403</v>
      </c>
      <c r="E79187" s="15">
        <v>45723</v>
      </c>
      <c r="F79187" s="14" t="s">
        <v>25</v>
      </c>
      <c r="G79187" s="16">
        <v>0</v>
      </c>
    </row>
    <row r="79188" spans="1:7" x14ac:dyDescent="0.3">
      <c r="A79188" s="13" t="s">
        <v>402</v>
      </c>
      <c r="B79188" s="14" t="s">
        <v>1</v>
      </c>
      <c r="C79188" s="14" t="s">
        <v>109</v>
      </c>
      <c r="D79188" s="14" t="s">
        <v>403</v>
      </c>
      <c r="E79188" s="15">
        <v>45724</v>
      </c>
      <c r="F79188" s="14" t="s">
        <v>25</v>
      </c>
      <c r="G79188" s="16">
        <v>0</v>
      </c>
    </row>
    <row r="79189" spans="1:7" x14ac:dyDescent="0.3">
      <c r="A79189" s="13" t="s">
        <v>402</v>
      </c>
      <c r="B79189" s="14" t="s">
        <v>1</v>
      </c>
      <c r="C79189" s="14" t="s">
        <v>109</v>
      </c>
      <c r="D79189" s="14" t="s">
        <v>403</v>
      </c>
      <c r="E79189" s="15">
        <v>45725</v>
      </c>
      <c r="F79189" s="14" t="s">
        <v>25</v>
      </c>
      <c r="G79189" s="16">
        <v>0</v>
      </c>
    </row>
    <row r="79190" spans="1:7" x14ac:dyDescent="0.3">
      <c r="A79190" s="13" t="s">
        <v>402</v>
      </c>
      <c r="B79190" s="14" t="s">
        <v>1</v>
      </c>
      <c r="C79190" s="14" t="s">
        <v>109</v>
      </c>
      <c r="D79190" s="14" t="s">
        <v>403</v>
      </c>
      <c r="E79190" s="15">
        <v>45726</v>
      </c>
      <c r="F79190" s="14" t="s">
        <v>25</v>
      </c>
      <c r="G79190" s="16">
        <v>0</v>
      </c>
    </row>
    <row r="79191" spans="1:7" x14ac:dyDescent="0.3">
      <c r="A79191" s="13" t="s">
        <v>402</v>
      </c>
      <c r="B79191" s="14" t="s">
        <v>1</v>
      </c>
      <c r="C79191" s="14" t="s">
        <v>109</v>
      </c>
      <c r="D79191" s="14" t="s">
        <v>403</v>
      </c>
      <c r="E79191" s="15">
        <v>45727</v>
      </c>
      <c r="F79191" s="14" t="s">
        <v>25</v>
      </c>
      <c r="G79191" s="16">
        <v>0</v>
      </c>
    </row>
    <row r="79192" spans="1:7" x14ac:dyDescent="0.3">
      <c r="A79192" s="13" t="s">
        <v>402</v>
      </c>
      <c r="B79192" s="14" t="s">
        <v>1</v>
      </c>
      <c r="C79192" s="14" t="s">
        <v>109</v>
      </c>
      <c r="D79192" s="14" t="s">
        <v>403</v>
      </c>
      <c r="E79192" s="15">
        <v>45728</v>
      </c>
      <c r="F79192" s="14" t="s">
        <v>25</v>
      </c>
      <c r="G79192" s="16">
        <v>0</v>
      </c>
    </row>
    <row r="79193" spans="1:7" x14ac:dyDescent="0.3">
      <c r="A79193" s="13" t="s">
        <v>402</v>
      </c>
      <c r="B79193" s="14" t="s">
        <v>1</v>
      </c>
      <c r="C79193" s="14" t="s">
        <v>109</v>
      </c>
      <c r="D79193" s="14" t="s">
        <v>403</v>
      </c>
      <c r="E79193" s="15">
        <v>45729</v>
      </c>
      <c r="F79193" s="14" t="s">
        <v>25</v>
      </c>
      <c r="G79193" s="16">
        <v>0</v>
      </c>
    </row>
    <row r="79194" spans="1:7" x14ac:dyDescent="0.3">
      <c r="A79194" s="13" t="s">
        <v>402</v>
      </c>
      <c r="B79194" s="14" t="s">
        <v>1</v>
      </c>
      <c r="C79194" s="14" t="s">
        <v>109</v>
      </c>
      <c r="D79194" s="14" t="s">
        <v>403</v>
      </c>
      <c r="E79194" s="15">
        <v>45730</v>
      </c>
      <c r="F79194" s="14" t="s">
        <v>25</v>
      </c>
      <c r="G79194" s="16">
        <v>0</v>
      </c>
    </row>
    <row r="79195" spans="1:7" x14ac:dyDescent="0.3">
      <c r="A79195" s="13" t="s">
        <v>402</v>
      </c>
      <c r="B79195" s="14" t="s">
        <v>1</v>
      </c>
      <c r="C79195" s="14" t="s">
        <v>109</v>
      </c>
      <c r="D79195" s="14" t="s">
        <v>403</v>
      </c>
      <c r="E79195" s="15">
        <v>45731</v>
      </c>
      <c r="F79195" s="14" t="s">
        <v>25</v>
      </c>
      <c r="G79195" s="16">
        <v>0</v>
      </c>
    </row>
    <row r="79196" spans="1:7" x14ac:dyDescent="0.3">
      <c r="A79196" s="13" t="s">
        <v>402</v>
      </c>
      <c r="B79196" s="14" t="s">
        <v>1</v>
      </c>
      <c r="C79196" s="14" t="s">
        <v>109</v>
      </c>
      <c r="D79196" s="14" t="s">
        <v>403</v>
      </c>
      <c r="E79196" s="15">
        <v>45732</v>
      </c>
      <c r="F79196" s="14" t="s">
        <v>25</v>
      </c>
      <c r="G79196" s="16">
        <v>0</v>
      </c>
    </row>
    <row r="79197" spans="1:7" x14ac:dyDescent="0.3">
      <c r="A79197" s="13" t="s">
        <v>402</v>
      </c>
      <c r="B79197" s="14" t="s">
        <v>1</v>
      </c>
      <c r="C79197" s="14" t="s">
        <v>109</v>
      </c>
      <c r="D79197" s="14" t="s">
        <v>403</v>
      </c>
      <c r="E79197" s="15">
        <v>45733</v>
      </c>
      <c r="F79197" s="14" t="s">
        <v>25</v>
      </c>
      <c r="G79197" s="16">
        <v>0</v>
      </c>
    </row>
    <row r="79198" spans="1:7" x14ac:dyDescent="0.3">
      <c r="A79198" s="13" t="s">
        <v>402</v>
      </c>
      <c r="B79198" s="14" t="s">
        <v>1</v>
      </c>
      <c r="C79198" s="14" t="s">
        <v>109</v>
      </c>
      <c r="D79198" s="14" t="s">
        <v>403</v>
      </c>
      <c r="E79198" s="15">
        <v>45734</v>
      </c>
      <c r="F79198" s="14" t="s">
        <v>25</v>
      </c>
      <c r="G79198" s="16">
        <v>0</v>
      </c>
    </row>
    <row r="79199" spans="1:7" x14ac:dyDescent="0.3">
      <c r="A79199" s="13" t="s">
        <v>402</v>
      </c>
      <c r="B79199" s="14" t="s">
        <v>1</v>
      </c>
      <c r="C79199" s="14" t="s">
        <v>109</v>
      </c>
      <c r="D79199" s="14" t="s">
        <v>403</v>
      </c>
      <c r="E79199" s="15">
        <v>45735</v>
      </c>
      <c r="F79199" s="14" t="s">
        <v>25</v>
      </c>
      <c r="G79199" s="16">
        <v>0</v>
      </c>
    </row>
    <row r="79200" spans="1:7" x14ac:dyDescent="0.3">
      <c r="A79200" s="13" t="s">
        <v>402</v>
      </c>
      <c r="B79200" s="14" t="s">
        <v>1</v>
      </c>
      <c r="C79200" s="14" t="s">
        <v>109</v>
      </c>
      <c r="D79200" s="14" t="s">
        <v>403</v>
      </c>
      <c r="E79200" s="15">
        <v>45736</v>
      </c>
      <c r="F79200" s="14" t="s">
        <v>25</v>
      </c>
      <c r="G79200" s="16">
        <v>0</v>
      </c>
    </row>
    <row r="79201" spans="1:7" x14ac:dyDescent="0.3">
      <c r="A79201" s="13" t="s">
        <v>402</v>
      </c>
      <c r="B79201" s="14" t="s">
        <v>1</v>
      </c>
      <c r="C79201" s="14" t="s">
        <v>109</v>
      </c>
      <c r="D79201" s="14" t="s">
        <v>403</v>
      </c>
      <c r="E79201" s="15">
        <v>45737</v>
      </c>
      <c r="F79201" s="14" t="s">
        <v>25</v>
      </c>
      <c r="G79201" s="16">
        <v>0</v>
      </c>
    </row>
    <row r="79202" spans="1:7" x14ac:dyDescent="0.3">
      <c r="A79202" s="13" t="s">
        <v>402</v>
      </c>
      <c r="B79202" s="14" t="s">
        <v>1</v>
      </c>
      <c r="C79202" s="14" t="s">
        <v>109</v>
      </c>
      <c r="D79202" s="14" t="s">
        <v>403</v>
      </c>
      <c r="E79202" s="15">
        <v>45738</v>
      </c>
      <c r="F79202" s="14" t="s">
        <v>25</v>
      </c>
      <c r="G79202" s="16">
        <v>0</v>
      </c>
    </row>
    <row r="79203" spans="1:7" x14ac:dyDescent="0.3">
      <c r="A79203" s="13" t="s">
        <v>402</v>
      </c>
      <c r="B79203" s="14" t="s">
        <v>1</v>
      </c>
      <c r="C79203" s="14" t="s">
        <v>109</v>
      </c>
      <c r="D79203" s="14" t="s">
        <v>403</v>
      </c>
      <c r="E79203" s="15">
        <v>45739</v>
      </c>
      <c r="F79203" s="14" t="s">
        <v>25</v>
      </c>
      <c r="G79203" s="16">
        <v>0</v>
      </c>
    </row>
    <row r="79204" spans="1:7" x14ac:dyDescent="0.3">
      <c r="A79204" s="13" t="s">
        <v>402</v>
      </c>
      <c r="B79204" s="14" t="s">
        <v>1</v>
      </c>
      <c r="C79204" s="14" t="s">
        <v>109</v>
      </c>
      <c r="D79204" s="14" t="s">
        <v>403</v>
      </c>
      <c r="E79204" s="15">
        <v>45740</v>
      </c>
      <c r="F79204" s="14" t="s">
        <v>25</v>
      </c>
      <c r="G79204" s="16">
        <v>0</v>
      </c>
    </row>
    <row r="79205" spans="1:7" x14ac:dyDescent="0.3">
      <c r="A79205" s="13" t="s">
        <v>402</v>
      </c>
      <c r="B79205" s="14" t="s">
        <v>1</v>
      </c>
      <c r="C79205" s="14" t="s">
        <v>109</v>
      </c>
      <c r="D79205" s="14" t="s">
        <v>403</v>
      </c>
      <c r="E79205" s="15">
        <v>45741</v>
      </c>
      <c r="F79205" s="14" t="s">
        <v>25</v>
      </c>
      <c r="G79205" s="16">
        <v>0</v>
      </c>
    </row>
    <row r="79206" spans="1:7" x14ac:dyDescent="0.3">
      <c r="A79206" s="13" t="s">
        <v>402</v>
      </c>
      <c r="B79206" s="14" t="s">
        <v>1</v>
      </c>
      <c r="C79206" s="14" t="s">
        <v>109</v>
      </c>
      <c r="D79206" s="14" t="s">
        <v>403</v>
      </c>
      <c r="E79206" s="15">
        <v>45742</v>
      </c>
      <c r="F79206" s="14" t="s">
        <v>25</v>
      </c>
      <c r="G79206" s="16">
        <v>0</v>
      </c>
    </row>
    <row r="79207" spans="1:7" x14ac:dyDescent="0.3">
      <c r="A79207" s="13" t="s">
        <v>402</v>
      </c>
      <c r="B79207" s="14" t="s">
        <v>1</v>
      </c>
      <c r="C79207" s="14" t="s">
        <v>109</v>
      </c>
      <c r="D79207" s="14" t="s">
        <v>403</v>
      </c>
      <c r="E79207" s="15">
        <v>45743</v>
      </c>
      <c r="F79207" s="14" t="s">
        <v>25</v>
      </c>
      <c r="G79207" s="16">
        <v>0</v>
      </c>
    </row>
    <row r="79208" spans="1:7" x14ac:dyDescent="0.3">
      <c r="A79208" s="13" t="s">
        <v>402</v>
      </c>
      <c r="B79208" s="14" t="s">
        <v>1</v>
      </c>
      <c r="C79208" s="14" t="s">
        <v>109</v>
      </c>
      <c r="D79208" s="14" t="s">
        <v>403</v>
      </c>
      <c r="E79208" s="15">
        <v>45744</v>
      </c>
      <c r="F79208" s="14" t="s">
        <v>25</v>
      </c>
      <c r="G79208" s="16">
        <v>0</v>
      </c>
    </row>
    <row r="79209" spans="1:7" x14ac:dyDescent="0.3">
      <c r="A79209" s="13" t="s">
        <v>402</v>
      </c>
      <c r="B79209" s="14" t="s">
        <v>1</v>
      </c>
      <c r="C79209" s="14" t="s">
        <v>109</v>
      </c>
      <c r="D79209" s="14" t="s">
        <v>403</v>
      </c>
      <c r="E79209" s="15">
        <v>45745</v>
      </c>
      <c r="F79209" s="14" t="s">
        <v>25</v>
      </c>
      <c r="G79209" s="16">
        <v>0</v>
      </c>
    </row>
    <row r="79210" spans="1:7" x14ac:dyDescent="0.3">
      <c r="A79210" s="13" t="s">
        <v>402</v>
      </c>
      <c r="B79210" s="14" t="s">
        <v>1</v>
      </c>
      <c r="C79210" s="14" t="s">
        <v>109</v>
      </c>
      <c r="D79210" s="14" t="s">
        <v>403</v>
      </c>
      <c r="E79210" s="15">
        <v>45746</v>
      </c>
      <c r="F79210" s="14" t="s">
        <v>25</v>
      </c>
      <c r="G79210" s="16">
        <v>0</v>
      </c>
    </row>
    <row r="79211" spans="1:7" x14ac:dyDescent="0.3">
      <c r="A79211" s="13" t="s">
        <v>402</v>
      </c>
      <c r="B79211" s="14" t="s">
        <v>1</v>
      </c>
      <c r="C79211" s="14" t="s">
        <v>109</v>
      </c>
      <c r="D79211" s="14" t="s">
        <v>403</v>
      </c>
      <c r="E79211" s="15">
        <v>45747</v>
      </c>
      <c r="F79211" s="14" t="s">
        <v>25</v>
      </c>
      <c r="G79211" s="16">
        <v>0</v>
      </c>
    </row>
    <row r="79212" spans="1:7" x14ac:dyDescent="0.3">
      <c r="A79212" s="13" t="s">
        <v>404</v>
      </c>
      <c r="B79212" s="14" t="s">
        <v>1</v>
      </c>
      <c r="C79212" s="14" t="s">
        <v>47</v>
      </c>
      <c r="D79212" s="14" t="s">
        <v>382</v>
      </c>
      <c r="E79212" s="15">
        <v>45383</v>
      </c>
      <c r="F79212" s="14" t="s">
        <v>61</v>
      </c>
      <c r="G79212" s="16">
        <v>0</v>
      </c>
    </row>
    <row r="79213" spans="1:7" x14ac:dyDescent="0.3">
      <c r="A79213" s="13" t="s">
        <v>404</v>
      </c>
      <c r="B79213" s="14" t="s">
        <v>1</v>
      </c>
      <c r="C79213" s="14" t="s">
        <v>47</v>
      </c>
      <c r="D79213" s="14" t="s">
        <v>382</v>
      </c>
      <c r="E79213" s="15">
        <v>45384</v>
      </c>
      <c r="F79213" s="14" t="s">
        <v>61</v>
      </c>
      <c r="G79213" s="16">
        <v>0</v>
      </c>
    </row>
    <row r="79214" spans="1:7" x14ac:dyDescent="0.3">
      <c r="A79214" s="13" t="s">
        <v>404</v>
      </c>
      <c r="B79214" s="14" t="s">
        <v>1</v>
      </c>
      <c r="C79214" s="14" t="s">
        <v>47</v>
      </c>
      <c r="D79214" s="14" t="s">
        <v>382</v>
      </c>
      <c r="E79214" s="15">
        <v>45385</v>
      </c>
      <c r="F79214" s="14" t="s">
        <v>61</v>
      </c>
      <c r="G79214" s="16">
        <v>0</v>
      </c>
    </row>
    <row r="79215" spans="1:7" x14ac:dyDescent="0.3">
      <c r="A79215" s="13" t="s">
        <v>404</v>
      </c>
      <c r="B79215" s="14" t="s">
        <v>1</v>
      </c>
      <c r="C79215" s="14" t="s">
        <v>47</v>
      </c>
      <c r="D79215" s="14" t="s">
        <v>382</v>
      </c>
      <c r="E79215" s="15">
        <v>45386</v>
      </c>
      <c r="F79215" s="14" t="s">
        <v>61</v>
      </c>
      <c r="G79215" s="16">
        <v>0</v>
      </c>
    </row>
    <row r="79216" spans="1:7" x14ac:dyDescent="0.3">
      <c r="A79216" s="13" t="s">
        <v>404</v>
      </c>
      <c r="B79216" s="14" t="s">
        <v>1</v>
      </c>
      <c r="C79216" s="14" t="s">
        <v>47</v>
      </c>
      <c r="D79216" s="14" t="s">
        <v>382</v>
      </c>
      <c r="E79216" s="15">
        <v>45387</v>
      </c>
      <c r="F79216" s="14" t="s">
        <v>61</v>
      </c>
      <c r="G79216" s="16">
        <v>0</v>
      </c>
    </row>
    <row r="79217" spans="1:7" x14ac:dyDescent="0.3">
      <c r="A79217" s="13" t="s">
        <v>404</v>
      </c>
      <c r="B79217" s="14" t="s">
        <v>1</v>
      </c>
      <c r="C79217" s="14" t="s">
        <v>47</v>
      </c>
      <c r="D79217" s="14" t="s">
        <v>382</v>
      </c>
      <c r="E79217" s="15">
        <v>45388</v>
      </c>
      <c r="F79217" s="14" t="s">
        <v>61</v>
      </c>
      <c r="G79217" s="16">
        <v>0</v>
      </c>
    </row>
    <row r="79218" spans="1:7" x14ac:dyDescent="0.3">
      <c r="A79218" s="13" t="s">
        <v>404</v>
      </c>
      <c r="B79218" s="14" t="s">
        <v>1</v>
      </c>
      <c r="C79218" s="14" t="s">
        <v>47</v>
      </c>
      <c r="D79218" s="14" t="s">
        <v>382</v>
      </c>
      <c r="E79218" s="15">
        <v>45389</v>
      </c>
      <c r="F79218" s="14" t="s">
        <v>61</v>
      </c>
      <c r="G79218" s="16">
        <v>0</v>
      </c>
    </row>
    <row r="79219" spans="1:7" x14ac:dyDescent="0.3">
      <c r="A79219" s="13" t="s">
        <v>404</v>
      </c>
      <c r="B79219" s="14" t="s">
        <v>1</v>
      </c>
      <c r="C79219" s="14" t="s">
        <v>47</v>
      </c>
      <c r="D79219" s="14" t="s">
        <v>382</v>
      </c>
      <c r="E79219" s="15">
        <v>45390</v>
      </c>
      <c r="F79219" s="14" t="s">
        <v>61</v>
      </c>
      <c r="G79219" s="16">
        <v>0</v>
      </c>
    </row>
    <row r="79220" spans="1:7" x14ac:dyDescent="0.3">
      <c r="A79220" s="13" t="s">
        <v>404</v>
      </c>
      <c r="B79220" s="14" t="s">
        <v>1</v>
      </c>
      <c r="C79220" s="14" t="s">
        <v>47</v>
      </c>
      <c r="D79220" s="14" t="s">
        <v>382</v>
      </c>
      <c r="E79220" s="15">
        <v>45391</v>
      </c>
      <c r="F79220" s="14" t="s">
        <v>61</v>
      </c>
      <c r="G79220" s="16">
        <v>0</v>
      </c>
    </row>
    <row r="79221" spans="1:7" x14ac:dyDescent="0.3">
      <c r="A79221" s="13" t="s">
        <v>404</v>
      </c>
      <c r="B79221" s="14" t="s">
        <v>1</v>
      </c>
      <c r="C79221" s="14" t="s">
        <v>47</v>
      </c>
      <c r="D79221" s="14" t="s">
        <v>382</v>
      </c>
      <c r="E79221" s="15">
        <v>45392</v>
      </c>
      <c r="F79221" s="14" t="s">
        <v>61</v>
      </c>
      <c r="G79221" s="16">
        <v>0</v>
      </c>
    </row>
    <row r="79222" spans="1:7" x14ac:dyDescent="0.3">
      <c r="A79222" s="13" t="s">
        <v>404</v>
      </c>
      <c r="B79222" s="14" t="s">
        <v>1</v>
      </c>
      <c r="C79222" s="14" t="s">
        <v>47</v>
      </c>
      <c r="D79222" s="14" t="s">
        <v>382</v>
      </c>
      <c r="E79222" s="15">
        <v>45393</v>
      </c>
      <c r="F79222" s="14" t="s">
        <v>61</v>
      </c>
      <c r="G79222" s="16">
        <v>0</v>
      </c>
    </row>
    <row r="79223" spans="1:7" x14ac:dyDescent="0.3">
      <c r="A79223" s="13" t="s">
        <v>404</v>
      </c>
      <c r="B79223" s="14" t="s">
        <v>1</v>
      </c>
      <c r="C79223" s="14" t="s">
        <v>47</v>
      </c>
      <c r="D79223" s="14" t="s">
        <v>382</v>
      </c>
      <c r="E79223" s="15">
        <v>45394</v>
      </c>
      <c r="F79223" s="14" t="s">
        <v>61</v>
      </c>
      <c r="G79223" s="16">
        <v>0</v>
      </c>
    </row>
    <row r="79224" spans="1:7" x14ac:dyDescent="0.3">
      <c r="A79224" s="13" t="s">
        <v>404</v>
      </c>
      <c r="B79224" s="14" t="s">
        <v>1</v>
      </c>
      <c r="C79224" s="14" t="s">
        <v>47</v>
      </c>
      <c r="D79224" s="14" t="s">
        <v>382</v>
      </c>
      <c r="E79224" s="15">
        <v>45395</v>
      </c>
      <c r="F79224" s="14" t="s">
        <v>61</v>
      </c>
      <c r="G79224" s="16">
        <v>0</v>
      </c>
    </row>
    <row r="79225" spans="1:7" x14ac:dyDescent="0.3">
      <c r="A79225" s="13" t="s">
        <v>404</v>
      </c>
      <c r="B79225" s="14" t="s">
        <v>1</v>
      </c>
      <c r="C79225" s="14" t="s">
        <v>47</v>
      </c>
      <c r="D79225" s="14" t="s">
        <v>382</v>
      </c>
      <c r="E79225" s="15">
        <v>45396</v>
      </c>
      <c r="F79225" s="14" t="s">
        <v>61</v>
      </c>
      <c r="G79225" s="16">
        <v>0</v>
      </c>
    </row>
    <row r="79226" spans="1:7" x14ac:dyDescent="0.3">
      <c r="A79226" s="13" t="s">
        <v>404</v>
      </c>
      <c r="B79226" s="14" t="s">
        <v>1</v>
      </c>
      <c r="C79226" s="14" t="s">
        <v>47</v>
      </c>
      <c r="D79226" s="14" t="s">
        <v>382</v>
      </c>
      <c r="E79226" s="15">
        <v>45397</v>
      </c>
      <c r="F79226" s="14" t="s">
        <v>61</v>
      </c>
      <c r="G79226" s="16">
        <v>0</v>
      </c>
    </row>
    <row r="79227" spans="1:7" x14ac:dyDescent="0.3">
      <c r="A79227" s="13" t="s">
        <v>404</v>
      </c>
      <c r="B79227" s="14" t="s">
        <v>1</v>
      </c>
      <c r="C79227" s="14" t="s">
        <v>47</v>
      </c>
      <c r="D79227" s="14" t="s">
        <v>382</v>
      </c>
      <c r="E79227" s="15">
        <v>45398</v>
      </c>
      <c r="F79227" s="14" t="s">
        <v>61</v>
      </c>
      <c r="G79227" s="16">
        <v>0</v>
      </c>
    </row>
    <row r="79228" spans="1:7" x14ac:dyDescent="0.3">
      <c r="A79228" s="13" t="s">
        <v>404</v>
      </c>
      <c r="B79228" s="14" t="s">
        <v>1</v>
      </c>
      <c r="C79228" s="14" t="s">
        <v>47</v>
      </c>
      <c r="D79228" s="14" t="s">
        <v>382</v>
      </c>
      <c r="E79228" s="15">
        <v>45399</v>
      </c>
      <c r="F79228" s="14" t="s">
        <v>61</v>
      </c>
      <c r="G79228" s="16">
        <v>0</v>
      </c>
    </row>
    <row r="79229" spans="1:7" x14ac:dyDescent="0.3">
      <c r="A79229" s="13" t="s">
        <v>404</v>
      </c>
      <c r="B79229" s="14" t="s">
        <v>1</v>
      </c>
      <c r="C79229" s="14" t="s">
        <v>47</v>
      </c>
      <c r="D79229" s="14" t="s">
        <v>382</v>
      </c>
      <c r="E79229" s="15">
        <v>45400</v>
      </c>
      <c r="F79229" s="14" t="s">
        <v>61</v>
      </c>
      <c r="G79229" s="16">
        <v>0</v>
      </c>
    </row>
    <row r="79230" spans="1:7" x14ac:dyDescent="0.3">
      <c r="A79230" s="13" t="s">
        <v>404</v>
      </c>
      <c r="B79230" s="14" t="s">
        <v>1</v>
      </c>
      <c r="C79230" s="14" t="s">
        <v>47</v>
      </c>
      <c r="D79230" s="14" t="s">
        <v>382</v>
      </c>
      <c r="E79230" s="15">
        <v>45401</v>
      </c>
      <c r="F79230" s="14" t="s">
        <v>61</v>
      </c>
      <c r="G79230" s="16">
        <v>0</v>
      </c>
    </row>
    <row r="79231" spans="1:7" x14ac:dyDescent="0.3">
      <c r="A79231" s="13" t="s">
        <v>404</v>
      </c>
      <c r="B79231" s="14" t="s">
        <v>1</v>
      </c>
      <c r="C79231" s="14" t="s">
        <v>47</v>
      </c>
      <c r="D79231" s="14" t="s">
        <v>382</v>
      </c>
      <c r="E79231" s="15">
        <v>45402</v>
      </c>
      <c r="F79231" s="14" t="s">
        <v>61</v>
      </c>
      <c r="G79231" s="16">
        <v>0</v>
      </c>
    </row>
    <row r="79232" spans="1:7" x14ac:dyDescent="0.3">
      <c r="A79232" s="13" t="s">
        <v>404</v>
      </c>
      <c r="B79232" s="14" t="s">
        <v>1</v>
      </c>
      <c r="C79232" s="14" t="s">
        <v>47</v>
      </c>
      <c r="D79232" s="14" t="s">
        <v>382</v>
      </c>
      <c r="E79232" s="15">
        <v>45403</v>
      </c>
      <c r="F79232" s="14" t="s">
        <v>61</v>
      </c>
      <c r="G79232" s="16">
        <v>0</v>
      </c>
    </row>
    <row r="79233" spans="1:7" x14ac:dyDescent="0.3">
      <c r="A79233" s="13" t="s">
        <v>404</v>
      </c>
      <c r="B79233" s="14" t="s">
        <v>1</v>
      </c>
      <c r="C79233" s="14" t="s">
        <v>47</v>
      </c>
      <c r="D79233" s="14" t="s">
        <v>382</v>
      </c>
      <c r="E79233" s="15">
        <v>45404</v>
      </c>
      <c r="F79233" s="14" t="s">
        <v>61</v>
      </c>
      <c r="G79233" s="16">
        <v>0</v>
      </c>
    </row>
    <row r="79234" spans="1:7" x14ac:dyDescent="0.3">
      <c r="A79234" s="13" t="s">
        <v>404</v>
      </c>
      <c r="B79234" s="14" t="s">
        <v>1</v>
      </c>
      <c r="C79234" s="14" t="s">
        <v>47</v>
      </c>
      <c r="D79234" s="14" t="s">
        <v>382</v>
      </c>
      <c r="E79234" s="15">
        <v>45405</v>
      </c>
      <c r="F79234" s="14" t="s">
        <v>61</v>
      </c>
      <c r="G79234" s="16">
        <v>0</v>
      </c>
    </row>
    <row r="79235" spans="1:7" x14ac:dyDescent="0.3">
      <c r="A79235" s="13" t="s">
        <v>404</v>
      </c>
      <c r="B79235" s="14" t="s">
        <v>1</v>
      </c>
      <c r="C79235" s="14" t="s">
        <v>47</v>
      </c>
      <c r="D79235" s="14" t="s">
        <v>382</v>
      </c>
      <c r="E79235" s="15">
        <v>45406</v>
      </c>
      <c r="F79235" s="14" t="s">
        <v>61</v>
      </c>
      <c r="G79235" s="16">
        <v>0</v>
      </c>
    </row>
    <row r="79236" spans="1:7" x14ac:dyDescent="0.3">
      <c r="A79236" s="13" t="s">
        <v>404</v>
      </c>
      <c r="B79236" s="14" t="s">
        <v>1</v>
      </c>
      <c r="C79236" s="14" t="s">
        <v>47</v>
      </c>
      <c r="D79236" s="14" t="s">
        <v>382</v>
      </c>
      <c r="E79236" s="15">
        <v>45407</v>
      </c>
      <c r="F79236" s="14" t="s">
        <v>61</v>
      </c>
      <c r="G79236" s="16">
        <v>0</v>
      </c>
    </row>
    <row r="79237" spans="1:7" x14ac:dyDescent="0.3">
      <c r="A79237" s="13" t="s">
        <v>404</v>
      </c>
      <c r="B79237" s="14" t="s">
        <v>1</v>
      </c>
      <c r="C79237" s="14" t="s">
        <v>47</v>
      </c>
      <c r="D79237" s="14" t="s">
        <v>382</v>
      </c>
      <c r="E79237" s="15">
        <v>45408</v>
      </c>
      <c r="F79237" s="14" t="s">
        <v>61</v>
      </c>
      <c r="G79237" s="16">
        <v>0</v>
      </c>
    </row>
    <row r="79238" spans="1:7" x14ac:dyDescent="0.3">
      <c r="A79238" s="13" t="s">
        <v>404</v>
      </c>
      <c r="B79238" s="14" t="s">
        <v>1</v>
      </c>
      <c r="C79238" s="14" t="s">
        <v>47</v>
      </c>
      <c r="D79238" s="14" t="s">
        <v>382</v>
      </c>
      <c r="E79238" s="15">
        <v>45409</v>
      </c>
      <c r="F79238" s="14" t="s">
        <v>61</v>
      </c>
      <c r="G79238" s="16">
        <v>0</v>
      </c>
    </row>
    <row r="79239" spans="1:7" x14ac:dyDescent="0.3">
      <c r="A79239" s="13" t="s">
        <v>404</v>
      </c>
      <c r="B79239" s="14" t="s">
        <v>1</v>
      </c>
      <c r="C79239" s="14" t="s">
        <v>47</v>
      </c>
      <c r="D79239" s="14" t="s">
        <v>382</v>
      </c>
      <c r="E79239" s="15">
        <v>45410</v>
      </c>
      <c r="F79239" s="14" t="s">
        <v>61</v>
      </c>
      <c r="G79239" s="16">
        <v>0</v>
      </c>
    </row>
    <row r="79240" spans="1:7" x14ac:dyDescent="0.3">
      <c r="A79240" s="13" t="s">
        <v>404</v>
      </c>
      <c r="B79240" s="14" t="s">
        <v>1</v>
      </c>
      <c r="C79240" s="14" t="s">
        <v>47</v>
      </c>
      <c r="D79240" s="14" t="s">
        <v>382</v>
      </c>
      <c r="E79240" s="15">
        <v>45411</v>
      </c>
      <c r="F79240" s="14" t="s">
        <v>61</v>
      </c>
      <c r="G79240" s="16">
        <v>0</v>
      </c>
    </row>
    <row r="79241" spans="1:7" x14ac:dyDescent="0.3">
      <c r="A79241" s="13" t="s">
        <v>404</v>
      </c>
      <c r="B79241" s="14" t="s">
        <v>1</v>
      </c>
      <c r="C79241" s="14" t="s">
        <v>47</v>
      </c>
      <c r="D79241" s="14" t="s">
        <v>382</v>
      </c>
      <c r="E79241" s="15">
        <v>45412</v>
      </c>
      <c r="F79241" s="14" t="s">
        <v>61</v>
      </c>
      <c r="G79241" s="16">
        <v>0</v>
      </c>
    </row>
    <row r="79242" spans="1:7" x14ac:dyDescent="0.3">
      <c r="A79242" s="13" t="s">
        <v>404</v>
      </c>
      <c r="B79242" s="14" t="s">
        <v>1</v>
      </c>
      <c r="C79242" s="14" t="s">
        <v>47</v>
      </c>
      <c r="D79242" s="14" t="s">
        <v>382</v>
      </c>
      <c r="E79242" s="15">
        <v>45413</v>
      </c>
      <c r="F79242" s="14" t="s">
        <v>61</v>
      </c>
      <c r="G79242" s="16">
        <v>0</v>
      </c>
    </row>
    <row r="79243" spans="1:7" x14ac:dyDescent="0.3">
      <c r="A79243" s="13" t="s">
        <v>404</v>
      </c>
      <c r="B79243" s="14" t="s">
        <v>1</v>
      </c>
      <c r="C79243" s="14" t="s">
        <v>47</v>
      </c>
      <c r="D79243" s="14" t="s">
        <v>382</v>
      </c>
      <c r="E79243" s="15">
        <v>45414</v>
      </c>
      <c r="F79243" s="14" t="s">
        <v>61</v>
      </c>
      <c r="G79243" s="16">
        <v>0</v>
      </c>
    </row>
    <row r="79244" spans="1:7" x14ac:dyDescent="0.3">
      <c r="A79244" s="13" t="s">
        <v>404</v>
      </c>
      <c r="B79244" s="14" t="s">
        <v>1</v>
      </c>
      <c r="C79244" s="14" t="s">
        <v>47</v>
      </c>
      <c r="D79244" s="14" t="s">
        <v>382</v>
      </c>
      <c r="E79244" s="15">
        <v>45415</v>
      </c>
      <c r="F79244" s="14" t="s">
        <v>61</v>
      </c>
      <c r="G79244" s="16">
        <v>0</v>
      </c>
    </row>
    <row r="79245" spans="1:7" x14ac:dyDescent="0.3">
      <c r="A79245" s="13" t="s">
        <v>404</v>
      </c>
      <c r="B79245" s="14" t="s">
        <v>1</v>
      </c>
      <c r="C79245" s="14" t="s">
        <v>47</v>
      </c>
      <c r="D79245" s="14" t="s">
        <v>382</v>
      </c>
      <c r="E79245" s="15">
        <v>45416</v>
      </c>
      <c r="F79245" s="14" t="s">
        <v>61</v>
      </c>
      <c r="G79245" s="16">
        <v>0</v>
      </c>
    </row>
    <row r="79246" spans="1:7" x14ac:dyDescent="0.3">
      <c r="A79246" s="13" t="s">
        <v>404</v>
      </c>
      <c r="B79246" s="14" t="s">
        <v>1</v>
      </c>
      <c r="C79246" s="14" t="s">
        <v>47</v>
      </c>
      <c r="D79246" s="14" t="s">
        <v>382</v>
      </c>
      <c r="E79246" s="15">
        <v>45417</v>
      </c>
      <c r="F79246" s="14" t="s">
        <v>61</v>
      </c>
      <c r="G79246" s="16">
        <v>0</v>
      </c>
    </row>
    <row r="79247" spans="1:7" x14ac:dyDescent="0.3">
      <c r="A79247" s="13" t="s">
        <v>404</v>
      </c>
      <c r="B79247" s="14" t="s">
        <v>1</v>
      </c>
      <c r="C79247" s="14" t="s">
        <v>47</v>
      </c>
      <c r="D79247" s="14" t="s">
        <v>382</v>
      </c>
      <c r="E79247" s="15">
        <v>45418</v>
      </c>
      <c r="F79247" s="14" t="s">
        <v>61</v>
      </c>
      <c r="G79247" s="16">
        <v>0</v>
      </c>
    </row>
    <row r="79248" spans="1:7" x14ac:dyDescent="0.3">
      <c r="A79248" s="13" t="s">
        <v>404</v>
      </c>
      <c r="B79248" s="14" t="s">
        <v>1</v>
      </c>
      <c r="C79248" s="14" t="s">
        <v>47</v>
      </c>
      <c r="D79248" s="14" t="s">
        <v>382</v>
      </c>
      <c r="E79248" s="15">
        <v>45419</v>
      </c>
      <c r="F79248" s="14" t="s">
        <v>61</v>
      </c>
      <c r="G79248" s="16">
        <v>0</v>
      </c>
    </row>
    <row r="79249" spans="1:7" x14ac:dyDescent="0.3">
      <c r="A79249" s="13" t="s">
        <v>404</v>
      </c>
      <c r="B79249" s="14" t="s">
        <v>1</v>
      </c>
      <c r="C79249" s="14" t="s">
        <v>47</v>
      </c>
      <c r="D79249" s="14" t="s">
        <v>382</v>
      </c>
      <c r="E79249" s="15">
        <v>45420</v>
      </c>
      <c r="F79249" s="14" t="s">
        <v>61</v>
      </c>
      <c r="G79249" s="16">
        <v>0</v>
      </c>
    </row>
    <row r="79250" spans="1:7" x14ac:dyDescent="0.3">
      <c r="A79250" s="13" t="s">
        <v>404</v>
      </c>
      <c r="B79250" s="14" t="s">
        <v>1</v>
      </c>
      <c r="C79250" s="14" t="s">
        <v>47</v>
      </c>
      <c r="D79250" s="14" t="s">
        <v>382</v>
      </c>
      <c r="E79250" s="15">
        <v>45421</v>
      </c>
      <c r="F79250" s="14" t="s">
        <v>61</v>
      </c>
      <c r="G79250" s="16">
        <v>0</v>
      </c>
    </row>
    <row r="79251" spans="1:7" x14ac:dyDescent="0.3">
      <c r="A79251" s="13" t="s">
        <v>404</v>
      </c>
      <c r="B79251" s="14" t="s">
        <v>1</v>
      </c>
      <c r="C79251" s="14" t="s">
        <v>47</v>
      </c>
      <c r="D79251" s="14" t="s">
        <v>382</v>
      </c>
      <c r="E79251" s="15">
        <v>45422</v>
      </c>
      <c r="F79251" s="14" t="s">
        <v>61</v>
      </c>
      <c r="G79251" s="16">
        <v>0</v>
      </c>
    </row>
    <row r="79252" spans="1:7" x14ac:dyDescent="0.3">
      <c r="A79252" s="13" t="s">
        <v>404</v>
      </c>
      <c r="B79252" s="14" t="s">
        <v>1</v>
      </c>
      <c r="C79252" s="14" t="s">
        <v>47</v>
      </c>
      <c r="D79252" s="14" t="s">
        <v>382</v>
      </c>
      <c r="E79252" s="15">
        <v>45423</v>
      </c>
      <c r="F79252" s="14" t="s">
        <v>61</v>
      </c>
      <c r="G79252" s="16">
        <v>0</v>
      </c>
    </row>
    <row r="79253" spans="1:7" x14ac:dyDescent="0.3">
      <c r="A79253" s="13" t="s">
        <v>404</v>
      </c>
      <c r="B79253" s="14" t="s">
        <v>1</v>
      </c>
      <c r="C79253" s="14" t="s">
        <v>47</v>
      </c>
      <c r="D79253" s="14" t="s">
        <v>382</v>
      </c>
      <c r="E79253" s="15">
        <v>45424</v>
      </c>
      <c r="F79253" s="14" t="s">
        <v>61</v>
      </c>
      <c r="G79253" s="16">
        <v>0</v>
      </c>
    </row>
    <row r="79254" spans="1:7" x14ac:dyDescent="0.3">
      <c r="A79254" s="13" t="s">
        <v>404</v>
      </c>
      <c r="B79254" s="14" t="s">
        <v>1</v>
      </c>
      <c r="C79254" s="14" t="s">
        <v>47</v>
      </c>
      <c r="D79254" s="14" t="s">
        <v>382</v>
      </c>
      <c r="E79254" s="15">
        <v>45425</v>
      </c>
      <c r="F79254" s="14" t="s">
        <v>61</v>
      </c>
      <c r="G79254" s="16">
        <v>0</v>
      </c>
    </row>
    <row r="79255" spans="1:7" x14ac:dyDescent="0.3">
      <c r="A79255" s="13" t="s">
        <v>404</v>
      </c>
      <c r="B79255" s="14" t="s">
        <v>1</v>
      </c>
      <c r="C79255" s="14" t="s">
        <v>47</v>
      </c>
      <c r="D79255" s="14" t="s">
        <v>382</v>
      </c>
      <c r="E79255" s="15">
        <v>45426</v>
      </c>
      <c r="F79255" s="14" t="s">
        <v>61</v>
      </c>
      <c r="G79255" s="16">
        <v>0</v>
      </c>
    </row>
    <row r="79256" spans="1:7" x14ac:dyDescent="0.3">
      <c r="A79256" s="13" t="s">
        <v>404</v>
      </c>
      <c r="B79256" s="14" t="s">
        <v>1</v>
      </c>
      <c r="C79256" s="14" t="s">
        <v>47</v>
      </c>
      <c r="D79256" s="14" t="s">
        <v>382</v>
      </c>
      <c r="E79256" s="15">
        <v>45427</v>
      </c>
      <c r="F79256" s="14" t="s">
        <v>61</v>
      </c>
      <c r="G79256" s="16">
        <v>0</v>
      </c>
    </row>
    <row r="79257" spans="1:7" x14ac:dyDescent="0.3">
      <c r="A79257" s="13" t="s">
        <v>404</v>
      </c>
      <c r="B79257" s="14" t="s">
        <v>1</v>
      </c>
      <c r="C79257" s="14" t="s">
        <v>47</v>
      </c>
      <c r="D79257" s="14" t="s">
        <v>382</v>
      </c>
      <c r="E79257" s="15">
        <v>45428</v>
      </c>
      <c r="F79257" s="14" t="s">
        <v>61</v>
      </c>
      <c r="G79257" s="16">
        <v>0</v>
      </c>
    </row>
    <row r="79258" spans="1:7" x14ac:dyDescent="0.3">
      <c r="A79258" s="13" t="s">
        <v>404</v>
      </c>
      <c r="B79258" s="14" t="s">
        <v>1</v>
      </c>
      <c r="C79258" s="14" t="s">
        <v>47</v>
      </c>
      <c r="D79258" s="14" t="s">
        <v>382</v>
      </c>
      <c r="E79258" s="15">
        <v>45429</v>
      </c>
      <c r="F79258" s="14" t="s">
        <v>61</v>
      </c>
      <c r="G79258" s="16">
        <v>0</v>
      </c>
    </row>
    <row r="79259" spans="1:7" x14ac:dyDescent="0.3">
      <c r="A79259" s="13" t="s">
        <v>404</v>
      </c>
      <c r="B79259" s="14" t="s">
        <v>1</v>
      </c>
      <c r="C79259" s="14" t="s">
        <v>47</v>
      </c>
      <c r="D79259" s="14" t="s">
        <v>382</v>
      </c>
      <c r="E79259" s="15">
        <v>45430</v>
      </c>
      <c r="F79259" s="14" t="s">
        <v>61</v>
      </c>
      <c r="G79259" s="16">
        <v>0</v>
      </c>
    </row>
    <row r="79260" spans="1:7" x14ac:dyDescent="0.3">
      <c r="A79260" s="13" t="s">
        <v>404</v>
      </c>
      <c r="B79260" s="14" t="s">
        <v>1</v>
      </c>
      <c r="C79260" s="14" t="s">
        <v>47</v>
      </c>
      <c r="D79260" s="14" t="s">
        <v>382</v>
      </c>
      <c r="E79260" s="15">
        <v>45431</v>
      </c>
      <c r="F79260" s="14" t="s">
        <v>61</v>
      </c>
      <c r="G79260" s="16">
        <v>0</v>
      </c>
    </row>
    <row r="79261" spans="1:7" x14ac:dyDescent="0.3">
      <c r="A79261" s="13" t="s">
        <v>404</v>
      </c>
      <c r="B79261" s="14" t="s">
        <v>1</v>
      </c>
      <c r="C79261" s="14" t="s">
        <v>47</v>
      </c>
      <c r="D79261" s="14" t="s">
        <v>382</v>
      </c>
      <c r="E79261" s="15">
        <v>45432</v>
      </c>
      <c r="F79261" s="14" t="s">
        <v>61</v>
      </c>
      <c r="G79261" s="16">
        <v>0</v>
      </c>
    </row>
    <row r="79262" spans="1:7" x14ac:dyDescent="0.3">
      <c r="A79262" s="13" t="s">
        <v>404</v>
      </c>
      <c r="B79262" s="14" t="s">
        <v>1</v>
      </c>
      <c r="C79262" s="14" t="s">
        <v>47</v>
      </c>
      <c r="D79262" s="14" t="s">
        <v>382</v>
      </c>
      <c r="E79262" s="15">
        <v>45433</v>
      </c>
      <c r="F79262" s="14" t="s">
        <v>61</v>
      </c>
      <c r="G79262" s="16">
        <v>0</v>
      </c>
    </row>
    <row r="79263" spans="1:7" x14ac:dyDescent="0.3">
      <c r="A79263" s="13" t="s">
        <v>404</v>
      </c>
      <c r="B79263" s="14" t="s">
        <v>1</v>
      </c>
      <c r="C79263" s="14" t="s">
        <v>47</v>
      </c>
      <c r="D79263" s="14" t="s">
        <v>382</v>
      </c>
      <c r="E79263" s="15">
        <v>45434</v>
      </c>
      <c r="F79263" s="14" t="s">
        <v>61</v>
      </c>
      <c r="G79263" s="16">
        <v>0</v>
      </c>
    </row>
    <row r="79264" spans="1:7" x14ac:dyDescent="0.3">
      <c r="A79264" s="13" t="s">
        <v>404</v>
      </c>
      <c r="B79264" s="14" t="s">
        <v>1</v>
      </c>
      <c r="C79264" s="14" t="s">
        <v>47</v>
      </c>
      <c r="D79264" s="14" t="s">
        <v>382</v>
      </c>
      <c r="E79264" s="15">
        <v>45435</v>
      </c>
      <c r="F79264" s="14" t="s">
        <v>61</v>
      </c>
      <c r="G79264" s="16">
        <v>0</v>
      </c>
    </row>
    <row r="79265" spans="1:7" x14ac:dyDescent="0.3">
      <c r="A79265" s="13" t="s">
        <v>404</v>
      </c>
      <c r="B79265" s="14" t="s">
        <v>1</v>
      </c>
      <c r="C79265" s="14" t="s">
        <v>47</v>
      </c>
      <c r="D79265" s="14" t="s">
        <v>382</v>
      </c>
      <c r="E79265" s="15">
        <v>45436</v>
      </c>
      <c r="F79265" s="14" t="s">
        <v>61</v>
      </c>
      <c r="G79265" s="16">
        <v>0</v>
      </c>
    </row>
    <row r="79266" spans="1:7" x14ac:dyDescent="0.3">
      <c r="A79266" s="13" t="s">
        <v>404</v>
      </c>
      <c r="B79266" s="14" t="s">
        <v>1</v>
      </c>
      <c r="C79266" s="14" t="s">
        <v>47</v>
      </c>
      <c r="D79266" s="14" t="s">
        <v>382</v>
      </c>
      <c r="E79266" s="15">
        <v>45437</v>
      </c>
      <c r="F79266" s="14" t="s">
        <v>61</v>
      </c>
      <c r="G79266" s="16">
        <v>0</v>
      </c>
    </row>
    <row r="79267" spans="1:7" x14ac:dyDescent="0.3">
      <c r="A79267" s="13" t="s">
        <v>404</v>
      </c>
      <c r="B79267" s="14" t="s">
        <v>1</v>
      </c>
      <c r="C79267" s="14" t="s">
        <v>47</v>
      </c>
      <c r="D79267" s="14" t="s">
        <v>382</v>
      </c>
      <c r="E79267" s="15">
        <v>45438</v>
      </c>
      <c r="F79267" s="14" t="s">
        <v>61</v>
      </c>
      <c r="G79267" s="16">
        <v>0</v>
      </c>
    </row>
    <row r="79268" spans="1:7" x14ac:dyDescent="0.3">
      <c r="A79268" s="13" t="s">
        <v>404</v>
      </c>
      <c r="B79268" s="14" t="s">
        <v>1</v>
      </c>
      <c r="C79268" s="14" t="s">
        <v>47</v>
      </c>
      <c r="D79268" s="14" t="s">
        <v>382</v>
      </c>
      <c r="E79268" s="15">
        <v>45439</v>
      </c>
      <c r="F79268" s="14" t="s">
        <v>61</v>
      </c>
      <c r="G79268" s="16">
        <v>0</v>
      </c>
    </row>
    <row r="79269" spans="1:7" x14ac:dyDescent="0.3">
      <c r="A79269" s="13" t="s">
        <v>404</v>
      </c>
      <c r="B79269" s="14" t="s">
        <v>1</v>
      </c>
      <c r="C79269" s="14" t="s">
        <v>47</v>
      </c>
      <c r="D79269" s="14" t="s">
        <v>382</v>
      </c>
      <c r="E79269" s="15">
        <v>45440</v>
      </c>
      <c r="F79269" s="14" t="s">
        <v>61</v>
      </c>
      <c r="G79269" s="16">
        <v>0</v>
      </c>
    </row>
    <row r="79270" spans="1:7" x14ac:dyDescent="0.3">
      <c r="A79270" s="13" t="s">
        <v>404</v>
      </c>
      <c r="B79270" s="14" t="s">
        <v>1</v>
      </c>
      <c r="C79270" s="14" t="s">
        <v>47</v>
      </c>
      <c r="D79270" s="14" t="s">
        <v>382</v>
      </c>
      <c r="E79270" s="15">
        <v>45441</v>
      </c>
      <c r="F79270" s="14" t="s">
        <v>61</v>
      </c>
      <c r="G79270" s="16">
        <v>0</v>
      </c>
    </row>
    <row r="79271" spans="1:7" x14ac:dyDescent="0.3">
      <c r="A79271" s="13" t="s">
        <v>404</v>
      </c>
      <c r="B79271" s="14" t="s">
        <v>1</v>
      </c>
      <c r="C79271" s="14" t="s">
        <v>47</v>
      </c>
      <c r="D79271" s="14" t="s">
        <v>382</v>
      </c>
      <c r="E79271" s="15">
        <v>45442</v>
      </c>
      <c r="F79271" s="14" t="s">
        <v>61</v>
      </c>
      <c r="G79271" s="16">
        <v>5.0149202646550886E-3</v>
      </c>
    </row>
    <row r="79272" spans="1:7" x14ac:dyDescent="0.3">
      <c r="A79272" s="13" t="s">
        <v>404</v>
      </c>
      <c r="B79272" s="14" t="s">
        <v>1</v>
      </c>
      <c r="C79272" s="14" t="s">
        <v>47</v>
      </c>
      <c r="D79272" s="14" t="s">
        <v>382</v>
      </c>
      <c r="E79272" s="15">
        <v>45443</v>
      </c>
      <c r="F79272" s="14" t="s">
        <v>61</v>
      </c>
      <c r="G79272" s="16">
        <v>1.3082978127006925E-3</v>
      </c>
    </row>
    <row r="79273" spans="1:7" x14ac:dyDescent="0.3">
      <c r="A79273" s="13" t="s">
        <v>404</v>
      </c>
      <c r="B79273" s="14" t="s">
        <v>1</v>
      </c>
      <c r="C79273" s="14" t="s">
        <v>47</v>
      </c>
      <c r="D79273" s="14" t="s">
        <v>382</v>
      </c>
      <c r="E79273" s="15">
        <v>45444</v>
      </c>
      <c r="F79273" s="14" t="s">
        <v>61</v>
      </c>
      <c r="G79273" s="16">
        <v>1.3082978127006925E-3</v>
      </c>
    </row>
    <row r="79274" spans="1:7" x14ac:dyDescent="0.3">
      <c r="A79274" s="13" t="s">
        <v>404</v>
      </c>
      <c r="B79274" s="14" t="s">
        <v>1</v>
      </c>
      <c r="C79274" s="14" t="s">
        <v>47</v>
      </c>
      <c r="D79274" s="14" t="s">
        <v>382</v>
      </c>
      <c r="E79274" s="15">
        <v>45445</v>
      </c>
      <c r="F79274" s="14" t="s">
        <v>61</v>
      </c>
      <c r="G79274" s="16">
        <v>1.3082978127006925E-3</v>
      </c>
    </row>
    <row r="79275" spans="1:7" x14ac:dyDescent="0.3">
      <c r="A79275" s="13" t="s">
        <v>404</v>
      </c>
      <c r="B79275" s="14" t="s">
        <v>1</v>
      </c>
      <c r="C79275" s="14" t="s">
        <v>47</v>
      </c>
      <c r="D79275" s="14" t="s">
        <v>382</v>
      </c>
      <c r="E79275" s="15">
        <v>45446</v>
      </c>
      <c r="F79275" s="14" t="s">
        <v>61</v>
      </c>
      <c r="G79275" s="16">
        <v>1.3082978127006925E-3</v>
      </c>
    </row>
    <row r="79276" spans="1:7" x14ac:dyDescent="0.3">
      <c r="A79276" s="13" t="s">
        <v>404</v>
      </c>
      <c r="B79276" s="14" t="s">
        <v>1</v>
      </c>
      <c r="C79276" s="14" t="s">
        <v>47</v>
      </c>
      <c r="D79276" s="14" t="s">
        <v>382</v>
      </c>
      <c r="E79276" s="15">
        <v>45447</v>
      </c>
      <c r="F79276" s="14" t="s">
        <v>61</v>
      </c>
      <c r="G79276" s="16">
        <v>2.3010434083292577E-2</v>
      </c>
    </row>
    <row r="79277" spans="1:7" x14ac:dyDescent="0.3">
      <c r="A79277" s="13" t="s">
        <v>404</v>
      </c>
      <c r="B79277" s="14" t="s">
        <v>1</v>
      </c>
      <c r="C79277" s="14" t="s">
        <v>47</v>
      </c>
      <c r="D79277" s="14" t="s">
        <v>382</v>
      </c>
      <c r="E79277" s="15">
        <v>45448</v>
      </c>
      <c r="F79277" s="14" t="s">
        <v>61</v>
      </c>
      <c r="G79277" s="16">
        <v>3.3916416162603436E-2</v>
      </c>
    </row>
    <row r="79278" spans="1:7" x14ac:dyDescent="0.3">
      <c r="A79278" s="13" t="s">
        <v>404</v>
      </c>
      <c r="B79278" s="14" t="s">
        <v>1</v>
      </c>
      <c r="C79278" s="14" t="s">
        <v>47</v>
      </c>
      <c r="D79278" s="14" t="s">
        <v>382</v>
      </c>
      <c r="E79278" s="15">
        <v>45449</v>
      </c>
      <c r="F79278" s="14" t="s">
        <v>61</v>
      </c>
      <c r="G79278" s="16">
        <v>3.0179778825348582E-2</v>
      </c>
    </row>
    <row r="79279" spans="1:7" x14ac:dyDescent="0.3">
      <c r="A79279" s="13" t="s">
        <v>404</v>
      </c>
      <c r="B79279" s="14" t="s">
        <v>1</v>
      </c>
      <c r="C79279" s="14" t="s">
        <v>47</v>
      </c>
      <c r="D79279" s="14" t="s">
        <v>382</v>
      </c>
      <c r="E79279" s="15">
        <v>45450</v>
      </c>
      <c r="F79279" s="14" t="s">
        <v>61</v>
      </c>
      <c r="G79279" s="16">
        <v>2.6653597598474559E-2</v>
      </c>
    </row>
    <row r="79280" spans="1:7" x14ac:dyDescent="0.3">
      <c r="A79280" s="13" t="s">
        <v>404</v>
      </c>
      <c r="B79280" s="14" t="s">
        <v>1</v>
      </c>
      <c r="C79280" s="14" t="s">
        <v>47</v>
      </c>
      <c r="D79280" s="14" t="s">
        <v>382</v>
      </c>
      <c r="E79280" s="15">
        <v>45451</v>
      </c>
      <c r="F79280" s="14" t="s">
        <v>61</v>
      </c>
      <c r="G79280" s="16">
        <v>2.6653597598474559E-2</v>
      </c>
    </row>
    <row r="79281" spans="1:7" x14ac:dyDescent="0.3">
      <c r="A79281" s="13" t="s">
        <v>404</v>
      </c>
      <c r="B79281" s="14" t="s">
        <v>1</v>
      </c>
      <c r="C79281" s="14" t="s">
        <v>47</v>
      </c>
      <c r="D79281" s="14" t="s">
        <v>382</v>
      </c>
      <c r="E79281" s="15">
        <v>45452</v>
      </c>
      <c r="F79281" s="14" t="s">
        <v>61</v>
      </c>
      <c r="G79281" s="16">
        <v>2.6653597598474559E-2</v>
      </c>
    </row>
    <row r="79282" spans="1:7" x14ac:dyDescent="0.3">
      <c r="A79282" s="13" t="s">
        <v>404</v>
      </c>
      <c r="B79282" s="14" t="s">
        <v>1</v>
      </c>
      <c r="C79282" s="14" t="s">
        <v>47</v>
      </c>
      <c r="D79282" s="14" t="s">
        <v>382</v>
      </c>
      <c r="E79282" s="15">
        <v>45453</v>
      </c>
      <c r="F79282" s="14" t="s">
        <v>61</v>
      </c>
      <c r="G79282" s="16">
        <v>2.2975562815949341E-2</v>
      </c>
    </row>
    <row r="79283" spans="1:7" x14ac:dyDescent="0.3">
      <c r="A79283" s="13" t="s">
        <v>404</v>
      </c>
      <c r="B79283" s="14" t="s">
        <v>1</v>
      </c>
      <c r="C79283" s="14" t="s">
        <v>47</v>
      </c>
      <c r="D79283" s="14" t="s">
        <v>382</v>
      </c>
      <c r="E79283" s="15">
        <v>45454</v>
      </c>
      <c r="F79283" s="14" t="s">
        <v>61</v>
      </c>
      <c r="G79283" s="16">
        <v>1.1852594216910163E-2</v>
      </c>
    </row>
    <row r="79284" spans="1:7" x14ac:dyDescent="0.3">
      <c r="A79284" s="13" t="s">
        <v>404</v>
      </c>
      <c r="B79284" s="14" t="s">
        <v>1</v>
      </c>
      <c r="C79284" s="14" t="s">
        <v>47</v>
      </c>
      <c r="D79284" s="14" t="s">
        <v>382</v>
      </c>
      <c r="E79284" s="15">
        <v>45455</v>
      </c>
      <c r="F79284" s="14" t="s">
        <v>61</v>
      </c>
      <c r="G79284" s="16">
        <v>8.0886977473266959E-3</v>
      </c>
    </row>
    <row r="79285" spans="1:7" x14ac:dyDescent="0.3">
      <c r="A79285" s="13" t="s">
        <v>404</v>
      </c>
      <c r="B79285" s="14" t="s">
        <v>1</v>
      </c>
      <c r="C79285" s="14" t="s">
        <v>47</v>
      </c>
      <c r="D79285" s="14" t="s">
        <v>382</v>
      </c>
      <c r="E79285" s="15">
        <v>45456</v>
      </c>
      <c r="F79285" s="14" t="s">
        <v>61</v>
      </c>
      <c r="G79285" s="16">
        <v>3.3160500356610383E-2</v>
      </c>
    </row>
    <row r="79286" spans="1:7" x14ac:dyDescent="0.3">
      <c r="A79286" s="13" t="s">
        <v>404</v>
      </c>
      <c r="B79286" s="14" t="s">
        <v>1</v>
      </c>
      <c r="C79286" s="14" t="s">
        <v>47</v>
      </c>
      <c r="D79286" s="14" t="s">
        <v>382</v>
      </c>
      <c r="E79286" s="15">
        <v>45457</v>
      </c>
      <c r="F79286" s="14" t="s">
        <v>61</v>
      </c>
      <c r="G79286" s="16">
        <v>3.5315978765576614E-2</v>
      </c>
    </row>
    <row r="79287" spans="1:7" x14ac:dyDescent="0.3">
      <c r="A79287" s="13" t="s">
        <v>404</v>
      </c>
      <c r="B79287" s="14" t="s">
        <v>1</v>
      </c>
      <c r="C79287" s="14" t="s">
        <v>47</v>
      </c>
      <c r="D79287" s="14" t="s">
        <v>382</v>
      </c>
      <c r="E79287" s="15">
        <v>45458</v>
      </c>
      <c r="F79287" s="14" t="s">
        <v>61</v>
      </c>
      <c r="G79287" s="16">
        <v>3.5315978765576614E-2</v>
      </c>
    </row>
    <row r="79288" spans="1:7" x14ac:dyDescent="0.3">
      <c r="A79288" s="13" t="s">
        <v>404</v>
      </c>
      <c r="B79288" s="14" t="s">
        <v>1</v>
      </c>
      <c r="C79288" s="14" t="s">
        <v>47</v>
      </c>
      <c r="D79288" s="14" t="s">
        <v>382</v>
      </c>
      <c r="E79288" s="15">
        <v>45459</v>
      </c>
      <c r="F79288" s="14" t="s">
        <v>61</v>
      </c>
      <c r="G79288" s="16">
        <v>3.5315978765576614E-2</v>
      </c>
    </row>
    <row r="79289" spans="1:7" x14ac:dyDescent="0.3">
      <c r="A79289" s="13" t="s">
        <v>404</v>
      </c>
      <c r="B79289" s="14" t="s">
        <v>1</v>
      </c>
      <c r="C79289" s="14" t="s">
        <v>47</v>
      </c>
      <c r="D79289" s="14" t="s">
        <v>382</v>
      </c>
      <c r="E79289" s="15">
        <v>45460</v>
      </c>
      <c r="F79289" s="14" t="s">
        <v>61</v>
      </c>
      <c r="G79289" s="16">
        <v>3.2479813586318469E-2</v>
      </c>
    </row>
    <row r="79290" spans="1:7" x14ac:dyDescent="0.3">
      <c r="A79290" s="13" t="s">
        <v>404</v>
      </c>
      <c r="B79290" s="14" t="s">
        <v>1</v>
      </c>
      <c r="C79290" s="14" t="s">
        <v>47</v>
      </c>
      <c r="D79290" s="14" t="s">
        <v>382</v>
      </c>
      <c r="E79290" s="15">
        <v>45461</v>
      </c>
      <c r="F79290" s="14" t="s">
        <v>61</v>
      </c>
      <c r="G79290" s="16">
        <v>2.8315778233020828E-2</v>
      </c>
    </row>
    <row r="79291" spans="1:7" x14ac:dyDescent="0.3">
      <c r="A79291" s="13" t="s">
        <v>404</v>
      </c>
      <c r="B79291" s="14" t="s">
        <v>1</v>
      </c>
      <c r="C79291" s="14" t="s">
        <v>47</v>
      </c>
      <c r="D79291" s="14" t="s">
        <v>382</v>
      </c>
      <c r="E79291" s="15">
        <v>45462</v>
      </c>
      <c r="F79291" s="14" t="s">
        <v>61</v>
      </c>
      <c r="G79291" s="16">
        <v>2.8315778233020828E-2</v>
      </c>
    </row>
    <row r="79292" spans="1:7" x14ac:dyDescent="0.3">
      <c r="A79292" s="13" t="s">
        <v>404</v>
      </c>
      <c r="B79292" s="14" t="s">
        <v>1</v>
      </c>
      <c r="C79292" s="14" t="s">
        <v>47</v>
      </c>
      <c r="D79292" s="14" t="s">
        <v>382</v>
      </c>
      <c r="E79292" s="15">
        <v>45463</v>
      </c>
      <c r="F79292" s="14" t="s">
        <v>61</v>
      </c>
      <c r="G79292" s="16">
        <v>6.0682057349552988E-2</v>
      </c>
    </row>
    <row r="79293" spans="1:7" x14ac:dyDescent="0.3">
      <c r="A79293" s="13" t="s">
        <v>404</v>
      </c>
      <c r="B79293" s="14" t="s">
        <v>1</v>
      </c>
      <c r="C79293" s="14" t="s">
        <v>47</v>
      </c>
      <c r="D79293" s="14" t="s">
        <v>382</v>
      </c>
      <c r="E79293" s="15">
        <v>45464</v>
      </c>
      <c r="F79293" s="14" t="s">
        <v>61</v>
      </c>
      <c r="G79293" s="16">
        <v>5.3268085801939327E-2</v>
      </c>
    </row>
    <row r="79294" spans="1:7" x14ac:dyDescent="0.3">
      <c r="A79294" s="13" t="s">
        <v>404</v>
      </c>
      <c r="B79294" s="14" t="s">
        <v>1</v>
      </c>
      <c r="C79294" s="14" t="s">
        <v>47</v>
      </c>
      <c r="D79294" s="14" t="s">
        <v>382</v>
      </c>
      <c r="E79294" s="15">
        <v>45465</v>
      </c>
      <c r="F79294" s="14" t="s">
        <v>61</v>
      </c>
      <c r="G79294" s="16">
        <v>5.3268085801939327E-2</v>
      </c>
    </row>
    <row r="79295" spans="1:7" x14ac:dyDescent="0.3">
      <c r="A79295" s="13" t="s">
        <v>404</v>
      </c>
      <c r="B79295" s="14" t="s">
        <v>1</v>
      </c>
      <c r="C79295" s="14" t="s">
        <v>47</v>
      </c>
      <c r="D79295" s="14" t="s">
        <v>382</v>
      </c>
      <c r="E79295" s="15">
        <v>45466</v>
      </c>
      <c r="F79295" s="14" t="s">
        <v>61</v>
      </c>
      <c r="G79295" s="16">
        <v>5.3268085801939327E-2</v>
      </c>
    </row>
    <row r="79296" spans="1:7" x14ac:dyDescent="0.3">
      <c r="A79296" s="13" t="s">
        <v>404</v>
      </c>
      <c r="B79296" s="14" t="s">
        <v>1</v>
      </c>
      <c r="C79296" s="14" t="s">
        <v>47</v>
      </c>
      <c r="D79296" s="14" t="s">
        <v>382</v>
      </c>
      <c r="E79296" s="15">
        <v>45467</v>
      </c>
      <c r="F79296" s="14" t="s">
        <v>61</v>
      </c>
      <c r="G79296" s="16">
        <v>5.2152984961686799E-2</v>
      </c>
    </row>
    <row r="79297" spans="1:7" x14ac:dyDescent="0.3">
      <c r="A79297" s="13" t="s">
        <v>404</v>
      </c>
      <c r="B79297" s="14" t="s">
        <v>1</v>
      </c>
      <c r="C79297" s="14" t="s">
        <v>47</v>
      </c>
      <c r="D79297" s="14" t="s">
        <v>382</v>
      </c>
      <c r="E79297" s="15">
        <v>45468</v>
      </c>
      <c r="F79297" s="14" t="s">
        <v>61</v>
      </c>
      <c r="G79297" s="16">
        <v>4.4164749951868261E-2</v>
      </c>
    </row>
    <row r="79298" spans="1:7" x14ac:dyDescent="0.3">
      <c r="A79298" s="13" t="s">
        <v>404</v>
      </c>
      <c r="B79298" s="14" t="s">
        <v>1</v>
      </c>
      <c r="C79298" s="14" t="s">
        <v>47</v>
      </c>
      <c r="D79298" s="14" t="s">
        <v>382</v>
      </c>
      <c r="E79298" s="15">
        <v>45469</v>
      </c>
      <c r="F79298" s="14" t="s">
        <v>61</v>
      </c>
      <c r="G79298" s="16">
        <v>4.0684514152802879E-2</v>
      </c>
    </row>
    <row r="79299" spans="1:7" x14ac:dyDescent="0.3">
      <c r="A79299" s="13" t="s">
        <v>404</v>
      </c>
      <c r="B79299" s="14" t="s">
        <v>1</v>
      </c>
      <c r="C79299" s="14" t="s">
        <v>47</v>
      </c>
      <c r="D79299" s="14" t="s">
        <v>382</v>
      </c>
      <c r="E79299" s="15">
        <v>45470</v>
      </c>
      <c r="F79299" s="14" t="s">
        <v>61</v>
      </c>
      <c r="G79299" s="16">
        <v>3.699483628599886E-2</v>
      </c>
    </row>
    <row r="79300" spans="1:7" x14ac:dyDescent="0.3">
      <c r="A79300" s="13" t="s">
        <v>404</v>
      </c>
      <c r="B79300" s="14" t="s">
        <v>1</v>
      </c>
      <c r="C79300" s="14" t="s">
        <v>47</v>
      </c>
      <c r="D79300" s="14" t="s">
        <v>382</v>
      </c>
      <c r="E79300" s="15">
        <v>45471</v>
      </c>
      <c r="F79300" s="14" t="s">
        <v>61</v>
      </c>
      <c r="G79300" s="16">
        <v>3.3376320164463062E-2</v>
      </c>
    </row>
    <row r="79301" spans="1:7" x14ac:dyDescent="0.3">
      <c r="A79301" s="13" t="s">
        <v>404</v>
      </c>
      <c r="B79301" s="14" t="s">
        <v>1</v>
      </c>
      <c r="C79301" s="14" t="s">
        <v>47</v>
      </c>
      <c r="D79301" s="14" t="s">
        <v>382</v>
      </c>
      <c r="E79301" s="15">
        <v>45472</v>
      </c>
      <c r="F79301" s="14" t="s">
        <v>61</v>
      </c>
      <c r="G79301" s="16">
        <v>3.3376320164463062E-2</v>
      </c>
    </row>
    <row r="79302" spans="1:7" x14ac:dyDescent="0.3">
      <c r="A79302" s="13" t="s">
        <v>404</v>
      </c>
      <c r="B79302" s="14" t="s">
        <v>1</v>
      </c>
      <c r="C79302" s="14" t="s">
        <v>47</v>
      </c>
      <c r="D79302" s="14" t="s">
        <v>382</v>
      </c>
      <c r="E79302" s="15">
        <v>45473</v>
      </c>
      <c r="F79302" s="14" t="s">
        <v>61</v>
      </c>
      <c r="G79302" s="16">
        <v>3.3376320164463062E-2</v>
      </c>
    </row>
    <row r="79303" spans="1:7" x14ac:dyDescent="0.3">
      <c r="A79303" s="13" t="s">
        <v>404</v>
      </c>
      <c r="B79303" s="14" t="s">
        <v>1</v>
      </c>
      <c r="C79303" s="14" t="s">
        <v>47</v>
      </c>
      <c r="D79303" s="14" t="s">
        <v>382</v>
      </c>
      <c r="E79303" s="15">
        <v>45474</v>
      </c>
      <c r="F79303" s="14" t="s">
        <v>61</v>
      </c>
      <c r="G79303" s="16">
        <v>3.8009628080883477E-2</v>
      </c>
    </row>
    <row r="79304" spans="1:7" x14ac:dyDescent="0.3">
      <c r="A79304" s="13" t="s">
        <v>404</v>
      </c>
      <c r="B79304" s="14" t="s">
        <v>1</v>
      </c>
      <c r="C79304" s="14" t="s">
        <v>47</v>
      </c>
      <c r="D79304" s="14" t="s">
        <v>382</v>
      </c>
      <c r="E79304" s="15">
        <v>45475</v>
      </c>
      <c r="F79304" s="14" t="s">
        <v>61</v>
      </c>
      <c r="G79304" s="16">
        <v>2.8450633192465952E-2</v>
      </c>
    </row>
    <row r="79305" spans="1:7" x14ac:dyDescent="0.3">
      <c r="A79305" s="13" t="s">
        <v>404</v>
      </c>
      <c r="B79305" s="14" t="s">
        <v>1</v>
      </c>
      <c r="C79305" s="14" t="s">
        <v>47</v>
      </c>
      <c r="D79305" s="14" t="s">
        <v>382</v>
      </c>
      <c r="E79305" s="15">
        <v>45476</v>
      </c>
      <c r="F79305" s="14" t="s">
        <v>61</v>
      </c>
      <c r="G79305" s="16">
        <v>3.4876204633907282E-2</v>
      </c>
    </row>
    <row r="79306" spans="1:7" x14ac:dyDescent="0.3">
      <c r="A79306" s="13" t="s">
        <v>404</v>
      </c>
      <c r="B79306" s="14" t="s">
        <v>1</v>
      </c>
      <c r="C79306" s="14" t="s">
        <v>47</v>
      </c>
      <c r="D79306" s="14" t="s">
        <v>382</v>
      </c>
      <c r="E79306" s="15">
        <v>45477</v>
      </c>
      <c r="F79306" s="14" t="s">
        <v>61</v>
      </c>
      <c r="G79306" s="16">
        <v>3.4876204633907282E-2</v>
      </c>
    </row>
    <row r="79307" spans="1:7" x14ac:dyDescent="0.3">
      <c r="A79307" s="13" t="s">
        <v>404</v>
      </c>
      <c r="B79307" s="14" t="s">
        <v>1</v>
      </c>
      <c r="C79307" s="14" t="s">
        <v>47</v>
      </c>
      <c r="D79307" s="14" t="s">
        <v>382</v>
      </c>
      <c r="E79307" s="15">
        <v>45478</v>
      </c>
      <c r="F79307" s="14" t="s">
        <v>61</v>
      </c>
      <c r="G79307" s="16">
        <v>3.1148012296220589E-2</v>
      </c>
    </row>
    <row r="79308" spans="1:7" x14ac:dyDescent="0.3">
      <c r="A79308" s="13" t="s">
        <v>404</v>
      </c>
      <c r="B79308" s="14" t="s">
        <v>1</v>
      </c>
      <c r="C79308" s="14" t="s">
        <v>47</v>
      </c>
      <c r="D79308" s="14" t="s">
        <v>382</v>
      </c>
      <c r="E79308" s="15">
        <v>45479</v>
      </c>
      <c r="F79308" s="14" t="s">
        <v>61</v>
      </c>
      <c r="G79308" s="16">
        <v>3.1148012296220589E-2</v>
      </c>
    </row>
    <row r="79309" spans="1:7" x14ac:dyDescent="0.3">
      <c r="A79309" s="13" t="s">
        <v>404</v>
      </c>
      <c r="B79309" s="14" t="s">
        <v>1</v>
      </c>
      <c r="C79309" s="14" t="s">
        <v>47</v>
      </c>
      <c r="D79309" s="14" t="s">
        <v>382</v>
      </c>
      <c r="E79309" s="15">
        <v>45480</v>
      </c>
      <c r="F79309" s="14" t="s">
        <v>61</v>
      </c>
      <c r="G79309" s="16">
        <v>3.1148012296220589E-2</v>
      </c>
    </row>
    <row r="79310" spans="1:7" x14ac:dyDescent="0.3">
      <c r="A79310" s="13" t="s">
        <v>404</v>
      </c>
      <c r="B79310" s="14" t="s">
        <v>1</v>
      </c>
      <c r="C79310" s="14" t="s">
        <v>47</v>
      </c>
      <c r="D79310" s="14" t="s">
        <v>382</v>
      </c>
      <c r="E79310" s="15">
        <v>45481</v>
      </c>
      <c r="F79310" s="14" t="s">
        <v>61</v>
      </c>
      <c r="G79310" s="16">
        <v>2.3905803745513779E-2</v>
      </c>
    </row>
    <row r="79311" spans="1:7" x14ac:dyDescent="0.3">
      <c r="A79311" s="13" t="s">
        <v>404</v>
      </c>
      <c r="B79311" s="14" t="s">
        <v>1</v>
      </c>
      <c r="C79311" s="14" t="s">
        <v>47</v>
      </c>
      <c r="D79311" s="14" t="s">
        <v>382</v>
      </c>
      <c r="E79311" s="15">
        <v>45482</v>
      </c>
      <c r="F79311" s="14" t="s">
        <v>61</v>
      </c>
      <c r="G79311" s="16">
        <v>1.293195556956765E-2</v>
      </c>
    </row>
    <row r="79312" spans="1:7" x14ac:dyDescent="0.3">
      <c r="A79312" s="13" t="s">
        <v>404</v>
      </c>
      <c r="B79312" s="14" t="s">
        <v>1</v>
      </c>
      <c r="C79312" s="14" t="s">
        <v>47</v>
      </c>
      <c r="D79312" s="14" t="s">
        <v>382</v>
      </c>
      <c r="E79312" s="15">
        <v>45483</v>
      </c>
      <c r="F79312" s="14" t="s">
        <v>61</v>
      </c>
      <c r="G79312" s="16">
        <v>9.2123865464291566E-3</v>
      </c>
    </row>
    <row r="79313" spans="1:7" x14ac:dyDescent="0.3">
      <c r="A79313" s="13" t="s">
        <v>404</v>
      </c>
      <c r="B79313" s="14" t="s">
        <v>1</v>
      </c>
      <c r="C79313" s="14" t="s">
        <v>47</v>
      </c>
      <c r="D79313" s="14" t="s">
        <v>382</v>
      </c>
      <c r="E79313" s="15">
        <v>45484</v>
      </c>
      <c r="F79313" s="14" t="s">
        <v>61</v>
      </c>
      <c r="G79313" s="16">
        <v>5.5273170736719378E-3</v>
      </c>
    </row>
    <row r="79314" spans="1:7" x14ac:dyDescent="0.3">
      <c r="A79314" s="13" t="s">
        <v>404</v>
      </c>
      <c r="B79314" s="14" t="s">
        <v>1</v>
      </c>
      <c r="C79314" s="14" t="s">
        <v>47</v>
      </c>
      <c r="D79314" s="14" t="s">
        <v>382</v>
      </c>
      <c r="E79314" s="15">
        <v>45485</v>
      </c>
      <c r="F79314" s="14" t="s">
        <v>61</v>
      </c>
      <c r="G79314" s="16">
        <v>1.8120571519024873E-3</v>
      </c>
    </row>
    <row r="79315" spans="1:7" x14ac:dyDescent="0.3">
      <c r="A79315" s="13" t="s">
        <v>404</v>
      </c>
      <c r="B79315" s="14" t="s">
        <v>1</v>
      </c>
      <c r="C79315" s="14" t="s">
        <v>47</v>
      </c>
      <c r="D79315" s="14" t="s">
        <v>382</v>
      </c>
      <c r="E79315" s="15">
        <v>45486</v>
      </c>
      <c r="F79315" s="14" t="s">
        <v>61</v>
      </c>
      <c r="G79315" s="16">
        <v>1.8120571519024873E-3</v>
      </c>
    </row>
    <row r="79316" spans="1:7" x14ac:dyDescent="0.3">
      <c r="A79316" s="13" t="s">
        <v>404</v>
      </c>
      <c r="B79316" s="14" t="s">
        <v>1</v>
      </c>
      <c r="C79316" s="14" t="s">
        <v>47</v>
      </c>
      <c r="D79316" s="14" t="s">
        <v>382</v>
      </c>
      <c r="E79316" s="15">
        <v>45487</v>
      </c>
      <c r="F79316" s="14" t="s">
        <v>61</v>
      </c>
      <c r="G79316" s="16">
        <v>1.8120571519024873E-3</v>
      </c>
    </row>
    <row r="79317" spans="1:7" x14ac:dyDescent="0.3">
      <c r="A79317" s="13" t="s">
        <v>404</v>
      </c>
      <c r="B79317" s="14" t="s">
        <v>1</v>
      </c>
      <c r="C79317" s="14" t="s">
        <v>47</v>
      </c>
      <c r="D79317" s="14" t="s">
        <v>382</v>
      </c>
      <c r="E79317" s="15">
        <v>45488</v>
      </c>
      <c r="F79317" s="14" t="s">
        <v>61</v>
      </c>
      <c r="G79317" s="16">
        <v>9.4764551988365739E-4</v>
      </c>
    </row>
    <row r="79318" spans="1:7" x14ac:dyDescent="0.3">
      <c r="A79318" s="13" t="s">
        <v>404</v>
      </c>
      <c r="B79318" s="14" t="s">
        <v>1</v>
      </c>
      <c r="C79318" s="14" t="s">
        <v>47</v>
      </c>
      <c r="D79318" s="14" t="s">
        <v>382</v>
      </c>
      <c r="E79318" s="15">
        <v>45489</v>
      </c>
      <c r="F79318" s="14" t="s">
        <v>61</v>
      </c>
      <c r="G79318" s="16">
        <v>0</v>
      </c>
    </row>
    <row r="79319" spans="1:7" x14ac:dyDescent="0.3">
      <c r="A79319" s="13" t="s">
        <v>404</v>
      </c>
      <c r="B79319" s="14" t="s">
        <v>1</v>
      </c>
      <c r="C79319" s="14" t="s">
        <v>47</v>
      </c>
      <c r="D79319" s="14" t="s">
        <v>382</v>
      </c>
      <c r="E79319" s="15">
        <v>45490</v>
      </c>
      <c r="F79319" s="14" t="s">
        <v>61</v>
      </c>
      <c r="G79319" s="16">
        <v>0</v>
      </c>
    </row>
    <row r="79320" spans="1:7" x14ac:dyDescent="0.3">
      <c r="A79320" s="13" t="s">
        <v>404</v>
      </c>
      <c r="B79320" s="14" t="s">
        <v>1</v>
      </c>
      <c r="C79320" s="14" t="s">
        <v>47</v>
      </c>
      <c r="D79320" s="14" t="s">
        <v>382</v>
      </c>
      <c r="E79320" s="15">
        <v>45491</v>
      </c>
      <c r="F79320" s="14" t="s">
        <v>61</v>
      </c>
      <c r="G79320" s="16">
        <v>0</v>
      </c>
    </row>
    <row r="79321" spans="1:7" x14ac:dyDescent="0.3">
      <c r="A79321" s="13" t="s">
        <v>404</v>
      </c>
      <c r="B79321" s="14" t="s">
        <v>1</v>
      </c>
      <c r="C79321" s="14" t="s">
        <v>47</v>
      </c>
      <c r="D79321" s="14" t="s">
        <v>382</v>
      </c>
      <c r="E79321" s="15">
        <v>45492</v>
      </c>
      <c r="F79321" s="14" t="s">
        <v>61</v>
      </c>
      <c r="G79321" s="16">
        <v>0</v>
      </c>
    </row>
    <row r="79322" spans="1:7" x14ac:dyDescent="0.3">
      <c r="A79322" s="13" t="s">
        <v>404</v>
      </c>
      <c r="B79322" s="14" t="s">
        <v>1</v>
      </c>
      <c r="C79322" s="14" t="s">
        <v>47</v>
      </c>
      <c r="D79322" s="14" t="s">
        <v>382</v>
      </c>
      <c r="E79322" s="15">
        <v>45493</v>
      </c>
      <c r="F79322" s="14" t="s">
        <v>61</v>
      </c>
      <c r="G79322" s="16">
        <v>0</v>
      </c>
    </row>
    <row r="79323" spans="1:7" x14ac:dyDescent="0.3">
      <c r="A79323" s="13" t="s">
        <v>404</v>
      </c>
      <c r="B79323" s="14" t="s">
        <v>1</v>
      </c>
      <c r="C79323" s="14" t="s">
        <v>47</v>
      </c>
      <c r="D79323" s="14" t="s">
        <v>382</v>
      </c>
      <c r="E79323" s="15">
        <v>45494</v>
      </c>
      <c r="F79323" s="14" t="s">
        <v>61</v>
      </c>
      <c r="G79323" s="16">
        <v>0</v>
      </c>
    </row>
    <row r="79324" spans="1:7" x14ac:dyDescent="0.3">
      <c r="A79324" s="13" t="s">
        <v>404</v>
      </c>
      <c r="B79324" s="14" t="s">
        <v>1</v>
      </c>
      <c r="C79324" s="14" t="s">
        <v>47</v>
      </c>
      <c r="D79324" s="14" t="s">
        <v>382</v>
      </c>
      <c r="E79324" s="15">
        <v>45495</v>
      </c>
      <c r="F79324" s="14" t="s">
        <v>61</v>
      </c>
      <c r="G79324" s="16">
        <v>0</v>
      </c>
    </row>
    <row r="79325" spans="1:7" x14ac:dyDescent="0.3">
      <c r="A79325" s="13" t="s">
        <v>404</v>
      </c>
      <c r="B79325" s="14" t="s">
        <v>1</v>
      </c>
      <c r="C79325" s="14" t="s">
        <v>47</v>
      </c>
      <c r="D79325" s="14" t="s">
        <v>382</v>
      </c>
      <c r="E79325" s="15">
        <v>45496</v>
      </c>
      <c r="F79325" s="14" t="s">
        <v>61</v>
      </c>
      <c r="G79325" s="16">
        <v>0</v>
      </c>
    </row>
    <row r="79326" spans="1:7" x14ac:dyDescent="0.3">
      <c r="A79326" s="13" t="s">
        <v>404</v>
      </c>
      <c r="B79326" s="14" t="s">
        <v>1</v>
      </c>
      <c r="C79326" s="14" t="s">
        <v>47</v>
      </c>
      <c r="D79326" s="14" t="s">
        <v>382</v>
      </c>
      <c r="E79326" s="15">
        <v>45497</v>
      </c>
      <c r="F79326" s="14" t="s">
        <v>61</v>
      </c>
      <c r="G79326" s="16">
        <v>0</v>
      </c>
    </row>
    <row r="79327" spans="1:7" x14ac:dyDescent="0.3">
      <c r="A79327" s="13" t="s">
        <v>404</v>
      </c>
      <c r="B79327" s="14" t="s">
        <v>1</v>
      </c>
      <c r="C79327" s="14" t="s">
        <v>47</v>
      </c>
      <c r="D79327" s="14" t="s">
        <v>382</v>
      </c>
      <c r="E79327" s="15">
        <v>45498</v>
      </c>
      <c r="F79327" s="14" t="s">
        <v>61</v>
      </c>
      <c r="G79327" s="16">
        <v>0</v>
      </c>
    </row>
    <row r="79328" spans="1:7" x14ac:dyDescent="0.3">
      <c r="A79328" s="13" t="s">
        <v>404</v>
      </c>
      <c r="B79328" s="14" t="s">
        <v>1</v>
      </c>
      <c r="C79328" s="14" t="s">
        <v>47</v>
      </c>
      <c r="D79328" s="14" t="s">
        <v>382</v>
      </c>
      <c r="E79328" s="15">
        <v>45499</v>
      </c>
      <c r="F79328" s="14" t="s">
        <v>61</v>
      </c>
      <c r="G79328" s="16">
        <v>0</v>
      </c>
    </row>
    <row r="79329" spans="1:7" x14ac:dyDescent="0.3">
      <c r="A79329" s="13" t="s">
        <v>404</v>
      </c>
      <c r="B79329" s="14" t="s">
        <v>1</v>
      </c>
      <c r="C79329" s="14" t="s">
        <v>47</v>
      </c>
      <c r="D79329" s="14" t="s">
        <v>382</v>
      </c>
      <c r="E79329" s="15">
        <v>45500</v>
      </c>
      <c r="F79329" s="14" t="s">
        <v>61</v>
      </c>
      <c r="G79329" s="16">
        <v>0</v>
      </c>
    </row>
    <row r="79330" spans="1:7" x14ac:dyDescent="0.3">
      <c r="A79330" s="13" t="s">
        <v>404</v>
      </c>
      <c r="B79330" s="14" t="s">
        <v>1</v>
      </c>
      <c r="C79330" s="14" t="s">
        <v>47</v>
      </c>
      <c r="D79330" s="14" t="s">
        <v>382</v>
      </c>
      <c r="E79330" s="15">
        <v>45501</v>
      </c>
      <c r="F79330" s="14" t="s">
        <v>61</v>
      </c>
      <c r="G79330" s="16">
        <v>0</v>
      </c>
    </row>
    <row r="79331" spans="1:7" x14ac:dyDescent="0.3">
      <c r="A79331" s="13" t="s">
        <v>404</v>
      </c>
      <c r="B79331" s="14" t="s">
        <v>1</v>
      </c>
      <c r="C79331" s="14" t="s">
        <v>47</v>
      </c>
      <c r="D79331" s="14" t="s">
        <v>382</v>
      </c>
      <c r="E79331" s="15">
        <v>45502</v>
      </c>
      <c r="F79331" s="14" t="s">
        <v>61</v>
      </c>
      <c r="G79331" s="16">
        <v>0</v>
      </c>
    </row>
    <row r="79332" spans="1:7" x14ac:dyDescent="0.3">
      <c r="A79332" s="13" t="s">
        <v>404</v>
      </c>
      <c r="B79332" s="14" t="s">
        <v>1</v>
      </c>
      <c r="C79332" s="14" t="s">
        <v>47</v>
      </c>
      <c r="D79332" s="14" t="s">
        <v>382</v>
      </c>
      <c r="E79332" s="15">
        <v>45503</v>
      </c>
      <c r="F79332" s="14" t="s">
        <v>61</v>
      </c>
      <c r="G79332" s="16">
        <v>0</v>
      </c>
    </row>
    <row r="79333" spans="1:7" x14ac:dyDescent="0.3">
      <c r="A79333" s="13" t="s">
        <v>404</v>
      </c>
      <c r="B79333" s="14" t="s">
        <v>1</v>
      </c>
      <c r="C79333" s="14" t="s">
        <v>47</v>
      </c>
      <c r="D79333" s="14" t="s">
        <v>382</v>
      </c>
      <c r="E79333" s="15">
        <v>45504</v>
      </c>
      <c r="F79333" s="14" t="s">
        <v>61</v>
      </c>
      <c r="G79333" s="16">
        <v>0</v>
      </c>
    </row>
    <row r="79334" spans="1:7" x14ac:dyDescent="0.3">
      <c r="A79334" s="13" t="s">
        <v>404</v>
      </c>
      <c r="B79334" s="14" t="s">
        <v>1</v>
      </c>
      <c r="C79334" s="14" t="s">
        <v>47</v>
      </c>
      <c r="D79334" s="14" t="s">
        <v>382</v>
      </c>
      <c r="E79334" s="15">
        <v>45505</v>
      </c>
      <c r="F79334" s="14" t="s">
        <v>61</v>
      </c>
      <c r="G79334" s="16">
        <v>0</v>
      </c>
    </row>
    <row r="79335" spans="1:7" x14ac:dyDescent="0.3">
      <c r="A79335" s="13" t="s">
        <v>404</v>
      </c>
      <c r="B79335" s="14" t="s">
        <v>1</v>
      </c>
      <c r="C79335" s="14" t="s">
        <v>47</v>
      </c>
      <c r="D79335" s="14" t="s">
        <v>382</v>
      </c>
      <c r="E79335" s="15">
        <v>45506</v>
      </c>
      <c r="F79335" s="14" t="s">
        <v>61</v>
      </c>
      <c r="G79335" s="16">
        <v>0</v>
      </c>
    </row>
    <row r="79336" spans="1:7" x14ac:dyDescent="0.3">
      <c r="A79336" s="13" t="s">
        <v>404</v>
      </c>
      <c r="B79336" s="14" t="s">
        <v>1</v>
      </c>
      <c r="C79336" s="14" t="s">
        <v>47</v>
      </c>
      <c r="D79336" s="14" t="s">
        <v>382</v>
      </c>
      <c r="E79336" s="15">
        <v>45507</v>
      </c>
      <c r="F79336" s="14" t="s">
        <v>61</v>
      </c>
      <c r="G79336" s="16">
        <v>0</v>
      </c>
    </row>
    <row r="79337" spans="1:7" x14ac:dyDescent="0.3">
      <c r="A79337" s="13" t="s">
        <v>404</v>
      </c>
      <c r="B79337" s="14" t="s">
        <v>1</v>
      </c>
      <c r="C79337" s="14" t="s">
        <v>47</v>
      </c>
      <c r="D79337" s="14" t="s">
        <v>382</v>
      </c>
      <c r="E79337" s="15">
        <v>45508</v>
      </c>
      <c r="F79337" s="14" t="s">
        <v>61</v>
      </c>
      <c r="G79337" s="16">
        <v>0</v>
      </c>
    </row>
    <row r="79338" spans="1:7" x14ac:dyDescent="0.3">
      <c r="A79338" s="13" t="s">
        <v>404</v>
      </c>
      <c r="B79338" s="14" t="s">
        <v>1</v>
      </c>
      <c r="C79338" s="14" t="s">
        <v>47</v>
      </c>
      <c r="D79338" s="14" t="s">
        <v>382</v>
      </c>
      <c r="E79338" s="15">
        <v>45509</v>
      </c>
      <c r="F79338" s="14" t="s">
        <v>61</v>
      </c>
      <c r="G79338" s="16">
        <v>0</v>
      </c>
    </row>
    <row r="79339" spans="1:7" x14ac:dyDescent="0.3">
      <c r="A79339" s="13" t="s">
        <v>404</v>
      </c>
      <c r="B79339" s="14" t="s">
        <v>1</v>
      </c>
      <c r="C79339" s="14" t="s">
        <v>47</v>
      </c>
      <c r="D79339" s="14" t="s">
        <v>382</v>
      </c>
      <c r="E79339" s="15">
        <v>45510</v>
      </c>
      <c r="F79339" s="14" t="s">
        <v>61</v>
      </c>
      <c r="G79339" s="16">
        <v>0</v>
      </c>
    </row>
    <row r="79340" spans="1:7" x14ac:dyDescent="0.3">
      <c r="A79340" s="13" t="s">
        <v>404</v>
      </c>
      <c r="B79340" s="14" t="s">
        <v>1</v>
      </c>
      <c r="C79340" s="14" t="s">
        <v>47</v>
      </c>
      <c r="D79340" s="14" t="s">
        <v>382</v>
      </c>
      <c r="E79340" s="15">
        <v>45511</v>
      </c>
      <c r="F79340" s="14" t="s">
        <v>61</v>
      </c>
      <c r="G79340" s="16">
        <v>0</v>
      </c>
    </row>
    <row r="79341" spans="1:7" x14ac:dyDescent="0.3">
      <c r="A79341" s="13" t="s">
        <v>404</v>
      </c>
      <c r="B79341" s="14" t="s">
        <v>1</v>
      </c>
      <c r="C79341" s="14" t="s">
        <v>47</v>
      </c>
      <c r="D79341" s="14" t="s">
        <v>382</v>
      </c>
      <c r="E79341" s="15">
        <v>45512</v>
      </c>
      <c r="F79341" s="14" t="s">
        <v>61</v>
      </c>
      <c r="G79341" s="16">
        <v>0</v>
      </c>
    </row>
    <row r="79342" spans="1:7" x14ac:dyDescent="0.3">
      <c r="A79342" s="13" t="s">
        <v>404</v>
      </c>
      <c r="B79342" s="14" t="s">
        <v>1</v>
      </c>
      <c r="C79342" s="14" t="s">
        <v>47</v>
      </c>
      <c r="D79342" s="14" t="s">
        <v>382</v>
      </c>
      <c r="E79342" s="15">
        <v>45513</v>
      </c>
      <c r="F79342" s="14" t="s">
        <v>61</v>
      </c>
      <c r="G79342" s="16">
        <v>0</v>
      </c>
    </row>
    <row r="79343" spans="1:7" x14ac:dyDescent="0.3">
      <c r="A79343" s="13" t="s">
        <v>404</v>
      </c>
      <c r="B79343" s="14" t="s">
        <v>1</v>
      </c>
      <c r="C79343" s="14" t="s">
        <v>47</v>
      </c>
      <c r="D79343" s="14" t="s">
        <v>382</v>
      </c>
      <c r="E79343" s="15">
        <v>45514</v>
      </c>
      <c r="F79343" s="14" t="s">
        <v>61</v>
      </c>
      <c r="G79343" s="16">
        <v>0</v>
      </c>
    </row>
    <row r="79344" spans="1:7" x14ac:dyDescent="0.3">
      <c r="A79344" s="13" t="s">
        <v>404</v>
      </c>
      <c r="B79344" s="14" t="s">
        <v>1</v>
      </c>
      <c r="C79344" s="14" t="s">
        <v>47</v>
      </c>
      <c r="D79344" s="14" t="s">
        <v>382</v>
      </c>
      <c r="E79344" s="15">
        <v>45515</v>
      </c>
      <c r="F79344" s="14" t="s">
        <v>61</v>
      </c>
      <c r="G79344" s="16">
        <v>0</v>
      </c>
    </row>
    <row r="79345" spans="1:7" x14ac:dyDescent="0.3">
      <c r="A79345" s="13" t="s">
        <v>404</v>
      </c>
      <c r="B79345" s="14" t="s">
        <v>1</v>
      </c>
      <c r="C79345" s="14" t="s">
        <v>47</v>
      </c>
      <c r="D79345" s="14" t="s">
        <v>382</v>
      </c>
      <c r="E79345" s="15">
        <v>45516</v>
      </c>
      <c r="F79345" s="14" t="s">
        <v>61</v>
      </c>
      <c r="G79345" s="16">
        <v>0</v>
      </c>
    </row>
    <row r="79346" spans="1:7" x14ac:dyDescent="0.3">
      <c r="A79346" s="13" t="s">
        <v>404</v>
      </c>
      <c r="B79346" s="14" t="s">
        <v>1</v>
      </c>
      <c r="C79346" s="14" t="s">
        <v>47</v>
      </c>
      <c r="D79346" s="14" t="s">
        <v>382</v>
      </c>
      <c r="E79346" s="15">
        <v>45517</v>
      </c>
      <c r="F79346" s="14" t="s">
        <v>61</v>
      </c>
      <c r="G79346" s="16">
        <v>0</v>
      </c>
    </row>
    <row r="79347" spans="1:7" x14ac:dyDescent="0.3">
      <c r="A79347" s="13" t="s">
        <v>404</v>
      </c>
      <c r="B79347" s="14" t="s">
        <v>1</v>
      </c>
      <c r="C79347" s="14" t="s">
        <v>47</v>
      </c>
      <c r="D79347" s="14" t="s">
        <v>382</v>
      </c>
      <c r="E79347" s="15">
        <v>45518</v>
      </c>
      <c r="F79347" s="14" t="s">
        <v>61</v>
      </c>
      <c r="G79347" s="16">
        <v>0</v>
      </c>
    </row>
    <row r="79348" spans="1:7" x14ac:dyDescent="0.3">
      <c r="A79348" s="13" t="s">
        <v>404</v>
      </c>
      <c r="B79348" s="14" t="s">
        <v>1</v>
      </c>
      <c r="C79348" s="14" t="s">
        <v>47</v>
      </c>
      <c r="D79348" s="14" t="s">
        <v>382</v>
      </c>
      <c r="E79348" s="15">
        <v>45519</v>
      </c>
      <c r="F79348" s="14" t="s">
        <v>61</v>
      </c>
      <c r="G79348" s="16">
        <v>0</v>
      </c>
    </row>
    <row r="79349" spans="1:7" x14ac:dyDescent="0.3">
      <c r="A79349" s="13" t="s">
        <v>404</v>
      </c>
      <c r="B79349" s="14" t="s">
        <v>1</v>
      </c>
      <c r="C79349" s="14" t="s">
        <v>47</v>
      </c>
      <c r="D79349" s="14" t="s">
        <v>382</v>
      </c>
      <c r="E79349" s="15">
        <v>45520</v>
      </c>
      <c r="F79349" s="14" t="s">
        <v>61</v>
      </c>
      <c r="G79349" s="16">
        <v>0</v>
      </c>
    </row>
    <row r="79350" spans="1:7" x14ac:dyDescent="0.3">
      <c r="A79350" s="13" t="s">
        <v>404</v>
      </c>
      <c r="B79350" s="14" t="s">
        <v>1</v>
      </c>
      <c r="C79350" s="14" t="s">
        <v>47</v>
      </c>
      <c r="D79350" s="14" t="s">
        <v>382</v>
      </c>
      <c r="E79350" s="15">
        <v>45521</v>
      </c>
      <c r="F79350" s="14" t="s">
        <v>61</v>
      </c>
      <c r="G79350" s="16">
        <v>0</v>
      </c>
    </row>
    <row r="79351" spans="1:7" x14ac:dyDescent="0.3">
      <c r="A79351" s="13" t="s">
        <v>404</v>
      </c>
      <c r="B79351" s="14" t="s">
        <v>1</v>
      </c>
      <c r="C79351" s="14" t="s">
        <v>47</v>
      </c>
      <c r="D79351" s="14" t="s">
        <v>382</v>
      </c>
      <c r="E79351" s="15">
        <v>45522</v>
      </c>
      <c r="F79351" s="14" t="s">
        <v>61</v>
      </c>
      <c r="G79351" s="16">
        <v>0</v>
      </c>
    </row>
    <row r="79352" spans="1:7" x14ac:dyDescent="0.3">
      <c r="A79352" s="13" t="s">
        <v>404</v>
      </c>
      <c r="B79352" s="14" t="s">
        <v>1</v>
      </c>
      <c r="C79352" s="14" t="s">
        <v>47</v>
      </c>
      <c r="D79352" s="14" t="s">
        <v>382</v>
      </c>
      <c r="E79352" s="15">
        <v>45523</v>
      </c>
      <c r="F79352" s="14" t="s">
        <v>61</v>
      </c>
      <c r="G79352" s="16">
        <v>0</v>
      </c>
    </row>
    <row r="79353" spans="1:7" x14ac:dyDescent="0.3">
      <c r="A79353" s="13" t="s">
        <v>404</v>
      </c>
      <c r="B79353" s="14" t="s">
        <v>1</v>
      </c>
      <c r="C79353" s="14" t="s">
        <v>47</v>
      </c>
      <c r="D79353" s="14" t="s">
        <v>382</v>
      </c>
      <c r="E79353" s="15">
        <v>45524</v>
      </c>
      <c r="F79353" s="14" t="s">
        <v>61</v>
      </c>
      <c r="G79353" s="16">
        <v>0</v>
      </c>
    </row>
    <row r="79354" spans="1:7" x14ac:dyDescent="0.3">
      <c r="A79354" s="13" t="s">
        <v>404</v>
      </c>
      <c r="B79354" s="14" t="s">
        <v>1</v>
      </c>
      <c r="C79354" s="14" t="s">
        <v>47</v>
      </c>
      <c r="D79354" s="14" t="s">
        <v>382</v>
      </c>
      <c r="E79354" s="15">
        <v>45525</v>
      </c>
      <c r="F79354" s="14" t="s">
        <v>61</v>
      </c>
      <c r="G79354" s="16">
        <v>0</v>
      </c>
    </row>
    <row r="79355" spans="1:7" x14ac:dyDescent="0.3">
      <c r="A79355" s="13" t="s">
        <v>404</v>
      </c>
      <c r="B79355" s="14" t="s">
        <v>1</v>
      </c>
      <c r="C79355" s="14" t="s">
        <v>47</v>
      </c>
      <c r="D79355" s="14" t="s">
        <v>382</v>
      </c>
      <c r="E79355" s="15">
        <v>45526</v>
      </c>
      <c r="F79355" s="14" t="s">
        <v>61</v>
      </c>
      <c r="G79355" s="16">
        <v>0</v>
      </c>
    </row>
    <row r="79356" spans="1:7" x14ac:dyDescent="0.3">
      <c r="A79356" s="13" t="s">
        <v>404</v>
      </c>
      <c r="B79356" s="14" t="s">
        <v>1</v>
      </c>
      <c r="C79356" s="14" t="s">
        <v>47</v>
      </c>
      <c r="D79356" s="14" t="s">
        <v>382</v>
      </c>
      <c r="E79356" s="15">
        <v>45527</v>
      </c>
      <c r="F79356" s="14" t="s">
        <v>61</v>
      </c>
      <c r="G79356" s="16">
        <v>0</v>
      </c>
    </row>
    <row r="79357" spans="1:7" x14ac:dyDescent="0.3">
      <c r="A79357" s="13" t="s">
        <v>404</v>
      </c>
      <c r="B79357" s="14" t="s">
        <v>1</v>
      </c>
      <c r="C79357" s="14" t="s">
        <v>47</v>
      </c>
      <c r="D79357" s="14" t="s">
        <v>382</v>
      </c>
      <c r="E79357" s="15">
        <v>45528</v>
      </c>
      <c r="F79357" s="14" t="s">
        <v>61</v>
      </c>
      <c r="G79357" s="16">
        <v>0</v>
      </c>
    </row>
    <row r="79358" spans="1:7" x14ac:dyDescent="0.3">
      <c r="A79358" s="13" t="s">
        <v>404</v>
      </c>
      <c r="B79358" s="14" t="s">
        <v>1</v>
      </c>
      <c r="C79358" s="14" t="s">
        <v>47</v>
      </c>
      <c r="D79358" s="14" t="s">
        <v>382</v>
      </c>
      <c r="E79358" s="15">
        <v>45529</v>
      </c>
      <c r="F79358" s="14" t="s">
        <v>61</v>
      </c>
      <c r="G79358" s="16">
        <v>0</v>
      </c>
    </row>
    <row r="79359" spans="1:7" x14ac:dyDescent="0.3">
      <c r="A79359" s="13" t="s">
        <v>404</v>
      </c>
      <c r="B79359" s="14" t="s">
        <v>1</v>
      </c>
      <c r="C79359" s="14" t="s">
        <v>47</v>
      </c>
      <c r="D79359" s="14" t="s">
        <v>382</v>
      </c>
      <c r="E79359" s="15">
        <v>45530</v>
      </c>
      <c r="F79359" s="14" t="s">
        <v>61</v>
      </c>
      <c r="G79359" s="16">
        <v>0</v>
      </c>
    </row>
    <row r="79360" spans="1:7" x14ac:dyDescent="0.3">
      <c r="A79360" s="13" t="s">
        <v>404</v>
      </c>
      <c r="B79360" s="14" t="s">
        <v>1</v>
      </c>
      <c r="C79360" s="14" t="s">
        <v>47</v>
      </c>
      <c r="D79360" s="14" t="s">
        <v>382</v>
      </c>
      <c r="E79360" s="15">
        <v>45531</v>
      </c>
      <c r="F79360" s="14" t="s">
        <v>61</v>
      </c>
      <c r="G79360" s="16">
        <v>0</v>
      </c>
    </row>
    <row r="79361" spans="1:7" x14ac:dyDescent="0.3">
      <c r="A79361" s="13" t="s">
        <v>404</v>
      </c>
      <c r="B79361" s="14" t="s">
        <v>1</v>
      </c>
      <c r="C79361" s="14" t="s">
        <v>47</v>
      </c>
      <c r="D79361" s="14" t="s">
        <v>382</v>
      </c>
      <c r="E79361" s="15">
        <v>45532</v>
      </c>
      <c r="F79361" s="14" t="s">
        <v>61</v>
      </c>
      <c r="G79361" s="16">
        <v>0</v>
      </c>
    </row>
    <row r="79362" spans="1:7" x14ac:dyDescent="0.3">
      <c r="A79362" s="13" t="s">
        <v>404</v>
      </c>
      <c r="B79362" s="14" t="s">
        <v>1</v>
      </c>
      <c r="C79362" s="14" t="s">
        <v>47</v>
      </c>
      <c r="D79362" s="14" t="s">
        <v>382</v>
      </c>
      <c r="E79362" s="15">
        <v>45533</v>
      </c>
      <c r="F79362" s="14" t="s">
        <v>61</v>
      </c>
      <c r="G79362" s="16">
        <v>0</v>
      </c>
    </row>
    <row r="79363" spans="1:7" x14ac:dyDescent="0.3">
      <c r="A79363" s="13" t="s">
        <v>404</v>
      </c>
      <c r="B79363" s="14" t="s">
        <v>1</v>
      </c>
      <c r="C79363" s="14" t="s">
        <v>47</v>
      </c>
      <c r="D79363" s="14" t="s">
        <v>382</v>
      </c>
      <c r="E79363" s="15">
        <v>45534</v>
      </c>
      <c r="F79363" s="14" t="s">
        <v>61</v>
      </c>
      <c r="G79363" s="16">
        <v>0</v>
      </c>
    </row>
    <row r="79364" spans="1:7" x14ac:dyDescent="0.3">
      <c r="A79364" s="13" t="s">
        <v>404</v>
      </c>
      <c r="B79364" s="14" t="s">
        <v>1</v>
      </c>
      <c r="C79364" s="14" t="s">
        <v>47</v>
      </c>
      <c r="D79364" s="14" t="s">
        <v>382</v>
      </c>
      <c r="E79364" s="15">
        <v>45535</v>
      </c>
      <c r="F79364" s="14" t="s">
        <v>61</v>
      </c>
      <c r="G79364" s="16">
        <v>0</v>
      </c>
    </row>
    <row r="79365" spans="1:7" x14ac:dyDescent="0.3">
      <c r="A79365" s="13" t="s">
        <v>404</v>
      </c>
      <c r="B79365" s="14" t="s">
        <v>1</v>
      </c>
      <c r="C79365" s="14" t="s">
        <v>47</v>
      </c>
      <c r="D79365" s="14" t="s">
        <v>382</v>
      </c>
      <c r="E79365" s="15">
        <v>45536</v>
      </c>
      <c r="F79365" s="14" t="s">
        <v>61</v>
      </c>
      <c r="G79365" s="16">
        <v>0</v>
      </c>
    </row>
    <row r="79366" spans="1:7" x14ac:dyDescent="0.3">
      <c r="A79366" s="13" t="s">
        <v>404</v>
      </c>
      <c r="B79366" s="14" t="s">
        <v>1</v>
      </c>
      <c r="C79366" s="14" t="s">
        <v>47</v>
      </c>
      <c r="D79366" s="14" t="s">
        <v>382</v>
      </c>
      <c r="E79366" s="15">
        <v>45537</v>
      </c>
      <c r="F79366" s="14" t="s">
        <v>61</v>
      </c>
      <c r="G79366" s="16">
        <v>0</v>
      </c>
    </row>
    <row r="79367" spans="1:7" x14ac:dyDescent="0.3">
      <c r="A79367" s="13" t="s">
        <v>404</v>
      </c>
      <c r="B79367" s="14" t="s">
        <v>1</v>
      </c>
      <c r="C79367" s="14" t="s">
        <v>47</v>
      </c>
      <c r="D79367" s="14" t="s">
        <v>382</v>
      </c>
      <c r="E79367" s="15">
        <v>45538</v>
      </c>
      <c r="F79367" s="14" t="s">
        <v>61</v>
      </c>
      <c r="G79367" s="16">
        <v>0</v>
      </c>
    </row>
    <row r="79368" spans="1:7" x14ac:dyDescent="0.3">
      <c r="A79368" s="13" t="s">
        <v>404</v>
      </c>
      <c r="B79368" s="14" t="s">
        <v>1</v>
      </c>
      <c r="C79368" s="14" t="s">
        <v>47</v>
      </c>
      <c r="D79368" s="14" t="s">
        <v>382</v>
      </c>
      <c r="E79368" s="15">
        <v>45539</v>
      </c>
      <c r="F79368" s="14" t="s">
        <v>61</v>
      </c>
      <c r="G79368" s="16">
        <v>0</v>
      </c>
    </row>
    <row r="79369" spans="1:7" x14ac:dyDescent="0.3">
      <c r="A79369" s="13" t="s">
        <v>404</v>
      </c>
      <c r="B79369" s="14" t="s">
        <v>1</v>
      </c>
      <c r="C79369" s="14" t="s">
        <v>47</v>
      </c>
      <c r="D79369" s="14" t="s">
        <v>382</v>
      </c>
      <c r="E79369" s="15">
        <v>45540</v>
      </c>
      <c r="F79369" s="14" t="s">
        <v>61</v>
      </c>
      <c r="G79369" s="16">
        <v>0</v>
      </c>
    </row>
    <row r="79370" spans="1:7" x14ac:dyDescent="0.3">
      <c r="A79370" s="13" t="s">
        <v>404</v>
      </c>
      <c r="B79370" s="14" t="s">
        <v>1</v>
      </c>
      <c r="C79370" s="14" t="s">
        <v>47</v>
      </c>
      <c r="D79370" s="14" t="s">
        <v>382</v>
      </c>
      <c r="E79370" s="15">
        <v>45541</v>
      </c>
      <c r="F79370" s="14" t="s">
        <v>61</v>
      </c>
      <c r="G79370" s="16">
        <v>0</v>
      </c>
    </row>
    <row r="79371" spans="1:7" x14ac:dyDescent="0.3">
      <c r="A79371" s="13" t="s">
        <v>404</v>
      </c>
      <c r="B79371" s="14" t="s">
        <v>1</v>
      </c>
      <c r="C79371" s="14" t="s">
        <v>47</v>
      </c>
      <c r="D79371" s="14" t="s">
        <v>382</v>
      </c>
      <c r="E79371" s="15">
        <v>45542</v>
      </c>
      <c r="F79371" s="14" t="s">
        <v>61</v>
      </c>
      <c r="G79371" s="16">
        <v>0</v>
      </c>
    </row>
    <row r="79372" spans="1:7" x14ac:dyDescent="0.3">
      <c r="A79372" s="13" t="s">
        <v>404</v>
      </c>
      <c r="B79372" s="14" t="s">
        <v>1</v>
      </c>
      <c r="C79372" s="14" t="s">
        <v>47</v>
      </c>
      <c r="D79372" s="14" t="s">
        <v>382</v>
      </c>
      <c r="E79372" s="15">
        <v>45543</v>
      </c>
      <c r="F79372" s="14" t="s">
        <v>61</v>
      </c>
      <c r="G79372" s="16">
        <v>0</v>
      </c>
    </row>
    <row r="79373" spans="1:7" x14ac:dyDescent="0.3">
      <c r="A79373" s="13" t="s">
        <v>404</v>
      </c>
      <c r="B79373" s="14" t="s">
        <v>1</v>
      </c>
      <c r="C79373" s="14" t="s">
        <v>47</v>
      </c>
      <c r="D79373" s="14" t="s">
        <v>382</v>
      </c>
      <c r="E79373" s="15">
        <v>45544</v>
      </c>
      <c r="F79373" s="14" t="s">
        <v>61</v>
      </c>
      <c r="G79373" s="16">
        <v>0</v>
      </c>
    </row>
    <row r="79374" spans="1:7" x14ac:dyDescent="0.3">
      <c r="A79374" s="13" t="s">
        <v>404</v>
      </c>
      <c r="B79374" s="14" t="s">
        <v>1</v>
      </c>
      <c r="C79374" s="14" t="s">
        <v>47</v>
      </c>
      <c r="D79374" s="14" t="s">
        <v>382</v>
      </c>
      <c r="E79374" s="15">
        <v>45545</v>
      </c>
      <c r="F79374" s="14" t="s">
        <v>61</v>
      </c>
      <c r="G79374" s="16">
        <v>0</v>
      </c>
    </row>
    <row r="79375" spans="1:7" x14ac:dyDescent="0.3">
      <c r="A79375" s="13" t="s">
        <v>404</v>
      </c>
      <c r="B79375" s="14" t="s">
        <v>1</v>
      </c>
      <c r="C79375" s="14" t="s">
        <v>47</v>
      </c>
      <c r="D79375" s="14" t="s">
        <v>382</v>
      </c>
      <c r="E79375" s="15">
        <v>45546</v>
      </c>
      <c r="F79375" s="14" t="s">
        <v>61</v>
      </c>
      <c r="G79375" s="16">
        <v>0</v>
      </c>
    </row>
    <row r="79376" spans="1:7" x14ac:dyDescent="0.3">
      <c r="A79376" s="13" t="s">
        <v>404</v>
      </c>
      <c r="B79376" s="14" t="s">
        <v>1</v>
      </c>
      <c r="C79376" s="14" t="s">
        <v>47</v>
      </c>
      <c r="D79376" s="14" t="s">
        <v>382</v>
      </c>
      <c r="E79376" s="15">
        <v>45547</v>
      </c>
      <c r="F79376" s="14" t="s">
        <v>61</v>
      </c>
      <c r="G79376" s="16">
        <v>0</v>
      </c>
    </row>
    <row r="79377" spans="1:7" x14ac:dyDescent="0.3">
      <c r="A79377" s="13" t="s">
        <v>404</v>
      </c>
      <c r="B79377" s="14" t="s">
        <v>1</v>
      </c>
      <c r="C79377" s="14" t="s">
        <v>47</v>
      </c>
      <c r="D79377" s="14" t="s">
        <v>382</v>
      </c>
      <c r="E79377" s="15">
        <v>45548</v>
      </c>
      <c r="F79377" s="14" t="s">
        <v>61</v>
      </c>
      <c r="G79377" s="16">
        <v>0</v>
      </c>
    </row>
    <row r="79378" spans="1:7" x14ac:dyDescent="0.3">
      <c r="A79378" s="13" t="s">
        <v>404</v>
      </c>
      <c r="B79378" s="14" t="s">
        <v>1</v>
      </c>
      <c r="C79378" s="14" t="s">
        <v>47</v>
      </c>
      <c r="D79378" s="14" t="s">
        <v>382</v>
      </c>
      <c r="E79378" s="15">
        <v>45549</v>
      </c>
      <c r="F79378" s="14" t="s">
        <v>61</v>
      </c>
      <c r="G79378" s="16">
        <v>0</v>
      </c>
    </row>
    <row r="79379" spans="1:7" x14ac:dyDescent="0.3">
      <c r="A79379" s="13" t="s">
        <v>404</v>
      </c>
      <c r="B79379" s="14" t="s">
        <v>1</v>
      </c>
      <c r="C79379" s="14" t="s">
        <v>47</v>
      </c>
      <c r="D79379" s="14" t="s">
        <v>382</v>
      </c>
      <c r="E79379" s="15">
        <v>45550</v>
      </c>
      <c r="F79379" s="14" t="s">
        <v>61</v>
      </c>
      <c r="G79379" s="16">
        <v>0</v>
      </c>
    </row>
    <row r="79380" spans="1:7" x14ac:dyDescent="0.3">
      <c r="A79380" s="13" t="s">
        <v>404</v>
      </c>
      <c r="B79380" s="14" t="s">
        <v>1</v>
      </c>
      <c r="C79380" s="14" t="s">
        <v>47</v>
      </c>
      <c r="D79380" s="14" t="s">
        <v>382</v>
      </c>
      <c r="E79380" s="15">
        <v>45551</v>
      </c>
      <c r="F79380" s="14" t="s">
        <v>61</v>
      </c>
      <c r="G79380" s="16">
        <v>0</v>
      </c>
    </row>
    <row r="79381" spans="1:7" x14ac:dyDescent="0.3">
      <c r="A79381" s="13" t="s">
        <v>404</v>
      </c>
      <c r="B79381" s="14" t="s">
        <v>1</v>
      </c>
      <c r="C79381" s="14" t="s">
        <v>47</v>
      </c>
      <c r="D79381" s="14" t="s">
        <v>382</v>
      </c>
      <c r="E79381" s="15">
        <v>45552</v>
      </c>
      <c r="F79381" s="14" t="s">
        <v>61</v>
      </c>
      <c r="G79381" s="16">
        <v>0</v>
      </c>
    </row>
    <row r="79382" spans="1:7" x14ac:dyDescent="0.3">
      <c r="A79382" s="13" t="s">
        <v>404</v>
      </c>
      <c r="B79382" s="14" t="s">
        <v>1</v>
      </c>
      <c r="C79382" s="14" t="s">
        <v>47</v>
      </c>
      <c r="D79382" s="14" t="s">
        <v>382</v>
      </c>
      <c r="E79382" s="15">
        <v>45553</v>
      </c>
      <c r="F79382" s="14" t="s">
        <v>61</v>
      </c>
      <c r="G79382" s="16">
        <v>0</v>
      </c>
    </row>
    <row r="79383" spans="1:7" x14ac:dyDescent="0.3">
      <c r="A79383" s="13" t="s">
        <v>404</v>
      </c>
      <c r="B79383" s="14" t="s">
        <v>1</v>
      </c>
      <c r="C79383" s="14" t="s">
        <v>47</v>
      </c>
      <c r="D79383" s="14" t="s">
        <v>382</v>
      </c>
      <c r="E79383" s="15">
        <v>45554</v>
      </c>
      <c r="F79383" s="14" t="s">
        <v>61</v>
      </c>
      <c r="G79383" s="16">
        <v>0</v>
      </c>
    </row>
    <row r="79384" spans="1:7" x14ac:dyDescent="0.3">
      <c r="A79384" s="13" t="s">
        <v>404</v>
      </c>
      <c r="B79384" s="14" t="s">
        <v>1</v>
      </c>
      <c r="C79384" s="14" t="s">
        <v>47</v>
      </c>
      <c r="D79384" s="14" t="s">
        <v>382</v>
      </c>
      <c r="E79384" s="15">
        <v>45555</v>
      </c>
      <c r="F79384" s="14" t="s">
        <v>61</v>
      </c>
      <c r="G79384" s="16">
        <v>0</v>
      </c>
    </row>
    <row r="79385" spans="1:7" x14ac:dyDescent="0.3">
      <c r="A79385" s="13" t="s">
        <v>404</v>
      </c>
      <c r="B79385" s="14" t="s">
        <v>1</v>
      </c>
      <c r="C79385" s="14" t="s">
        <v>47</v>
      </c>
      <c r="D79385" s="14" t="s">
        <v>382</v>
      </c>
      <c r="E79385" s="15">
        <v>45556</v>
      </c>
      <c r="F79385" s="14" t="s">
        <v>61</v>
      </c>
      <c r="G79385" s="16">
        <v>0</v>
      </c>
    </row>
    <row r="79386" spans="1:7" x14ac:dyDescent="0.3">
      <c r="A79386" s="13" t="s">
        <v>404</v>
      </c>
      <c r="B79386" s="14" t="s">
        <v>1</v>
      </c>
      <c r="C79386" s="14" t="s">
        <v>47</v>
      </c>
      <c r="D79386" s="14" t="s">
        <v>382</v>
      </c>
      <c r="E79386" s="15">
        <v>45557</v>
      </c>
      <c r="F79386" s="14" t="s">
        <v>61</v>
      </c>
      <c r="G79386" s="16">
        <v>0</v>
      </c>
    </row>
    <row r="79387" spans="1:7" x14ac:dyDescent="0.3">
      <c r="A79387" s="13" t="s">
        <v>404</v>
      </c>
      <c r="B79387" s="14" t="s">
        <v>1</v>
      </c>
      <c r="C79387" s="14" t="s">
        <v>47</v>
      </c>
      <c r="D79387" s="14" t="s">
        <v>382</v>
      </c>
      <c r="E79387" s="15">
        <v>45558</v>
      </c>
      <c r="F79387" s="14" t="s">
        <v>61</v>
      </c>
      <c r="G79387" s="16">
        <v>0</v>
      </c>
    </row>
    <row r="79388" spans="1:7" x14ac:dyDescent="0.3">
      <c r="A79388" s="13" t="s">
        <v>404</v>
      </c>
      <c r="B79388" s="14" t="s">
        <v>1</v>
      </c>
      <c r="C79388" s="14" t="s">
        <v>47</v>
      </c>
      <c r="D79388" s="14" t="s">
        <v>382</v>
      </c>
      <c r="E79388" s="15">
        <v>45559</v>
      </c>
      <c r="F79388" s="14" t="s">
        <v>61</v>
      </c>
      <c r="G79388" s="16">
        <v>0</v>
      </c>
    </row>
    <row r="79389" spans="1:7" x14ac:dyDescent="0.3">
      <c r="A79389" s="13" t="s">
        <v>404</v>
      </c>
      <c r="B79389" s="14" t="s">
        <v>1</v>
      </c>
      <c r="C79389" s="14" t="s">
        <v>47</v>
      </c>
      <c r="D79389" s="14" t="s">
        <v>382</v>
      </c>
      <c r="E79389" s="15">
        <v>45560</v>
      </c>
      <c r="F79389" s="14" t="s">
        <v>61</v>
      </c>
      <c r="G79389" s="16">
        <v>0</v>
      </c>
    </row>
    <row r="79390" spans="1:7" x14ac:dyDescent="0.3">
      <c r="A79390" s="13" t="s">
        <v>404</v>
      </c>
      <c r="B79390" s="14" t="s">
        <v>1</v>
      </c>
      <c r="C79390" s="14" t="s">
        <v>47</v>
      </c>
      <c r="D79390" s="14" t="s">
        <v>382</v>
      </c>
      <c r="E79390" s="15">
        <v>45561</v>
      </c>
      <c r="F79390" s="14" t="s">
        <v>61</v>
      </c>
      <c r="G79390" s="16">
        <v>0</v>
      </c>
    </row>
    <row r="79391" spans="1:7" x14ac:dyDescent="0.3">
      <c r="A79391" s="13" t="s">
        <v>404</v>
      </c>
      <c r="B79391" s="14" t="s">
        <v>1</v>
      </c>
      <c r="C79391" s="14" t="s">
        <v>47</v>
      </c>
      <c r="D79391" s="14" t="s">
        <v>382</v>
      </c>
      <c r="E79391" s="15">
        <v>45562</v>
      </c>
      <c r="F79391" s="14" t="s">
        <v>61</v>
      </c>
      <c r="G79391" s="16">
        <v>0</v>
      </c>
    </row>
    <row r="79392" spans="1:7" x14ac:dyDescent="0.3">
      <c r="A79392" s="13" t="s">
        <v>404</v>
      </c>
      <c r="B79392" s="14" t="s">
        <v>1</v>
      </c>
      <c r="C79392" s="14" t="s">
        <v>47</v>
      </c>
      <c r="D79392" s="14" t="s">
        <v>382</v>
      </c>
      <c r="E79392" s="15">
        <v>45563</v>
      </c>
      <c r="F79392" s="14" t="s">
        <v>61</v>
      </c>
      <c r="G79392" s="16">
        <v>0</v>
      </c>
    </row>
    <row r="79393" spans="1:7" x14ac:dyDescent="0.3">
      <c r="A79393" s="13" t="s">
        <v>404</v>
      </c>
      <c r="B79393" s="14" t="s">
        <v>1</v>
      </c>
      <c r="C79393" s="14" t="s">
        <v>47</v>
      </c>
      <c r="D79393" s="14" t="s">
        <v>382</v>
      </c>
      <c r="E79393" s="15">
        <v>45564</v>
      </c>
      <c r="F79393" s="14" t="s">
        <v>61</v>
      </c>
      <c r="G79393" s="16">
        <v>0</v>
      </c>
    </row>
    <row r="79394" spans="1:7" x14ac:dyDescent="0.3">
      <c r="A79394" s="13" t="s">
        <v>404</v>
      </c>
      <c r="B79394" s="14" t="s">
        <v>1</v>
      </c>
      <c r="C79394" s="14" t="s">
        <v>47</v>
      </c>
      <c r="D79394" s="14" t="s">
        <v>382</v>
      </c>
      <c r="E79394" s="15">
        <v>45565</v>
      </c>
      <c r="F79394" s="14" t="s">
        <v>61</v>
      </c>
      <c r="G79394" s="16">
        <v>0</v>
      </c>
    </row>
    <row r="79395" spans="1:7" x14ac:dyDescent="0.3">
      <c r="A79395" s="13" t="s">
        <v>404</v>
      </c>
      <c r="B79395" s="14" t="s">
        <v>1</v>
      </c>
      <c r="C79395" s="14" t="s">
        <v>47</v>
      </c>
      <c r="D79395" s="14" t="s">
        <v>382</v>
      </c>
      <c r="E79395" s="15">
        <v>45566</v>
      </c>
      <c r="F79395" s="14" t="s">
        <v>61</v>
      </c>
      <c r="G79395" s="16">
        <v>0</v>
      </c>
    </row>
    <row r="79396" spans="1:7" x14ac:dyDescent="0.3">
      <c r="A79396" s="13" t="s">
        <v>404</v>
      </c>
      <c r="B79396" s="14" t="s">
        <v>1</v>
      </c>
      <c r="C79396" s="14" t="s">
        <v>47</v>
      </c>
      <c r="D79396" s="14" t="s">
        <v>382</v>
      </c>
      <c r="E79396" s="15">
        <v>45567</v>
      </c>
      <c r="F79396" s="14" t="s">
        <v>61</v>
      </c>
      <c r="G79396" s="16">
        <v>0</v>
      </c>
    </row>
    <row r="79397" spans="1:7" x14ac:dyDescent="0.3">
      <c r="A79397" s="13" t="s">
        <v>404</v>
      </c>
      <c r="B79397" s="14" t="s">
        <v>1</v>
      </c>
      <c r="C79397" s="14" t="s">
        <v>47</v>
      </c>
      <c r="D79397" s="14" t="s">
        <v>382</v>
      </c>
      <c r="E79397" s="15">
        <v>45568</v>
      </c>
      <c r="F79397" s="14" t="s">
        <v>61</v>
      </c>
      <c r="G79397" s="16">
        <v>0</v>
      </c>
    </row>
    <row r="79398" spans="1:7" x14ac:dyDescent="0.3">
      <c r="A79398" s="13" t="s">
        <v>404</v>
      </c>
      <c r="B79398" s="14" t="s">
        <v>1</v>
      </c>
      <c r="C79398" s="14" t="s">
        <v>47</v>
      </c>
      <c r="D79398" s="14" t="s">
        <v>382</v>
      </c>
      <c r="E79398" s="15">
        <v>45569</v>
      </c>
      <c r="F79398" s="14" t="s">
        <v>61</v>
      </c>
      <c r="G79398" s="16">
        <v>0</v>
      </c>
    </row>
    <row r="79399" spans="1:7" x14ac:dyDescent="0.3">
      <c r="A79399" s="13" t="s">
        <v>404</v>
      </c>
      <c r="B79399" s="14" t="s">
        <v>1</v>
      </c>
      <c r="C79399" s="14" t="s">
        <v>47</v>
      </c>
      <c r="D79399" s="14" t="s">
        <v>382</v>
      </c>
      <c r="E79399" s="15">
        <v>45570</v>
      </c>
      <c r="F79399" s="14" t="s">
        <v>61</v>
      </c>
      <c r="G79399" s="16">
        <v>0</v>
      </c>
    </row>
    <row r="79400" spans="1:7" x14ac:dyDescent="0.3">
      <c r="A79400" s="13" t="s">
        <v>404</v>
      </c>
      <c r="B79400" s="14" t="s">
        <v>1</v>
      </c>
      <c r="C79400" s="14" t="s">
        <v>47</v>
      </c>
      <c r="D79400" s="14" t="s">
        <v>382</v>
      </c>
      <c r="E79400" s="15">
        <v>45571</v>
      </c>
      <c r="F79400" s="14" t="s">
        <v>61</v>
      </c>
      <c r="G79400" s="16">
        <v>0</v>
      </c>
    </row>
    <row r="79401" spans="1:7" x14ac:dyDescent="0.3">
      <c r="A79401" s="13" t="s">
        <v>404</v>
      </c>
      <c r="B79401" s="14" t="s">
        <v>1</v>
      </c>
      <c r="C79401" s="14" t="s">
        <v>47</v>
      </c>
      <c r="D79401" s="14" t="s">
        <v>382</v>
      </c>
      <c r="E79401" s="15">
        <v>45572</v>
      </c>
      <c r="F79401" s="14" t="s">
        <v>61</v>
      </c>
      <c r="G79401" s="16">
        <v>0</v>
      </c>
    </row>
    <row r="79402" spans="1:7" x14ac:dyDescent="0.3">
      <c r="A79402" s="13" t="s">
        <v>404</v>
      </c>
      <c r="B79402" s="14" t="s">
        <v>1</v>
      </c>
      <c r="C79402" s="14" t="s">
        <v>47</v>
      </c>
      <c r="D79402" s="14" t="s">
        <v>382</v>
      </c>
      <c r="E79402" s="15">
        <v>45573</v>
      </c>
      <c r="F79402" s="14" t="s">
        <v>61</v>
      </c>
      <c r="G79402" s="16">
        <v>0</v>
      </c>
    </row>
    <row r="79403" spans="1:7" x14ac:dyDescent="0.3">
      <c r="A79403" s="13" t="s">
        <v>404</v>
      </c>
      <c r="B79403" s="14" t="s">
        <v>1</v>
      </c>
      <c r="C79403" s="14" t="s">
        <v>47</v>
      </c>
      <c r="D79403" s="14" t="s">
        <v>382</v>
      </c>
      <c r="E79403" s="15">
        <v>45574</v>
      </c>
      <c r="F79403" s="14" t="s">
        <v>61</v>
      </c>
      <c r="G79403" s="16">
        <v>0</v>
      </c>
    </row>
    <row r="79404" spans="1:7" x14ac:dyDescent="0.3">
      <c r="A79404" s="13" t="s">
        <v>404</v>
      </c>
      <c r="B79404" s="14" t="s">
        <v>1</v>
      </c>
      <c r="C79404" s="14" t="s">
        <v>47</v>
      </c>
      <c r="D79404" s="14" t="s">
        <v>382</v>
      </c>
      <c r="E79404" s="15">
        <v>45575</v>
      </c>
      <c r="F79404" s="14" t="s">
        <v>61</v>
      </c>
      <c r="G79404" s="16">
        <v>0</v>
      </c>
    </row>
    <row r="79405" spans="1:7" x14ac:dyDescent="0.3">
      <c r="A79405" s="13" t="s">
        <v>404</v>
      </c>
      <c r="B79405" s="14" t="s">
        <v>1</v>
      </c>
      <c r="C79405" s="14" t="s">
        <v>47</v>
      </c>
      <c r="D79405" s="14" t="s">
        <v>382</v>
      </c>
      <c r="E79405" s="15">
        <v>45576</v>
      </c>
      <c r="F79405" s="14" t="s">
        <v>61</v>
      </c>
      <c r="G79405" s="16">
        <v>0</v>
      </c>
    </row>
    <row r="79406" spans="1:7" x14ac:dyDescent="0.3">
      <c r="A79406" s="13" t="s">
        <v>404</v>
      </c>
      <c r="B79406" s="14" t="s">
        <v>1</v>
      </c>
      <c r="C79406" s="14" t="s">
        <v>47</v>
      </c>
      <c r="D79406" s="14" t="s">
        <v>382</v>
      </c>
      <c r="E79406" s="15">
        <v>45577</v>
      </c>
      <c r="F79406" s="14" t="s">
        <v>61</v>
      </c>
      <c r="G79406" s="16">
        <v>0</v>
      </c>
    </row>
    <row r="79407" spans="1:7" x14ac:dyDescent="0.3">
      <c r="A79407" s="13" t="s">
        <v>404</v>
      </c>
      <c r="B79407" s="14" t="s">
        <v>1</v>
      </c>
      <c r="C79407" s="14" t="s">
        <v>47</v>
      </c>
      <c r="D79407" s="14" t="s">
        <v>382</v>
      </c>
      <c r="E79407" s="15">
        <v>45578</v>
      </c>
      <c r="F79407" s="14" t="s">
        <v>61</v>
      </c>
      <c r="G79407" s="16">
        <v>0</v>
      </c>
    </row>
    <row r="79408" spans="1:7" x14ac:dyDescent="0.3">
      <c r="A79408" s="13" t="s">
        <v>404</v>
      </c>
      <c r="B79408" s="14" t="s">
        <v>1</v>
      </c>
      <c r="C79408" s="14" t="s">
        <v>47</v>
      </c>
      <c r="D79408" s="14" t="s">
        <v>382</v>
      </c>
      <c r="E79408" s="15">
        <v>45579</v>
      </c>
      <c r="F79408" s="14" t="s">
        <v>61</v>
      </c>
      <c r="G79408" s="16">
        <v>0</v>
      </c>
    </row>
    <row r="79409" spans="1:7" x14ac:dyDescent="0.3">
      <c r="A79409" s="13" t="s">
        <v>404</v>
      </c>
      <c r="B79409" s="14" t="s">
        <v>1</v>
      </c>
      <c r="C79409" s="14" t="s">
        <v>47</v>
      </c>
      <c r="D79409" s="14" t="s">
        <v>382</v>
      </c>
      <c r="E79409" s="15">
        <v>45580</v>
      </c>
      <c r="F79409" s="14" t="s">
        <v>61</v>
      </c>
      <c r="G79409" s="16">
        <v>0</v>
      </c>
    </row>
    <row r="79410" spans="1:7" x14ac:dyDescent="0.3">
      <c r="A79410" s="13" t="s">
        <v>404</v>
      </c>
      <c r="B79410" s="14" t="s">
        <v>1</v>
      </c>
      <c r="C79410" s="14" t="s">
        <v>47</v>
      </c>
      <c r="D79410" s="14" t="s">
        <v>382</v>
      </c>
      <c r="E79410" s="15">
        <v>45581</v>
      </c>
      <c r="F79410" s="14" t="s">
        <v>61</v>
      </c>
      <c r="G79410" s="16">
        <v>0</v>
      </c>
    </row>
    <row r="79411" spans="1:7" x14ac:dyDescent="0.3">
      <c r="A79411" s="13" t="s">
        <v>404</v>
      </c>
      <c r="B79411" s="14" t="s">
        <v>1</v>
      </c>
      <c r="C79411" s="14" t="s">
        <v>47</v>
      </c>
      <c r="D79411" s="14" t="s">
        <v>382</v>
      </c>
      <c r="E79411" s="15">
        <v>45582</v>
      </c>
      <c r="F79411" s="14" t="s">
        <v>61</v>
      </c>
      <c r="G79411" s="16">
        <v>0</v>
      </c>
    </row>
    <row r="79412" spans="1:7" x14ac:dyDescent="0.3">
      <c r="A79412" s="13" t="s">
        <v>404</v>
      </c>
      <c r="B79412" s="14" t="s">
        <v>1</v>
      </c>
      <c r="C79412" s="14" t="s">
        <v>47</v>
      </c>
      <c r="D79412" s="14" t="s">
        <v>382</v>
      </c>
      <c r="E79412" s="15">
        <v>45583</v>
      </c>
      <c r="F79412" s="14" t="s">
        <v>61</v>
      </c>
      <c r="G79412" s="16">
        <v>0</v>
      </c>
    </row>
    <row r="79413" spans="1:7" x14ac:dyDescent="0.3">
      <c r="A79413" s="13" t="s">
        <v>404</v>
      </c>
      <c r="B79413" s="14" t="s">
        <v>1</v>
      </c>
      <c r="C79413" s="14" t="s">
        <v>47</v>
      </c>
      <c r="D79413" s="14" t="s">
        <v>382</v>
      </c>
      <c r="E79413" s="15">
        <v>45584</v>
      </c>
      <c r="F79413" s="14" t="s">
        <v>61</v>
      </c>
      <c r="G79413" s="16">
        <v>0</v>
      </c>
    </row>
    <row r="79414" spans="1:7" x14ac:dyDescent="0.3">
      <c r="A79414" s="13" t="s">
        <v>404</v>
      </c>
      <c r="B79414" s="14" t="s">
        <v>1</v>
      </c>
      <c r="C79414" s="14" t="s">
        <v>47</v>
      </c>
      <c r="D79414" s="14" t="s">
        <v>382</v>
      </c>
      <c r="E79414" s="15">
        <v>45585</v>
      </c>
      <c r="F79414" s="14" t="s">
        <v>61</v>
      </c>
      <c r="G79414" s="16">
        <v>0</v>
      </c>
    </row>
    <row r="79415" spans="1:7" x14ac:dyDescent="0.3">
      <c r="A79415" s="13" t="s">
        <v>404</v>
      </c>
      <c r="B79415" s="14" t="s">
        <v>1</v>
      </c>
      <c r="C79415" s="14" t="s">
        <v>47</v>
      </c>
      <c r="D79415" s="14" t="s">
        <v>382</v>
      </c>
      <c r="E79415" s="15">
        <v>45586</v>
      </c>
      <c r="F79415" s="14" t="s">
        <v>61</v>
      </c>
      <c r="G79415" s="16">
        <v>0</v>
      </c>
    </row>
    <row r="79416" spans="1:7" x14ac:dyDescent="0.3">
      <c r="A79416" s="13" t="s">
        <v>404</v>
      </c>
      <c r="B79416" s="14" t="s">
        <v>1</v>
      </c>
      <c r="C79416" s="14" t="s">
        <v>47</v>
      </c>
      <c r="D79416" s="14" t="s">
        <v>382</v>
      </c>
      <c r="E79416" s="15">
        <v>45587</v>
      </c>
      <c r="F79416" s="14" t="s">
        <v>61</v>
      </c>
      <c r="G79416" s="16">
        <v>0</v>
      </c>
    </row>
    <row r="79417" spans="1:7" x14ac:dyDescent="0.3">
      <c r="A79417" s="13" t="s">
        <v>404</v>
      </c>
      <c r="B79417" s="14" t="s">
        <v>1</v>
      </c>
      <c r="C79417" s="14" t="s">
        <v>47</v>
      </c>
      <c r="D79417" s="14" t="s">
        <v>382</v>
      </c>
      <c r="E79417" s="15">
        <v>45588</v>
      </c>
      <c r="F79417" s="14" t="s">
        <v>61</v>
      </c>
      <c r="G79417" s="16">
        <v>0</v>
      </c>
    </row>
    <row r="79418" spans="1:7" x14ac:dyDescent="0.3">
      <c r="A79418" s="13" t="s">
        <v>404</v>
      </c>
      <c r="B79418" s="14" t="s">
        <v>1</v>
      </c>
      <c r="C79418" s="14" t="s">
        <v>47</v>
      </c>
      <c r="D79418" s="14" t="s">
        <v>382</v>
      </c>
      <c r="E79418" s="15">
        <v>45589</v>
      </c>
      <c r="F79418" s="14" t="s">
        <v>61</v>
      </c>
      <c r="G79418" s="16">
        <v>0</v>
      </c>
    </row>
    <row r="79419" spans="1:7" x14ac:dyDescent="0.3">
      <c r="A79419" s="13" t="s">
        <v>404</v>
      </c>
      <c r="B79419" s="14" t="s">
        <v>1</v>
      </c>
      <c r="C79419" s="14" t="s">
        <v>47</v>
      </c>
      <c r="D79419" s="14" t="s">
        <v>382</v>
      </c>
      <c r="E79419" s="15">
        <v>45590</v>
      </c>
      <c r="F79419" s="14" t="s">
        <v>61</v>
      </c>
      <c r="G79419" s="16">
        <v>0</v>
      </c>
    </row>
    <row r="79420" spans="1:7" x14ac:dyDescent="0.3">
      <c r="A79420" s="13" t="s">
        <v>404</v>
      </c>
      <c r="B79420" s="14" t="s">
        <v>1</v>
      </c>
      <c r="C79420" s="14" t="s">
        <v>47</v>
      </c>
      <c r="D79420" s="14" t="s">
        <v>382</v>
      </c>
      <c r="E79420" s="15">
        <v>45591</v>
      </c>
      <c r="F79420" s="14" t="s">
        <v>61</v>
      </c>
      <c r="G79420" s="16">
        <v>0</v>
      </c>
    </row>
    <row r="79421" spans="1:7" x14ac:dyDescent="0.3">
      <c r="A79421" s="13" t="s">
        <v>404</v>
      </c>
      <c r="B79421" s="14" t="s">
        <v>1</v>
      </c>
      <c r="C79421" s="14" t="s">
        <v>47</v>
      </c>
      <c r="D79421" s="14" t="s">
        <v>382</v>
      </c>
      <c r="E79421" s="15">
        <v>45592</v>
      </c>
      <c r="F79421" s="14" t="s">
        <v>61</v>
      </c>
      <c r="G79421" s="16">
        <v>0</v>
      </c>
    </row>
    <row r="79422" spans="1:7" x14ac:dyDescent="0.3">
      <c r="A79422" s="13" t="s">
        <v>404</v>
      </c>
      <c r="B79422" s="14" t="s">
        <v>1</v>
      </c>
      <c r="C79422" s="14" t="s">
        <v>47</v>
      </c>
      <c r="D79422" s="14" t="s">
        <v>382</v>
      </c>
      <c r="E79422" s="15">
        <v>45593</v>
      </c>
      <c r="F79422" s="14" t="s">
        <v>61</v>
      </c>
      <c r="G79422" s="16">
        <v>0</v>
      </c>
    </row>
    <row r="79423" spans="1:7" x14ac:dyDescent="0.3">
      <c r="A79423" s="13" t="s">
        <v>404</v>
      </c>
      <c r="B79423" s="14" t="s">
        <v>1</v>
      </c>
      <c r="C79423" s="14" t="s">
        <v>47</v>
      </c>
      <c r="D79423" s="14" t="s">
        <v>382</v>
      </c>
      <c r="E79423" s="15">
        <v>45594</v>
      </c>
      <c r="F79423" s="14" t="s">
        <v>61</v>
      </c>
      <c r="G79423" s="16">
        <v>0</v>
      </c>
    </row>
    <row r="79424" spans="1:7" x14ac:dyDescent="0.3">
      <c r="A79424" s="13" t="s">
        <v>404</v>
      </c>
      <c r="B79424" s="14" t="s">
        <v>1</v>
      </c>
      <c r="C79424" s="14" t="s">
        <v>47</v>
      </c>
      <c r="D79424" s="14" t="s">
        <v>382</v>
      </c>
      <c r="E79424" s="15">
        <v>45595</v>
      </c>
      <c r="F79424" s="14" t="s">
        <v>61</v>
      </c>
      <c r="G79424" s="16">
        <v>0</v>
      </c>
    </row>
    <row r="79425" spans="1:7" x14ac:dyDescent="0.3">
      <c r="A79425" s="13" t="s">
        <v>404</v>
      </c>
      <c r="B79425" s="14" t="s">
        <v>1</v>
      </c>
      <c r="C79425" s="14" t="s">
        <v>47</v>
      </c>
      <c r="D79425" s="14" t="s">
        <v>382</v>
      </c>
      <c r="E79425" s="15">
        <v>45596</v>
      </c>
      <c r="F79425" s="14" t="s">
        <v>61</v>
      </c>
      <c r="G79425" s="16">
        <v>0</v>
      </c>
    </row>
    <row r="79426" spans="1:7" x14ac:dyDescent="0.3">
      <c r="A79426" s="13" t="s">
        <v>404</v>
      </c>
      <c r="B79426" s="14" t="s">
        <v>1</v>
      </c>
      <c r="C79426" s="14" t="s">
        <v>47</v>
      </c>
      <c r="D79426" s="14" t="s">
        <v>382</v>
      </c>
      <c r="E79426" s="15">
        <v>45597</v>
      </c>
      <c r="F79426" s="14" t="s">
        <v>61</v>
      </c>
      <c r="G79426" s="16">
        <v>0</v>
      </c>
    </row>
    <row r="79427" spans="1:7" x14ac:dyDescent="0.3">
      <c r="A79427" s="13" t="s">
        <v>404</v>
      </c>
      <c r="B79427" s="14" t="s">
        <v>1</v>
      </c>
      <c r="C79427" s="14" t="s">
        <v>47</v>
      </c>
      <c r="D79427" s="14" t="s">
        <v>382</v>
      </c>
      <c r="E79427" s="15">
        <v>45598</v>
      </c>
      <c r="F79427" s="14" t="s">
        <v>61</v>
      </c>
      <c r="G79427" s="16">
        <v>0</v>
      </c>
    </row>
    <row r="79428" spans="1:7" x14ac:dyDescent="0.3">
      <c r="A79428" s="13" t="s">
        <v>404</v>
      </c>
      <c r="B79428" s="14" t="s">
        <v>1</v>
      </c>
      <c r="C79428" s="14" t="s">
        <v>47</v>
      </c>
      <c r="D79428" s="14" t="s">
        <v>382</v>
      </c>
      <c r="E79428" s="15">
        <v>45599</v>
      </c>
      <c r="F79428" s="14" t="s">
        <v>61</v>
      </c>
      <c r="G79428" s="16">
        <v>0</v>
      </c>
    </row>
    <row r="79429" spans="1:7" x14ac:dyDescent="0.3">
      <c r="A79429" s="13" t="s">
        <v>404</v>
      </c>
      <c r="B79429" s="14" t="s">
        <v>1</v>
      </c>
      <c r="C79429" s="14" t="s">
        <v>47</v>
      </c>
      <c r="D79429" s="14" t="s">
        <v>382</v>
      </c>
      <c r="E79429" s="15">
        <v>45600</v>
      </c>
      <c r="F79429" s="14" t="s">
        <v>61</v>
      </c>
      <c r="G79429" s="16">
        <v>0</v>
      </c>
    </row>
    <row r="79430" spans="1:7" x14ac:dyDescent="0.3">
      <c r="A79430" s="13" t="s">
        <v>404</v>
      </c>
      <c r="B79430" s="14" t="s">
        <v>1</v>
      </c>
      <c r="C79430" s="14" t="s">
        <v>47</v>
      </c>
      <c r="D79430" s="14" t="s">
        <v>382</v>
      </c>
      <c r="E79430" s="15">
        <v>45601</v>
      </c>
      <c r="F79430" s="14" t="s">
        <v>61</v>
      </c>
      <c r="G79430" s="16">
        <v>0</v>
      </c>
    </row>
    <row r="79431" spans="1:7" x14ac:dyDescent="0.3">
      <c r="A79431" s="13" t="s">
        <v>404</v>
      </c>
      <c r="B79431" s="14" t="s">
        <v>1</v>
      </c>
      <c r="C79431" s="14" t="s">
        <v>47</v>
      </c>
      <c r="D79431" s="14" t="s">
        <v>382</v>
      </c>
      <c r="E79431" s="15">
        <v>45602</v>
      </c>
      <c r="F79431" s="14" t="s">
        <v>61</v>
      </c>
      <c r="G79431" s="16">
        <v>0</v>
      </c>
    </row>
    <row r="79432" spans="1:7" x14ac:dyDescent="0.3">
      <c r="A79432" s="13" t="s">
        <v>404</v>
      </c>
      <c r="B79432" s="14" t="s">
        <v>1</v>
      </c>
      <c r="C79432" s="14" t="s">
        <v>47</v>
      </c>
      <c r="D79432" s="14" t="s">
        <v>382</v>
      </c>
      <c r="E79432" s="15">
        <v>45603</v>
      </c>
      <c r="F79432" s="14" t="s">
        <v>61</v>
      </c>
      <c r="G79432" s="16">
        <v>0</v>
      </c>
    </row>
    <row r="79433" spans="1:7" x14ac:dyDescent="0.3">
      <c r="A79433" s="13" t="s">
        <v>404</v>
      </c>
      <c r="B79433" s="14" t="s">
        <v>1</v>
      </c>
      <c r="C79433" s="14" t="s">
        <v>47</v>
      </c>
      <c r="D79433" s="14" t="s">
        <v>382</v>
      </c>
      <c r="E79433" s="15">
        <v>45604</v>
      </c>
      <c r="F79433" s="14" t="s">
        <v>61</v>
      </c>
      <c r="G79433" s="16">
        <v>0</v>
      </c>
    </row>
    <row r="79434" spans="1:7" x14ac:dyDescent="0.3">
      <c r="A79434" s="13" t="s">
        <v>404</v>
      </c>
      <c r="B79434" s="14" t="s">
        <v>1</v>
      </c>
      <c r="C79434" s="14" t="s">
        <v>47</v>
      </c>
      <c r="D79434" s="14" t="s">
        <v>382</v>
      </c>
      <c r="E79434" s="15">
        <v>45605</v>
      </c>
      <c r="F79434" s="14" t="s">
        <v>61</v>
      </c>
      <c r="G79434" s="16">
        <v>0</v>
      </c>
    </row>
    <row r="79435" spans="1:7" x14ac:dyDescent="0.3">
      <c r="A79435" s="13" t="s">
        <v>404</v>
      </c>
      <c r="B79435" s="14" t="s">
        <v>1</v>
      </c>
      <c r="C79435" s="14" t="s">
        <v>47</v>
      </c>
      <c r="D79435" s="14" t="s">
        <v>382</v>
      </c>
      <c r="E79435" s="15">
        <v>45606</v>
      </c>
      <c r="F79435" s="14" t="s">
        <v>61</v>
      </c>
      <c r="G79435" s="16">
        <v>0</v>
      </c>
    </row>
    <row r="79436" spans="1:7" x14ac:dyDescent="0.3">
      <c r="A79436" s="13" t="s">
        <v>404</v>
      </c>
      <c r="B79436" s="14" t="s">
        <v>1</v>
      </c>
      <c r="C79436" s="14" t="s">
        <v>47</v>
      </c>
      <c r="D79436" s="14" t="s">
        <v>382</v>
      </c>
      <c r="E79436" s="15">
        <v>45607</v>
      </c>
      <c r="F79436" s="14" t="s">
        <v>61</v>
      </c>
      <c r="G79436" s="16">
        <v>0</v>
      </c>
    </row>
    <row r="79437" spans="1:7" x14ac:dyDescent="0.3">
      <c r="A79437" s="13" t="s">
        <v>404</v>
      </c>
      <c r="B79437" s="14" t="s">
        <v>1</v>
      </c>
      <c r="C79437" s="14" t="s">
        <v>47</v>
      </c>
      <c r="D79437" s="14" t="s">
        <v>382</v>
      </c>
      <c r="E79437" s="15">
        <v>45608</v>
      </c>
      <c r="F79437" s="14" t="s">
        <v>61</v>
      </c>
      <c r="G79437" s="16">
        <v>0</v>
      </c>
    </row>
    <row r="79438" spans="1:7" x14ac:dyDescent="0.3">
      <c r="A79438" s="13" t="s">
        <v>404</v>
      </c>
      <c r="B79438" s="14" t="s">
        <v>1</v>
      </c>
      <c r="C79438" s="14" t="s">
        <v>47</v>
      </c>
      <c r="D79438" s="14" t="s">
        <v>382</v>
      </c>
      <c r="E79438" s="15">
        <v>45609</v>
      </c>
      <c r="F79438" s="14" t="s">
        <v>61</v>
      </c>
      <c r="G79438" s="16">
        <v>0</v>
      </c>
    </row>
    <row r="79439" spans="1:7" x14ac:dyDescent="0.3">
      <c r="A79439" s="13" t="s">
        <v>404</v>
      </c>
      <c r="B79439" s="14" t="s">
        <v>1</v>
      </c>
      <c r="C79439" s="14" t="s">
        <v>47</v>
      </c>
      <c r="D79439" s="14" t="s">
        <v>382</v>
      </c>
      <c r="E79439" s="15">
        <v>45610</v>
      </c>
      <c r="F79439" s="14" t="s">
        <v>61</v>
      </c>
      <c r="G79439" s="16">
        <v>0</v>
      </c>
    </row>
    <row r="79440" spans="1:7" x14ac:dyDescent="0.3">
      <c r="A79440" s="13" t="s">
        <v>404</v>
      </c>
      <c r="B79440" s="14" t="s">
        <v>1</v>
      </c>
      <c r="C79440" s="14" t="s">
        <v>47</v>
      </c>
      <c r="D79440" s="14" t="s">
        <v>382</v>
      </c>
      <c r="E79440" s="15">
        <v>45611</v>
      </c>
      <c r="F79440" s="14" t="s">
        <v>61</v>
      </c>
      <c r="G79440" s="16">
        <v>0</v>
      </c>
    </row>
    <row r="79441" spans="1:7" x14ac:dyDescent="0.3">
      <c r="A79441" s="13" t="s">
        <v>404</v>
      </c>
      <c r="B79441" s="14" t="s">
        <v>1</v>
      </c>
      <c r="C79441" s="14" t="s">
        <v>47</v>
      </c>
      <c r="D79441" s="14" t="s">
        <v>382</v>
      </c>
      <c r="E79441" s="15">
        <v>45612</v>
      </c>
      <c r="F79441" s="14" t="s">
        <v>61</v>
      </c>
      <c r="G79441" s="16">
        <v>0</v>
      </c>
    </row>
    <row r="79442" spans="1:7" x14ac:dyDescent="0.3">
      <c r="A79442" s="13" t="s">
        <v>404</v>
      </c>
      <c r="B79442" s="14" t="s">
        <v>1</v>
      </c>
      <c r="C79442" s="14" t="s">
        <v>47</v>
      </c>
      <c r="D79442" s="14" t="s">
        <v>382</v>
      </c>
      <c r="E79442" s="15">
        <v>45613</v>
      </c>
      <c r="F79442" s="14" t="s">
        <v>61</v>
      </c>
      <c r="G79442" s="16">
        <v>0</v>
      </c>
    </row>
    <row r="79443" spans="1:7" x14ac:dyDescent="0.3">
      <c r="A79443" s="13" t="s">
        <v>404</v>
      </c>
      <c r="B79443" s="14" t="s">
        <v>1</v>
      </c>
      <c r="C79443" s="14" t="s">
        <v>47</v>
      </c>
      <c r="D79443" s="14" t="s">
        <v>382</v>
      </c>
      <c r="E79443" s="15">
        <v>45614</v>
      </c>
      <c r="F79443" s="14" t="s">
        <v>61</v>
      </c>
      <c r="G79443" s="16">
        <v>0</v>
      </c>
    </row>
    <row r="79444" spans="1:7" x14ac:dyDescent="0.3">
      <c r="A79444" s="13" t="s">
        <v>404</v>
      </c>
      <c r="B79444" s="14" t="s">
        <v>1</v>
      </c>
      <c r="C79444" s="14" t="s">
        <v>47</v>
      </c>
      <c r="D79444" s="14" t="s">
        <v>382</v>
      </c>
      <c r="E79444" s="15">
        <v>45615</v>
      </c>
      <c r="F79444" s="14" t="s">
        <v>61</v>
      </c>
      <c r="G79444" s="16">
        <v>0</v>
      </c>
    </row>
    <row r="79445" spans="1:7" x14ac:dyDescent="0.3">
      <c r="A79445" s="13" t="s">
        <v>404</v>
      </c>
      <c r="B79445" s="14" t="s">
        <v>1</v>
      </c>
      <c r="C79445" s="14" t="s">
        <v>47</v>
      </c>
      <c r="D79445" s="14" t="s">
        <v>382</v>
      </c>
      <c r="E79445" s="15">
        <v>45616</v>
      </c>
      <c r="F79445" s="14" t="s">
        <v>61</v>
      </c>
      <c r="G79445" s="16">
        <v>0</v>
      </c>
    </row>
    <row r="79446" spans="1:7" x14ac:dyDescent="0.3">
      <c r="A79446" s="13" t="s">
        <v>404</v>
      </c>
      <c r="B79446" s="14" t="s">
        <v>1</v>
      </c>
      <c r="C79446" s="14" t="s">
        <v>47</v>
      </c>
      <c r="D79446" s="14" t="s">
        <v>382</v>
      </c>
      <c r="E79446" s="15">
        <v>45617</v>
      </c>
      <c r="F79446" s="14" t="s">
        <v>61</v>
      </c>
      <c r="G79446" s="16">
        <v>0</v>
      </c>
    </row>
    <row r="79447" spans="1:7" x14ac:dyDescent="0.3">
      <c r="A79447" s="13" t="s">
        <v>404</v>
      </c>
      <c r="B79447" s="14" t="s">
        <v>1</v>
      </c>
      <c r="C79447" s="14" t="s">
        <v>47</v>
      </c>
      <c r="D79447" s="14" t="s">
        <v>382</v>
      </c>
      <c r="E79447" s="15">
        <v>45618</v>
      </c>
      <c r="F79447" s="14" t="s">
        <v>61</v>
      </c>
      <c r="G79447" s="16">
        <v>0</v>
      </c>
    </row>
    <row r="79448" spans="1:7" x14ac:dyDescent="0.3">
      <c r="A79448" s="13" t="s">
        <v>404</v>
      </c>
      <c r="B79448" s="14" t="s">
        <v>1</v>
      </c>
      <c r="C79448" s="14" t="s">
        <v>47</v>
      </c>
      <c r="D79448" s="14" t="s">
        <v>382</v>
      </c>
      <c r="E79448" s="15">
        <v>45619</v>
      </c>
      <c r="F79448" s="14" t="s">
        <v>61</v>
      </c>
      <c r="G79448" s="16">
        <v>0</v>
      </c>
    </row>
    <row r="79449" spans="1:7" x14ac:dyDescent="0.3">
      <c r="A79449" s="13" t="s">
        <v>404</v>
      </c>
      <c r="B79449" s="14" t="s">
        <v>1</v>
      </c>
      <c r="C79449" s="14" t="s">
        <v>47</v>
      </c>
      <c r="D79449" s="14" t="s">
        <v>382</v>
      </c>
      <c r="E79449" s="15">
        <v>45620</v>
      </c>
      <c r="F79449" s="14" t="s">
        <v>61</v>
      </c>
      <c r="G79449" s="16">
        <v>0</v>
      </c>
    </row>
    <row r="79450" spans="1:7" x14ac:dyDescent="0.3">
      <c r="A79450" s="13" t="s">
        <v>404</v>
      </c>
      <c r="B79450" s="14" t="s">
        <v>1</v>
      </c>
      <c r="C79450" s="14" t="s">
        <v>47</v>
      </c>
      <c r="D79450" s="14" t="s">
        <v>382</v>
      </c>
      <c r="E79450" s="15">
        <v>45621</v>
      </c>
      <c r="F79450" s="14" t="s">
        <v>61</v>
      </c>
      <c r="G79450" s="16">
        <v>0</v>
      </c>
    </row>
    <row r="79451" spans="1:7" x14ac:dyDescent="0.3">
      <c r="A79451" s="13" t="s">
        <v>404</v>
      </c>
      <c r="B79451" s="14" t="s">
        <v>1</v>
      </c>
      <c r="C79451" s="14" t="s">
        <v>47</v>
      </c>
      <c r="D79451" s="14" t="s">
        <v>382</v>
      </c>
      <c r="E79451" s="15">
        <v>45622</v>
      </c>
      <c r="F79451" s="14" t="s">
        <v>61</v>
      </c>
      <c r="G79451" s="16">
        <v>0</v>
      </c>
    </row>
    <row r="79452" spans="1:7" x14ac:dyDescent="0.3">
      <c r="A79452" s="13" t="s">
        <v>404</v>
      </c>
      <c r="B79452" s="14" t="s">
        <v>1</v>
      </c>
      <c r="C79452" s="14" t="s">
        <v>47</v>
      </c>
      <c r="D79452" s="14" t="s">
        <v>382</v>
      </c>
      <c r="E79452" s="15">
        <v>45623</v>
      </c>
      <c r="F79452" s="14" t="s">
        <v>61</v>
      </c>
      <c r="G79452" s="16">
        <v>0</v>
      </c>
    </row>
    <row r="79453" spans="1:7" x14ac:dyDescent="0.3">
      <c r="A79453" s="13" t="s">
        <v>404</v>
      </c>
      <c r="B79453" s="14" t="s">
        <v>1</v>
      </c>
      <c r="C79453" s="14" t="s">
        <v>47</v>
      </c>
      <c r="D79453" s="14" t="s">
        <v>382</v>
      </c>
      <c r="E79453" s="15">
        <v>45624</v>
      </c>
      <c r="F79453" s="14" t="s">
        <v>61</v>
      </c>
      <c r="G79453" s="16">
        <v>0</v>
      </c>
    </row>
    <row r="79454" spans="1:7" x14ac:dyDescent="0.3">
      <c r="A79454" s="13" t="s">
        <v>404</v>
      </c>
      <c r="B79454" s="14" t="s">
        <v>1</v>
      </c>
      <c r="C79454" s="14" t="s">
        <v>47</v>
      </c>
      <c r="D79454" s="14" t="s">
        <v>382</v>
      </c>
      <c r="E79454" s="15">
        <v>45625</v>
      </c>
      <c r="F79454" s="14" t="s">
        <v>61</v>
      </c>
      <c r="G79454" s="16">
        <v>0</v>
      </c>
    </row>
    <row r="79455" spans="1:7" x14ac:dyDescent="0.3">
      <c r="A79455" s="13" t="s">
        <v>404</v>
      </c>
      <c r="B79455" s="14" t="s">
        <v>1</v>
      </c>
      <c r="C79455" s="14" t="s">
        <v>47</v>
      </c>
      <c r="D79455" s="14" t="s">
        <v>382</v>
      </c>
      <c r="E79455" s="15">
        <v>45626</v>
      </c>
      <c r="F79455" s="14" t="s">
        <v>61</v>
      </c>
      <c r="G79455" s="16">
        <v>0</v>
      </c>
    </row>
    <row r="79456" spans="1:7" x14ac:dyDescent="0.3">
      <c r="A79456" s="13" t="s">
        <v>404</v>
      </c>
      <c r="B79456" s="14" t="s">
        <v>1</v>
      </c>
      <c r="C79456" s="14" t="s">
        <v>47</v>
      </c>
      <c r="D79456" s="14" t="s">
        <v>382</v>
      </c>
      <c r="E79456" s="15">
        <v>45627</v>
      </c>
      <c r="F79456" s="14" t="s">
        <v>61</v>
      </c>
      <c r="G79456" s="16">
        <v>0</v>
      </c>
    </row>
    <row r="79457" spans="1:7" x14ac:dyDescent="0.3">
      <c r="A79457" s="13" t="s">
        <v>404</v>
      </c>
      <c r="B79457" s="14" t="s">
        <v>1</v>
      </c>
      <c r="C79457" s="14" t="s">
        <v>47</v>
      </c>
      <c r="D79457" s="14" t="s">
        <v>382</v>
      </c>
      <c r="E79457" s="15">
        <v>45628</v>
      </c>
      <c r="F79457" s="14" t="s">
        <v>61</v>
      </c>
      <c r="G79457" s="16">
        <v>0</v>
      </c>
    </row>
    <row r="79458" spans="1:7" x14ac:dyDescent="0.3">
      <c r="A79458" s="13" t="s">
        <v>404</v>
      </c>
      <c r="B79458" s="14" t="s">
        <v>1</v>
      </c>
      <c r="C79458" s="14" t="s">
        <v>47</v>
      </c>
      <c r="D79458" s="14" t="s">
        <v>382</v>
      </c>
      <c r="E79458" s="15">
        <v>45629</v>
      </c>
      <c r="F79458" s="14" t="s">
        <v>61</v>
      </c>
      <c r="G79458" s="16">
        <v>0</v>
      </c>
    </row>
    <row r="79459" spans="1:7" x14ac:dyDescent="0.3">
      <c r="A79459" s="13" t="s">
        <v>404</v>
      </c>
      <c r="B79459" s="14" t="s">
        <v>1</v>
      </c>
      <c r="C79459" s="14" t="s">
        <v>47</v>
      </c>
      <c r="D79459" s="14" t="s">
        <v>382</v>
      </c>
      <c r="E79459" s="15">
        <v>45630</v>
      </c>
      <c r="F79459" s="14" t="s">
        <v>61</v>
      </c>
      <c r="G79459" s="16">
        <v>0</v>
      </c>
    </row>
    <row r="79460" spans="1:7" x14ac:dyDescent="0.3">
      <c r="A79460" s="13" t="s">
        <v>404</v>
      </c>
      <c r="B79460" s="14" t="s">
        <v>1</v>
      </c>
      <c r="C79460" s="14" t="s">
        <v>47</v>
      </c>
      <c r="D79460" s="14" t="s">
        <v>382</v>
      </c>
      <c r="E79460" s="15">
        <v>45631</v>
      </c>
      <c r="F79460" s="14" t="s">
        <v>61</v>
      </c>
      <c r="G79460" s="16">
        <v>0</v>
      </c>
    </row>
    <row r="79461" spans="1:7" x14ac:dyDescent="0.3">
      <c r="A79461" s="13" t="s">
        <v>404</v>
      </c>
      <c r="B79461" s="14" t="s">
        <v>1</v>
      </c>
      <c r="C79461" s="14" t="s">
        <v>47</v>
      </c>
      <c r="D79461" s="14" t="s">
        <v>382</v>
      </c>
      <c r="E79461" s="15">
        <v>45632</v>
      </c>
      <c r="F79461" s="14" t="s">
        <v>61</v>
      </c>
      <c r="G79461" s="16">
        <v>0</v>
      </c>
    </row>
    <row r="79462" spans="1:7" x14ac:dyDescent="0.3">
      <c r="A79462" s="13" t="s">
        <v>404</v>
      </c>
      <c r="B79462" s="14" t="s">
        <v>1</v>
      </c>
      <c r="C79462" s="14" t="s">
        <v>47</v>
      </c>
      <c r="D79462" s="14" t="s">
        <v>382</v>
      </c>
      <c r="E79462" s="15">
        <v>45633</v>
      </c>
      <c r="F79462" s="14" t="s">
        <v>61</v>
      </c>
      <c r="G79462" s="16">
        <v>0</v>
      </c>
    </row>
    <row r="79463" spans="1:7" x14ac:dyDescent="0.3">
      <c r="A79463" s="13" t="s">
        <v>404</v>
      </c>
      <c r="B79463" s="14" t="s">
        <v>1</v>
      </c>
      <c r="C79463" s="14" t="s">
        <v>47</v>
      </c>
      <c r="D79463" s="14" t="s">
        <v>382</v>
      </c>
      <c r="E79463" s="15">
        <v>45634</v>
      </c>
      <c r="F79463" s="14" t="s">
        <v>61</v>
      </c>
      <c r="G79463" s="16">
        <v>0</v>
      </c>
    </row>
    <row r="79464" spans="1:7" x14ac:dyDescent="0.3">
      <c r="A79464" s="13" t="s">
        <v>404</v>
      </c>
      <c r="B79464" s="14" t="s">
        <v>1</v>
      </c>
      <c r="C79464" s="14" t="s">
        <v>47</v>
      </c>
      <c r="D79464" s="14" t="s">
        <v>382</v>
      </c>
      <c r="E79464" s="15">
        <v>45635</v>
      </c>
      <c r="F79464" s="14" t="s">
        <v>61</v>
      </c>
      <c r="G79464" s="16">
        <v>0</v>
      </c>
    </row>
    <row r="79465" spans="1:7" x14ac:dyDescent="0.3">
      <c r="A79465" s="13" t="s">
        <v>404</v>
      </c>
      <c r="B79465" s="14" t="s">
        <v>1</v>
      </c>
      <c r="C79465" s="14" t="s">
        <v>47</v>
      </c>
      <c r="D79465" s="14" t="s">
        <v>382</v>
      </c>
      <c r="E79465" s="15">
        <v>45636</v>
      </c>
      <c r="F79465" s="14" t="s">
        <v>61</v>
      </c>
      <c r="G79465" s="16">
        <v>0</v>
      </c>
    </row>
    <row r="79466" spans="1:7" x14ac:dyDescent="0.3">
      <c r="A79466" s="13" t="s">
        <v>404</v>
      </c>
      <c r="B79466" s="14" t="s">
        <v>1</v>
      </c>
      <c r="C79466" s="14" t="s">
        <v>47</v>
      </c>
      <c r="D79466" s="14" t="s">
        <v>382</v>
      </c>
      <c r="E79466" s="15">
        <v>45637</v>
      </c>
      <c r="F79466" s="14" t="s">
        <v>61</v>
      </c>
      <c r="G79466" s="16">
        <v>0</v>
      </c>
    </row>
    <row r="79467" spans="1:7" x14ac:dyDescent="0.3">
      <c r="A79467" s="13" t="s">
        <v>404</v>
      </c>
      <c r="B79467" s="14" t="s">
        <v>1</v>
      </c>
      <c r="C79467" s="14" t="s">
        <v>47</v>
      </c>
      <c r="D79467" s="14" t="s">
        <v>382</v>
      </c>
      <c r="E79467" s="15">
        <v>45638</v>
      </c>
      <c r="F79467" s="14" t="s">
        <v>61</v>
      </c>
      <c r="G79467" s="16">
        <v>0</v>
      </c>
    </row>
    <row r="79468" spans="1:7" x14ac:dyDescent="0.3">
      <c r="A79468" s="13" t="s">
        <v>404</v>
      </c>
      <c r="B79468" s="14" t="s">
        <v>1</v>
      </c>
      <c r="C79468" s="14" t="s">
        <v>47</v>
      </c>
      <c r="D79468" s="14" t="s">
        <v>382</v>
      </c>
      <c r="E79468" s="15">
        <v>45639</v>
      </c>
      <c r="F79468" s="14" t="s">
        <v>61</v>
      </c>
      <c r="G79468" s="16">
        <v>0</v>
      </c>
    </row>
    <row r="79469" spans="1:7" x14ac:dyDescent="0.3">
      <c r="A79469" s="13" t="s">
        <v>404</v>
      </c>
      <c r="B79469" s="14" t="s">
        <v>1</v>
      </c>
      <c r="C79469" s="14" t="s">
        <v>47</v>
      </c>
      <c r="D79469" s="14" t="s">
        <v>382</v>
      </c>
      <c r="E79469" s="15">
        <v>45640</v>
      </c>
      <c r="F79469" s="14" t="s">
        <v>61</v>
      </c>
      <c r="G79469" s="16">
        <v>0</v>
      </c>
    </row>
    <row r="79470" spans="1:7" x14ac:dyDescent="0.3">
      <c r="A79470" s="13" t="s">
        <v>404</v>
      </c>
      <c r="B79470" s="14" t="s">
        <v>1</v>
      </c>
      <c r="C79470" s="14" t="s">
        <v>47</v>
      </c>
      <c r="D79470" s="14" t="s">
        <v>382</v>
      </c>
      <c r="E79470" s="15">
        <v>45641</v>
      </c>
      <c r="F79470" s="14" t="s">
        <v>61</v>
      </c>
      <c r="G79470" s="16">
        <v>0</v>
      </c>
    </row>
    <row r="79471" spans="1:7" x14ac:dyDescent="0.3">
      <c r="A79471" s="13" t="s">
        <v>404</v>
      </c>
      <c r="B79471" s="14" t="s">
        <v>1</v>
      </c>
      <c r="C79471" s="14" t="s">
        <v>47</v>
      </c>
      <c r="D79471" s="14" t="s">
        <v>382</v>
      </c>
      <c r="E79471" s="15">
        <v>45642</v>
      </c>
      <c r="F79471" s="14" t="s">
        <v>61</v>
      </c>
      <c r="G79471" s="16">
        <v>0</v>
      </c>
    </row>
    <row r="79472" spans="1:7" x14ac:dyDescent="0.3">
      <c r="A79472" s="13" t="s">
        <v>404</v>
      </c>
      <c r="B79472" s="14" t="s">
        <v>1</v>
      </c>
      <c r="C79472" s="14" t="s">
        <v>47</v>
      </c>
      <c r="D79472" s="14" t="s">
        <v>382</v>
      </c>
      <c r="E79472" s="15">
        <v>45643</v>
      </c>
      <c r="F79472" s="14" t="s">
        <v>61</v>
      </c>
      <c r="G79472" s="16">
        <v>0</v>
      </c>
    </row>
    <row r="79473" spans="1:7" x14ac:dyDescent="0.3">
      <c r="A79473" s="13" t="s">
        <v>404</v>
      </c>
      <c r="B79473" s="14" t="s">
        <v>1</v>
      </c>
      <c r="C79473" s="14" t="s">
        <v>47</v>
      </c>
      <c r="D79473" s="14" t="s">
        <v>382</v>
      </c>
      <c r="E79473" s="15">
        <v>45644</v>
      </c>
      <c r="F79473" s="14" t="s">
        <v>61</v>
      </c>
      <c r="G79473" s="16">
        <v>0</v>
      </c>
    </row>
    <row r="79474" spans="1:7" x14ac:dyDescent="0.3">
      <c r="A79474" s="13" t="s">
        <v>404</v>
      </c>
      <c r="B79474" s="14" t="s">
        <v>1</v>
      </c>
      <c r="C79474" s="14" t="s">
        <v>47</v>
      </c>
      <c r="D79474" s="14" t="s">
        <v>382</v>
      </c>
      <c r="E79474" s="15">
        <v>45645</v>
      </c>
      <c r="F79474" s="14" t="s">
        <v>61</v>
      </c>
      <c r="G79474" s="16">
        <v>0</v>
      </c>
    </row>
    <row r="79475" spans="1:7" x14ac:dyDescent="0.3">
      <c r="A79475" s="13" t="s">
        <v>404</v>
      </c>
      <c r="B79475" s="14" t="s">
        <v>1</v>
      </c>
      <c r="C79475" s="14" t="s">
        <v>47</v>
      </c>
      <c r="D79475" s="14" t="s">
        <v>382</v>
      </c>
      <c r="E79475" s="15">
        <v>45646</v>
      </c>
      <c r="F79475" s="14" t="s">
        <v>61</v>
      </c>
      <c r="G79475" s="16">
        <v>0</v>
      </c>
    </row>
    <row r="79476" spans="1:7" x14ac:dyDescent="0.3">
      <c r="A79476" s="13" t="s">
        <v>404</v>
      </c>
      <c r="B79476" s="14" t="s">
        <v>1</v>
      </c>
      <c r="C79476" s="14" t="s">
        <v>47</v>
      </c>
      <c r="D79476" s="14" t="s">
        <v>382</v>
      </c>
      <c r="E79476" s="15">
        <v>45647</v>
      </c>
      <c r="F79476" s="14" t="s">
        <v>61</v>
      </c>
      <c r="G79476" s="16">
        <v>0</v>
      </c>
    </row>
    <row r="79477" spans="1:7" x14ac:dyDescent="0.3">
      <c r="A79477" s="13" t="s">
        <v>404</v>
      </c>
      <c r="B79477" s="14" t="s">
        <v>1</v>
      </c>
      <c r="C79477" s="14" t="s">
        <v>47</v>
      </c>
      <c r="D79477" s="14" t="s">
        <v>382</v>
      </c>
      <c r="E79477" s="15">
        <v>45648</v>
      </c>
      <c r="F79477" s="14" t="s">
        <v>61</v>
      </c>
      <c r="G79477" s="16">
        <v>0</v>
      </c>
    </row>
    <row r="79478" spans="1:7" x14ac:dyDescent="0.3">
      <c r="A79478" s="13" t="s">
        <v>404</v>
      </c>
      <c r="B79478" s="14" t="s">
        <v>1</v>
      </c>
      <c r="C79478" s="14" t="s">
        <v>47</v>
      </c>
      <c r="D79478" s="14" t="s">
        <v>382</v>
      </c>
      <c r="E79478" s="15">
        <v>45649</v>
      </c>
      <c r="F79478" s="14" t="s">
        <v>61</v>
      </c>
      <c r="G79478" s="16">
        <v>0</v>
      </c>
    </row>
    <row r="79479" spans="1:7" x14ac:dyDescent="0.3">
      <c r="A79479" s="13" t="s">
        <v>404</v>
      </c>
      <c r="B79479" s="14" t="s">
        <v>1</v>
      </c>
      <c r="C79479" s="14" t="s">
        <v>47</v>
      </c>
      <c r="D79479" s="14" t="s">
        <v>382</v>
      </c>
      <c r="E79479" s="15">
        <v>45650</v>
      </c>
      <c r="F79479" s="14" t="s">
        <v>61</v>
      </c>
      <c r="G79479" s="16">
        <v>0</v>
      </c>
    </row>
    <row r="79480" spans="1:7" x14ac:dyDescent="0.3">
      <c r="A79480" s="13" t="s">
        <v>404</v>
      </c>
      <c r="B79480" s="14" t="s">
        <v>1</v>
      </c>
      <c r="C79480" s="14" t="s">
        <v>47</v>
      </c>
      <c r="D79480" s="14" t="s">
        <v>382</v>
      </c>
      <c r="E79480" s="15">
        <v>45651</v>
      </c>
      <c r="F79480" s="14" t="s">
        <v>61</v>
      </c>
      <c r="G79480" s="16">
        <v>0</v>
      </c>
    </row>
    <row r="79481" spans="1:7" x14ac:dyDescent="0.3">
      <c r="A79481" s="13" t="s">
        <v>404</v>
      </c>
      <c r="B79481" s="14" t="s">
        <v>1</v>
      </c>
      <c r="C79481" s="14" t="s">
        <v>47</v>
      </c>
      <c r="D79481" s="14" t="s">
        <v>382</v>
      </c>
      <c r="E79481" s="15">
        <v>45652</v>
      </c>
      <c r="F79481" s="14" t="s">
        <v>61</v>
      </c>
      <c r="G79481" s="16">
        <v>0</v>
      </c>
    </row>
    <row r="79482" spans="1:7" x14ac:dyDescent="0.3">
      <c r="A79482" s="13" t="s">
        <v>404</v>
      </c>
      <c r="B79482" s="14" t="s">
        <v>1</v>
      </c>
      <c r="C79482" s="14" t="s">
        <v>47</v>
      </c>
      <c r="D79482" s="14" t="s">
        <v>382</v>
      </c>
      <c r="E79482" s="15">
        <v>45653</v>
      </c>
      <c r="F79482" s="14" t="s">
        <v>61</v>
      </c>
      <c r="G79482" s="16">
        <v>0</v>
      </c>
    </row>
    <row r="79483" spans="1:7" x14ac:dyDescent="0.3">
      <c r="A79483" s="13" t="s">
        <v>404</v>
      </c>
      <c r="B79483" s="14" t="s">
        <v>1</v>
      </c>
      <c r="C79483" s="14" t="s">
        <v>47</v>
      </c>
      <c r="D79483" s="14" t="s">
        <v>382</v>
      </c>
      <c r="E79483" s="15">
        <v>45654</v>
      </c>
      <c r="F79483" s="14" t="s">
        <v>61</v>
      </c>
      <c r="G79483" s="16">
        <v>0</v>
      </c>
    </row>
    <row r="79484" spans="1:7" x14ac:dyDescent="0.3">
      <c r="A79484" s="13" t="s">
        <v>404</v>
      </c>
      <c r="B79484" s="14" t="s">
        <v>1</v>
      </c>
      <c r="C79484" s="14" t="s">
        <v>47</v>
      </c>
      <c r="D79484" s="14" t="s">
        <v>382</v>
      </c>
      <c r="E79484" s="15">
        <v>45655</v>
      </c>
      <c r="F79484" s="14" t="s">
        <v>61</v>
      </c>
      <c r="G79484" s="16">
        <v>0</v>
      </c>
    </row>
    <row r="79485" spans="1:7" x14ac:dyDescent="0.3">
      <c r="A79485" s="13" t="s">
        <v>404</v>
      </c>
      <c r="B79485" s="14" t="s">
        <v>1</v>
      </c>
      <c r="C79485" s="14" t="s">
        <v>47</v>
      </c>
      <c r="D79485" s="14" t="s">
        <v>382</v>
      </c>
      <c r="E79485" s="15">
        <v>45656</v>
      </c>
      <c r="F79485" s="14" t="s">
        <v>61</v>
      </c>
      <c r="G79485" s="16">
        <v>0</v>
      </c>
    </row>
    <row r="79486" spans="1:7" x14ac:dyDescent="0.3">
      <c r="A79486" s="13" t="s">
        <v>404</v>
      </c>
      <c r="B79486" s="14" t="s">
        <v>1</v>
      </c>
      <c r="C79486" s="14" t="s">
        <v>47</v>
      </c>
      <c r="D79486" s="14" t="s">
        <v>382</v>
      </c>
      <c r="E79486" s="15">
        <v>45657</v>
      </c>
      <c r="F79486" s="14" t="s">
        <v>61</v>
      </c>
      <c r="G79486" s="16">
        <v>0</v>
      </c>
    </row>
    <row r="79487" spans="1:7" x14ac:dyDescent="0.3">
      <c r="A79487" s="13" t="s">
        <v>404</v>
      </c>
      <c r="B79487" s="14" t="s">
        <v>1</v>
      </c>
      <c r="C79487" s="14" t="s">
        <v>47</v>
      </c>
      <c r="D79487" s="14" t="s">
        <v>382</v>
      </c>
      <c r="E79487" s="15">
        <v>45658</v>
      </c>
      <c r="F79487" s="14" t="s">
        <v>61</v>
      </c>
      <c r="G79487" s="16">
        <v>0</v>
      </c>
    </row>
    <row r="79488" spans="1:7" x14ac:dyDescent="0.3">
      <c r="A79488" s="13" t="s">
        <v>404</v>
      </c>
      <c r="B79488" s="14" t="s">
        <v>1</v>
      </c>
      <c r="C79488" s="14" t="s">
        <v>47</v>
      </c>
      <c r="D79488" s="14" t="s">
        <v>382</v>
      </c>
      <c r="E79488" s="15">
        <v>45659</v>
      </c>
      <c r="F79488" s="14" t="s">
        <v>61</v>
      </c>
      <c r="G79488" s="16">
        <v>0</v>
      </c>
    </row>
    <row r="79489" spans="1:7" x14ac:dyDescent="0.3">
      <c r="A79489" s="13" t="s">
        <v>404</v>
      </c>
      <c r="B79489" s="14" t="s">
        <v>1</v>
      </c>
      <c r="C79489" s="14" t="s">
        <v>47</v>
      </c>
      <c r="D79489" s="14" t="s">
        <v>382</v>
      </c>
      <c r="E79489" s="15">
        <v>45660</v>
      </c>
      <c r="F79489" s="14" t="s">
        <v>61</v>
      </c>
      <c r="G79489" s="16">
        <v>0</v>
      </c>
    </row>
    <row r="79490" spans="1:7" x14ac:dyDescent="0.3">
      <c r="A79490" s="13" t="s">
        <v>404</v>
      </c>
      <c r="B79490" s="14" t="s">
        <v>1</v>
      </c>
      <c r="C79490" s="14" t="s">
        <v>47</v>
      </c>
      <c r="D79490" s="14" t="s">
        <v>382</v>
      </c>
      <c r="E79490" s="15">
        <v>45661</v>
      </c>
      <c r="F79490" s="14" t="s">
        <v>61</v>
      </c>
      <c r="G79490" s="16">
        <v>0</v>
      </c>
    </row>
    <row r="79491" spans="1:7" x14ac:dyDescent="0.3">
      <c r="A79491" s="13" t="s">
        <v>404</v>
      </c>
      <c r="B79491" s="14" t="s">
        <v>1</v>
      </c>
      <c r="C79491" s="14" t="s">
        <v>47</v>
      </c>
      <c r="D79491" s="14" t="s">
        <v>382</v>
      </c>
      <c r="E79491" s="15">
        <v>45662</v>
      </c>
      <c r="F79491" s="14" t="s">
        <v>61</v>
      </c>
      <c r="G79491" s="16">
        <v>0</v>
      </c>
    </row>
    <row r="79492" spans="1:7" x14ac:dyDescent="0.3">
      <c r="A79492" s="13" t="s">
        <v>404</v>
      </c>
      <c r="B79492" s="14" t="s">
        <v>1</v>
      </c>
      <c r="C79492" s="14" t="s">
        <v>47</v>
      </c>
      <c r="D79492" s="14" t="s">
        <v>382</v>
      </c>
      <c r="E79492" s="15">
        <v>45663</v>
      </c>
      <c r="F79492" s="14" t="s">
        <v>61</v>
      </c>
      <c r="G79492" s="16">
        <v>0</v>
      </c>
    </row>
    <row r="79493" spans="1:7" x14ac:dyDescent="0.3">
      <c r="A79493" s="13" t="s">
        <v>404</v>
      </c>
      <c r="B79493" s="14" t="s">
        <v>1</v>
      </c>
      <c r="C79493" s="14" t="s">
        <v>47</v>
      </c>
      <c r="D79493" s="14" t="s">
        <v>382</v>
      </c>
      <c r="E79493" s="15">
        <v>45664</v>
      </c>
      <c r="F79493" s="14" t="s">
        <v>61</v>
      </c>
      <c r="G79493" s="16">
        <v>0</v>
      </c>
    </row>
    <row r="79494" spans="1:7" x14ac:dyDescent="0.3">
      <c r="A79494" s="13" t="s">
        <v>404</v>
      </c>
      <c r="B79494" s="14" t="s">
        <v>1</v>
      </c>
      <c r="C79494" s="14" t="s">
        <v>47</v>
      </c>
      <c r="D79494" s="14" t="s">
        <v>382</v>
      </c>
      <c r="E79494" s="15">
        <v>45665</v>
      </c>
      <c r="F79494" s="14" t="s">
        <v>61</v>
      </c>
      <c r="G79494" s="16">
        <v>0</v>
      </c>
    </row>
    <row r="79495" spans="1:7" x14ac:dyDescent="0.3">
      <c r="A79495" s="13" t="s">
        <v>404</v>
      </c>
      <c r="B79495" s="14" t="s">
        <v>1</v>
      </c>
      <c r="C79495" s="14" t="s">
        <v>47</v>
      </c>
      <c r="D79495" s="14" t="s">
        <v>382</v>
      </c>
      <c r="E79495" s="15">
        <v>45666</v>
      </c>
      <c r="F79495" s="14" t="s">
        <v>61</v>
      </c>
      <c r="G79495" s="16">
        <v>0</v>
      </c>
    </row>
    <row r="79496" spans="1:7" x14ac:dyDescent="0.3">
      <c r="A79496" s="13" t="s">
        <v>404</v>
      </c>
      <c r="B79496" s="14" t="s">
        <v>1</v>
      </c>
      <c r="C79496" s="14" t="s">
        <v>47</v>
      </c>
      <c r="D79496" s="14" t="s">
        <v>382</v>
      </c>
      <c r="E79496" s="15">
        <v>45667</v>
      </c>
      <c r="F79496" s="14" t="s">
        <v>61</v>
      </c>
      <c r="G79496" s="16">
        <v>0</v>
      </c>
    </row>
    <row r="79497" spans="1:7" x14ac:dyDescent="0.3">
      <c r="A79497" s="13" t="s">
        <v>404</v>
      </c>
      <c r="B79497" s="14" t="s">
        <v>1</v>
      </c>
      <c r="C79497" s="14" t="s">
        <v>47</v>
      </c>
      <c r="D79497" s="14" t="s">
        <v>382</v>
      </c>
      <c r="E79497" s="15">
        <v>45668</v>
      </c>
      <c r="F79497" s="14" t="s">
        <v>61</v>
      </c>
      <c r="G79497" s="16">
        <v>0</v>
      </c>
    </row>
    <row r="79498" spans="1:7" x14ac:dyDescent="0.3">
      <c r="A79498" s="13" t="s">
        <v>404</v>
      </c>
      <c r="B79498" s="14" t="s">
        <v>1</v>
      </c>
      <c r="C79498" s="14" t="s">
        <v>47</v>
      </c>
      <c r="D79498" s="14" t="s">
        <v>382</v>
      </c>
      <c r="E79498" s="15">
        <v>45669</v>
      </c>
      <c r="F79498" s="14" t="s">
        <v>61</v>
      </c>
      <c r="G79498" s="16">
        <v>0</v>
      </c>
    </row>
    <row r="79499" spans="1:7" x14ac:dyDescent="0.3">
      <c r="A79499" s="13" t="s">
        <v>404</v>
      </c>
      <c r="B79499" s="14" t="s">
        <v>1</v>
      </c>
      <c r="C79499" s="14" t="s">
        <v>47</v>
      </c>
      <c r="D79499" s="14" t="s">
        <v>382</v>
      </c>
      <c r="E79499" s="15">
        <v>45670</v>
      </c>
      <c r="F79499" s="14" t="s">
        <v>61</v>
      </c>
      <c r="G79499" s="16">
        <v>0</v>
      </c>
    </row>
    <row r="79500" spans="1:7" x14ac:dyDescent="0.3">
      <c r="A79500" s="13" t="s">
        <v>404</v>
      </c>
      <c r="B79500" s="14" t="s">
        <v>1</v>
      </c>
      <c r="C79500" s="14" t="s">
        <v>47</v>
      </c>
      <c r="D79500" s="14" t="s">
        <v>382</v>
      </c>
      <c r="E79500" s="15">
        <v>45671</v>
      </c>
      <c r="F79500" s="14" t="s">
        <v>61</v>
      </c>
      <c r="G79500" s="16">
        <v>0</v>
      </c>
    </row>
    <row r="79501" spans="1:7" x14ac:dyDescent="0.3">
      <c r="A79501" s="13" t="s">
        <v>404</v>
      </c>
      <c r="B79501" s="14" t="s">
        <v>1</v>
      </c>
      <c r="C79501" s="14" t="s">
        <v>47</v>
      </c>
      <c r="D79501" s="14" t="s">
        <v>382</v>
      </c>
      <c r="E79501" s="15">
        <v>45672</v>
      </c>
      <c r="F79501" s="14" t="s">
        <v>61</v>
      </c>
      <c r="G79501" s="16">
        <v>0</v>
      </c>
    </row>
    <row r="79502" spans="1:7" x14ac:dyDescent="0.3">
      <c r="A79502" s="13" t="s">
        <v>404</v>
      </c>
      <c r="B79502" s="14" t="s">
        <v>1</v>
      </c>
      <c r="C79502" s="14" t="s">
        <v>47</v>
      </c>
      <c r="D79502" s="14" t="s">
        <v>382</v>
      </c>
      <c r="E79502" s="15">
        <v>45673</v>
      </c>
      <c r="F79502" s="14" t="s">
        <v>61</v>
      </c>
      <c r="G79502" s="16">
        <v>0</v>
      </c>
    </row>
    <row r="79503" spans="1:7" x14ac:dyDescent="0.3">
      <c r="A79503" s="13" t="s">
        <v>404</v>
      </c>
      <c r="B79503" s="14" t="s">
        <v>1</v>
      </c>
      <c r="C79503" s="14" t="s">
        <v>47</v>
      </c>
      <c r="D79503" s="14" t="s">
        <v>382</v>
      </c>
      <c r="E79503" s="15">
        <v>45674</v>
      </c>
      <c r="F79503" s="14" t="s">
        <v>61</v>
      </c>
      <c r="G79503" s="16">
        <v>0</v>
      </c>
    </row>
    <row r="79504" spans="1:7" x14ac:dyDescent="0.3">
      <c r="A79504" s="13" t="s">
        <v>404</v>
      </c>
      <c r="B79504" s="14" t="s">
        <v>1</v>
      </c>
      <c r="C79504" s="14" t="s">
        <v>47</v>
      </c>
      <c r="D79504" s="14" t="s">
        <v>382</v>
      </c>
      <c r="E79504" s="15">
        <v>45675</v>
      </c>
      <c r="F79504" s="14" t="s">
        <v>61</v>
      </c>
      <c r="G79504" s="16">
        <v>0</v>
      </c>
    </row>
    <row r="79505" spans="1:7" x14ac:dyDescent="0.3">
      <c r="A79505" s="13" t="s">
        <v>404</v>
      </c>
      <c r="B79505" s="14" t="s">
        <v>1</v>
      </c>
      <c r="C79505" s="14" t="s">
        <v>47</v>
      </c>
      <c r="D79505" s="14" t="s">
        <v>382</v>
      </c>
      <c r="E79505" s="15">
        <v>45676</v>
      </c>
      <c r="F79505" s="14" t="s">
        <v>61</v>
      </c>
      <c r="G79505" s="16">
        <v>0</v>
      </c>
    </row>
    <row r="79506" spans="1:7" x14ac:dyDescent="0.3">
      <c r="A79506" s="13" t="s">
        <v>404</v>
      </c>
      <c r="B79506" s="14" t="s">
        <v>1</v>
      </c>
      <c r="C79506" s="14" t="s">
        <v>47</v>
      </c>
      <c r="D79506" s="14" t="s">
        <v>382</v>
      </c>
      <c r="E79506" s="15">
        <v>45677</v>
      </c>
      <c r="F79506" s="14" t="s">
        <v>61</v>
      </c>
      <c r="G79506" s="16">
        <v>0</v>
      </c>
    </row>
    <row r="79507" spans="1:7" x14ac:dyDescent="0.3">
      <c r="A79507" s="13" t="s">
        <v>404</v>
      </c>
      <c r="B79507" s="14" t="s">
        <v>1</v>
      </c>
      <c r="C79507" s="14" t="s">
        <v>47</v>
      </c>
      <c r="D79507" s="14" t="s">
        <v>382</v>
      </c>
      <c r="E79507" s="15">
        <v>45678</v>
      </c>
      <c r="F79507" s="14" t="s">
        <v>61</v>
      </c>
      <c r="G79507" s="16">
        <v>0</v>
      </c>
    </row>
    <row r="79508" spans="1:7" x14ac:dyDescent="0.3">
      <c r="A79508" s="13" t="s">
        <v>404</v>
      </c>
      <c r="B79508" s="14" t="s">
        <v>1</v>
      </c>
      <c r="C79508" s="14" t="s">
        <v>47</v>
      </c>
      <c r="D79508" s="14" t="s">
        <v>382</v>
      </c>
      <c r="E79508" s="15">
        <v>45679</v>
      </c>
      <c r="F79508" s="14" t="s">
        <v>61</v>
      </c>
      <c r="G79508" s="16">
        <v>0</v>
      </c>
    </row>
    <row r="79509" spans="1:7" x14ac:dyDescent="0.3">
      <c r="A79509" s="13" t="s">
        <v>404</v>
      </c>
      <c r="B79509" s="14" t="s">
        <v>1</v>
      </c>
      <c r="C79509" s="14" t="s">
        <v>47</v>
      </c>
      <c r="D79509" s="14" t="s">
        <v>382</v>
      </c>
      <c r="E79509" s="15">
        <v>45680</v>
      </c>
      <c r="F79509" s="14" t="s">
        <v>61</v>
      </c>
      <c r="G79509" s="16">
        <v>0</v>
      </c>
    </row>
    <row r="79510" spans="1:7" x14ac:dyDescent="0.3">
      <c r="A79510" s="13" t="s">
        <v>404</v>
      </c>
      <c r="B79510" s="14" t="s">
        <v>1</v>
      </c>
      <c r="C79510" s="14" t="s">
        <v>47</v>
      </c>
      <c r="D79510" s="14" t="s">
        <v>382</v>
      </c>
      <c r="E79510" s="15">
        <v>45681</v>
      </c>
      <c r="F79510" s="14" t="s">
        <v>61</v>
      </c>
      <c r="G79510" s="16">
        <v>0</v>
      </c>
    </row>
    <row r="79511" spans="1:7" x14ac:dyDescent="0.3">
      <c r="A79511" s="13" t="s">
        <v>404</v>
      </c>
      <c r="B79511" s="14" t="s">
        <v>1</v>
      </c>
      <c r="C79511" s="14" t="s">
        <v>47</v>
      </c>
      <c r="D79511" s="14" t="s">
        <v>382</v>
      </c>
      <c r="E79511" s="15">
        <v>45682</v>
      </c>
      <c r="F79511" s="14" t="s">
        <v>61</v>
      </c>
      <c r="G79511" s="16">
        <v>0</v>
      </c>
    </row>
    <row r="79512" spans="1:7" x14ac:dyDescent="0.3">
      <c r="A79512" s="13" t="s">
        <v>404</v>
      </c>
      <c r="B79512" s="14" t="s">
        <v>1</v>
      </c>
      <c r="C79512" s="14" t="s">
        <v>47</v>
      </c>
      <c r="D79512" s="14" t="s">
        <v>382</v>
      </c>
      <c r="E79512" s="15">
        <v>45683</v>
      </c>
      <c r="F79512" s="14" t="s">
        <v>61</v>
      </c>
      <c r="G79512" s="16">
        <v>0</v>
      </c>
    </row>
    <row r="79513" spans="1:7" x14ac:dyDescent="0.3">
      <c r="A79513" s="13" t="s">
        <v>404</v>
      </c>
      <c r="B79513" s="14" t="s">
        <v>1</v>
      </c>
      <c r="C79513" s="14" t="s">
        <v>47</v>
      </c>
      <c r="D79513" s="14" t="s">
        <v>382</v>
      </c>
      <c r="E79513" s="15">
        <v>45684</v>
      </c>
      <c r="F79513" s="14" t="s">
        <v>61</v>
      </c>
      <c r="G79513" s="16">
        <v>0</v>
      </c>
    </row>
    <row r="79514" spans="1:7" x14ac:dyDescent="0.3">
      <c r="A79514" s="13" t="s">
        <v>404</v>
      </c>
      <c r="B79514" s="14" t="s">
        <v>1</v>
      </c>
      <c r="C79514" s="14" t="s">
        <v>47</v>
      </c>
      <c r="D79514" s="14" t="s">
        <v>382</v>
      </c>
      <c r="E79514" s="15">
        <v>45685</v>
      </c>
      <c r="F79514" s="14" t="s">
        <v>61</v>
      </c>
      <c r="G79514" s="16">
        <v>0</v>
      </c>
    </row>
    <row r="79515" spans="1:7" x14ac:dyDescent="0.3">
      <c r="A79515" s="13" t="s">
        <v>404</v>
      </c>
      <c r="B79515" s="14" t="s">
        <v>1</v>
      </c>
      <c r="C79515" s="14" t="s">
        <v>47</v>
      </c>
      <c r="D79515" s="14" t="s">
        <v>382</v>
      </c>
      <c r="E79515" s="15">
        <v>45686</v>
      </c>
      <c r="F79515" s="14" t="s">
        <v>61</v>
      </c>
      <c r="G79515" s="16">
        <v>0</v>
      </c>
    </row>
    <row r="79516" spans="1:7" x14ac:dyDescent="0.3">
      <c r="A79516" s="13" t="s">
        <v>404</v>
      </c>
      <c r="B79516" s="14" t="s">
        <v>1</v>
      </c>
      <c r="C79516" s="14" t="s">
        <v>47</v>
      </c>
      <c r="D79516" s="14" t="s">
        <v>382</v>
      </c>
      <c r="E79516" s="15">
        <v>45687</v>
      </c>
      <c r="F79516" s="14" t="s">
        <v>61</v>
      </c>
      <c r="G79516" s="16">
        <v>0</v>
      </c>
    </row>
    <row r="79517" spans="1:7" x14ac:dyDescent="0.3">
      <c r="A79517" s="13" t="s">
        <v>404</v>
      </c>
      <c r="B79517" s="14" t="s">
        <v>1</v>
      </c>
      <c r="C79517" s="14" t="s">
        <v>47</v>
      </c>
      <c r="D79517" s="14" t="s">
        <v>382</v>
      </c>
      <c r="E79517" s="15">
        <v>45688</v>
      </c>
      <c r="F79517" s="14" t="s">
        <v>61</v>
      </c>
      <c r="G79517" s="16">
        <v>0</v>
      </c>
    </row>
    <row r="79518" spans="1:7" x14ac:dyDescent="0.3">
      <c r="A79518" s="13" t="s">
        <v>404</v>
      </c>
      <c r="B79518" s="14" t="s">
        <v>1</v>
      </c>
      <c r="C79518" s="14" t="s">
        <v>47</v>
      </c>
      <c r="D79518" s="14" t="s">
        <v>382</v>
      </c>
      <c r="E79518" s="15">
        <v>45689</v>
      </c>
      <c r="F79518" s="14" t="s">
        <v>61</v>
      </c>
      <c r="G79518" s="16">
        <v>0</v>
      </c>
    </row>
    <row r="79519" spans="1:7" x14ac:dyDescent="0.3">
      <c r="A79519" s="13" t="s">
        <v>404</v>
      </c>
      <c r="B79519" s="14" t="s">
        <v>1</v>
      </c>
      <c r="C79519" s="14" t="s">
        <v>47</v>
      </c>
      <c r="D79519" s="14" t="s">
        <v>382</v>
      </c>
      <c r="E79519" s="15">
        <v>45690</v>
      </c>
      <c r="F79519" s="14" t="s">
        <v>61</v>
      </c>
      <c r="G79519" s="16">
        <v>0</v>
      </c>
    </row>
    <row r="79520" spans="1:7" x14ac:dyDescent="0.3">
      <c r="A79520" s="13" t="s">
        <v>404</v>
      </c>
      <c r="B79520" s="14" t="s">
        <v>1</v>
      </c>
      <c r="C79520" s="14" t="s">
        <v>47</v>
      </c>
      <c r="D79520" s="14" t="s">
        <v>382</v>
      </c>
      <c r="E79520" s="15">
        <v>45691</v>
      </c>
      <c r="F79520" s="14" t="s">
        <v>61</v>
      </c>
      <c r="G79520" s="16">
        <v>0</v>
      </c>
    </row>
    <row r="79521" spans="1:7" x14ac:dyDescent="0.3">
      <c r="A79521" s="13" t="s">
        <v>404</v>
      </c>
      <c r="B79521" s="14" t="s">
        <v>1</v>
      </c>
      <c r="C79521" s="14" t="s">
        <v>47</v>
      </c>
      <c r="D79521" s="14" t="s">
        <v>382</v>
      </c>
      <c r="E79521" s="15">
        <v>45692</v>
      </c>
      <c r="F79521" s="14" t="s">
        <v>61</v>
      </c>
      <c r="G79521" s="16">
        <v>0</v>
      </c>
    </row>
    <row r="79522" spans="1:7" x14ac:dyDescent="0.3">
      <c r="A79522" s="13" t="s">
        <v>404</v>
      </c>
      <c r="B79522" s="14" t="s">
        <v>1</v>
      </c>
      <c r="C79522" s="14" t="s">
        <v>47</v>
      </c>
      <c r="D79522" s="14" t="s">
        <v>382</v>
      </c>
      <c r="E79522" s="15">
        <v>45693</v>
      </c>
      <c r="F79522" s="14" t="s">
        <v>61</v>
      </c>
      <c r="G79522" s="16">
        <v>0</v>
      </c>
    </row>
    <row r="79523" spans="1:7" x14ac:dyDescent="0.3">
      <c r="A79523" s="13" t="s">
        <v>404</v>
      </c>
      <c r="B79523" s="14" t="s">
        <v>1</v>
      </c>
      <c r="C79523" s="14" t="s">
        <v>47</v>
      </c>
      <c r="D79523" s="14" t="s">
        <v>382</v>
      </c>
      <c r="E79523" s="15">
        <v>45694</v>
      </c>
      <c r="F79523" s="14" t="s">
        <v>61</v>
      </c>
      <c r="G79523" s="16">
        <v>0</v>
      </c>
    </row>
    <row r="79524" spans="1:7" x14ac:dyDescent="0.3">
      <c r="A79524" s="13" t="s">
        <v>404</v>
      </c>
      <c r="B79524" s="14" t="s">
        <v>1</v>
      </c>
      <c r="C79524" s="14" t="s">
        <v>47</v>
      </c>
      <c r="D79524" s="14" t="s">
        <v>382</v>
      </c>
      <c r="E79524" s="15">
        <v>45695</v>
      </c>
      <c r="F79524" s="14" t="s">
        <v>61</v>
      </c>
      <c r="G79524" s="16">
        <v>0</v>
      </c>
    </row>
    <row r="79525" spans="1:7" x14ac:dyDescent="0.3">
      <c r="A79525" s="13" t="s">
        <v>404</v>
      </c>
      <c r="B79525" s="14" t="s">
        <v>1</v>
      </c>
      <c r="C79525" s="14" t="s">
        <v>47</v>
      </c>
      <c r="D79525" s="14" t="s">
        <v>382</v>
      </c>
      <c r="E79525" s="15">
        <v>45696</v>
      </c>
      <c r="F79525" s="14" t="s">
        <v>61</v>
      </c>
      <c r="G79525" s="16">
        <v>0</v>
      </c>
    </row>
    <row r="79526" spans="1:7" x14ac:dyDescent="0.3">
      <c r="A79526" s="13" t="s">
        <v>404</v>
      </c>
      <c r="B79526" s="14" t="s">
        <v>1</v>
      </c>
      <c r="C79526" s="14" t="s">
        <v>47</v>
      </c>
      <c r="D79526" s="14" t="s">
        <v>382</v>
      </c>
      <c r="E79526" s="15">
        <v>45697</v>
      </c>
      <c r="F79526" s="14" t="s">
        <v>61</v>
      </c>
      <c r="G79526" s="16">
        <v>0</v>
      </c>
    </row>
    <row r="79527" spans="1:7" x14ac:dyDescent="0.3">
      <c r="A79527" s="13" t="s">
        <v>404</v>
      </c>
      <c r="B79527" s="14" t="s">
        <v>1</v>
      </c>
      <c r="C79527" s="14" t="s">
        <v>47</v>
      </c>
      <c r="D79527" s="14" t="s">
        <v>382</v>
      </c>
      <c r="E79527" s="15">
        <v>45698</v>
      </c>
      <c r="F79527" s="14" t="s">
        <v>61</v>
      </c>
      <c r="G79527" s="16">
        <v>0</v>
      </c>
    </row>
    <row r="79528" spans="1:7" x14ac:dyDescent="0.3">
      <c r="A79528" s="13" t="s">
        <v>404</v>
      </c>
      <c r="B79528" s="14" t="s">
        <v>1</v>
      </c>
      <c r="C79528" s="14" t="s">
        <v>47</v>
      </c>
      <c r="D79528" s="14" t="s">
        <v>382</v>
      </c>
      <c r="E79528" s="15">
        <v>45699</v>
      </c>
      <c r="F79528" s="14" t="s">
        <v>61</v>
      </c>
      <c r="G79528" s="16">
        <v>0</v>
      </c>
    </row>
    <row r="79529" spans="1:7" x14ac:dyDescent="0.3">
      <c r="A79529" s="13" t="s">
        <v>404</v>
      </c>
      <c r="B79529" s="14" t="s">
        <v>1</v>
      </c>
      <c r="C79529" s="14" t="s">
        <v>47</v>
      </c>
      <c r="D79529" s="14" t="s">
        <v>382</v>
      </c>
      <c r="E79529" s="15">
        <v>45700</v>
      </c>
      <c r="F79529" s="14" t="s">
        <v>61</v>
      </c>
      <c r="G79529" s="16">
        <v>0</v>
      </c>
    </row>
    <row r="79530" spans="1:7" x14ac:dyDescent="0.3">
      <c r="A79530" s="13" t="s">
        <v>404</v>
      </c>
      <c r="B79530" s="14" t="s">
        <v>1</v>
      </c>
      <c r="C79530" s="14" t="s">
        <v>47</v>
      </c>
      <c r="D79530" s="14" t="s">
        <v>382</v>
      </c>
      <c r="E79530" s="15">
        <v>45701</v>
      </c>
      <c r="F79530" s="14" t="s">
        <v>61</v>
      </c>
      <c r="G79530" s="16">
        <v>0</v>
      </c>
    </row>
    <row r="79531" spans="1:7" x14ac:dyDescent="0.3">
      <c r="A79531" s="13" t="s">
        <v>404</v>
      </c>
      <c r="B79531" s="14" t="s">
        <v>1</v>
      </c>
      <c r="C79531" s="14" t="s">
        <v>47</v>
      </c>
      <c r="D79531" s="14" t="s">
        <v>382</v>
      </c>
      <c r="E79531" s="15">
        <v>45702</v>
      </c>
      <c r="F79531" s="14" t="s">
        <v>61</v>
      </c>
      <c r="G79531" s="16">
        <v>0</v>
      </c>
    </row>
    <row r="79532" spans="1:7" x14ac:dyDescent="0.3">
      <c r="A79532" s="13" t="s">
        <v>404</v>
      </c>
      <c r="B79532" s="14" t="s">
        <v>1</v>
      </c>
      <c r="C79532" s="14" t="s">
        <v>47</v>
      </c>
      <c r="D79532" s="14" t="s">
        <v>382</v>
      </c>
      <c r="E79532" s="15">
        <v>45703</v>
      </c>
      <c r="F79532" s="14" t="s">
        <v>61</v>
      </c>
      <c r="G79532" s="16">
        <v>0</v>
      </c>
    </row>
    <row r="79533" spans="1:7" x14ac:dyDescent="0.3">
      <c r="A79533" s="13" t="s">
        <v>404</v>
      </c>
      <c r="B79533" s="14" t="s">
        <v>1</v>
      </c>
      <c r="C79533" s="14" t="s">
        <v>47</v>
      </c>
      <c r="D79533" s="14" t="s">
        <v>382</v>
      </c>
      <c r="E79533" s="15">
        <v>45704</v>
      </c>
      <c r="F79533" s="14" t="s">
        <v>61</v>
      </c>
      <c r="G79533" s="16">
        <v>0</v>
      </c>
    </row>
    <row r="79534" spans="1:7" x14ac:dyDescent="0.3">
      <c r="A79534" s="13" t="s">
        <v>404</v>
      </c>
      <c r="B79534" s="14" t="s">
        <v>1</v>
      </c>
      <c r="C79534" s="14" t="s">
        <v>47</v>
      </c>
      <c r="D79534" s="14" t="s">
        <v>382</v>
      </c>
      <c r="E79534" s="15">
        <v>45705</v>
      </c>
      <c r="F79534" s="14" t="s">
        <v>61</v>
      </c>
      <c r="G79534" s="16">
        <v>0</v>
      </c>
    </row>
    <row r="79535" spans="1:7" x14ac:dyDescent="0.3">
      <c r="A79535" s="13" t="s">
        <v>404</v>
      </c>
      <c r="B79535" s="14" t="s">
        <v>1</v>
      </c>
      <c r="C79535" s="14" t="s">
        <v>47</v>
      </c>
      <c r="D79535" s="14" t="s">
        <v>382</v>
      </c>
      <c r="E79535" s="15">
        <v>45706</v>
      </c>
      <c r="F79535" s="14" t="s">
        <v>61</v>
      </c>
      <c r="G79535" s="16">
        <v>0</v>
      </c>
    </row>
    <row r="79536" spans="1:7" x14ac:dyDescent="0.3">
      <c r="A79536" s="13" t="s">
        <v>404</v>
      </c>
      <c r="B79536" s="14" t="s">
        <v>1</v>
      </c>
      <c r="C79536" s="14" t="s">
        <v>47</v>
      </c>
      <c r="D79536" s="14" t="s">
        <v>382</v>
      </c>
      <c r="E79536" s="15">
        <v>45707</v>
      </c>
      <c r="F79536" s="14" t="s">
        <v>61</v>
      </c>
      <c r="G79536" s="16">
        <v>0</v>
      </c>
    </row>
    <row r="79537" spans="1:7" x14ac:dyDescent="0.3">
      <c r="A79537" s="13" t="s">
        <v>404</v>
      </c>
      <c r="B79537" s="14" t="s">
        <v>1</v>
      </c>
      <c r="C79537" s="14" t="s">
        <v>47</v>
      </c>
      <c r="D79537" s="14" t="s">
        <v>382</v>
      </c>
      <c r="E79537" s="15">
        <v>45708</v>
      </c>
      <c r="F79537" s="14" t="s">
        <v>61</v>
      </c>
      <c r="G79537" s="16">
        <v>0</v>
      </c>
    </row>
    <row r="79538" spans="1:7" x14ac:dyDescent="0.3">
      <c r="A79538" s="13" t="s">
        <v>404</v>
      </c>
      <c r="B79538" s="14" t="s">
        <v>1</v>
      </c>
      <c r="C79538" s="14" t="s">
        <v>47</v>
      </c>
      <c r="D79538" s="14" t="s">
        <v>382</v>
      </c>
      <c r="E79538" s="15">
        <v>45709</v>
      </c>
      <c r="F79538" s="14" t="s">
        <v>61</v>
      </c>
      <c r="G79538" s="16">
        <v>0</v>
      </c>
    </row>
    <row r="79539" spans="1:7" x14ac:dyDescent="0.3">
      <c r="A79539" s="13" t="s">
        <v>404</v>
      </c>
      <c r="B79539" s="14" t="s">
        <v>1</v>
      </c>
      <c r="C79539" s="14" t="s">
        <v>47</v>
      </c>
      <c r="D79539" s="14" t="s">
        <v>382</v>
      </c>
      <c r="E79539" s="15">
        <v>45710</v>
      </c>
      <c r="F79539" s="14" t="s">
        <v>61</v>
      </c>
      <c r="G79539" s="16">
        <v>0</v>
      </c>
    </row>
    <row r="79540" spans="1:7" x14ac:dyDescent="0.3">
      <c r="A79540" s="13" t="s">
        <v>404</v>
      </c>
      <c r="B79540" s="14" t="s">
        <v>1</v>
      </c>
      <c r="C79540" s="14" t="s">
        <v>47</v>
      </c>
      <c r="D79540" s="14" t="s">
        <v>382</v>
      </c>
      <c r="E79540" s="15">
        <v>45711</v>
      </c>
      <c r="F79540" s="14" t="s">
        <v>61</v>
      </c>
      <c r="G79540" s="16">
        <v>0</v>
      </c>
    </row>
    <row r="79541" spans="1:7" x14ac:dyDescent="0.3">
      <c r="A79541" s="13" t="s">
        <v>404</v>
      </c>
      <c r="B79541" s="14" t="s">
        <v>1</v>
      </c>
      <c r="C79541" s="14" t="s">
        <v>47</v>
      </c>
      <c r="D79541" s="14" t="s">
        <v>382</v>
      </c>
      <c r="E79541" s="15">
        <v>45712</v>
      </c>
      <c r="F79541" s="14" t="s">
        <v>61</v>
      </c>
      <c r="G79541" s="16">
        <v>0</v>
      </c>
    </row>
    <row r="79542" spans="1:7" x14ac:dyDescent="0.3">
      <c r="A79542" s="13" t="s">
        <v>404</v>
      </c>
      <c r="B79542" s="14" t="s">
        <v>1</v>
      </c>
      <c r="C79542" s="14" t="s">
        <v>47</v>
      </c>
      <c r="D79542" s="14" t="s">
        <v>382</v>
      </c>
      <c r="E79542" s="15">
        <v>45713</v>
      </c>
      <c r="F79542" s="14" t="s">
        <v>61</v>
      </c>
      <c r="G79542" s="16">
        <v>0</v>
      </c>
    </row>
    <row r="79543" spans="1:7" x14ac:dyDescent="0.3">
      <c r="A79543" s="13" t="s">
        <v>404</v>
      </c>
      <c r="B79543" s="14" t="s">
        <v>1</v>
      </c>
      <c r="C79543" s="14" t="s">
        <v>47</v>
      </c>
      <c r="D79543" s="14" t="s">
        <v>382</v>
      </c>
      <c r="E79543" s="15">
        <v>45714</v>
      </c>
      <c r="F79543" s="14" t="s">
        <v>61</v>
      </c>
      <c r="G79543" s="16">
        <v>0</v>
      </c>
    </row>
    <row r="79544" spans="1:7" x14ac:dyDescent="0.3">
      <c r="A79544" s="13" t="s">
        <v>404</v>
      </c>
      <c r="B79544" s="14" t="s">
        <v>1</v>
      </c>
      <c r="C79544" s="14" t="s">
        <v>47</v>
      </c>
      <c r="D79544" s="14" t="s">
        <v>382</v>
      </c>
      <c r="E79544" s="15">
        <v>45715</v>
      </c>
      <c r="F79544" s="14" t="s">
        <v>61</v>
      </c>
      <c r="G79544" s="16">
        <v>0</v>
      </c>
    </row>
    <row r="79545" spans="1:7" x14ac:dyDescent="0.3">
      <c r="A79545" s="13" t="s">
        <v>404</v>
      </c>
      <c r="B79545" s="14" t="s">
        <v>1</v>
      </c>
      <c r="C79545" s="14" t="s">
        <v>47</v>
      </c>
      <c r="D79545" s="14" t="s">
        <v>382</v>
      </c>
      <c r="E79545" s="15">
        <v>45716</v>
      </c>
      <c r="F79545" s="14" t="s">
        <v>61</v>
      </c>
      <c r="G79545" s="16">
        <v>0</v>
      </c>
    </row>
    <row r="79546" spans="1:7" x14ac:dyDescent="0.3">
      <c r="A79546" s="13" t="s">
        <v>404</v>
      </c>
      <c r="B79546" s="14" t="s">
        <v>1</v>
      </c>
      <c r="C79546" s="14" t="s">
        <v>47</v>
      </c>
      <c r="D79546" s="14" t="s">
        <v>382</v>
      </c>
      <c r="E79546" s="15">
        <v>45717</v>
      </c>
      <c r="F79546" s="14" t="s">
        <v>61</v>
      </c>
      <c r="G79546" s="16">
        <v>0</v>
      </c>
    </row>
    <row r="79547" spans="1:7" x14ac:dyDescent="0.3">
      <c r="A79547" s="13" t="s">
        <v>404</v>
      </c>
      <c r="B79547" s="14" t="s">
        <v>1</v>
      </c>
      <c r="C79547" s="14" t="s">
        <v>47</v>
      </c>
      <c r="D79547" s="14" t="s">
        <v>382</v>
      </c>
      <c r="E79547" s="15">
        <v>45718</v>
      </c>
      <c r="F79547" s="14" t="s">
        <v>61</v>
      </c>
      <c r="G79547" s="16">
        <v>0</v>
      </c>
    </row>
    <row r="79548" spans="1:7" x14ac:dyDescent="0.3">
      <c r="A79548" s="13" t="s">
        <v>404</v>
      </c>
      <c r="B79548" s="14" t="s">
        <v>1</v>
      </c>
      <c r="C79548" s="14" t="s">
        <v>47</v>
      </c>
      <c r="D79548" s="14" t="s">
        <v>382</v>
      </c>
      <c r="E79548" s="15">
        <v>45719</v>
      </c>
      <c r="F79548" s="14" t="s">
        <v>61</v>
      </c>
      <c r="G79548" s="16">
        <v>0</v>
      </c>
    </row>
    <row r="79549" spans="1:7" x14ac:dyDescent="0.3">
      <c r="A79549" s="13" t="s">
        <v>404</v>
      </c>
      <c r="B79549" s="14" t="s">
        <v>1</v>
      </c>
      <c r="C79549" s="14" t="s">
        <v>47</v>
      </c>
      <c r="D79549" s="14" t="s">
        <v>382</v>
      </c>
      <c r="E79549" s="15">
        <v>45720</v>
      </c>
      <c r="F79549" s="14" t="s">
        <v>61</v>
      </c>
      <c r="G79549" s="16">
        <v>0</v>
      </c>
    </row>
    <row r="79550" spans="1:7" x14ac:dyDescent="0.3">
      <c r="A79550" s="13" t="s">
        <v>404</v>
      </c>
      <c r="B79550" s="14" t="s">
        <v>1</v>
      </c>
      <c r="C79550" s="14" t="s">
        <v>47</v>
      </c>
      <c r="D79550" s="14" t="s">
        <v>382</v>
      </c>
      <c r="E79550" s="15">
        <v>45721</v>
      </c>
      <c r="F79550" s="14" t="s">
        <v>61</v>
      </c>
      <c r="G79550" s="16">
        <v>0</v>
      </c>
    </row>
    <row r="79551" spans="1:7" x14ac:dyDescent="0.3">
      <c r="A79551" s="13" t="s">
        <v>404</v>
      </c>
      <c r="B79551" s="14" t="s">
        <v>1</v>
      </c>
      <c r="C79551" s="14" t="s">
        <v>47</v>
      </c>
      <c r="D79551" s="14" t="s">
        <v>382</v>
      </c>
      <c r="E79551" s="15">
        <v>45722</v>
      </c>
      <c r="F79551" s="14" t="s">
        <v>61</v>
      </c>
      <c r="G79551" s="16">
        <v>0</v>
      </c>
    </row>
    <row r="79552" spans="1:7" x14ac:dyDescent="0.3">
      <c r="A79552" s="13" t="s">
        <v>404</v>
      </c>
      <c r="B79552" s="14" t="s">
        <v>1</v>
      </c>
      <c r="C79552" s="14" t="s">
        <v>47</v>
      </c>
      <c r="D79552" s="14" t="s">
        <v>382</v>
      </c>
      <c r="E79552" s="15">
        <v>45723</v>
      </c>
      <c r="F79552" s="14" t="s">
        <v>61</v>
      </c>
      <c r="G79552" s="16">
        <v>0</v>
      </c>
    </row>
    <row r="79553" spans="1:7" x14ac:dyDescent="0.3">
      <c r="A79553" s="13" t="s">
        <v>404</v>
      </c>
      <c r="B79553" s="14" t="s">
        <v>1</v>
      </c>
      <c r="C79553" s="14" t="s">
        <v>47</v>
      </c>
      <c r="D79553" s="14" t="s">
        <v>382</v>
      </c>
      <c r="E79553" s="15">
        <v>45724</v>
      </c>
      <c r="F79553" s="14" t="s">
        <v>61</v>
      </c>
      <c r="G79553" s="16">
        <v>0</v>
      </c>
    </row>
    <row r="79554" spans="1:7" x14ac:dyDescent="0.3">
      <c r="A79554" s="13" t="s">
        <v>404</v>
      </c>
      <c r="B79554" s="14" t="s">
        <v>1</v>
      </c>
      <c r="C79554" s="14" t="s">
        <v>47</v>
      </c>
      <c r="D79554" s="14" t="s">
        <v>382</v>
      </c>
      <c r="E79554" s="15">
        <v>45725</v>
      </c>
      <c r="F79554" s="14" t="s">
        <v>61</v>
      </c>
      <c r="G79554" s="16">
        <v>0</v>
      </c>
    </row>
    <row r="79555" spans="1:7" x14ac:dyDescent="0.3">
      <c r="A79555" s="13" t="s">
        <v>404</v>
      </c>
      <c r="B79555" s="14" t="s">
        <v>1</v>
      </c>
      <c r="C79555" s="14" t="s">
        <v>47</v>
      </c>
      <c r="D79555" s="14" t="s">
        <v>382</v>
      </c>
      <c r="E79555" s="15">
        <v>45726</v>
      </c>
      <c r="F79555" s="14" t="s">
        <v>61</v>
      </c>
      <c r="G79555" s="16">
        <v>0</v>
      </c>
    </row>
    <row r="79556" spans="1:7" x14ac:dyDescent="0.3">
      <c r="A79556" s="13" t="s">
        <v>404</v>
      </c>
      <c r="B79556" s="14" t="s">
        <v>1</v>
      </c>
      <c r="C79556" s="14" t="s">
        <v>47</v>
      </c>
      <c r="D79556" s="14" t="s">
        <v>382</v>
      </c>
      <c r="E79556" s="15">
        <v>45727</v>
      </c>
      <c r="F79556" s="14" t="s">
        <v>61</v>
      </c>
      <c r="G79556" s="16">
        <v>0</v>
      </c>
    </row>
    <row r="79557" spans="1:7" x14ac:dyDescent="0.3">
      <c r="A79557" s="13" t="s">
        <v>404</v>
      </c>
      <c r="B79557" s="14" t="s">
        <v>1</v>
      </c>
      <c r="C79557" s="14" t="s">
        <v>47</v>
      </c>
      <c r="D79557" s="14" t="s">
        <v>382</v>
      </c>
      <c r="E79557" s="15">
        <v>45728</v>
      </c>
      <c r="F79557" s="14" t="s">
        <v>61</v>
      </c>
      <c r="G79557" s="16">
        <v>0</v>
      </c>
    </row>
    <row r="79558" spans="1:7" x14ac:dyDescent="0.3">
      <c r="A79558" s="13" t="s">
        <v>404</v>
      </c>
      <c r="B79558" s="14" t="s">
        <v>1</v>
      </c>
      <c r="C79558" s="14" t="s">
        <v>47</v>
      </c>
      <c r="D79558" s="14" t="s">
        <v>382</v>
      </c>
      <c r="E79558" s="15">
        <v>45729</v>
      </c>
      <c r="F79558" s="14" t="s">
        <v>61</v>
      </c>
      <c r="G79558" s="16">
        <v>0</v>
      </c>
    </row>
    <row r="79559" spans="1:7" x14ac:dyDescent="0.3">
      <c r="A79559" s="13" t="s">
        <v>404</v>
      </c>
      <c r="B79559" s="14" t="s">
        <v>1</v>
      </c>
      <c r="C79559" s="14" t="s">
        <v>47</v>
      </c>
      <c r="D79559" s="14" t="s">
        <v>382</v>
      </c>
      <c r="E79559" s="15">
        <v>45730</v>
      </c>
      <c r="F79559" s="14" t="s">
        <v>61</v>
      </c>
      <c r="G79559" s="16">
        <v>0</v>
      </c>
    </row>
    <row r="79560" spans="1:7" x14ac:dyDescent="0.3">
      <c r="A79560" s="13" t="s">
        <v>404</v>
      </c>
      <c r="B79560" s="14" t="s">
        <v>1</v>
      </c>
      <c r="C79560" s="14" t="s">
        <v>47</v>
      </c>
      <c r="D79560" s="14" t="s">
        <v>382</v>
      </c>
      <c r="E79560" s="15">
        <v>45731</v>
      </c>
      <c r="F79560" s="14" t="s">
        <v>61</v>
      </c>
      <c r="G79560" s="16">
        <v>0</v>
      </c>
    </row>
    <row r="79561" spans="1:7" x14ac:dyDescent="0.3">
      <c r="A79561" s="13" t="s">
        <v>404</v>
      </c>
      <c r="B79561" s="14" t="s">
        <v>1</v>
      </c>
      <c r="C79561" s="14" t="s">
        <v>47</v>
      </c>
      <c r="D79561" s="14" t="s">
        <v>382</v>
      </c>
      <c r="E79561" s="15">
        <v>45732</v>
      </c>
      <c r="F79561" s="14" t="s">
        <v>61</v>
      </c>
      <c r="G79561" s="16">
        <v>0</v>
      </c>
    </row>
    <row r="79562" spans="1:7" x14ac:dyDescent="0.3">
      <c r="A79562" s="13" t="s">
        <v>404</v>
      </c>
      <c r="B79562" s="14" t="s">
        <v>1</v>
      </c>
      <c r="C79562" s="14" t="s">
        <v>47</v>
      </c>
      <c r="D79562" s="14" t="s">
        <v>382</v>
      </c>
      <c r="E79562" s="15">
        <v>45733</v>
      </c>
      <c r="F79562" s="14" t="s">
        <v>61</v>
      </c>
      <c r="G79562" s="16">
        <v>0</v>
      </c>
    </row>
    <row r="79563" spans="1:7" x14ac:dyDescent="0.3">
      <c r="A79563" s="13" t="s">
        <v>404</v>
      </c>
      <c r="B79563" s="14" t="s">
        <v>1</v>
      </c>
      <c r="C79563" s="14" t="s">
        <v>47</v>
      </c>
      <c r="D79563" s="14" t="s">
        <v>382</v>
      </c>
      <c r="E79563" s="15">
        <v>45734</v>
      </c>
      <c r="F79563" s="14" t="s">
        <v>61</v>
      </c>
      <c r="G79563" s="16">
        <v>0</v>
      </c>
    </row>
    <row r="79564" spans="1:7" x14ac:dyDescent="0.3">
      <c r="A79564" s="13" t="s">
        <v>404</v>
      </c>
      <c r="B79564" s="14" t="s">
        <v>1</v>
      </c>
      <c r="C79564" s="14" t="s">
        <v>47</v>
      </c>
      <c r="D79564" s="14" t="s">
        <v>382</v>
      </c>
      <c r="E79564" s="15">
        <v>45735</v>
      </c>
      <c r="F79564" s="14" t="s">
        <v>61</v>
      </c>
      <c r="G79564" s="16">
        <v>0</v>
      </c>
    </row>
    <row r="79565" spans="1:7" x14ac:dyDescent="0.3">
      <c r="A79565" s="13" t="s">
        <v>404</v>
      </c>
      <c r="B79565" s="14" t="s">
        <v>1</v>
      </c>
      <c r="C79565" s="14" t="s">
        <v>47</v>
      </c>
      <c r="D79565" s="14" t="s">
        <v>382</v>
      </c>
      <c r="E79565" s="15">
        <v>45736</v>
      </c>
      <c r="F79565" s="14" t="s">
        <v>61</v>
      </c>
      <c r="G79565" s="16">
        <v>0</v>
      </c>
    </row>
    <row r="79566" spans="1:7" x14ac:dyDescent="0.3">
      <c r="A79566" s="13" t="s">
        <v>404</v>
      </c>
      <c r="B79566" s="14" t="s">
        <v>1</v>
      </c>
      <c r="C79566" s="14" t="s">
        <v>47</v>
      </c>
      <c r="D79566" s="14" t="s">
        <v>382</v>
      </c>
      <c r="E79566" s="15">
        <v>45737</v>
      </c>
      <c r="F79566" s="14" t="s">
        <v>61</v>
      </c>
      <c r="G79566" s="16">
        <v>0</v>
      </c>
    </row>
    <row r="79567" spans="1:7" x14ac:dyDescent="0.3">
      <c r="A79567" s="13" t="s">
        <v>404</v>
      </c>
      <c r="B79567" s="14" t="s">
        <v>1</v>
      </c>
      <c r="C79567" s="14" t="s">
        <v>47</v>
      </c>
      <c r="D79567" s="14" t="s">
        <v>382</v>
      </c>
      <c r="E79567" s="15">
        <v>45738</v>
      </c>
      <c r="F79567" s="14" t="s">
        <v>61</v>
      </c>
      <c r="G79567" s="16">
        <v>0</v>
      </c>
    </row>
    <row r="79568" spans="1:7" x14ac:dyDescent="0.3">
      <c r="A79568" s="13" t="s">
        <v>404</v>
      </c>
      <c r="B79568" s="14" t="s">
        <v>1</v>
      </c>
      <c r="C79568" s="14" t="s">
        <v>47</v>
      </c>
      <c r="D79568" s="14" t="s">
        <v>382</v>
      </c>
      <c r="E79568" s="15">
        <v>45739</v>
      </c>
      <c r="F79568" s="14" t="s">
        <v>61</v>
      </c>
      <c r="G79568" s="16">
        <v>0</v>
      </c>
    </row>
    <row r="79569" spans="1:7" x14ac:dyDescent="0.3">
      <c r="A79569" s="13" t="s">
        <v>404</v>
      </c>
      <c r="B79569" s="14" t="s">
        <v>1</v>
      </c>
      <c r="C79569" s="14" t="s">
        <v>47</v>
      </c>
      <c r="D79569" s="14" t="s">
        <v>382</v>
      </c>
      <c r="E79569" s="15">
        <v>45740</v>
      </c>
      <c r="F79569" s="14" t="s">
        <v>61</v>
      </c>
      <c r="G79569" s="16">
        <v>0</v>
      </c>
    </row>
    <row r="79570" spans="1:7" x14ac:dyDescent="0.3">
      <c r="A79570" s="13" t="s">
        <v>404</v>
      </c>
      <c r="B79570" s="14" t="s">
        <v>1</v>
      </c>
      <c r="C79570" s="14" t="s">
        <v>47</v>
      </c>
      <c r="D79570" s="14" t="s">
        <v>382</v>
      </c>
      <c r="E79570" s="15">
        <v>45741</v>
      </c>
      <c r="F79570" s="14" t="s">
        <v>61</v>
      </c>
      <c r="G79570" s="16">
        <v>0</v>
      </c>
    </row>
    <row r="79571" spans="1:7" x14ac:dyDescent="0.3">
      <c r="A79571" s="13" t="s">
        <v>404</v>
      </c>
      <c r="B79571" s="14" t="s">
        <v>1</v>
      </c>
      <c r="C79571" s="14" t="s">
        <v>47</v>
      </c>
      <c r="D79571" s="14" t="s">
        <v>382</v>
      </c>
      <c r="E79571" s="15">
        <v>45742</v>
      </c>
      <c r="F79571" s="14" t="s">
        <v>61</v>
      </c>
      <c r="G79571" s="16">
        <v>0</v>
      </c>
    </row>
    <row r="79572" spans="1:7" x14ac:dyDescent="0.3">
      <c r="A79572" s="13" t="s">
        <v>404</v>
      </c>
      <c r="B79572" s="14" t="s">
        <v>1</v>
      </c>
      <c r="C79572" s="14" t="s">
        <v>47</v>
      </c>
      <c r="D79572" s="14" t="s">
        <v>382</v>
      </c>
      <c r="E79572" s="15">
        <v>45743</v>
      </c>
      <c r="F79572" s="14" t="s">
        <v>61</v>
      </c>
      <c r="G79572" s="16">
        <v>0</v>
      </c>
    </row>
    <row r="79573" spans="1:7" x14ac:dyDescent="0.3">
      <c r="A79573" s="13" t="s">
        <v>404</v>
      </c>
      <c r="B79573" s="14" t="s">
        <v>1</v>
      </c>
      <c r="C79573" s="14" t="s">
        <v>47</v>
      </c>
      <c r="D79573" s="14" t="s">
        <v>382</v>
      </c>
      <c r="E79573" s="15">
        <v>45744</v>
      </c>
      <c r="F79573" s="14" t="s">
        <v>61</v>
      </c>
      <c r="G79573" s="16">
        <v>0</v>
      </c>
    </row>
    <row r="79574" spans="1:7" x14ac:dyDescent="0.3">
      <c r="A79574" s="13" t="s">
        <v>404</v>
      </c>
      <c r="B79574" s="14" t="s">
        <v>1</v>
      </c>
      <c r="C79574" s="14" t="s">
        <v>47</v>
      </c>
      <c r="D79574" s="14" t="s">
        <v>382</v>
      </c>
      <c r="E79574" s="15">
        <v>45745</v>
      </c>
      <c r="F79574" s="14" t="s">
        <v>61</v>
      </c>
      <c r="G79574" s="16">
        <v>0</v>
      </c>
    </row>
    <row r="79575" spans="1:7" x14ac:dyDescent="0.3">
      <c r="A79575" s="13" t="s">
        <v>404</v>
      </c>
      <c r="B79575" s="14" t="s">
        <v>1</v>
      </c>
      <c r="C79575" s="14" t="s">
        <v>47</v>
      </c>
      <c r="D79575" s="14" t="s">
        <v>382</v>
      </c>
      <c r="E79575" s="15">
        <v>45746</v>
      </c>
      <c r="F79575" s="14" t="s">
        <v>61</v>
      </c>
      <c r="G79575" s="16">
        <v>0</v>
      </c>
    </row>
    <row r="79576" spans="1:7" x14ac:dyDescent="0.3">
      <c r="A79576" s="13" t="s">
        <v>404</v>
      </c>
      <c r="B79576" s="14" t="s">
        <v>1</v>
      </c>
      <c r="C79576" s="14" t="s">
        <v>47</v>
      </c>
      <c r="D79576" s="14" t="s">
        <v>382</v>
      </c>
      <c r="E79576" s="15">
        <v>45747</v>
      </c>
      <c r="F79576" s="14" t="s">
        <v>61</v>
      </c>
      <c r="G79576" s="16">
        <v>0</v>
      </c>
    </row>
    <row r="79577" spans="1:7" x14ac:dyDescent="0.3">
      <c r="A79577" s="13" t="s">
        <v>405</v>
      </c>
      <c r="B79577" s="14" t="s">
        <v>1</v>
      </c>
      <c r="C79577" s="14" t="s">
        <v>20</v>
      </c>
      <c r="D79577" s="14" t="s">
        <v>406</v>
      </c>
      <c r="E79577" s="15">
        <v>45383</v>
      </c>
      <c r="F79577" s="14" t="s">
        <v>15</v>
      </c>
      <c r="G79577" s="16">
        <v>0</v>
      </c>
    </row>
    <row r="79578" spans="1:7" x14ac:dyDescent="0.3">
      <c r="A79578" s="13" t="s">
        <v>405</v>
      </c>
      <c r="B79578" s="14" t="s">
        <v>1</v>
      </c>
      <c r="C79578" s="14" t="s">
        <v>20</v>
      </c>
      <c r="D79578" s="14" t="s">
        <v>406</v>
      </c>
      <c r="E79578" s="15">
        <v>45384</v>
      </c>
      <c r="F79578" s="14" t="s">
        <v>15</v>
      </c>
      <c r="G79578" s="16">
        <v>0</v>
      </c>
    </row>
    <row r="79579" spans="1:7" x14ac:dyDescent="0.3">
      <c r="A79579" s="13" t="s">
        <v>405</v>
      </c>
      <c r="B79579" s="14" t="s">
        <v>1</v>
      </c>
      <c r="C79579" s="14" t="s">
        <v>20</v>
      </c>
      <c r="D79579" s="14" t="s">
        <v>406</v>
      </c>
      <c r="E79579" s="15">
        <v>45385</v>
      </c>
      <c r="F79579" s="14" t="s">
        <v>15</v>
      </c>
      <c r="G79579" s="16">
        <v>2.6512950018050201E-2</v>
      </c>
    </row>
    <row r="79580" spans="1:7" x14ac:dyDescent="0.3">
      <c r="A79580" s="13" t="s">
        <v>405</v>
      </c>
      <c r="B79580" s="14" t="s">
        <v>1</v>
      </c>
      <c r="C79580" s="14" t="s">
        <v>20</v>
      </c>
      <c r="D79580" s="14" t="s">
        <v>406</v>
      </c>
      <c r="E79580" s="15">
        <v>45386</v>
      </c>
      <c r="F79580" s="14" t="s">
        <v>15</v>
      </c>
      <c r="G79580" s="16">
        <v>4.0539773510018272E-2</v>
      </c>
    </row>
    <row r="79581" spans="1:7" x14ac:dyDescent="0.3">
      <c r="A79581" s="13" t="s">
        <v>405</v>
      </c>
      <c r="B79581" s="14" t="s">
        <v>1</v>
      </c>
      <c r="C79581" s="14" t="s">
        <v>20</v>
      </c>
      <c r="D79581" s="14" t="s">
        <v>406</v>
      </c>
      <c r="E79581" s="15">
        <v>45387</v>
      </c>
      <c r="F79581" s="14" t="s">
        <v>15</v>
      </c>
      <c r="G79581" s="16">
        <v>4.8650947723406987E-2</v>
      </c>
    </row>
    <row r="79582" spans="1:7" x14ac:dyDescent="0.3">
      <c r="A79582" s="13" t="s">
        <v>405</v>
      </c>
      <c r="B79582" s="14" t="s">
        <v>1</v>
      </c>
      <c r="C79582" s="14" t="s">
        <v>20</v>
      </c>
      <c r="D79582" s="14" t="s">
        <v>406</v>
      </c>
      <c r="E79582" s="15">
        <v>45388</v>
      </c>
      <c r="F79582" s="14" t="s">
        <v>15</v>
      </c>
      <c r="G79582" s="16">
        <v>4.8650947723406987E-2</v>
      </c>
    </row>
    <row r="79583" spans="1:7" x14ac:dyDescent="0.3">
      <c r="A79583" s="13" t="s">
        <v>405</v>
      </c>
      <c r="B79583" s="14" t="s">
        <v>1</v>
      </c>
      <c r="C79583" s="14" t="s">
        <v>20</v>
      </c>
      <c r="D79583" s="14" t="s">
        <v>406</v>
      </c>
      <c r="E79583" s="15">
        <v>45389</v>
      </c>
      <c r="F79583" s="14" t="s">
        <v>15</v>
      </c>
      <c r="G79583" s="16">
        <v>4.8650947723406987E-2</v>
      </c>
    </row>
    <row r="79584" spans="1:7" x14ac:dyDescent="0.3">
      <c r="A79584" s="13" t="s">
        <v>405</v>
      </c>
      <c r="B79584" s="14" t="s">
        <v>1</v>
      </c>
      <c r="C79584" s="14" t="s">
        <v>20</v>
      </c>
      <c r="D79584" s="14" t="s">
        <v>406</v>
      </c>
      <c r="E79584" s="15">
        <v>45390</v>
      </c>
      <c r="F79584" s="14" t="s">
        <v>15</v>
      </c>
      <c r="G79584" s="16">
        <v>6.4209402735907806E-2</v>
      </c>
    </row>
    <row r="79585" spans="1:7" x14ac:dyDescent="0.3">
      <c r="A79585" s="13" t="s">
        <v>405</v>
      </c>
      <c r="B79585" s="14" t="s">
        <v>1</v>
      </c>
      <c r="C79585" s="14" t="s">
        <v>20</v>
      </c>
      <c r="D79585" s="14" t="s">
        <v>406</v>
      </c>
      <c r="E79585" s="15">
        <v>45391</v>
      </c>
      <c r="F79585" s="14" t="s">
        <v>15</v>
      </c>
      <c r="G79585" s="16">
        <v>8.4262863297798182E-2</v>
      </c>
    </row>
    <row r="79586" spans="1:7" x14ac:dyDescent="0.3">
      <c r="A79586" s="13" t="s">
        <v>405</v>
      </c>
      <c r="B79586" s="14" t="s">
        <v>1</v>
      </c>
      <c r="C79586" s="14" t="s">
        <v>20</v>
      </c>
      <c r="D79586" s="14" t="s">
        <v>406</v>
      </c>
      <c r="E79586" s="15">
        <v>45392</v>
      </c>
      <c r="F79586" s="14" t="s">
        <v>15</v>
      </c>
      <c r="G79586" s="16">
        <v>9.0442849941819517E-2</v>
      </c>
    </row>
    <row r="79587" spans="1:7" x14ac:dyDescent="0.3">
      <c r="A79587" s="13" t="s">
        <v>405</v>
      </c>
      <c r="B79587" s="14" t="s">
        <v>1</v>
      </c>
      <c r="C79587" s="14" t="s">
        <v>20</v>
      </c>
      <c r="D79587" s="14" t="s">
        <v>406</v>
      </c>
      <c r="E79587" s="15">
        <v>45393</v>
      </c>
      <c r="F79587" s="14" t="s">
        <v>15</v>
      </c>
      <c r="G79587" s="16">
        <v>9.621218175787194E-2</v>
      </c>
    </row>
    <row r="79588" spans="1:7" x14ac:dyDescent="0.3">
      <c r="A79588" s="13" t="s">
        <v>405</v>
      </c>
      <c r="B79588" s="14" t="s">
        <v>1</v>
      </c>
      <c r="C79588" s="14" t="s">
        <v>20</v>
      </c>
      <c r="D79588" s="14" t="s">
        <v>406</v>
      </c>
      <c r="E79588" s="15">
        <v>45394</v>
      </c>
      <c r="F79588" s="14" t="s">
        <v>15</v>
      </c>
      <c r="G79588" s="16">
        <v>0.10188162456171571</v>
      </c>
    </row>
    <row r="79589" spans="1:7" x14ac:dyDescent="0.3">
      <c r="A79589" s="13" t="s">
        <v>405</v>
      </c>
      <c r="B79589" s="14" t="s">
        <v>1</v>
      </c>
      <c r="C79589" s="14" t="s">
        <v>20</v>
      </c>
      <c r="D79589" s="14" t="s">
        <v>406</v>
      </c>
      <c r="E79589" s="15">
        <v>45395</v>
      </c>
      <c r="F79589" s="14" t="s">
        <v>15</v>
      </c>
      <c r="G79589" s="16">
        <v>0.10188162456171571</v>
      </c>
    </row>
    <row r="79590" spans="1:7" x14ac:dyDescent="0.3">
      <c r="A79590" s="13" t="s">
        <v>405</v>
      </c>
      <c r="B79590" s="14" t="s">
        <v>1</v>
      </c>
      <c r="C79590" s="14" t="s">
        <v>20</v>
      </c>
      <c r="D79590" s="14" t="s">
        <v>406</v>
      </c>
      <c r="E79590" s="15">
        <v>45396</v>
      </c>
      <c r="F79590" s="14" t="s">
        <v>15</v>
      </c>
      <c r="G79590" s="16">
        <v>0.10188162456171571</v>
      </c>
    </row>
    <row r="79591" spans="1:7" x14ac:dyDescent="0.3">
      <c r="A79591" s="13" t="s">
        <v>405</v>
      </c>
      <c r="B79591" s="14" t="s">
        <v>1</v>
      </c>
      <c r="C79591" s="14" t="s">
        <v>20</v>
      </c>
      <c r="D79591" s="14" t="s">
        <v>406</v>
      </c>
      <c r="E79591" s="15">
        <v>45397</v>
      </c>
      <c r="F79591" s="14" t="s">
        <v>15</v>
      </c>
      <c r="G79591" s="16">
        <v>0.10829468556755725</v>
      </c>
    </row>
    <row r="79592" spans="1:7" x14ac:dyDescent="0.3">
      <c r="A79592" s="13" t="s">
        <v>405</v>
      </c>
      <c r="B79592" s="14" t="s">
        <v>1</v>
      </c>
      <c r="C79592" s="14" t="s">
        <v>20</v>
      </c>
      <c r="D79592" s="14" t="s">
        <v>406</v>
      </c>
      <c r="E79592" s="15">
        <v>45398</v>
      </c>
      <c r="F79592" s="14" t="s">
        <v>15</v>
      </c>
      <c r="G79592" s="16">
        <v>0.12528488308838215</v>
      </c>
    </row>
    <row r="79593" spans="1:7" x14ac:dyDescent="0.3">
      <c r="A79593" s="13" t="s">
        <v>405</v>
      </c>
      <c r="B79593" s="14" t="s">
        <v>1</v>
      </c>
      <c r="C79593" s="14" t="s">
        <v>20</v>
      </c>
      <c r="D79593" s="14" t="s">
        <v>406</v>
      </c>
      <c r="E79593" s="15">
        <v>45399</v>
      </c>
      <c r="F79593" s="14" t="s">
        <v>15</v>
      </c>
      <c r="G79593" s="16">
        <v>0.13102091856703166</v>
      </c>
    </row>
    <row r="79594" spans="1:7" x14ac:dyDescent="0.3">
      <c r="A79594" s="13" t="s">
        <v>405</v>
      </c>
      <c r="B79594" s="14" t="s">
        <v>1</v>
      </c>
      <c r="C79594" s="14" t="s">
        <v>20</v>
      </c>
      <c r="D79594" s="14" t="s">
        <v>406</v>
      </c>
      <c r="E79594" s="15">
        <v>45400</v>
      </c>
      <c r="F79594" s="14" t="s">
        <v>15</v>
      </c>
      <c r="G79594" s="16">
        <v>0.13525861886255136</v>
      </c>
    </row>
    <row r="79595" spans="1:7" x14ac:dyDescent="0.3">
      <c r="A79595" s="13" t="s">
        <v>405</v>
      </c>
      <c r="B79595" s="14" t="s">
        <v>1</v>
      </c>
      <c r="C79595" s="14" t="s">
        <v>20</v>
      </c>
      <c r="D79595" s="14" t="s">
        <v>406</v>
      </c>
      <c r="E79595" s="15">
        <v>45401</v>
      </c>
      <c r="F79595" s="14" t="s">
        <v>15</v>
      </c>
      <c r="G79595" s="16">
        <v>0.14251518708259936</v>
      </c>
    </row>
    <row r="79596" spans="1:7" x14ac:dyDescent="0.3">
      <c r="A79596" s="13" t="s">
        <v>405</v>
      </c>
      <c r="B79596" s="14" t="s">
        <v>1</v>
      </c>
      <c r="C79596" s="14" t="s">
        <v>20</v>
      </c>
      <c r="D79596" s="14" t="s">
        <v>406</v>
      </c>
      <c r="E79596" s="15">
        <v>45402</v>
      </c>
      <c r="F79596" s="14" t="s">
        <v>15</v>
      </c>
      <c r="G79596" s="16">
        <v>0.14251518708259936</v>
      </c>
    </row>
    <row r="79597" spans="1:7" x14ac:dyDescent="0.3">
      <c r="A79597" s="13" t="s">
        <v>405</v>
      </c>
      <c r="B79597" s="14" t="s">
        <v>1</v>
      </c>
      <c r="C79597" s="14" t="s">
        <v>20</v>
      </c>
      <c r="D79597" s="14" t="s">
        <v>406</v>
      </c>
      <c r="E79597" s="15">
        <v>45403</v>
      </c>
      <c r="F79597" s="14" t="s">
        <v>15</v>
      </c>
      <c r="G79597" s="16">
        <v>0.14251518708259936</v>
      </c>
    </row>
    <row r="79598" spans="1:7" x14ac:dyDescent="0.3">
      <c r="A79598" s="13" t="s">
        <v>405</v>
      </c>
      <c r="B79598" s="14" t="s">
        <v>1</v>
      </c>
      <c r="C79598" s="14" t="s">
        <v>20</v>
      </c>
      <c r="D79598" s="14" t="s">
        <v>406</v>
      </c>
      <c r="E79598" s="15">
        <v>45404</v>
      </c>
      <c r="F79598" s="14" t="s">
        <v>15</v>
      </c>
      <c r="G79598" s="16">
        <v>0.14856198837700915</v>
      </c>
    </row>
    <row r="79599" spans="1:7" x14ac:dyDescent="0.3">
      <c r="A79599" s="13" t="s">
        <v>405</v>
      </c>
      <c r="B79599" s="14" t="s">
        <v>1</v>
      </c>
      <c r="C79599" s="14" t="s">
        <v>20</v>
      </c>
      <c r="D79599" s="14" t="s">
        <v>406</v>
      </c>
      <c r="E79599" s="15">
        <v>45405</v>
      </c>
      <c r="F79599" s="14" t="s">
        <v>15</v>
      </c>
      <c r="G79599" s="16">
        <v>0.17420923362258434</v>
      </c>
    </row>
    <row r="79600" spans="1:7" x14ac:dyDescent="0.3">
      <c r="A79600" s="13" t="s">
        <v>405</v>
      </c>
      <c r="B79600" s="14" t="s">
        <v>1</v>
      </c>
      <c r="C79600" s="14" t="s">
        <v>20</v>
      </c>
      <c r="D79600" s="14" t="s">
        <v>406</v>
      </c>
      <c r="E79600" s="15">
        <v>45406</v>
      </c>
      <c r="F79600" s="14" t="s">
        <v>15</v>
      </c>
      <c r="G79600" s="16">
        <v>0.18162118475051245</v>
      </c>
    </row>
    <row r="79601" spans="1:7" x14ac:dyDescent="0.3">
      <c r="A79601" s="13" t="s">
        <v>405</v>
      </c>
      <c r="B79601" s="14" t="s">
        <v>1</v>
      </c>
      <c r="C79601" s="14" t="s">
        <v>20</v>
      </c>
      <c r="D79601" s="14" t="s">
        <v>406</v>
      </c>
      <c r="E79601" s="15">
        <v>45407</v>
      </c>
      <c r="F79601" s="14" t="s">
        <v>15</v>
      </c>
      <c r="G79601" s="16">
        <v>0.18777897383626521</v>
      </c>
    </row>
    <row r="79602" spans="1:7" x14ac:dyDescent="0.3">
      <c r="A79602" s="13" t="s">
        <v>405</v>
      </c>
      <c r="B79602" s="14" t="s">
        <v>1</v>
      </c>
      <c r="C79602" s="14" t="s">
        <v>20</v>
      </c>
      <c r="D79602" s="14" t="s">
        <v>406</v>
      </c>
      <c r="E79602" s="15">
        <v>45408</v>
      </c>
      <c r="F79602" s="14" t="s">
        <v>15</v>
      </c>
      <c r="G79602" s="16">
        <v>0.19425862751691253</v>
      </c>
    </row>
    <row r="79603" spans="1:7" x14ac:dyDescent="0.3">
      <c r="A79603" s="13" t="s">
        <v>405</v>
      </c>
      <c r="B79603" s="14" t="s">
        <v>1</v>
      </c>
      <c r="C79603" s="14" t="s">
        <v>20</v>
      </c>
      <c r="D79603" s="14" t="s">
        <v>406</v>
      </c>
      <c r="E79603" s="15">
        <v>45409</v>
      </c>
      <c r="F79603" s="14" t="s">
        <v>15</v>
      </c>
      <c r="G79603" s="16">
        <v>0.19425862751691253</v>
      </c>
    </row>
    <row r="79604" spans="1:7" x14ac:dyDescent="0.3">
      <c r="A79604" s="13" t="s">
        <v>405</v>
      </c>
      <c r="B79604" s="14" t="s">
        <v>1</v>
      </c>
      <c r="C79604" s="14" t="s">
        <v>20</v>
      </c>
      <c r="D79604" s="14" t="s">
        <v>406</v>
      </c>
      <c r="E79604" s="15">
        <v>45410</v>
      </c>
      <c r="F79604" s="14" t="s">
        <v>15</v>
      </c>
      <c r="G79604" s="16">
        <v>0.19425862751691253</v>
      </c>
    </row>
    <row r="79605" spans="1:7" x14ac:dyDescent="0.3">
      <c r="A79605" s="13" t="s">
        <v>405</v>
      </c>
      <c r="B79605" s="14" t="s">
        <v>1</v>
      </c>
      <c r="C79605" s="14" t="s">
        <v>20</v>
      </c>
      <c r="D79605" s="14" t="s">
        <v>406</v>
      </c>
      <c r="E79605" s="15">
        <v>45411</v>
      </c>
      <c r="F79605" s="14" t="s">
        <v>15</v>
      </c>
      <c r="G79605" s="16">
        <v>0.20032762636959092</v>
      </c>
    </row>
    <row r="79606" spans="1:7" x14ac:dyDescent="0.3">
      <c r="A79606" s="13" t="s">
        <v>405</v>
      </c>
      <c r="B79606" s="14" t="s">
        <v>1</v>
      </c>
      <c r="C79606" s="14" t="s">
        <v>20</v>
      </c>
      <c r="D79606" s="14" t="s">
        <v>406</v>
      </c>
      <c r="E79606" s="15">
        <v>45412</v>
      </c>
      <c r="F79606" s="14" t="s">
        <v>15</v>
      </c>
      <c r="G79606" s="16">
        <v>0.2196707650668864</v>
      </c>
    </row>
    <row r="79607" spans="1:7" x14ac:dyDescent="0.3">
      <c r="A79607" s="13" t="s">
        <v>405</v>
      </c>
      <c r="B79607" s="14" t="s">
        <v>1</v>
      </c>
      <c r="C79607" s="14" t="s">
        <v>20</v>
      </c>
      <c r="D79607" s="14" t="s">
        <v>406</v>
      </c>
      <c r="E79607" s="15">
        <v>45413</v>
      </c>
      <c r="F79607" s="14" t="s">
        <v>15</v>
      </c>
      <c r="G79607" s="16">
        <v>0.2196707650668864</v>
      </c>
    </row>
    <row r="79608" spans="1:7" x14ac:dyDescent="0.3">
      <c r="A79608" s="13" t="s">
        <v>405</v>
      </c>
      <c r="B79608" s="14" t="s">
        <v>1</v>
      </c>
      <c r="C79608" s="14" t="s">
        <v>20</v>
      </c>
      <c r="D79608" s="14" t="s">
        <v>406</v>
      </c>
      <c r="E79608" s="15">
        <v>45414</v>
      </c>
      <c r="F79608" s="14" t="s">
        <v>15</v>
      </c>
      <c r="G79608" s="16">
        <v>0.22653887601723402</v>
      </c>
    </row>
    <row r="79609" spans="1:7" x14ac:dyDescent="0.3">
      <c r="A79609" s="13" t="s">
        <v>405</v>
      </c>
      <c r="B79609" s="14" t="s">
        <v>1</v>
      </c>
      <c r="C79609" s="14" t="s">
        <v>20</v>
      </c>
      <c r="D79609" s="14" t="s">
        <v>406</v>
      </c>
      <c r="E79609" s="15">
        <v>45415</v>
      </c>
      <c r="F79609" s="14" t="s">
        <v>15</v>
      </c>
      <c r="G79609" s="16">
        <v>0.25116503358245401</v>
      </c>
    </row>
    <row r="79610" spans="1:7" x14ac:dyDescent="0.3">
      <c r="A79610" s="13" t="s">
        <v>405</v>
      </c>
      <c r="B79610" s="14" t="s">
        <v>1</v>
      </c>
      <c r="C79610" s="14" t="s">
        <v>20</v>
      </c>
      <c r="D79610" s="14" t="s">
        <v>406</v>
      </c>
      <c r="E79610" s="15">
        <v>45416</v>
      </c>
      <c r="F79610" s="14" t="s">
        <v>15</v>
      </c>
      <c r="G79610" s="16">
        <v>0.25116503358245401</v>
      </c>
    </row>
    <row r="79611" spans="1:7" x14ac:dyDescent="0.3">
      <c r="A79611" s="13" t="s">
        <v>405</v>
      </c>
      <c r="B79611" s="14" t="s">
        <v>1</v>
      </c>
      <c r="C79611" s="14" t="s">
        <v>20</v>
      </c>
      <c r="D79611" s="14" t="s">
        <v>406</v>
      </c>
      <c r="E79611" s="15">
        <v>45417</v>
      </c>
      <c r="F79611" s="14" t="s">
        <v>15</v>
      </c>
      <c r="G79611" s="16">
        <v>0.25116503358245401</v>
      </c>
    </row>
    <row r="79612" spans="1:7" x14ac:dyDescent="0.3">
      <c r="A79612" s="13" t="s">
        <v>405</v>
      </c>
      <c r="B79612" s="14" t="s">
        <v>1</v>
      </c>
      <c r="C79612" s="14" t="s">
        <v>20</v>
      </c>
      <c r="D79612" s="14" t="s">
        <v>406</v>
      </c>
      <c r="E79612" s="15">
        <v>45418</v>
      </c>
      <c r="F79612" s="14" t="s">
        <v>15</v>
      </c>
      <c r="G79612" s="16">
        <v>0.25116503358245401</v>
      </c>
    </row>
    <row r="79613" spans="1:7" x14ac:dyDescent="0.3">
      <c r="A79613" s="13" t="s">
        <v>405</v>
      </c>
      <c r="B79613" s="14" t="s">
        <v>1</v>
      </c>
      <c r="C79613" s="14" t="s">
        <v>20</v>
      </c>
      <c r="D79613" s="14" t="s">
        <v>406</v>
      </c>
      <c r="E79613" s="15">
        <v>45419</v>
      </c>
      <c r="F79613" s="14" t="s">
        <v>15</v>
      </c>
      <c r="G79613" s="16">
        <v>0.25733392144734107</v>
      </c>
    </row>
    <row r="79614" spans="1:7" x14ac:dyDescent="0.3">
      <c r="A79614" s="13" t="s">
        <v>405</v>
      </c>
      <c r="B79614" s="14" t="s">
        <v>1</v>
      </c>
      <c r="C79614" s="14" t="s">
        <v>20</v>
      </c>
      <c r="D79614" s="14" t="s">
        <v>406</v>
      </c>
      <c r="E79614" s="15">
        <v>45420</v>
      </c>
      <c r="F79614" s="14" t="s">
        <v>15</v>
      </c>
      <c r="G79614" s="16">
        <v>0.28141623883498063</v>
      </c>
    </row>
    <row r="79615" spans="1:7" x14ac:dyDescent="0.3">
      <c r="A79615" s="13" t="s">
        <v>405</v>
      </c>
      <c r="B79615" s="14" t="s">
        <v>1</v>
      </c>
      <c r="C79615" s="14" t="s">
        <v>20</v>
      </c>
      <c r="D79615" s="14" t="s">
        <v>406</v>
      </c>
      <c r="E79615" s="15">
        <v>45421</v>
      </c>
      <c r="F79615" s="14" t="s">
        <v>15</v>
      </c>
      <c r="G79615" s="16">
        <v>0.28141623883498063</v>
      </c>
    </row>
    <row r="79616" spans="1:7" x14ac:dyDescent="0.3">
      <c r="A79616" s="13" t="s">
        <v>405</v>
      </c>
      <c r="B79616" s="14" t="s">
        <v>1</v>
      </c>
      <c r="C79616" s="14" t="s">
        <v>20</v>
      </c>
      <c r="D79616" s="14" t="s">
        <v>406</v>
      </c>
      <c r="E79616" s="15">
        <v>45422</v>
      </c>
      <c r="F79616" s="14" t="s">
        <v>15</v>
      </c>
      <c r="G79616" s="16">
        <v>0.28748523768765905</v>
      </c>
    </row>
    <row r="79617" spans="1:7" x14ac:dyDescent="0.3">
      <c r="A79617" s="13" t="s">
        <v>405</v>
      </c>
      <c r="B79617" s="14" t="s">
        <v>1</v>
      </c>
      <c r="C79617" s="14" t="s">
        <v>20</v>
      </c>
      <c r="D79617" s="14" t="s">
        <v>406</v>
      </c>
      <c r="E79617" s="15">
        <v>45423</v>
      </c>
      <c r="F79617" s="14" t="s">
        <v>15</v>
      </c>
      <c r="G79617" s="16">
        <v>0.28748523768765905</v>
      </c>
    </row>
    <row r="79618" spans="1:7" x14ac:dyDescent="0.3">
      <c r="A79618" s="13" t="s">
        <v>405</v>
      </c>
      <c r="B79618" s="14" t="s">
        <v>1</v>
      </c>
      <c r="C79618" s="14" t="s">
        <v>20</v>
      </c>
      <c r="D79618" s="14" t="s">
        <v>406</v>
      </c>
      <c r="E79618" s="15">
        <v>45424</v>
      </c>
      <c r="F79618" s="14" t="s">
        <v>15</v>
      </c>
      <c r="G79618" s="16">
        <v>0.28748523768765905</v>
      </c>
    </row>
    <row r="79619" spans="1:7" x14ac:dyDescent="0.3">
      <c r="A79619" s="13" t="s">
        <v>405</v>
      </c>
      <c r="B79619" s="14" t="s">
        <v>1</v>
      </c>
      <c r="C79619" s="14" t="s">
        <v>20</v>
      </c>
      <c r="D79619" s="14" t="s">
        <v>406</v>
      </c>
      <c r="E79619" s="15">
        <v>45425</v>
      </c>
      <c r="F79619" s="14" t="s">
        <v>15</v>
      </c>
      <c r="G79619" s="16">
        <v>0.30050207227840625</v>
      </c>
    </row>
    <row r="79620" spans="1:7" x14ac:dyDescent="0.3">
      <c r="A79620" s="13" t="s">
        <v>405</v>
      </c>
      <c r="B79620" s="14" t="s">
        <v>1</v>
      </c>
      <c r="C79620" s="14" t="s">
        <v>20</v>
      </c>
      <c r="D79620" s="14" t="s">
        <v>406</v>
      </c>
      <c r="E79620" s="15">
        <v>45426</v>
      </c>
      <c r="F79620" s="14" t="s">
        <v>15</v>
      </c>
      <c r="G79620" s="16">
        <v>0.3281027026516174</v>
      </c>
    </row>
    <row r="79621" spans="1:7" x14ac:dyDescent="0.3">
      <c r="A79621" s="13" t="s">
        <v>405</v>
      </c>
      <c r="B79621" s="14" t="s">
        <v>1</v>
      </c>
      <c r="C79621" s="14" t="s">
        <v>20</v>
      </c>
      <c r="D79621" s="14" t="s">
        <v>406</v>
      </c>
      <c r="E79621" s="15">
        <v>45427</v>
      </c>
      <c r="F79621" s="14" t="s">
        <v>15</v>
      </c>
      <c r="G79621" s="16">
        <v>0.33417170150429576</v>
      </c>
    </row>
    <row r="79622" spans="1:7" x14ac:dyDescent="0.3">
      <c r="A79622" s="13" t="s">
        <v>405</v>
      </c>
      <c r="B79622" s="14" t="s">
        <v>1</v>
      </c>
      <c r="C79622" s="14" t="s">
        <v>20</v>
      </c>
      <c r="D79622" s="14" t="s">
        <v>406</v>
      </c>
      <c r="E79622" s="15">
        <v>45428</v>
      </c>
      <c r="F79622" s="14" t="s">
        <v>15</v>
      </c>
      <c r="G79622" s="16">
        <v>0.34032949059004852</v>
      </c>
    </row>
    <row r="79623" spans="1:7" x14ac:dyDescent="0.3">
      <c r="A79623" s="13" t="s">
        <v>405</v>
      </c>
      <c r="B79623" s="14" t="s">
        <v>1</v>
      </c>
      <c r="C79623" s="14" t="s">
        <v>20</v>
      </c>
      <c r="D79623" s="14" t="s">
        <v>406</v>
      </c>
      <c r="E79623" s="15">
        <v>45429</v>
      </c>
      <c r="F79623" s="14" t="s">
        <v>15</v>
      </c>
      <c r="G79623" s="16">
        <v>0.41004998777791007</v>
      </c>
    </row>
    <row r="79624" spans="1:7" x14ac:dyDescent="0.3">
      <c r="A79624" s="13" t="s">
        <v>405</v>
      </c>
      <c r="B79624" s="14" t="s">
        <v>1</v>
      </c>
      <c r="C79624" s="14" t="s">
        <v>20</v>
      </c>
      <c r="D79624" s="14" t="s">
        <v>406</v>
      </c>
      <c r="E79624" s="15">
        <v>45430</v>
      </c>
      <c r="F79624" s="14" t="s">
        <v>15</v>
      </c>
      <c r="G79624" s="16">
        <v>0.41004998777791007</v>
      </c>
    </row>
    <row r="79625" spans="1:7" x14ac:dyDescent="0.3">
      <c r="A79625" s="13" t="s">
        <v>405</v>
      </c>
      <c r="B79625" s="14" t="s">
        <v>1</v>
      </c>
      <c r="C79625" s="14" t="s">
        <v>20</v>
      </c>
      <c r="D79625" s="14" t="s">
        <v>406</v>
      </c>
      <c r="E79625" s="15">
        <v>45431</v>
      </c>
      <c r="F79625" s="14" t="s">
        <v>15</v>
      </c>
      <c r="G79625" s="16">
        <v>0.41004998777791007</v>
      </c>
    </row>
    <row r="79626" spans="1:7" x14ac:dyDescent="0.3">
      <c r="A79626" s="13" t="s">
        <v>405</v>
      </c>
      <c r="B79626" s="14" t="s">
        <v>1</v>
      </c>
      <c r="C79626" s="14" t="s">
        <v>20</v>
      </c>
      <c r="D79626" s="14" t="s">
        <v>406</v>
      </c>
      <c r="E79626" s="15">
        <v>45432</v>
      </c>
      <c r="F79626" s="14" t="s">
        <v>15</v>
      </c>
      <c r="G79626" s="16">
        <v>0.41004998777791007</v>
      </c>
    </row>
    <row r="79627" spans="1:7" x14ac:dyDescent="0.3">
      <c r="A79627" s="13" t="s">
        <v>405</v>
      </c>
      <c r="B79627" s="14" t="s">
        <v>1</v>
      </c>
      <c r="C79627" s="14" t="s">
        <v>20</v>
      </c>
      <c r="D79627" s="14" t="s">
        <v>406</v>
      </c>
      <c r="E79627" s="15">
        <v>45433</v>
      </c>
      <c r="F79627" s="14" t="s">
        <v>15</v>
      </c>
      <c r="G79627" s="16">
        <v>0.41603019639751404</v>
      </c>
    </row>
    <row r="79628" spans="1:7" x14ac:dyDescent="0.3">
      <c r="A79628" s="13" t="s">
        <v>405</v>
      </c>
      <c r="B79628" s="14" t="s">
        <v>1</v>
      </c>
      <c r="C79628" s="14" t="s">
        <v>20</v>
      </c>
      <c r="D79628" s="14" t="s">
        <v>406</v>
      </c>
      <c r="E79628" s="15">
        <v>45434</v>
      </c>
      <c r="F79628" s="14" t="s">
        <v>15</v>
      </c>
      <c r="G79628" s="16">
        <v>0.43966856261978182</v>
      </c>
    </row>
    <row r="79629" spans="1:7" x14ac:dyDescent="0.3">
      <c r="A79629" s="13" t="s">
        <v>405</v>
      </c>
      <c r="B79629" s="14" t="s">
        <v>1</v>
      </c>
      <c r="C79629" s="14" t="s">
        <v>20</v>
      </c>
      <c r="D79629" s="14" t="s">
        <v>406</v>
      </c>
      <c r="E79629" s="15">
        <v>45435</v>
      </c>
      <c r="F79629" s="14" t="s">
        <v>15</v>
      </c>
      <c r="G79629" s="16">
        <v>0.45816819410287085</v>
      </c>
    </row>
    <row r="79630" spans="1:7" x14ac:dyDescent="0.3">
      <c r="A79630" s="13" t="s">
        <v>405</v>
      </c>
      <c r="B79630" s="14" t="s">
        <v>1</v>
      </c>
      <c r="C79630" s="14" t="s">
        <v>20</v>
      </c>
      <c r="D79630" s="14" t="s">
        <v>406</v>
      </c>
      <c r="E79630" s="15">
        <v>45436</v>
      </c>
      <c r="F79630" s="14" t="s">
        <v>15</v>
      </c>
      <c r="G79630" s="16">
        <v>0.46412620516420627</v>
      </c>
    </row>
    <row r="79631" spans="1:7" x14ac:dyDescent="0.3">
      <c r="A79631" s="13" t="s">
        <v>405</v>
      </c>
      <c r="B79631" s="14" t="s">
        <v>1</v>
      </c>
      <c r="C79631" s="14" t="s">
        <v>20</v>
      </c>
      <c r="D79631" s="14" t="s">
        <v>406</v>
      </c>
      <c r="E79631" s="15">
        <v>45437</v>
      </c>
      <c r="F79631" s="14" t="s">
        <v>15</v>
      </c>
      <c r="G79631" s="16">
        <v>0.46412620516420627</v>
      </c>
    </row>
    <row r="79632" spans="1:7" x14ac:dyDescent="0.3">
      <c r="A79632" s="13" t="s">
        <v>405</v>
      </c>
      <c r="B79632" s="14" t="s">
        <v>1</v>
      </c>
      <c r="C79632" s="14" t="s">
        <v>20</v>
      </c>
      <c r="D79632" s="14" t="s">
        <v>406</v>
      </c>
      <c r="E79632" s="15">
        <v>45438</v>
      </c>
      <c r="F79632" s="14" t="s">
        <v>15</v>
      </c>
      <c r="G79632" s="16">
        <v>0.46412620516420627</v>
      </c>
    </row>
    <row r="79633" spans="1:7" x14ac:dyDescent="0.3">
      <c r="A79633" s="13" t="s">
        <v>405</v>
      </c>
      <c r="B79633" s="14" t="s">
        <v>1</v>
      </c>
      <c r="C79633" s="14" t="s">
        <v>20</v>
      </c>
      <c r="D79633" s="14" t="s">
        <v>406</v>
      </c>
      <c r="E79633" s="15">
        <v>45439</v>
      </c>
      <c r="F79633" s="14" t="s">
        <v>15</v>
      </c>
      <c r="G79633" s="16">
        <v>0.4701064137838103</v>
      </c>
    </row>
    <row r="79634" spans="1:7" x14ac:dyDescent="0.3">
      <c r="A79634" s="13" t="s">
        <v>405</v>
      </c>
      <c r="B79634" s="14" t="s">
        <v>1</v>
      </c>
      <c r="C79634" s="14" t="s">
        <v>20</v>
      </c>
      <c r="D79634" s="14" t="s">
        <v>406</v>
      </c>
      <c r="E79634" s="15">
        <v>45440</v>
      </c>
      <c r="F79634" s="14" t="s">
        <v>15</v>
      </c>
      <c r="G79634" s="16">
        <v>0.48779583439009577</v>
      </c>
    </row>
    <row r="79635" spans="1:7" x14ac:dyDescent="0.3">
      <c r="A79635" s="13" t="s">
        <v>405</v>
      </c>
      <c r="B79635" s="14" t="s">
        <v>1</v>
      </c>
      <c r="C79635" s="14" t="s">
        <v>20</v>
      </c>
      <c r="D79635" s="14" t="s">
        <v>406</v>
      </c>
      <c r="E79635" s="15">
        <v>45441</v>
      </c>
      <c r="F79635" s="14" t="s">
        <v>15</v>
      </c>
      <c r="G79635" s="16">
        <v>0.49426438929160876</v>
      </c>
    </row>
    <row r="79636" spans="1:7" x14ac:dyDescent="0.3">
      <c r="A79636" s="13" t="s">
        <v>405</v>
      </c>
      <c r="B79636" s="14" t="s">
        <v>1</v>
      </c>
      <c r="C79636" s="14" t="s">
        <v>20</v>
      </c>
      <c r="D79636" s="14" t="s">
        <v>406</v>
      </c>
      <c r="E79636" s="15">
        <v>45442</v>
      </c>
      <c r="F79636" s="14" t="s">
        <v>15</v>
      </c>
      <c r="G79636" s="16">
        <v>0.50022240035294419</v>
      </c>
    </row>
    <row r="79637" spans="1:7" x14ac:dyDescent="0.3">
      <c r="A79637" s="13" t="s">
        <v>405</v>
      </c>
      <c r="B79637" s="14" t="s">
        <v>1</v>
      </c>
      <c r="C79637" s="14" t="s">
        <v>20</v>
      </c>
      <c r="D79637" s="14" t="s">
        <v>406</v>
      </c>
      <c r="E79637" s="15">
        <v>45443</v>
      </c>
      <c r="F79637" s="14" t="s">
        <v>15</v>
      </c>
      <c r="G79637" s="16">
        <v>0.50621370775168262</v>
      </c>
    </row>
    <row r="79638" spans="1:7" x14ac:dyDescent="0.3">
      <c r="A79638" s="13" t="s">
        <v>405</v>
      </c>
      <c r="B79638" s="14" t="s">
        <v>1</v>
      </c>
      <c r="C79638" s="14" t="s">
        <v>20</v>
      </c>
      <c r="D79638" s="14" t="s">
        <v>406</v>
      </c>
      <c r="E79638" s="15">
        <v>45444</v>
      </c>
      <c r="F79638" s="14" t="s">
        <v>15</v>
      </c>
      <c r="G79638" s="16">
        <v>0.50621370775168262</v>
      </c>
    </row>
    <row r="79639" spans="1:7" x14ac:dyDescent="0.3">
      <c r="A79639" s="13" t="s">
        <v>405</v>
      </c>
      <c r="B79639" s="14" t="s">
        <v>1</v>
      </c>
      <c r="C79639" s="14" t="s">
        <v>20</v>
      </c>
      <c r="D79639" s="14" t="s">
        <v>406</v>
      </c>
      <c r="E79639" s="15">
        <v>45445</v>
      </c>
      <c r="F79639" s="14" t="s">
        <v>15</v>
      </c>
      <c r="G79639" s="16">
        <v>0.50621370775168262</v>
      </c>
    </row>
    <row r="79640" spans="1:7" x14ac:dyDescent="0.3">
      <c r="A79640" s="13" t="s">
        <v>405</v>
      </c>
      <c r="B79640" s="14" t="s">
        <v>1</v>
      </c>
      <c r="C79640" s="14" t="s">
        <v>20</v>
      </c>
      <c r="D79640" s="14" t="s">
        <v>406</v>
      </c>
      <c r="E79640" s="15">
        <v>45446</v>
      </c>
      <c r="F79640" s="14" t="s">
        <v>15</v>
      </c>
      <c r="G79640" s="16">
        <v>0.50621370775168262</v>
      </c>
    </row>
    <row r="79641" spans="1:7" x14ac:dyDescent="0.3">
      <c r="A79641" s="13" t="s">
        <v>405</v>
      </c>
      <c r="B79641" s="14" t="s">
        <v>1</v>
      </c>
      <c r="C79641" s="14" t="s">
        <v>20</v>
      </c>
      <c r="D79641" s="14" t="s">
        <v>406</v>
      </c>
      <c r="E79641" s="15">
        <v>45447</v>
      </c>
      <c r="F79641" s="14" t="s">
        <v>15</v>
      </c>
      <c r="G79641" s="16">
        <v>0.51223831148782384</v>
      </c>
    </row>
    <row r="79642" spans="1:7" x14ac:dyDescent="0.3">
      <c r="A79642" s="13" t="s">
        <v>405</v>
      </c>
      <c r="B79642" s="14" t="s">
        <v>1</v>
      </c>
      <c r="C79642" s="14" t="s">
        <v>20</v>
      </c>
      <c r="D79642" s="14" t="s">
        <v>406</v>
      </c>
      <c r="E79642" s="15">
        <v>45448</v>
      </c>
      <c r="F79642" s="14" t="s">
        <v>15</v>
      </c>
      <c r="G79642" s="16">
        <v>0.56119299291541891</v>
      </c>
    </row>
    <row r="79643" spans="1:7" x14ac:dyDescent="0.3">
      <c r="A79643" s="13" t="s">
        <v>405</v>
      </c>
      <c r="B79643" s="14" t="s">
        <v>1</v>
      </c>
      <c r="C79643" s="14" t="s">
        <v>20</v>
      </c>
      <c r="D79643" s="14" t="s">
        <v>406</v>
      </c>
      <c r="E79643" s="15">
        <v>45449</v>
      </c>
      <c r="F79643" s="14" t="s">
        <v>15</v>
      </c>
      <c r="G79643" s="16">
        <v>0.56715100397675433</v>
      </c>
    </row>
    <row r="79644" spans="1:7" x14ac:dyDescent="0.3">
      <c r="A79644" s="13" t="s">
        <v>405</v>
      </c>
      <c r="B79644" s="14" t="s">
        <v>1</v>
      </c>
      <c r="C79644" s="14" t="s">
        <v>20</v>
      </c>
      <c r="D79644" s="14" t="s">
        <v>406</v>
      </c>
      <c r="E79644" s="15">
        <v>45450</v>
      </c>
      <c r="F79644" s="14" t="s">
        <v>15</v>
      </c>
      <c r="G79644" s="16">
        <v>0.57303132358414977</v>
      </c>
    </row>
    <row r="79645" spans="1:7" x14ac:dyDescent="0.3">
      <c r="A79645" s="13" t="s">
        <v>405</v>
      </c>
      <c r="B79645" s="14" t="s">
        <v>1</v>
      </c>
      <c r="C79645" s="14" t="s">
        <v>20</v>
      </c>
      <c r="D79645" s="14" t="s">
        <v>406</v>
      </c>
      <c r="E79645" s="15">
        <v>45451</v>
      </c>
      <c r="F79645" s="14" t="s">
        <v>15</v>
      </c>
      <c r="G79645" s="16">
        <v>0.57303132358414977</v>
      </c>
    </row>
    <row r="79646" spans="1:7" x14ac:dyDescent="0.3">
      <c r="A79646" s="13" t="s">
        <v>405</v>
      </c>
      <c r="B79646" s="14" t="s">
        <v>1</v>
      </c>
      <c r="C79646" s="14" t="s">
        <v>20</v>
      </c>
      <c r="D79646" s="14" t="s">
        <v>406</v>
      </c>
      <c r="E79646" s="15">
        <v>45452</v>
      </c>
      <c r="F79646" s="14" t="s">
        <v>15</v>
      </c>
      <c r="G79646" s="16">
        <v>0.57303132358414977</v>
      </c>
    </row>
    <row r="79647" spans="1:7" x14ac:dyDescent="0.3">
      <c r="A79647" s="13" t="s">
        <v>405</v>
      </c>
      <c r="B79647" s="14" t="s">
        <v>1</v>
      </c>
      <c r="C79647" s="14" t="s">
        <v>20</v>
      </c>
      <c r="D79647" s="14" t="s">
        <v>406</v>
      </c>
      <c r="E79647" s="15">
        <v>45453</v>
      </c>
      <c r="F79647" s="14" t="s">
        <v>15</v>
      </c>
      <c r="G79647" s="16">
        <v>0.57923350778643967</v>
      </c>
    </row>
    <row r="79648" spans="1:7" x14ac:dyDescent="0.3">
      <c r="A79648" s="13" t="s">
        <v>405</v>
      </c>
      <c r="B79648" s="14" t="s">
        <v>1</v>
      </c>
      <c r="C79648" s="14" t="s">
        <v>20</v>
      </c>
      <c r="D79648" s="14" t="s">
        <v>406</v>
      </c>
      <c r="E79648" s="15">
        <v>45454</v>
      </c>
      <c r="F79648" s="14" t="s">
        <v>15</v>
      </c>
      <c r="G79648" s="16">
        <v>0.59846565869239221</v>
      </c>
    </row>
    <row r="79649" spans="1:7" x14ac:dyDescent="0.3">
      <c r="A79649" s="13" t="s">
        <v>405</v>
      </c>
      <c r="B79649" s="14" t="s">
        <v>1</v>
      </c>
      <c r="C79649" s="14" t="s">
        <v>20</v>
      </c>
      <c r="D79649" s="14" t="s">
        <v>406</v>
      </c>
      <c r="E79649" s="15">
        <v>45455</v>
      </c>
      <c r="F79649" s="14" t="s">
        <v>15</v>
      </c>
      <c r="G79649" s="16">
        <v>0.60439037341632473</v>
      </c>
    </row>
    <row r="79650" spans="1:7" x14ac:dyDescent="0.3">
      <c r="A79650" s="13" t="s">
        <v>405</v>
      </c>
      <c r="B79650" s="14" t="s">
        <v>1</v>
      </c>
      <c r="C79650" s="14" t="s">
        <v>20</v>
      </c>
      <c r="D79650" s="14" t="s">
        <v>406</v>
      </c>
      <c r="E79650" s="15">
        <v>45456</v>
      </c>
      <c r="F79650" s="14" t="s">
        <v>15</v>
      </c>
      <c r="G79650" s="16">
        <v>0.61031508814025726</v>
      </c>
    </row>
    <row r="79651" spans="1:7" x14ac:dyDescent="0.3">
      <c r="A79651" s="13" t="s">
        <v>405</v>
      </c>
      <c r="B79651" s="14" t="s">
        <v>1</v>
      </c>
      <c r="C79651" s="14" t="s">
        <v>20</v>
      </c>
      <c r="D79651" s="14" t="s">
        <v>406</v>
      </c>
      <c r="E79651" s="15">
        <v>45457</v>
      </c>
      <c r="F79651" s="14" t="s">
        <v>15</v>
      </c>
      <c r="G79651" s="16">
        <v>0.63265489720381241</v>
      </c>
    </row>
    <row r="79652" spans="1:7" x14ac:dyDescent="0.3">
      <c r="A79652" s="13" t="s">
        <v>405</v>
      </c>
      <c r="B79652" s="14" t="s">
        <v>1</v>
      </c>
      <c r="C79652" s="14" t="s">
        <v>20</v>
      </c>
      <c r="D79652" s="14" t="s">
        <v>406</v>
      </c>
      <c r="E79652" s="15">
        <v>45458</v>
      </c>
      <c r="F79652" s="14" t="s">
        <v>15</v>
      </c>
      <c r="G79652" s="16">
        <v>0.63265489720381241</v>
      </c>
    </row>
    <row r="79653" spans="1:7" x14ac:dyDescent="0.3">
      <c r="A79653" s="13" t="s">
        <v>405</v>
      </c>
      <c r="B79653" s="14" t="s">
        <v>1</v>
      </c>
      <c r="C79653" s="14" t="s">
        <v>20</v>
      </c>
      <c r="D79653" s="14" t="s">
        <v>406</v>
      </c>
      <c r="E79653" s="15">
        <v>45459</v>
      </c>
      <c r="F79653" s="14" t="s">
        <v>15</v>
      </c>
      <c r="G79653" s="16">
        <v>0.63265489720381241</v>
      </c>
    </row>
    <row r="79654" spans="1:7" x14ac:dyDescent="0.3">
      <c r="A79654" s="13" t="s">
        <v>405</v>
      </c>
      <c r="B79654" s="14" t="s">
        <v>1</v>
      </c>
      <c r="C79654" s="14" t="s">
        <v>20</v>
      </c>
      <c r="D79654" s="14" t="s">
        <v>406</v>
      </c>
      <c r="E79654" s="15">
        <v>45460</v>
      </c>
      <c r="F79654" s="14" t="s">
        <v>15</v>
      </c>
      <c r="G79654" s="16">
        <v>0.6393121313506086</v>
      </c>
    </row>
    <row r="79655" spans="1:7" x14ac:dyDescent="0.3">
      <c r="A79655" s="13" t="s">
        <v>405</v>
      </c>
      <c r="B79655" s="14" t="s">
        <v>1</v>
      </c>
      <c r="C79655" s="14" t="s">
        <v>20</v>
      </c>
      <c r="D79655" s="14" t="s">
        <v>406</v>
      </c>
      <c r="E79655" s="15">
        <v>45461</v>
      </c>
      <c r="F79655" s="14" t="s">
        <v>15</v>
      </c>
      <c r="G79655" s="16">
        <v>0.65695715684035694</v>
      </c>
    </row>
    <row r="79656" spans="1:7" x14ac:dyDescent="0.3">
      <c r="A79656" s="13" t="s">
        <v>405</v>
      </c>
      <c r="B79656" s="14" t="s">
        <v>1</v>
      </c>
      <c r="C79656" s="14" t="s">
        <v>20</v>
      </c>
      <c r="D79656" s="14" t="s">
        <v>406</v>
      </c>
      <c r="E79656" s="15">
        <v>45462</v>
      </c>
      <c r="F79656" s="14" t="s">
        <v>15</v>
      </c>
      <c r="G79656" s="16">
        <v>0.66339241540446703</v>
      </c>
    </row>
    <row r="79657" spans="1:7" x14ac:dyDescent="0.3">
      <c r="A79657" s="13" t="s">
        <v>405</v>
      </c>
      <c r="B79657" s="14" t="s">
        <v>1</v>
      </c>
      <c r="C79657" s="14" t="s">
        <v>20</v>
      </c>
      <c r="D79657" s="14" t="s">
        <v>406</v>
      </c>
      <c r="E79657" s="15">
        <v>45463</v>
      </c>
      <c r="F79657" s="14" t="s">
        <v>15</v>
      </c>
      <c r="G79657" s="16">
        <v>0.66927273501186246</v>
      </c>
    </row>
    <row r="79658" spans="1:7" x14ac:dyDescent="0.3">
      <c r="A79658" s="13" t="s">
        <v>405</v>
      </c>
      <c r="B79658" s="14" t="s">
        <v>1</v>
      </c>
      <c r="C79658" s="14" t="s">
        <v>20</v>
      </c>
      <c r="D79658" s="14" t="s">
        <v>406</v>
      </c>
      <c r="E79658" s="15">
        <v>45464</v>
      </c>
      <c r="F79658" s="14" t="s">
        <v>15</v>
      </c>
      <c r="G79658" s="16">
        <v>0.67620743863701593</v>
      </c>
    </row>
    <row r="79659" spans="1:7" x14ac:dyDescent="0.3">
      <c r="A79659" s="13" t="s">
        <v>405</v>
      </c>
      <c r="B79659" s="14" t="s">
        <v>1</v>
      </c>
      <c r="C79659" s="14" t="s">
        <v>20</v>
      </c>
      <c r="D79659" s="14" t="s">
        <v>406</v>
      </c>
      <c r="E79659" s="15">
        <v>45465</v>
      </c>
      <c r="F79659" s="14" t="s">
        <v>15</v>
      </c>
      <c r="G79659" s="16">
        <v>0.67620743863701593</v>
      </c>
    </row>
    <row r="79660" spans="1:7" x14ac:dyDescent="0.3">
      <c r="A79660" s="13" t="s">
        <v>405</v>
      </c>
      <c r="B79660" s="14" t="s">
        <v>1</v>
      </c>
      <c r="C79660" s="14" t="s">
        <v>20</v>
      </c>
      <c r="D79660" s="14" t="s">
        <v>406</v>
      </c>
      <c r="E79660" s="15">
        <v>45466</v>
      </c>
      <c r="F79660" s="14" t="s">
        <v>15</v>
      </c>
      <c r="G79660" s="16">
        <v>0.67620743863701593</v>
      </c>
    </row>
    <row r="79661" spans="1:7" x14ac:dyDescent="0.3">
      <c r="A79661" s="13" t="s">
        <v>405</v>
      </c>
      <c r="B79661" s="14" t="s">
        <v>1</v>
      </c>
      <c r="C79661" s="14" t="s">
        <v>20</v>
      </c>
      <c r="D79661" s="14" t="s">
        <v>406</v>
      </c>
      <c r="E79661" s="15">
        <v>45467</v>
      </c>
      <c r="F79661" s="14" t="s">
        <v>15</v>
      </c>
      <c r="G79661" s="16">
        <v>0.68571705902132574</v>
      </c>
    </row>
    <row r="79662" spans="1:7" x14ac:dyDescent="0.3">
      <c r="A79662" s="13" t="s">
        <v>405</v>
      </c>
      <c r="B79662" s="14" t="s">
        <v>1</v>
      </c>
      <c r="C79662" s="14" t="s">
        <v>20</v>
      </c>
      <c r="D79662" s="14" t="s">
        <v>406</v>
      </c>
      <c r="E79662" s="15">
        <v>45468</v>
      </c>
      <c r="F79662" s="14" t="s">
        <v>15</v>
      </c>
      <c r="G79662" s="16">
        <v>0.70167507008266128</v>
      </c>
    </row>
    <row r="79663" spans="1:7" x14ac:dyDescent="0.3">
      <c r="A79663" s="13" t="s">
        <v>405</v>
      </c>
      <c r="B79663" s="14" t="s">
        <v>1</v>
      </c>
      <c r="C79663" s="14" t="s">
        <v>20</v>
      </c>
      <c r="D79663" s="14" t="s">
        <v>406</v>
      </c>
      <c r="E79663" s="15">
        <v>45469</v>
      </c>
      <c r="F79663" s="14" t="s">
        <v>15</v>
      </c>
      <c r="G79663" s="16">
        <v>0.70702264829161043</v>
      </c>
    </row>
    <row r="79664" spans="1:7" x14ac:dyDescent="0.3">
      <c r="A79664" s="13" t="s">
        <v>405</v>
      </c>
      <c r="B79664" s="14" t="s">
        <v>1</v>
      </c>
      <c r="C79664" s="14" t="s">
        <v>20</v>
      </c>
      <c r="D79664" s="14" t="s">
        <v>406</v>
      </c>
      <c r="E79664" s="15">
        <v>45470</v>
      </c>
      <c r="F79664" s="14" t="s">
        <v>15</v>
      </c>
      <c r="G79664" s="16">
        <v>0.7123591277214254</v>
      </c>
    </row>
    <row r="79665" spans="1:7" x14ac:dyDescent="0.3">
      <c r="A79665" s="13" t="s">
        <v>405</v>
      </c>
      <c r="B79665" s="14" t="s">
        <v>1</v>
      </c>
      <c r="C79665" s="14" t="s">
        <v>20</v>
      </c>
      <c r="D79665" s="14" t="s">
        <v>406</v>
      </c>
      <c r="E79665" s="15">
        <v>45471</v>
      </c>
      <c r="F79665" s="14" t="s">
        <v>15</v>
      </c>
      <c r="G79665" s="16">
        <v>0.71575332080273857</v>
      </c>
    </row>
    <row r="79666" spans="1:7" x14ac:dyDescent="0.3">
      <c r="A79666" s="13" t="s">
        <v>405</v>
      </c>
      <c r="B79666" s="14" t="s">
        <v>1</v>
      </c>
      <c r="C79666" s="14" t="s">
        <v>20</v>
      </c>
      <c r="D79666" s="14" t="s">
        <v>406</v>
      </c>
      <c r="E79666" s="15">
        <v>45472</v>
      </c>
      <c r="F79666" s="14" t="s">
        <v>15</v>
      </c>
      <c r="G79666" s="16">
        <v>0.71575332080273857</v>
      </c>
    </row>
    <row r="79667" spans="1:7" x14ac:dyDescent="0.3">
      <c r="A79667" s="13" t="s">
        <v>405</v>
      </c>
      <c r="B79667" s="14" t="s">
        <v>1</v>
      </c>
      <c r="C79667" s="14" t="s">
        <v>20</v>
      </c>
      <c r="D79667" s="14" t="s">
        <v>406</v>
      </c>
      <c r="E79667" s="15">
        <v>45473</v>
      </c>
      <c r="F79667" s="14" t="s">
        <v>15</v>
      </c>
      <c r="G79667" s="16">
        <v>0.71575332080273857</v>
      </c>
    </row>
    <row r="79668" spans="1:7" x14ac:dyDescent="0.3">
      <c r="A79668" s="13" t="s">
        <v>405</v>
      </c>
      <c r="B79668" s="14" t="s">
        <v>1</v>
      </c>
      <c r="C79668" s="14" t="s">
        <v>20</v>
      </c>
      <c r="D79668" s="14" t="s">
        <v>406</v>
      </c>
      <c r="E79668" s="15">
        <v>45474</v>
      </c>
      <c r="F79668" s="14" t="s">
        <v>15</v>
      </c>
      <c r="G79668" s="16">
        <v>0.72124518314043362</v>
      </c>
    </row>
    <row r="79669" spans="1:7" x14ac:dyDescent="0.3">
      <c r="A79669" s="13" t="s">
        <v>405</v>
      </c>
      <c r="B79669" s="14" t="s">
        <v>1</v>
      </c>
      <c r="C79669" s="14" t="s">
        <v>20</v>
      </c>
      <c r="D79669" s="14" t="s">
        <v>406</v>
      </c>
      <c r="E79669" s="15">
        <v>45475</v>
      </c>
      <c r="F79669" s="14" t="s">
        <v>15</v>
      </c>
      <c r="G79669" s="16">
        <v>0.74805780019510981</v>
      </c>
    </row>
    <row r="79670" spans="1:7" x14ac:dyDescent="0.3">
      <c r="A79670" s="13" t="s">
        <v>405</v>
      </c>
      <c r="B79670" s="14" t="s">
        <v>1</v>
      </c>
      <c r="C79670" s="14" t="s">
        <v>20</v>
      </c>
      <c r="D79670" s="14" t="s">
        <v>406</v>
      </c>
      <c r="E79670" s="15">
        <v>45476</v>
      </c>
      <c r="F79670" s="14" t="s">
        <v>15</v>
      </c>
      <c r="G79670" s="16">
        <v>0.75259516752725542</v>
      </c>
    </row>
    <row r="79671" spans="1:7" x14ac:dyDescent="0.3">
      <c r="A79671" s="13" t="s">
        <v>405</v>
      </c>
      <c r="B79671" s="14" t="s">
        <v>1</v>
      </c>
      <c r="C79671" s="14" t="s">
        <v>20</v>
      </c>
      <c r="D79671" s="14" t="s">
        <v>406</v>
      </c>
      <c r="E79671" s="15">
        <v>45477</v>
      </c>
      <c r="F79671" s="14" t="s">
        <v>15</v>
      </c>
      <c r="G79671" s="16">
        <v>0.75824241277283055</v>
      </c>
    </row>
    <row r="79672" spans="1:7" x14ac:dyDescent="0.3">
      <c r="A79672" s="13" t="s">
        <v>405</v>
      </c>
      <c r="B79672" s="14" t="s">
        <v>1</v>
      </c>
      <c r="C79672" s="14" t="s">
        <v>20</v>
      </c>
      <c r="D79672" s="14" t="s">
        <v>406</v>
      </c>
      <c r="E79672" s="15">
        <v>45478</v>
      </c>
      <c r="F79672" s="14" t="s">
        <v>15</v>
      </c>
      <c r="G79672" s="16">
        <v>0.76410053482195739</v>
      </c>
    </row>
    <row r="79673" spans="1:7" x14ac:dyDescent="0.3">
      <c r="A79673" s="13" t="s">
        <v>405</v>
      </c>
      <c r="B79673" s="14" t="s">
        <v>1</v>
      </c>
      <c r="C79673" s="14" t="s">
        <v>20</v>
      </c>
      <c r="D79673" s="14" t="s">
        <v>406</v>
      </c>
      <c r="E79673" s="15">
        <v>45479</v>
      </c>
      <c r="F79673" s="14" t="s">
        <v>15</v>
      </c>
      <c r="G79673" s="16">
        <v>0.76410053482195739</v>
      </c>
    </row>
    <row r="79674" spans="1:7" x14ac:dyDescent="0.3">
      <c r="A79674" s="13" t="s">
        <v>405</v>
      </c>
      <c r="B79674" s="14" t="s">
        <v>1</v>
      </c>
      <c r="C79674" s="14" t="s">
        <v>20</v>
      </c>
      <c r="D79674" s="14" t="s">
        <v>406</v>
      </c>
      <c r="E79674" s="15">
        <v>45480</v>
      </c>
      <c r="F79674" s="14" t="s">
        <v>15</v>
      </c>
      <c r="G79674" s="16">
        <v>0.76410053482195739</v>
      </c>
    </row>
    <row r="79675" spans="1:7" x14ac:dyDescent="0.3">
      <c r="A79675" s="13" t="s">
        <v>405</v>
      </c>
      <c r="B79675" s="14" t="s">
        <v>1</v>
      </c>
      <c r="C79675" s="14" t="s">
        <v>20</v>
      </c>
      <c r="D79675" s="14" t="s">
        <v>406</v>
      </c>
      <c r="E79675" s="15">
        <v>45481</v>
      </c>
      <c r="F79675" s="14" t="s">
        <v>15</v>
      </c>
      <c r="G79675" s="16">
        <v>0.76994755809194992</v>
      </c>
    </row>
    <row r="79676" spans="1:7" x14ac:dyDescent="0.3">
      <c r="A79676" s="13" t="s">
        <v>405</v>
      </c>
      <c r="B79676" s="14" t="s">
        <v>1</v>
      </c>
      <c r="C79676" s="14" t="s">
        <v>20</v>
      </c>
      <c r="D79676" s="14" t="s">
        <v>406</v>
      </c>
      <c r="E79676" s="15">
        <v>45482</v>
      </c>
      <c r="F79676" s="14" t="s">
        <v>15</v>
      </c>
      <c r="G79676" s="16">
        <v>0.78727071898680356</v>
      </c>
    </row>
    <row r="79677" spans="1:7" x14ac:dyDescent="0.3">
      <c r="A79677" s="13" t="s">
        <v>405</v>
      </c>
      <c r="B79677" s="14" t="s">
        <v>1</v>
      </c>
      <c r="C79677" s="14" t="s">
        <v>20</v>
      </c>
      <c r="D79677" s="14" t="s">
        <v>406</v>
      </c>
      <c r="E79677" s="15">
        <v>45483</v>
      </c>
      <c r="F79677" s="14" t="s">
        <v>15</v>
      </c>
      <c r="G79677" s="16">
        <v>0.80288466789497592</v>
      </c>
    </row>
    <row r="79678" spans="1:7" x14ac:dyDescent="0.3">
      <c r="A79678" s="13" t="s">
        <v>405</v>
      </c>
      <c r="B79678" s="14" t="s">
        <v>1</v>
      </c>
      <c r="C79678" s="14" t="s">
        <v>20</v>
      </c>
      <c r="D79678" s="14" t="s">
        <v>406</v>
      </c>
      <c r="E79678" s="15">
        <v>45484</v>
      </c>
      <c r="F79678" s="14" t="s">
        <v>15</v>
      </c>
      <c r="G79678" s="16">
        <v>0.80906465453899723</v>
      </c>
    </row>
    <row r="79679" spans="1:7" x14ac:dyDescent="0.3">
      <c r="A79679" s="13" t="s">
        <v>405</v>
      </c>
      <c r="B79679" s="14" t="s">
        <v>1</v>
      </c>
      <c r="C79679" s="14" t="s">
        <v>20</v>
      </c>
      <c r="D79679" s="14" t="s">
        <v>406</v>
      </c>
      <c r="E79679" s="15">
        <v>45485</v>
      </c>
      <c r="F79679" s="14" t="s">
        <v>15</v>
      </c>
      <c r="G79679" s="16">
        <v>0.81700934706537154</v>
      </c>
    </row>
    <row r="79680" spans="1:7" x14ac:dyDescent="0.3">
      <c r="A79680" s="13" t="s">
        <v>405</v>
      </c>
      <c r="B79680" s="14" t="s">
        <v>1</v>
      </c>
      <c r="C79680" s="14" t="s">
        <v>20</v>
      </c>
      <c r="D79680" s="14" t="s">
        <v>406</v>
      </c>
      <c r="E79680" s="15">
        <v>45486</v>
      </c>
      <c r="F79680" s="14" t="s">
        <v>15</v>
      </c>
      <c r="G79680" s="16">
        <v>0.81700934706537154</v>
      </c>
    </row>
    <row r="79681" spans="1:7" x14ac:dyDescent="0.3">
      <c r="A79681" s="13" t="s">
        <v>405</v>
      </c>
      <c r="B79681" s="14" t="s">
        <v>1</v>
      </c>
      <c r="C79681" s="14" t="s">
        <v>20</v>
      </c>
      <c r="D79681" s="14" t="s">
        <v>406</v>
      </c>
      <c r="E79681" s="15">
        <v>45487</v>
      </c>
      <c r="F79681" s="14" t="s">
        <v>15</v>
      </c>
      <c r="G79681" s="16">
        <v>0.81700934706537154</v>
      </c>
    </row>
    <row r="79682" spans="1:7" x14ac:dyDescent="0.3">
      <c r="A79682" s="13" t="s">
        <v>405</v>
      </c>
      <c r="B79682" s="14" t="s">
        <v>1</v>
      </c>
      <c r="C79682" s="14" t="s">
        <v>20</v>
      </c>
      <c r="D79682" s="14" t="s">
        <v>406</v>
      </c>
      <c r="E79682" s="15">
        <v>45488</v>
      </c>
      <c r="F79682" s="14" t="s">
        <v>15</v>
      </c>
      <c r="G79682" s="16">
        <v>0.82278977766055816</v>
      </c>
    </row>
    <row r="79683" spans="1:7" x14ac:dyDescent="0.3">
      <c r="A79683" s="13" t="s">
        <v>405</v>
      </c>
      <c r="B79683" s="14" t="s">
        <v>1</v>
      </c>
      <c r="C79683" s="14" t="s">
        <v>20</v>
      </c>
      <c r="D79683" s="14" t="s">
        <v>406</v>
      </c>
      <c r="E79683" s="15">
        <v>45489</v>
      </c>
      <c r="F79683" s="14" t="s">
        <v>15</v>
      </c>
      <c r="G79683" s="16">
        <v>0.83989096297272603</v>
      </c>
    </row>
    <row r="79684" spans="1:7" x14ac:dyDescent="0.3">
      <c r="A79684" s="13" t="s">
        <v>405</v>
      </c>
      <c r="B79684" s="14" t="s">
        <v>1</v>
      </c>
      <c r="C79684" s="14" t="s">
        <v>20</v>
      </c>
      <c r="D79684" s="14" t="s">
        <v>406</v>
      </c>
      <c r="E79684" s="15">
        <v>45490</v>
      </c>
      <c r="F79684" s="14" t="s">
        <v>15</v>
      </c>
      <c r="G79684" s="16">
        <v>0.84566029478877847</v>
      </c>
    </row>
    <row r="79685" spans="1:7" x14ac:dyDescent="0.3">
      <c r="A79685" s="13" t="s">
        <v>405</v>
      </c>
      <c r="B79685" s="14" t="s">
        <v>1</v>
      </c>
      <c r="C79685" s="14" t="s">
        <v>20</v>
      </c>
      <c r="D79685" s="14" t="s">
        <v>406</v>
      </c>
      <c r="E79685" s="15">
        <v>45491</v>
      </c>
      <c r="F79685" s="14" t="s">
        <v>15</v>
      </c>
      <c r="G79685" s="16">
        <v>0.8514185278256966</v>
      </c>
    </row>
    <row r="79686" spans="1:7" x14ac:dyDescent="0.3">
      <c r="A79686" s="13" t="s">
        <v>405</v>
      </c>
      <c r="B79686" s="14" t="s">
        <v>1</v>
      </c>
      <c r="C79686" s="14" t="s">
        <v>20</v>
      </c>
      <c r="D79686" s="14" t="s">
        <v>406</v>
      </c>
      <c r="E79686" s="15">
        <v>45492</v>
      </c>
      <c r="F79686" s="14" t="s">
        <v>15</v>
      </c>
      <c r="G79686" s="16">
        <v>0.85721005720001753</v>
      </c>
    </row>
    <row r="79687" spans="1:7" x14ac:dyDescent="0.3">
      <c r="A79687" s="13" t="s">
        <v>405</v>
      </c>
      <c r="B79687" s="14" t="s">
        <v>1</v>
      </c>
      <c r="C79687" s="14" t="s">
        <v>20</v>
      </c>
      <c r="D79687" s="14" t="s">
        <v>406</v>
      </c>
      <c r="E79687" s="15">
        <v>45493</v>
      </c>
      <c r="F79687" s="14" t="s">
        <v>15</v>
      </c>
      <c r="G79687" s="16">
        <v>0.85721005720001753</v>
      </c>
    </row>
    <row r="79688" spans="1:7" x14ac:dyDescent="0.3">
      <c r="A79688" s="13" t="s">
        <v>405</v>
      </c>
      <c r="B79688" s="14" t="s">
        <v>1</v>
      </c>
      <c r="C79688" s="14" t="s">
        <v>20</v>
      </c>
      <c r="D79688" s="14" t="s">
        <v>406</v>
      </c>
      <c r="E79688" s="15">
        <v>45494</v>
      </c>
      <c r="F79688" s="14" t="s">
        <v>15</v>
      </c>
      <c r="G79688" s="16">
        <v>0.85721005720001753</v>
      </c>
    </row>
    <row r="79689" spans="1:7" x14ac:dyDescent="0.3">
      <c r="A79689" s="13" t="s">
        <v>405</v>
      </c>
      <c r="B79689" s="14" t="s">
        <v>1</v>
      </c>
      <c r="C79689" s="14" t="s">
        <v>20</v>
      </c>
      <c r="D79689" s="14" t="s">
        <v>406</v>
      </c>
      <c r="E79689" s="15">
        <v>45495</v>
      </c>
      <c r="F79689" s="14" t="s">
        <v>15</v>
      </c>
      <c r="G79689" s="16">
        <v>0.86182511598610323</v>
      </c>
    </row>
    <row r="79690" spans="1:7" x14ac:dyDescent="0.3">
      <c r="A79690" s="13" t="s">
        <v>405</v>
      </c>
      <c r="B79690" s="14" t="s">
        <v>1</v>
      </c>
      <c r="C79690" s="14" t="s">
        <v>20</v>
      </c>
      <c r="D79690" s="14" t="s">
        <v>406</v>
      </c>
      <c r="E79690" s="15">
        <v>45496</v>
      </c>
      <c r="F79690" s="14" t="s">
        <v>15</v>
      </c>
      <c r="G79690" s="16">
        <v>0.87911498054355408</v>
      </c>
    </row>
    <row r="79691" spans="1:7" x14ac:dyDescent="0.3">
      <c r="A79691" s="13" t="s">
        <v>405</v>
      </c>
      <c r="B79691" s="14" t="s">
        <v>1</v>
      </c>
      <c r="C79691" s="14" t="s">
        <v>20</v>
      </c>
      <c r="D79691" s="14" t="s">
        <v>406</v>
      </c>
      <c r="E79691" s="15">
        <v>45497</v>
      </c>
      <c r="F79691" s="14" t="s">
        <v>15</v>
      </c>
      <c r="G79691" s="16">
        <v>0.88490650991787512</v>
      </c>
    </row>
    <row r="79692" spans="1:7" x14ac:dyDescent="0.3">
      <c r="A79692" s="13" t="s">
        <v>405</v>
      </c>
      <c r="B79692" s="14" t="s">
        <v>1</v>
      </c>
      <c r="C79692" s="14" t="s">
        <v>20</v>
      </c>
      <c r="D79692" s="14" t="s">
        <v>406</v>
      </c>
      <c r="E79692" s="15">
        <v>45498</v>
      </c>
      <c r="F79692" s="14" t="s">
        <v>15</v>
      </c>
      <c r="G79692" s="16">
        <v>0.89069803929219604</v>
      </c>
    </row>
    <row r="79693" spans="1:7" x14ac:dyDescent="0.3">
      <c r="A79693" s="13" t="s">
        <v>405</v>
      </c>
      <c r="B79693" s="14" t="s">
        <v>1</v>
      </c>
      <c r="C79693" s="14" t="s">
        <v>20</v>
      </c>
      <c r="D79693" s="14" t="s">
        <v>406</v>
      </c>
      <c r="E79693" s="15">
        <v>45499</v>
      </c>
      <c r="F79693" s="14" t="s">
        <v>15</v>
      </c>
      <c r="G79693" s="16">
        <v>0.89653396378305428</v>
      </c>
    </row>
    <row r="79694" spans="1:7" x14ac:dyDescent="0.3">
      <c r="A79694" s="13" t="s">
        <v>405</v>
      </c>
      <c r="B79694" s="14" t="s">
        <v>1</v>
      </c>
      <c r="C79694" s="14" t="s">
        <v>20</v>
      </c>
      <c r="D79694" s="14" t="s">
        <v>406</v>
      </c>
      <c r="E79694" s="15">
        <v>45500</v>
      </c>
      <c r="F79694" s="14" t="s">
        <v>15</v>
      </c>
      <c r="G79694" s="16">
        <v>0.89653396378305428</v>
      </c>
    </row>
    <row r="79695" spans="1:7" x14ac:dyDescent="0.3">
      <c r="A79695" s="13" t="s">
        <v>405</v>
      </c>
      <c r="B79695" s="14" t="s">
        <v>1</v>
      </c>
      <c r="C79695" s="14" t="s">
        <v>20</v>
      </c>
      <c r="D79695" s="14" t="s">
        <v>406</v>
      </c>
      <c r="E79695" s="15">
        <v>45501</v>
      </c>
      <c r="F79695" s="14" t="s">
        <v>15</v>
      </c>
      <c r="G79695" s="16">
        <v>0.89653396378305428</v>
      </c>
    </row>
    <row r="79696" spans="1:7" x14ac:dyDescent="0.3">
      <c r="A79696" s="13" t="s">
        <v>405</v>
      </c>
      <c r="B79696" s="14" t="s">
        <v>1</v>
      </c>
      <c r="C79696" s="14" t="s">
        <v>20</v>
      </c>
      <c r="D79696" s="14" t="s">
        <v>406</v>
      </c>
      <c r="E79696" s="15">
        <v>45502</v>
      </c>
      <c r="F79696" s="14" t="s">
        <v>15</v>
      </c>
      <c r="G79696" s="16">
        <v>0.90240318461131541</v>
      </c>
    </row>
    <row r="79697" spans="1:7" x14ac:dyDescent="0.3">
      <c r="A79697" s="13" t="s">
        <v>405</v>
      </c>
      <c r="B79697" s="14" t="s">
        <v>1</v>
      </c>
      <c r="C79697" s="14" t="s">
        <v>20</v>
      </c>
      <c r="D79697" s="14" t="s">
        <v>406</v>
      </c>
      <c r="E79697" s="15">
        <v>45503</v>
      </c>
      <c r="F79697" s="14" t="s">
        <v>15</v>
      </c>
      <c r="G79697" s="16">
        <v>0.91962645649396058</v>
      </c>
    </row>
    <row r="79698" spans="1:7" x14ac:dyDescent="0.3">
      <c r="A79698" s="13" t="s">
        <v>405</v>
      </c>
      <c r="B79698" s="14" t="s">
        <v>1</v>
      </c>
      <c r="C79698" s="14" t="s">
        <v>20</v>
      </c>
      <c r="D79698" s="14" t="s">
        <v>406</v>
      </c>
      <c r="E79698" s="15">
        <v>45504</v>
      </c>
      <c r="F79698" s="14" t="s">
        <v>15</v>
      </c>
      <c r="G79698" s="16">
        <v>0.92843685379280982</v>
      </c>
    </row>
    <row r="79699" spans="1:7" x14ac:dyDescent="0.3">
      <c r="A79699" s="13" t="s">
        <v>405</v>
      </c>
      <c r="B79699" s="14" t="s">
        <v>1</v>
      </c>
      <c r="C79699" s="14" t="s">
        <v>20</v>
      </c>
      <c r="D79699" s="14" t="s">
        <v>406</v>
      </c>
      <c r="E79699" s="15">
        <v>45505</v>
      </c>
      <c r="F79699" s="14" t="s">
        <v>15</v>
      </c>
      <c r="G79699" s="16">
        <v>0.92843685379280982</v>
      </c>
    </row>
    <row r="79700" spans="1:7" x14ac:dyDescent="0.3">
      <c r="A79700" s="13" t="s">
        <v>405</v>
      </c>
      <c r="B79700" s="14" t="s">
        <v>1</v>
      </c>
      <c r="C79700" s="14" t="s">
        <v>20</v>
      </c>
      <c r="D79700" s="14" t="s">
        <v>406</v>
      </c>
      <c r="E79700" s="15">
        <v>45506</v>
      </c>
      <c r="F79700" s="14" t="s">
        <v>15</v>
      </c>
      <c r="G79700" s="16">
        <v>0.93427277828366806</v>
      </c>
    </row>
    <row r="79701" spans="1:7" x14ac:dyDescent="0.3">
      <c r="A79701" s="13" t="s">
        <v>405</v>
      </c>
      <c r="B79701" s="14" t="s">
        <v>1</v>
      </c>
      <c r="C79701" s="14" t="s">
        <v>20</v>
      </c>
      <c r="D79701" s="14" t="s">
        <v>406</v>
      </c>
      <c r="E79701" s="15">
        <v>45507</v>
      </c>
      <c r="F79701" s="14" t="s">
        <v>15</v>
      </c>
      <c r="G79701" s="16">
        <v>0.93427277828366806</v>
      </c>
    </row>
    <row r="79702" spans="1:7" x14ac:dyDescent="0.3">
      <c r="A79702" s="13" t="s">
        <v>405</v>
      </c>
      <c r="B79702" s="14" t="s">
        <v>1</v>
      </c>
      <c r="C79702" s="14" t="s">
        <v>20</v>
      </c>
      <c r="D79702" s="14" t="s">
        <v>406</v>
      </c>
      <c r="E79702" s="15">
        <v>45508</v>
      </c>
      <c r="F79702" s="14" t="s">
        <v>15</v>
      </c>
      <c r="G79702" s="16">
        <v>0.93427277828366806</v>
      </c>
    </row>
    <row r="79703" spans="1:7" x14ac:dyDescent="0.3">
      <c r="A79703" s="13" t="s">
        <v>405</v>
      </c>
      <c r="B79703" s="14" t="s">
        <v>1</v>
      </c>
      <c r="C79703" s="14" t="s">
        <v>20</v>
      </c>
      <c r="D79703" s="14" t="s">
        <v>406</v>
      </c>
      <c r="E79703" s="15">
        <v>45509</v>
      </c>
      <c r="F79703" s="14" t="s">
        <v>15</v>
      </c>
      <c r="G79703" s="16">
        <v>0.93427277828366806</v>
      </c>
    </row>
    <row r="79704" spans="1:7" x14ac:dyDescent="0.3">
      <c r="A79704" s="13" t="s">
        <v>405</v>
      </c>
      <c r="B79704" s="14" t="s">
        <v>1</v>
      </c>
      <c r="C79704" s="14" t="s">
        <v>20</v>
      </c>
      <c r="D79704" s="14" t="s">
        <v>406</v>
      </c>
      <c r="E79704" s="15">
        <v>45510</v>
      </c>
      <c r="F79704" s="14" t="s">
        <v>15</v>
      </c>
      <c r="G79704" s="16">
        <v>0.96917640532724547</v>
      </c>
    </row>
    <row r="79705" spans="1:7" x14ac:dyDescent="0.3">
      <c r="A79705" s="13" t="s">
        <v>405</v>
      </c>
      <c r="B79705" s="14" t="s">
        <v>1</v>
      </c>
      <c r="C79705" s="14" t="s">
        <v>20</v>
      </c>
      <c r="D79705" s="14" t="s">
        <v>406</v>
      </c>
      <c r="E79705" s="15">
        <v>45511</v>
      </c>
      <c r="F79705" s="14" t="s">
        <v>15</v>
      </c>
      <c r="G79705" s="16">
        <v>1.0025594996294245</v>
      </c>
    </row>
    <row r="79706" spans="1:7" x14ac:dyDescent="0.3">
      <c r="A79706" s="13" t="s">
        <v>405</v>
      </c>
      <c r="B79706" s="14" t="s">
        <v>1</v>
      </c>
      <c r="C79706" s="14" t="s">
        <v>20</v>
      </c>
      <c r="D79706" s="14" t="s">
        <v>406</v>
      </c>
      <c r="E79706" s="15">
        <v>45512</v>
      </c>
      <c r="F79706" s="14" t="s">
        <v>15</v>
      </c>
      <c r="G79706" s="16">
        <v>1.0084731155742226</v>
      </c>
    </row>
    <row r="79707" spans="1:7" x14ac:dyDescent="0.3">
      <c r="A79707" s="13" t="s">
        <v>405</v>
      </c>
      <c r="B79707" s="14" t="s">
        <v>1</v>
      </c>
      <c r="C79707" s="14" t="s">
        <v>20</v>
      </c>
      <c r="D79707" s="14" t="s">
        <v>406</v>
      </c>
      <c r="E79707" s="15">
        <v>45513</v>
      </c>
      <c r="F79707" s="14" t="s">
        <v>15</v>
      </c>
      <c r="G79707" s="16">
        <v>1.0143978302981551</v>
      </c>
    </row>
    <row r="79708" spans="1:7" x14ac:dyDescent="0.3">
      <c r="A79708" s="13" t="s">
        <v>405</v>
      </c>
      <c r="B79708" s="14" t="s">
        <v>1</v>
      </c>
      <c r="C79708" s="14" t="s">
        <v>20</v>
      </c>
      <c r="D79708" s="14" t="s">
        <v>406</v>
      </c>
      <c r="E79708" s="15">
        <v>45514</v>
      </c>
      <c r="F79708" s="14" t="s">
        <v>15</v>
      </c>
      <c r="G79708" s="16">
        <v>1.0143978302981551</v>
      </c>
    </row>
    <row r="79709" spans="1:7" x14ac:dyDescent="0.3">
      <c r="A79709" s="13" t="s">
        <v>405</v>
      </c>
      <c r="B79709" s="14" t="s">
        <v>1</v>
      </c>
      <c r="C79709" s="14" t="s">
        <v>20</v>
      </c>
      <c r="D79709" s="14" t="s">
        <v>406</v>
      </c>
      <c r="E79709" s="15">
        <v>45515</v>
      </c>
      <c r="F79709" s="14" t="s">
        <v>15</v>
      </c>
      <c r="G79709" s="16">
        <v>1.0143978302981551</v>
      </c>
    </row>
    <row r="79710" spans="1:7" x14ac:dyDescent="0.3">
      <c r="A79710" s="13" t="s">
        <v>405</v>
      </c>
      <c r="B79710" s="14" t="s">
        <v>1</v>
      </c>
      <c r="C79710" s="14" t="s">
        <v>20</v>
      </c>
      <c r="D79710" s="14" t="s">
        <v>406</v>
      </c>
      <c r="E79710" s="15">
        <v>45516</v>
      </c>
      <c r="F79710" s="14" t="s">
        <v>15</v>
      </c>
      <c r="G79710" s="16">
        <v>1.0209551754327426</v>
      </c>
    </row>
    <row r="79711" spans="1:7" x14ac:dyDescent="0.3">
      <c r="A79711" s="13" t="s">
        <v>405</v>
      </c>
      <c r="B79711" s="14" t="s">
        <v>1</v>
      </c>
      <c r="C79711" s="14" t="s">
        <v>20</v>
      </c>
      <c r="D79711" s="14" t="s">
        <v>406</v>
      </c>
      <c r="E79711" s="15">
        <v>45517</v>
      </c>
      <c r="F79711" s="14" t="s">
        <v>15</v>
      </c>
      <c r="G79711" s="16">
        <v>1.0383005338858649</v>
      </c>
    </row>
    <row r="79712" spans="1:7" x14ac:dyDescent="0.3">
      <c r="A79712" s="13" t="s">
        <v>405</v>
      </c>
      <c r="B79712" s="14" t="s">
        <v>1</v>
      </c>
      <c r="C79712" s="14" t="s">
        <v>20</v>
      </c>
      <c r="D79712" s="14" t="s">
        <v>406</v>
      </c>
      <c r="E79712" s="15">
        <v>45518</v>
      </c>
      <c r="F79712" s="14" t="s">
        <v>15</v>
      </c>
      <c r="G79712" s="16">
        <v>1.0441364583767232</v>
      </c>
    </row>
    <row r="79713" spans="1:7" x14ac:dyDescent="0.3">
      <c r="A79713" s="13" t="s">
        <v>405</v>
      </c>
      <c r="B79713" s="14" t="s">
        <v>1</v>
      </c>
      <c r="C79713" s="14" t="s">
        <v>20</v>
      </c>
      <c r="D79713" s="14" t="s">
        <v>406</v>
      </c>
      <c r="E79713" s="15">
        <v>45519</v>
      </c>
      <c r="F79713" s="14" t="s">
        <v>15</v>
      </c>
      <c r="G79713" s="16">
        <v>1.0504718279286247</v>
      </c>
    </row>
    <row r="79714" spans="1:7" x14ac:dyDescent="0.3">
      <c r="A79714" s="13" t="s">
        <v>405</v>
      </c>
      <c r="B79714" s="14" t="s">
        <v>1</v>
      </c>
      <c r="C79714" s="14" t="s">
        <v>20</v>
      </c>
      <c r="D79714" s="14" t="s">
        <v>406</v>
      </c>
      <c r="E79714" s="15">
        <v>45520</v>
      </c>
      <c r="F79714" s="14" t="s">
        <v>15</v>
      </c>
      <c r="G79714" s="16">
        <v>1.0566407157935116</v>
      </c>
    </row>
    <row r="79715" spans="1:7" x14ac:dyDescent="0.3">
      <c r="A79715" s="13" t="s">
        <v>405</v>
      </c>
      <c r="B79715" s="14" t="s">
        <v>1</v>
      </c>
      <c r="C79715" s="14" t="s">
        <v>20</v>
      </c>
      <c r="D79715" s="14" t="s">
        <v>406</v>
      </c>
      <c r="E79715" s="15">
        <v>45521</v>
      </c>
      <c r="F79715" s="14" t="s">
        <v>15</v>
      </c>
      <c r="G79715" s="16">
        <v>1.0566407157935116</v>
      </c>
    </row>
    <row r="79716" spans="1:7" x14ac:dyDescent="0.3">
      <c r="A79716" s="13" t="s">
        <v>405</v>
      </c>
      <c r="B79716" s="14" t="s">
        <v>1</v>
      </c>
      <c r="C79716" s="14" t="s">
        <v>20</v>
      </c>
      <c r="D79716" s="14" t="s">
        <v>406</v>
      </c>
      <c r="E79716" s="15">
        <v>45522</v>
      </c>
      <c r="F79716" s="14" t="s">
        <v>15</v>
      </c>
      <c r="G79716" s="16">
        <v>1.0566407157935116</v>
      </c>
    </row>
    <row r="79717" spans="1:7" x14ac:dyDescent="0.3">
      <c r="A79717" s="13" t="s">
        <v>405</v>
      </c>
      <c r="B79717" s="14" t="s">
        <v>1</v>
      </c>
      <c r="C79717" s="14" t="s">
        <v>20</v>
      </c>
      <c r="D79717" s="14" t="s">
        <v>406</v>
      </c>
      <c r="E79717" s="15">
        <v>45523</v>
      </c>
      <c r="F79717" s="14" t="s">
        <v>15</v>
      </c>
      <c r="G79717" s="16">
        <v>1.0679483383975774</v>
      </c>
    </row>
    <row r="79718" spans="1:7" x14ac:dyDescent="0.3">
      <c r="A79718" s="13" t="s">
        <v>405</v>
      </c>
      <c r="B79718" s="14" t="s">
        <v>1</v>
      </c>
      <c r="C79718" s="14" t="s">
        <v>20</v>
      </c>
      <c r="D79718" s="14" t="s">
        <v>406</v>
      </c>
      <c r="E79718" s="15">
        <v>45524</v>
      </c>
      <c r="F79718" s="14" t="s">
        <v>15</v>
      </c>
      <c r="G79718" s="16">
        <v>1.0849940298140737</v>
      </c>
    </row>
    <row r="79719" spans="1:7" x14ac:dyDescent="0.3">
      <c r="A79719" s="13" t="s">
        <v>405</v>
      </c>
      <c r="B79719" s="14" t="s">
        <v>1</v>
      </c>
      <c r="C79719" s="14" t="s">
        <v>20</v>
      </c>
      <c r="D79719" s="14" t="s">
        <v>406</v>
      </c>
      <c r="E79719" s="15">
        <v>45525</v>
      </c>
      <c r="F79719" s="14" t="s">
        <v>15</v>
      </c>
      <c r="G79719" s="16">
        <v>1.0892983227843991</v>
      </c>
    </row>
    <row r="79720" spans="1:7" x14ac:dyDescent="0.3">
      <c r="A79720" s="13" t="s">
        <v>405</v>
      </c>
      <c r="B79720" s="14" t="s">
        <v>1</v>
      </c>
      <c r="C79720" s="14" t="s">
        <v>20</v>
      </c>
      <c r="D79720" s="14" t="s">
        <v>406</v>
      </c>
      <c r="E79720" s="15">
        <v>45526</v>
      </c>
      <c r="F79720" s="14" t="s">
        <v>15</v>
      </c>
      <c r="G79720" s="16">
        <v>1.1082973993285317</v>
      </c>
    </row>
    <row r="79721" spans="1:7" x14ac:dyDescent="0.3">
      <c r="A79721" s="13" t="s">
        <v>405</v>
      </c>
      <c r="B79721" s="14" t="s">
        <v>1</v>
      </c>
      <c r="C79721" s="14" t="s">
        <v>20</v>
      </c>
      <c r="D79721" s="14" t="s">
        <v>406</v>
      </c>
      <c r="E79721" s="15">
        <v>45527</v>
      </c>
      <c r="F79721" s="14" t="s">
        <v>15</v>
      </c>
      <c r="G79721" s="16">
        <v>1.1182176745408103</v>
      </c>
    </row>
    <row r="79722" spans="1:7" x14ac:dyDescent="0.3">
      <c r="A79722" s="13" t="s">
        <v>405</v>
      </c>
      <c r="B79722" s="14" t="s">
        <v>1</v>
      </c>
      <c r="C79722" s="14" t="s">
        <v>20</v>
      </c>
      <c r="D79722" s="14" t="s">
        <v>406</v>
      </c>
      <c r="E79722" s="15">
        <v>45528</v>
      </c>
      <c r="F79722" s="14" t="s">
        <v>15</v>
      </c>
      <c r="G79722" s="16">
        <v>1.1182176745408103</v>
      </c>
    </row>
    <row r="79723" spans="1:7" x14ac:dyDescent="0.3">
      <c r="A79723" s="13" t="s">
        <v>405</v>
      </c>
      <c r="B79723" s="14" t="s">
        <v>1</v>
      </c>
      <c r="C79723" s="14" t="s">
        <v>20</v>
      </c>
      <c r="D79723" s="14" t="s">
        <v>406</v>
      </c>
      <c r="E79723" s="15">
        <v>45529</v>
      </c>
      <c r="F79723" s="14" t="s">
        <v>15</v>
      </c>
      <c r="G79723" s="16">
        <v>1.1182176745408103</v>
      </c>
    </row>
    <row r="79724" spans="1:7" x14ac:dyDescent="0.3">
      <c r="A79724" s="13" t="s">
        <v>405</v>
      </c>
      <c r="B79724" s="14" t="s">
        <v>1</v>
      </c>
      <c r="C79724" s="14" t="s">
        <v>20</v>
      </c>
      <c r="D79724" s="14" t="s">
        <v>406</v>
      </c>
      <c r="E79724" s="15">
        <v>45530</v>
      </c>
      <c r="F79724" s="14" t="s">
        <v>15</v>
      </c>
      <c r="G79724" s="16">
        <v>1.1239426112403257</v>
      </c>
    </row>
    <row r="79725" spans="1:7" x14ac:dyDescent="0.3">
      <c r="A79725" s="13" t="s">
        <v>405</v>
      </c>
      <c r="B79725" s="14" t="s">
        <v>1</v>
      </c>
      <c r="C79725" s="14" t="s">
        <v>20</v>
      </c>
      <c r="D79725" s="14" t="s">
        <v>406</v>
      </c>
      <c r="E79725" s="15">
        <v>45531</v>
      </c>
      <c r="F79725" s="14" t="s">
        <v>15</v>
      </c>
      <c r="G79725" s="16">
        <v>1.1408218209698078</v>
      </c>
    </row>
    <row r="79726" spans="1:7" x14ac:dyDescent="0.3">
      <c r="A79726" s="13" t="s">
        <v>405</v>
      </c>
      <c r="B79726" s="14" t="s">
        <v>1</v>
      </c>
      <c r="C79726" s="14" t="s">
        <v>20</v>
      </c>
      <c r="D79726" s="14" t="s">
        <v>406</v>
      </c>
      <c r="E79726" s="15">
        <v>45532</v>
      </c>
      <c r="F79726" s="14" t="s">
        <v>15</v>
      </c>
      <c r="G79726" s="16">
        <v>1.1508863803108325</v>
      </c>
    </row>
    <row r="79727" spans="1:7" x14ac:dyDescent="0.3">
      <c r="A79727" s="13" t="s">
        <v>405</v>
      </c>
      <c r="B79727" s="14" t="s">
        <v>1</v>
      </c>
      <c r="C79727" s="14" t="s">
        <v>20</v>
      </c>
      <c r="D79727" s="14" t="s">
        <v>406</v>
      </c>
      <c r="E79727" s="15">
        <v>45533</v>
      </c>
      <c r="F79727" s="14" t="s">
        <v>15</v>
      </c>
      <c r="G79727" s="16">
        <v>1.1565780206729446</v>
      </c>
    </row>
    <row r="79728" spans="1:7" x14ac:dyDescent="0.3">
      <c r="A79728" s="13" t="s">
        <v>405</v>
      </c>
      <c r="B79728" s="14" t="s">
        <v>1</v>
      </c>
      <c r="C79728" s="14" t="s">
        <v>20</v>
      </c>
      <c r="D79728" s="14" t="s">
        <v>406</v>
      </c>
      <c r="E79728" s="15">
        <v>45534</v>
      </c>
      <c r="F79728" s="14" t="s">
        <v>15</v>
      </c>
      <c r="G79728" s="16">
        <v>1.1622585622559227</v>
      </c>
    </row>
    <row r="79729" spans="1:7" x14ac:dyDescent="0.3">
      <c r="A79729" s="13" t="s">
        <v>405</v>
      </c>
      <c r="B79729" s="14" t="s">
        <v>1</v>
      </c>
      <c r="C79729" s="14" t="s">
        <v>20</v>
      </c>
      <c r="D79729" s="14" t="s">
        <v>406</v>
      </c>
      <c r="E79729" s="15">
        <v>45535</v>
      </c>
      <c r="F79729" s="14" t="s">
        <v>15</v>
      </c>
      <c r="G79729" s="16">
        <v>1.1622585622559227</v>
      </c>
    </row>
    <row r="79730" spans="1:7" x14ac:dyDescent="0.3">
      <c r="A79730" s="13" t="s">
        <v>405</v>
      </c>
      <c r="B79730" s="14" t="s">
        <v>1</v>
      </c>
      <c r="C79730" s="14" t="s">
        <v>20</v>
      </c>
      <c r="D79730" s="14" t="s">
        <v>406</v>
      </c>
      <c r="E79730" s="15">
        <v>45536</v>
      </c>
      <c r="F79730" s="14" t="s">
        <v>15</v>
      </c>
      <c r="G79730" s="16">
        <v>1.1622585622559227</v>
      </c>
    </row>
    <row r="79731" spans="1:7" x14ac:dyDescent="0.3">
      <c r="A79731" s="13" t="s">
        <v>405</v>
      </c>
      <c r="B79731" s="14" t="s">
        <v>1</v>
      </c>
      <c r="C79731" s="14" t="s">
        <v>20</v>
      </c>
      <c r="D79731" s="14" t="s">
        <v>406</v>
      </c>
      <c r="E79731" s="15">
        <v>45537</v>
      </c>
      <c r="F79731" s="14" t="s">
        <v>15</v>
      </c>
      <c r="G79731" s="16">
        <v>1.1679320942318809</v>
      </c>
    </row>
    <row r="79732" spans="1:7" x14ac:dyDescent="0.3">
      <c r="A79732" s="13" t="s">
        <v>405</v>
      </c>
      <c r="B79732" s="14" t="s">
        <v>1</v>
      </c>
      <c r="C79732" s="14" t="s">
        <v>20</v>
      </c>
      <c r="D79732" s="14" t="s">
        <v>406</v>
      </c>
      <c r="E79732" s="15">
        <v>45538</v>
      </c>
      <c r="F79732" s="14" t="s">
        <v>15</v>
      </c>
      <c r="G79732" s="16">
        <v>1.1934559180119497</v>
      </c>
    </row>
    <row r="79733" spans="1:7" x14ac:dyDescent="0.3">
      <c r="A79733" s="13" t="s">
        <v>405</v>
      </c>
      <c r="B79733" s="14" t="s">
        <v>1</v>
      </c>
      <c r="C79733" s="14" t="s">
        <v>20</v>
      </c>
      <c r="D79733" s="14" t="s">
        <v>406</v>
      </c>
      <c r="E79733" s="15">
        <v>45539</v>
      </c>
      <c r="F79733" s="14" t="s">
        <v>15</v>
      </c>
      <c r="G79733" s="16">
        <v>1.1987361487953172</v>
      </c>
    </row>
    <row r="79734" spans="1:7" x14ac:dyDescent="0.3">
      <c r="A79734" s="13" t="s">
        <v>405</v>
      </c>
      <c r="B79734" s="14" t="s">
        <v>1</v>
      </c>
      <c r="C79734" s="14" t="s">
        <v>20</v>
      </c>
      <c r="D79734" s="14" t="s">
        <v>406</v>
      </c>
      <c r="E79734" s="15">
        <v>45540</v>
      </c>
      <c r="F79734" s="14" t="s">
        <v>15</v>
      </c>
      <c r="G79734" s="16">
        <v>1.2156885440039573</v>
      </c>
    </row>
    <row r="79735" spans="1:7" x14ac:dyDescent="0.3">
      <c r="A79735" s="13" t="s">
        <v>405</v>
      </c>
      <c r="B79735" s="14" t="s">
        <v>1</v>
      </c>
      <c r="C79735" s="14" t="s">
        <v>20</v>
      </c>
      <c r="D79735" s="14" t="s">
        <v>406</v>
      </c>
      <c r="E79735" s="15">
        <v>45541</v>
      </c>
      <c r="F79735" s="14" t="s">
        <v>15</v>
      </c>
      <c r="G79735" s="16">
        <v>1.2213164022930341</v>
      </c>
    </row>
    <row r="79736" spans="1:7" x14ac:dyDescent="0.3">
      <c r="A79736" s="13" t="s">
        <v>405</v>
      </c>
      <c r="B79736" s="14" t="s">
        <v>1</v>
      </c>
      <c r="C79736" s="14" t="s">
        <v>20</v>
      </c>
      <c r="D79736" s="14" t="s">
        <v>406</v>
      </c>
      <c r="E79736" s="15">
        <v>45542</v>
      </c>
      <c r="F79736" s="14" t="s">
        <v>15</v>
      </c>
      <c r="G79736" s="16">
        <v>1.2213164022930341</v>
      </c>
    </row>
    <row r="79737" spans="1:7" x14ac:dyDescent="0.3">
      <c r="A79737" s="13" t="s">
        <v>405</v>
      </c>
      <c r="B79737" s="14" t="s">
        <v>1</v>
      </c>
      <c r="C79737" s="14" t="s">
        <v>20</v>
      </c>
      <c r="D79737" s="14" t="s">
        <v>406</v>
      </c>
      <c r="E79737" s="15">
        <v>45543</v>
      </c>
      <c r="F79737" s="14" t="s">
        <v>15</v>
      </c>
      <c r="G79737" s="16">
        <v>1.2213164022930341</v>
      </c>
    </row>
    <row r="79738" spans="1:7" x14ac:dyDescent="0.3">
      <c r="A79738" s="13" t="s">
        <v>405</v>
      </c>
      <c r="B79738" s="14" t="s">
        <v>1</v>
      </c>
      <c r="C79738" s="14" t="s">
        <v>20</v>
      </c>
      <c r="D79738" s="14" t="s">
        <v>406</v>
      </c>
      <c r="E79738" s="15">
        <v>45544</v>
      </c>
      <c r="F79738" s="14" t="s">
        <v>15</v>
      </c>
      <c r="G79738" s="16">
        <v>1.2270457576640699</v>
      </c>
    </row>
    <row r="79739" spans="1:7" x14ac:dyDescent="0.3">
      <c r="A79739" s="13" t="s">
        <v>405</v>
      </c>
      <c r="B79739" s="14" t="s">
        <v>1</v>
      </c>
      <c r="C79739" s="14" t="s">
        <v>20</v>
      </c>
      <c r="D79739" s="14" t="s">
        <v>406</v>
      </c>
      <c r="E79739" s="15">
        <v>45545</v>
      </c>
      <c r="F79739" s="14" t="s">
        <v>15</v>
      </c>
      <c r="G79739" s="16">
        <v>1.2438966557907511</v>
      </c>
    </row>
    <row r="79740" spans="1:7" x14ac:dyDescent="0.3">
      <c r="A79740" s="13" t="s">
        <v>405</v>
      </c>
      <c r="B79740" s="14" t="s">
        <v>1</v>
      </c>
      <c r="C79740" s="14" t="s">
        <v>20</v>
      </c>
      <c r="D79740" s="14" t="s">
        <v>406</v>
      </c>
      <c r="E79740" s="15">
        <v>45546</v>
      </c>
      <c r="F79740" s="14" t="s">
        <v>15</v>
      </c>
      <c r="G79740" s="16">
        <v>1.2539523242802846</v>
      </c>
    </row>
    <row r="79741" spans="1:7" x14ac:dyDescent="0.3">
      <c r="A79741" s="13" t="s">
        <v>405</v>
      </c>
      <c r="B79741" s="14" t="s">
        <v>1</v>
      </c>
      <c r="C79741" s="14" t="s">
        <v>20</v>
      </c>
      <c r="D79741" s="14" t="s">
        <v>406</v>
      </c>
      <c r="E79741" s="15">
        <v>45547</v>
      </c>
      <c r="F79741" s="14" t="s">
        <v>15</v>
      </c>
      <c r="G79741" s="16">
        <v>1.259605556839851</v>
      </c>
    </row>
    <row r="79742" spans="1:7" x14ac:dyDescent="0.3">
      <c r="A79742" s="13" t="s">
        <v>405</v>
      </c>
      <c r="B79742" s="14" t="s">
        <v>1</v>
      </c>
      <c r="C79742" s="14" t="s">
        <v>20</v>
      </c>
      <c r="D79742" s="14" t="s">
        <v>406</v>
      </c>
      <c r="E79742" s="15">
        <v>45548</v>
      </c>
      <c r="F79742" s="14" t="s">
        <v>15</v>
      </c>
      <c r="G79742" s="16">
        <v>1.2726122529873392</v>
      </c>
    </row>
    <row r="79743" spans="1:7" x14ac:dyDescent="0.3">
      <c r="A79743" s="13" t="s">
        <v>405</v>
      </c>
      <c r="B79743" s="14" t="s">
        <v>1</v>
      </c>
      <c r="C79743" s="14" t="s">
        <v>20</v>
      </c>
      <c r="D79743" s="14" t="s">
        <v>406</v>
      </c>
      <c r="E79743" s="15">
        <v>45549</v>
      </c>
      <c r="F79743" s="14" t="s">
        <v>15</v>
      </c>
      <c r="G79743" s="16">
        <v>1.2726122529873392</v>
      </c>
    </row>
    <row r="79744" spans="1:7" x14ac:dyDescent="0.3">
      <c r="A79744" s="13" t="s">
        <v>405</v>
      </c>
      <c r="B79744" s="14" t="s">
        <v>1</v>
      </c>
      <c r="C79744" s="14" t="s">
        <v>20</v>
      </c>
      <c r="D79744" s="14" t="s">
        <v>406</v>
      </c>
      <c r="E79744" s="15">
        <v>45550</v>
      </c>
      <c r="F79744" s="14" t="s">
        <v>15</v>
      </c>
      <c r="G79744" s="16">
        <v>1.2726122529873392</v>
      </c>
    </row>
    <row r="79745" spans="1:7" x14ac:dyDescent="0.3">
      <c r="A79745" s="13" t="s">
        <v>405</v>
      </c>
      <c r="B79745" s="14" t="s">
        <v>1</v>
      </c>
      <c r="C79745" s="14" t="s">
        <v>20</v>
      </c>
      <c r="D79745" s="14" t="s">
        <v>406</v>
      </c>
      <c r="E79745" s="15">
        <v>45551</v>
      </c>
      <c r="F79745" s="14" t="s">
        <v>15</v>
      </c>
      <c r="G79745" s="16">
        <v>1.2782020498706814</v>
      </c>
    </row>
    <row r="79746" spans="1:7" x14ac:dyDescent="0.3">
      <c r="A79746" s="13" t="s">
        <v>405</v>
      </c>
      <c r="B79746" s="14" t="s">
        <v>1</v>
      </c>
      <c r="C79746" s="14" t="s">
        <v>20</v>
      </c>
      <c r="D79746" s="14" t="s">
        <v>406</v>
      </c>
      <c r="E79746" s="15">
        <v>45552</v>
      </c>
      <c r="F79746" s="14" t="s">
        <v>15</v>
      </c>
      <c r="G79746" s="16">
        <v>1.2956187942292836</v>
      </c>
    </row>
    <row r="79747" spans="1:7" x14ac:dyDescent="0.3">
      <c r="A79747" s="13" t="s">
        <v>405</v>
      </c>
      <c r="B79747" s="14" t="s">
        <v>1</v>
      </c>
      <c r="C79747" s="14" t="s">
        <v>20</v>
      </c>
      <c r="D79747" s="14" t="s">
        <v>406</v>
      </c>
      <c r="E79747" s="15">
        <v>45553</v>
      </c>
      <c r="F79747" s="14" t="s">
        <v>15</v>
      </c>
      <c r="G79747" s="16">
        <v>1.3011781419880379</v>
      </c>
    </row>
    <row r="79748" spans="1:7" x14ac:dyDescent="0.3">
      <c r="A79748" s="13" t="s">
        <v>405</v>
      </c>
      <c r="B79748" s="14" t="s">
        <v>1</v>
      </c>
      <c r="C79748" s="14" t="s">
        <v>20</v>
      </c>
      <c r="D79748" s="14" t="s">
        <v>406</v>
      </c>
      <c r="E79748" s="15">
        <v>45554</v>
      </c>
      <c r="F79748" s="14" t="s">
        <v>15</v>
      </c>
      <c r="G79748" s="16">
        <v>1.3023908772119026</v>
      </c>
    </row>
    <row r="79749" spans="1:7" x14ac:dyDescent="0.3">
      <c r="A79749" s="13" t="s">
        <v>405</v>
      </c>
      <c r="B79749" s="14" t="s">
        <v>1</v>
      </c>
      <c r="C79749" s="14" t="s">
        <v>20</v>
      </c>
      <c r="D79749" s="14" t="s">
        <v>406</v>
      </c>
      <c r="E79749" s="15">
        <v>45555</v>
      </c>
      <c r="F79749" s="14" t="s">
        <v>15</v>
      </c>
      <c r="G79749" s="16">
        <v>1.3095158174598731</v>
      </c>
    </row>
    <row r="79750" spans="1:7" x14ac:dyDescent="0.3">
      <c r="A79750" s="13" t="s">
        <v>405</v>
      </c>
      <c r="B79750" s="14" t="s">
        <v>1</v>
      </c>
      <c r="C79750" s="14" t="s">
        <v>20</v>
      </c>
      <c r="D79750" s="14" t="s">
        <v>406</v>
      </c>
      <c r="E79750" s="15">
        <v>45556</v>
      </c>
      <c r="F79750" s="14" t="s">
        <v>15</v>
      </c>
      <c r="G79750" s="16">
        <v>1.3095158174598731</v>
      </c>
    </row>
    <row r="79751" spans="1:7" x14ac:dyDescent="0.3">
      <c r="A79751" s="13" t="s">
        <v>405</v>
      </c>
      <c r="B79751" s="14" t="s">
        <v>1</v>
      </c>
      <c r="C79751" s="14" t="s">
        <v>20</v>
      </c>
      <c r="D79751" s="14" t="s">
        <v>406</v>
      </c>
      <c r="E79751" s="15">
        <v>45557</v>
      </c>
      <c r="F79751" s="14" t="s">
        <v>15</v>
      </c>
      <c r="G79751" s="16">
        <v>1.3095158174598731</v>
      </c>
    </row>
    <row r="79752" spans="1:7" x14ac:dyDescent="0.3">
      <c r="A79752" s="13" t="s">
        <v>405</v>
      </c>
      <c r="B79752" s="14" t="s">
        <v>1</v>
      </c>
      <c r="C79752" s="14" t="s">
        <v>20</v>
      </c>
      <c r="D79752" s="14" t="s">
        <v>406</v>
      </c>
      <c r="E79752" s="15">
        <v>45558</v>
      </c>
      <c r="F79752" s="14" t="s">
        <v>15</v>
      </c>
      <c r="G79752" s="16">
        <v>1.3123398188598354</v>
      </c>
    </row>
    <row r="79753" spans="1:7" x14ac:dyDescent="0.3">
      <c r="A79753" s="13" t="s">
        <v>405</v>
      </c>
      <c r="B79753" s="14" t="s">
        <v>1</v>
      </c>
      <c r="C79753" s="14" t="s">
        <v>20</v>
      </c>
      <c r="D79753" s="14" t="s">
        <v>406</v>
      </c>
      <c r="E79753" s="15">
        <v>45559</v>
      </c>
      <c r="F79753" s="14" t="s">
        <v>15</v>
      </c>
      <c r="G79753" s="16">
        <v>1.3282645561136419</v>
      </c>
    </row>
    <row r="79754" spans="1:7" x14ac:dyDescent="0.3">
      <c r="A79754" s="13" t="s">
        <v>405</v>
      </c>
      <c r="B79754" s="14" t="s">
        <v>1</v>
      </c>
      <c r="C79754" s="14" t="s">
        <v>20</v>
      </c>
      <c r="D79754" s="14" t="s">
        <v>406</v>
      </c>
      <c r="E79754" s="15">
        <v>45560</v>
      </c>
      <c r="F79754" s="14" t="s">
        <v>15</v>
      </c>
      <c r="G79754" s="16">
        <v>1.3336183722814297</v>
      </c>
    </row>
    <row r="79755" spans="1:7" x14ac:dyDescent="0.3">
      <c r="A79755" s="13" t="s">
        <v>405</v>
      </c>
      <c r="B79755" s="14" t="s">
        <v>1</v>
      </c>
      <c r="C79755" s="14" t="s">
        <v>20</v>
      </c>
      <c r="D79755" s="14" t="s">
        <v>406</v>
      </c>
      <c r="E79755" s="15">
        <v>45561</v>
      </c>
      <c r="F79755" s="14" t="s">
        <v>15</v>
      </c>
      <c r="G79755" s="16">
        <v>1.3389595013139723</v>
      </c>
    </row>
    <row r="79756" spans="1:7" x14ac:dyDescent="0.3">
      <c r="A79756" s="13" t="s">
        <v>405</v>
      </c>
      <c r="B79756" s="14" t="s">
        <v>1</v>
      </c>
      <c r="C79756" s="14" t="s">
        <v>20</v>
      </c>
      <c r="D79756" s="14" t="s">
        <v>406</v>
      </c>
      <c r="E79756" s="15">
        <v>45562</v>
      </c>
      <c r="F79756" s="14" t="s">
        <v>15</v>
      </c>
      <c r="G79756" s="16">
        <v>1.3563559462561827</v>
      </c>
    </row>
    <row r="79757" spans="1:7" x14ac:dyDescent="0.3">
      <c r="A79757" s="13" t="s">
        <v>405</v>
      </c>
      <c r="B79757" s="14" t="s">
        <v>1</v>
      </c>
      <c r="C79757" s="14" t="s">
        <v>20</v>
      </c>
      <c r="D79757" s="14" t="s">
        <v>406</v>
      </c>
      <c r="E79757" s="15">
        <v>45563</v>
      </c>
      <c r="F79757" s="14" t="s">
        <v>15</v>
      </c>
      <c r="G79757" s="16">
        <v>1.3563559462561827</v>
      </c>
    </row>
    <row r="79758" spans="1:7" x14ac:dyDescent="0.3">
      <c r="A79758" s="13" t="s">
        <v>405</v>
      </c>
      <c r="B79758" s="14" t="s">
        <v>1</v>
      </c>
      <c r="C79758" s="14" t="s">
        <v>20</v>
      </c>
      <c r="D79758" s="14" t="s">
        <v>406</v>
      </c>
      <c r="E79758" s="15">
        <v>45564</v>
      </c>
      <c r="F79758" s="14" t="s">
        <v>15</v>
      </c>
      <c r="G79758" s="16">
        <v>1.3563559462561827</v>
      </c>
    </row>
    <row r="79759" spans="1:7" x14ac:dyDescent="0.3">
      <c r="A79759" s="13" t="s">
        <v>405</v>
      </c>
      <c r="B79759" s="14" t="s">
        <v>1</v>
      </c>
      <c r="C79759" s="14" t="s">
        <v>20</v>
      </c>
      <c r="D79759" s="14" t="s">
        <v>406</v>
      </c>
      <c r="E79759" s="15">
        <v>45565</v>
      </c>
      <c r="F79759" s="14" t="s">
        <v>15</v>
      </c>
      <c r="G79759" s="16">
        <v>1.3625978618911108</v>
      </c>
    </row>
    <row r="79760" spans="1:7" x14ac:dyDescent="0.3">
      <c r="A79760" s="13" t="s">
        <v>405</v>
      </c>
      <c r="B79760" s="14" t="s">
        <v>1</v>
      </c>
      <c r="C79760" s="14" t="s">
        <v>20</v>
      </c>
      <c r="D79760" s="14" t="s">
        <v>406</v>
      </c>
      <c r="E79760" s="15">
        <v>45566</v>
      </c>
      <c r="F79760" s="14" t="s">
        <v>15</v>
      </c>
      <c r="G79760" s="16">
        <v>1.3804459688480382</v>
      </c>
    </row>
    <row r="79761" spans="1:7" x14ac:dyDescent="0.3">
      <c r="A79761" s="13" t="s">
        <v>405</v>
      </c>
      <c r="B79761" s="14" t="s">
        <v>1</v>
      </c>
      <c r="C79761" s="14" t="s">
        <v>20</v>
      </c>
      <c r="D79761" s="14" t="s">
        <v>406</v>
      </c>
      <c r="E79761" s="15">
        <v>45567</v>
      </c>
      <c r="F79761" s="14" t="s">
        <v>15</v>
      </c>
      <c r="G79761" s="16">
        <v>1.3957185873502589</v>
      </c>
    </row>
    <row r="79762" spans="1:7" x14ac:dyDescent="0.3">
      <c r="A79762" s="13" t="s">
        <v>405</v>
      </c>
      <c r="B79762" s="14" t="s">
        <v>1</v>
      </c>
      <c r="C79762" s="14" t="s">
        <v>20</v>
      </c>
      <c r="D79762" s="14" t="s">
        <v>406</v>
      </c>
      <c r="E79762" s="15">
        <v>45568</v>
      </c>
      <c r="F79762" s="14" t="s">
        <v>15</v>
      </c>
      <c r="G79762" s="16">
        <v>1.4010749409450953</v>
      </c>
    </row>
    <row r="79763" spans="1:7" x14ac:dyDescent="0.3">
      <c r="A79763" s="13" t="s">
        <v>405</v>
      </c>
      <c r="B79763" s="14" t="s">
        <v>1</v>
      </c>
      <c r="C79763" s="14" t="s">
        <v>20</v>
      </c>
      <c r="D79763" s="14" t="s">
        <v>406</v>
      </c>
      <c r="E79763" s="15">
        <v>45569</v>
      </c>
      <c r="F79763" s="14" t="s">
        <v>15</v>
      </c>
      <c r="G79763" s="16">
        <v>1.4171011752808609</v>
      </c>
    </row>
    <row r="79764" spans="1:7" x14ac:dyDescent="0.3">
      <c r="A79764" s="13" t="s">
        <v>405</v>
      </c>
      <c r="B79764" s="14" t="s">
        <v>1</v>
      </c>
      <c r="C79764" s="14" t="s">
        <v>20</v>
      </c>
      <c r="D79764" s="14" t="s">
        <v>406</v>
      </c>
      <c r="E79764" s="15">
        <v>45570</v>
      </c>
      <c r="F79764" s="14" t="s">
        <v>15</v>
      </c>
      <c r="G79764" s="16">
        <v>1.4171011752808609</v>
      </c>
    </row>
    <row r="79765" spans="1:7" x14ac:dyDescent="0.3">
      <c r="A79765" s="13" t="s">
        <v>405</v>
      </c>
      <c r="B79765" s="14" t="s">
        <v>1</v>
      </c>
      <c r="C79765" s="14" t="s">
        <v>20</v>
      </c>
      <c r="D79765" s="14" t="s">
        <v>406</v>
      </c>
      <c r="E79765" s="15">
        <v>45571</v>
      </c>
      <c r="F79765" s="14" t="s">
        <v>15</v>
      </c>
      <c r="G79765" s="16">
        <v>1.4171011752808609</v>
      </c>
    </row>
    <row r="79766" spans="1:7" x14ac:dyDescent="0.3">
      <c r="A79766" s="13" t="s">
        <v>405</v>
      </c>
      <c r="B79766" s="14" t="s">
        <v>1</v>
      </c>
      <c r="C79766" s="14" t="s">
        <v>20</v>
      </c>
      <c r="D79766" s="14" t="s">
        <v>406</v>
      </c>
      <c r="E79766" s="15">
        <v>45572</v>
      </c>
      <c r="F79766" s="14" t="s">
        <v>15</v>
      </c>
      <c r="G79766" s="16">
        <v>1.4224397668863547</v>
      </c>
    </row>
    <row r="79767" spans="1:7" x14ac:dyDescent="0.3">
      <c r="A79767" s="13" t="s">
        <v>405</v>
      </c>
      <c r="B79767" s="14" t="s">
        <v>1</v>
      </c>
      <c r="C79767" s="14" t="s">
        <v>20</v>
      </c>
      <c r="D79767" s="14" t="s">
        <v>406</v>
      </c>
      <c r="E79767" s="15">
        <v>45573</v>
      </c>
      <c r="F79767" s="14" t="s">
        <v>15</v>
      </c>
      <c r="G79767" s="16">
        <v>1.4384431643786795</v>
      </c>
    </row>
    <row r="79768" spans="1:7" x14ac:dyDescent="0.3">
      <c r="A79768" s="13" t="s">
        <v>405</v>
      </c>
      <c r="B79768" s="14" t="s">
        <v>1</v>
      </c>
      <c r="C79768" s="14" t="s">
        <v>20</v>
      </c>
      <c r="D79768" s="14" t="s">
        <v>406</v>
      </c>
      <c r="E79768" s="15">
        <v>45574</v>
      </c>
      <c r="F79768" s="14" t="s">
        <v>15</v>
      </c>
      <c r="G79768" s="16">
        <v>1.4458319970397429</v>
      </c>
    </row>
    <row r="79769" spans="1:7" x14ac:dyDescent="0.3">
      <c r="A79769" s="13" t="s">
        <v>405</v>
      </c>
      <c r="B79769" s="14" t="s">
        <v>1</v>
      </c>
      <c r="C79769" s="14" t="s">
        <v>20</v>
      </c>
      <c r="D79769" s="14" t="s">
        <v>406</v>
      </c>
      <c r="E79769" s="15">
        <v>45575</v>
      </c>
      <c r="F79769" s="14" t="s">
        <v>15</v>
      </c>
      <c r="G79769" s="16">
        <v>1.4511020781149142</v>
      </c>
    </row>
    <row r="79770" spans="1:7" x14ac:dyDescent="0.3">
      <c r="A79770" s="13" t="s">
        <v>405</v>
      </c>
      <c r="B79770" s="14" t="s">
        <v>1</v>
      </c>
      <c r="C79770" s="14" t="s">
        <v>20</v>
      </c>
      <c r="D79770" s="14" t="s">
        <v>406</v>
      </c>
      <c r="E79770" s="15">
        <v>45576</v>
      </c>
      <c r="F79770" s="14" t="s">
        <v>15</v>
      </c>
      <c r="G79770" s="16">
        <v>1.4566918749982565</v>
      </c>
    </row>
    <row r="79771" spans="1:7" x14ac:dyDescent="0.3">
      <c r="A79771" s="13" t="s">
        <v>405</v>
      </c>
      <c r="B79771" s="14" t="s">
        <v>1</v>
      </c>
      <c r="C79771" s="14" t="s">
        <v>20</v>
      </c>
      <c r="D79771" s="14" t="s">
        <v>406</v>
      </c>
      <c r="E79771" s="15">
        <v>45577</v>
      </c>
      <c r="F79771" s="14" t="s">
        <v>15</v>
      </c>
      <c r="G79771" s="16">
        <v>1.4566918749982565</v>
      </c>
    </row>
    <row r="79772" spans="1:7" x14ac:dyDescent="0.3">
      <c r="A79772" s="13" t="s">
        <v>405</v>
      </c>
      <c r="B79772" s="14" t="s">
        <v>1</v>
      </c>
      <c r="C79772" s="14" t="s">
        <v>20</v>
      </c>
      <c r="D79772" s="14" t="s">
        <v>406</v>
      </c>
      <c r="E79772" s="15">
        <v>45578</v>
      </c>
      <c r="F79772" s="14" t="s">
        <v>15</v>
      </c>
      <c r="G79772" s="16">
        <v>1.4566918749982565</v>
      </c>
    </row>
    <row r="79773" spans="1:7" x14ac:dyDescent="0.3">
      <c r="A79773" s="13" t="s">
        <v>405</v>
      </c>
      <c r="B79773" s="14" t="s">
        <v>1</v>
      </c>
      <c r="C79773" s="14" t="s">
        <v>20</v>
      </c>
      <c r="D79773" s="14" t="s">
        <v>406</v>
      </c>
      <c r="E79773" s="15">
        <v>45579</v>
      </c>
      <c r="F79773" s="14" t="s">
        <v>15</v>
      </c>
      <c r="G79773" s="16">
        <v>1.4619518063652319</v>
      </c>
    </row>
    <row r="79774" spans="1:7" x14ac:dyDescent="0.3">
      <c r="A79774" s="13" t="s">
        <v>405</v>
      </c>
      <c r="B79774" s="14" t="s">
        <v>1</v>
      </c>
      <c r="C79774" s="14" t="s">
        <v>20</v>
      </c>
      <c r="D79774" s="14" t="s">
        <v>406</v>
      </c>
      <c r="E79774" s="15">
        <v>45580</v>
      </c>
      <c r="F79774" s="14" t="s">
        <v>15</v>
      </c>
      <c r="G79774" s="16">
        <v>1.4773411465117054</v>
      </c>
    </row>
    <row r="79775" spans="1:7" x14ac:dyDescent="0.3">
      <c r="A79775" s="13" t="s">
        <v>405</v>
      </c>
      <c r="B79775" s="14" t="s">
        <v>1</v>
      </c>
      <c r="C79775" s="14" t="s">
        <v>20</v>
      </c>
      <c r="D79775" s="14" t="s">
        <v>406</v>
      </c>
      <c r="E79775" s="15">
        <v>45581</v>
      </c>
      <c r="F79775" s="14" t="s">
        <v>15</v>
      </c>
      <c r="G79775" s="16">
        <v>1.4829207936868518</v>
      </c>
    </row>
    <row r="79776" spans="1:7" x14ac:dyDescent="0.3">
      <c r="A79776" s="13" t="s">
        <v>405</v>
      </c>
      <c r="B79776" s="14" t="s">
        <v>1</v>
      </c>
      <c r="C79776" s="14" t="s">
        <v>20</v>
      </c>
      <c r="D79776" s="14" t="s">
        <v>406</v>
      </c>
      <c r="E79776" s="15">
        <v>45582</v>
      </c>
      <c r="F79776" s="14" t="s">
        <v>15</v>
      </c>
      <c r="G79776" s="16">
        <v>1.4881274390857988</v>
      </c>
    </row>
    <row r="79777" spans="1:7" x14ac:dyDescent="0.3">
      <c r="A79777" s="13" t="s">
        <v>405</v>
      </c>
      <c r="B79777" s="14" t="s">
        <v>1</v>
      </c>
      <c r="C79777" s="14" t="s">
        <v>20</v>
      </c>
      <c r="D79777" s="14" t="s">
        <v>406</v>
      </c>
      <c r="E79777" s="15">
        <v>45583</v>
      </c>
      <c r="F79777" s="14" t="s">
        <v>15</v>
      </c>
      <c r="G79777" s="16">
        <v>1.4933239347765503</v>
      </c>
    </row>
    <row r="79778" spans="1:7" x14ac:dyDescent="0.3">
      <c r="A79778" s="13" t="s">
        <v>405</v>
      </c>
      <c r="B79778" s="14" t="s">
        <v>1</v>
      </c>
      <c r="C79778" s="14" t="s">
        <v>20</v>
      </c>
      <c r="D79778" s="14" t="s">
        <v>406</v>
      </c>
      <c r="E79778" s="15">
        <v>45584</v>
      </c>
      <c r="F79778" s="14" t="s">
        <v>15</v>
      </c>
      <c r="G79778" s="16">
        <v>1.4933239347765503</v>
      </c>
    </row>
    <row r="79779" spans="1:7" x14ac:dyDescent="0.3">
      <c r="A79779" s="13" t="s">
        <v>405</v>
      </c>
      <c r="B79779" s="14" t="s">
        <v>1</v>
      </c>
      <c r="C79779" s="14" t="s">
        <v>20</v>
      </c>
      <c r="D79779" s="14" t="s">
        <v>406</v>
      </c>
      <c r="E79779" s="15">
        <v>45585</v>
      </c>
      <c r="F79779" s="14" t="s">
        <v>15</v>
      </c>
      <c r="G79779" s="16">
        <v>1.4933239347765503</v>
      </c>
    </row>
    <row r="79780" spans="1:7" x14ac:dyDescent="0.3">
      <c r="A79780" s="13" t="s">
        <v>405</v>
      </c>
      <c r="B79780" s="14" t="s">
        <v>1</v>
      </c>
      <c r="C79780" s="14" t="s">
        <v>20</v>
      </c>
      <c r="D79780" s="14" t="s">
        <v>406</v>
      </c>
      <c r="E79780" s="15">
        <v>45586</v>
      </c>
      <c r="F79780" s="14" t="s">
        <v>15</v>
      </c>
      <c r="G79780" s="16">
        <v>1.4962722701019122</v>
      </c>
    </row>
    <row r="79781" spans="1:7" x14ac:dyDescent="0.3">
      <c r="A79781" s="13" t="s">
        <v>405</v>
      </c>
      <c r="B79781" s="14" t="s">
        <v>1</v>
      </c>
      <c r="C79781" s="14" t="s">
        <v>20</v>
      </c>
      <c r="D79781" s="14" t="s">
        <v>406</v>
      </c>
      <c r="E79781" s="15">
        <v>45587</v>
      </c>
      <c r="F79781" s="14" t="s">
        <v>15</v>
      </c>
      <c r="G79781" s="16">
        <v>1.5117098213623159</v>
      </c>
    </row>
    <row r="79782" spans="1:7" x14ac:dyDescent="0.3">
      <c r="A79782" s="13" t="s">
        <v>405</v>
      </c>
      <c r="B79782" s="14" t="s">
        <v>1</v>
      </c>
      <c r="C79782" s="14" t="s">
        <v>20</v>
      </c>
      <c r="D79782" s="14" t="s">
        <v>406</v>
      </c>
      <c r="E79782" s="15">
        <v>45588</v>
      </c>
      <c r="F79782" s="14" t="s">
        <v>15</v>
      </c>
      <c r="G79782" s="16">
        <v>1.5170890118005935</v>
      </c>
    </row>
    <row r="79783" spans="1:7" x14ac:dyDescent="0.3">
      <c r="A79783" s="13" t="s">
        <v>405</v>
      </c>
      <c r="B79783" s="14" t="s">
        <v>1</v>
      </c>
      <c r="C79783" s="14" t="s">
        <v>20</v>
      </c>
      <c r="D79783" s="14" t="s">
        <v>406</v>
      </c>
      <c r="E79783" s="15">
        <v>45589</v>
      </c>
      <c r="F79783" s="14" t="s">
        <v>15</v>
      </c>
      <c r="G79783" s="16">
        <v>1.5223286437511774</v>
      </c>
    </row>
    <row r="79784" spans="1:7" x14ac:dyDescent="0.3">
      <c r="A79784" s="13" t="s">
        <v>405</v>
      </c>
      <c r="B79784" s="14" t="s">
        <v>1</v>
      </c>
      <c r="C79784" s="14" t="s">
        <v>20</v>
      </c>
      <c r="D79784" s="14" t="s">
        <v>406</v>
      </c>
      <c r="E79784" s="15">
        <v>45590</v>
      </c>
      <c r="F79784" s="14" t="s">
        <v>15</v>
      </c>
      <c r="G79784" s="16">
        <v>1.5275809628370063</v>
      </c>
    </row>
    <row r="79785" spans="1:7" x14ac:dyDescent="0.3">
      <c r="A79785" s="13" t="s">
        <v>405</v>
      </c>
      <c r="B79785" s="14" t="s">
        <v>1</v>
      </c>
      <c r="C79785" s="14" t="s">
        <v>20</v>
      </c>
      <c r="D79785" s="14" t="s">
        <v>406</v>
      </c>
      <c r="E79785" s="15">
        <v>45591</v>
      </c>
      <c r="F79785" s="14" t="s">
        <v>15</v>
      </c>
      <c r="G79785" s="16">
        <v>1.5275809628370063</v>
      </c>
    </row>
    <row r="79786" spans="1:7" x14ac:dyDescent="0.3">
      <c r="A79786" s="13" t="s">
        <v>405</v>
      </c>
      <c r="B79786" s="14" t="s">
        <v>1</v>
      </c>
      <c r="C79786" s="14" t="s">
        <v>20</v>
      </c>
      <c r="D79786" s="14" t="s">
        <v>406</v>
      </c>
      <c r="E79786" s="15">
        <v>45592</v>
      </c>
      <c r="F79786" s="14" t="s">
        <v>15</v>
      </c>
      <c r="G79786" s="16">
        <v>1.5275809628370063</v>
      </c>
    </row>
    <row r="79787" spans="1:7" x14ac:dyDescent="0.3">
      <c r="A79787" s="13" t="s">
        <v>405</v>
      </c>
      <c r="B79787" s="14" t="s">
        <v>1</v>
      </c>
      <c r="C79787" s="14" t="s">
        <v>20</v>
      </c>
      <c r="D79787" s="14" t="s">
        <v>406</v>
      </c>
      <c r="E79787" s="15">
        <v>45593</v>
      </c>
      <c r="F79787" s="14" t="s">
        <v>15</v>
      </c>
      <c r="G79787" s="16">
        <v>1.5275809628370063</v>
      </c>
    </row>
    <row r="79788" spans="1:7" x14ac:dyDescent="0.3">
      <c r="A79788" s="13" t="s">
        <v>405</v>
      </c>
      <c r="B79788" s="14" t="s">
        <v>1</v>
      </c>
      <c r="C79788" s="14" t="s">
        <v>20</v>
      </c>
      <c r="D79788" s="14" t="s">
        <v>406</v>
      </c>
      <c r="E79788" s="15">
        <v>45594</v>
      </c>
      <c r="F79788" s="14" t="s">
        <v>15</v>
      </c>
      <c r="G79788" s="16">
        <v>1.5385907038969533</v>
      </c>
    </row>
    <row r="79789" spans="1:7" x14ac:dyDescent="0.3">
      <c r="A79789" s="13" t="s">
        <v>405</v>
      </c>
      <c r="B79789" s="14" t="s">
        <v>1</v>
      </c>
      <c r="C79789" s="14" t="s">
        <v>20</v>
      </c>
      <c r="D79789" s="14" t="s">
        <v>406</v>
      </c>
      <c r="E79789" s="15">
        <v>45595</v>
      </c>
      <c r="F79789" s="14" t="s">
        <v>15</v>
      </c>
      <c r="G79789" s="16">
        <v>1.5593796888036395</v>
      </c>
    </row>
    <row r="79790" spans="1:7" x14ac:dyDescent="0.3">
      <c r="A79790" s="13" t="s">
        <v>405</v>
      </c>
      <c r="B79790" s="14" t="s">
        <v>1</v>
      </c>
      <c r="C79790" s="14" t="s">
        <v>20</v>
      </c>
      <c r="D79790" s="14" t="s">
        <v>406</v>
      </c>
      <c r="E79790" s="15">
        <v>45596</v>
      </c>
      <c r="F79790" s="14" t="s">
        <v>15</v>
      </c>
      <c r="G79790" s="16">
        <v>1.5646243956083217</v>
      </c>
    </row>
    <row r="79791" spans="1:7" x14ac:dyDescent="0.3">
      <c r="A79791" s="13" t="s">
        <v>405</v>
      </c>
      <c r="B79791" s="14" t="s">
        <v>1</v>
      </c>
      <c r="C79791" s="14" t="s">
        <v>20</v>
      </c>
      <c r="D79791" s="14" t="s">
        <v>406</v>
      </c>
      <c r="E79791" s="15">
        <v>45597</v>
      </c>
      <c r="F79791" s="14" t="s">
        <v>15</v>
      </c>
      <c r="G79791" s="16">
        <v>1.5698411907154648</v>
      </c>
    </row>
    <row r="79792" spans="1:7" x14ac:dyDescent="0.3">
      <c r="A79792" s="13" t="s">
        <v>405</v>
      </c>
      <c r="B79792" s="14" t="s">
        <v>1</v>
      </c>
      <c r="C79792" s="14" t="s">
        <v>20</v>
      </c>
      <c r="D79792" s="14" t="s">
        <v>406</v>
      </c>
      <c r="E79792" s="15">
        <v>45598</v>
      </c>
      <c r="F79792" s="14" t="s">
        <v>15</v>
      </c>
      <c r="G79792" s="16">
        <v>1.5698411907154648</v>
      </c>
    </row>
    <row r="79793" spans="1:7" x14ac:dyDescent="0.3">
      <c r="A79793" s="13" t="s">
        <v>405</v>
      </c>
      <c r="B79793" s="14" t="s">
        <v>1</v>
      </c>
      <c r="C79793" s="14" t="s">
        <v>20</v>
      </c>
      <c r="D79793" s="14" t="s">
        <v>406</v>
      </c>
      <c r="E79793" s="15">
        <v>45599</v>
      </c>
      <c r="F79793" s="14" t="s">
        <v>15</v>
      </c>
      <c r="G79793" s="16">
        <v>1.5698411907154648</v>
      </c>
    </row>
    <row r="79794" spans="1:7" x14ac:dyDescent="0.3">
      <c r="A79794" s="13" t="s">
        <v>405</v>
      </c>
      <c r="B79794" s="14" t="s">
        <v>1</v>
      </c>
      <c r="C79794" s="14" t="s">
        <v>20</v>
      </c>
      <c r="D79794" s="14" t="s">
        <v>406</v>
      </c>
      <c r="E79794" s="15">
        <v>45600</v>
      </c>
      <c r="F79794" s="14" t="s">
        <v>15</v>
      </c>
      <c r="G79794" s="16">
        <v>1.5829037102580303</v>
      </c>
    </row>
    <row r="79795" spans="1:7" x14ac:dyDescent="0.3">
      <c r="A79795" s="13" t="s">
        <v>405</v>
      </c>
      <c r="B79795" s="14" t="s">
        <v>1</v>
      </c>
      <c r="C79795" s="14" t="s">
        <v>20</v>
      </c>
      <c r="D79795" s="14" t="s">
        <v>406</v>
      </c>
      <c r="E79795" s="15">
        <v>45601</v>
      </c>
      <c r="F79795" s="14" t="s">
        <v>15</v>
      </c>
      <c r="G79795" s="16">
        <v>1.5976155573824278</v>
      </c>
    </row>
    <row r="79796" spans="1:7" x14ac:dyDescent="0.3">
      <c r="A79796" s="13" t="s">
        <v>405</v>
      </c>
      <c r="B79796" s="14" t="s">
        <v>1</v>
      </c>
      <c r="C79796" s="14" t="s">
        <v>20</v>
      </c>
      <c r="D79796" s="14" t="s">
        <v>406</v>
      </c>
      <c r="E79796" s="15">
        <v>45602</v>
      </c>
      <c r="F79796" s="14" t="s">
        <v>15</v>
      </c>
      <c r="G79796" s="16">
        <v>1.6130987823297132</v>
      </c>
    </row>
    <row r="79797" spans="1:7" x14ac:dyDescent="0.3">
      <c r="A79797" s="13" t="s">
        <v>405</v>
      </c>
      <c r="B79797" s="14" t="s">
        <v>1</v>
      </c>
      <c r="C79797" s="14" t="s">
        <v>20</v>
      </c>
      <c r="D79797" s="14" t="s">
        <v>406</v>
      </c>
      <c r="E79797" s="15">
        <v>45603</v>
      </c>
      <c r="F79797" s="14" t="s">
        <v>15</v>
      </c>
      <c r="G79797" s="16">
        <v>1.6180415353155673</v>
      </c>
    </row>
    <row r="79798" spans="1:7" x14ac:dyDescent="0.3">
      <c r="A79798" s="13" t="s">
        <v>405</v>
      </c>
      <c r="B79798" s="14" t="s">
        <v>1</v>
      </c>
      <c r="C79798" s="14" t="s">
        <v>20</v>
      </c>
      <c r="D79798" s="14" t="s">
        <v>406</v>
      </c>
      <c r="E79798" s="15">
        <v>45604</v>
      </c>
      <c r="F79798" s="14" t="s">
        <v>15</v>
      </c>
      <c r="G79798" s="16">
        <v>1.623217731589927</v>
      </c>
    </row>
    <row r="79799" spans="1:7" x14ac:dyDescent="0.3">
      <c r="A79799" s="13" t="s">
        <v>405</v>
      </c>
      <c r="B79799" s="14" t="s">
        <v>1</v>
      </c>
      <c r="C79799" s="14" t="s">
        <v>20</v>
      </c>
      <c r="D79799" s="14" t="s">
        <v>406</v>
      </c>
      <c r="E79799" s="15">
        <v>45605</v>
      </c>
      <c r="F79799" s="14" t="s">
        <v>15</v>
      </c>
      <c r="G79799" s="16">
        <v>1.623217731589927</v>
      </c>
    </row>
    <row r="79800" spans="1:7" x14ac:dyDescent="0.3">
      <c r="A79800" s="13" t="s">
        <v>405</v>
      </c>
      <c r="B79800" s="14" t="s">
        <v>1</v>
      </c>
      <c r="C79800" s="14" t="s">
        <v>20</v>
      </c>
      <c r="D79800" s="14" t="s">
        <v>406</v>
      </c>
      <c r="E79800" s="15">
        <v>45606</v>
      </c>
      <c r="F79800" s="14" t="s">
        <v>15</v>
      </c>
      <c r="G79800" s="16">
        <v>1.623217731589927</v>
      </c>
    </row>
    <row r="79801" spans="1:7" x14ac:dyDescent="0.3">
      <c r="A79801" s="13" t="s">
        <v>405</v>
      </c>
      <c r="B79801" s="14" t="s">
        <v>1</v>
      </c>
      <c r="C79801" s="14" t="s">
        <v>20</v>
      </c>
      <c r="D79801" s="14" t="s">
        <v>406</v>
      </c>
      <c r="E79801" s="15">
        <v>45607</v>
      </c>
      <c r="F79801" s="14" t="s">
        <v>15</v>
      </c>
      <c r="G79801" s="16">
        <v>1.6281807839921729</v>
      </c>
    </row>
    <row r="79802" spans="1:7" x14ac:dyDescent="0.3">
      <c r="A79802" s="13" t="s">
        <v>405</v>
      </c>
      <c r="B79802" s="14" t="s">
        <v>1</v>
      </c>
      <c r="C79802" s="14" t="s">
        <v>20</v>
      </c>
      <c r="D79802" s="14" t="s">
        <v>406</v>
      </c>
      <c r="E79802" s="15">
        <v>45608</v>
      </c>
      <c r="F79802" s="14" t="s">
        <v>15</v>
      </c>
      <c r="G79802" s="16">
        <v>1.6426997866608486</v>
      </c>
    </row>
    <row r="79803" spans="1:7" x14ac:dyDescent="0.3">
      <c r="A79803" s="13" t="s">
        <v>405</v>
      </c>
      <c r="B79803" s="14" t="s">
        <v>1</v>
      </c>
      <c r="C79803" s="14" t="s">
        <v>20</v>
      </c>
      <c r="D79803" s="14" t="s">
        <v>406</v>
      </c>
      <c r="E79803" s="15">
        <v>45609</v>
      </c>
      <c r="F79803" s="14" t="s">
        <v>15</v>
      </c>
      <c r="G79803" s="16">
        <v>1.647612090522115</v>
      </c>
    </row>
    <row r="79804" spans="1:7" x14ac:dyDescent="0.3">
      <c r="A79804" s="13" t="s">
        <v>405</v>
      </c>
      <c r="B79804" s="14" t="s">
        <v>1</v>
      </c>
      <c r="C79804" s="14" t="s">
        <v>20</v>
      </c>
      <c r="D79804" s="14" t="s">
        <v>406</v>
      </c>
      <c r="E79804" s="15">
        <v>45610</v>
      </c>
      <c r="F79804" s="14" t="s">
        <v>15</v>
      </c>
      <c r="G79804" s="16">
        <v>1.6654170612192103</v>
      </c>
    </row>
    <row r="79805" spans="1:7" x14ac:dyDescent="0.3">
      <c r="A79805" s="13" t="s">
        <v>405</v>
      </c>
      <c r="B79805" s="14" t="s">
        <v>1</v>
      </c>
      <c r="C79805" s="14" t="s">
        <v>20</v>
      </c>
      <c r="D79805" s="14" t="s">
        <v>406</v>
      </c>
      <c r="E79805" s="15">
        <v>45611</v>
      </c>
      <c r="F79805" s="14" t="s">
        <v>15</v>
      </c>
      <c r="G79805" s="16">
        <v>1.7312225394017147</v>
      </c>
    </row>
    <row r="79806" spans="1:7" x14ac:dyDescent="0.3">
      <c r="A79806" s="13" t="s">
        <v>405</v>
      </c>
      <c r="B79806" s="14" t="s">
        <v>1</v>
      </c>
      <c r="C79806" s="14" t="s">
        <v>20</v>
      </c>
      <c r="D79806" s="14" t="s">
        <v>406</v>
      </c>
      <c r="E79806" s="15">
        <v>45612</v>
      </c>
      <c r="F79806" s="14" t="s">
        <v>15</v>
      </c>
      <c r="G79806" s="16">
        <v>1.7312225394017147</v>
      </c>
    </row>
    <row r="79807" spans="1:7" x14ac:dyDescent="0.3">
      <c r="A79807" s="13" t="s">
        <v>405</v>
      </c>
      <c r="B79807" s="14" t="s">
        <v>1</v>
      </c>
      <c r="C79807" s="14" t="s">
        <v>20</v>
      </c>
      <c r="D79807" s="14" t="s">
        <v>406</v>
      </c>
      <c r="E79807" s="15">
        <v>45613</v>
      </c>
      <c r="F79807" s="14" t="s">
        <v>15</v>
      </c>
      <c r="G79807" s="16">
        <v>1.7312225394017147</v>
      </c>
    </row>
    <row r="79808" spans="1:7" x14ac:dyDescent="0.3">
      <c r="A79808" s="13" t="s">
        <v>405</v>
      </c>
      <c r="B79808" s="14" t="s">
        <v>1</v>
      </c>
      <c r="C79808" s="14" t="s">
        <v>20</v>
      </c>
      <c r="D79808" s="14" t="s">
        <v>406</v>
      </c>
      <c r="E79808" s="15">
        <v>45614</v>
      </c>
      <c r="F79808" s="14" t="s">
        <v>15</v>
      </c>
      <c r="G79808" s="16">
        <v>1.7360409584621694</v>
      </c>
    </row>
    <row r="79809" spans="1:7" x14ac:dyDescent="0.3">
      <c r="A79809" s="13" t="s">
        <v>405</v>
      </c>
      <c r="B79809" s="14" t="s">
        <v>1</v>
      </c>
      <c r="C79809" s="14" t="s">
        <v>20</v>
      </c>
      <c r="D79809" s="14" t="s">
        <v>406</v>
      </c>
      <c r="E79809" s="15">
        <v>45615</v>
      </c>
      <c r="F79809" s="14" t="s">
        <v>15</v>
      </c>
      <c r="G79809" s="16">
        <v>1.7571420468958796</v>
      </c>
    </row>
    <row r="79810" spans="1:7" x14ac:dyDescent="0.3">
      <c r="A79810" s="13" t="s">
        <v>405</v>
      </c>
      <c r="B79810" s="14" t="s">
        <v>1</v>
      </c>
      <c r="C79810" s="14" t="s">
        <v>20</v>
      </c>
      <c r="D79810" s="14" t="s">
        <v>406</v>
      </c>
      <c r="E79810" s="15">
        <v>45616</v>
      </c>
      <c r="F79810" s="14" t="s">
        <v>15</v>
      </c>
      <c r="G79810" s="16">
        <v>1.7619528536751872</v>
      </c>
    </row>
    <row r="79811" spans="1:7" x14ac:dyDescent="0.3">
      <c r="A79811" s="13" t="s">
        <v>405</v>
      </c>
      <c r="B79811" s="14" t="s">
        <v>1</v>
      </c>
      <c r="C79811" s="14" t="s">
        <v>20</v>
      </c>
      <c r="D79811" s="14" t="s">
        <v>406</v>
      </c>
      <c r="E79811" s="15">
        <v>45617</v>
      </c>
      <c r="F79811" s="14" t="s">
        <v>15</v>
      </c>
      <c r="G79811" s="16">
        <v>1.7667560481733475</v>
      </c>
    </row>
    <row r="79812" spans="1:7" x14ac:dyDescent="0.3">
      <c r="A79812" s="13" t="s">
        <v>405</v>
      </c>
      <c r="B79812" s="14" t="s">
        <v>1</v>
      </c>
      <c r="C79812" s="14" t="s">
        <v>20</v>
      </c>
      <c r="D79812" s="14" t="s">
        <v>406</v>
      </c>
      <c r="E79812" s="15">
        <v>45618</v>
      </c>
      <c r="F79812" s="14" t="s">
        <v>15</v>
      </c>
      <c r="G79812" s="16">
        <v>1.7716201409206838</v>
      </c>
    </row>
    <row r="79813" spans="1:7" x14ac:dyDescent="0.3">
      <c r="A79813" s="13" t="s">
        <v>405</v>
      </c>
      <c r="B79813" s="14" t="s">
        <v>1</v>
      </c>
      <c r="C79813" s="14" t="s">
        <v>20</v>
      </c>
      <c r="D79813" s="14" t="s">
        <v>406</v>
      </c>
      <c r="E79813" s="15">
        <v>45619</v>
      </c>
      <c r="F79813" s="14" t="s">
        <v>15</v>
      </c>
      <c r="G79813" s="16">
        <v>1.7716201409206838</v>
      </c>
    </row>
    <row r="79814" spans="1:7" x14ac:dyDescent="0.3">
      <c r="A79814" s="13" t="s">
        <v>405</v>
      </c>
      <c r="B79814" s="14" t="s">
        <v>1</v>
      </c>
      <c r="C79814" s="14" t="s">
        <v>20</v>
      </c>
      <c r="D79814" s="14" t="s">
        <v>406</v>
      </c>
      <c r="E79814" s="15">
        <v>45620</v>
      </c>
      <c r="F79814" s="14" t="s">
        <v>15</v>
      </c>
      <c r="G79814" s="16">
        <v>1.7716201409206838</v>
      </c>
    </row>
    <row r="79815" spans="1:7" x14ac:dyDescent="0.3">
      <c r="A79815" s="13" t="s">
        <v>405</v>
      </c>
      <c r="B79815" s="14" t="s">
        <v>1</v>
      </c>
      <c r="C79815" s="14" t="s">
        <v>20</v>
      </c>
      <c r="D79815" s="14" t="s">
        <v>406</v>
      </c>
      <c r="E79815" s="15">
        <v>45621</v>
      </c>
      <c r="F79815" s="14" t="s">
        <v>15</v>
      </c>
      <c r="G79815" s="16">
        <v>1.7763675120237672</v>
      </c>
    </row>
    <row r="79816" spans="1:7" x14ac:dyDescent="0.3">
      <c r="A79816" s="13" t="s">
        <v>405</v>
      </c>
      <c r="B79816" s="14" t="s">
        <v>1</v>
      </c>
      <c r="C79816" s="14" t="s">
        <v>20</v>
      </c>
      <c r="D79816" s="14" t="s">
        <v>406</v>
      </c>
      <c r="E79816" s="15">
        <v>45622</v>
      </c>
      <c r="F79816" s="14" t="s">
        <v>15</v>
      </c>
      <c r="G79816" s="16">
        <v>1.7903587298662567</v>
      </c>
    </row>
    <row r="79817" spans="1:7" x14ac:dyDescent="0.3">
      <c r="A79817" s="13" t="s">
        <v>405</v>
      </c>
      <c r="B79817" s="14" t="s">
        <v>1</v>
      </c>
      <c r="C79817" s="14" t="s">
        <v>20</v>
      </c>
      <c r="D79817" s="14" t="s">
        <v>406</v>
      </c>
      <c r="E79817" s="15">
        <v>45623</v>
      </c>
      <c r="F79817" s="14" t="s">
        <v>15</v>
      </c>
      <c r="G79817" s="16">
        <v>1.7953446191119433</v>
      </c>
    </row>
    <row r="79818" spans="1:7" x14ac:dyDescent="0.3">
      <c r="A79818" s="13" t="s">
        <v>405</v>
      </c>
      <c r="B79818" s="14" t="s">
        <v>1</v>
      </c>
      <c r="C79818" s="14" t="s">
        <v>20</v>
      </c>
      <c r="D79818" s="14" t="s">
        <v>406</v>
      </c>
      <c r="E79818" s="15">
        <v>45624</v>
      </c>
      <c r="F79818" s="14" t="s">
        <v>15</v>
      </c>
      <c r="G79818" s="16">
        <v>1.8025659815877746</v>
      </c>
    </row>
    <row r="79819" spans="1:7" x14ac:dyDescent="0.3">
      <c r="A79819" s="13" t="s">
        <v>405</v>
      </c>
      <c r="B79819" s="14" t="s">
        <v>1</v>
      </c>
      <c r="C79819" s="14" t="s">
        <v>20</v>
      </c>
      <c r="D79819" s="14" t="s">
        <v>406</v>
      </c>
      <c r="E79819" s="15">
        <v>45625</v>
      </c>
      <c r="F79819" s="14" t="s">
        <v>15</v>
      </c>
      <c r="G79819" s="16">
        <v>1.8082445884178306</v>
      </c>
    </row>
    <row r="79820" spans="1:7" x14ac:dyDescent="0.3">
      <c r="A79820" s="13" t="s">
        <v>405</v>
      </c>
      <c r="B79820" s="14" t="s">
        <v>1</v>
      </c>
      <c r="C79820" s="14" t="s">
        <v>20</v>
      </c>
      <c r="D79820" s="14" t="s">
        <v>406</v>
      </c>
      <c r="E79820" s="15">
        <v>45626</v>
      </c>
      <c r="F79820" s="14" t="s">
        <v>15</v>
      </c>
      <c r="G79820" s="16">
        <v>1.8082445884178306</v>
      </c>
    </row>
    <row r="79821" spans="1:7" x14ac:dyDescent="0.3">
      <c r="A79821" s="13" t="s">
        <v>405</v>
      </c>
      <c r="B79821" s="14" t="s">
        <v>1</v>
      </c>
      <c r="C79821" s="14" t="s">
        <v>20</v>
      </c>
      <c r="D79821" s="14" t="s">
        <v>406</v>
      </c>
      <c r="E79821" s="15">
        <v>45627</v>
      </c>
      <c r="F79821" s="14" t="s">
        <v>15</v>
      </c>
      <c r="G79821" s="16">
        <v>1.8082445884178306</v>
      </c>
    </row>
    <row r="79822" spans="1:7" x14ac:dyDescent="0.3">
      <c r="A79822" s="13" t="s">
        <v>405</v>
      </c>
      <c r="B79822" s="14" t="s">
        <v>1</v>
      </c>
      <c r="C79822" s="14" t="s">
        <v>20</v>
      </c>
      <c r="D79822" s="14" t="s">
        <v>406</v>
      </c>
      <c r="E79822" s="15">
        <v>45628</v>
      </c>
      <c r="F79822" s="14" t="s">
        <v>15</v>
      </c>
      <c r="G79822" s="16">
        <v>1.8318069810890441</v>
      </c>
    </row>
    <row r="79823" spans="1:7" x14ac:dyDescent="0.3">
      <c r="A79823" s="13" t="s">
        <v>405</v>
      </c>
      <c r="B79823" s="14" t="s">
        <v>1</v>
      </c>
      <c r="C79823" s="14" t="s">
        <v>20</v>
      </c>
      <c r="D79823" s="14" t="s">
        <v>406</v>
      </c>
      <c r="E79823" s="15">
        <v>45629</v>
      </c>
      <c r="F79823" s="14" t="s">
        <v>15</v>
      </c>
      <c r="G79823" s="16">
        <v>1.8430324034481536</v>
      </c>
    </row>
    <row r="79824" spans="1:7" x14ac:dyDescent="0.3">
      <c r="A79824" s="13" t="s">
        <v>405</v>
      </c>
      <c r="B79824" s="14" t="s">
        <v>1</v>
      </c>
      <c r="C79824" s="14" t="s">
        <v>20</v>
      </c>
      <c r="D79824" s="14" t="s">
        <v>406</v>
      </c>
      <c r="E79824" s="15">
        <v>45630</v>
      </c>
      <c r="F79824" s="14" t="s">
        <v>15</v>
      </c>
      <c r="G79824" s="16">
        <v>1.8537148164187831</v>
      </c>
    </row>
    <row r="79825" spans="1:7" x14ac:dyDescent="0.3">
      <c r="A79825" s="13" t="s">
        <v>405</v>
      </c>
      <c r="B79825" s="14" t="s">
        <v>1</v>
      </c>
      <c r="C79825" s="14" t="s">
        <v>20</v>
      </c>
      <c r="D79825" s="14" t="s">
        <v>406</v>
      </c>
      <c r="E79825" s="15">
        <v>45631</v>
      </c>
      <c r="F79825" s="14" t="s">
        <v>15</v>
      </c>
      <c r="G79825" s="16">
        <v>1.8683683027210545</v>
      </c>
    </row>
    <row r="79826" spans="1:7" x14ac:dyDescent="0.3">
      <c r="A79826" s="13" t="s">
        <v>405</v>
      </c>
      <c r="B79826" s="14" t="s">
        <v>1</v>
      </c>
      <c r="C79826" s="14" t="s">
        <v>20</v>
      </c>
      <c r="D79826" s="14" t="s">
        <v>406</v>
      </c>
      <c r="E79826" s="15">
        <v>45632</v>
      </c>
      <c r="F79826" s="14" t="s">
        <v>15</v>
      </c>
      <c r="G79826" s="16">
        <v>1.87723391792462</v>
      </c>
    </row>
    <row r="79827" spans="1:7" x14ac:dyDescent="0.3">
      <c r="A79827" s="13" t="s">
        <v>405</v>
      </c>
      <c r="B79827" s="14" t="s">
        <v>1</v>
      </c>
      <c r="C79827" s="14" t="s">
        <v>20</v>
      </c>
      <c r="D79827" s="14" t="s">
        <v>406</v>
      </c>
      <c r="E79827" s="15">
        <v>45633</v>
      </c>
      <c r="F79827" s="14" t="s">
        <v>15</v>
      </c>
      <c r="G79827" s="16">
        <v>1.87723391792462</v>
      </c>
    </row>
    <row r="79828" spans="1:7" x14ac:dyDescent="0.3">
      <c r="A79828" s="13" t="s">
        <v>405</v>
      </c>
      <c r="B79828" s="14" t="s">
        <v>1</v>
      </c>
      <c r="C79828" s="14" t="s">
        <v>20</v>
      </c>
      <c r="D79828" s="14" t="s">
        <v>406</v>
      </c>
      <c r="E79828" s="15">
        <v>45634</v>
      </c>
      <c r="F79828" s="14" t="s">
        <v>15</v>
      </c>
      <c r="G79828" s="16">
        <v>1.87723391792462</v>
      </c>
    </row>
    <row r="79829" spans="1:7" x14ac:dyDescent="0.3">
      <c r="A79829" s="13" t="s">
        <v>405</v>
      </c>
      <c r="B79829" s="14" t="s">
        <v>1</v>
      </c>
      <c r="C79829" s="14" t="s">
        <v>20</v>
      </c>
      <c r="D79829" s="14" t="s">
        <v>406</v>
      </c>
      <c r="E79829" s="15">
        <v>45635</v>
      </c>
      <c r="F79829" s="14" t="s">
        <v>15</v>
      </c>
      <c r="G79829" s="16">
        <v>1.8819330779137726</v>
      </c>
    </row>
    <row r="79830" spans="1:7" x14ac:dyDescent="0.3">
      <c r="A79830" s="13" t="s">
        <v>405</v>
      </c>
      <c r="B79830" s="14" t="s">
        <v>1</v>
      </c>
      <c r="C79830" s="14" t="s">
        <v>20</v>
      </c>
      <c r="D79830" s="14" t="s">
        <v>406</v>
      </c>
      <c r="E79830" s="15">
        <v>45636</v>
      </c>
      <c r="F79830" s="14" t="s">
        <v>15</v>
      </c>
      <c r="G79830" s="16">
        <v>1.8957314513005401</v>
      </c>
    </row>
    <row r="79831" spans="1:7" x14ac:dyDescent="0.3">
      <c r="A79831" s="13" t="s">
        <v>405</v>
      </c>
      <c r="B79831" s="14" t="s">
        <v>1</v>
      </c>
      <c r="C79831" s="14" t="s">
        <v>20</v>
      </c>
      <c r="D79831" s="14" t="s">
        <v>406</v>
      </c>
      <c r="E79831" s="15">
        <v>45637</v>
      </c>
      <c r="F79831" s="14" t="s">
        <v>15</v>
      </c>
      <c r="G79831" s="16">
        <v>1.9003418013429789</v>
      </c>
    </row>
    <row r="79832" spans="1:7" x14ac:dyDescent="0.3">
      <c r="A79832" s="13" t="s">
        <v>405</v>
      </c>
      <c r="B79832" s="14" t="s">
        <v>1</v>
      </c>
      <c r="C79832" s="14" t="s">
        <v>20</v>
      </c>
      <c r="D79832" s="14" t="s">
        <v>406</v>
      </c>
      <c r="E79832" s="15">
        <v>45638</v>
      </c>
      <c r="F79832" s="14" t="s">
        <v>15</v>
      </c>
      <c r="G79832" s="16">
        <v>1.9049699133747604</v>
      </c>
    </row>
    <row r="79833" spans="1:7" x14ac:dyDescent="0.3">
      <c r="A79833" s="13" t="s">
        <v>405</v>
      </c>
      <c r="B79833" s="14" t="s">
        <v>1</v>
      </c>
      <c r="C79833" s="14" t="s">
        <v>20</v>
      </c>
      <c r="D79833" s="14" t="s">
        <v>406</v>
      </c>
      <c r="E79833" s="15">
        <v>45639</v>
      </c>
      <c r="F79833" s="14" t="s">
        <v>15</v>
      </c>
      <c r="G79833" s="16">
        <v>1.9201841710548546</v>
      </c>
    </row>
    <row r="79834" spans="1:7" x14ac:dyDescent="0.3">
      <c r="A79834" s="13" t="s">
        <v>405</v>
      </c>
      <c r="B79834" s="14" t="s">
        <v>1</v>
      </c>
      <c r="C79834" s="14" t="s">
        <v>20</v>
      </c>
      <c r="D79834" s="14" t="s">
        <v>406</v>
      </c>
      <c r="E79834" s="15">
        <v>45640</v>
      </c>
      <c r="F79834" s="14" t="s">
        <v>15</v>
      </c>
      <c r="G79834" s="16">
        <v>1.9201841710548546</v>
      </c>
    </row>
    <row r="79835" spans="1:7" x14ac:dyDescent="0.3">
      <c r="A79835" s="13" t="s">
        <v>405</v>
      </c>
      <c r="B79835" s="14" t="s">
        <v>1</v>
      </c>
      <c r="C79835" s="14" t="s">
        <v>20</v>
      </c>
      <c r="D79835" s="14" t="s">
        <v>406</v>
      </c>
      <c r="E79835" s="15">
        <v>45641</v>
      </c>
      <c r="F79835" s="14" t="s">
        <v>15</v>
      </c>
      <c r="G79835" s="16">
        <v>1.9201841710548546</v>
      </c>
    </row>
    <row r="79836" spans="1:7" x14ac:dyDescent="0.3">
      <c r="A79836" s="13" t="s">
        <v>405</v>
      </c>
      <c r="B79836" s="14" t="s">
        <v>1</v>
      </c>
      <c r="C79836" s="14" t="s">
        <v>20</v>
      </c>
      <c r="D79836" s="14" t="s">
        <v>406</v>
      </c>
      <c r="E79836" s="15">
        <v>45642</v>
      </c>
      <c r="F79836" s="14" t="s">
        <v>15</v>
      </c>
      <c r="G79836" s="16">
        <v>1.9245661526628859</v>
      </c>
    </row>
    <row r="79837" spans="1:7" x14ac:dyDescent="0.3">
      <c r="A79837" s="13" t="s">
        <v>405</v>
      </c>
      <c r="B79837" s="14" t="s">
        <v>1</v>
      </c>
      <c r="C79837" s="14" t="s">
        <v>20</v>
      </c>
      <c r="D79837" s="14" t="s">
        <v>406</v>
      </c>
      <c r="E79837" s="15">
        <v>45643</v>
      </c>
      <c r="F79837" s="14" t="s">
        <v>15</v>
      </c>
      <c r="G79837" s="16">
        <v>1.9375373248316885</v>
      </c>
    </row>
    <row r="79838" spans="1:7" x14ac:dyDescent="0.3">
      <c r="A79838" s="13" t="s">
        <v>405</v>
      </c>
      <c r="B79838" s="14" t="s">
        <v>1</v>
      </c>
      <c r="C79838" s="14" t="s">
        <v>20</v>
      </c>
      <c r="D79838" s="14" t="s">
        <v>406</v>
      </c>
      <c r="E79838" s="15">
        <v>45644</v>
      </c>
      <c r="F79838" s="14" t="s">
        <v>15</v>
      </c>
      <c r="G79838" s="16">
        <v>1.94125196312584</v>
      </c>
    </row>
    <row r="79839" spans="1:7" x14ac:dyDescent="0.3">
      <c r="A79839" s="13" t="s">
        <v>405</v>
      </c>
      <c r="B79839" s="14" t="s">
        <v>1</v>
      </c>
      <c r="C79839" s="14" t="s">
        <v>20</v>
      </c>
      <c r="D79839" s="14" t="s">
        <v>406</v>
      </c>
      <c r="E79839" s="15">
        <v>45645</v>
      </c>
      <c r="F79839" s="14" t="s">
        <v>15</v>
      </c>
      <c r="G79839" s="16">
        <v>1.9454842365379821</v>
      </c>
    </row>
    <row r="79840" spans="1:7" x14ac:dyDescent="0.3">
      <c r="A79840" s="13" t="s">
        <v>405</v>
      </c>
      <c r="B79840" s="14" t="s">
        <v>1</v>
      </c>
      <c r="C79840" s="14" t="s">
        <v>20</v>
      </c>
      <c r="D79840" s="14" t="s">
        <v>406</v>
      </c>
      <c r="E79840" s="15">
        <v>45646</v>
      </c>
      <c r="F79840" s="14" t="s">
        <v>15</v>
      </c>
      <c r="G79840" s="16">
        <v>1.9497850204804461</v>
      </c>
    </row>
    <row r="79841" spans="1:7" x14ac:dyDescent="0.3">
      <c r="A79841" s="13" t="s">
        <v>405</v>
      </c>
      <c r="B79841" s="14" t="s">
        <v>1</v>
      </c>
      <c r="C79841" s="14" t="s">
        <v>20</v>
      </c>
      <c r="D79841" s="14" t="s">
        <v>406</v>
      </c>
      <c r="E79841" s="15">
        <v>45647</v>
      </c>
      <c r="F79841" s="14" t="s">
        <v>15</v>
      </c>
      <c r="G79841" s="16">
        <v>1.9497850204804461</v>
      </c>
    </row>
    <row r="79842" spans="1:7" x14ac:dyDescent="0.3">
      <c r="A79842" s="13" t="s">
        <v>405</v>
      </c>
      <c r="B79842" s="14" t="s">
        <v>1</v>
      </c>
      <c r="C79842" s="14" t="s">
        <v>20</v>
      </c>
      <c r="D79842" s="14" t="s">
        <v>406</v>
      </c>
      <c r="E79842" s="15">
        <v>45648</v>
      </c>
      <c r="F79842" s="14" t="s">
        <v>15</v>
      </c>
      <c r="G79842" s="16">
        <v>1.9497850204804461</v>
      </c>
    </row>
    <row r="79843" spans="1:7" x14ac:dyDescent="0.3">
      <c r="A79843" s="13" t="s">
        <v>405</v>
      </c>
      <c r="B79843" s="14" t="s">
        <v>1</v>
      </c>
      <c r="C79843" s="14" t="s">
        <v>20</v>
      </c>
      <c r="D79843" s="14" t="s">
        <v>406</v>
      </c>
      <c r="E79843" s="15">
        <v>45649</v>
      </c>
      <c r="F79843" s="14" t="s">
        <v>15</v>
      </c>
      <c r="G79843" s="16">
        <v>1.9541213284015959</v>
      </c>
    </row>
    <row r="79844" spans="1:7" x14ac:dyDescent="0.3">
      <c r="A79844" s="13" t="s">
        <v>405</v>
      </c>
      <c r="B79844" s="14" t="s">
        <v>1</v>
      </c>
      <c r="C79844" s="14" t="s">
        <v>20</v>
      </c>
      <c r="D79844" s="14" t="s">
        <v>406</v>
      </c>
      <c r="E79844" s="15">
        <v>45650</v>
      </c>
      <c r="F79844" s="14" t="s">
        <v>15</v>
      </c>
      <c r="G79844" s="16">
        <v>1.9668539824277951</v>
      </c>
    </row>
    <row r="79845" spans="1:7" x14ac:dyDescent="0.3">
      <c r="A79845" s="13" t="s">
        <v>405</v>
      </c>
      <c r="B79845" s="14" t="s">
        <v>1</v>
      </c>
      <c r="C79845" s="14" t="s">
        <v>20</v>
      </c>
      <c r="D79845" s="14" t="s">
        <v>406</v>
      </c>
      <c r="E79845" s="15">
        <v>45651</v>
      </c>
      <c r="F79845" s="14" t="s">
        <v>15</v>
      </c>
      <c r="G79845" s="16">
        <v>1.9668539824277951</v>
      </c>
    </row>
    <row r="79846" spans="1:7" x14ac:dyDescent="0.3">
      <c r="A79846" s="13" t="s">
        <v>405</v>
      </c>
      <c r="B79846" s="14" t="s">
        <v>1</v>
      </c>
      <c r="C79846" s="14" t="s">
        <v>20</v>
      </c>
      <c r="D79846" s="14" t="s">
        <v>406</v>
      </c>
      <c r="E79846" s="15">
        <v>45652</v>
      </c>
      <c r="F79846" s="14" t="s">
        <v>15</v>
      </c>
      <c r="G79846" s="16">
        <v>1.9668539824277951</v>
      </c>
    </row>
    <row r="79847" spans="1:7" x14ac:dyDescent="0.3">
      <c r="A79847" s="13" t="s">
        <v>405</v>
      </c>
      <c r="B79847" s="14" t="s">
        <v>1</v>
      </c>
      <c r="C79847" s="14" t="s">
        <v>20</v>
      </c>
      <c r="D79847" s="14" t="s">
        <v>406</v>
      </c>
      <c r="E79847" s="15">
        <v>45653</v>
      </c>
      <c r="F79847" s="14" t="s">
        <v>15</v>
      </c>
      <c r="G79847" s="16">
        <v>1.9668539824277951</v>
      </c>
    </row>
    <row r="79848" spans="1:7" x14ac:dyDescent="0.3">
      <c r="A79848" s="13" t="s">
        <v>405</v>
      </c>
      <c r="B79848" s="14" t="s">
        <v>1</v>
      </c>
      <c r="C79848" s="14" t="s">
        <v>20</v>
      </c>
      <c r="D79848" s="14" t="s">
        <v>406</v>
      </c>
      <c r="E79848" s="15">
        <v>45654</v>
      </c>
      <c r="F79848" s="14" t="s">
        <v>15</v>
      </c>
      <c r="G79848" s="16">
        <v>1.9668539824277951</v>
      </c>
    </row>
    <row r="79849" spans="1:7" x14ac:dyDescent="0.3">
      <c r="A79849" s="13" t="s">
        <v>405</v>
      </c>
      <c r="B79849" s="14" t="s">
        <v>1</v>
      </c>
      <c r="C79849" s="14" t="s">
        <v>20</v>
      </c>
      <c r="D79849" s="14" t="s">
        <v>406</v>
      </c>
      <c r="E79849" s="15">
        <v>45655</v>
      </c>
      <c r="F79849" s="14" t="s">
        <v>15</v>
      </c>
      <c r="G79849" s="16">
        <v>1.9668539824277951</v>
      </c>
    </row>
    <row r="79850" spans="1:7" x14ac:dyDescent="0.3">
      <c r="A79850" s="13" t="s">
        <v>405</v>
      </c>
      <c r="B79850" s="14" t="s">
        <v>1</v>
      </c>
      <c r="C79850" s="14" t="s">
        <v>20</v>
      </c>
      <c r="D79850" s="14" t="s">
        <v>406</v>
      </c>
      <c r="E79850" s="15">
        <v>45656</v>
      </c>
      <c r="F79850" s="14" t="s">
        <v>15</v>
      </c>
      <c r="G79850" s="16">
        <v>1.9711573037973082</v>
      </c>
    </row>
    <row r="79851" spans="1:7" x14ac:dyDescent="0.3">
      <c r="A79851" s="13" t="s">
        <v>405</v>
      </c>
      <c r="B79851" s="14" t="s">
        <v>1</v>
      </c>
      <c r="C79851" s="14" t="s">
        <v>20</v>
      </c>
      <c r="D79851" s="14" t="s">
        <v>406</v>
      </c>
      <c r="E79851" s="15">
        <v>45657</v>
      </c>
      <c r="F79851" s="14" t="s">
        <v>15</v>
      </c>
      <c r="G79851" s="16">
        <v>1.9964375345806757</v>
      </c>
    </row>
    <row r="79852" spans="1:7" x14ac:dyDescent="0.3">
      <c r="A79852" s="13" t="s">
        <v>405</v>
      </c>
      <c r="B79852" s="14" t="s">
        <v>1</v>
      </c>
      <c r="C79852" s="14" t="s">
        <v>20</v>
      </c>
      <c r="D79852" s="14" t="s">
        <v>406</v>
      </c>
      <c r="E79852" s="15">
        <v>45658</v>
      </c>
      <c r="F79852" s="14" t="s">
        <v>15</v>
      </c>
      <c r="G79852" s="16">
        <v>1.9964375345806757</v>
      </c>
    </row>
    <row r="79853" spans="1:7" x14ac:dyDescent="0.3">
      <c r="A79853" s="13" t="s">
        <v>405</v>
      </c>
      <c r="B79853" s="14" t="s">
        <v>1</v>
      </c>
      <c r="C79853" s="14" t="s">
        <v>20</v>
      </c>
      <c r="D79853" s="14" t="s">
        <v>406</v>
      </c>
      <c r="E79853" s="15">
        <v>45659</v>
      </c>
      <c r="F79853" s="14" t="s">
        <v>15</v>
      </c>
      <c r="G79853" s="16">
        <v>1.9964375345806757</v>
      </c>
    </row>
    <row r="79854" spans="1:7" x14ac:dyDescent="0.3">
      <c r="A79854" s="13" t="s">
        <v>405</v>
      </c>
      <c r="B79854" s="14" t="s">
        <v>1</v>
      </c>
      <c r="C79854" s="14" t="s">
        <v>20</v>
      </c>
      <c r="D79854" s="14" t="s">
        <v>406</v>
      </c>
      <c r="E79854" s="15">
        <v>45660</v>
      </c>
      <c r="F79854" s="14" t="s">
        <v>15</v>
      </c>
      <c r="G79854" s="16">
        <v>2.0008854892919801</v>
      </c>
    </row>
    <row r="79855" spans="1:7" x14ac:dyDescent="0.3">
      <c r="A79855" s="13" t="s">
        <v>405</v>
      </c>
      <c r="B79855" s="14" t="s">
        <v>1</v>
      </c>
      <c r="C79855" s="14" t="s">
        <v>20</v>
      </c>
      <c r="D79855" s="14" t="s">
        <v>406</v>
      </c>
      <c r="E79855" s="15">
        <v>45661</v>
      </c>
      <c r="F79855" s="14" t="s">
        <v>15</v>
      </c>
      <c r="G79855" s="16">
        <v>2.0008854892919801</v>
      </c>
    </row>
    <row r="79856" spans="1:7" x14ac:dyDescent="0.3">
      <c r="A79856" s="13" t="s">
        <v>405</v>
      </c>
      <c r="B79856" s="14" t="s">
        <v>1</v>
      </c>
      <c r="C79856" s="14" t="s">
        <v>20</v>
      </c>
      <c r="D79856" s="14" t="s">
        <v>406</v>
      </c>
      <c r="E79856" s="15">
        <v>45662</v>
      </c>
      <c r="F79856" s="14" t="s">
        <v>15</v>
      </c>
      <c r="G79856" s="16">
        <v>2.0008854892919801</v>
      </c>
    </row>
    <row r="79857" spans="1:7" x14ac:dyDescent="0.3">
      <c r="A79857" s="13" t="s">
        <v>405</v>
      </c>
      <c r="B79857" s="14" t="s">
        <v>1</v>
      </c>
      <c r="C79857" s="14" t="s">
        <v>20</v>
      </c>
      <c r="D79857" s="14" t="s">
        <v>406</v>
      </c>
      <c r="E79857" s="15">
        <v>45663</v>
      </c>
      <c r="F79857" s="14" t="s">
        <v>15</v>
      </c>
      <c r="G79857" s="16">
        <v>2.0170005335744596</v>
      </c>
    </row>
    <row r="79858" spans="1:7" x14ac:dyDescent="0.3">
      <c r="A79858" s="13" t="s">
        <v>405</v>
      </c>
      <c r="B79858" s="14" t="s">
        <v>1</v>
      </c>
      <c r="C79858" s="14" t="s">
        <v>20</v>
      </c>
      <c r="D79858" s="14" t="s">
        <v>406</v>
      </c>
      <c r="E79858" s="15">
        <v>45664</v>
      </c>
      <c r="F79858" s="14" t="s">
        <v>15</v>
      </c>
      <c r="G79858" s="16">
        <v>2.0479316143958886</v>
      </c>
    </row>
    <row r="79859" spans="1:7" x14ac:dyDescent="0.3">
      <c r="A79859" s="13" t="s">
        <v>405</v>
      </c>
      <c r="B79859" s="14" t="s">
        <v>1</v>
      </c>
      <c r="C79859" s="14" t="s">
        <v>20</v>
      </c>
      <c r="D79859" s="14" t="s">
        <v>406</v>
      </c>
      <c r="E79859" s="15">
        <v>45665</v>
      </c>
      <c r="F79859" s="14" t="s">
        <v>15</v>
      </c>
      <c r="G79859" s="16">
        <v>2.0521638878080304</v>
      </c>
    </row>
    <row r="79860" spans="1:7" x14ac:dyDescent="0.3">
      <c r="A79860" s="13" t="s">
        <v>405</v>
      </c>
      <c r="B79860" s="14" t="s">
        <v>1</v>
      </c>
      <c r="C79860" s="14" t="s">
        <v>20</v>
      </c>
      <c r="D79860" s="14" t="s">
        <v>406</v>
      </c>
      <c r="E79860" s="15">
        <v>45666</v>
      </c>
      <c r="F79860" s="14" t="s">
        <v>15</v>
      </c>
      <c r="G79860" s="16">
        <v>2.056416460636564</v>
      </c>
    </row>
    <row r="79861" spans="1:7" x14ac:dyDescent="0.3">
      <c r="A79861" s="13" t="s">
        <v>405</v>
      </c>
      <c r="B79861" s="14" t="s">
        <v>1</v>
      </c>
      <c r="C79861" s="14" t="s">
        <v>20</v>
      </c>
      <c r="D79861" s="14" t="s">
        <v>406</v>
      </c>
      <c r="E79861" s="15">
        <v>45667</v>
      </c>
      <c r="F79861" s="14" t="s">
        <v>15</v>
      </c>
      <c r="G79861" s="16">
        <v>2.0606461966216569</v>
      </c>
    </row>
    <row r="79862" spans="1:7" x14ac:dyDescent="0.3">
      <c r="A79862" s="13" t="s">
        <v>405</v>
      </c>
      <c r="B79862" s="14" t="s">
        <v>1</v>
      </c>
      <c r="C79862" s="14" t="s">
        <v>20</v>
      </c>
      <c r="D79862" s="14" t="s">
        <v>406</v>
      </c>
      <c r="E79862" s="15">
        <v>45668</v>
      </c>
      <c r="F79862" s="14" t="s">
        <v>15</v>
      </c>
      <c r="G79862" s="16">
        <v>2.0606461966216569</v>
      </c>
    </row>
    <row r="79863" spans="1:7" x14ac:dyDescent="0.3">
      <c r="A79863" s="13" t="s">
        <v>405</v>
      </c>
      <c r="B79863" s="14" t="s">
        <v>1</v>
      </c>
      <c r="C79863" s="14" t="s">
        <v>20</v>
      </c>
      <c r="D79863" s="14" t="s">
        <v>406</v>
      </c>
      <c r="E79863" s="15">
        <v>45669</v>
      </c>
      <c r="F79863" s="14" t="s">
        <v>15</v>
      </c>
      <c r="G79863" s="16">
        <v>2.0606461966216569</v>
      </c>
    </row>
    <row r="79864" spans="1:7" x14ac:dyDescent="0.3">
      <c r="A79864" s="13" t="s">
        <v>405</v>
      </c>
      <c r="B79864" s="14" t="s">
        <v>1</v>
      </c>
      <c r="C79864" s="14" t="s">
        <v>20</v>
      </c>
      <c r="D79864" s="14" t="s">
        <v>406</v>
      </c>
      <c r="E79864" s="15">
        <v>45670</v>
      </c>
      <c r="F79864" s="14" t="s">
        <v>15</v>
      </c>
      <c r="G79864" s="16">
        <v>2.0651575870091858</v>
      </c>
    </row>
    <row r="79865" spans="1:7" x14ac:dyDescent="0.3">
      <c r="A79865" s="13" t="s">
        <v>405</v>
      </c>
      <c r="B79865" s="14" t="s">
        <v>1</v>
      </c>
      <c r="C79865" s="14" t="s">
        <v>20</v>
      </c>
      <c r="D79865" s="14" t="s">
        <v>406</v>
      </c>
      <c r="E79865" s="15">
        <v>45671</v>
      </c>
      <c r="F79865" s="14" t="s">
        <v>15</v>
      </c>
      <c r="G79865" s="16">
        <v>2.0776288860493413</v>
      </c>
    </row>
    <row r="79866" spans="1:7" x14ac:dyDescent="0.3">
      <c r="A79866" s="13" t="s">
        <v>405</v>
      </c>
      <c r="B79866" s="14" t="s">
        <v>1</v>
      </c>
      <c r="C79866" s="14" t="s">
        <v>20</v>
      </c>
      <c r="D79866" s="14" t="s">
        <v>406</v>
      </c>
      <c r="E79866" s="15">
        <v>45672</v>
      </c>
      <c r="F79866" s="14" t="s">
        <v>15</v>
      </c>
      <c r="G79866" s="16">
        <v>2.0818713091696788</v>
      </c>
    </row>
    <row r="79867" spans="1:7" x14ac:dyDescent="0.3">
      <c r="A79867" s="13" t="s">
        <v>405</v>
      </c>
      <c r="B79867" s="14" t="s">
        <v>1</v>
      </c>
      <c r="C79867" s="14" t="s">
        <v>20</v>
      </c>
      <c r="D79867" s="14" t="s">
        <v>406</v>
      </c>
      <c r="E79867" s="15">
        <v>45673</v>
      </c>
      <c r="F79867" s="14" t="s">
        <v>15</v>
      </c>
      <c r="G79867" s="16">
        <v>2.0860502966137924</v>
      </c>
    </row>
    <row r="79868" spans="1:7" x14ac:dyDescent="0.3">
      <c r="A79868" s="13" t="s">
        <v>405</v>
      </c>
      <c r="B79868" s="14" t="s">
        <v>1</v>
      </c>
      <c r="C79868" s="14" t="s">
        <v>20</v>
      </c>
      <c r="D79868" s="14" t="s">
        <v>406</v>
      </c>
      <c r="E79868" s="15">
        <v>45674</v>
      </c>
      <c r="F79868" s="14" t="s">
        <v>15</v>
      </c>
      <c r="G79868" s="16">
        <v>2.0888438488891667</v>
      </c>
    </row>
    <row r="79869" spans="1:7" x14ac:dyDescent="0.3">
      <c r="A79869" s="13" t="s">
        <v>405</v>
      </c>
      <c r="B79869" s="14" t="s">
        <v>1</v>
      </c>
      <c r="C79869" s="14" t="s">
        <v>20</v>
      </c>
      <c r="D79869" s="14" t="s">
        <v>406</v>
      </c>
      <c r="E79869" s="15">
        <v>45675</v>
      </c>
      <c r="F79869" s="14" t="s">
        <v>15</v>
      </c>
      <c r="G79869" s="16">
        <v>2.0888438488891667</v>
      </c>
    </row>
    <row r="79870" spans="1:7" x14ac:dyDescent="0.3">
      <c r="A79870" s="13" t="s">
        <v>405</v>
      </c>
      <c r="B79870" s="14" t="s">
        <v>1</v>
      </c>
      <c r="C79870" s="14" t="s">
        <v>20</v>
      </c>
      <c r="D79870" s="14" t="s">
        <v>406</v>
      </c>
      <c r="E79870" s="15">
        <v>45676</v>
      </c>
      <c r="F79870" s="14" t="s">
        <v>15</v>
      </c>
      <c r="G79870" s="16">
        <v>2.0888438488891667</v>
      </c>
    </row>
    <row r="79871" spans="1:7" x14ac:dyDescent="0.3">
      <c r="A79871" s="13" t="s">
        <v>405</v>
      </c>
      <c r="B79871" s="14" t="s">
        <v>1</v>
      </c>
      <c r="C79871" s="14" t="s">
        <v>20</v>
      </c>
      <c r="D79871" s="14" t="s">
        <v>406</v>
      </c>
      <c r="E79871" s="15">
        <v>45677</v>
      </c>
      <c r="F79871" s="14" t="s">
        <v>15</v>
      </c>
      <c r="G79871" s="16">
        <v>2.0927843181906769</v>
      </c>
    </row>
    <row r="79872" spans="1:7" x14ac:dyDescent="0.3">
      <c r="A79872" s="13" t="s">
        <v>405</v>
      </c>
      <c r="B79872" s="14" t="s">
        <v>1</v>
      </c>
      <c r="C79872" s="14" t="s">
        <v>20</v>
      </c>
      <c r="D79872" s="14" t="s">
        <v>406</v>
      </c>
      <c r="E79872" s="15">
        <v>45678</v>
      </c>
      <c r="F79872" s="14" t="s">
        <v>15</v>
      </c>
      <c r="G79872" s="16">
        <v>2.1038980937596317</v>
      </c>
    </row>
    <row r="79873" spans="1:7" x14ac:dyDescent="0.3">
      <c r="A79873" s="13" t="s">
        <v>405</v>
      </c>
      <c r="B79873" s="14" t="s">
        <v>1</v>
      </c>
      <c r="C79873" s="14" t="s">
        <v>20</v>
      </c>
      <c r="D79873" s="14" t="s">
        <v>406</v>
      </c>
      <c r="E79873" s="15">
        <v>45679</v>
      </c>
      <c r="F79873" s="14" t="s">
        <v>15</v>
      </c>
      <c r="G79873" s="16">
        <v>2.1077269162709871</v>
      </c>
    </row>
    <row r="79874" spans="1:7" x14ac:dyDescent="0.3">
      <c r="A79874" s="13" t="s">
        <v>405</v>
      </c>
      <c r="B79874" s="14" t="s">
        <v>1</v>
      </c>
      <c r="C79874" s="14" t="s">
        <v>20</v>
      </c>
      <c r="D79874" s="14" t="s">
        <v>406</v>
      </c>
      <c r="E79874" s="15">
        <v>45680</v>
      </c>
      <c r="F79874" s="14" t="s">
        <v>15</v>
      </c>
      <c r="G79874" s="16">
        <v>2.111451704273335</v>
      </c>
    </row>
    <row r="79875" spans="1:7" x14ac:dyDescent="0.3">
      <c r="A79875" s="13" t="s">
        <v>405</v>
      </c>
      <c r="B79875" s="14" t="s">
        <v>1</v>
      </c>
      <c r="C79875" s="14" t="s">
        <v>20</v>
      </c>
      <c r="D79875" s="14" t="s">
        <v>406</v>
      </c>
      <c r="E79875" s="15">
        <v>45681</v>
      </c>
      <c r="F79875" s="14" t="s">
        <v>15</v>
      </c>
      <c r="G79875" s="16">
        <v>2.1151333560158494</v>
      </c>
    </row>
    <row r="79876" spans="1:7" x14ac:dyDescent="0.3">
      <c r="A79876" s="13" t="s">
        <v>405</v>
      </c>
      <c r="B79876" s="14" t="s">
        <v>1</v>
      </c>
      <c r="C79876" s="14" t="s">
        <v>20</v>
      </c>
      <c r="D79876" s="14" t="s">
        <v>406</v>
      </c>
      <c r="E79876" s="15">
        <v>45682</v>
      </c>
      <c r="F79876" s="14" t="s">
        <v>15</v>
      </c>
      <c r="G79876" s="16">
        <v>2.1151333560158494</v>
      </c>
    </row>
    <row r="79877" spans="1:7" x14ac:dyDescent="0.3">
      <c r="A79877" s="13" t="s">
        <v>405</v>
      </c>
      <c r="B79877" s="14" t="s">
        <v>1</v>
      </c>
      <c r="C79877" s="14" t="s">
        <v>20</v>
      </c>
      <c r="D79877" s="14" t="s">
        <v>406</v>
      </c>
      <c r="E79877" s="15">
        <v>45683</v>
      </c>
      <c r="F79877" s="14" t="s">
        <v>15</v>
      </c>
      <c r="G79877" s="16">
        <v>2.1151333560158494</v>
      </c>
    </row>
    <row r="79878" spans="1:7" x14ac:dyDescent="0.3">
      <c r="A79878" s="13" t="s">
        <v>405</v>
      </c>
      <c r="B79878" s="14" t="s">
        <v>1</v>
      </c>
      <c r="C79878" s="14" t="s">
        <v>20</v>
      </c>
      <c r="D79878" s="14" t="s">
        <v>406</v>
      </c>
      <c r="E79878" s="15">
        <v>45684</v>
      </c>
      <c r="F79878" s="14" t="s">
        <v>15</v>
      </c>
      <c r="G79878" s="16">
        <v>2.1236031325997753</v>
      </c>
    </row>
    <row r="79879" spans="1:7" x14ac:dyDescent="0.3">
      <c r="A79879" s="13" t="s">
        <v>405</v>
      </c>
      <c r="B79879" s="14" t="s">
        <v>1</v>
      </c>
      <c r="C79879" s="14" t="s">
        <v>20</v>
      </c>
      <c r="D79879" s="14" t="s">
        <v>406</v>
      </c>
      <c r="E79879" s="15">
        <v>45685</v>
      </c>
      <c r="F79879" s="14" t="s">
        <v>15</v>
      </c>
      <c r="G79879" s="16">
        <v>2.1344327163392451</v>
      </c>
    </row>
    <row r="79880" spans="1:7" x14ac:dyDescent="0.3">
      <c r="A79880" s="13" t="s">
        <v>405</v>
      </c>
      <c r="B79880" s="14" t="s">
        <v>1</v>
      </c>
      <c r="C79880" s="14" t="s">
        <v>20</v>
      </c>
      <c r="D79880" s="14" t="s">
        <v>406</v>
      </c>
      <c r="E79880" s="15">
        <v>45686</v>
      </c>
      <c r="F79880" s="14" t="s">
        <v>15</v>
      </c>
      <c r="G79880" s="16">
        <v>2.1380966060924176</v>
      </c>
    </row>
    <row r="79881" spans="1:7" x14ac:dyDescent="0.3">
      <c r="A79881" s="13" t="s">
        <v>405</v>
      </c>
      <c r="B79881" s="14" t="s">
        <v>1</v>
      </c>
      <c r="C79881" s="14" t="s">
        <v>20</v>
      </c>
      <c r="D79881" s="14" t="s">
        <v>406</v>
      </c>
      <c r="E79881" s="15">
        <v>45687</v>
      </c>
      <c r="F79881" s="14" t="s">
        <v>15</v>
      </c>
      <c r="G79881" s="16">
        <v>2.1417554209914917</v>
      </c>
    </row>
    <row r="79882" spans="1:7" x14ac:dyDescent="0.3">
      <c r="A79882" s="13" t="s">
        <v>405</v>
      </c>
      <c r="B79882" s="14" t="s">
        <v>1</v>
      </c>
      <c r="C79882" s="14" t="s">
        <v>20</v>
      </c>
      <c r="D79882" s="14" t="s">
        <v>406</v>
      </c>
      <c r="E79882" s="15">
        <v>45688</v>
      </c>
      <c r="F79882" s="14" t="s">
        <v>15</v>
      </c>
      <c r="G79882" s="16">
        <v>2.145396473901223</v>
      </c>
    </row>
    <row r="79883" spans="1:7" x14ac:dyDescent="0.3">
      <c r="A79883" s="13" t="s">
        <v>405</v>
      </c>
      <c r="B79883" s="14" t="s">
        <v>1</v>
      </c>
      <c r="C79883" s="14" t="s">
        <v>20</v>
      </c>
      <c r="D79883" s="14" t="s">
        <v>406</v>
      </c>
      <c r="E79883" s="15">
        <v>45689</v>
      </c>
      <c r="F79883" s="14" t="s">
        <v>15</v>
      </c>
      <c r="G79883" s="16">
        <v>2.145396473901223</v>
      </c>
    </row>
    <row r="79884" spans="1:7" x14ac:dyDescent="0.3">
      <c r="A79884" s="13" t="s">
        <v>405</v>
      </c>
      <c r="B79884" s="14" t="s">
        <v>1</v>
      </c>
      <c r="C79884" s="14" t="s">
        <v>20</v>
      </c>
      <c r="D79884" s="14" t="s">
        <v>406</v>
      </c>
      <c r="E79884" s="15">
        <v>45690</v>
      </c>
      <c r="F79884" s="14" t="s">
        <v>15</v>
      </c>
      <c r="G79884" s="16">
        <v>2.145396473901223</v>
      </c>
    </row>
    <row r="79885" spans="1:7" x14ac:dyDescent="0.3">
      <c r="A79885" s="13" t="s">
        <v>405</v>
      </c>
      <c r="B79885" s="14" t="s">
        <v>1</v>
      </c>
      <c r="C79885" s="14" t="s">
        <v>20</v>
      </c>
      <c r="D79885" s="14" t="s">
        <v>406</v>
      </c>
      <c r="E79885" s="15">
        <v>45691</v>
      </c>
      <c r="F79885" s="14" t="s">
        <v>15</v>
      </c>
      <c r="G79885" s="16">
        <v>2.145396473901223</v>
      </c>
    </row>
    <row r="79886" spans="1:7" x14ac:dyDescent="0.3">
      <c r="A79886" s="13" t="s">
        <v>405</v>
      </c>
      <c r="B79886" s="14" t="s">
        <v>1</v>
      </c>
      <c r="C79886" s="14" t="s">
        <v>20</v>
      </c>
      <c r="D79886" s="14" t="s">
        <v>406</v>
      </c>
      <c r="E79886" s="15">
        <v>45692</v>
      </c>
      <c r="F79886" s="14" t="s">
        <v>15</v>
      </c>
      <c r="G79886" s="16">
        <v>2.14900239575833</v>
      </c>
    </row>
    <row r="79887" spans="1:7" x14ac:dyDescent="0.3">
      <c r="A79887" s="13" t="s">
        <v>405</v>
      </c>
      <c r="B79887" s="14" t="s">
        <v>1</v>
      </c>
      <c r="C79887" s="14" t="s">
        <v>20</v>
      </c>
      <c r="D79887" s="14" t="s">
        <v>406</v>
      </c>
      <c r="E79887" s="15">
        <v>45693</v>
      </c>
      <c r="F79887" s="14" t="s">
        <v>15</v>
      </c>
      <c r="G79887" s="16">
        <v>2.2032167330816996</v>
      </c>
    </row>
    <row r="79888" spans="1:7" x14ac:dyDescent="0.3">
      <c r="A79888" s="13" t="s">
        <v>405</v>
      </c>
      <c r="B79888" s="14" t="s">
        <v>1</v>
      </c>
      <c r="C79888" s="14" t="s">
        <v>20</v>
      </c>
      <c r="D79888" s="14" t="s">
        <v>406</v>
      </c>
      <c r="E79888" s="15">
        <v>45694</v>
      </c>
      <c r="F79888" s="14" t="s">
        <v>15</v>
      </c>
      <c r="G79888" s="16">
        <v>2.2081039286309974</v>
      </c>
    </row>
    <row r="79889" spans="1:7" x14ac:dyDescent="0.3">
      <c r="A79889" s="13" t="s">
        <v>405</v>
      </c>
      <c r="B79889" s="14" t="s">
        <v>1</v>
      </c>
      <c r="C79889" s="14" t="s">
        <v>20</v>
      </c>
      <c r="D79889" s="14" t="s">
        <v>406</v>
      </c>
      <c r="E79889" s="15">
        <v>45695</v>
      </c>
      <c r="F79889" s="14" t="s">
        <v>15</v>
      </c>
      <c r="G79889" s="16">
        <v>2.2225400248626306</v>
      </c>
    </row>
    <row r="79890" spans="1:7" x14ac:dyDescent="0.3">
      <c r="A79890" s="13" t="s">
        <v>405</v>
      </c>
      <c r="B79890" s="14" t="s">
        <v>1</v>
      </c>
      <c r="C79890" s="14" t="s">
        <v>20</v>
      </c>
      <c r="D79890" s="14" t="s">
        <v>406</v>
      </c>
      <c r="E79890" s="15">
        <v>45696</v>
      </c>
      <c r="F79890" s="14" t="s">
        <v>15</v>
      </c>
      <c r="G79890" s="16">
        <v>2.2225400248626306</v>
      </c>
    </row>
    <row r="79891" spans="1:7" x14ac:dyDescent="0.3">
      <c r="A79891" s="13" t="s">
        <v>405</v>
      </c>
      <c r="B79891" s="14" t="s">
        <v>1</v>
      </c>
      <c r="C79891" s="14" t="s">
        <v>20</v>
      </c>
      <c r="D79891" s="14" t="s">
        <v>406</v>
      </c>
      <c r="E79891" s="15">
        <v>45697</v>
      </c>
      <c r="F79891" s="14" t="s">
        <v>15</v>
      </c>
      <c r="G79891" s="16">
        <v>2.2225400248626306</v>
      </c>
    </row>
    <row r="79892" spans="1:7" x14ac:dyDescent="0.3">
      <c r="A79892" s="13" t="s">
        <v>405</v>
      </c>
      <c r="B79892" s="14" t="s">
        <v>1</v>
      </c>
      <c r="C79892" s="14" t="s">
        <v>20</v>
      </c>
      <c r="D79892" s="14" t="s">
        <v>406</v>
      </c>
      <c r="E79892" s="15">
        <v>45698</v>
      </c>
      <c r="F79892" s="14" t="s">
        <v>15</v>
      </c>
      <c r="G79892" s="16">
        <v>2.2273987897826637</v>
      </c>
    </row>
    <row r="79893" spans="1:7" x14ac:dyDescent="0.3">
      <c r="A79893" s="13" t="s">
        <v>405</v>
      </c>
      <c r="B79893" s="14" t="s">
        <v>1</v>
      </c>
      <c r="C79893" s="14" t="s">
        <v>20</v>
      </c>
      <c r="D79893" s="14" t="s">
        <v>406</v>
      </c>
      <c r="E79893" s="15">
        <v>45699</v>
      </c>
      <c r="F79893" s="14" t="s">
        <v>15</v>
      </c>
      <c r="G79893" s="16">
        <v>2.2418159322614537</v>
      </c>
    </row>
    <row r="79894" spans="1:7" x14ac:dyDescent="0.3">
      <c r="A79894" s="13" t="s">
        <v>405</v>
      </c>
      <c r="B79894" s="14" t="s">
        <v>1</v>
      </c>
      <c r="C79894" s="14" t="s">
        <v>20</v>
      </c>
      <c r="D79894" s="14" t="s">
        <v>406</v>
      </c>
      <c r="E79894" s="15">
        <v>45700</v>
      </c>
      <c r="F79894" s="14" t="s">
        <v>15</v>
      </c>
      <c r="G79894" s="16">
        <v>2.2466822786826248</v>
      </c>
    </row>
    <row r="79895" spans="1:7" x14ac:dyDescent="0.3">
      <c r="A79895" s="13" t="s">
        <v>405</v>
      </c>
      <c r="B79895" s="14" t="s">
        <v>1</v>
      </c>
      <c r="C79895" s="14" t="s">
        <v>20</v>
      </c>
      <c r="D79895" s="14" t="s">
        <v>406</v>
      </c>
      <c r="E79895" s="15">
        <v>45701</v>
      </c>
      <c r="F79895" s="14" t="s">
        <v>15</v>
      </c>
      <c r="G79895" s="16">
        <v>2.2515239852250994</v>
      </c>
    </row>
    <row r="79896" spans="1:7" x14ac:dyDescent="0.3">
      <c r="A79896" s="13" t="s">
        <v>405</v>
      </c>
      <c r="B79896" s="14" t="s">
        <v>1</v>
      </c>
      <c r="C79896" s="14" t="s">
        <v>20</v>
      </c>
      <c r="D79896" s="14" t="s">
        <v>406</v>
      </c>
      <c r="E79896" s="15">
        <v>45702</v>
      </c>
      <c r="F79896" s="14" t="s">
        <v>15</v>
      </c>
      <c r="G79896" s="16">
        <v>2.2607061011686351</v>
      </c>
    </row>
    <row r="79897" spans="1:7" x14ac:dyDescent="0.3">
      <c r="A79897" s="13" t="s">
        <v>405</v>
      </c>
      <c r="B79897" s="14" t="s">
        <v>1</v>
      </c>
      <c r="C79897" s="14" t="s">
        <v>20</v>
      </c>
      <c r="D79897" s="14" t="s">
        <v>406</v>
      </c>
      <c r="E79897" s="15">
        <v>45703</v>
      </c>
      <c r="F79897" s="14" t="s">
        <v>15</v>
      </c>
      <c r="G79897" s="16">
        <v>2.2607061011686351</v>
      </c>
    </row>
    <row r="79898" spans="1:7" x14ac:dyDescent="0.3">
      <c r="A79898" s="13" t="s">
        <v>405</v>
      </c>
      <c r="B79898" s="14" t="s">
        <v>1</v>
      </c>
      <c r="C79898" s="14" t="s">
        <v>20</v>
      </c>
      <c r="D79898" s="14" t="s">
        <v>406</v>
      </c>
      <c r="E79898" s="15">
        <v>45704</v>
      </c>
      <c r="F79898" s="14" t="s">
        <v>15</v>
      </c>
      <c r="G79898" s="16">
        <v>2.2607061011686351</v>
      </c>
    </row>
    <row r="79899" spans="1:7" x14ac:dyDescent="0.3">
      <c r="A79899" s="13" t="s">
        <v>405</v>
      </c>
      <c r="B79899" s="14" t="s">
        <v>1</v>
      </c>
      <c r="C79899" s="14" t="s">
        <v>20</v>
      </c>
      <c r="D79899" s="14" t="s">
        <v>406</v>
      </c>
      <c r="E79899" s="15">
        <v>45705</v>
      </c>
      <c r="F79899" s="14" t="s">
        <v>15</v>
      </c>
      <c r="G79899" s="16">
        <v>2.2655269585829823</v>
      </c>
    </row>
    <row r="79900" spans="1:7" x14ac:dyDescent="0.3">
      <c r="A79900" s="13" t="s">
        <v>405</v>
      </c>
      <c r="B79900" s="14" t="s">
        <v>1</v>
      </c>
      <c r="C79900" s="14" t="s">
        <v>20</v>
      </c>
      <c r="D79900" s="14" t="s">
        <v>406</v>
      </c>
      <c r="E79900" s="15">
        <v>45706</v>
      </c>
      <c r="F79900" s="14" t="s">
        <v>15</v>
      </c>
      <c r="G79900" s="16">
        <v>2.2797450866569204</v>
      </c>
    </row>
    <row r="79901" spans="1:7" x14ac:dyDescent="0.3">
      <c r="A79901" s="13" t="s">
        <v>405</v>
      </c>
      <c r="B79901" s="14" t="s">
        <v>1</v>
      </c>
      <c r="C79901" s="14" t="s">
        <v>20</v>
      </c>
      <c r="D79901" s="14" t="s">
        <v>406</v>
      </c>
      <c r="E79901" s="15">
        <v>45707</v>
      </c>
      <c r="F79901" s="14" t="s">
        <v>15</v>
      </c>
      <c r="G79901" s="16">
        <v>2.2828297803108435</v>
      </c>
    </row>
    <row r="79902" spans="1:7" x14ac:dyDescent="0.3">
      <c r="A79902" s="13" t="s">
        <v>405</v>
      </c>
      <c r="B79902" s="14" t="s">
        <v>1</v>
      </c>
      <c r="C79902" s="14" t="s">
        <v>20</v>
      </c>
      <c r="D79902" s="14" t="s">
        <v>406</v>
      </c>
      <c r="E79902" s="15">
        <v>45708</v>
      </c>
      <c r="F79902" s="14" t="s">
        <v>15</v>
      </c>
      <c r="G79902" s="16">
        <v>2.2875331244575636</v>
      </c>
    </row>
    <row r="79903" spans="1:7" x14ac:dyDescent="0.3">
      <c r="A79903" s="13" t="s">
        <v>405</v>
      </c>
      <c r="B79903" s="14" t="s">
        <v>1</v>
      </c>
      <c r="C79903" s="14" t="s">
        <v>20</v>
      </c>
      <c r="D79903" s="14" t="s">
        <v>406</v>
      </c>
      <c r="E79903" s="15">
        <v>45709</v>
      </c>
      <c r="F79903" s="14" t="s">
        <v>15</v>
      </c>
      <c r="G79903" s="16">
        <v>2.2915484473760808</v>
      </c>
    </row>
    <row r="79904" spans="1:7" x14ac:dyDescent="0.3">
      <c r="A79904" s="13" t="s">
        <v>405</v>
      </c>
      <c r="B79904" s="14" t="s">
        <v>1</v>
      </c>
      <c r="C79904" s="14" t="s">
        <v>20</v>
      </c>
      <c r="D79904" s="14" t="s">
        <v>406</v>
      </c>
      <c r="E79904" s="15">
        <v>45710</v>
      </c>
      <c r="F79904" s="14" t="s">
        <v>15</v>
      </c>
      <c r="G79904" s="16">
        <v>2.2915484473760808</v>
      </c>
    </row>
    <row r="79905" spans="1:7" x14ac:dyDescent="0.3">
      <c r="A79905" s="13" t="s">
        <v>405</v>
      </c>
      <c r="B79905" s="14" t="s">
        <v>1</v>
      </c>
      <c r="C79905" s="14" t="s">
        <v>20</v>
      </c>
      <c r="D79905" s="14" t="s">
        <v>406</v>
      </c>
      <c r="E79905" s="15">
        <v>45711</v>
      </c>
      <c r="F79905" s="14" t="s">
        <v>15</v>
      </c>
      <c r="G79905" s="16">
        <v>2.2915484473760808</v>
      </c>
    </row>
    <row r="79906" spans="1:7" x14ac:dyDescent="0.3">
      <c r="A79906" s="13" t="s">
        <v>405</v>
      </c>
      <c r="B79906" s="14" t="s">
        <v>1</v>
      </c>
      <c r="C79906" s="14" t="s">
        <v>20</v>
      </c>
      <c r="D79906" s="14" t="s">
        <v>406</v>
      </c>
      <c r="E79906" s="15">
        <v>45712</v>
      </c>
      <c r="F79906" s="14" t="s">
        <v>15</v>
      </c>
      <c r="G79906" s="16">
        <v>2.2954273032741277</v>
      </c>
    </row>
    <row r="79907" spans="1:7" x14ac:dyDescent="0.3">
      <c r="A79907" s="13" t="s">
        <v>405</v>
      </c>
      <c r="B79907" s="14" t="s">
        <v>1</v>
      </c>
      <c r="C79907" s="14" t="s">
        <v>20</v>
      </c>
      <c r="D79907" s="14" t="s">
        <v>406</v>
      </c>
      <c r="E79907" s="15">
        <v>45713</v>
      </c>
      <c r="F79907" s="14" t="s">
        <v>15</v>
      </c>
      <c r="G79907" s="16">
        <v>2.3166260985201657</v>
      </c>
    </row>
    <row r="79908" spans="1:7" x14ac:dyDescent="0.3">
      <c r="A79908" s="13" t="s">
        <v>405</v>
      </c>
      <c r="B79908" s="14" t="s">
        <v>1</v>
      </c>
      <c r="C79908" s="14" t="s">
        <v>20</v>
      </c>
      <c r="D79908" s="14" t="s">
        <v>406</v>
      </c>
      <c r="E79908" s="15">
        <v>45714</v>
      </c>
      <c r="F79908" s="14" t="s">
        <v>15</v>
      </c>
      <c r="G79908" s="16">
        <v>2.320480314539517</v>
      </c>
    </row>
    <row r="79909" spans="1:7" x14ac:dyDescent="0.3">
      <c r="A79909" s="13" t="s">
        <v>405</v>
      </c>
      <c r="B79909" s="14" t="s">
        <v>1</v>
      </c>
      <c r="C79909" s="14" t="s">
        <v>20</v>
      </c>
      <c r="D79909" s="14" t="s">
        <v>406</v>
      </c>
      <c r="E79909" s="15">
        <v>45715</v>
      </c>
      <c r="F79909" s="14" t="s">
        <v>15</v>
      </c>
      <c r="G79909" s="16">
        <v>2.3330873736217939</v>
      </c>
    </row>
    <row r="79910" spans="1:7" x14ac:dyDescent="0.3">
      <c r="A79910" s="13" t="s">
        <v>405</v>
      </c>
      <c r="B79910" s="14" t="s">
        <v>1</v>
      </c>
      <c r="C79910" s="14" t="s">
        <v>20</v>
      </c>
      <c r="D79910" s="14" t="s">
        <v>406</v>
      </c>
      <c r="E79910" s="15">
        <v>45716</v>
      </c>
      <c r="F79910" s="14" t="s">
        <v>15</v>
      </c>
      <c r="G79910" s="16">
        <v>2.3369822044643511</v>
      </c>
    </row>
    <row r="79911" spans="1:7" x14ac:dyDescent="0.3">
      <c r="A79911" s="13" t="s">
        <v>405</v>
      </c>
      <c r="B79911" s="14" t="s">
        <v>1</v>
      </c>
      <c r="C79911" s="14" t="s">
        <v>20</v>
      </c>
      <c r="D79911" s="14" t="s">
        <v>406</v>
      </c>
      <c r="E79911" s="15">
        <v>45717</v>
      </c>
      <c r="F79911" s="14" t="s">
        <v>15</v>
      </c>
      <c r="G79911" s="16">
        <v>2.3369822044643511</v>
      </c>
    </row>
    <row r="79912" spans="1:7" x14ac:dyDescent="0.3">
      <c r="A79912" s="13" t="s">
        <v>405</v>
      </c>
      <c r="B79912" s="14" t="s">
        <v>1</v>
      </c>
      <c r="C79912" s="14" t="s">
        <v>20</v>
      </c>
      <c r="D79912" s="14" t="s">
        <v>406</v>
      </c>
      <c r="E79912" s="15">
        <v>45718</v>
      </c>
      <c r="F79912" s="14" t="s">
        <v>15</v>
      </c>
      <c r="G79912" s="16">
        <v>2.3369822044643511</v>
      </c>
    </row>
    <row r="79913" spans="1:7" x14ac:dyDescent="0.3">
      <c r="A79913" s="13" t="s">
        <v>405</v>
      </c>
      <c r="B79913" s="14" t="s">
        <v>1</v>
      </c>
      <c r="C79913" s="14" t="s">
        <v>20</v>
      </c>
      <c r="D79913" s="14" t="s">
        <v>406</v>
      </c>
      <c r="E79913" s="15">
        <v>45719</v>
      </c>
      <c r="F79913" s="14" t="s">
        <v>15</v>
      </c>
      <c r="G79913" s="16">
        <v>2.3407061635941866</v>
      </c>
    </row>
    <row r="79914" spans="1:7" x14ac:dyDescent="0.3">
      <c r="A79914" s="13" t="s">
        <v>405</v>
      </c>
      <c r="B79914" s="14" t="s">
        <v>1</v>
      </c>
      <c r="C79914" s="14" t="s">
        <v>20</v>
      </c>
      <c r="D79914" s="14" t="s">
        <v>406</v>
      </c>
      <c r="E79914" s="15">
        <v>45720</v>
      </c>
      <c r="F79914" s="14" t="s">
        <v>15</v>
      </c>
      <c r="G79914" s="16">
        <v>2.3570799692064672</v>
      </c>
    </row>
    <row r="79915" spans="1:7" x14ac:dyDescent="0.3">
      <c r="A79915" s="13" t="s">
        <v>405</v>
      </c>
      <c r="B79915" s="14" t="s">
        <v>1</v>
      </c>
      <c r="C79915" s="14" t="s">
        <v>20</v>
      </c>
      <c r="D79915" s="14" t="s">
        <v>406</v>
      </c>
      <c r="E79915" s="15">
        <v>45721</v>
      </c>
      <c r="F79915" s="14" t="s">
        <v>15</v>
      </c>
      <c r="G79915" s="16">
        <v>2.3608119379478363</v>
      </c>
    </row>
    <row r="79916" spans="1:7" x14ac:dyDescent="0.3">
      <c r="A79916" s="13" t="s">
        <v>405</v>
      </c>
      <c r="B79916" s="14" t="s">
        <v>1</v>
      </c>
      <c r="C79916" s="14" t="s">
        <v>20</v>
      </c>
      <c r="D79916" s="14" t="s">
        <v>406</v>
      </c>
      <c r="E79916" s="15">
        <v>45722</v>
      </c>
      <c r="F79916" s="14" t="s">
        <v>15</v>
      </c>
      <c r="G79916" s="16">
        <v>2.372828514885708</v>
      </c>
    </row>
    <row r="79917" spans="1:7" x14ac:dyDescent="0.3">
      <c r="A79917" s="13" t="s">
        <v>405</v>
      </c>
      <c r="B79917" s="14" t="s">
        <v>1</v>
      </c>
      <c r="C79917" s="14" t="s">
        <v>20</v>
      </c>
      <c r="D79917" s="14" t="s">
        <v>406</v>
      </c>
      <c r="E79917" s="15">
        <v>45723</v>
      </c>
      <c r="F79917" s="14" t="s">
        <v>15</v>
      </c>
      <c r="G79917" s="16">
        <v>2.3772399656721981</v>
      </c>
    </row>
    <row r="79918" spans="1:7" x14ac:dyDescent="0.3">
      <c r="A79918" s="13" t="s">
        <v>405</v>
      </c>
      <c r="B79918" s="14" t="s">
        <v>1</v>
      </c>
      <c r="C79918" s="14" t="s">
        <v>20</v>
      </c>
      <c r="D79918" s="14" t="s">
        <v>406</v>
      </c>
      <c r="E79918" s="15">
        <v>45724</v>
      </c>
      <c r="F79918" s="14" t="s">
        <v>15</v>
      </c>
      <c r="G79918" s="16">
        <v>2.3772399656721981</v>
      </c>
    </row>
    <row r="79919" spans="1:7" x14ac:dyDescent="0.3">
      <c r="A79919" s="13" t="s">
        <v>405</v>
      </c>
      <c r="B79919" s="14" t="s">
        <v>1</v>
      </c>
      <c r="C79919" s="14" t="s">
        <v>20</v>
      </c>
      <c r="D79919" s="14" t="s">
        <v>406</v>
      </c>
      <c r="E79919" s="15">
        <v>45725</v>
      </c>
      <c r="F79919" s="14" t="s">
        <v>15</v>
      </c>
      <c r="G79919" s="16">
        <v>2.3772399656721981</v>
      </c>
    </row>
    <row r="79920" spans="1:7" x14ac:dyDescent="0.3">
      <c r="A79920" s="13" t="s">
        <v>405</v>
      </c>
      <c r="B79920" s="14" t="s">
        <v>1</v>
      </c>
      <c r="C79920" s="14" t="s">
        <v>20</v>
      </c>
      <c r="D79920" s="14" t="s">
        <v>406</v>
      </c>
      <c r="E79920" s="15">
        <v>45726</v>
      </c>
      <c r="F79920" s="14" t="s">
        <v>15</v>
      </c>
      <c r="G79920" s="16">
        <v>2.3810680497519727</v>
      </c>
    </row>
    <row r="79921" spans="1:7" x14ac:dyDescent="0.3">
      <c r="A79921" s="13" t="s">
        <v>405</v>
      </c>
      <c r="B79921" s="14" t="s">
        <v>1</v>
      </c>
      <c r="C79921" s="14" t="s">
        <v>20</v>
      </c>
      <c r="D79921" s="14" t="s">
        <v>406</v>
      </c>
      <c r="E79921" s="15">
        <v>45727</v>
      </c>
      <c r="F79921" s="14" t="s">
        <v>15</v>
      </c>
      <c r="G79921" s="16">
        <v>2.3921862152627988</v>
      </c>
    </row>
    <row r="79922" spans="1:7" x14ac:dyDescent="0.3">
      <c r="A79922" s="13" t="s">
        <v>405</v>
      </c>
      <c r="B79922" s="14" t="s">
        <v>1</v>
      </c>
      <c r="C79922" s="14" t="s">
        <v>20</v>
      </c>
      <c r="D79922" s="14" t="s">
        <v>406</v>
      </c>
      <c r="E79922" s="15">
        <v>45728</v>
      </c>
      <c r="F79922" s="14" t="s">
        <v>15</v>
      </c>
      <c r="G79922" s="16">
        <v>2.3959288634862133</v>
      </c>
    </row>
    <row r="79923" spans="1:7" x14ac:dyDescent="0.3">
      <c r="A79923" s="13" t="s">
        <v>405</v>
      </c>
      <c r="B79923" s="14" t="s">
        <v>1</v>
      </c>
      <c r="C79923" s="14" t="s">
        <v>20</v>
      </c>
      <c r="D79923" s="14" t="s">
        <v>406</v>
      </c>
      <c r="E79923" s="15">
        <v>45729</v>
      </c>
      <c r="F79923" s="14" t="s">
        <v>15</v>
      </c>
      <c r="G79923" s="16">
        <v>2.3997529427602213</v>
      </c>
    </row>
    <row r="79924" spans="1:7" x14ac:dyDescent="0.3">
      <c r="A79924" s="13" t="s">
        <v>405</v>
      </c>
      <c r="B79924" s="14" t="s">
        <v>1</v>
      </c>
      <c r="C79924" s="14" t="s">
        <v>20</v>
      </c>
      <c r="D79924" s="14" t="s">
        <v>406</v>
      </c>
      <c r="E79924" s="15">
        <v>45730</v>
      </c>
      <c r="F79924" s="14" t="s">
        <v>15</v>
      </c>
      <c r="G79924" s="16">
        <v>2.4131938956158607</v>
      </c>
    </row>
    <row r="79925" spans="1:7" x14ac:dyDescent="0.3">
      <c r="A79925" s="13" t="s">
        <v>405</v>
      </c>
      <c r="B79925" s="14" t="s">
        <v>1</v>
      </c>
      <c r="C79925" s="14" t="s">
        <v>20</v>
      </c>
      <c r="D79925" s="14" t="s">
        <v>406</v>
      </c>
      <c r="E79925" s="15">
        <v>45731</v>
      </c>
      <c r="F79925" s="14" t="s">
        <v>15</v>
      </c>
      <c r="G79925" s="16">
        <v>2.4131938956158607</v>
      </c>
    </row>
    <row r="79926" spans="1:7" x14ac:dyDescent="0.3">
      <c r="A79926" s="13" t="s">
        <v>405</v>
      </c>
      <c r="B79926" s="14" t="s">
        <v>1</v>
      </c>
      <c r="C79926" s="14" t="s">
        <v>20</v>
      </c>
      <c r="D79926" s="14" t="s">
        <v>406</v>
      </c>
      <c r="E79926" s="15">
        <v>45732</v>
      </c>
      <c r="F79926" s="14" t="s">
        <v>15</v>
      </c>
      <c r="G79926" s="16">
        <v>2.4131938956158607</v>
      </c>
    </row>
    <row r="79927" spans="1:7" x14ac:dyDescent="0.3">
      <c r="A79927" s="13" t="s">
        <v>405</v>
      </c>
      <c r="B79927" s="14" t="s">
        <v>1</v>
      </c>
      <c r="C79927" s="14" t="s">
        <v>20</v>
      </c>
      <c r="D79927" s="14" t="s">
        <v>406</v>
      </c>
      <c r="E79927" s="15">
        <v>45733</v>
      </c>
      <c r="F79927" s="14" t="s">
        <v>15</v>
      </c>
      <c r="G79927" s="16">
        <v>2.4131938956158607</v>
      </c>
    </row>
    <row r="79928" spans="1:7" x14ac:dyDescent="0.3">
      <c r="A79928" s="13" t="s">
        <v>405</v>
      </c>
      <c r="B79928" s="14" t="s">
        <v>1</v>
      </c>
      <c r="C79928" s="14" t="s">
        <v>20</v>
      </c>
      <c r="D79928" s="14" t="s">
        <v>406</v>
      </c>
      <c r="E79928" s="15">
        <v>45734</v>
      </c>
      <c r="F79928" s="14" t="s">
        <v>15</v>
      </c>
      <c r="G79928" s="16">
        <v>2.4168617874649589</v>
      </c>
    </row>
    <row r="79929" spans="1:7" x14ac:dyDescent="0.3">
      <c r="A79929" s="13" t="s">
        <v>405</v>
      </c>
      <c r="B79929" s="14" t="s">
        <v>1</v>
      </c>
      <c r="C79929" s="14" t="s">
        <v>20</v>
      </c>
      <c r="D79929" s="14" t="s">
        <v>406</v>
      </c>
      <c r="E79929" s="15">
        <v>45735</v>
      </c>
      <c r="F79929" s="14" t="s">
        <v>15</v>
      </c>
      <c r="G79929" s="16">
        <v>2.4308941166388469</v>
      </c>
    </row>
    <row r="79930" spans="1:7" x14ac:dyDescent="0.3">
      <c r="A79930" s="13" t="s">
        <v>405</v>
      </c>
      <c r="B79930" s="14" t="s">
        <v>1</v>
      </c>
      <c r="C79930" s="14" t="s">
        <v>20</v>
      </c>
      <c r="D79930" s="14" t="s">
        <v>406</v>
      </c>
      <c r="E79930" s="15">
        <v>45736</v>
      </c>
      <c r="F79930" s="14" t="s">
        <v>15</v>
      </c>
      <c r="G79930" s="16">
        <v>2.4340841016664263</v>
      </c>
    </row>
    <row r="79931" spans="1:7" x14ac:dyDescent="0.3">
      <c r="A79931" s="13" t="s">
        <v>405</v>
      </c>
      <c r="B79931" s="14" t="s">
        <v>1</v>
      </c>
      <c r="C79931" s="14" t="s">
        <v>20</v>
      </c>
      <c r="D79931" s="14" t="s">
        <v>406</v>
      </c>
      <c r="E79931" s="15">
        <v>45737</v>
      </c>
      <c r="F79931" s="14" t="s">
        <v>15</v>
      </c>
      <c r="G79931" s="16">
        <v>2.4372407133126148</v>
      </c>
    </row>
    <row r="79932" spans="1:7" x14ac:dyDescent="0.3">
      <c r="A79932" s="13" t="s">
        <v>405</v>
      </c>
      <c r="B79932" s="14" t="s">
        <v>1</v>
      </c>
      <c r="C79932" s="14" t="s">
        <v>20</v>
      </c>
      <c r="D79932" s="14" t="s">
        <v>406</v>
      </c>
      <c r="E79932" s="15">
        <v>45738</v>
      </c>
      <c r="F79932" s="14" t="s">
        <v>15</v>
      </c>
      <c r="G79932" s="16">
        <v>2.4372407133126148</v>
      </c>
    </row>
    <row r="79933" spans="1:7" x14ac:dyDescent="0.3">
      <c r="A79933" s="13" t="s">
        <v>405</v>
      </c>
      <c r="B79933" s="14" t="s">
        <v>1</v>
      </c>
      <c r="C79933" s="14" t="s">
        <v>20</v>
      </c>
      <c r="D79933" s="14" t="s">
        <v>406</v>
      </c>
      <c r="E79933" s="15">
        <v>45739</v>
      </c>
      <c r="F79933" s="14" t="s">
        <v>15</v>
      </c>
      <c r="G79933" s="16">
        <v>2.4372407133126148</v>
      </c>
    </row>
    <row r="79934" spans="1:7" x14ac:dyDescent="0.3">
      <c r="A79934" s="13" t="s">
        <v>405</v>
      </c>
      <c r="B79934" s="14" t="s">
        <v>1</v>
      </c>
      <c r="C79934" s="14" t="s">
        <v>20</v>
      </c>
      <c r="D79934" s="14" t="s">
        <v>406</v>
      </c>
      <c r="E79934" s="15">
        <v>45740</v>
      </c>
      <c r="F79934" s="14" t="s">
        <v>15</v>
      </c>
      <c r="G79934" s="16">
        <v>2.4390984329550651</v>
      </c>
    </row>
    <row r="79935" spans="1:7" x14ac:dyDescent="0.3">
      <c r="A79935" s="13" t="s">
        <v>405</v>
      </c>
      <c r="B79935" s="14" t="s">
        <v>1</v>
      </c>
      <c r="C79935" s="14" t="s">
        <v>20</v>
      </c>
      <c r="D79935" s="14" t="s">
        <v>406</v>
      </c>
      <c r="E79935" s="15">
        <v>45741</v>
      </c>
      <c r="F79935" s="14" t="s">
        <v>15</v>
      </c>
      <c r="G79935" s="16">
        <v>2.4595985234425295</v>
      </c>
    </row>
    <row r="79936" spans="1:7" x14ac:dyDescent="0.3">
      <c r="A79936" s="13" t="s">
        <v>405</v>
      </c>
      <c r="B79936" s="14" t="s">
        <v>1</v>
      </c>
      <c r="C79936" s="14" t="s">
        <v>20</v>
      </c>
      <c r="D79936" s="14" t="s">
        <v>406</v>
      </c>
      <c r="E79936" s="15">
        <v>45742</v>
      </c>
      <c r="F79936" s="14" t="s">
        <v>15</v>
      </c>
      <c r="G79936" s="16">
        <v>2.4627658145707629</v>
      </c>
    </row>
    <row r="79937" spans="1:7" x14ac:dyDescent="0.3">
      <c r="A79937" s="13" t="s">
        <v>405</v>
      </c>
      <c r="B79937" s="14" t="s">
        <v>1</v>
      </c>
      <c r="C79937" s="14" t="s">
        <v>20</v>
      </c>
      <c r="D79937" s="14" t="s">
        <v>406</v>
      </c>
      <c r="E79937" s="15">
        <v>45743</v>
      </c>
      <c r="F79937" s="14" t="s">
        <v>15</v>
      </c>
      <c r="G79937" s="16">
        <v>2.4680663322375089</v>
      </c>
    </row>
    <row r="79938" spans="1:7" x14ac:dyDescent="0.3">
      <c r="A79938" s="13" t="s">
        <v>405</v>
      </c>
      <c r="B79938" s="14" t="s">
        <v>1</v>
      </c>
      <c r="C79938" s="14" t="s">
        <v>20</v>
      </c>
      <c r="D79938" s="14" t="s">
        <v>406</v>
      </c>
      <c r="E79938" s="15">
        <v>45744</v>
      </c>
      <c r="F79938" s="14" t="s">
        <v>15</v>
      </c>
      <c r="G79938" s="16">
        <v>2.4712896906464792</v>
      </c>
    </row>
    <row r="79939" spans="1:7" x14ac:dyDescent="0.3">
      <c r="A79939" s="13" t="s">
        <v>405</v>
      </c>
      <c r="B79939" s="14" t="s">
        <v>1</v>
      </c>
      <c r="C79939" s="14" t="s">
        <v>20</v>
      </c>
      <c r="D79939" s="14" t="s">
        <v>406</v>
      </c>
      <c r="E79939" s="15">
        <v>45745</v>
      </c>
      <c r="F79939" s="14" t="s">
        <v>15</v>
      </c>
      <c r="G79939" s="16">
        <v>2.4712896906464792</v>
      </c>
    </row>
    <row r="79940" spans="1:7" x14ac:dyDescent="0.3">
      <c r="A79940" s="13" t="s">
        <v>405</v>
      </c>
      <c r="B79940" s="14" t="s">
        <v>1</v>
      </c>
      <c r="C79940" s="14" t="s">
        <v>20</v>
      </c>
      <c r="D79940" s="14" t="s">
        <v>406</v>
      </c>
      <c r="E79940" s="15">
        <v>45746</v>
      </c>
      <c r="F79940" s="14" t="s">
        <v>15</v>
      </c>
      <c r="G79940" s="16">
        <v>2.4712896906464792</v>
      </c>
    </row>
    <row r="79941" spans="1:7" x14ac:dyDescent="0.3">
      <c r="A79941" s="13" t="s">
        <v>405</v>
      </c>
      <c r="B79941" s="14" t="s">
        <v>1</v>
      </c>
      <c r="C79941" s="14" t="s">
        <v>20</v>
      </c>
      <c r="D79941" s="14" t="s">
        <v>406</v>
      </c>
      <c r="E79941" s="15">
        <v>45747</v>
      </c>
      <c r="F79941" s="14" t="s">
        <v>15</v>
      </c>
      <c r="G79941" s="16">
        <v>2.4758733480809467</v>
      </c>
    </row>
    <row r="79942" spans="1:7" x14ac:dyDescent="0.3">
      <c r="A79942" s="13" t="s">
        <v>407</v>
      </c>
      <c r="B79942" s="14" t="s">
        <v>1</v>
      </c>
      <c r="C79942" s="14" t="s">
        <v>109</v>
      </c>
      <c r="D79942" s="14" t="s">
        <v>284</v>
      </c>
      <c r="E79942" s="15">
        <v>45383</v>
      </c>
      <c r="F79942" s="14" t="s">
        <v>61</v>
      </c>
      <c r="G79942" s="16">
        <v>0</v>
      </c>
    </row>
    <row r="79943" spans="1:7" x14ac:dyDescent="0.3">
      <c r="A79943" s="13" t="s">
        <v>407</v>
      </c>
      <c r="B79943" s="14" t="s">
        <v>1</v>
      </c>
      <c r="C79943" s="14" t="s">
        <v>109</v>
      </c>
      <c r="D79943" s="14" t="s">
        <v>284</v>
      </c>
      <c r="E79943" s="15">
        <v>45384</v>
      </c>
      <c r="F79943" s="14" t="s">
        <v>61</v>
      </c>
      <c r="G79943" s="16">
        <v>0</v>
      </c>
    </row>
    <row r="79944" spans="1:7" x14ac:dyDescent="0.3">
      <c r="A79944" s="13" t="s">
        <v>407</v>
      </c>
      <c r="B79944" s="14" t="s">
        <v>1</v>
      </c>
      <c r="C79944" s="14" t="s">
        <v>109</v>
      </c>
      <c r="D79944" s="14" t="s">
        <v>284</v>
      </c>
      <c r="E79944" s="15">
        <v>45385</v>
      </c>
      <c r="F79944" s="14" t="s">
        <v>61</v>
      </c>
      <c r="G79944" s="16">
        <v>0</v>
      </c>
    </row>
    <row r="79945" spans="1:7" x14ac:dyDescent="0.3">
      <c r="A79945" s="13" t="s">
        <v>407</v>
      </c>
      <c r="B79945" s="14" t="s">
        <v>1</v>
      </c>
      <c r="C79945" s="14" t="s">
        <v>109</v>
      </c>
      <c r="D79945" s="14" t="s">
        <v>284</v>
      </c>
      <c r="E79945" s="15">
        <v>45386</v>
      </c>
      <c r="F79945" s="14" t="s">
        <v>61</v>
      </c>
      <c r="G79945" s="16">
        <v>0</v>
      </c>
    </row>
    <row r="79946" spans="1:7" x14ac:dyDescent="0.3">
      <c r="A79946" s="13" t="s">
        <v>407</v>
      </c>
      <c r="B79946" s="14" t="s">
        <v>1</v>
      </c>
      <c r="C79946" s="14" t="s">
        <v>109</v>
      </c>
      <c r="D79946" s="14" t="s">
        <v>284</v>
      </c>
      <c r="E79946" s="15">
        <v>45387</v>
      </c>
      <c r="F79946" s="14" t="s">
        <v>61</v>
      </c>
      <c r="G79946" s="16">
        <v>0</v>
      </c>
    </row>
    <row r="79947" spans="1:7" x14ac:dyDescent="0.3">
      <c r="A79947" s="13" t="s">
        <v>407</v>
      </c>
      <c r="B79947" s="14" t="s">
        <v>1</v>
      </c>
      <c r="C79947" s="14" t="s">
        <v>109</v>
      </c>
      <c r="D79947" s="14" t="s">
        <v>284</v>
      </c>
      <c r="E79947" s="15">
        <v>45388</v>
      </c>
      <c r="F79947" s="14" t="s">
        <v>61</v>
      </c>
      <c r="G79947" s="16">
        <v>0</v>
      </c>
    </row>
    <row r="79948" spans="1:7" x14ac:dyDescent="0.3">
      <c r="A79948" s="13" t="s">
        <v>407</v>
      </c>
      <c r="B79948" s="14" t="s">
        <v>1</v>
      </c>
      <c r="C79948" s="14" t="s">
        <v>109</v>
      </c>
      <c r="D79948" s="14" t="s">
        <v>284</v>
      </c>
      <c r="E79948" s="15">
        <v>45389</v>
      </c>
      <c r="F79948" s="14" t="s">
        <v>61</v>
      </c>
      <c r="G79948" s="16">
        <v>0</v>
      </c>
    </row>
    <row r="79949" spans="1:7" x14ac:dyDescent="0.3">
      <c r="A79949" s="13" t="s">
        <v>407</v>
      </c>
      <c r="B79949" s="14" t="s">
        <v>1</v>
      </c>
      <c r="C79949" s="14" t="s">
        <v>109</v>
      </c>
      <c r="D79949" s="14" t="s">
        <v>284</v>
      </c>
      <c r="E79949" s="15">
        <v>45390</v>
      </c>
      <c r="F79949" s="14" t="s">
        <v>61</v>
      </c>
      <c r="G79949" s="16">
        <v>0</v>
      </c>
    </row>
    <row r="79950" spans="1:7" x14ac:dyDescent="0.3">
      <c r="A79950" s="13" t="s">
        <v>407</v>
      </c>
      <c r="B79950" s="14" t="s">
        <v>1</v>
      </c>
      <c r="C79950" s="14" t="s">
        <v>109</v>
      </c>
      <c r="D79950" s="14" t="s">
        <v>284</v>
      </c>
      <c r="E79950" s="15">
        <v>45391</v>
      </c>
      <c r="F79950" s="14" t="s">
        <v>61</v>
      </c>
      <c r="G79950" s="16">
        <v>0</v>
      </c>
    </row>
    <row r="79951" spans="1:7" x14ac:dyDescent="0.3">
      <c r="A79951" s="13" t="s">
        <v>407</v>
      </c>
      <c r="B79951" s="14" t="s">
        <v>1</v>
      </c>
      <c r="C79951" s="14" t="s">
        <v>109</v>
      </c>
      <c r="D79951" s="14" t="s">
        <v>284</v>
      </c>
      <c r="E79951" s="15">
        <v>45392</v>
      </c>
      <c r="F79951" s="14" t="s">
        <v>61</v>
      </c>
      <c r="G79951" s="16">
        <v>0</v>
      </c>
    </row>
    <row r="79952" spans="1:7" x14ac:dyDescent="0.3">
      <c r="A79952" s="13" t="s">
        <v>407</v>
      </c>
      <c r="B79952" s="14" t="s">
        <v>1</v>
      </c>
      <c r="C79952" s="14" t="s">
        <v>109</v>
      </c>
      <c r="D79952" s="14" t="s">
        <v>284</v>
      </c>
      <c r="E79952" s="15">
        <v>45393</v>
      </c>
      <c r="F79952" s="14" t="s">
        <v>61</v>
      </c>
      <c r="G79952" s="16">
        <v>0</v>
      </c>
    </row>
    <row r="79953" spans="1:7" x14ac:dyDescent="0.3">
      <c r="A79953" s="13" t="s">
        <v>407</v>
      </c>
      <c r="B79953" s="14" t="s">
        <v>1</v>
      </c>
      <c r="C79953" s="14" t="s">
        <v>109</v>
      </c>
      <c r="D79953" s="14" t="s">
        <v>284</v>
      </c>
      <c r="E79953" s="15">
        <v>45394</v>
      </c>
      <c r="F79953" s="14" t="s">
        <v>61</v>
      </c>
      <c r="G79953" s="16">
        <v>0</v>
      </c>
    </row>
    <row r="79954" spans="1:7" x14ac:dyDescent="0.3">
      <c r="A79954" s="13" t="s">
        <v>407</v>
      </c>
      <c r="B79954" s="14" t="s">
        <v>1</v>
      </c>
      <c r="C79954" s="14" t="s">
        <v>109</v>
      </c>
      <c r="D79954" s="14" t="s">
        <v>284</v>
      </c>
      <c r="E79954" s="15">
        <v>45395</v>
      </c>
      <c r="F79954" s="14" t="s">
        <v>61</v>
      </c>
      <c r="G79954" s="16">
        <v>0</v>
      </c>
    </row>
    <row r="79955" spans="1:7" x14ac:dyDescent="0.3">
      <c r="A79955" s="13" t="s">
        <v>407</v>
      </c>
      <c r="B79955" s="14" t="s">
        <v>1</v>
      </c>
      <c r="C79955" s="14" t="s">
        <v>109</v>
      </c>
      <c r="D79955" s="14" t="s">
        <v>284</v>
      </c>
      <c r="E79955" s="15">
        <v>45396</v>
      </c>
      <c r="F79955" s="14" t="s">
        <v>61</v>
      </c>
      <c r="G79955" s="16">
        <v>0</v>
      </c>
    </row>
    <row r="79956" spans="1:7" x14ac:dyDescent="0.3">
      <c r="A79956" s="13" t="s">
        <v>407</v>
      </c>
      <c r="B79956" s="14" t="s">
        <v>1</v>
      </c>
      <c r="C79956" s="14" t="s">
        <v>109</v>
      </c>
      <c r="D79956" s="14" t="s">
        <v>284</v>
      </c>
      <c r="E79956" s="15">
        <v>45397</v>
      </c>
      <c r="F79956" s="14" t="s">
        <v>61</v>
      </c>
      <c r="G79956" s="16">
        <v>1.9964136405743169E-3</v>
      </c>
    </row>
    <row r="79957" spans="1:7" x14ac:dyDescent="0.3">
      <c r="A79957" s="13" t="s">
        <v>407</v>
      </c>
      <c r="B79957" s="14" t="s">
        <v>1</v>
      </c>
      <c r="C79957" s="14" t="s">
        <v>109</v>
      </c>
      <c r="D79957" s="14" t="s">
        <v>284</v>
      </c>
      <c r="E79957" s="15">
        <v>45398</v>
      </c>
      <c r="F79957" s="14" t="s">
        <v>61</v>
      </c>
      <c r="G79957" s="16">
        <v>0</v>
      </c>
    </row>
    <row r="79958" spans="1:7" x14ac:dyDescent="0.3">
      <c r="A79958" s="13" t="s">
        <v>407</v>
      </c>
      <c r="B79958" s="14" t="s">
        <v>1</v>
      </c>
      <c r="C79958" s="14" t="s">
        <v>109</v>
      </c>
      <c r="D79958" s="14" t="s">
        <v>284</v>
      </c>
      <c r="E79958" s="15">
        <v>45399</v>
      </c>
      <c r="F79958" s="14" t="s">
        <v>61</v>
      </c>
      <c r="G79958" s="16">
        <v>0</v>
      </c>
    </row>
    <row r="79959" spans="1:7" x14ac:dyDescent="0.3">
      <c r="A79959" s="13" t="s">
        <v>407</v>
      </c>
      <c r="B79959" s="14" t="s">
        <v>1</v>
      </c>
      <c r="C79959" s="14" t="s">
        <v>109</v>
      </c>
      <c r="D79959" s="14" t="s">
        <v>284</v>
      </c>
      <c r="E79959" s="15">
        <v>45400</v>
      </c>
      <c r="F79959" s="14" t="s">
        <v>61</v>
      </c>
      <c r="G79959" s="16">
        <v>0</v>
      </c>
    </row>
    <row r="79960" spans="1:7" x14ac:dyDescent="0.3">
      <c r="A79960" s="13" t="s">
        <v>407</v>
      </c>
      <c r="B79960" s="14" t="s">
        <v>1</v>
      </c>
      <c r="C79960" s="14" t="s">
        <v>109</v>
      </c>
      <c r="D79960" s="14" t="s">
        <v>284</v>
      </c>
      <c r="E79960" s="15">
        <v>45401</v>
      </c>
      <c r="F79960" s="14" t="s">
        <v>61</v>
      </c>
      <c r="G79960" s="16">
        <v>0</v>
      </c>
    </row>
    <row r="79961" spans="1:7" x14ac:dyDescent="0.3">
      <c r="A79961" s="13" t="s">
        <v>407</v>
      </c>
      <c r="B79961" s="14" t="s">
        <v>1</v>
      </c>
      <c r="C79961" s="14" t="s">
        <v>109</v>
      </c>
      <c r="D79961" s="14" t="s">
        <v>284</v>
      </c>
      <c r="E79961" s="15">
        <v>45402</v>
      </c>
      <c r="F79961" s="14" t="s">
        <v>61</v>
      </c>
      <c r="G79961" s="16">
        <v>0</v>
      </c>
    </row>
    <row r="79962" spans="1:7" x14ac:dyDescent="0.3">
      <c r="A79962" s="13" t="s">
        <v>407</v>
      </c>
      <c r="B79962" s="14" t="s">
        <v>1</v>
      </c>
      <c r="C79962" s="14" t="s">
        <v>109</v>
      </c>
      <c r="D79962" s="14" t="s">
        <v>284</v>
      </c>
      <c r="E79962" s="15">
        <v>45403</v>
      </c>
      <c r="F79962" s="14" t="s">
        <v>61</v>
      </c>
      <c r="G79962" s="16">
        <v>0</v>
      </c>
    </row>
    <row r="79963" spans="1:7" x14ac:dyDescent="0.3">
      <c r="A79963" s="13" t="s">
        <v>407</v>
      </c>
      <c r="B79963" s="14" t="s">
        <v>1</v>
      </c>
      <c r="C79963" s="14" t="s">
        <v>109</v>
      </c>
      <c r="D79963" s="14" t="s">
        <v>284</v>
      </c>
      <c r="E79963" s="15">
        <v>45404</v>
      </c>
      <c r="F79963" s="14" t="s">
        <v>61</v>
      </c>
      <c r="G79963" s="16">
        <v>0</v>
      </c>
    </row>
    <row r="79964" spans="1:7" x14ac:dyDescent="0.3">
      <c r="A79964" s="13" t="s">
        <v>407</v>
      </c>
      <c r="B79964" s="14" t="s">
        <v>1</v>
      </c>
      <c r="C79964" s="14" t="s">
        <v>109</v>
      </c>
      <c r="D79964" s="14" t="s">
        <v>284</v>
      </c>
      <c r="E79964" s="15">
        <v>45405</v>
      </c>
      <c r="F79964" s="14" t="s">
        <v>61</v>
      </c>
      <c r="G79964" s="16">
        <v>0</v>
      </c>
    </row>
    <row r="79965" spans="1:7" x14ac:dyDescent="0.3">
      <c r="A79965" s="13" t="s">
        <v>407</v>
      </c>
      <c r="B79965" s="14" t="s">
        <v>1</v>
      </c>
      <c r="C79965" s="14" t="s">
        <v>109</v>
      </c>
      <c r="D79965" s="14" t="s">
        <v>284</v>
      </c>
      <c r="E79965" s="15">
        <v>45406</v>
      </c>
      <c r="F79965" s="14" t="s">
        <v>61</v>
      </c>
      <c r="G79965" s="16">
        <v>0</v>
      </c>
    </row>
    <row r="79966" spans="1:7" x14ac:dyDescent="0.3">
      <c r="A79966" s="13" t="s">
        <v>407</v>
      </c>
      <c r="B79966" s="14" t="s">
        <v>1</v>
      </c>
      <c r="C79966" s="14" t="s">
        <v>109</v>
      </c>
      <c r="D79966" s="14" t="s">
        <v>284</v>
      </c>
      <c r="E79966" s="15">
        <v>45407</v>
      </c>
      <c r="F79966" s="14" t="s">
        <v>61</v>
      </c>
      <c r="G79966" s="16">
        <v>0</v>
      </c>
    </row>
    <row r="79967" spans="1:7" x14ac:dyDescent="0.3">
      <c r="A79967" s="13" t="s">
        <v>407</v>
      </c>
      <c r="B79967" s="14" t="s">
        <v>1</v>
      </c>
      <c r="C79967" s="14" t="s">
        <v>109</v>
      </c>
      <c r="D79967" s="14" t="s">
        <v>284</v>
      </c>
      <c r="E79967" s="15">
        <v>45408</v>
      </c>
      <c r="F79967" s="14" t="s">
        <v>61</v>
      </c>
      <c r="G79967" s="16">
        <v>0</v>
      </c>
    </row>
    <row r="79968" spans="1:7" x14ac:dyDescent="0.3">
      <c r="A79968" s="13" t="s">
        <v>407</v>
      </c>
      <c r="B79968" s="14" t="s">
        <v>1</v>
      </c>
      <c r="C79968" s="14" t="s">
        <v>109</v>
      </c>
      <c r="D79968" s="14" t="s">
        <v>284</v>
      </c>
      <c r="E79968" s="15">
        <v>45409</v>
      </c>
      <c r="F79968" s="14" t="s">
        <v>61</v>
      </c>
      <c r="G79968" s="16">
        <v>0</v>
      </c>
    </row>
    <row r="79969" spans="1:7" x14ac:dyDescent="0.3">
      <c r="A79969" s="13" t="s">
        <v>407</v>
      </c>
      <c r="B79969" s="14" t="s">
        <v>1</v>
      </c>
      <c r="C79969" s="14" t="s">
        <v>109</v>
      </c>
      <c r="D79969" s="14" t="s">
        <v>284</v>
      </c>
      <c r="E79969" s="15">
        <v>45410</v>
      </c>
      <c r="F79969" s="14" t="s">
        <v>61</v>
      </c>
      <c r="G79969" s="16">
        <v>0</v>
      </c>
    </row>
    <row r="79970" spans="1:7" x14ac:dyDescent="0.3">
      <c r="A79970" s="13" t="s">
        <v>407</v>
      </c>
      <c r="B79970" s="14" t="s">
        <v>1</v>
      </c>
      <c r="C79970" s="14" t="s">
        <v>109</v>
      </c>
      <c r="D79970" s="14" t="s">
        <v>284</v>
      </c>
      <c r="E79970" s="15">
        <v>45411</v>
      </c>
      <c r="F79970" s="14" t="s">
        <v>61</v>
      </c>
      <c r="G79970" s="16">
        <v>0</v>
      </c>
    </row>
    <row r="79971" spans="1:7" x14ac:dyDescent="0.3">
      <c r="A79971" s="13" t="s">
        <v>407</v>
      </c>
      <c r="B79971" s="14" t="s">
        <v>1</v>
      </c>
      <c r="C79971" s="14" t="s">
        <v>109</v>
      </c>
      <c r="D79971" s="14" t="s">
        <v>284</v>
      </c>
      <c r="E79971" s="15">
        <v>45412</v>
      </c>
      <c r="F79971" s="14" t="s">
        <v>61</v>
      </c>
      <c r="G79971" s="16">
        <v>0</v>
      </c>
    </row>
    <row r="79972" spans="1:7" x14ac:dyDescent="0.3">
      <c r="A79972" s="13" t="s">
        <v>407</v>
      </c>
      <c r="B79972" s="14" t="s">
        <v>1</v>
      </c>
      <c r="C79972" s="14" t="s">
        <v>109</v>
      </c>
      <c r="D79972" s="14" t="s">
        <v>284</v>
      </c>
      <c r="E79972" s="15">
        <v>45413</v>
      </c>
      <c r="F79972" s="14" t="s">
        <v>61</v>
      </c>
      <c r="G79972" s="16">
        <v>0</v>
      </c>
    </row>
    <row r="79973" spans="1:7" x14ac:dyDescent="0.3">
      <c r="A79973" s="13" t="s">
        <v>407</v>
      </c>
      <c r="B79973" s="14" t="s">
        <v>1</v>
      </c>
      <c r="C79973" s="14" t="s">
        <v>109</v>
      </c>
      <c r="D79973" s="14" t="s">
        <v>284</v>
      </c>
      <c r="E79973" s="15">
        <v>45414</v>
      </c>
      <c r="F79973" s="14" t="s">
        <v>61</v>
      </c>
      <c r="G79973" s="16">
        <v>0</v>
      </c>
    </row>
    <row r="79974" spans="1:7" x14ac:dyDescent="0.3">
      <c r="A79974" s="13" t="s">
        <v>407</v>
      </c>
      <c r="B79974" s="14" t="s">
        <v>1</v>
      </c>
      <c r="C79974" s="14" t="s">
        <v>109</v>
      </c>
      <c r="D79974" s="14" t="s">
        <v>284</v>
      </c>
      <c r="E79974" s="15">
        <v>45415</v>
      </c>
      <c r="F79974" s="14" t="s">
        <v>61</v>
      </c>
      <c r="G79974" s="16">
        <v>0</v>
      </c>
    </row>
    <row r="79975" spans="1:7" x14ac:dyDescent="0.3">
      <c r="A79975" s="13" t="s">
        <v>407</v>
      </c>
      <c r="B79975" s="14" t="s">
        <v>1</v>
      </c>
      <c r="C79975" s="14" t="s">
        <v>109</v>
      </c>
      <c r="D79975" s="14" t="s">
        <v>284</v>
      </c>
      <c r="E79975" s="15">
        <v>45416</v>
      </c>
      <c r="F79975" s="14" t="s">
        <v>61</v>
      </c>
      <c r="G79975" s="16">
        <v>0</v>
      </c>
    </row>
    <row r="79976" spans="1:7" x14ac:dyDescent="0.3">
      <c r="A79976" s="13" t="s">
        <v>407</v>
      </c>
      <c r="B79976" s="14" t="s">
        <v>1</v>
      </c>
      <c r="C79976" s="14" t="s">
        <v>109</v>
      </c>
      <c r="D79976" s="14" t="s">
        <v>284</v>
      </c>
      <c r="E79976" s="15">
        <v>45417</v>
      </c>
      <c r="F79976" s="14" t="s">
        <v>61</v>
      </c>
      <c r="G79976" s="16">
        <v>0</v>
      </c>
    </row>
    <row r="79977" spans="1:7" x14ac:dyDescent="0.3">
      <c r="A79977" s="13" t="s">
        <v>407</v>
      </c>
      <c r="B79977" s="14" t="s">
        <v>1</v>
      </c>
      <c r="C79977" s="14" t="s">
        <v>109</v>
      </c>
      <c r="D79977" s="14" t="s">
        <v>284</v>
      </c>
      <c r="E79977" s="15">
        <v>45418</v>
      </c>
      <c r="F79977" s="14" t="s">
        <v>61</v>
      </c>
      <c r="G79977" s="16">
        <v>0</v>
      </c>
    </row>
    <row r="79978" spans="1:7" x14ac:dyDescent="0.3">
      <c r="A79978" s="13" t="s">
        <v>407</v>
      </c>
      <c r="B79978" s="14" t="s">
        <v>1</v>
      </c>
      <c r="C79978" s="14" t="s">
        <v>109</v>
      </c>
      <c r="D79978" s="14" t="s">
        <v>284</v>
      </c>
      <c r="E79978" s="15">
        <v>45419</v>
      </c>
      <c r="F79978" s="14" t="s">
        <v>61</v>
      </c>
      <c r="G79978" s="16">
        <v>0</v>
      </c>
    </row>
    <row r="79979" spans="1:7" x14ac:dyDescent="0.3">
      <c r="A79979" s="13" t="s">
        <v>407</v>
      </c>
      <c r="B79979" s="14" t="s">
        <v>1</v>
      </c>
      <c r="C79979" s="14" t="s">
        <v>109</v>
      </c>
      <c r="D79979" s="14" t="s">
        <v>284</v>
      </c>
      <c r="E79979" s="15">
        <v>45420</v>
      </c>
      <c r="F79979" s="14" t="s">
        <v>61</v>
      </c>
      <c r="G79979" s="16">
        <v>0</v>
      </c>
    </row>
    <row r="79980" spans="1:7" x14ac:dyDescent="0.3">
      <c r="A79980" s="13" t="s">
        <v>407</v>
      </c>
      <c r="B79980" s="14" t="s">
        <v>1</v>
      </c>
      <c r="C79980" s="14" t="s">
        <v>109</v>
      </c>
      <c r="D79980" s="14" t="s">
        <v>284</v>
      </c>
      <c r="E79980" s="15">
        <v>45421</v>
      </c>
      <c r="F79980" s="14" t="s">
        <v>61</v>
      </c>
      <c r="G79980" s="16">
        <v>0</v>
      </c>
    </row>
    <row r="79981" spans="1:7" x14ac:dyDescent="0.3">
      <c r="A79981" s="13" t="s">
        <v>407</v>
      </c>
      <c r="B79981" s="14" t="s">
        <v>1</v>
      </c>
      <c r="C79981" s="14" t="s">
        <v>109</v>
      </c>
      <c r="D79981" s="14" t="s">
        <v>284</v>
      </c>
      <c r="E79981" s="15">
        <v>45422</v>
      </c>
      <c r="F79981" s="14" t="s">
        <v>61</v>
      </c>
      <c r="G79981" s="16">
        <v>0</v>
      </c>
    </row>
    <row r="79982" spans="1:7" x14ac:dyDescent="0.3">
      <c r="A79982" s="13" t="s">
        <v>407</v>
      </c>
      <c r="B79982" s="14" t="s">
        <v>1</v>
      </c>
      <c r="C79982" s="14" t="s">
        <v>109</v>
      </c>
      <c r="D79982" s="14" t="s">
        <v>284</v>
      </c>
      <c r="E79982" s="15">
        <v>45423</v>
      </c>
      <c r="F79982" s="14" t="s">
        <v>61</v>
      </c>
      <c r="G79982" s="16">
        <v>0</v>
      </c>
    </row>
    <row r="79983" spans="1:7" x14ac:dyDescent="0.3">
      <c r="A79983" s="13" t="s">
        <v>407</v>
      </c>
      <c r="B79983" s="14" t="s">
        <v>1</v>
      </c>
      <c r="C79983" s="14" t="s">
        <v>109</v>
      </c>
      <c r="D79983" s="14" t="s">
        <v>284</v>
      </c>
      <c r="E79983" s="15">
        <v>45424</v>
      </c>
      <c r="F79983" s="14" t="s">
        <v>61</v>
      </c>
      <c r="G79983" s="16">
        <v>0</v>
      </c>
    </row>
    <row r="79984" spans="1:7" x14ac:dyDescent="0.3">
      <c r="A79984" s="13" t="s">
        <v>407</v>
      </c>
      <c r="B79984" s="14" t="s">
        <v>1</v>
      </c>
      <c r="C79984" s="14" t="s">
        <v>109</v>
      </c>
      <c r="D79984" s="14" t="s">
        <v>284</v>
      </c>
      <c r="E79984" s="15">
        <v>45425</v>
      </c>
      <c r="F79984" s="14" t="s">
        <v>61</v>
      </c>
      <c r="G79984" s="16">
        <v>1.3761658302458887E-3</v>
      </c>
    </row>
    <row r="79985" spans="1:7" x14ac:dyDescent="0.3">
      <c r="A79985" s="13" t="s">
        <v>407</v>
      </c>
      <c r="B79985" s="14" t="s">
        <v>1</v>
      </c>
      <c r="C79985" s="14" t="s">
        <v>109</v>
      </c>
      <c r="D79985" s="14" t="s">
        <v>284</v>
      </c>
      <c r="E79985" s="15">
        <v>45426</v>
      </c>
      <c r="F79985" s="14" t="s">
        <v>61</v>
      </c>
      <c r="G79985" s="16">
        <v>2.5023910644910354E-3</v>
      </c>
    </row>
    <row r="79986" spans="1:7" x14ac:dyDescent="0.3">
      <c r="A79986" s="13" t="s">
        <v>407</v>
      </c>
      <c r="B79986" s="14" t="s">
        <v>1</v>
      </c>
      <c r="C79986" s="14" t="s">
        <v>109</v>
      </c>
      <c r="D79986" s="14" t="s">
        <v>284</v>
      </c>
      <c r="E79986" s="15">
        <v>45427</v>
      </c>
      <c r="F79986" s="14" t="s">
        <v>61</v>
      </c>
      <c r="G79986" s="16">
        <v>2.7877569742396986E-3</v>
      </c>
    </row>
    <row r="79987" spans="1:7" x14ac:dyDescent="0.3">
      <c r="A79987" s="13" t="s">
        <v>407</v>
      </c>
      <c r="B79987" s="14" t="s">
        <v>1</v>
      </c>
      <c r="C79987" s="14" t="s">
        <v>109</v>
      </c>
      <c r="D79987" s="14" t="s">
        <v>284</v>
      </c>
      <c r="E79987" s="15">
        <v>45428</v>
      </c>
      <c r="F79987" s="14" t="s">
        <v>61</v>
      </c>
      <c r="G79987" s="16">
        <v>1.1613128259811478E-2</v>
      </c>
    </row>
    <row r="79988" spans="1:7" x14ac:dyDescent="0.3">
      <c r="A79988" s="13" t="s">
        <v>407</v>
      </c>
      <c r="B79988" s="14" t="s">
        <v>1</v>
      </c>
      <c r="C79988" s="14" t="s">
        <v>109</v>
      </c>
      <c r="D79988" s="14" t="s">
        <v>284</v>
      </c>
      <c r="E79988" s="15">
        <v>45429</v>
      </c>
      <c r="F79988" s="14" t="s">
        <v>61</v>
      </c>
      <c r="G79988" s="16">
        <v>9.1340752449618999E-3</v>
      </c>
    </row>
    <row r="79989" spans="1:7" x14ac:dyDescent="0.3">
      <c r="A79989" s="13" t="s">
        <v>407</v>
      </c>
      <c r="B79989" s="14" t="s">
        <v>1</v>
      </c>
      <c r="C79989" s="14" t="s">
        <v>109</v>
      </c>
      <c r="D79989" s="14" t="s">
        <v>284</v>
      </c>
      <c r="E79989" s="15">
        <v>45430</v>
      </c>
      <c r="F79989" s="14" t="s">
        <v>61</v>
      </c>
      <c r="G79989" s="16">
        <v>9.1340752449618999E-3</v>
      </c>
    </row>
    <row r="79990" spans="1:7" x14ac:dyDescent="0.3">
      <c r="A79990" s="13" t="s">
        <v>407</v>
      </c>
      <c r="B79990" s="14" t="s">
        <v>1</v>
      </c>
      <c r="C79990" s="14" t="s">
        <v>109</v>
      </c>
      <c r="D79990" s="14" t="s">
        <v>284</v>
      </c>
      <c r="E79990" s="15">
        <v>45431</v>
      </c>
      <c r="F79990" s="14" t="s">
        <v>61</v>
      </c>
      <c r="G79990" s="16">
        <v>9.1340752449618999E-3</v>
      </c>
    </row>
    <row r="79991" spans="1:7" x14ac:dyDescent="0.3">
      <c r="A79991" s="13" t="s">
        <v>407</v>
      </c>
      <c r="B79991" s="14" t="s">
        <v>1</v>
      </c>
      <c r="C79991" s="14" t="s">
        <v>109</v>
      </c>
      <c r="D79991" s="14" t="s">
        <v>284</v>
      </c>
      <c r="E79991" s="15">
        <v>45432</v>
      </c>
      <c r="F79991" s="14" t="s">
        <v>61</v>
      </c>
      <c r="G79991" s="16">
        <v>7.0386236110995806E-3</v>
      </c>
    </row>
    <row r="79992" spans="1:7" x14ac:dyDescent="0.3">
      <c r="A79992" s="13" t="s">
        <v>407</v>
      </c>
      <c r="B79992" s="14" t="s">
        <v>1</v>
      </c>
      <c r="C79992" s="14" t="s">
        <v>109</v>
      </c>
      <c r="D79992" s="14" t="s">
        <v>284</v>
      </c>
      <c r="E79992" s="15">
        <v>45433</v>
      </c>
      <c r="F79992" s="14" t="s">
        <v>61</v>
      </c>
      <c r="G79992" s="16">
        <v>6.7568842459425659E-4</v>
      </c>
    </row>
    <row r="79993" spans="1:7" x14ac:dyDescent="0.3">
      <c r="A79993" s="13" t="s">
        <v>407</v>
      </c>
      <c r="B79993" s="14" t="s">
        <v>1</v>
      </c>
      <c r="C79993" s="14" t="s">
        <v>109</v>
      </c>
      <c r="D79993" s="14" t="s">
        <v>284</v>
      </c>
      <c r="E79993" s="15">
        <v>45434</v>
      </c>
      <c r="F79993" s="14" t="s">
        <v>61</v>
      </c>
      <c r="G79993" s="16">
        <v>0</v>
      </c>
    </row>
    <row r="79994" spans="1:7" x14ac:dyDescent="0.3">
      <c r="A79994" s="13" t="s">
        <v>407</v>
      </c>
      <c r="B79994" s="14" t="s">
        <v>1</v>
      </c>
      <c r="C79994" s="14" t="s">
        <v>109</v>
      </c>
      <c r="D79994" s="14" t="s">
        <v>284</v>
      </c>
      <c r="E79994" s="15">
        <v>45435</v>
      </c>
      <c r="F79994" s="14" t="s">
        <v>61</v>
      </c>
      <c r="G79994" s="16">
        <v>0</v>
      </c>
    </row>
    <row r="79995" spans="1:7" x14ac:dyDescent="0.3">
      <c r="A79995" s="13" t="s">
        <v>407</v>
      </c>
      <c r="B79995" s="14" t="s">
        <v>1</v>
      </c>
      <c r="C79995" s="14" t="s">
        <v>109</v>
      </c>
      <c r="D79995" s="14" t="s">
        <v>284</v>
      </c>
      <c r="E79995" s="15">
        <v>45436</v>
      </c>
      <c r="F79995" s="14" t="s">
        <v>61</v>
      </c>
      <c r="G79995" s="16">
        <v>2.0265850039464108E-2</v>
      </c>
    </row>
    <row r="79996" spans="1:7" x14ac:dyDescent="0.3">
      <c r="A79996" s="13" t="s">
        <v>407</v>
      </c>
      <c r="B79996" s="14" t="s">
        <v>1</v>
      </c>
      <c r="C79996" s="14" t="s">
        <v>109</v>
      </c>
      <c r="D79996" s="14" t="s">
        <v>284</v>
      </c>
      <c r="E79996" s="15">
        <v>45437</v>
      </c>
      <c r="F79996" s="14" t="s">
        <v>61</v>
      </c>
      <c r="G79996" s="16">
        <v>2.0265850039464108E-2</v>
      </c>
    </row>
    <row r="79997" spans="1:7" x14ac:dyDescent="0.3">
      <c r="A79997" s="13" t="s">
        <v>407</v>
      </c>
      <c r="B79997" s="14" t="s">
        <v>1</v>
      </c>
      <c r="C79997" s="14" t="s">
        <v>109</v>
      </c>
      <c r="D79997" s="14" t="s">
        <v>284</v>
      </c>
      <c r="E79997" s="15">
        <v>45438</v>
      </c>
      <c r="F79997" s="14" t="s">
        <v>61</v>
      </c>
      <c r="G79997" s="16">
        <v>2.0265850039464108E-2</v>
      </c>
    </row>
    <row r="79998" spans="1:7" x14ac:dyDescent="0.3">
      <c r="A79998" s="13" t="s">
        <v>407</v>
      </c>
      <c r="B79998" s="14" t="s">
        <v>1</v>
      </c>
      <c r="C79998" s="14" t="s">
        <v>109</v>
      </c>
      <c r="D79998" s="14" t="s">
        <v>284</v>
      </c>
      <c r="E79998" s="15">
        <v>45439</v>
      </c>
      <c r="F79998" s="14" t="s">
        <v>61</v>
      </c>
      <c r="G79998" s="16">
        <v>2.1374702932979051E-2</v>
      </c>
    </row>
    <row r="79999" spans="1:7" x14ac:dyDescent="0.3">
      <c r="A79999" s="13" t="s">
        <v>407</v>
      </c>
      <c r="B79999" s="14" t="s">
        <v>1</v>
      </c>
      <c r="C79999" s="14" t="s">
        <v>109</v>
      </c>
      <c r="D79999" s="14" t="s">
        <v>284</v>
      </c>
      <c r="E79999" s="15">
        <v>45440</v>
      </c>
      <c r="F79999" s="14" t="s">
        <v>61</v>
      </c>
      <c r="G79999" s="16">
        <v>1.4894978080055367E-2</v>
      </c>
    </row>
    <row r="80000" spans="1:7" x14ac:dyDescent="0.3">
      <c r="A80000" s="13" t="s">
        <v>407</v>
      </c>
      <c r="B80000" s="14" t="s">
        <v>1</v>
      </c>
      <c r="C80000" s="14" t="s">
        <v>109</v>
      </c>
      <c r="D80000" s="14" t="s">
        <v>284</v>
      </c>
      <c r="E80000" s="15">
        <v>45441</v>
      </c>
      <c r="F80000" s="14" t="s">
        <v>61</v>
      </c>
      <c r="G80000" s="16">
        <v>1.3613442685754769E-2</v>
      </c>
    </row>
    <row r="80001" spans="1:7" x14ac:dyDescent="0.3">
      <c r="A80001" s="13" t="s">
        <v>407</v>
      </c>
      <c r="B80001" s="14" t="s">
        <v>1</v>
      </c>
      <c r="C80001" s="14" t="s">
        <v>109</v>
      </c>
      <c r="D80001" s="14" t="s">
        <v>284</v>
      </c>
      <c r="E80001" s="15">
        <v>45442</v>
      </c>
      <c r="F80001" s="14" t="s">
        <v>61</v>
      </c>
      <c r="G80001" s="16">
        <v>1.7771144641965889E-2</v>
      </c>
    </row>
    <row r="80002" spans="1:7" x14ac:dyDescent="0.3">
      <c r="A80002" s="13" t="s">
        <v>407</v>
      </c>
      <c r="B80002" s="14" t="s">
        <v>1</v>
      </c>
      <c r="C80002" s="14" t="s">
        <v>109</v>
      </c>
      <c r="D80002" s="14" t="s">
        <v>284</v>
      </c>
      <c r="E80002" s="15">
        <v>45443</v>
      </c>
      <c r="F80002" s="14" t="s">
        <v>61</v>
      </c>
      <c r="G80002" s="16">
        <v>1.5642704885989699E-2</v>
      </c>
    </row>
    <row r="80003" spans="1:7" x14ac:dyDescent="0.3">
      <c r="A80003" s="13" t="s">
        <v>407</v>
      </c>
      <c r="B80003" s="14" t="s">
        <v>1</v>
      </c>
      <c r="C80003" s="14" t="s">
        <v>109</v>
      </c>
      <c r="D80003" s="14" t="s">
        <v>284</v>
      </c>
      <c r="E80003" s="15">
        <v>45444</v>
      </c>
      <c r="F80003" s="14" t="s">
        <v>61</v>
      </c>
      <c r="G80003" s="16">
        <v>1.5642704885989699E-2</v>
      </c>
    </row>
    <row r="80004" spans="1:7" x14ac:dyDescent="0.3">
      <c r="A80004" s="13" t="s">
        <v>407</v>
      </c>
      <c r="B80004" s="14" t="s">
        <v>1</v>
      </c>
      <c r="C80004" s="14" t="s">
        <v>109</v>
      </c>
      <c r="D80004" s="14" t="s">
        <v>284</v>
      </c>
      <c r="E80004" s="15">
        <v>45445</v>
      </c>
      <c r="F80004" s="14" t="s">
        <v>61</v>
      </c>
      <c r="G80004" s="16">
        <v>1.5642704885989699E-2</v>
      </c>
    </row>
    <row r="80005" spans="1:7" x14ac:dyDescent="0.3">
      <c r="A80005" s="13" t="s">
        <v>407</v>
      </c>
      <c r="B80005" s="14" t="s">
        <v>1</v>
      </c>
      <c r="C80005" s="14" t="s">
        <v>109</v>
      </c>
      <c r="D80005" s="14" t="s">
        <v>284</v>
      </c>
      <c r="E80005" s="15">
        <v>45446</v>
      </c>
      <c r="F80005" s="14" t="s">
        <v>61</v>
      </c>
      <c r="G80005" s="16">
        <v>1.5642704885989699E-2</v>
      </c>
    </row>
    <row r="80006" spans="1:7" x14ac:dyDescent="0.3">
      <c r="A80006" s="13" t="s">
        <v>407</v>
      </c>
      <c r="B80006" s="14" t="s">
        <v>1</v>
      </c>
      <c r="C80006" s="14" t="s">
        <v>109</v>
      </c>
      <c r="D80006" s="14" t="s">
        <v>284</v>
      </c>
      <c r="E80006" s="15">
        <v>45447</v>
      </c>
      <c r="F80006" s="14" t="s">
        <v>61</v>
      </c>
      <c r="G80006" s="16">
        <v>1.3048447508768529E-2</v>
      </c>
    </row>
    <row r="80007" spans="1:7" x14ac:dyDescent="0.3">
      <c r="A80007" s="13" t="s">
        <v>407</v>
      </c>
      <c r="B80007" s="14" t="s">
        <v>1</v>
      </c>
      <c r="C80007" s="14" t="s">
        <v>109</v>
      </c>
      <c r="D80007" s="14" t="s">
        <v>284</v>
      </c>
      <c r="E80007" s="15">
        <v>45448</v>
      </c>
      <c r="F80007" s="14" t="s">
        <v>61</v>
      </c>
      <c r="G80007" s="16">
        <v>8.6762301222132552E-3</v>
      </c>
    </row>
    <row r="80008" spans="1:7" x14ac:dyDescent="0.3">
      <c r="A80008" s="13" t="s">
        <v>407</v>
      </c>
      <c r="B80008" s="14" t="s">
        <v>1</v>
      </c>
      <c r="C80008" s="14" t="s">
        <v>109</v>
      </c>
      <c r="D80008" s="14" t="s">
        <v>284</v>
      </c>
      <c r="E80008" s="15">
        <v>45449</v>
      </c>
      <c r="F80008" s="14" t="s">
        <v>61</v>
      </c>
      <c r="G80008" s="16">
        <v>6.5669840389106253E-3</v>
      </c>
    </row>
    <row r="80009" spans="1:7" x14ac:dyDescent="0.3">
      <c r="A80009" s="13" t="s">
        <v>407</v>
      </c>
      <c r="B80009" s="14" t="s">
        <v>1</v>
      </c>
      <c r="C80009" s="14" t="s">
        <v>109</v>
      </c>
      <c r="D80009" s="14" t="s">
        <v>284</v>
      </c>
      <c r="E80009" s="15">
        <v>45450</v>
      </c>
      <c r="F80009" s="14" t="s">
        <v>61</v>
      </c>
      <c r="G80009" s="16">
        <v>3.4720197451260343E-2</v>
      </c>
    </row>
    <row r="80010" spans="1:7" x14ac:dyDescent="0.3">
      <c r="A80010" s="13" t="s">
        <v>407</v>
      </c>
      <c r="B80010" s="14" t="s">
        <v>1</v>
      </c>
      <c r="C80010" s="14" t="s">
        <v>109</v>
      </c>
      <c r="D80010" s="14" t="s">
        <v>284</v>
      </c>
      <c r="E80010" s="15">
        <v>45451</v>
      </c>
      <c r="F80010" s="14" t="s">
        <v>61</v>
      </c>
      <c r="G80010" s="16">
        <v>3.4720197451260343E-2</v>
      </c>
    </row>
    <row r="80011" spans="1:7" x14ac:dyDescent="0.3">
      <c r="A80011" s="13" t="s">
        <v>407</v>
      </c>
      <c r="B80011" s="14" t="s">
        <v>1</v>
      </c>
      <c r="C80011" s="14" t="s">
        <v>109</v>
      </c>
      <c r="D80011" s="14" t="s">
        <v>284</v>
      </c>
      <c r="E80011" s="15">
        <v>45452</v>
      </c>
      <c r="F80011" s="14" t="s">
        <v>61</v>
      </c>
      <c r="G80011" s="16">
        <v>3.4720197451260343E-2</v>
      </c>
    </row>
    <row r="80012" spans="1:7" x14ac:dyDescent="0.3">
      <c r="A80012" s="13" t="s">
        <v>407</v>
      </c>
      <c r="B80012" s="14" t="s">
        <v>1</v>
      </c>
      <c r="C80012" s="14" t="s">
        <v>109</v>
      </c>
      <c r="D80012" s="14" t="s">
        <v>284</v>
      </c>
      <c r="E80012" s="15">
        <v>45453</v>
      </c>
      <c r="F80012" s="14" t="s">
        <v>61</v>
      </c>
      <c r="G80012" s="16">
        <v>3.2684389470313324E-2</v>
      </c>
    </row>
    <row r="80013" spans="1:7" x14ac:dyDescent="0.3">
      <c r="A80013" s="13" t="s">
        <v>407</v>
      </c>
      <c r="B80013" s="14" t="s">
        <v>1</v>
      </c>
      <c r="C80013" s="14" t="s">
        <v>109</v>
      </c>
      <c r="D80013" s="14" t="s">
        <v>284</v>
      </c>
      <c r="E80013" s="15">
        <v>45454</v>
      </c>
      <c r="F80013" s="14" t="s">
        <v>61</v>
      </c>
      <c r="G80013" s="16">
        <v>2.8106406129128444E-2</v>
      </c>
    </row>
    <row r="80014" spans="1:7" x14ac:dyDescent="0.3">
      <c r="A80014" s="13" t="s">
        <v>407</v>
      </c>
      <c r="B80014" s="14" t="s">
        <v>1</v>
      </c>
      <c r="C80014" s="14" t="s">
        <v>109</v>
      </c>
      <c r="D80014" s="14" t="s">
        <v>284</v>
      </c>
      <c r="E80014" s="15">
        <v>45455</v>
      </c>
      <c r="F80014" s="14" t="s">
        <v>61</v>
      </c>
      <c r="G80014" s="16">
        <v>4.1702296847416262E-2</v>
      </c>
    </row>
    <row r="80015" spans="1:7" x14ac:dyDescent="0.3">
      <c r="A80015" s="13" t="s">
        <v>407</v>
      </c>
      <c r="B80015" s="14" t="s">
        <v>1</v>
      </c>
      <c r="C80015" s="14" t="s">
        <v>109</v>
      </c>
      <c r="D80015" s="14" t="s">
        <v>284</v>
      </c>
      <c r="E80015" s="15">
        <v>45456</v>
      </c>
      <c r="F80015" s="14" t="s">
        <v>61</v>
      </c>
      <c r="G80015" s="16">
        <v>3.9830223839910264E-2</v>
      </c>
    </row>
    <row r="80016" spans="1:7" x14ac:dyDescent="0.3">
      <c r="A80016" s="13" t="s">
        <v>407</v>
      </c>
      <c r="B80016" s="14" t="s">
        <v>1</v>
      </c>
      <c r="C80016" s="14" t="s">
        <v>109</v>
      </c>
      <c r="D80016" s="14" t="s">
        <v>284</v>
      </c>
      <c r="E80016" s="15">
        <v>45457</v>
      </c>
      <c r="F80016" s="14" t="s">
        <v>61</v>
      </c>
      <c r="G80016" s="16">
        <v>3.773103906968546E-2</v>
      </c>
    </row>
    <row r="80017" spans="1:7" x14ac:dyDescent="0.3">
      <c r="A80017" s="13" t="s">
        <v>407</v>
      </c>
      <c r="B80017" s="14" t="s">
        <v>1</v>
      </c>
      <c r="C80017" s="14" t="s">
        <v>109</v>
      </c>
      <c r="D80017" s="14" t="s">
        <v>284</v>
      </c>
      <c r="E80017" s="15">
        <v>45458</v>
      </c>
      <c r="F80017" s="14" t="s">
        <v>61</v>
      </c>
      <c r="G80017" s="16">
        <v>3.773103906968546E-2</v>
      </c>
    </row>
    <row r="80018" spans="1:7" x14ac:dyDescent="0.3">
      <c r="A80018" s="13" t="s">
        <v>407</v>
      </c>
      <c r="B80018" s="14" t="s">
        <v>1</v>
      </c>
      <c r="C80018" s="14" t="s">
        <v>109</v>
      </c>
      <c r="D80018" s="14" t="s">
        <v>284</v>
      </c>
      <c r="E80018" s="15">
        <v>45459</v>
      </c>
      <c r="F80018" s="14" t="s">
        <v>61</v>
      </c>
      <c r="G80018" s="16">
        <v>3.773103906968546E-2</v>
      </c>
    </row>
    <row r="80019" spans="1:7" x14ac:dyDescent="0.3">
      <c r="A80019" s="13" t="s">
        <v>407</v>
      </c>
      <c r="B80019" s="14" t="s">
        <v>1</v>
      </c>
      <c r="C80019" s="14" t="s">
        <v>109</v>
      </c>
      <c r="D80019" s="14" t="s">
        <v>284</v>
      </c>
      <c r="E80019" s="15">
        <v>45460</v>
      </c>
      <c r="F80019" s="14" t="s">
        <v>61</v>
      </c>
      <c r="G80019" s="16">
        <v>3.5400923905718085E-2</v>
      </c>
    </row>
    <row r="80020" spans="1:7" x14ac:dyDescent="0.3">
      <c r="A80020" s="13" t="s">
        <v>407</v>
      </c>
      <c r="B80020" s="14" t="s">
        <v>1</v>
      </c>
      <c r="C80020" s="14" t="s">
        <v>109</v>
      </c>
      <c r="D80020" s="14" t="s">
        <v>284</v>
      </c>
      <c r="E80020" s="15">
        <v>45461</v>
      </c>
      <c r="F80020" s="14" t="s">
        <v>61</v>
      </c>
      <c r="G80020" s="16">
        <v>2.8975327870565774E-2</v>
      </c>
    </row>
    <row r="80021" spans="1:7" x14ac:dyDescent="0.3">
      <c r="A80021" s="13" t="s">
        <v>407</v>
      </c>
      <c r="B80021" s="14" t="s">
        <v>1</v>
      </c>
      <c r="C80021" s="14" t="s">
        <v>109</v>
      </c>
      <c r="D80021" s="14" t="s">
        <v>284</v>
      </c>
      <c r="E80021" s="15">
        <v>45462</v>
      </c>
      <c r="F80021" s="14" t="s">
        <v>61</v>
      </c>
      <c r="G80021" s="16">
        <v>2.6754011292648424E-2</v>
      </c>
    </row>
    <row r="80022" spans="1:7" x14ac:dyDescent="0.3">
      <c r="A80022" s="13" t="s">
        <v>407</v>
      </c>
      <c r="B80022" s="14" t="s">
        <v>1</v>
      </c>
      <c r="C80022" s="14" t="s">
        <v>109</v>
      </c>
      <c r="D80022" s="14" t="s">
        <v>284</v>
      </c>
      <c r="E80022" s="15">
        <v>45463</v>
      </c>
      <c r="F80022" s="14" t="s">
        <v>61</v>
      </c>
      <c r="G80022" s="16">
        <v>2.4603327705843364E-2</v>
      </c>
    </row>
    <row r="80023" spans="1:7" x14ac:dyDescent="0.3">
      <c r="A80023" s="13" t="s">
        <v>407</v>
      </c>
      <c r="B80023" s="14" t="s">
        <v>1</v>
      </c>
      <c r="C80023" s="14" t="s">
        <v>109</v>
      </c>
      <c r="D80023" s="14" t="s">
        <v>284</v>
      </c>
      <c r="E80023" s="15">
        <v>45464</v>
      </c>
      <c r="F80023" s="14" t="s">
        <v>61</v>
      </c>
      <c r="G80023" s="16">
        <v>2.236539679275534E-2</v>
      </c>
    </row>
    <row r="80024" spans="1:7" x14ac:dyDescent="0.3">
      <c r="A80024" s="13" t="s">
        <v>407</v>
      </c>
      <c r="B80024" s="14" t="s">
        <v>1</v>
      </c>
      <c r="C80024" s="14" t="s">
        <v>109</v>
      </c>
      <c r="D80024" s="14" t="s">
        <v>284</v>
      </c>
      <c r="E80024" s="15">
        <v>45465</v>
      </c>
      <c r="F80024" s="14" t="s">
        <v>61</v>
      </c>
      <c r="G80024" s="16">
        <v>2.236539679275534E-2</v>
      </c>
    </row>
    <row r="80025" spans="1:7" x14ac:dyDescent="0.3">
      <c r="A80025" s="13" t="s">
        <v>407</v>
      </c>
      <c r="B80025" s="14" t="s">
        <v>1</v>
      </c>
      <c r="C80025" s="14" t="s">
        <v>109</v>
      </c>
      <c r="D80025" s="14" t="s">
        <v>284</v>
      </c>
      <c r="E80025" s="15">
        <v>45466</v>
      </c>
      <c r="F80025" s="14" t="s">
        <v>61</v>
      </c>
      <c r="G80025" s="16">
        <v>2.236539679275534E-2</v>
      </c>
    </row>
    <row r="80026" spans="1:7" x14ac:dyDescent="0.3">
      <c r="A80026" s="13" t="s">
        <v>407</v>
      </c>
      <c r="B80026" s="14" t="s">
        <v>1</v>
      </c>
      <c r="C80026" s="14" t="s">
        <v>109</v>
      </c>
      <c r="D80026" s="14" t="s">
        <v>284</v>
      </c>
      <c r="E80026" s="15">
        <v>45467</v>
      </c>
      <c r="F80026" s="14" t="s">
        <v>61</v>
      </c>
      <c r="G80026" s="16">
        <v>2.0062763719332001E-2</v>
      </c>
    </row>
    <row r="80027" spans="1:7" x14ac:dyDescent="0.3">
      <c r="A80027" s="13" t="s">
        <v>407</v>
      </c>
      <c r="B80027" s="14" t="s">
        <v>1</v>
      </c>
      <c r="C80027" s="14" t="s">
        <v>109</v>
      </c>
      <c r="D80027" s="14" t="s">
        <v>284</v>
      </c>
      <c r="E80027" s="15">
        <v>45468</v>
      </c>
      <c r="F80027" s="14" t="s">
        <v>61</v>
      </c>
      <c r="G80027" s="16">
        <v>1.3796734538881921E-2</v>
      </c>
    </row>
    <row r="80028" spans="1:7" x14ac:dyDescent="0.3">
      <c r="A80028" s="13" t="s">
        <v>407</v>
      </c>
      <c r="B80028" s="14" t="s">
        <v>1</v>
      </c>
      <c r="C80028" s="14" t="s">
        <v>109</v>
      </c>
      <c r="D80028" s="14" t="s">
        <v>284</v>
      </c>
      <c r="E80028" s="15">
        <v>45469</v>
      </c>
      <c r="F80028" s="14" t="s">
        <v>61</v>
      </c>
      <c r="G80028" s="16">
        <v>1.2813629283176638E-2</v>
      </c>
    </row>
    <row r="80029" spans="1:7" x14ac:dyDescent="0.3">
      <c r="A80029" s="13" t="s">
        <v>407</v>
      </c>
      <c r="B80029" s="14" t="s">
        <v>1</v>
      </c>
      <c r="C80029" s="14" t="s">
        <v>109</v>
      </c>
      <c r="D80029" s="14" t="s">
        <v>284</v>
      </c>
      <c r="E80029" s="15">
        <v>45470</v>
      </c>
      <c r="F80029" s="14" t="s">
        <v>61</v>
      </c>
      <c r="G80029" s="16">
        <v>1.6380966483567485E-2</v>
      </c>
    </row>
    <row r="80030" spans="1:7" x14ac:dyDescent="0.3">
      <c r="A80030" s="13" t="s">
        <v>407</v>
      </c>
      <c r="B80030" s="14" t="s">
        <v>1</v>
      </c>
      <c r="C80030" s="14" t="s">
        <v>109</v>
      </c>
      <c r="D80030" s="14" t="s">
        <v>284</v>
      </c>
      <c r="E80030" s="15">
        <v>45471</v>
      </c>
      <c r="F80030" s="14" t="s">
        <v>61</v>
      </c>
      <c r="G80030" s="16">
        <v>4.7141547844791708E-2</v>
      </c>
    </row>
    <row r="80031" spans="1:7" x14ac:dyDescent="0.3">
      <c r="A80031" s="13" t="s">
        <v>407</v>
      </c>
      <c r="B80031" s="14" t="s">
        <v>1</v>
      </c>
      <c r="C80031" s="14" t="s">
        <v>109</v>
      </c>
      <c r="D80031" s="14" t="s">
        <v>284</v>
      </c>
      <c r="E80031" s="15">
        <v>45472</v>
      </c>
      <c r="F80031" s="14" t="s">
        <v>61</v>
      </c>
      <c r="G80031" s="16">
        <v>4.7141547844791708E-2</v>
      </c>
    </row>
    <row r="80032" spans="1:7" x14ac:dyDescent="0.3">
      <c r="A80032" s="13" t="s">
        <v>407</v>
      </c>
      <c r="B80032" s="14" t="s">
        <v>1</v>
      </c>
      <c r="C80032" s="14" t="s">
        <v>109</v>
      </c>
      <c r="D80032" s="14" t="s">
        <v>284</v>
      </c>
      <c r="E80032" s="15">
        <v>45473</v>
      </c>
      <c r="F80032" s="14" t="s">
        <v>61</v>
      </c>
      <c r="G80032" s="16">
        <v>4.7141547844791708E-2</v>
      </c>
    </row>
    <row r="80033" spans="1:7" x14ac:dyDescent="0.3">
      <c r="A80033" s="13" t="s">
        <v>407</v>
      </c>
      <c r="B80033" s="14" t="s">
        <v>1</v>
      </c>
      <c r="C80033" s="14" t="s">
        <v>109</v>
      </c>
      <c r="D80033" s="14" t="s">
        <v>284</v>
      </c>
      <c r="E80033" s="15">
        <v>45474</v>
      </c>
      <c r="F80033" s="14" t="s">
        <v>61</v>
      </c>
      <c r="G80033" s="16">
        <v>4.6588116681221522E-2</v>
      </c>
    </row>
    <row r="80034" spans="1:7" x14ac:dyDescent="0.3">
      <c r="A80034" s="13" t="s">
        <v>407</v>
      </c>
      <c r="B80034" s="14" t="s">
        <v>1</v>
      </c>
      <c r="C80034" s="14" t="s">
        <v>109</v>
      </c>
      <c r="D80034" s="14" t="s">
        <v>284</v>
      </c>
      <c r="E80034" s="15">
        <v>45475</v>
      </c>
      <c r="F80034" s="14" t="s">
        <v>61</v>
      </c>
      <c r="G80034" s="16">
        <v>4.1934828025766348E-2</v>
      </c>
    </row>
    <row r="80035" spans="1:7" x14ac:dyDescent="0.3">
      <c r="A80035" s="13" t="s">
        <v>407</v>
      </c>
      <c r="B80035" s="14" t="s">
        <v>1</v>
      </c>
      <c r="C80035" s="14" t="s">
        <v>109</v>
      </c>
      <c r="D80035" s="14" t="s">
        <v>284</v>
      </c>
      <c r="E80035" s="15">
        <v>45476</v>
      </c>
      <c r="F80035" s="14" t="s">
        <v>61</v>
      </c>
      <c r="G80035" s="16">
        <v>3.9566757452914159E-2</v>
      </c>
    </row>
    <row r="80036" spans="1:7" x14ac:dyDescent="0.3">
      <c r="A80036" s="13" t="s">
        <v>407</v>
      </c>
      <c r="B80036" s="14" t="s">
        <v>1</v>
      </c>
      <c r="C80036" s="14" t="s">
        <v>109</v>
      </c>
      <c r="D80036" s="14" t="s">
        <v>284</v>
      </c>
      <c r="E80036" s="15">
        <v>45477</v>
      </c>
      <c r="F80036" s="14" t="s">
        <v>61</v>
      </c>
      <c r="G80036" s="16">
        <v>3.7242526137345862E-2</v>
      </c>
    </row>
    <row r="80037" spans="1:7" x14ac:dyDescent="0.3">
      <c r="A80037" s="13" t="s">
        <v>407</v>
      </c>
      <c r="B80037" s="14" t="s">
        <v>1</v>
      </c>
      <c r="C80037" s="14" t="s">
        <v>109</v>
      </c>
      <c r="D80037" s="14" t="s">
        <v>284</v>
      </c>
      <c r="E80037" s="15">
        <v>45478</v>
      </c>
      <c r="F80037" s="14" t="s">
        <v>61</v>
      </c>
      <c r="G80037" s="16">
        <v>3.8702450974867887E-2</v>
      </c>
    </row>
    <row r="80038" spans="1:7" x14ac:dyDescent="0.3">
      <c r="A80038" s="13" t="s">
        <v>407</v>
      </c>
      <c r="B80038" s="14" t="s">
        <v>1</v>
      </c>
      <c r="C80038" s="14" t="s">
        <v>109</v>
      </c>
      <c r="D80038" s="14" t="s">
        <v>284</v>
      </c>
      <c r="E80038" s="15">
        <v>45479</v>
      </c>
      <c r="F80038" s="14" t="s">
        <v>61</v>
      </c>
      <c r="G80038" s="16">
        <v>3.8702450974867887E-2</v>
      </c>
    </row>
    <row r="80039" spans="1:7" x14ac:dyDescent="0.3">
      <c r="A80039" s="13" t="s">
        <v>407</v>
      </c>
      <c r="B80039" s="14" t="s">
        <v>1</v>
      </c>
      <c r="C80039" s="14" t="s">
        <v>109</v>
      </c>
      <c r="D80039" s="14" t="s">
        <v>284</v>
      </c>
      <c r="E80039" s="15">
        <v>45480</v>
      </c>
      <c r="F80039" s="14" t="s">
        <v>61</v>
      </c>
      <c r="G80039" s="16">
        <v>3.8702450974867887E-2</v>
      </c>
    </row>
    <row r="80040" spans="1:7" x14ac:dyDescent="0.3">
      <c r="A80040" s="13" t="s">
        <v>407</v>
      </c>
      <c r="B80040" s="14" t="s">
        <v>1</v>
      </c>
      <c r="C80040" s="14" t="s">
        <v>109</v>
      </c>
      <c r="D80040" s="14" t="s">
        <v>284</v>
      </c>
      <c r="E80040" s="15">
        <v>45481</v>
      </c>
      <c r="F80040" s="14" t="s">
        <v>61</v>
      </c>
      <c r="G80040" s="16">
        <v>4.4101672942693015E-2</v>
      </c>
    </row>
    <row r="80041" spans="1:7" x14ac:dyDescent="0.3">
      <c r="A80041" s="13" t="s">
        <v>407</v>
      </c>
      <c r="B80041" s="14" t="s">
        <v>1</v>
      </c>
      <c r="C80041" s="14" t="s">
        <v>109</v>
      </c>
      <c r="D80041" s="14" t="s">
        <v>284</v>
      </c>
      <c r="E80041" s="15">
        <v>45482</v>
      </c>
      <c r="F80041" s="14" t="s">
        <v>61</v>
      </c>
      <c r="G80041" s="16">
        <v>3.7268263668224937E-2</v>
      </c>
    </row>
    <row r="80042" spans="1:7" x14ac:dyDescent="0.3">
      <c r="A80042" s="13" t="s">
        <v>407</v>
      </c>
      <c r="B80042" s="14" t="s">
        <v>1</v>
      </c>
      <c r="C80042" s="14" t="s">
        <v>109</v>
      </c>
      <c r="D80042" s="14" t="s">
        <v>284</v>
      </c>
      <c r="E80042" s="15">
        <v>45483</v>
      </c>
      <c r="F80042" s="14" t="s">
        <v>61</v>
      </c>
      <c r="G80042" s="16">
        <v>3.4916955613217164E-2</v>
      </c>
    </row>
    <row r="80043" spans="1:7" x14ac:dyDescent="0.3">
      <c r="A80043" s="13" t="s">
        <v>407</v>
      </c>
      <c r="B80043" s="14" t="s">
        <v>1</v>
      </c>
      <c r="C80043" s="14" t="s">
        <v>109</v>
      </c>
      <c r="D80043" s="14" t="s">
        <v>284</v>
      </c>
      <c r="E80043" s="15">
        <v>45484</v>
      </c>
      <c r="F80043" s="14" t="s">
        <v>61</v>
      </c>
      <c r="G80043" s="16">
        <v>3.2511170533043143E-2</v>
      </c>
    </row>
    <row r="80044" spans="1:7" x14ac:dyDescent="0.3">
      <c r="A80044" s="13" t="s">
        <v>407</v>
      </c>
      <c r="B80044" s="14" t="s">
        <v>1</v>
      </c>
      <c r="C80044" s="14" t="s">
        <v>109</v>
      </c>
      <c r="D80044" s="14" t="s">
        <v>284</v>
      </c>
      <c r="E80044" s="15">
        <v>45485</v>
      </c>
      <c r="F80044" s="14" t="s">
        <v>61</v>
      </c>
      <c r="G80044" s="16">
        <v>3.0102409393698175E-2</v>
      </c>
    </row>
    <row r="80045" spans="1:7" x14ac:dyDescent="0.3">
      <c r="A80045" s="13" t="s">
        <v>407</v>
      </c>
      <c r="B80045" s="14" t="s">
        <v>1</v>
      </c>
      <c r="C80045" s="14" t="s">
        <v>109</v>
      </c>
      <c r="D80045" s="14" t="s">
        <v>284</v>
      </c>
      <c r="E80045" s="15">
        <v>45486</v>
      </c>
      <c r="F80045" s="14" t="s">
        <v>61</v>
      </c>
      <c r="G80045" s="16">
        <v>3.0102409393698175E-2</v>
      </c>
    </row>
    <row r="80046" spans="1:7" x14ac:dyDescent="0.3">
      <c r="A80046" s="13" t="s">
        <v>407</v>
      </c>
      <c r="B80046" s="14" t="s">
        <v>1</v>
      </c>
      <c r="C80046" s="14" t="s">
        <v>109</v>
      </c>
      <c r="D80046" s="14" t="s">
        <v>284</v>
      </c>
      <c r="E80046" s="15">
        <v>45487</v>
      </c>
      <c r="F80046" s="14" t="s">
        <v>61</v>
      </c>
      <c r="G80046" s="16">
        <v>3.0102409393698175E-2</v>
      </c>
    </row>
    <row r="80047" spans="1:7" x14ac:dyDescent="0.3">
      <c r="A80047" s="13" t="s">
        <v>407</v>
      </c>
      <c r="B80047" s="14" t="s">
        <v>1</v>
      </c>
      <c r="C80047" s="14" t="s">
        <v>109</v>
      </c>
      <c r="D80047" s="14" t="s">
        <v>284</v>
      </c>
      <c r="E80047" s="15">
        <v>45488</v>
      </c>
      <c r="F80047" s="14" t="s">
        <v>61</v>
      </c>
      <c r="G80047" s="16">
        <v>2.8737458279567488E-2</v>
      </c>
    </row>
    <row r="80048" spans="1:7" x14ac:dyDescent="0.3">
      <c r="A80048" s="13" t="s">
        <v>407</v>
      </c>
      <c r="B80048" s="14" t="s">
        <v>1</v>
      </c>
      <c r="C80048" s="14" t="s">
        <v>109</v>
      </c>
      <c r="D80048" s="14" t="s">
        <v>284</v>
      </c>
      <c r="E80048" s="15">
        <v>45489</v>
      </c>
      <c r="F80048" s="14" t="s">
        <v>61</v>
      </c>
      <c r="G80048" s="16">
        <v>2.180949985712325E-2</v>
      </c>
    </row>
    <row r="80049" spans="1:7" x14ac:dyDescent="0.3">
      <c r="A80049" s="13" t="s">
        <v>407</v>
      </c>
      <c r="B80049" s="14" t="s">
        <v>1</v>
      </c>
      <c r="C80049" s="14" t="s">
        <v>109</v>
      </c>
      <c r="D80049" s="14" t="s">
        <v>284</v>
      </c>
      <c r="E80049" s="15">
        <v>45490</v>
      </c>
      <c r="F80049" s="14" t="s">
        <v>61</v>
      </c>
      <c r="G80049" s="16">
        <v>1.9445646045552021E-2</v>
      </c>
    </row>
    <row r="80050" spans="1:7" x14ac:dyDescent="0.3">
      <c r="A80050" s="13" t="s">
        <v>407</v>
      </c>
      <c r="B80050" s="14" t="s">
        <v>1</v>
      </c>
      <c r="C80050" s="14" t="s">
        <v>109</v>
      </c>
      <c r="D80050" s="14" t="s">
        <v>284</v>
      </c>
      <c r="E80050" s="15">
        <v>45491</v>
      </c>
      <c r="F80050" s="14" t="s">
        <v>61</v>
      </c>
      <c r="G80050" s="16">
        <v>1.7231596818240109E-2</v>
      </c>
    </row>
    <row r="80051" spans="1:7" x14ac:dyDescent="0.3">
      <c r="A80051" s="13" t="s">
        <v>407</v>
      </c>
      <c r="B80051" s="14" t="s">
        <v>1</v>
      </c>
      <c r="C80051" s="14" t="s">
        <v>109</v>
      </c>
      <c r="D80051" s="14" t="s">
        <v>284</v>
      </c>
      <c r="E80051" s="15">
        <v>45492</v>
      </c>
      <c r="F80051" s="14" t="s">
        <v>61</v>
      </c>
      <c r="G80051" s="16">
        <v>1.5043477550125755E-2</v>
      </c>
    </row>
    <row r="80052" spans="1:7" x14ac:dyDescent="0.3">
      <c r="A80052" s="13" t="s">
        <v>407</v>
      </c>
      <c r="B80052" s="14" t="s">
        <v>1</v>
      </c>
      <c r="C80052" s="14" t="s">
        <v>109</v>
      </c>
      <c r="D80052" s="14" t="s">
        <v>284</v>
      </c>
      <c r="E80052" s="15">
        <v>45493</v>
      </c>
      <c r="F80052" s="14" t="s">
        <v>61</v>
      </c>
      <c r="G80052" s="16">
        <v>1.5043477550125755E-2</v>
      </c>
    </row>
    <row r="80053" spans="1:7" x14ac:dyDescent="0.3">
      <c r="A80053" s="13" t="s">
        <v>407</v>
      </c>
      <c r="B80053" s="14" t="s">
        <v>1</v>
      </c>
      <c r="C80053" s="14" t="s">
        <v>109</v>
      </c>
      <c r="D80053" s="14" t="s">
        <v>284</v>
      </c>
      <c r="E80053" s="15">
        <v>45494</v>
      </c>
      <c r="F80053" s="14" t="s">
        <v>61</v>
      </c>
      <c r="G80053" s="16">
        <v>1.5043477550125755E-2</v>
      </c>
    </row>
    <row r="80054" spans="1:7" x14ac:dyDescent="0.3">
      <c r="A80054" s="13" t="s">
        <v>407</v>
      </c>
      <c r="B80054" s="14" t="s">
        <v>1</v>
      </c>
      <c r="C80054" s="14" t="s">
        <v>109</v>
      </c>
      <c r="D80054" s="14" t="s">
        <v>284</v>
      </c>
      <c r="E80054" s="15">
        <v>45495</v>
      </c>
      <c r="F80054" s="14" t="s">
        <v>61</v>
      </c>
      <c r="G80054" s="16">
        <v>1.2846515583576639E-2</v>
      </c>
    </row>
    <row r="80055" spans="1:7" x14ac:dyDescent="0.3">
      <c r="A80055" s="13" t="s">
        <v>407</v>
      </c>
      <c r="B80055" s="14" t="s">
        <v>1</v>
      </c>
      <c r="C80055" s="14" t="s">
        <v>109</v>
      </c>
      <c r="D80055" s="14" t="s">
        <v>284</v>
      </c>
      <c r="E80055" s="15">
        <v>45496</v>
      </c>
      <c r="F80055" s="14" t="s">
        <v>61</v>
      </c>
      <c r="G80055" s="16">
        <v>6.4011478581760999E-3</v>
      </c>
    </row>
    <row r="80056" spans="1:7" x14ac:dyDescent="0.3">
      <c r="A80056" s="13" t="s">
        <v>407</v>
      </c>
      <c r="B80056" s="14" t="s">
        <v>1</v>
      </c>
      <c r="C80056" s="14" t="s">
        <v>109</v>
      </c>
      <c r="D80056" s="14" t="s">
        <v>284</v>
      </c>
      <c r="E80056" s="15">
        <v>45497</v>
      </c>
      <c r="F80056" s="14" t="s">
        <v>61</v>
      </c>
      <c r="G80056" s="16">
        <v>4.2193908730103818E-3</v>
      </c>
    </row>
    <row r="80057" spans="1:7" x14ac:dyDescent="0.3">
      <c r="A80057" s="13" t="s">
        <v>407</v>
      </c>
      <c r="B80057" s="14" t="s">
        <v>1</v>
      </c>
      <c r="C80057" s="14" t="s">
        <v>109</v>
      </c>
      <c r="D80057" s="14" t="s">
        <v>284</v>
      </c>
      <c r="E80057" s="15">
        <v>45498</v>
      </c>
      <c r="F80057" s="14" t="s">
        <v>61</v>
      </c>
      <c r="G80057" s="16">
        <v>2.0288898070316974E-3</v>
      </c>
    </row>
    <row r="80058" spans="1:7" x14ac:dyDescent="0.3">
      <c r="A80058" s="13" t="s">
        <v>407</v>
      </c>
      <c r="B80058" s="14" t="s">
        <v>1</v>
      </c>
      <c r="C80058" s="14" t="s">
        <v>109</v>
      </c>
      <c r="D80058" s="14" t="s">
        <v>284</v>
      </c>
      <c r="E80058" s="15">
        <v>45499</v>
      </c>
      <c r="F80058" s="14" t="s">
        <v>61</v>
      </c>
      <c r="G80058" s="16">
        <v>0</v>
      </c>
    </row>
    <row r="80059" spans="1:7" x14ac:dyDescent="0.3">
      <c r="A80059" s="13" t="s">
        <v>407</v>
      </c>
      <c r="B80059" s="14" t="s">
        <v>1</v>
      </c>
      <c r="C80059" s="14" t="s">
        <v>109</v>
      </c>
      <c r="D80059" s="14" t="s">
        <v>284</v>
      </c>
      <c r="E80059" s="15">
        <v>45500</v>
      </c>
      <c r="F80059" s="14" t="s">
        <v>61</v>
      </c>
      <c r="G80059" s="16">
        <v>0</v>
      </c>
    </row>
    <row r="80060" spans="1:7" x14ac:dyDescent="0.3">
      <c r="A80060" s="13" t="s">
        <v>407</v>
      </c>
      <c r="B80060" s="14" t="s">
        <v>1</v>
      </c>
      <c r="C80060" s="14" t="s">
        <v>109</v>
      </c>
      <c r="D80060" s="14" t="s">
        <v>284</v>
      </c>
      <c r="E80060" s="15">
        <v>45501</v>
      </c>
      <c r="F80060" s="14" t="s">
        <v>61</v>
      </c>
      <c r="G80060" s="16">
        <v>0</v>
      </c>
    </row>
    <row r="80061" spans="1:7" x14ac:dyDescent="0.3">
      <c r="A80061" s="13" t="s">
        <v>407</v>
      </c>
      <c r="B80061" s="14" t="s">
        <v>1</v>
      </c>
      <c r="C80061" s="14" t="s">
        <v>109</v>
      </c>
      <c r="D80061" s="14" t="s">
        <v>284</v>
      </c>
      <c r="E80061" s="15">
        <v>45502</v>
      </c>
      <c r="F80061" s="14" t="s">
        <v>61</v>
      </c>
      <c r="G80061" s="16">
        <v>1.0015593994853586E-2</v>
      </c>
    </row>
    <row r="80062" spans="1:7" x14ac:dyDescent="0.3">
      <c r="A80062" s="13" t="s">
        <v>407</v>
      </c>
      <c r="B80062" s="14" t="s">
        <v>1</v>
      </c>
      <c r="C80062" s="14" t="s">
        <v>109</v>
      </c>
      <c r="D80062" s="14" t="s">
        <v>284</v>
      </c>
      <c r="E80062" s="15">
        <v>45503</v>
      </c>
      <c r="F80062" s="14" t="s">
        <v>61</v>
      </c>
      <c r="G80062" s="16">
        <v>3.7406612645405021E-3</v>
      </c>
    </row>
    <row r="80063" spans="1:7" x14ac:dyDescent="0.3">
      <c r="A80063" s="13" t="s">
        <v>407</v>
      </c>
      <c r="B80063" s="14" t="s">
        <v>1</v>
      </c>
      <c r="C80063" s="14" t="s">
        <v>109</v>
      </c>
      <c r="D80063" s="14" t="s">
        <v>284</v>
      </c>
      <c r="E80063" s="15">
        <v>45504</v>
      </c>
      <c r="F80063" s="14" t="s">
        <v>61</v>
      </c>
      <c r="G80063" s="16">
        <v>3.1812328868718693E-3</v>
      </c>
    </row>
    <row r="80064" spans="1:7" x14ac:dyDescent="0.3">
      <c r="A80064" s="13" t="s">
        <v>407</v>
      </c>
      <c r="B80064" s="14" t="s">
        <v>1</v>
      </c>
      <c r="C80064" s="14" t="s">
        <v>109</v>
      </c>
      <c r="D80064" s="14" t="s">
        <v>284</v>
      </c>
      <c r="E80064" s="15">
        <v>45505</v>
      </c>
      <c r="F80064" s="14" t="s">
        <v>61</v>
      </c>
      <c r="G80064" s="16">
        <v>1.729508076236496E-2</v>
      </c>
    </row>
    <row r="80065" spans="1:7" x14ac:dyDescent="0.3">
      <c r="A80065" s="13" t="s">
        <v>407</v>
      </c>
      <c r="B80065" s="14" t="s">
        <v>1</v>
      </c>
      <c r="C80065" s="14" t="s">
        <v>109</v>
      </c>
      <c r="D80065" s="14" t="s">
        <v>284</v>
      </c>
      <c r="E80065" s="15">
        <v>45506</v>
      </c>
      <c r="F80065" s="14" t="s">
        <v>61</v>
      </c>
      <c r="G80065" s="16">
        <v>1.5016301897336866E-2</v>
      </c>
    </row>
    <row r="80066" spans="1:7" x14ac:dyDescent="0.3">
      <c r="A80066" s="13" t="s">
        <v>407</v>
      </c>
      <c r="B80066" s="14" t="s">
        <v>1</v>
      </c>
      <c r="C80066" s="14" t="s">
        <v>109</v>
      </c>
      <c r="D80066" s="14" t="s">
        <v>284</v>
      </c>
      <c r="E80066" s="15">
        <v>45507</v>
      </c>
      <c r="F80066" s="14" t="s">
        <v>61</v>
      </c>
      <c r="G80066" s="16">
        <v>1.5016301897336866E-2</v>
      </c>
    </row>
    <row r="80067" spans="1:7" x14ac:dyDescent="0.3">
      <c r="A80067" s="13" t="s">
        <v>407</v>
      </c>
      <c r="B80067" s="14" t="s">
        <v>1</v>
      </c>
      <c r="C80067" s="14" t="s">
        <v>109</v>
      </c>
      <c r="D80067" s="14" t="s">
        <v>284</v>
      </c>
      <c r="E80067" s="15">
        <v>45508</v>
      </c>
      <c r="F80067" s="14" t="s">
        <v>61</v>
      </c>
      <c r="G80067" s="16">
        <v>1.5016301897336866E-2</v>
      </c>
    </row>
    <row r="80068" spans="1:7" x14ac:dyDescent="0.3">
      <c r="A80068" s="13" t="s">
        <v>407</v>
      </c>
      <c r="B80068" s="14" t="s">
        <v>1</v>
      </c>
      <c r="C80068" s="14" t="s">
        <v>109</v>
      </c>
      <c r="D80068" s="14" t="s">
        <v>284</v>
      </c>
      <c r="E80068" s="15">
        <v>45509</v>
      </c>
      <c r="F80068" s="14" t="s">
        <v>61</v>
      </c>
      <c r="G80068" s="16">
        <v>1.5016301897336866E-2</v>
      </c>
    </row>
    <row r="80069" spans="1:7" x14ac:dyDescent="0.3">
      <c r="A80069" s="13" t="s">
        <v>407</v>
      </c>
      <c r="B80069" s="14" t="s">
        <v>1</v>
      </c>
      <c r="C80069" s="14" t="s">
        <v>109</v>
      </c>
      <c r="D80069" s="14" t="s">
        <v>284</v>
      </c>
      <c r="E80069" s="15">
        <v>45510</v>
      </c>
      <c r="F80069" s="14" t="s">
        <v>61</v>
      </c>
      <c r="G80069" s="16">
        <v>1.2990763282091375E-2</v>
      </c>
    </row>
    <row r="80070" spans="1:7" x14ac:dyDescent="0.3">
      <c r="A80070" s="13" t="s">
        <v>407</v>
      </c>
      <c r="B80070" s="14" t="s">
        <v>1</v>
      </c>
      <c r="C80070" s="14" t="s">
        <v>109</v>
      </c>
      <c r="D80070" s="14" t="s">
        <v>284</v>
      </c>
      <c r="E80070" s="15">
        <v>45511</v>
      </c>
      <c r="F80070" s="14" t="s">
        <v>61</v>
      </c>
      <c r="G80070" s="16">
        <v>9.0326324832748339E-3</v>
      </c>
    </row>
    <row r="80071" spans="1:7" x14ac:dyDescent="0.3">
      <c r="A80071" s="13" t="s">
        <v>407</v>
      </c>
      <c r="B80071" s="14" t="s">
        <v>1</v>
      </c>
      <c r="C80071" s="14" t="s">
        <v>109</v>
      </c>
      <c r="D80071" s="14" t="s">
        <v>284</v>
      </c>
      <c r="E80071" s="15">
        <v>45512</v>
      </c>
      <c r="F80071" s="14" t="s">
        <v>61</v>
      </c>
      <c r="G80071" s="16">
        <v>8.0595036954787796E-3</v>
      </c>
    </row>
    <row r="80072" spans="1:7" x14ac:dyDescent="0.3">
      <c r="A80072" s="13" t="s">
        <v>407</v>
      </c>
      <c r="B80072" s="14" t="s">
        <v>1</v>
      </c>
      <c r="C80072" s="14" t="s">
        <v>109</v>
      </c>
      <c r="D80072" s="14" t="s">
        <v>284</v>
      </c>
      <c r="E80072" s="15">
        <v>45513</v>
      </c>
      <c r="F80072" s="14" t="s">
        <v>61</v>
      </c>
      <c r="G80072" s="16">
        <v>1.9993991477054853E-2</v>
      </c>
    </row>
    <row r="80073" spans="1:7" x14ac:dyDescent="0.3">
      <c r="A80073" s="13" t="s">
        <v>407</v>
      </c>
      <c r="B80073" s="14" t="s">
        <v>1</v>
      </c>
      <c r="C80073" s="14" t="s">
        <v>109</v>
      </c>
      <c r="D80073" s="14" t="s">
        <v>284</v>
      </c>
      <c r="E80073" s="15">
        <v>45514</v>
      </c>
      <c r="F80073" s="14" t="s">
        <v>61</v>
      </c>
      <c r="G80073" s="16">
        <v>1.9993991477054853E-2</v>
      </c>
    </row>
    <row r="80074" spans="1:7" x14ac:dyDescent="0.3">
      <c r="A80074" s="13" t="s">
        <v>407</v>
      </c>
      <c r="B80074" s="14" t="s">
        <v>1</v>
      </c>
      <c r="C80074" s="14" t="s">
        <v>109</v>
      </c>
      <c r="D80074" s="14" t="s">
        <v>284</v>
      </c>
      <c r="E80074" s="15">
        <v>45515</v>
      </c>
      <c r="F80074" s="14" t="s">
        <v>61</v>
      </c>
      <c r="G80074" s="16">
        <v>1.9993991477054853E-2</v>
      </c>
    </row>
    <row r="80075" spans="1:7" x14ac:dyDescent="0.3">
      <c r="A80075" s="13" t="s">
        <v>407</v>
      </c>
      <c r="B80075" s="14" t="s">
        <v>1</v>
      </c>
      <c r="C80075" s="14" t="s">
        <v>109</v>
      </c>
      <c r="D80075" s="14" t="s">
        <v>284</v>
      </c>
      <c r="E80075" s="15">
        <v>45516</v>
      </c>
      <c r="F80075" s="14" t="s">
        <v>61</v>
      </c>
      <c r="G80075" s="16">
        <v>1.93862975519059E-2</v>
      </c>
    </row>
    <row r="80076" spans="1:7" x14ac:dyDescent="0.3">
      <c r="A80076" s="13" t="s">
        <v>407</v>
      </c>
      <c r="B80076" s="14" t="s">
        <v>1</v>
      </c>
      <c r="C80076" s="14" t="s">
        <v>109</v>
      </c>
      <c r="D80076" s="14" t="s">
        <v>284</v>
      </c>
      <c r="E80076" s="15">
        <v>45517</v>
      </c>
      <c r="F80076" s="14" t="s">
        <v>61</v>
      </c>
      <c r="G80076" s="16">
        <v>1.7205309085186464E-2</v>
      </c>
    </row>
    <row r="80077" spans="1:7" x14ac:dyDescent="0.3">
      <c r="A80077" s="13" t="s">
        <v>407</v>
      </c>
      <c r="B80077" s="14" t="s">
        <v>1</v>
      </c>
      <c r="C80077" s="14" t="s">
        <v>109</v>
      </c>
      <c r="D80077" s="14" t="s">
        <v>284</v>
      </c>
      <c r="E80077" s="15">
        <v>45518</v>
      </c>
      <c r="F80077" s="14" t="s">
        <v>61</v>
      </c>
      <c r="G80077" s="16">
        <v>1.5211151344004074E-2</v>
      </c>
    </row>
    <row r="80078" spans="1:7" x14ac:dyDescent="0.3">
      <c r="A80078" s="13" t="s">
        <v>407</v>
      </c>
      <c r="B80078" s="14" t="s">
        <v>1</v>
      </c>
      <c r="C80078" s="14" t="s">
        <v>109</v>
      </c>
      <c r="D80078" s="14" t="s">
        <v>284</v>
      </c>
      <c r="E80078" s="15">
        <v>45519</v>
      </c>
      <c r="F80078" s="14" t="s">
        <v>61</v>
      </c>
      <c r="G80078" s="16">
        <v>1.323772610448058E-2</v>
      </c>
    </row>
    <row r="80079" spans="1:7" x14ac:dyDescent="0.3">
      <c r="A80079" s="13" t="s">
        <v>407</v>
      </c>
      <c r="B80079" s="14" t="s">
        <v>1</v>
      </c>
      <c r="C80079" s="14" t="s">
        <v>109</v>
      </c>
      <c r="D80079" s="14" t="s">
        <v>284</v>
      </c>
      <c r="E80079" s="15">
        <v>45520</v>
      </c>
      <c r="F80079" s="14" t="s">
        <v>61</v>
      </c>
      <c r="G80079" s="16">
        <v>2.2141871448929901E-2</v>
      </c>
    </row>
    <row r="80080" spans="1:7" x14ac:dyDescent="0.3">
      <c r="A80080" s="13" t="s">
        <v>407</v>
      </c>
      <c r="B80080" s="14" t="s">
        <v>1</v>
      </c>
      <c r="C80080" s="14" t="s">
        <v>109</v>
      </c>
      <c r="D80080" s="14" t="s">
        <v>284</v>
      </c>
      <c r="E80080" s="15">
        <v>45521</v>
      </c>
      <c r="F80080" s="14" t="s">
        <v>61</v>
      </c>
      <c r="G80080" s="16">
        <v>2.2141871448929901E-2</v>
      </c>
    </row>
    <row r="80081" spans="1:7" x14ac:dyDescent="0.3">
      <c r="A80081" s="13" t="s">
        <v>407</v>
      </c>
      <c r="B80081" s="14" t="s">
        <v>1</v>
      </c>
      <c r="C80081" s="14" t="s">
        <v>109</v>
      </c>
      <c r="D80081" s="14" t="s">
        <v>284</v>
      </c>
      <c r="E80081" s="15">
        <v>45522</v>
      </c>
      <c r="F80081" s="14" t="s">
        <v>61</v>
      </c>
      <c r="G80081" s="16">
        <v>2.2141871448929901E-2</v>
      </c>
    </row>
    <row r="80082" spans="1:7" x14ac:dyDescent="0.3">
      <c r="A80082" s="13" t="s">
        <v>407</v>
      </c>
      <c r="B80082" s="14" t="s">
        <v>1</v>
      </c>
      <c r="C80082" s="14" t="s">
        <v>109</v>
      </c>
      <c r="D80082" s="14" t="s">
        <v>284</v>
      </c>
      <c r="E80082" s="15">
        <v>45523</v>
      </c>
      <c r="F80082" s="14" t="s">
        <v>61</v>
      </c>
      <c r="G80082" s="16">
        <v>1.9657530248926667E-2</v>
      </c>
    </row>
    <row r="80083" spans="1:7" x14ac:dyDescent="0.3">
      <c r="A80083" s="13" t="s">
        <v>407</v>
      </c>
      <c r="B80083" s="14" t="s">
        <v>1</v>
      </c>
      <c r="C80083" s="14" t="s">
        <v>109</v>
      </c>
      <c r="D80083" s="14" t="s">
        <v>284</v>
      </c>
      <c r="E80083" s="15">
        <v>45524</v>
      </c>
      <c r="F80083" s="14" t="s">
        <v>61</v>
      </c>
      <c r="G80083" s="16">
        <v>1.3276619864410276E-2</v>
      </c>
    </row>
    <row r="80084" spans="1:7" x14ac:dyDescent="0.3">
      <c r="A80084" s="13" t="s">
        <v>407</v>
      </c>
      <c r="B80084" s="14" t="s">
        <v>1</v>
      </c>
      <c r="C80084" s="14" t="s">
        <v>109</v>
      </c>
      <c r="D80084" s="14" t="s">
        <v>284</v>
      </c>
      <c r="E80084" s="15">
        <v>45525</v>
      </c>
      <c r="F80084" s="14" t="s">
        <v>61</v>
      </c>
      <c r="G80084" s="16">
        <v>1.1114647611239951E-2</v>
      </c>
    </row>
    <row r="80085" spans="1:7" x14ac:dyDescent="0.3">
      <c r="A80085" s="13" t="s">
        <v>407</v>
      </c>
      <c r="B80085" s="14" t="s">
        <v>1</v>
      </c>
      <c r="C80085" s="14" t="s">
        <v>109</v>
      </c>
      <c r="D80085" s="14" t="s">
        <v>284</v>
      </c>
      <c r="E80085" s="15">
        <v>45526</v>
      </c>
      <c r="F80085" s="14" t="s">
        <v>61</v>
      </c>
      <c r="G80085" s="16">
        <v>9.0063481064399358E-3</v>
      </c>
    </row>
    <row r="80086" spans="1:7" x14ac:dyDescent="0.3">
      <c r="A80086" s="13" t="s">
        <v>407</v>
      </c>
      <c r="B80086" s="14" t="s">
        <v>1</v>
      </c>
      <c r="C80086" s="14" t="s">
        <v>109</v>
      </c>
      <c r="D80086" s="14" t="s">
        <v>284</v>
      </c>
      <c r="E80086" s="15">
        <v>45527</v>
      </c>
      <c r="F80086" s="14" t="s">
        <v>61</v>
      </c>
      <c r="G80086" s="16">
        <v>3.0899941758858351E-2</v>
      </c>
    </row>
    <row r="80087" spans="1:7" x14ac:dyDescent="0.3">
      <c r="A80087" s="13" t="s">
        <v>407</v>
      </c>
      <c r="B80087" s="14" t="s">
        <v>1</v>
      </c>
      <c r="C80087" s="14" t="s">
        <v>109</v>
      </c>
      <c r="D80087" s="14" t="s">
        <v>284</v>
      </c>
      <c r="E80087" s="15">
        <v>45528</v>
      </c>
      <c r="F80087" s="14" t="s">
        <v>61</v>
      </c>
      <c r="G80087" s="16">
        <v>3.0899941758858351E-2</v>
      </c>
    </row>
    <row r="80088" spans="1:7" x14ac:dyDescent="0.3">
      <c r="A80088" s="13" t="s">
        <v>407</v>
      </c>
      <c r="B80088" s="14" t="s">
        <v>1</v>
      </c>
      <c r="C80088" s="14" t="s">
        <v>109</v>
      </c>
      <c r="D80088" s="14" t="s">
        <v>284</v>
      </c>
      <c r="E80088" s="15">
        <v>45529</v>
      </c>
      <c r="F80088" s="14" t="s">
        <v>61</v>
      </c>
      <c r="G80088" s="16">
        <v>3.0899941758858351E-2</v>
      </c>
    </row>
    <row r="80089" spans="1:7" x14ac:dyDescent="0.3">
      <c r="A80089" s="13" t="s">
        <v>407</v>
      </c>
      <c r="B80089" s="14" t="s">
        <v>1</v>
      </c>
      <c r="C80089" s="14" t="s">
        <v>109</v>
      </c>
      <c r="D80089" s="14" t="s">
        <v>284</v>
      </c>
      <c r="E80089" s="15">
        <v>45530</v>
      </c>
      <c r="F80089" s="14" t="s">
        <v>61</v>
      </c>
      <c r="G80089" s="16">
        <v>2.8869128486970146E-2</v>
      </c>
    </row>
    <row r="80090" spans="1:7" x14ac:dyDescent="0.3">
      <c r="A80090" s="13" t="s">
        <v>407</v>
      </c>
      <c r="B80090" s="14" t="s">
        <v>1</v>
      </c>
      <c r="C80090" s="14" t="s">
        <v>109</v>
      </c>
      <c r="D80090" s="14" t="s">
        <v>284</v>
      </c>
      <c r="E80090" s="15">
        <v>45531</v>
      </c>
      <c r="F80090" s="14" t="s">
        <v>61</v>
      </c>
      <c r="G80090" s="16">
        <v>2.2312482311238641E-2</v>
      </c>
    </row>
    <row r="80091" spans="1:7" x14ac:dyDescent="0.3">
      <c r="A80091" s="13" t="s">
        <v>407</v>
      </c>
      <c r="B80091" s="14" t="s">
        <v>1</v>
      </c>
      <c r="C80091" s="14" t="s">
        <v>109</v>
      </c>
      <c r="D80091" s="14" t="s">
        <v>284</v>
      </c>
      <c r="E80091" s="15">
        <v>45532</v>
      </c>
      <c r="F80091" s="14" t="s">
        <v>61</v>
      </c>
      <c r="G80091" s="16">
        <v>3.2313493186382054E-2</v>
      </c>
    </row>
    <row r="80092" spans="1:7" x14ac:dyDescent="0.3">
      <c r="A80092" s="13" t="s">
        <v>407</v>
      </c>
      <c r="B80092" s="14" t="s">
        <v>1</v>
      </c>
      <c r="C80092" s="14" t="s">
        <v>109</v>
      </c>
      <c r="D80092" s="14" t="s">
        <v>284</v>
      </c>
      <c r="E80092" s="15">
        <v>45533</v>
      </c>
      <c r="F80092" s="14" t="s">
        <v>61</v>
      </c>
      <c r="G80092" s="16">
        <v>4.3874984049811772E-2</v>
      </c>
    </row>
    <row r="80093" spans="1:7" x14ac:dyDescent="0.3">
      <c r="A80093" s="13" t="s">
        <v>407</v>
      </c>
      <c r="B80093" s="14" t="s">
        <v>1</v>
      </c>
      <c r="C80093" s="14" t="s">
        <v>109</v>
      </c>
      <c r="D80093" s="14" t="s">
        <v>284</v>
      </c>
      <c r="E80093" s="15">
        <v>45534</v>
      </c>
      <c r="F80093" s="14" t="s">
        <v>61</v>
      </c>
      <c r="G80093" s="16">
        <v>4.1881253564917793E-2</v>
      </c>
    </row>
    <row r="80094" spans="1:7" x14ac:dyDescent="0.3">
      <c r="A80094" s="13" t="s">
        <v>407</v>
      </c>
      <c r="B80094" s="14" t="s">
        <v>1</v>
      </c>
      <c r="C80094" s="14" t="s">
        <v>109</v>
      </c>
      <c r="D80094" s="14" t="s">
        <v>284</v>
      </c>
      <c r="E80094" s="15">
        <v>45535</v>
      </c>
      <c r="F80094" s="14" t="s">
        <v>61</v>
      </c>
      <c r="G80094" s="16">
        <v>4.1881253564917793E-2</v>
      </c>
    </row>
    <row r="80095" spans="1:7" x14ac:dyDescent="0.3">
      <c r="A80095" s="13" t="s">
        <v>407</v>
      </c>
      <c r="B80095" s="14" t="s">
        <v>1</v>
      </c>
      <c r="C80095" s="14" t="s">
        <v>109</v>
      </c>
      <c r="D80095" s="14" t="s">
        <v>284</v>
      </c>
      <c r="E80095" s="15">
        <v>45536</v>
      </c>
      <c r="F80095" s="14" t="s">
        <v>61</v>
      </c>
      <c r="G80095" s="16">
        <v>4.1881253564917793E-2</v>
      </c>
    </row>
    <row r="80096" spans="1:7" x14ac:dyDescent="0.3">
      <c r="A80096" s="13" t="s">
        <v>407</v>
      </c>
      <c r="B80096" s="14" t="s">
        <v>1</v>
      </c>
      <c r="C80096" s="14" t="s">
        <v>109</v>
      </c>
      <c r="D80096" s="14" t="s">
        <v>284</v>
      </c>
      <c r="E80096" s="15">
        <v>45537</v>
      </c>
      <c r="F80096" s="14" t="s">
        <v>61</v>
      </c>
      <c r="G80096" s="16">
        <v>3.9692517722370875E-2</v>
      </c>
    </row>
    <row r="80097" spans="1:7" x14ac:dyDescent="0.3">
      <c r="A80097" s="13" t="s">
        <v>407</v>
      </c>
      <c r="B80097" s="14" t="s">
        <v>1</v>
      </c>
      <c r="C80097" s="14" t="s">
        <v>109</v>
      </c>
      <c r="D80097" s="14" t="s">
        <v>284</v>
      </c>
      <c r="E80097" s="15">
        <v>45538</v>
      </c>
      <c r="F80097" s="14" t="s">
        <v>61</v>
      </c>
      <c r="G80097" s="16">
        <v>3.3417083520127643E-2</v>
      </c>
    </row>
    <row r="80098" spans="1:7" x14ac:dyDescent="0.3">
      <c r="A80098" s="13" t="s">
        <v>407</v>
      </c>
      <c r="B80098" s="14" t="s">
        <v>1</v>
      </c>
      <c r="C80098" s="14" t="s">
        <v>109</v>
      </c>
      <c r="D80098" s="14" t="s">
        <v>284</v>
      </c>
      <c r="E80098" s="15">
        <v>45539</v>
      </c>
      <c r="F80098" s="14" t="s">
        <v>61</v>
      </c>
      <c r="G80098" s="16">
        <v>3.2622826926129903E-2</v>
      </c>
    </row>
    <row r="80099" spans="1:7" x14ac:dyDescent="0.3">
      <c r="A80099" s="13" t="s">
        <v>407</v>
      </c>
      <c r="B80099" s="14" t="s">
        <v>1</v>
      </c>
      <c r="C80099" s="14" t="s">
        <v>109</v>
      </c>
      <c r="D80099" s="14" t="s">
        <v>284</v>
      </c>
      <c r="E80099" s="15">
        <v>45540</v>
      </c>
      <c r="F80099" s="14" t="s">
        <v>61</v>
      </c>
      <c r="G80099" s="16">
        <v>3.0526623975318256E-2</v>
      </c>
    </row>
    <row r="80100" spans="1:7" x14ac:dyDescent="0.3">
      <c r="A80100" s="13" t="s">
        <v>407</v>
      </c>
      <c r="B80100" s="14" t="s">
        <v>1</v>
      </c>
      <c r="C80100" s="14" t="s">
        <v>109</v>
      </c>
      <c r="D80100" s="14" t="s">
        <v>284</v>
      </c>
      <c r="E80100" s="15">
        <v>45541</v>
      </c>
      <c r="F80100" s="14" t="s">
        <v>61</v>
      </c>
      <c r="G80100" s="16">
        <v>2.8976561718669816E-2</v>
      </c>
    </row>
    <row r="80101" spans="1:7" x14ac:dyDescent="0.3">
      <c r="A80101" s="13" t="s">
        <v>407</v>
      </c>
      <c r="B80101" s="14" t="s">
        <v>1</v>
      </c>
      <c r="C80101" s="14" t="s">
        <v>109</v>
      </c>
      <c r="D80101" s="14" t="s">
        <v>284</v>
      </c>
      <c r="E80101" s="15">
        <v>45542</v>
      </c>
      <c r="F80101" s="14" t="s">
        <v>61</v>
      </c>
      <c r="G80101" s="16">
        <v>2.8976561718669816E-2</v>
      </c>
    </row>
    <row r="80102" spans="1:7" x14ac:dyDescent="0.3">
      <c r="A80102" s="13" t="s">
        <v>407</v>
      </c>
      <c r="B80102" s="14" t="s">
        <v>1</v>
      </c>
      <c r="C80102" s="14" t="s">
        <v>109</v>
      </c>
      <c r="D80102" s="14" t="s">
        <v>284</v>
      </c>
      <c r="E80102" s="15">
        <v>45543</v>
      </c>
      <c r="F80102" s="14" t="s">
        <v>61</v>
      </c>
      <c r="G80102" s="16">
        <v>2.8976561718669816E-2</v>
      </c>
    </row>
    <row r="80103" spans="1:7" x14ac:dyDescent="0.3">
      <c r="A80103" s="13" t="s">
        <v>407</v>
      </c>
      <c r="B80103" s="14" t="s">
        <v>1</v>
      </c>
      <c r="C80103" s="14" t="s">
        <v>109</v>
      </c>
      <c r="D80103" s="14" t="s">
        <v>284</v>
      </c>
      <c r="E80103" s="15">
        <v>45544</v>
      </c>
      <c r="F80103" s="14" t="s">
        <v>61</v>
      </c>
      <c r="G80103" s="16">
        <v>3.1778076394657594E-2</v>
      </c>
    </row>
    <row r="80104" spans="1:7" x14ac:dyDescent="0.3">
      <c r="A80104" s="13" t="s">
        <v>407</v>
      </c>
      <c r="B80104" s="14" t="s">
        <v>1</v>
      </c>
      <c r="C80104" s="14" t="s">
        <v>109</v>
      </c>
      <c r="D80104" s="14" t="s">
        <v>284</v>
      </c>
      <c r="E80104" s="15">
        <v>45545</v>
      </c>
      <c r="F80104" s="14" t="s">
        <v>61</v>
      </c>
      <c r="G80104" s="16">
        <v>2.5904437181742783E-2</v>
      </c>
    </row>
    <row r="80105" spans="1:7" x14ac:dyDescent="0.3">
      <c r="A80105" s="13" t="s">
        <v>407</v>
      </c>
      <c r="B80105" s="14" t="s">
        <v>1</v>
      </c>
      <c r="C80105" s="14" t="s">
        <v>109</v>
      </c>
      <c r="D80105" s="14" t="s">
        <v>284</v>
      </c>
      <c r="E80105" s="15">
        <v>45546</v>
      </c>
      <c r="F80105" s="14" t="s">
        <v>61</v>
      </c>
      <c r="G80105" s="16">
        <v>2.3303797827453617E-2</v>
      </c>
    </row>
    <row r="80106" spans="1:7" x14ac:dyDescent="0.3">
      <c r="A80106" s="13" t="s">
        <v>407</v>
      </c>
      <c r="B80106" s="14" t="s">
        <v>1</v>
      </c>
      <c r="C80106" s="14" t="s">
        <v>109</v>
      </c>
      <c r="D80106" s="14" t="s">
        <v>284</v>
      </c>
      <c r="E80106" s="15">
        <v>45547</v>
      </c>
      <c r="F80106" s="14" t="s">
        <v>61</v>
      </c>
      <c r="G80106" s="16">
        <v>2.121307188692019E-2</v>
      </c>
    </row>
    <row r="80107" spans="1:7" x14ac:dyDescent="0.3">
      <c r="A80107" s="13" t="s">
        <v>407</v>
      </c>
      <c r="B80107" s="14" t="s">
        <v>1</v>
      </c>
      <c r="C80107" s="14" t="s">
        <v>109</v>
      </c>
      <c r="D80107" s="14" t="s">
        <v>284</v>
      </c>
      <c r="E80107" s="15">
        <v>45548</v>
      </c>
      <c r="F80107" s="14" t="s">
        <v>61</v>
      </c>
      <c r="G80107" s="16">
        <v>1.9743759614686746E-2</v>
      </c>
    </row>
    <row r="80108" spans="1:7" x14ac:dyDescent="0.3">
      <c r="A80108" s="13" t="s">
        <v>407</v>
      </c>
      <c r="B80108" s="14" t="s">
        <v>1</v>
      </c>
      <c r="C80108" s="14" t="s">
        <v>109</v>
      </c>
      <c r="D80108" s="14" t="s">
        <v>284</v>
      </c>
      <c r="E80108" s="15">
        <v>45549</v>
      </c>
      <c r="F80108" s="14" t="s">
        <v>61</v>
      </c>
      <c r="G80108" s="16">
        <v>1.9743759614686746E-2</v>
      </c>
    </row>
    <row r="80109" spans="1:7" x14ac:dyDescent="0.3">
      <c r="A80109" s="13" t="s">
        <v>407</v>
      </c>
      <c r="B80109" s="14" t="s">
        <v>1</v>
      </c>
      <c r="C80109" s="14" t="s">
        <v>109</v>
      </c>
      <c r="D80109" s="14" t="s">
        <v>284</v>
      </c>
      <c r="E80109" s="15">
        <v>45550</v>
      </c>
      <c r="F80109" s="14" t="s">
        <v>61</v>
      </c>
      <c r="G80109" s="16">
        <v>1.9743759614686746E-2</v>
      </c>
    </row>
    <row r="80110" spans="1:7" x14ac:dyDescent="0.3">
      <c r="A80110" s="13" t="s">
        <v>407</v>
      </c>
      <c r="B80110" s="14" t="s">
        <v>1</v>
      </c>
      <c r="C80110" s="14" t="s">
        <v>109</v>
      </c>
      <c r="D80110" s="14" t="s">
        <v>284</v>
      </c>
      <c r="E80110" s="15">
        <v>45551</v>
      </c>
      <c r="F80110" s="14" t="s">
        <v>61</v>
      </c>
      <c r="G80110" s="16">
        <v>1.79468046745998E-2</v>
      </c>
    </row>
    <row r="80111" spans="1:7" x14ac:dyDescent="0.3">
      <c r="A80111" s="13" t="s">
        <v>407</v>
      </c>
      <c r="B80111" s="14" t="s">
        <v>1</v>
      </c>
      <c r="C80111" s="14" t="s">
        <v>109</v>
      </c>
      <c r="D80111" s="14" t="s">
        <v>284</v>
      </c>
      <c r="E80111" s="15">
        <v>45552</v>
      </c>
      <c r="F80111" s="14" t="s">
        <v>61</v>
      </c>
      <c r="G80111" s="16">
        <v>1.1780396890029106E-2</v>
      </c>
    </row>
    <row r="80112" spans="1:7" x14ac:dyDescent="0.3">
      <c r="A80112" s="13" t="s">
        <v>407</v>
      </c>
      <c r="B80112" s="14" t="s">
        <v>1</v>
      </c>
      <c r="C80112" s="14" t="s">
        <v>109</v>
      </c>
      <c r="D80112" s="14" t="s">
        <v>284</v>
      </c>
      <c r="E80112" s="15">
        <v>45553</v>
      </c>
      <c r="F80112" s="14" t="s">
        <v>61</v>
      </c>
      <c r="G80112" s="16">
        <v>9.9342281605113072E-3</v>
      </c>
    </row>
    <row r="80113" spans="1:7" x14ac:dyDescent="0.3">
      <c r="A80113" s="13" t="s">
        <v>407</v>
      </c>
      <c r="B80113" s="14" t="s">
        <v>1</v>
      </c>
      <c r="C80113" s="14" t="s">
        <v>109</v>
      </c>
      <c r="D80113" s="14" t="s">
        <v>284</v>
      </c>
      <c r="E80113" s="15">
        <v>45554</v>
      </c>
      <c r="F80113" s="14" t="s">
        <v>61</v>
      </c>
      <c r="G80113" s="16">
        <v>7.8349912733397219E-3</v>
      </c>
    </row>
    <row r="80114" spans="1:7" x14ac:dyDescent="0.3">
      <c r="A80114" s="13" t="s">
        <v>407</v>
      </c>
      <c r="B80114" s="14" t="s">
        <v>1</v>
      </c>
      <c r="C80114" s="14" t="s">
        <v>109</v>
      </c>
      <c r="D80114" s="14" t="s">
        <v>284</v>
      </c>
      <c r="E80114" s="15">
        <v>45555</v>
      </c>
      <c r="F80114" s="14" t="s">
        <v>61</v>
      </c>
      <c r="G80114" s="16">
        <v>5.802116831833566E-3</v>
      </c>
    </row>
    <row r="80115" spans="1:7" x14ac:dyDescent="0.3">
      <c r="A80115" s="13" t="s">
        <v>407</v>
      </c>
      <c r="B80115" s="14" t="s">
        <v>1</v>
      </c>
      <c r="C80115" s="14" t="s">
        <v>109</v>
      </c>
      <c r="D80115" s="14" t="s">
        <v>284</v>
      </c>
      <c r="E80115" s="15">
        <v>45556</v>
      </c>
      <c r="F80115" s="14" t="s">
        <v>61</v>
      </c>
      <c r="G80115" s="16">
        <v>5.802116831833566E-3</v>
      </c>
    </row>
    <row r="80116" spans="1:7" x14ac:dyDescent="0.3">
      <c r="A80116" s="13" t="s">
        <v>407</v>
      </c>
      <c r="B80116" s="14" t="s">
        <v>1</v>
      </c>
      <c r="C80116" s="14" t="s">
        <v>109</v>
      </c>
      <c r="D80116" s="14" t="s">
        <v>284</v>
      </c>
      <c r="E80116" s="15">
        <v>45557</v>
      </c>
      <c r="F80116" s="14" t="s">
        <v>61</v>
      </c>
      <c r="G80116" s="16">
        <v>5.802116831833566E-3</v>
      </c>
    </row>
    <row r="80117" spans="1:7" x14ac:dyDescent="0.3">
      <c r="A80117" s="13" t="s">
        <v>407</v>
      </c>
      <c r="B80117" s="14" t="s">
        <v>1</v>
      </c>
      <c r="C80117" s="14" t="s">
        <v>109</v>
      </c>
      <c r="D80117" s="14" t="s">
        <v>284</v>
      </c>
      <c r="E80117" s="15">
        <v>45558</v>
      </c>
      <c r="F80117" s="14" t="s">
        <v>61</v>
      </c>
      <c r="G80117" s="16">
        <v>3.7300021987123049E-3</v>
      </c>
    </row>
    <row r="80118" spans="1:7" x14ac:dyDescent="0.3">
      <c r="A80118" s="13" t="s">
        <v>407</v>
      </c>
      <c r="B80118" s="14" t="s">
        <v>1</v>
      </c>
      <c r="C80118" s="14" t="s">
        <v>109</v>
      </c>
      <c r="D80118" s="14" t="s">
        <v>284</v>
      </c>
      <c r="E80118" s="15">
        <v>45559</v>
      </c>
      <c r="F80118" s="14" t="s">
        <v>61</v>
      </c>
      <c r="G80118" s="16">
        <v>0</v>
      </c>
    </row>
    <row r="80119" spans="1:7" x14ac:dyDescent="0.3">
      <c r="A80119" s="13" t="s">
        <v>407</v>
      </c>
      <c r="B80119" s="14" t="s">
        <v>1</v>
      </c>
      <c r="C80119" s="14" t="s">
        <v>109</v>
      </c>
      <c r="D80119" s="14" t="s">
        <v>284</v>
      </c>
      <c r="E80119" s="15">
        <v>45560</v>
      </c>
      <c r="F80119" s="14" t="s">
        <v>61</v>
      </c>
      <c r="G80119" s="16">
        <v>0</v>
      </c>
    </row>
    <row r="80120" spans="1:7" x14ac:dyDescent="0.3">
      <c r="A80120" s="13" t="s">
        <v>407</v>
      </c>
      <c r="B80120" s="14" t="s">
        <v>1</v>
      </c>
      <c r="C80120" s="14" t="s">
        <v>109</v>
      </c>
      <c r="D80120" s="14" t="s">
        <v>284</v>
      </c>
      <c r="E80120" s="15">
        <v>45561</v>
      </c>
      <c r="F80120" s="14" t="s">
        <v>61</v>
      </c>
      <c r="G80120" s="16">
        <v>0</v>
      </c>
    </row>
    <row r="80121" spans="1:7" x14ac:dyDescent="0.3">
      <c r="A80121" s="13" t="s">
        <v>407</v>
      </c>
      <c r="B80121" s="14" t="s">
        <v>1</v>
      </c>
      <c r="C80121" s="14" t="s">
        <v>109</v>
      </c>
      <c r="D80121" s="14" t="s">
        <v>284</v>
      </c>
      <c r="E80121" s="15">
        <v>45562</v>
      </c>
      <c r="F80121" s="14" t="s">
        <v>61</v>
      </c>
      <c r="G80121" s="16">
        <v>0</v>
      </c>
    </row>
    <row r="80122" spans="1:7" x14ac:dyDescent="0.3">
      <c r="A80122" s="13" t="s">
        <v>407</v>
      </c>
      <c r="B80122" s="14" t="s">
        <v>1</v>
      </c>
      <c r="C80122" s="14" t="s">
        <v>109</v>
      </c>
      <c r="D80122" s="14" t="s">
        <v>284</v>
      </c>
      <c r="E80122" s="15">
        <v>45563</v>
      </c>
      <c r="F80122" s="14" t="s">
        <v>61</v>
      </c>
      <c r="G80122" s="16">
        <v>0</v>
      </c>
    </row>
    <row r="80123" spans="1:7" x14ac:dyDescent="0.3">
      <c r="A80123" s="13" t="s">
        <v>407</v>
      </c>
      <c r="B80123" s="14" t="s">
        <v>1</v>
      </c>
      <c r="C80123" s="14" t="s">
        <v>109</v>
      </c>
      <c r="D80123" s="14" t="s">
        <v>284</v>
      </c>
      <c r="E80123" s="15">
        <v>45564</v>
      </c>
      <c r="F80123" s="14" t="s">
        <v>61</v>
      </c>
      <c r="G80123" s="16">
        <v>0</v>
      </c>
    </row>
    <row r="80124" spans="1:7" x14ac:dyDescent="0.3">
      <c r="A80124" s="13" t="s">
        <v>407</v>
      </c>
      <c r="B80124" s="14" t="s">
        <v>1</v>
      </c>
      <c r="C80124" s="14" t="s">
        <v>109</v>
      </c>
      <c r="D80124" s="14" t="s">
        <v>284</v>
      </c>
      <c r="E80124" s="15">
        <v>45565</v>
      </c>
      <c r="F80124" s="14" t="s">
        <v>61</v>
      </c>
      <c r="G80124" s="16">
        <v>1.2910440054821316E-2</v>
      </c>
    </row>
    <row r="80125" spans="1:7" x14ac:dyDescent="0.3">
      <c r="A80125" s="13" t="s">
        <v>407</v>
      </c>
      <c r="B80125" s="14" t="s">
        <v>1</v>
      </c>
      <c r="C80125" s="14" t="s">
        <v>109</v>
      </c>
      <c r="D80125" s="14" t="s">
        <v>284</v>
      </c>
      <c r="E80125" s="15">
        <v>45566</v>
      </c>
      <c r="F80125" s="14" t="s">
        <v>61</v>
      </c>
      <c r="G80125" s="16">
        <v>8.697948652475234E-3</v>
      </c>
    </row>
    <row r="80126" spans="1:7" x14ac:dyDescent="0.3">
      <c r="A80126" s="13" t="s">
        <v>407</v>
      </c>
      <c r="B80126" s="14" t="s">
        <v>1</v>
      </c>
      <c r="C80126" s="14" t="s">
        <v>109</v>
      </c>
      <c r="D80126" s="14" t="s">
        <v>284</v>
      </c>
      <c r="E80126" s="15">
        <v>45567</v>
      </c>
      <c r="F80126" s="14" t="s">
        <v>61</v>
      </c>
      <c r="G80126" s="16">
        <v>6.7581883064743945E-3</v>
      </c>
    </row>
    <row r="80127" spans="1:7" x14ac:dyDescent="0.3">
      <c r="A80127" s="13" t="s">
        <v>407</v>
      </c>
      <c r="B80127" s="14" t="s">
        <v>1</v>
      </c>
      <c r="C80127" s="14" t="s">
        <v>109</v>
      </c>
      <c r="D80127" s="14" t="s">
        <v>284</v>
      </c>
      <c r="E80127" s="15">
        <v>45568</v>
      </c>
      <c r="F80127" s="14" t="s">
        <v>61</v>
      </c>
      <c r="G80127" s="16">
        <v>4.6535016619386818E-3</v>
      </c>
    </row>
    <row r="80128" spans="1:7" x14ac:dyDescent="0.3">
      <c r="A80128" s="13" t="s">
        <v>407</v>
      </c>
      <c r="B80128" s="14" t="s">
        <v>1</v>
      </c>
      <c r="C80128" s="14" t="s">
        <v>109</v>
      </c>
      <c r="D80128" s="14" t="s">
        <v>284</v>
      </c>
      <c r="E80128" s="15">
        <v>45569</v>
      </c>
      <c r="F80128" s="14" t="s">
        <v>61</v>
      </c>
      <c r="G80128" s="16">
        <v>2.5521848953839904E-3</v>
      </c>
    </row>
    <row r="80129" spans="1:7" x14ac:dyDescent="0.3">
      <c r="A80129" s="13" t="s">
        <v>407</v>
      </c>
      <c r="B80129" s="14" t="s">
        <v>1</v>
      </c>
      <c r="C80129" s="14" t="s">
        <v>109</v>
      </c>
      <c r="D80129" s="14" t="s">
        <v>284</v>
      </c>
      <c r="E80129" s="15">
        <v>45570</v>
      </c>
      <c r="F80129" s="14" t="s">
        <v>61</v>
      </c>
      <c r="G80129" s="16">
        <v>2.5521848953839904E-3</v>
      </c>
    </row>
    <row r="80130" spans="1:7" x14ac:dyDescent="0.3">
      <c r="A80130" s="13" t="s">
        <v>407</v>
      </c>
      <c r="B80130" s="14" t="s">
        <v>1</v>
      </c>
      <c r="C80130" s="14" t="s">
        <v>109</v>
      </c>
      <c r="D80130" s="14" t="s">
        <v>284</v>
      </c>
      <c r="E80130" s="15">
        <v>45571</v>
      </c>
      <c r="F80130" s="14" t="s">
        <v>61</v>
      </c>
      <c r="G80130" s="16">
        <v>2.5521848953839904E-3</v>
      </c>
    </row>
    <row r="80131" spans="1:7" x14ac:dyDescent="0.3">
      <c r="A80131" s="13" t="s">
        <v>407</v>
      </c>
      <c r="B80131" s="14" t="s">
        <v>1</v>
      </c>
      <c r="C80131" s="14" t="s">
        <v>109</v>
      </c>
      <c r="D80131" s="14" t="s">
        <v>284</v>
      </c>
      <c r="E80131" s="15">
        <v>45572</v>
      </c>
      <c r="F80131" s="14" t="s">
        <v>61</v>
      </c>
      <c r="G80131" s="16">
        <v>4.1953320436516365E-3</v>
      </c>
    </row>
    <row r="80132" spans="1:7" x14ac:dyDescent="0.3">
      <c r="A80132" s="13" t="s">
        <v>407</v>
      </c>
      <c r="B80132" s="14" t="s">
        <v>1</v>
      </c>
      <c r="C80132" s="14" t="s">
        <v>109</v>
      </c>
      <c r="D80132" s="14" t="s">
        <v>284</v>
      </c>
      <c r="E80132" s="15">
        <v>45573</v>
      </c>
      <c r="F80132" s="14" t="s">
        <v>61</v>
      </c>
      <c r="G80132" s="16">
        <v>0</v>
      </c>
    </row>
    <row r="80133" spans="1:7" x14ac:dyDescent="0.3">
      <c r="A80133" s="13" t="s">
        <v>407</v>
      </c>
      <c r="B80133" s="14" t="s">
        <v>1</v>
      </c>
      <c r="C80133" s="14" t="s">
        <v>109</v>
      </c>
      <c r="D80133" s="14" t="s">
        <v>284</v>
      </c>
      <c r="E80133" s="15">
        <v>45574</v>
      </c>
      <c r="F80133" s="14" t="s">
        <v>61</v>
      </c>
      <c r="G80133" s="16">
        <v>0</v>
      </c>
    </row>
    <row r="80134" spans="1:7" x14ac:dyDescent="0.3">
      <c r="A80134" s="13" t="s">
        <v>407</v>
      </c>
      <c r="B80134" s="14" t="s">
        <v>1</v>
      </c>
      <c r="C80134" s="14" t="s">
        <v>109</v>
      </c>
      <c r="D80134" s="14" t="s">
        <v>284</v>
      </c>
      <c r="E80134" s="15">
        <v>45575</v>
      </c>
      <c r="F80134" s="14" t="s">
        <v>61</v>
      </c>
      <c r="G80134" s="16">
        <v>0</v>
      </c>
    </row>
    <row r="80135" spans="1:7" x14ac:dyDescent="0.3">
      <c r="A80135" s="13" t="s">
        <v>407</v>
      </c>
      <c r="B80135" s="14" t="s">
        <v>1</v>
      </c>
      <c r="C80135" s="14" t="s">
        <v>109</v>
      </c>
      <c r="D80135" s="14" t="s">
        <v>284</v>
      </c>
      <c r="E80135" s="15">
        <v>45576</v>
      </c>
      <c r="F80135" s="14" t="s">
        <v>61</v>
      </c>
      <c r="G80135" s="16">
        <v>0</v>
      </c>
    </row>
    <row r="80136" spans="1:7" x14ac:dyDescent="0.3">
      <c r="A80136" s="13" t="s">
        <v>407</v>
      </c>
      <c r="B80136" s="14" t="s">
        <v>1</v>
      </c>
      <c r="C80136" s="14" t="s">
        <v>109</v>
      </c>
      <c r="D80136" s="14" t="s">
        <v>284</v>
      </c>
      <c r="E80136" s="15">
        <v>45577</v>
      </c>
      <c r="F80136" s="14" t="s">
        <v>61</v>
      </c>
      <c r="G80136" s="16">
        <v>0</v>
      </c>
    </row>
    <row r="80137" spans="1:7" x14ac:dyDescent="0.3">
      <c r="A80137" s="13" t="s">
        <v>407</v>
      </c>
      <c r="B80137" s="14" t="s">
        <v>1</v>
      </c>
      <c r="C80137" s="14" t="s">
        <v>109</v>
      </c>
      <c r="D80137" s="14" t="s">
        <v>284</v>
      </c>
      <c r="E80137" s="15">
        <v>45578</v>
      </c>
      <c r="F80137" s="14" t="s">
        <v>61</v>
      </c>
      <c r="G80137" s="16">
        <v>0</v>
      </c>
    </row>
    <row r="80138" spans="1:7" x14ac:dyDescent="0.3">
      <c r="A80138" s="13" t="s">
        <v>407</v>
      </c>
      <c r="B80138" s="14" t="s">
        <v>1</v>
      </c>
      <c r="C80138" s="14" t="s">
        <v>109</v>
      </c>
      <c r="D80138" s="14" t="s">
        <v>284</v>
      </c>
      <c r="E80138" s="15">
        <v>45579</v>
      </c>
      <c r="F80138" s="14" t="s">
        <v>61</v>
      </c>
      <c r="G80138" s="16">
        <v>0</v>
      </c>
    </row>
    <row r="80139" spans="1:7" x14ac:dyDescent="0.3">
      <c r="A80139" s="13" t="s">
        <v>407</v>
      </c>
      <c r="B80139" s="14" t="s">
        <v>1</v>
      </c>
      <c r="C80139" s="14" t="s">
        <v>109</v>
      </c>
      <c r="D80139" s="14" t="s">
        <v>284</v>
      </c>
      <c r="E80139" s="15">
        <v>45580</v>
      </c>
      <c r="F80139" s="14" t="s">
        <v>61</v>
      </c>
      <c r="G80139" s="16">
        <v>0</v>
      </c>
    </row>
    <row r="80140" spans="1:7" x14ac:dyDescent="0.3">
      <c r="A80140" s="13" t="s">
        <v>407</v>
      </c>
      <c r="B80140" s="14" t="s">
        <v>1</v>
      </c>
      <c r="C80140" s="14" t="s">
        <v>109</v>
      </c>
      <c r="D80140" s="14" t="s">
        <v>284</v>
      </c>
      <c r="E80140" s="15">
        <v>45581</v>
      </c>
      <c r="F80140" s="14" t="s">
        <v>61</v>
      </c>
      <c r="G80140" s="16">
        <v>0</v>
      </c>
    </row>
    <row r="80141" spans="1:7" x14ac:dyDescent="0.3">
      <c r="A80141" s="13" t="s">
        <v>407</v>
      </c>
      <c r="B80141" s="14" t="s">
        <v>1</v>
      </c>
      <c r="C80141" s="14" t="s">
        <v>109</v>
      </c>
      <c r="D80141" s="14" t="s">
        <v>284</v>
      </c>
      <c r="E80141" s="15">
        <v>45582</v>
      </c>
      <c r="F80141" s="14" t="s">
        <v>61</v>
      </c>
      <c r="G80141" s="16">
        <v>0</v>
      </c>
    </row>
    <row r="80142" spans="1:7" x14ac:dyDescent="0.3">
      <c r="A80142" s="13" t="s">
        <v>407</v>
      </c>
      <c r="B80142" s="14" t="s">
        <v>1</v>
      </c>
      <c r="C80142" s="14" t="s">
        <v>109</v>
      </c>
      <c r="D80142" s="14" t="s">
        <v>284</v>
      </c>
      <c r="E80142" s="15">
        <v>45583</v>
      </c>
      <c r="F80142" s="14" t="s">
        <v>61</v>
      </c>
      <c r="G80142" s="16">
        <v>0</v>
      </c>
    </row>
    <row r="80143" spans="1:7" x14ac:dyDescent="0.3">
      <c r="A80143" s="13" t="s">
        <v>407</v>
      </c>
      <c r="B80143" s="14" t="s">
        <v>1</v>
      </c>
      <c r="C80143" s="14" t="s">
        <v>109</v>
      </c>
      <c r="D80143" s="14" t="s">
        <v>284</v>
      </c>
      <c r="E80143" s="15">
        <v>45584</v>
      </c>
      <c r="F80143" s="14" t="s">
        <v>61</v>
      </c>
      <c r="G80143" s="16">
        <v>0</v>
      </c>
    </row>
    <row r="80144" spans="1:7" x14ac:dyDescent="0.3">
      <c r="A80144" s="13" t="s">
        <v>407</v>
      </c>
      <c r="B80144" s="14" t="s">
        <v>1</v>
      </c>
      <c r="C80144" s="14" t="s">
        <v>109</v>
      </c>
      <c r="D80144" s="14" t="s">
        <v>284</v>
      </c>
      <c r="E80144" s="15">
        <v>45585</v>
      </c>
      <c r="F80144" s="14" t="s">
        <v>61</v>
      </c>
      <c r="G80144" s="16">
        <v>0</v>
      </c>
    </row>
    <row r="80145" spans="1:7" x14ac:dyDescent="0.3">
      <c r="A80145" s="13" t="s">
        <v>407</v>
      </c>
      <c r="B80145" s="14" t="s">
        <v>1</v>
      </c>
      <c r="C80145" s="14" t="s">
        <v>109</v>
      </c>
      <c r="D80145" s="14" t="s">
        <v>284</v>
      </c>
      <c r="E80145" s="15">
        <v>45586</v>
      </c>
      <c r="F80145" s="14" t="s">
        <v>61</v>
      </c>
      <c r="G80145" s="16">
        <v>0</v>
      </c>
    </row>
    <row r="80146" spans="1:7" x14ac:dyDescent="0.3">
      <c r="A80146" s="13" t="s">
        <v>407</v>
      </c>
      <c r="B80146" s="14" t="s">
        <v>1</v>
      </c>
      <c r="C80146" s="14" t="s">
        <v>109</v>
      </c>
      <c r="D80146" s="14" t="s">
        <v>284</v>
      </c>
      <c r="E80146" s="15">
        <v>45587</v>
      </c>
      <c r="F80146" s="14" t="s">
        <v>61</v>
      </c>
      <c r="G80146" s="16">
        <v>0</v>
      </c>
    </row>
    <row r="80147" spans="1:7" x14ac:dyDescent="0.3">
      <c r="A80147" s="13" t="s">
        <v>407</v>
      </c>
      <c r="B80147" s="14" t="s">
        <v>1</v>
      </c>
      <c r="C80147" s="14" t="s">
        <v>109</v>
      </c>
      <c r="D80147" s="14" t="s">
        <v>284</v>
      </c>
      <c r="E80147" s="15">
        <v>45588</v>
      </c>
      <c r="F80147" s="14" t="s">
        <v>61</v>
      </c>
      <c r="G80147" s="16">
        <v>0</v>
      </c>
    </row>
    <row r="80148" spans="1:7" x14ac:dyDescent="0.3">
      <c r="A80148" s="13" t="s">
        <v>407</v>
      </c>
      <c r="B80148" s="14" t="s">
        <v>1</v>
      </c>
      <c r="C80148" s="14" t="s">
        <v>109</v>
      </c>
      <c r="D80148" s="14" t="s">
        <v>284</v>
      </c>
      <c r="E80148" s="15">
        <v>45589</v>
      </c>
      <c r="F80148" s="14" t="s">
        <v>61</v>
      </c>
      <c r="G80148" s="16">
        <v>0</v>
      </c>
    </row>
    <row r="80149" spans="1:7" x14ac:dyDescent="0.3">
      <c r="A80149" s="13" t="s">
        <v>407</v>
      </c>
      <c r="B80149" s="14" t="s">
        <v>1</v>
      </c>
      <c r="C80149" s="14" t="s">
        <v>109</v>
      </c>
      <c r="D80149" s="14" t="s">
        <v>284</v>
      </c>
      <c r="E80149" s="15">
        <v>45590</v>
      </c>
      <c r="F80149" s="14" t="s">
        <v>61</v>
      </c>
      <c r="G80149" s="16">
        <v>0</v>
      </c>
    </row>
    <row r="80150" spans="1:7" x14ac:dyDescent="0.3">
      <c r="A80150" s="13" t="s">
        <v>407</v>
      </c>
      <c r="B80150" s="14" t="s">
        <v>1</v>
      </c>
      <c r="C80150" s="14" t="s">
        <v>109</v>
      </c>
      <c r="D80150" s="14" t="s">
        <v>284</v>
      </c>
      <c r="E80150" s="15">
        <v>45591</v>
      </c>
      <c r="F80150" s="14" t="s">
        <v>61</v>
      </c>
      <c r="G80150" s="16">
        <v>0</v>
      </c>
    </row>
    <row r="80151" spans="1:7" x14ac:dyDescent="0.3">
      <c r="A80151" s="13" t="s">
        <v>407</v>
      </c>
      <c r="B80151" s="14" t="s">
        <v>1</v>
      </c>
      <c r="C80151" s="14" t="s">
        <v>109</v>
      </c>
      <c r="D80151" s="14" t="s">
        <v>284</v>
      </c>
      <c r="E80151" s="15">
        <v>45592</v>
      </c>
      <c r="F80151" s="14" t="s">
        <v>61</v>
      </c>
      <c r="G80151" s="16">
        <v>0</v>
      </c>
    </row>
    <row r="80152" spans="1:7" x14ac:dyDescent="0.3">
      <c r="A80152" s="13" t="s">
        <v>407</v>
      </c>
      <c r="B80152" s="14" t="s">
        <v>1</v>
      </c>
      <c r="C80152" s="14" t="s">
        <v>109</v>
      </c>
      <c r="D80152" s="14" t="s">
        <v>284</v>
      </c>
      <c r="E80152" s="15">
        <v>45593</v>
      </c>
      <c r="F80152" s="14" t="s">
        <v>61</v>
      </c>
      <c r="G80152" s="16">
        <v>0</v>
      </c>
    </row>
    <row r="80153" spans="1:7" x14ac:dyDescent="0.3">
      <c r="A80153" s="13" t="s">
        <v>407</v>
      </c>
      <c r="B80153" s="14" t="s">
        <v>1</v>
      </c>
      <c r="C80153" s="14" t="s">
        <v>109</v>
      </c>
      <c r="D80153" s="14" t="s">
        <v>284</v>
      </c>
      <c r="E80153" s="15">
        <v>45594</v>
      </c>
      <c r="F80153" s="14" t="s">
        <v>61</v>
      </c>
      <c r="G80153" s="16">
        <v>0</v>
      </c>
    </row>
    <row r="80154" spans="1:7" x14ac:dyDescent="0.3">
      <c r="A80154" s="13" t="s">
        <v>407</v>
      </c>
      <c r="B80154" s="14" t="s">
        <v>1</v>
      </c>
      <c r="C80154" s="14" t="s">
        <v>109</v>
      </c>
      <c r="D80154" s="14" t="s">
        <v>284</v>
      </c>
      <c r="E80154" s="15">
        <v>45595</v>
      </c>
      <c r="F80154" s="14" t="s">
        <v>61</v>
      </c>
      <c r="G80154" s="16">
        <v>0</v>
      </c>
    </row>
    <row r="80155" spans="1:7" x14ac:dyDescent="0.3">
      <c r="A80155" s="13" t="s">
        <v>407</v>
      </c>
      <c r="B80155" s="14" t="s">
        <v>1</v>
      </c>
      <c r="C80155" s="14" t="s">
        <v>109</v>
      </c>
      <c r="D80155" s="14" t="s">
        <v>284</v>
      </c>
      <c r="E80155" s="15">
        <v>45596</v>
      </c>
      <c r="F80155" s="14" t="s">
        <v>61</v>
      </c>
      <c r="G80155" s="16">
        <v>0</v>
      </c>
    </row>
    <row r="80156" spans="1:7" x14ac:dyDescent="0.3">
      <c r="A80156" s="13" t="s">
        <v>407</v>
      </c>
      <c r="B80156" s="14" t="s">
        <v>1</v>
      </c>
      <c r="C80156" s="14" t="s">
        <v>109</v>
      </c>
      <c r="D80156" s="14" t="s">
        <v>284</v>
      </c>
      <c r="E80156" s="15">
        <v>45597</v>
      </c>
      <c r="F80156" s="14" t="s">
        <v>61</v>
      </c>
      <c r="G80156" s="16">
        <v>0</v>
      </c>
    </row>
    <row r="80157" spans="1:7" x14ac:dyDescent="0.3">
      <c r="A80157" s="13" t="s">
        <v>407</v>
      </c>
      <c r="B80157" s="14" t="s">
        <v>1</v>
      </c>
      <c r="C80157" s="14" t="s">
        <v>109</v>
      </c>
      <c r="D80157" s="14" t="s">
        <v>284</v>
      </c>
      <c r="E80157" s="15">
        <v>45598</v>
      </c>
      <c r="F80157" s="14" t="s">
        <v>61</v>
      </c>
      <c r="G80157" s="16">
        <v>0</v>
      </c>
    </row>
    <row r="80158" spans="1:7" x14ac:dyDescent="0.3">
      <c r="A80158" s="13" t="s">
        <v>407</v>
      </c>
      <c r="B80158" s="14" t="s">
        <v>1</v>
      </c>
      <c r="C80158" s="14" t="s">
        <v>109</v>
      </c>
      <c r="D80158" s="14" t="s">
        <v>284</v>
      </c>
      <c r="E80158" s="15">
        <v>45599</v>
      </c>
      <c r="F80158" s="14" t="s">
        <v>61</v>
      </c>
      <c r="G80158" s="16">
        <v>0</v>
      </c>
    </row>
    <row r="80159" spans="1:7" x14ac:dyDescent="0.3">
      <c r="A80159" s="13" t="s">
        <v>407</v>
      </c>
      <c r="B80159" s="14" t="s">
        <v>1</v>
      </c>
      <c r="C80159" s="14" t="s">
        <v>109</v>
      </c>
      <c r="D80159" s="14" t="s">
        <v>284</v>
      </c>
      <c r="E80159" s="15">
        <v>45600</v>
      </c>
      <c r="F80159" s="14" t="s">
        <v>61</v>
      </c>
      <c r="G80159" s="16">
        <v>0</v>
      </c>
    </row>
    <row r="80160" spans="1:7" x14ac:dyDescent="0.3">
      <c r="A80160" s="13" t="s">
        <v>407</v>
      </c>
      <c r="B80160" s="14" t="s">
        <v>1</v>
      </c>
      <c r="C80160" s="14" t="s">
        <v>109</v>
      </c>
      <c r="D80160" s="14" t="s">
        <v>284</v>
      </c>
      <c r="E80160" s="15">
        <v>45601</v>
      </c>
      <c r="F80160" s="14" t="s">
        <v>61</v>
      </c>
      <c r="G80160" s="16">
        <v>0</v>
      </c>
    </row>
    <row r="80161" spans="1:7" x14ac:dyDescent="0.3">
      <c r="A80161" s="13" t="s">
        <v>407</v>
      </c>
      <c r="B80161" s="14" t="s">
        <v>1</v>
      </c>
      <c r="C80161" s="14" t="s">
        <v>109</v>
      </c>
      <c r="D80161" s="14" t="s">
        <v>284</v>
      </c>
      <c r="E80161" s="15">
        <v>45602</v>
      </c>
      <c r="F80161" s="14" t="s">
        <v>61</v>
      </c>
      <c r="G80161" s="16">
        <v>0</v>
      </c>
    </row>
    <row r="80162" spans="1:7" x14ac:dyDescent="0.3">
      <c r="A80162" s="13" t="s">
        <v>407</v>
      </c>
      <c r="B80162" s="14" t="s">
        <v>1</v>
      </c>
      <c r="C80162" s="14" t="s">
        <v>109</v>
      </c>
      <c r="D80162" s="14" t="s">
        <v>284</v>
      </c>
      <c r="E80162" s="15">
        <v>45603</v>
      </c>
      <c r="F80162" s="14" t="s">
        <v>61</v>
      </c>
      <c r="G80162" s="16">
        <v>0</v>
      </c>
    </row>
    <row r="80163" spans="1:7" x14ac:dyDescent="0.3">
      <c r="A80163" s="13" t="s">
        <v>407</v>
      </c>
      <c r="B80163" s="14" t="s">
        <v>1</v>
      </c>
      <c r="C80163" s="14" t="s">
        <v>109</v>
      </c>
      <c r="D80163" s="14" t="s">
        <v>284</v>
      </c>
      <c r="E80163" s="15">
        <v>45604</v>
      </c>
      <c r="F80163" s="14" t="s">
        <v>61</v>
      </c>
      <c r="G80163" s="16">
        <v>0</v>
      </c>
    </row>
    <row r="80164" spans="1:7" x14ac:dyDescent="0.3">
      <c r="A80164" s="13" t="s">
        <v>407</v>
      </c>
      <c r="B80164" s="14" t="s">
        <v>1</v>
      </c>
      <c r="C80164" s="14" t="s">
        <v>109</v>
      </c>
      <c r="D80164" s="14" t="s">
        <v>284</v>
      </c>
      <c r="E80164" s="15">
        <v>45605</v>
      </c>
      <c r="F80164" s="14" t="s">
        <v>61</v>
      </c>
      <c r="G80164" s="16">
        <v>0</v>
      </c>
    </row>
    <row r="80165" spans="1:7" x14ac:dyDescent="0.3">
      <c r="A80165" s="13" t="s">
        <v>407</v>
      </c>
      <c r="B80165" s="14" t="s">
        <v>1</v>
      </c>
      <c r="C80165" s="14" t="s">
        <v>109</v>
      </c>
      <c r="D80165" s="14" t="s">
        <v>284</v>
      </c>
      <c r="E80165" s="15">
        <v>45606</v>
      </c>
      <c r="F80165" s="14" t="s">
        <v>61</v>
      </c>
      <c r="G80165" s="16">
        <v>0</v>
      </c>
    </row>
    <row r="80166" spans="1:7" x14ac:dyDescent="0.3">
      <c r="A80166" s="13" t="s">
        <v>407</v>
      </c>
      <c r="B80166" s="14" t="s">
        <v>1</v>
      </c>
      <c r="C80166" s="14" t="s">
        <v>109</v>
      </c>
      <c r="D80166" s="14" t="s">
        <v>284</v>
      </c>
      <c r="E80166" s="15">
        <v>45607</v>
      </c>
      <c r="F80166" s="14" t="s">
        <v>61</v>
      </c>
      <c r="G80166" s="16">
        <v>0</v>
      </c>
    </row>
    <row r="80167" spans="1:7" x14ac:dyDescent="0.3">
      <c r="A80167" s="13" t="s">
        <v>407</v>
      </c>
      <c r="B80167" s="14" t="s">
        <v>1</v>
      </c>
      <c r="C80167" s="14" t="s">
        <v>109</v>
      </c>
      <c r="D80167" s="14" t="s">
        <v>284</v>
      </c>
      <c r="E80167" s="15">
        <v>45608</v>
      </c>
      <c r="F80167" s="14" t="s">
        <v>61</v>
      </c>
      <c r="G80167" s="16">
        <v>0</v>
      </c>
    </row>
    <row r="80168" spans="1:7" x14ac:dyDescent="0.3">
      <c r="A80168" s="13" t="s">
        <v>407</v>
      </c>
      <c r="B80168" s="14" t="s">
        <v>1</v>
      </c>
      <c r="C80168" s="14" t="s">
        <v>109</v>
      </c>
      <c r="D80168" s="14" t="s">
        <v>284</v>
      </c>
      <c r="E80168" s="15">
        <v>45609</v>
      </c>
      <c r="F80168" s="14" t="s">
        <v>61</v>
      </c>
      <c r="G80168" s="16">
        <v>0</v>
      </c>
    </row>
    <row r="80169" spans="1:7" x14ac:dyDescent="0.3">
      <c r="A80169" s="13" t="s">
        <v>407</v>
      </c>
      <c r="B80169" s="14" t="s">
        <v>1</v>
      </c>
      <c r="C80169" s="14" t="s">
        <v>109</v>
      </c>
      <c r="D80169" s="14" t="s">
        <v>284</v>
      </c>
      <c r="E80169" s="15">
        <v>45610</v>
      </c>
      <c r="F80169" s="14" t="s">
        <v>61</v>
      </c>
      <c r="G80169" s="16">
        <v>0</v>
      </c>
    </row>
    <row r="80170" spans="1:7" x14ac:dyDescent="0.3">
      <c r="A80170" s="13" t="s">
        <v>407</v>
      </c>
      <c r="B80170" s="14" t="s">
        <v>1</v>
      </c>
      <c r="C80170" s="14" t="s">
        <v>109</v>
      </c>
      <c r="D80170" s="14" t="s">
        <v>284</v>
      </c>
      <c r="E80170" s="15">
        <v>45611</v>
      </c>
      <c r="F80170" s="14" t="s">
        <v>61</v>
      </c>
      <c r="G80170" s="16">
        <v>0</v>
      </c>
    </row>
    <row r="80171" spans="1:7" x14ac:dyDescent="0.3">
      <c r="A80171" s="13" t="s">
        <v>407</v>
      </c>
      <c r="B80171" s="14" t="s">
        <v>1</v>
      </c>
      <c r="C80171" s="14" t="s">
        <v>109</v>
      </c>
      <c r="D80171" s="14" t="s">
        <v>284</v>
      </c>
      <c r="E80171" s="15">
        <v>45612</v>
      </c>
      <c r="F80171" s="14" t="s">
        <v>61</v>
      </c>
      <c r="G80171" s="16">
        <v>0</v>
      </c>
    </row>
    <row r="80172" spans="1:7" x14ac:dyDescent="0.3">
      <c r="A80172" s="13" t="s">
        <v>407</v>
      </c>
      <c r="B80172" s="14" t="s">
        <v>1</v>
      </c>
      <c r="C80172" s="14" t="s">
        <v>109</v>
      </c>
      <c r="D80172" s="14" t="s">
        <v>284</v>
      </c>
      <c r="E80172" s="15">
        <v>45613</v>
      </c>
      <c r="F80172" s="14" t="s">
        <v>61</v>
      </c>
      <c r="G80172" s="16">
        <v>0</v>
      </c>
    </row>
    <row r="80173" spans="1:7" x14ac:dyDescent="0.3">
      <c r="A80173" s="13" t="s">
        <v>407</v>
      </c>
      <c r="B80173" s="14" t="s">
        <v>1</v>
      </c>
      <c r="C80173" s="14" t="s">
        <v>109</v>
      </c>
      <c r="D80173" s="14" t="s">
        <v>284</v>
      </c>
      <c r="E80173" s="15">
        <v>45614</v>
      </c>
      <c r="F80173" s="14" t="s">
        <v>61</v>
      </c>
      <c r="G80173" s="16">
        <v>0</v>
      </c>
    </row>
    <row r="80174" spans="1:7" x14ac:dyDescent="0.3">
      <c r="A80174" s="13" t="s">
        <v>407</v>
      </c>
      <c r="B80174" s="14" t="s">
        <v>1</v>
      </c>
      <c r="C80174" s="14" t="s">
        <v>109</v>
      </c>
      <c r="D80174" s="14" t="s">
        <v>284</v>
      </c>
      <c r="E80174" s="15">
        <v>45615</v>
      </c>
      <c r="F80174" s="14" t="s">
        <v>61</v>
      </c>
      <c r="G80174" s="16">
        <v>0</v>
      </c>
    </row>
    <row r="80175" spans="1:7" x14ac:dyDescent="0.3">
      <c r="A80175" s="13" t="s">
        <v>407</v>
      </c>
      <c r="B80175" s="14" t="s">
        <v>1</v>
      </c>
      <c r="C80175" s="14" t="s">
        <v>109</v>
      </c>
      <c r="D80175" s="14" t="s">
        <v>284</v>
      </c>
      <c r="E80175" s="15">
        <v>45616</v>
      </c>
      <c r="F80175" s="14" t="s">
        <v>61</v>
      </c>
      <c r="G80175" s="16">
        <v>0</v>
      </c>
    </row>
    <row r="80176" spans="1:7" x14ac:dyDescent="0.3">
      <c r="A80176" s="13" t="s">
        <v>407</v>
      </c>
      <c r="B80176" s="14" t="s">
        <v>1</v>
      </c>
      <c r="C80176" s="14" t="s">
        <v>109</v>
      </c>
      <c r="D80176" s="14" t="s">
        <v>284</v>
      </c>
      <c r="E80176" s="15">
        <v>45617</v>
      </c>
      <c r="F80176" s="14" t="s">
        <v>61</v>
      </c>
      <c r="G80176" s="16">
        <v>0</v>
      </c>
    </row>
    <row r="80177" spans="1:7" x14ac:dyDescent="0.3">
      <c r="A80177" s="13" t="s">
        <v>407</v>
      </c>
      <c r="B80177" s="14" t="s">
        <v>1</v>
      </c>
      <c r="C80177" s="14" t="s">
        <v>109</v>
      </c>
      <c r="D80177" s="14" t="s">
        <v>284</v>
      </c>
      <c r="E80177" s="15">
        <v>45618</v>
      </c>
      <c r="F80177" s="14" t="s">
        <v>61</v>
      </c>
      <c r="G80177" s="16">
        <v>0</v>
      </c>
    </row>
    <row r="80178" spans="1:7" x14ac:dyDescent="0.3">
      <c r="A80178" s="13" t="s">
        <v>407</v>
      </c>
      <c r="B80178" s="14" t="s">
        <v>1</v>
      </c>
      <c r="C80178" s="14" t="s">
        <v>109</v>
      </c>
      <c r="D80178" s="14" t="s">
        <v>284</v>
      </c>
      <c r="E80178" s="15">
        <v>45619</v>
      </c>
      <c r="F80178" s="14" t="s">
        <v>61</v>
      </c>
      <c r="G80178" s="16">
        <v>0</v>
      </c>
    </row>
    <row r="80179" spans="1:7" x14ac:dyDescent="0.3">
      <c r="A80179" s="13" t="s">
        <v>407</v>
      </c>
      <c r="B80179" s="14" t="s">
        <v>1</v>
      </c>
      <c r="C80179" s="14" t="s">
        <v>109</v>
      </c>
      <c r="D80179" s="14" t="s">
        <v>284</v>
      </c>
      <c r="E80179" s="15">
        <v>45620</v>
      </c>
      <c r="F80179" s="14" t="s">
        <v>61</v>
      </c>
      <c r="G80179" s="16">
        <v>0</v>
      </c>
    </row>
    <row r="80180" spans="1:7" x14ac:dyDescent="0.3">
      <c r="A80180" s="13" t="s">
        <v>407</v>
      </c>
      <c r="B80180" s="14" t="s">
        <v>1</v>
      </c>
      <c r="C80180" s="14" t="s">
        <v>109</v>
      </c>
      <c r="D80180" s="14" t="s">
        <v>284</v>
      </c>
      <c r="E80180" s="15">
        <v>45621</v>
      </c>
      <c r="F80180" s="14" t="s">
        <v>61</v>
      </c>
      <c r="G80180" s="16">
        <v>0</v>
      </c>
    </row>
    <row r="80181" spans="1:7" x14ac:dyDescent="0.3">
      <c r="A80181" s="13" t="s">
        <v>407</v>
      </c>
      <c r="B80181" s="14" t="s">
        <v>1</v>
      </c>
      <c r="C80181" s="14" t="s">
        <v>109</v>
      </c>
      <c r="D80181" s="14" t="s">
        <v>284</v>
      </c>
      <c r="E80181" s="15">
        <v>45622</v>
      </c>
      <c r="F80181" s="14" t="s">
        <v>61</v>
      </c>
      <c r="G80181" s="16">
        <v>0</v>
      </c>
    </row>
    <row r="80182" spans="1:7" x14ac:dyDescent="0.3">
      <c r="A80182" s="13" t="s">
        <v>407</v>
      </c>
      <c r="B80182" s="14" t="s">
        <v>1</v>
      </c>
      <c r="C80182" s="14" t="s">
        <v>109</v>
      </c>
      <c r="D80182" s="14" t="s">
        <v>284</v>
      </c>
      <c r="E80182" s="15">
        <v>45623</v>
      </c>
      <c r="F80182" s="14" t="s">
        <v>61</v>
      </c>
      <c r="G80182" s="16">
        <v>0</v>
      </c>
    </row>
    <row r="80183" spans="1:7" x14ac:dyDescent="0.3">
      <c r="A80183" s="13" t="s">
        <v>407</v>
      </c>
      <c r="B80183" s="14" t="s">
        <v>1</v>
      </c>
      <c r="C80183" s="14" t="s">
        <v>109</v>
      </c>
      <c r="D80183" s="14" t="s">
        <v>284</v>
      </c>
      <c r="E80183" s="15">
        <v>45624</v>
      </c>
      <c r="F80183" s="14" t="s">
        <v>61</v>
      </c>
      <c r="G80183" s="16">
        <v>0</v>
      </c>
    </row>
    <row r="80184" spans="1:7" x14ac:dyDescent="0.3">
      <c r="A80184" s="13" t="s">
        <v>407</v>
      </c>
      <c r="B80184" s="14" t="s">
        <v>1</v>
      </c>
      <c r="C80184" s="14" t="s">
        <v>109</v>
      </c>
      <c r="D80184" s="14" t="s">
        <v>284</v>
      </c>
      <c r="E80184" s="15">
        <v>45625</v>
      </c>
      <c r="F80184" s="14" t="s">
        <v>61</v>
      </c>
      <c r="G80184" s="16">
        <v>0</v>
      </c>
    </row>
    <row r="80185" spans="1:7" x14ac:dyDescent="0.3">
      <c r="A80185" s="13" t="s">
        <v>407</v>
      </c>
      <c r="B80185" s="14" t="s">
        <v>1</v>
      </c>
      <c r="C80185" s="14" t="s">
        <v>109</v>
      </c>
      <c r="D80185" s="14" t="s">
        <v>284</v>
      </c>
      <c r="E80185" s="15">
        <v>45626</v>
      </c>
      <c r="F80185" s="14" t="s">
        <v>61</v>
      </c>
      <c r="G80185" s="16">
        <v>0</v>
      </c>
    </row>
    <row r="80186" spans="1:7" x14ac:dyDescent="0.3">
      <c r="A80186" s="13" t="s">
        <v>407</v>
      </c>
      <c r="B80186" s="14" t="s">
        <v>1</v>
      </c>
      <c r="C80186" s="14" t="s">
        <v>109</v>
      </c>
      <c r="D80186" s="14" t="s">
        <v>284</v>
      </c>
      <c r="E80186" s="15">
        <v>45627</v>
      </c>
      <c r="F80186" s="14" t="s">
        <v>61</v>
      </c>
      <c r="G80186" s="16">
        <v>0</v>
      </c>
    </row>
    <row r="80187" spans="1:7" x14ac:dyDescent="0.3">
      <c r="A80187" s="13" t="s">
        <v>407</v>
      </c>
      <c r="B80187" s="14" t="s">
        <v>1</v>
      </c>
      <c r="C80187" s="14" t="s">
        <v>109</v>
      </c>
      <c r="D80187" s="14" t="s">
        <v>284</v>
      </c>
      <c r="E80187" s="15">
        <v>45628</v>
      </c>
      <c r="F80187" s="14" t="s">
        <v>61</v>
      </c>
      <c r="G80187" s="16">
        <v>0</v>
      </c>
    </row>
    <row r="80188" spans="1:7" x14ac:dyDescent="0.3">
      <c r="A80188" s="13" t="s">
        <v>407</v>
      </c>
      <c r="B80188" s="14" t="s">
        <v>1</v>
      </c>
      <c r="C80188" s="14" t="s">
        <v>109</v>
      </c>
      <c r="D80188" s="14" t="s">
        <v>284</v>
      </c>
      <c r="E80188" s="15">
        <v>45629</v>
      </c>
      <c r="F80188" s="14" t="s">
        <v>61</v>
      </c>
      <c r="G80188" s="16">
        <v>0</v>
      </c>
    </row>
    <row r="80189" spans="1:7" x14ac:dyDescent="0.3">
      <c r="A80189" s="13" t="s">
        <v>407</v>
      </c>
      <c r="B80189" s="14" t="s">
        <v>1</v>
      </c>
      <c r="C80189" s="14" t="s">
        <v>109</v>
      </c>
      <c r="D80189" s="14" t="s">
        <v>284</v>
      </c>
      <c r="E80189" s="15">
        <v>45630</v>
      </c>
      <c r="F80189" s="14" t="s">
        <v>61</v>
      </c>
      <c r="G80189" s="16">
        <v>0</v>
      </c>
    </row>
    <row r="80190" spans="1:7" x14ac:dyDescent="0.3">
      <c r="A80190" s="13" t="s">
        <v>407</v>
      </c>
      <c r="B80190" s="14" t="s">
        <v>1</v>
      </c>
      <c r="C80190" s="14" t="s">
        <v>109</v>
      </c>
      <c r="D80190" s="14" t="s">
        <v>284</v>
      </c>
      <c r="E80190" s="15">
        <v>45631</v>
      </c>
      <c r="F80190" s="14" t="s">
        <v>61</v>
      </c>
      <c r="G80190" s="16">
        <v>0</v>
      </c>
    </row>
    <row r="80191" spans="1:7" x14ac:dyDescent="0.3">
      <c r="A80191" s="13" t="s">
        <v>407</v>
      </c>
      <c r="B80191" s="14" t="s">
        <v>1</v>
      </c>
      <c r="C80191" s="14" t="s">
        <v>109</v>
      </c>
      <c r="D80191" s="14" t="s">
        <v>284</v>
      </c>
      <c r="E80191" s="15">
        <v>45632</v>
      </c>
      <c r="F80191" s="14" t="s">
        <v>61</v>
      </c>
      <c r="G80191" s="16">
        <v>0</v>
      </c>
    </row>
    <row r="80192" spans="1:7" x14ac:dyDescent="0.3">
      <c r="A80192" s="13" t="s">
        <v>407</v>
      </c>
      <c r="B80192" s="14" t="s">
        <v>1</v>
      </c>
      <c r="C80192" s="14" t="s">
        <v>109</v>
      </c>
      <c r="D80192" s="14" t="s">
        <v>284</v>
      </c>
      <c r="E80192" s="15">
        <v>45633</v>
      </c>
      <c r="F80192" s="14" t="s">
        <v>61</v>
      </c>
      <c r="G80192" s="16">
        <v>0</v>
      </c>
    </row>
    <row r="80193" spans="1:7" x14ac:dyDescent="0.3">
      <c r="A80193" s="13" t="s">
        <v>407</v>
      </c>
      <c r="B80193" s="14" t="s">
        <v>1</v>
      </c>
      <c r="C80193" s="14" t="s">
        <v>109</v>
      </c>
      <c r="D80193" s="14" t="s">
        <v>284</v>
      </c>
      <c r="E80193" s="15">
        <v>45634</v>
      </c>
      <c r="F80193" s="14" t="s">
        <v>61</v>
      </c>
      <c r="G80193" s="16">
        <v>0</v>
      </c>
    </row>
    <row r="80194" spans="1:7" x14ac:dyDescent="0.3">
      <c r="A80194" s="13" t="s">
        <v>407</v>
      </c>
      <c r="B80194" s="14" t="s">
        <v>1</v>
      </c>
      <c r="C80194" s="14" t="s">
        <v>109</v>
      </c>
      <c r="D80194" s="14" t="s">
        <v>284</v>
      </c>
      <c r="E80194" s="15">
        <v>45635</v>
      </c>
      <c r="F80194" s="14" t="s">
        <v>61</v>
      </c>
      <c r="G80194" s="16">
        <v>0</v>
      </c>
    </row>
    <row r="80195" spans="1:7" x14ac:dyDescent="0.3">
      <c r="A80195" s="13" t="s">
        <v>407</v>
      </c>
      <c r="B80195" s="14" t="s">
        <v>1</v>
      </c>
      <c r="C80195" s="14" t="s">
        <v>109</v>
      </c>
      <c r="D80195" s="14" t="s">
        <v>284</v>
      </c>
      <c r="E80195" s="15">
        <v>45636</v>
      </c>
      <c r="F80195" s="14" t="s">
        <v>61</v>
      </c>
      <c r="G80195" s="16">
        <v>0</v>
      </c>
    </row>
    <row r="80196" spans="1:7" x14ac:dyDescent="0.3">
      <c r="A80196" s="13" t="s">
        <v>407</v>
      </c>
      <c r="B80196" s="14" t="s">
        <v>1</v>
      </c>
      <c r="C80196" s="14" t="s">
        <v>109</v>
      </c>
      <c r="D80196" s="14" t="s">
        <v>284</v>
      </c>
      <c r="E80196" s="15">
        <v>45637</v>
      </c>
      <c r="F80196" s="14" t="s">
        <v>61</v>
      </c>
      <c r="G80196" s="16">
        <v>0</v>
      </c>
    </row>
    <row r="80197" spans="1:7" x14ac:dyDescent="0.3">
      <c r="A80197" s="13" t="s">
        <v>407</v>
      </c>
      <c r="B80197" s="14" t="s">
        <v>1</v>
      </c>
      <c r="C80197" s="14" t="s">
        <v>109</v>
      </c>
      <c r="D80197" s="14" t="s">
        <v>284</v>
      </c>
      <c r="E80197" s="15">
        <v>45638</v>
      </c>
      <c r="F80197" s="14" t="s">
        <v>61</v>
      </c>
      <c r="G80197" s="16">
        <v>0</v>
      </c>
    </row>
    <row r="80198" spans="1:7" x14ac:dyDescent="0.3">
      <c r="A80198" s="13" t="s">
        <v>407</v>
      </c>
      <c r="B80198" s="14" t="s">
        <v>1</v>
      </c>
      <c r="C80198" s="14" t="s">
        <v>109</v>
      </c>
      <c r="D80198" s="14" t="s">
        <v>284</v>
      </c>
      <c r="E80198" s="15">
        <v>45639</v>
      </c>
      <c r="F80198" s="14" t="s">
        <v>61</v>
      </c>
      <c r="G80198" s="16">
        <v>0</v>
      </c>
    </row>
    <row r="80199" spans="1:7" x14ac:dyDescent="0.3">
      <c r="A80199" s="13" t="s">
        <v>407</v>
      </c>
      <c r="B80199" s="14" t="s">
        <v>1</v>
      </c>
      <c r="C80199" s="14" t="s">
        <v>109</v>
      </c>
      <c r="D80199" s="14" t="s">
        <v>284</v>
      </c>
      <c r="E80199" s="15">
        <v>45640</v>
      </c>
      <c r="F80199" s="14" t="s">
        <v>61</v>
      </c>
      <c r="G80199" s="16">
        <v>0</v>
      </c>
    </row>
    <row r="80200" spans="1:7" x14ac:dyDescent="0.3">
      <c r="A80200" s="13" t="s">
        <v>407</v>
      </c>
      <c r="B80200" s="14" t="s">
        <v>1</v>
      </c>
      <c r="C80200" s="14" t="s">
        <v>109</v>
      </c>
      <c r="D80200" s="14" t="s">
        <v>284</v>
      </c>
      <c r="E80200" s="15">
        <v>45641</v>
      </c>
      <c r="F80200" s="14" t="s">
        <v>61</v>
      </c>
      <c r="G80200" s="16">
        <v>0</v>
      </c>
    </row>
    <row r="80201" spans="1:7" x14ac:dyDescent="0.3">
      <c r="A80201" s="13" t="s">
        <v>407</v>
      </c>
      <c r="B80201" s="14" t="s">
        <v>1</v>
      </c>
      <c r="C80201" s="14" t="s">
        <v>109</v>
      </c>
      <c r="D80201" s="14" t="s">
        <v>284</v>
      </c>
      <c r="E80201" s="15">
        <v>45642</v>
      </c>
      <c r="F80201" s="14" t="s">
        <v>61</v>
      </c>
      <c r="G80201" s="16">
        <v>0</v>
      </c>
    </row>
    <row r="80202" spans="1:7" x14ac:dyDescent="0.3">
      <c r="A80202" s="13" t="s">
        <v>407</v>
      </c>
      <c r="B80202" s="14" t="s">
        <v>1</v>
      </c>
      <c r="C80202" s="14" t="s">
        <v>109</v>
      </c>
      <c r="D80202" s="14" t="s">
        <v>284</v>
      </c>
      <c r="E80202" s="15">
        <v>45643</v>
      </c>
      <c r="F80202" s="14" t="s">
        <v>61</v>
      </c>
      <c r="G80202" s="16">
        <v>0</v>
      </c>
    </row>
    <row r="80203" spans="1:7" x14ac:dyDescent="0.3">
      <c r="A80203" s="13" t="s">
        <v>407</v>
      </c>
      <c r="B80203" s="14" t="s">
        <v>1</v>
      </c>
      <c r="C80203" s="14" t="s">
        <v>109</v>
      </c>
      <c r="D80203" s="14" t="s">
        <v>284</v>
      </c>
      <c r="E80203" s="15">
        <v>45644</v>
      </c>
      <c r="F80203" s="14" t="s">
        <v>61</v>
      </c>
      <c r="G80203" s="16">
        <v>0</v>
      </c>
    </row>
    <row r="80204" spans="1:7" x14ac:dyDescent="0.3">
      <c r="A80204" s="13" t="s">
        <v>407</v>
      </c>
      <c r="B80204" s="14" t="s">
        <v>1</v>
      </c>
      <c r="C80204" s="14" t="s">
        <v>109</v>
      </c>
      <c r="D80204" s="14" t="s">
        <v>284</v>
      </c>
      <c r="E80204" s="15">
        <v>45645</v>
      </c>
      <c r="F80204" s="14" t="s">
        <v>61</v>
      </c>
      <c r="G80204" s="16">
        <v>0</v>
      </c>
    </row>
    <row r="80205" spans="1:7" x14ac:dyDescent="0.3">
      <c r="A80205" s="13" t="s">
        <v>407</v>
      </c>
      <c r="B80205" s="14" t="s">
        <v>1</v>
      </c>
      <c r="C80205" s="14" t="s">
        <v>109</v>
      </c>
      <c r="D80205" s="14" t="s">
        <v>284</v>
      </c>
      <c r="E80205" s="15">
        <v>45646</v>
      </c>
      <c r="F80205" s="14" t="s">
        <v>61</v>
      </c>
      <c r="G80205" s="16">
        <v>0</v>
      </c>
    </row>
    <row r="80206" spans="1:7" x14ac:dyDescent="0.3">
      <c r="A80206" s="13" t="s">
        <v>407</v>
      </c>
      <c r="B80206" s="14" t="s">
        <v>1</v>
      </c>
      <c r="C80206" s="14" t="s">
        <v>109</v>
      </c>
      <c r="D80206" s="14" t="s">
        <v>284</v>
      </c>
      <c r="E80206" s="15">
        <v>45647</v>
      </c>
      <c r="F80206" s="14" t="s">
        <v>61</v>
      </c>
      <c r="G80206" s="16">
        <v>0</v>
      </c>
    </row>
    <row r="80207" spans="1:7" x14ac:dyDescent="0.3">
      <c r="A80207" s="13" t="s">
        <v>407</v>
      </c>
      <c r="B80207" s="14" t="s">
        <v>1</v>
      </c>
      <c r="C80207" s="14" t="s">
        <v>109</v>
      </c>
      <c r="D80207" s="14" t="s">
        <v>284</v>
      </c>
      <c r="E80207" s="15">
        <v>45648</v>
      </c>
      <c r="F80207" s="14" t="s">
        <v>61</v>
      </c>
      <c r="G80207" s="16">
        <v>0</v>
      </c>
    </row>
    <row r="80208" spans="1:7" x14ac:dyDescent="0.3">
      <c r="A80208" s="13" t="s">
        <v>407</v>
      </c>
      <c r="B80208" s="14" t="s">
        <v>1</v>
      </c>
      <c r="C80208" s="14" t="s">
        <v>109</v>
      </c>
      <c r="D80208" s="14" t="s">
        <v>284</v>
      </c>
      <c r="E80208" s="15">
        <v>45649</v>
      </c>
      <c r="F80208" s="14" t="s">
        <v>61</v>
      </c>
      <c r="G80208" s="16">
        <v>0</v>
      </c>
    </row>
    <row r="80209" spans="1:7" x14ac:dyDescent="0.3">
      <c r="A80209" s="13" t="s">
        <v>407</v>
      </c>
      <c r="B80209" s="14" t="s">
        <v>1</v>
      </c>
      <c r="C80209" s="14" t="s">
        <v>109</v>
      </c>
      <c r="D80209" s="14" t="s">
        <v>284</v>
      </c>
      <c r="E80209" s="15">
        <v>45650</v>
      </c>
      <c r="F80209" s="14" t="s">
        <v>61</v>
      </c>
      <c r="G80209" s="16">
        <v>0</v>
      </c>
    </row>
    <row r="80210" spans="1:7" x14ac:dyDescent="0.3">
      <c r="A80210" s="13" t="s">
        <v>407</v>
      </c>
      <c r="B80210" s="14" t="s">
        <v>1</v>
      </c>
      <c r="C80210" s="14" t="s">
        <v>109</v>
      </c>
      <c r="D80210" s="14" t="s">
        <v>284</v>
      </c>
      <c r="E80210" s="15">
        <v>45651</v>
      </c>
      <c r="F80210" s="14" t="s">
        <v>61</v>
      </c>
      <c r="G80210" s="16">
        <v>0</v>
      </c>
    </row>
    <row r="80211" spans="1:7" x14ac:dyDescent="0.3">
      <c r="A80211" s="13" t="s">
        <v>407</v>
      </c>
      <c r="B80211" s="14" t="s">
        <v>1</v>
      </c>
      <c r="C80211" s="14" t="s">
        <v>109</v>
      </c>
      <c r="D80211" s="14" t="s">
        <v>284</v>
      </c>
      <c r="E80211" s="15">
        <v>45652</v>
      </c>
      <c r="F80211" s="14" t="s">
        <v>61</v>
      </c>
      <c r="G80211" s="16">
        <v>0</v>
      </c>
    </row>
    <row r="80212" spans="1:7" x14ac:dyDescent="0.3">
      <c r="A80212" s="13" t="s">
        <v>407</v>
      </c>
      <c r="B80212" s="14" t="s">
        <v>1</v>
      </c>
      <c r="C80212" s="14" t="s">
        <v>109</v>
      </c>
      <c r="D80212" s="14" t="s">
        <v>284</v>
      </c>
      <c r="E80212" s="15">
        <v>45653</v>
      </c>
      <c r="F80212" s="14" t="s">
        <v>61</v>
      </c>
      <c r="G80212" s="16">
        <v>0</v>
      </c>
    </row>
    <row r="80213" spans="1:7" x14ac:dyDescent="0.3">
      <c r="A80213" s="13" t="s">
        <v>407</v>
      </c>
      <c r="B80213" s="14" t="s">
        <v>1</v>
      </c>
      <c r="C80213" s="14" t="s">
        <v>109</v>
      </c>
      <c r="D80213" s="14" t="s">
        <v>284</v>
      </c>
      <c r="E80213" s="15">
        <v>45654</v>
      </c>
      <c r="F80213" s="14" t="s">
        <v>61</v>
      </c>
      <c r="G80213" s="16">
        <v>0</v>
      </c>
    </row>
    <row r="80214" spans="1:7" x14ac:dyDescent="0.3">
      <c r="A80214" s="13" t="s">
        <v>407</v>
      </c>
      <c r="B80214" s="14" t="s">
        <v>1</v>
      </c>
      <c r="C80214" s="14" t="s">
        <v>109</v>
      </c>
      <c r="D80214" s="14" t="s">
        <v>284</v>
      </c>
      <c r="E80214" s="15">
        <v>45655</v>
      </c>
      <c r="F80214" s="14" t="s">
        <v>61</v>
      </c>
      <c r="G80214" s="16">
        <v>0</v>
      </c>
    </row>
    <row r="80215" spans="1:7" x14ac:dyDescent="0.3">
      <c r="A80215" s="13" t="s">
        <v>407</v>
      </c>
      <c r="B80215" s="14" t="s">
        <v>1</v>
      </c>
      <c r="C80215" s="14" t="s">
        <v>109</v>
      </c>
      <c r="D80215" s="14" t="s">
        <v>284</v>
      </c>
      <c r="E80215" s="15">
        <v>45656</v>
      </c>
      <c r="F80215" s="14" t="s">
        <v>61</v>
      </c>
      <c r="G80215" s="16">
        <v>0</v>
      </c>
    </row>
    <row r="80216" spans="1:7" x14ac:dyDescent="0.3">
      <c r="A80216" s="13" t="s">
        <v>407</v>
      </c>
      <c r="B80216" s="14" t="s">
        <v>1</v>
      </c>
      <c r="C80216" s="14" t="s">
        <v>109</v>
      </c>
      <c r="D80216" s="14" t="s">
        <v>284</v>
      </c>
      <c r="E80216" s="15">
        <v>45657</v>
      </c>
      <c r="F80216" s="14" t="s">
        <v>61</v>
      </c>
      <c r="G80216" s="16">
        <v>0</v>
      </c>
    </row>
    <row r="80217" spans="1:7" x14ac:dyDescent="0.3">
      <c r="A80217" s="13" t="s">
        <v>407</v>
      </c>
      <c r="B80217" s="14" t="s">
        <v>1</v>
      </c>
      <c r="C80217" s="14" t="s">
        <v>109</v>
      </c>
      <c r="D80217" s="14" t="s">
        <v>284</v>
      </c>
      <c r="E80217" s="15">
        <v>45658</v>
      </c>
      <c r="F80217" s="14" t="s">
        <v>61</v>
      </c>
      <c r="G80217" s="16">
        <v>0</v>
      </c>
    </row>
    <row r="80218" spans="1:7" x14ac:dyDescent="0.3">
      <c r="A80218" s="13" t="s">
        <v>407</v>
      </c>
      <c r="B80218" s="14" t="s">
        <v>1</v>
      </c>
      <c r="C80218" s="14" t="s">
        <v>109</v>
      </c>
      <c r="D80218" s="14" t="s">
        <v>284</v>
      </c>
      <c r="E80218" s="15">
        <v>45659</v>
      </c>
      <c r="F80218" s="14" t="s">
        <v>61</v>
      </c>
      <c r="G80218" s="16">
        <v>0</v>
      </c>
    </row>
    <row r="80219" spans="1:7" x14ac:dyDescent="0.3">
      <c r="A80219" s="13" t="s">
        <v>407</v>
      </c>
      <c r="B80219" s="14" t="s">
        <v>1</v>
      </c>
      <c r="C80219" s="14" t="s">
        <v>109</v>
      </c>
      <c r="D80219" s="14" t="s">
        <v>284</v>
      </c>
      <c r="E80219" s="15">
        <v>45660</v>
      </c>
      <c r="F80219" s="14" t="s">
        <v>61</v>
      </c>
      <c r="G80219" s="16">
        <v>0</v>
      </c>
    </row>
    <row r="80220" spans="1:7" x14ac:dyDescent="0.3">
      <c r="A80220" s="13" t="s">
        <v>407</v>
      </c>
      <c r="B80220" s="14" t="s">
        <v>1</v>
      </c>
      <c r="C80220" s="14" t="s">
        <v>109</v>
      </c>
      <c r="D80220" s="14" t="s">
        <v>284</v>
      </c>
      <c r="E80220" s="15">
        <v>45661</v>
      </c>
      <c r="F80220" s="14" t="s">
        <v>61</v>
      </c>
      <c r="G80220" s="16">
        <v>0</v>
      </c>
    </row>
    <row r="80221" spans="1:7" x14ac:dyDescent="0.3">
      <c r="A80221" s="13" t="s">
        <v>407</v>
      </c>
      <c r="B80221" s="14" t="s">
        <v>1</v>
      </c>
      <c r="C80221" s="14" t="s">
        <v>109</v>
      </c>
      <c r="D80221" s="14" t="s">
        <v>284</v>
      </c>
      <c r="E80221" s="15">
        <v>45662</v>
      </c>
      <c r="F80221" s="14" t="s">
        <v>61</v>
      </c>
      <c r="G80221" s="16">
        <v>0</v>
      </c>
    </row>
    <row r="80222" spans="1:7" x14ac:dyDescent="0.3">
      <c r="A80222" s="13" t="s">
        <v>407</v>
      </c>
      <c r="B80222" s="14" t="s">
        <v>1</v>
      </c>
      <c r="C80222" s="14" t="s">
        <v>109</v>
      </c>
      <c r="D80222" s="14" t="s">
        <v>284</v>
      </c>
      <c r="E80222" s="15">
        <v>45663</v>
      </c>
      <c r="F80222" s="14" t="s">
        <v>61</v>
      </c>
      <c r="G80222" s="16">
        <v>0</v>
      </c>
    </row>
    <row r="80223" spans="1:7" x14ac:dyDescent="0.3">
      <c r="A80223" s="13" t="s">
        <v>407</v>
      </c>
      <c r="B80223" s="14" t="s">
        <v>1</v>
      </c>
      <c r="C80223" s="14" t="s">
        <v>109</v>
      </c>
      <c r="D80223" s="14" t="s">
        <v>284</v>
      </c>
      <c r="E80223" s="15">
        <v>45664</v>
      </c>
      <c r="F80223" s="14" t="s">
        <v>61</v>
      </c>
      <c r="G80223" s="16">
        <v>0</v>
      </c>
    </row>
    <row r="80224" spans="1:7" x14ac:dyDescent="0.3">
      <c r="A80224" s="13" t="s">
        <v>407</v>
      </c>
      <c r="B80224" s="14" t="s">
        <v>1</v>
      </c>
      <c r="C80224" s="14" t="s">
        <v>109</v>
      </c>
      <c r="D80224" s="14" t="s">
        <v>284</v>
      </c>
      <c r="E80224" s="15">
        <v>45665</v>
      </c>
      <c r="F80224" s="14" t="s">
        <v>61</v>
      </c>
      <c r="G80224" s="16">
        <v>0</v>
      </c>
    </row>
    <row r="80225" spans="1:7" x14ac:dyDescent="0.3">
      <c r="A80225" s="13" t="s">
        <v>407</v>
      </c>
      <c r="B80225" s="14" t="s">
        <v>1</v>
      </c>
      <c r="C80225" s="14" t="s">
        <v>109</v>
      </c>
      <c r="D80225" s="14" t="s">
        <v>284</v>
      </c>
      <c r="E80225" s="15">
        <v>45666</v>
      </c>
      <c r="F80225" s="14" t="s">
        <v>61</v>
      </c>
      <c r="G80225" s="16">
        <v>0</v>
      </c>
    </row>
    <row r="80226" spans="1:7" x14ac:dyDescent="0.3">
      <c r="A80226" s="13" t="s">
        <v>407</v>
      </c>
      <c r="B80226" s="14" t="s">
        <v>1</v>
      </c>
      <c r="C80226" s="14" t="s">
        <v>109</v>
      </c>
      <c r="D80226" s="14" t="s">
        <v>284</v>
      </c>
      <c r="E80226" s="15">
        <v>45667</v>
      </c>
      <c r="F80226" s="14" t="s">
        <v>61</v>
      </c>
      <c r="G80226" s="16">
        <v>0</v>
      </c>
    </row>
    <row r="80227" spans="1:7" x14ac:dyDescent="0.3">
      <c r="A80227" s="13" t="s">
        <v>407</v>
      </c>
      <c r="B80227" s="14" t="s">
        <v>1</v>
      </c>
      <c r="C80227" s="14" t="s">
        <v>109</v>
      </c>
      <c r="D80227" s="14" t="s">
        <v>284</v>
      </c>
      <c r="E80227" s="15">
        <v>45668</v>
      </c>
      <c r="F80227" s="14" t="s">
        <v>61</v>
      </c>
      <c r="G80227" s="16">
        <v>0</v>
      </c>
    </row>
    <row r="80228" spans="1:7" x14ac:dyDescent="0.3">
      <c r="A80228" s="13" t="s">
        <v>407</v>
      </c>
      <c r="B80228" s="14" t="s">
        <v>1</v>
      </c>
      <c r="C80228" s="14" t="s">
        <v>109</v>
      </c>
      <c r="D80228" s="14" t="s">
        <v>284</v>
      </c>
      <c r="E80228" s="15">
        <v>45669</v>
      </c>
      <c r="F80228" s="14" t="s">
        <v>61</v>
      </c>
      <c r="G80228" s="16">
        <v>0</v>
      </c>
    </row>
    <row r="80229" spans="1:7" x14ac:dyDescent="0.3">
      <c r="A80229" s="13" t="s">
        <v>407</v>
      </c>
      <c r="B80229" s="14" t="s">
        <v>1</v>
      </c>
      <c r="C80229" s="14" t="s">
        <v>109</v>
      </c>
      <c r="D80229" s="14" t="s">
        <v>284</v>
      </c>
      <c r="E80229" s="15">
        <v>45670</v>
      </c>
      <c r="F80229" s="14" t="s">
        <v>61</v>
      </c>
      <c r="G80229" s="16">
        <v>0</v>
      </c>
    </row>
    <row r="80230" spans="1:7" x14ac:dyDescent="0.3">
      <c r="A80230" s="13" t="s">
        <v>407</v>
      </c>
      <c r="B80230" s="14" t="s">
        <v>1</v>
      </c>
      <c r="C80230" s="14" t="s">
        <v>109</v>
      </c>
      <c r="D80230" s="14" t="s">
        <v>284</v>
      </c>
      <c r="E80230" s="15">
        <v>45671</v>
      </c>
      <c r="F80230" s="14" t="s">
        <v>61</v>
      </c>
      <c r="G80230" s="16">
        <v>0</v>
      </c>
    </row>
    <row r="80231" spans="1:7" x14ac:dyDescent="0.3">
      <c r="A80231" s="13" t="s">
        <v>407</v>
      </c>
      <c r="B80231" s="14" t="s">
        <v>1</v>
      </c>
      <c r="C80231" s="14" t="s">
        <v>109</v>
      </c>
      <c r="D80231" s="14" t="s">
        <v>284</v>
      </c>
      <c r="E80231" s="15">
        <v>45672</v>
      </c>
      <c r="F80231" s="14" t="s">
        <v>61</v>
      </c>
      <c r="G80231" s="16">
        <v>0</v>
      </c>
    </row>
    <row r="80232" spans="1:7" x14ac:dyDescent="0.3">
      <c r="A80232" s="13" t="s">
        <v>407</v>
      </c>
      <c r="B80232" s="14" t="s">
        <v>1</v>
      </c>
      <c r="C80232" s="14" t="s">
        <v>109</v>
      </c>
      <c r="D80232" s="14" t="s">
        <v>284</v>
      </c>
      <c r="E80232" s="15">
        <v>45673</v>
      </c>
      <c r="F80232" s="14" t="s">
        <v>61</v>
      </c>
      <c r="G80232" s="16">
        <v>0</v>
      </c>
    </row>
    <row r="80233" spans="1:7" x14ac:dyDescent="0.3">
      <c r="A80233" s="13" t="s">
        <v>407</v>
      </c>
      <c r="B80233" s="14" t="s">
        <v>1</v>
      </c>
      <c r="C80233" s="14" t="s">
        <v>109</v>
      </c>
      <c r="D80233" s="14" t="s">
        <v>284</v>
      </c>
      <c r="E80233" s="15">
        <v>45674</v>
      </c>
      <c r="F80233" s="14" t="s">
        <v>61</v>
      </c>
      <c r="G80233" s="16">
        <v>0</v>
      </c>
    </row>
    <row r="80234" spans="1:7" x14ac:dyDescent="0.3">
      <c r="A80234" s="13" t="s">
        <v>407</v>
      </c>
      <c r="B80234" s="14" t="s">
        <v>1</v>
      </c>
      <c r="C80234" s="14" t="s">
        <v>109</v>
      </c>
      <c r="D80234" s="14" t="s">
        <v>284</v>
      </c>
      <c r="E80234" s="15">
        <v>45675</v>
      </c>
      <c r="F80234" s="14" t="s">
        <v>61</v>
      </c>
      <c r="G80234" s="16">
        <v>0</v>
      </c>
    </row>
    <row r="80235" spans="1:7" x14ac:dyDescent="0.3">
      <c r="A80235" s="13" t="s">
        <v>407</v>
      </c>
      <c r="B80235" s="14" t="s">
        <v>1</v>
      </c>
      <c r="C80235" s="14" t="s">
        <v>109</v>
      </c>
      <c r="D80235" s="14" t="s">
        <v>284</v>
      </c>
      <c r="E80235" s="15">
        <v>45676</v>
      </c>
      <c r="F80235" s="14" t="s">
        <v>61</v>
      </c>
      <c r="G80235" s="16">
        <v>0</v>
      </c>
    </row>
    <row r="80236" spans="1:7" x14ac:dyDescent="0.3">
      <c r="A80236" s="13" t="s">
        <v>407</v>
      </c>
      <c r="B80236" s="14" t="s">
        <v>1</v>
      </c>
      <c r="C80236" s="14" t="s">
        <v>109</v>
      </c>
      <c r="D80236" s="14" t="s">
        <v>284</v>
      </c>
      <c r="E80236" s="15">
        <v>45677</v>
      </c>
      <c r="F80236" s="14" t="s">
        <v>61</v>
      </c>
      <c r="G80236" s="16">
        <v>0</v>
      </c>
    </row>
    <row r="80237" spans="1:7" x14ac:dyDescent="0.3">
      <c r="A80237" s="13" t="s">
        <v>407</v>
      </c>
      <c r="B80237" s="14" t="s">
        <v>1</v>
      </c>
      <c r="C80237" s="14" t="s">
        <v>109</v>
      </c>
      <c r="D80237" s="14" t="s">
        <v>284</v>
      </c>
      <c r="E80237" s="15">
        <v>45678</v>
      </c>
      <c r="F80237" s="14" t="s">
        <v>61</v>
      </c>
      <c r="G80237" s="16">
        <v>0</v>
      </c>
    </row>
    <row r="80238" spans="1:7" x14ac:dyDescent="0.3">
      <c r="A80238" s="13" t="s">
        <v>407</v>
      </c>
      <c r="B80238" s="14" t="s">
        <v>1</v>
      </c>
      <c r="C80238" s="14" t="s">
        <v>109</v>
      </c>
      <c r="D80238" s="14" t="s">
        <v>284</v>
      </c>
      <c r="E80238" s="15">
        <v>45679</v>
      </c>
      <c r="F80238" s="14" t="s">
        <v>61</v>
      </c>
      <c r="G80238" s="16">
        <v>0</v>
      </c>
    </row>
    <row r="80239" spans="1:7" x14ac:dyDescent="0.3">
      <c r="A80239" s="13" t="s">
        <v>407</v>
      </c>
      <c r="B80239" s="14" t="s">
        <v>1</v>
      </c>
      <c r="C80239" s="14" t="s">
        <v>109</v>
      </c>
      <c r="D80239" s="14" t="s">
        <v>284</v>
      </c>
      <c r="E80239" s="15">
        <v>45680</v>
      </c>
      <c r="F80239" s="14" t="s">
        <v>61</v>
      </c>
      <c r="G80239" s="16">
        <v>0</v>
      </c>
    </row>
    <row r="80240" spans="1:7" x14ac:dyDescent="0.3">
      <c r="A80240" s="13" t="s">
        <v>407</v>
      </c>
      <c r="B80240" s="14" t="s">
        <v>1</v>
      </c>
      <c r="C80240" s="14" t="s">
        <v>109</v>
      </c>
      <c r="D80240" s="14" t="s">
        <v>284</v>
      </c>
      <c r="E80240" s="15">
        <v>45681</v>
      </c>
      <c r="F80240" s="14" t="s">
        <v>61</v>
      </c>
      <c r="G80240" s="16">
        <v>0</v>
      </c>
    </row>
    <row r="80241" spans="1:7" x14ac:dyDescent="0.3">
      <c r="A80241" s="13" t="s">
        <v>407</v>
      </c>
      <c r="B80241" s="14" t="s">
        <v>1</v>
      </c>
      <c r="C80241" s="14" t="s">
        <v>109</v>
      </c>
      <c r="D80241" s="14" t="s">
        <v>284</v>
      </c>
      <c r="E80241" s="15">
        <v>45682</v>
      </c>
      <c r="F80241" s="14" t="s">
        <v>61</v>
      </c>
      <c r="G80241" s="16">
        <v>0</v>
      </c>
    </row>
    <row r="80242" spans="1:7" x14ac:dyDescent="0.3">
      <c r="A80242" s="13" t="s">
        <v>407</v>
      </c>
      <c r="B80242" s="14" t="s">
        <v>1</v>
      </c>
      <c r="C80242" s="14" t="s">
        <v>109</v>
      </c>
      <c r="D80242" s="14" t="s">
        <v>284</v>
      </c>
      <c r="E80242" s="15">
        <v>45683</v>
      </c>
      <c r="F80242" s="14" t="s">
        <v>61</v>
      </c>
      <c r="G80242" s="16">
        <v>0</v>
      </c>
    </row>
    <row r="80243" spans="1:7" x14ac:dyDescent="0.3">
      <c r="A80243" s="13" t="s">
        <v>407</v>
      </c>
      <c r="B80243" s="14" t="s">
        <v>1</v>
      </c>
      <c r="C80243" s="14" t="s">
        <v>109</v>
      </c>
      <c r="D80243" s="14" t="s">
        <v>284</v>
      </c>
      <c r="E80243" s="15">
        <v>45684</v>
      </c>
      <c r="F80243" s="14" t="s">
        <v>61</v>
      </c>
      <c r="G80243" s="16">
        <v>0</v>
      </c>
    </row>
    <row r="80244" spans="1:7" x14ac:dyDescent="0.3">
      <c r="A80244" s="13" t="s">
        <v>407</v>
      </c>
      <c r="B80244" s="14" t="s">
        <v>1</v>
      </c>
      <c r="C80244" s="14" t="s">
        <v>109</v>
      </c>
      <c r="D80244" s="14" t="s">
        <v>284</v>
      </c>
      <c r="E80244" s="15">
        <v>45685</v>
      </c>
      <c r="F80244" s="14" t="s">
        <v>61</v>
      </c>
      <c r="G80244" s="16">
        <v>0</v>
      </c>
    </row>
    <row r="80245" spans="1:7" x14ac:dyDescent="0.3">
      <c r="A80245" s="13" t="s">
        <v>407</v>
      </c>
      <c r="B80245" s="14" t="s">
        <v>1</v>
      </c>
      <c r="C80245" s="14" t="s">
        <v>109</v>
      </c>
      <c r="D80245" s="14" t="s">
        <v>284</v>
      </c>
      <c r="E80245" s="15">
        <v>45686</v>
      </c>
      <c r="F80245" s="14" t="s">
        <v>61</v>
      </c>
      <c r="G80245" s="16">
        <v>0</v>
      </c>
    </row>
    <row r="80246" spans="1:7" x14ac:dyDescent="0.3">
      <c r="A80246" s="13" t="s">
        <v>407</v>
      </c>
      <c r="B80246" s="14" t="s">
        <v>1</v>
      </c>
      <c r="C80246" s="14" t="s">
        <v>109</v>
      </c>
      <c r="D80246" s="14" t="s">
        <v>284</v>
      </c>
      <c r="E80246" s="15">
        <v>45687</v>
      </c>
      <c r="F80246" s="14" t="s">
        <v>61</v>
      </c>
      <c r="G80246" s="16">
        <v>0</v>
      </c>
    </row>
    <row r="80247" spans="1:7" x14ac:dyDescent="0.3">
      <c r="A80247" s="13" t="s">
        <v>407</v>
      </c>
      <c r="B80247" s="14" t="s">
        <v>1</v>
      </c>
      <c r="C80247" s="14" t="s">
        <v>109</v>
      </c>
      <c r="D80247" s="14" t="s">
        <v>284</v>
      </c>
      <c r="E80247" s="15">
        <v>45688</v>
      </c>
      <c r="F80247" s="14" t="s">
        <v>61</v>
      </c>
      <c r="G80247" s="16">
        <v>0</v>
      </c>
    </row>
    <row r="80248" spans="1:7" x14ac:dyDescent="0.3">
      <c r="A80248" s="13" t="s">
        <v>407</v>
      </c>
      <c r="B80248" s="14" t="s">
        <v>1</v>
      </c>
      <c r="C80248" s="14" t="s">
        <v>109</v>
      </c>
      <c r="D80248" s="14" t="s">
        <v>284</v>
      </c>
      <c r="E80248" s="15">
        <v>45689</v>
      </c>
      <c r="F80248" s="14" t="s">
        <v>61</v>
      </c>
      <c r="G80248" s="16">
        <v>0</v>
      </c>
    </row>
    <row r="80249" spans="1:7" x14ac:dyDescent="0.3">
      <c r="A80249" s="13" t="s">
        <v>407</v>
      </c>
      <c r="B80249" s="14" t="s">
        <v>1</v>
      </c>
      <c r="C80249" s="14" t="s">
        <v>109</v>
      </c>
      <c r="D80249" s="14" t="s">
        <v>284</v>
      </c>
      <c r="E80249" s="15">
        <v>45690</v>
      </c>
      <c r="F80249" s="14" t="s">
        <v>61</v>
      </c>
      <c r="G80249" s="16">
        <v>0</v>
      </c>
    </row>
    <row r="80250" spans="1:7" x14ac:dyDescent="0.3">
      <c r="A80250" s="13" t="s">
        <v>407</v>
      </c>
      <c r="B80250" s="14" t="s">
        <v>1</v>
      </c>
      <c r="C80250" s="14" t="s">
        <v>109</v>
      </c>
      <c r="D80250" s="14" t="s">
        <v>284</v>
      </c>
      <c r="E80250" s="15">
        <v>45691</v>
      </c>
      <c r="F80250" s="14" t="s">
        <v>61</v>
      </c>
      <c r="G80250" s="16">
        <v>0</v>
      </c>
    </row>
    <row r="80251" spans="1:7" x14ac:dyDescent="0.3">
      <c r="A80251" s="13" t="s">
        <v>407</v>
      </c>
      <c r="B80251" s="14" t="s">
        <v>1</v>
      </c>
      <c r="C80251" s="14" t="s">
        <v>109</v>
      </c>
      <c r="D80251" s="14" t="s">
        <v>284</v>
      </c>
      <c r="E80251" s="15">
        <v>45692</v>
      </c>
      <c r="F80251" s="14" t="s">
        <v>61</v>
      </c>
      <c r="G80251" s="16">
        <v>0</v>
      </c>
    </row>
    <row r="80252" spans="1:7" x14ac:dyDescent="0.3">
      <c r="A80252" s="13" t="s">
        <v>407</v>
      </c>
      <c r="B80252" s="14" t="s">
        <v>1</v>
      </c>
      <c r="C80252" s="14" t="s">
        <v>109</v>
      </c>
      <c r="D80252" s="14" t="s">
        <v>284</v>
      </c>
      <c r="E80252" s="15">
        <v>45693</v>
      </c>
      <c r="F80252" s="14" t="s">
        <v>61</v>
      </c>
      <c r="G80252" s="16">
        <v>0</v>
      </c>
    </row>
    <row r="80253" spans="1:7" x14ac:dyDescent="0.3">
      <c r="A80253" s="13" t="s">
        <v>407</v>
      </c>
      <c r="B80253" s="14" t="s">
        <v>1</v>
      </c>
      <c r="C80253" s="14" t="s">
        <v>109</v>
      </c>
      <c r="D80253" s="14" t="s">
        <v>284</v>
      </c>
      <c r="E80253" s="15">
        <v>45694</v>
      </c>
      <c r="F80253" s="14" t="s">
        <v>61</v>
      </c>
      <c r="G80253" s="16">
        <v>0</v>
      </c>
    </row>
    <row r="80254" spans="1:7" x14ac:dyDescent="0.3">
      <c r="A80254" s="13" t="s">
        <v>407</v>
      </c>
      <c r="B80254" s="14" t="s">
        <v>1</v>
      </c>
      <c r="C80254" s="14" t="s">
        <v>109</v>
      </c>
      <c r="D80254" s="14" t="s">
        <v>284</v>
      </c>
      <c r="E80254" s="15">
        <v>45695</v>
      </c>
      <c r="F80254" s="14" t="s">
        <v>61</v>
      </c>
      <c r="G80254" s="16">
        <v>0</v>
      </c>
    </row>
    <row r="80255" spans="1:7" x14ac:dyDescent="0.3">
      <c r="A80255" s="13" t="s">
        <v>407</v>
      </c>
      <c r="B80255" s="14" t="s">
        <v>1</v>
      </c>
      <c r="C80255" s="14" t="s">
        <v>109</v>
      </c>
      <c r="D80255" s="14" t="s">
        <v>284</v>
      </c>
      <c r="E80255" s="15">
        <v>45696</v>
      </c>
      <c r="F80255" s="14" t="s">
        <v>61</v>
      </c>
      <c r="G80255" s="16">
        <v>0</v>
      </c>
    </row>
    <row r="80256" spans="1:7" x14ac:dyDescent="0.3">
      <c r="A80256" s="13" t="s">
        <v>407</v>
      </c>
      <c r="B80256" s="14" t="s">
        <v>1</v>
      </c>
      <c r="C80256" s="14" t="s">
        <v>109</v>
      </c>
      <c r="D80256" s="14" t="s">
        <v>284</v>
      </c>
      <c r="E80256" s="15">
        <v>45697</v>
      </c>
      <c r="F80256" s="14" t="s">
        <v>61</v>
      </c>
      <c r="G80256" s="16">
        <v>0</v>
      </c>
    </row>
    <row r="80257" spans="1:7" x14ac:dyDescent="0.3">
      <c r="A80257" s="13" t="s">
        <v>407</v>
      </c>
      <c r="B80257" s="14" t="s">
        <v>1</v>
      </c>
      <c r="C80257" s="14" t="s">
        <v>109</v>
      </c>
      <c r="D80257" s="14" t="s">
        <v>284</v>
      </c>
      <c r="E80257" s="15">
        <v>45698</v>
      </c>
      <c r="F80257" s="14" t="s">
        <v>61</v>
      </c>
      <c r="G80257" s="16">
        <v>0</v>
      </c>
    </row>
    <row r="80258" spans="1:7" x14ac:dyDescent="0.3">
      <c r="A80258" s="13" t="s">
        <v>407</v>
      </c>
      <c r="B80258" s="14" t="s">
        <v>1</v>
      </c>
      <c r="C80258" s="14" t="s">
        <v>109</v>
      </c>
      <c r="D80258" s="14" t="s">
        <v>284</v>
      </c>
      <c r="E80258" s="15">
        <v>45699</v>
      </c>
      <c r="F80258" s="14" t="s">
        <v>61</v>
      </c>
      <c r="G80258" s="16">
        <v>0</v>
      </c>
    </row>
    <row r="80259" spans="1:7" x14ac:dyDescent="0.3">
      <c r="A80259" s="13" t="s">
        <v>407</v>
      </c>
      <c r="B80259" s="14" t="s">
        <v>1</v>
      </c>
      <c r="C80259" s="14" t="s">
        <v>109</v>
      </c>
      <c r="D80259" s="14" t="s">
        <v>284</v>
      </c>
      <c r="E80259" s="15">
        <v>45700</v>
      </c>
      <c r="F80259" s="14" t="s">
        <v>61</v>
      </c>
      <c r="G80259" s="16">
        <v>0</v>
      </c>
    </row>
    <row r="80260" spans="1:7" x14ac:dyDescent="0.3">
      <c r="A80260" s="13" t="s">
        <v>407</v>
      </c>
      <c r="B80260" s="14" t="s">
        <v>1</v>
      </c>
      <c r="C80260" s="14" t="s">
        <v>109</v>
      </c>
      <c r="D80260" s="14" t="s">
        <v>284</v>
      </c>
      <c r="E80260" s="15">
        <v>45701</v>
      </c>
      <c r="F80260" s="14" t="s">
        <v>61</v>
      </c>
      <c r="G80260" s="16">
        <v>0</v>
      </c>
    </row>
    <row r="80261" spans="1:7" x14ac:dyDescent="0.3">
      <c r="A80261" s="13" t="s">
        <v>407</v>
      </c>
      <c r="B80261" s="14" t="s">
        <v>1</v>
      </c>
      <c r="C80261" s="14" t="s">
        <v>109</v>
      </c>
      <c r="D80261" s="14" t="s">
        <v>284</v>
      </c>
      <c r="E80261" s="15">
        <v>45702</v>
      </c>
      <c r="F80261" s="14" t="s">
        <v>61</v>
      </c>
      <c r="G80261" s="16">
        <v>0</v>
      </c>
    </row>
    <row r="80262" spans="1:7" x14ac:dyDescent="0.3">
      <c r="A80262" s="13" t="s">
        <v>407</v>
      </c>
      <c r="B80262" s="14" t="s">
        <v>1</v>
      </c>
      <c r="C80262" s="14" t="s">
        <v>109</v>
      </c>
      <c r="D80262" s="14" t="s">
        <v>284</v>
      </c>
      <c r="E80262" s="15">
        <v>45703</v>
      </c>
      <c r="F80262" s="14" t="s">
        <v>61</v>
      </c>
      <c r="G80262" s="16">
        <v>0</v>
      </c>
    </row>
    <row r="80263" spans="1:7" x14ac:dyDescent="0.3">
      <c r="A80263" s="13" t="s">
        <v>407</v>
      </c>
      <c r="B80263" s="14" t="s">
        <v>1</v>
      </c>
      <c r="C80263" s="14" t="s">
        <v>109</v>
      </c>
      <c r="D80263" s="14" t="s">
        <v>284</v>
      </c>
      <c r="E80263" s="15">
        <v>45704</v>
      </c>
      <c r="F80263" s="14" t="s">
        <v>61</v>
      </c>
      <c r="G80263" s="16">
        <v>0</v>
      </c>
    </row>
    <row r="80264" spans="1:7" x14ac:dyDescent="0.3">
      <c r="A80264" s="13" t="s">
        <v>407</v>
      </c>
      <c r="B80264" s="14" t="s">
        <v>1</v>
      </c>
      <c r="C80264" s="14" t="s">
        <v>109</v>
      </c>
      <c r="D80264" s="14" t="s">
        <v>284</v>
      </c>
      <c r="E80264" s="15">
        <v>45705</v>
      </c>
      <c r="F80264" s="14" t="s">
        <v>61</v>
      </c>
      <c r="G80264" s="16">
        <v>0</v>
      </c>
    </row>
    <row r="80265" spans="1:7" x14ac:dyDescent="0.3">
      <c r="A80265" s="13" t="s">
        <v>407</v>
      </c>
      <c r="B80265" s="14" t="s">
        <v>1</v>
      </c>
      <c r="C80265" s="14" t="s">
        <v>109</v>
      </c>
      <c r="D80265" s="14" t="s">
        <v>284</v>
      </c>
      <c r="E80265" s="15">
        <v>45706</v>
      </c>
      <c r="F80265" s="14" t="s">
        <v>61</v>
      </c>
      <c r="G80265" s="16">
        <v>0</v>
      </c>
    </row>
    <row r="80266" spans="1:7" x14ac:dyDescent="0.3">
      <c r="A80266" s="13" t="s">
        <v>407</v>
      </c>
      <c r="B80266" s="14" t="s">
        <v>1</v>
      </c>
      <c r="C80266" s="14" t="s">
        <v>109</v>
      </c>
      <c r="D80266" s="14" t="s">
        <v>284</v>
      </c>
      <c r="E80266" s="15">
        <v>45707</v>
      </c>
      <c r="F80266" s="14" t="s">
        <v>61</v>
      </c>
      <c r="G80266" s="16">
        <v>0</v>
      </c>
    </row>
    <row r="80267" spans="1:7" x14ac:dyDescent="0.3">
      <c r="A80267" s="13" t="s">
        <v>407</v>
      </c>
      <c r="B80267" s="14" t="s">
        <v>1</v>
      </c>
      <c r="C80267" s="14" t="s">
        <v>109</v>
      </c>
      <c r="D80267" s="14" t="s">
        <v>284</v>
      </c>
      <c r="E80267" s="15">
        <v>45708</v>
      </c>
      <c r="F80267" s="14" t="s">
        <v>61</v>
      </c>
      <c r="G80267" s="16">
        <v>0</v>
      </c>
    </row>
    <row r="80268" spans="1:7" x14ac:dyDescent="0.3">
      <c r="A80268" s="13" t="s">
        <v>407</v>
      </c>
      <c r="B80268" s="14" t="s">
        <v>1</v>
      </c>
      <c r="C80268" s="14" t="s">
        <v>109</v>
      </c>
      <c r="D80268" s="14" t="s">
        <v>284</v>
      </c>
      <c r="E80268" s="15">
        <v>45709</v>
      </c>
      <c r="F80268" s="14" t="s">
        <v>61</v>
      </c>
      <c r="G80268" s="16">
        <v>0</v>
      </c>
    </row>
    <row r="80269" spans="1:7" x14ac:dyDescent="0.3">
      <c r="A80269" s="13" t="s">
        <v>407</v>
      </c>
      <c r="B80269" s="14" t="s">
        <v>1</v>
      </c>
      <c r="C80269" s="14" t="s">
        <v>109</v>
      </c>
      <c r="D80269" s="14" t="s">
        <v>284</v>
      </c>
      <c r="E80269" s="15">
        <v>45710</v>
      </c>
      <c r="F80269" s="14" t="s">
        <v>61</v>
      </c>
      <c r="G80269" s="16">
        <v>0</v>
      </c>
    </row>
    <row r="80270" spans="1:7" x14ac:dyDescent="0.3">
      <c r="A80270" s="13" t="s">
        <v>407</v>
      </c>
      <c r="B80270" s="14" t="s">
        <v>1</v>
      </c>
      <c r="C80270" s="14" t="s">
        <v>109</v>
      </c>
      <c r="D80270" s="14" t="s">
        <v>284</v>
      </c>
      <c r="E80270" s="15">
        <v>45711</v>
      </c>
      <c r="F80270" s="14" t="s">
        <v>61</v>
      </c>
      <c r="G80270" s="16">
        <v>0</v>
      </c>
    </row>
    <row r="80271" spans="1:7" x14ac:dyDescent="0.3">
      <c r="A80271" s="13" t="s">
        <v>407</v>
      </c>
      <c r="B80271" s="14" t="s">
        <v>1</v>
      </c>
      <c r="C80271" s="14" t="s">
        <v>109</v>
      </c>
      <c r="D80271" s="14" t="s">
        <v>284</v>
      </c>
      <c r="E80271" s="15">
        <v>45712</v>
      </c>
      <c r="F80271" s="14" t="s">
        <v>61</v>
      </c>
      <c r="G80271" s="16">
        <v>0</v>
      </c>
    </row>
    <row r="80272" spans="1:7" x14ac:dyDescent="0.3">
      <c r="A80272" s="13" t="s">
        <v>407</v>
      </c>
      <c r="B80272" s="14" t="s">
        <v>1</v>
      </c>
      <c r="C80272" s="14" t="s">
        <v>109</v>
      </c>
      <c r="D80272" s="14" t="s">
        <v>284</v>
      </c>
      <c r="E80272" s="15">
        <v>45713</v>
      </c>
      <c r="F80272" s="14" t="s">
        <v>61</v>
      </c>
      <c r="G80272" s="16">
        <v>0</v>
      </c>
    </row>
    <row r="80273" spans="1:7" x14ac:dyDescent="0.3">
      <c r="A80273" s="13" t="s">
        <v>407</v>
      </c>
      <c r="B80273" s="14" t="s">
        <v>1</v>
      </c>
      <c r="C80273" s="14" t="s">
        <v>109</v>
      </c>
      <c r="D80273" s="14" t="s">
        <v>284</v>
      </c>
      <c r="E80273" s="15">
        <v>45714</v>
      </c>
      <c r="F80273" s="14" t="s">
        <v>61</v>
      </c>
      <c r="G80273" s="16">
        <v>0</v>
      </c>
    </row>
    <row r="80274" spans="1:7" x14ac:dyDescent="0.3">
      <c r="A80274" s="13" t="s">
        <v>407</v>
      </c>
      <c r="B80274" s="14" t="s">
        <v>1</v>
      </c>
      <c r="C80274" s="14" t="s">
        <v>109</v>
      </c>
      <c r="D80274" s="14" t="s">
        <v>284</v>
      </c>
      <c r="E80274" s="15">
        <v>45715</v>
      </c>
      <c r="F80274" s="14" t="s">
        <v>61</v>
      </c>
      <c r="G80274" s="16">
        <v>0</v>
      </c>
    </row>
    <row r="80275" spans="1:7" x14ac:dyDescent="0.3">
      <c r="A80275" s="13" t="s">
        <v>407</v>
      </c>
      <c r="B80275" s="14" t="s">
        <v>1</v>
      </c>
      <c r="C80275" s="14" t="s">
        <v>109</v>
      </c>
      <c r="D80275" s="14" t="s">
        <v>284</v>
      </c>
      <c r="E80275" s="15">
        <v>45716</v>
      </c>
      <c r="F80275" s="14" t="s">
        <v>61</v>
      </c>
      <c r="G80275" s="16">
        <v>0</v>
      </c>
    </row>
    <row r="80276" spans="1:7" x14ac:dyDescent="0.3">
      <c r="A80276" s="13" t="s">
        <v>407</v>
      </c>
      <c r="B80276" s="14" t="s">
        <v>1</v>
      </c>
      <c r="C80276" s="14" t="s">
        <v>109</v>
      </c>
      <c r="D80276" s="14" t="s">
        <v>284</v>
      </c>
      <c r="E80276" s="15">
        <v>45717</v>
      </c>
      <c r="F80276" s="14" t="s">
        <v>61</v>
      </c>
      <c r="G80276" s="16">
        <v>0</v>
      </c>
    </row>
    <row r="80277" spans="1:7" x14ac:dyDescent="0.3">
      <c r="A80277" s="13" t="s">
        <v>407</v>
      </c>
      <c r="B80277" s="14" t="s">
        <v>1</v>
      </c>
      <c r="C80277" s="14" t="s">
        <v>109</v>
      </c>
      <c r="D80277" s="14" t="s">
        <v>284</v>
      </c>
      <c r="E80277" s="15">
        <v>45718</v>
      </c>
      <c r="F80277" s="14" t="s">
        <v>61</v>
      </c>
      <c r="G80277" s="16">
        <v>0</v>
      </c>
    </row>
    <row r="80278" spans="1:7" x14ac:dyDescent="0.3">
      <c r="A80278" s="13" t="s">
        <v>407</v>
      </c>
      <c r="B80278" s="14" t="s">
        <v>1</v>
      </c>
      <c r="C80278" s="14" t="s">
        <v>109</v>
      </c>
      <c r="D80278" s="14" t="s">
        <v>284</v>
      </c>
      <c r="E80278" s="15">
        <v>45719</v>
      </c>
      <c r="F80278" s="14" t="s">
        <v>61</v>
      </c>
      <c r="G80278" s="16">
        <v>0</v>
      </c>
    </row>
    <row r="80279" spans="1:7" x14ac:dyDescent="0.3">
      <c r="A80279" s="13" t="s">
        <v>407</v>
      </c>
      <c r="B80279" s="14" t="s">
        <v>1</v>
      </c>
      <c r="C80279" s="14" t="s">
        <v>109</v>
      </c>
      <c r="D80279" s="14" t="s">
        <v>284</v>
      </c>
      <c r="E80279" s="15">
        <v>45720</v>
      </c>
      <c r="F80279" s="14" t="s">
        <v>61</v>
      </c>
      <c r="G80279" s="16">
        <v>0</v>
      </c>
    </row>
    <row r="80280" spans="1:7" x14ac:dyDescent="0.3">
      <c r="A80280" s="13" t="s">
        <v>407</v>
      </c>
      <c r="B80280" s="14" t="s">
        <v>1</v>
      </c>
      <c r="C80280" s="14" t="s">
        <v>109</v>
      </c>
      <c r="D80280" s="14" t="s">
        <v>284</v>
      </c>
      <c r="E80280" s="15">
        <v>45721</v>
      </c>
      <c r="F80280" s="14" t="s">
        <v>61</v>
      </c>
      <c r="G80280" s="16">
        <v>0</v>
      </c>
    </row>
    <row r="80281" spans="1:7" x14ac:dyDescent="0.3">
      <c r="A80281" s="13" t="s">
        <v>407</v>
      </c>
      <c r="B80281" s="14" t="s">
        <v>1</v>
      </c>
      <c r="C80281" s="14" t="s">
        <v>109</v>
      </c>
      <c r="D80281" s="14" t="s">
        <v>284</v>
      </c>
      <c r="E80281" s="15">
        <v>45722</v>
      </c>
      <c r="F80281" s="14" t="s">
        <v>61</v>
      </c>
      <c r="G80281" s="16">
        <v>0</v>
      </c>
    </row>
    <row r="80282" spans="1:7" x14ac:dyDescent="0.3">
      <c r="A80282" s="13" t="s">
        <v>407</v>
      </c>
      <c r="B80282" s="14" t="s">
        <v>1</v>
      </c>
      <c r="C80282" s="14" t="s">
        <v>109</v>
      </c>
      <c r="D80282" s="14" t="s">
        <v>284</v>
      </c>
      <c r="E80282" s="15">
        <v>45723</v>
      </c>
      <c r="F80282" s="14" t="s">
        <v>61</v>
      </c>
      <c r="G80282" s="16">
        <v>0</v>
      </c>
    </row>
    <row r="80283" spans="1:7" x14ac:dyDescent="0.3">
      <c r="A80283" s="13" t="s">
        <v>407</v>
      </c>
      <c r="B80283" s="14" t="s">
        <v>1</v>
      </c>
      <c r="C80283" s="14" t="s">
        <v>109</v>
      </c>
      <c r="D80283" s="14" t="s">
        <v>284</v>
      </c>
      <c r="E80283" s="15">
        <v>45724</v>
      </c>
      <c r="F80283" s="14" t="s">
        <v>61</v>
      </c>
      <c r="G80283" s="16">
        <v>0</v>
      </c>
    </row>
    <row r="80284" spans="1:7" x14ac:dyDescent="0.3">
      <c r="A80284" s="13" t="s">
        <v>407</v>
      </c>
      <c r="B80284" s="14" t="s">
        <v>1</v>
      </c>
      <c r="C80284" s="14" t="s">
        <v>109</v>
      </c>
      <c r="D80284" s="14" t="s">
        <v>284</v>
      </c>
      <c r="E80284" s="15">
        <v>45725</v>
      </c>
      <c r="F80284" s="14" t="s">
        <v>61</v>
      </c>
      <c r="G80284" s="16">
        <v>0</v>
      </c>
    </row>
    <row r="80285" spans="1:7" x14ac:dyDescent="0.3">
      <c r="A80285" s="13" t="s">
        <v>407</v>
      </c>
      <c r="B80285" s="14" t="s">
        <v>1</v>
      </c>
      <c r="C80285" s="14" t="s">
        <v>109</v>
      </c>
      <c r="D80285" s="14" t="s">
        <v>284</v>
      </c>
      <c r="E80285" s="15">
        <v>45726</v>
      </c>
      <c r="F80285" s="14" t="s">
        <v>61</v>
      </c>
      <c r="G80285" s="16">
        <v>0</v>
      </c>
    </row>
    <row r="80286" spans="1:7" x14ac:dyDescent="0.3">
      <c r="A80286" s="13" t="s">
        <v>407</v>
      </c>
      <c r="B80286" s="14" t="s">
        <v>1</v>
      </c>
      <c r="C80286" s="14" t="s">
        <v>109</v>
      </c>
      <c r="D80286" s="14" t="s">
        <v>284</v>
      </c>
      <c r="E80286" s="15">
        <v>45727</v>
      </c>
      <c r="F80286" s="14" t="s">
        <v>61</v>
      </c>
      <c r="G80286" s="16">
        <v>0</v>
      </c>
    </row>
    <row r="80287" spans="1:7" x14ac:dyDescent="0.3">
      <c r="A80287" s="13" t="s">
        <v>407</v>
      </c>
      <c r="B80287" s="14" t="s">
        <v>1</v>
      </c>
      <c r="C80287" s="14" t="s">
        <v>109</v>
      </c>
      <c r="D80287" s="14" t="s">
        <v>284</v>
      </c>
      <c r="E80287" s="15">
        <v>45728</v>
      </c>
      <c r="F80287" s="14" t="s">
        <v>61</v>
      </c>
      <c r="G80287" s="16">
        <v>0</v>
      </c>
    </row>
    <row r="80288" spans="1:7" x14ac:dyDescent="0.3">
      <c r="A80288" s="13" t="s">
        <v>407</v>
      </c>
      <c r="B80288" s="14" t="s">
        <v>1</v>
      </c>
      <c r="C80288" s="14" t="s">
        <v>109</v>
      </c>
      <c r="D80288" s="14" t="s">
        <v>284</v>
      </c>
      <c r="E80288" s="15">
        <v>45729</v>
      </c>
      <c r="F80288" s="14" t="s">
        <v>61</v>
      </c>
      <c r="G80288" s="16">
        <v>0</v>
      </c>
    </row>
    <row r="80289" spans="1:7" x14ac:dyDescent="0.3">
      <c r="A80289" s="13" t="s">
        <v>407</v>
      </c>
      <c r="B80289" s="14" t="s">
        <v>1</v>
      </c>
      <c r="C80289" s="14" t="s">
        <v>109</v>
      </c>
      <c r="D80289" s="14" t="s">
        <v>284</v>
      </c>
      <c r="E80289" s="15">
        <v>45730</v>
      </c>
      <c r="F80289" s="14" t="s">
        <v>61</v>
      </c>
      <c r="G80289" s="16">
        <v>0</v>
      </c>
    </row>
    <row r="80290" spans="1:7" x14ac:dyDescent="0.3">
      <c r="A80290" s="13" t="s">
        <v>407</v>
      </c>
      <c r="B80290" s="14" t="s">
        <v>1</v>
      </c>
      <c r="C80290" s="14" t="s">
        <v>109</v>
      </c>
      <c r="D80290" s="14" t="s">
        <v>284</v>
      </c>
      <c r="E80290" s="15">
        <v>45731</v>
      </c>
      <c r="F80290" s="14" t="s">
        <v>61</v>
      </c>
      <c r="G80290" s="16">
        <v>0</v>
      </c>
    </row>
    <row r="80291" spans="1:7" x14ac:dyDescent="0.3">
      <c r="A80291" s="13" t="s">
        <v>407</v>
      </c>
      <c r="B80291" s="14" t="s">
        <v>1</v>
      </c>
      <c r="C80291" s="14" t="s">
        <v>109</v>
      </c>
      <c r="D80291" s="14" t="s">
        <v>284</v>
      </c>
      <c r="E80291" s="15">
        <v>45732</v>
      </c>
      <c r="F80291" s="14" t="s">
        <v>61</v>
      </c>
      <c r="G80291" s="16">
        <v>0</v>
      </c>
    </row>
    <row r="80292" spans="1:7" x14ac:dyDescent="0.3">
      <c r="A80292" s="13" t="s">
        <v>407</v>
      </c>
      <c r="B80292" s="14" t="s">
        <v>1</v>
      </c>
      <c r="C80292" s="14" t="s">
        <v>109</v>
      </c>
      <c r="D80292" s="14" t="s">
        <v>284</v>
      </c>
      <c r="E80292" s="15">
        <v>45733</v>
      </c>
      <c r="F80292" s="14" t="s">
        <v>61</v>
      </c>
      <c r="G80292" s="16">
        <v>0</v>
      </c>
    </row>
    <row r="80293" spans="1:7" x14ac:dyDescent="0.3">
      <c r="A80293" s="13" t="s">
        <v>407</v>
      </c>
      <c r="B80293" s="14" t="s">
        <v>1</v>
      </c>
      <c r="C80293" s="14" t="s">
        <v>109</v>
      </c>
      <c r="D80293" s="14" t="s">
        <v>284</v>
      </c>
      <c r="E80293" s="15">
        <v>45734</v>
      </c>
      <c r="F80293" s="14" t="s">
        <v>61</v>
      </c>
      <c r="G80293" s="16">
        <v>0</v>
      </c>
    </row>
    <row r="80294" spans="1:7" x14ac:dyDescent="0.3">
      <c r="A80294" s="13" t="s">
        <v>407</v>
      </c>
      <c r="B80294" s="14" t="s">
        <v>1</v>
      </c>
      <c r="C80294" s="14" t="s">
        <v>109</v>
      </c>
      <c r="D80294" s="14" t="s">
        <v>284</v>
      </c>
      <c r="E80294" s="15">
        <v>45735</v>
      </c>
      <c r="F80294" s="14" t="s">
        <v>61</v>
      </c>
      <c r="G80294" s="16">
        <v>0</v>
      </c>
    </row>
    <row r="80295" spans="1:7" x14ac:dyDescent="0.3">
      <c r="A80295" s="13" t="s">
        <v>407</v>
      </c>
      <c r="B80295" s="14" t="s">
        <v>1</v>
      </c>
      <c r="C80295" s="14" t="s">
        <v>109</v>
      </c>
      <c r="D80295" s="14" t="s">
        <v>284</v>
      </c>
      <c r="E80295" s="15">
        <v>45736</v>
      </c>
      <c r="F80295" s="14" t="s">
        <v>61</v>
      </c>
      <c r="G80295" s="16">
        <v>0</v>
      </c>
    </row>
    <row r="80296" spans="1:7" x14ac:dyDescent="0.3">
      <c r="A80296" s="13" t="s">
        <v>407</v>
      </c>
      <c r="B80296" s="14" t="s">
        <v>1</v>
      </c>
      <c r="C80296" s="14" t="s">
        <v>109</v>
      </c>
      <c r="D80296" s="14" t="s">
        <v>284</v>
      </c>
      <c r="E80296" s="15">
        <v>45737</v>
      </c>
      <c r="F80296" s="14" t="s">
        <v>61</v>
      </c>
      <c r="G80296" s="16">
        <v>0</v>
      </c>
    </row>
    <row r="80297" spans="1:7" x14ac:dyDescent="0.3">
      <c r="A80297" s="13" t="s">
        <v>407</v>
      </c>
      <c r="B80297" s="14" t="s">
        <v>1</v>
      </c>
      <c r="C80297" s="14" t="s">
        <v>109</v>
      </c>
      <c r="D80297" s="14" t="s">
        <v>284</v>
      </c>
      <c r="E80297" s="15">
        <v>45738</v>
      </c>
      <c r="F80297" s="14" t="s">
        <v>61</v>
      </c>
      <c r="G80297" s="16">
        <v>0</v>
      </c>
    </row>
    <row r="80298" spans="1:7" x14ac:dyDescent="0.3">
      <c r="A80298" s="13" t="s">
        <v>407</v>
      </c>
      <c r="B80298" s="14" t="s">
        <v>1</v>
      </c>
      <c r="C80298" s="14" t="s">
        <v>109</v>
      </c>
      <c r="D80298" s="14" t="s">
        <v>284</v>
      </c>
      <c r="E80298" s="15">
        <v>45739</v>
      </c>
      <c r="F80298" s="14" t="s">
        <v>61</v>
      </c>
      <c r="G80298" s="16">
        <v>0</v>
      </c>
    </row>
    <row r="80299" spans="1:7" x14ac:dyDescent="0.3">
      <c r="A80299" s="13" t="s">
        <v>407</v>
      </c>
      <c r="B80299" s="14" t="s">
        <v>1</v>
      </c>
      <c r="C80299" s="14" t="s">
        <v>109</v>
      </c>
      <c r="D80299" s="14" t="s">
        <v>284</v>
      </c>
      <c r="E80299" s="15">
        <v>45740</v>
      </c>
      <c r="F80299" s="14" t="s">
        <v>61</v>
      </c>
      <c r="G80299" s="16">
        <v>0</v>
      </c>
    </row>
    <row r="80300" spans="1:7" x14ac:dyDescent="0.3">
      <c r="A80300" s="13" t="s">
        <v>407</v>
      </c>
      <c r="B80300" s="14" t="s">
        <v>1</v>
      </c>
      <c r="C80300" s="14" t="s">
        <v>109</v>
      </c>
      <c r="D80300" s="14" t="s">
        <v>284</v>
      </c>
      <c r="E80300" s="15">
        <v>45741</v>
      </c>
      <c r="F80300" s="14" t="s">
        <v>61</v>
      </c>
      <c r="G80300" s="16">
        <v>0</v>
      </c>
    </row>
    <row r="80301" spans="1:7" x14ac:dyDescent="0.3">
      <c r="A80301" s="13" t="s">
        <v>407</v>
      </c>
      <c r="B80301" s="14" t="s">
        <v>1</v>
      </c>
      <c r="C80301" s="14" t="s">
        <v>109</v>
      </c>
      <c r="D80301" s="14" t="s">
        <v>284</v>
      </c>
      <c r="E80301" s="15">
        <v>45742</v>
      </c>
      <c r="F80301" s="14" t="s">
        <v>61</v>
      </c>
      <c r="G80301" s="16">
        <v>0</v>
      </c>
    </row>
    <row r="80302" spans="1:7" x14ac:dyDescent="0.3">
      <c r="A80302" s="13" t="s">
        <v>407</v>
      </c>
      <c r="B80302" s="14" t="s">
        <v>1</v>
      </c>
      <c r="C80302" s="14" t="s">
        <v>109</v>
      </c>
      <c r="D80302" s="14" t="s">
        <v>284</v>
      </c>
      <c r="E80302" s="15">
        <v>45743</v>
      </c>
      <c r="F80302" s="14" t="s">
        <v>61</v>
      </c>
      <c r="G80302" s="16">
        <v>0</v>
      </c>
    </row>
    <row r="80303" spans="1:7" x14ac:dyDescent="0.3">
      <c r="A80303" s="13" t="s">
        <v>407</v>
      </c>
      <c r="B80303" s="14" t="s">
        <v>1</v>
      </c>
      <c r="C80303" s="14" t="s">
        <v>109</v>
      </c>
      <c r="D80303" s="14" t="s">
        <v>284</v>
      </c>
      <c r="E80303" s="15">
        <v>45744</v>
      </c>
      <c r="F80303" s="14" t="s">
        <v>61</v>
      </c>
      <c r="G80303" s="16">
        <v>0</v>
      </c>
    </row>
    <row r="80304" spans="1:7" x14ac:dyDescent="0.3">
      <c r="A80304" s="13" t="s">
        <v>407</v>
      </c>
      <c r="B80304" s="14" t="s">
        <v>1</v>
      </c>
      <c r="C80304" s="14" t="s">
        <v>109</v>
      </c>
      <c r="D80304" s="14" t="s">
        <v>284</v>
      </c>
      <c r="E80304" s="15">
        <v>45745</v>
      </c>
      <c r="F80304" s="14" t="s">
        <v>61</v>
      </c>
      <c r="G80304" s="16">
        <v>0</v>
      </c>
    </row>
    <row r="80305" spans="1:7" x14ac:dyDescent="0.3">
      <c r="A80305" s="13" t="s">
        <v>407</v>
      </c>
      <c r="B80305" s="14" t="s">
        <v>1</v>
      </c>
      <c r="C80305" s="14" t="s">
        <v>109</v>
      </c>
      <c r="D80305" s="14" t="s">
        <v>284</v>
      </c>
      <c r="E80305" s="15">
        <v>45746</v>
      </c>
      <c r="F80305" s="14" t="s">
        <v>61</v>
      </c>
      <c r="G80305" s="16">
        <v>0</v>
      </c>
    </row>
    <row r="80306" spans="1:7" x14ac:dyDescent="0.3">
      <c r="A80306" s="13" t="s">
        <v>407</v>
      </c>
      <c r="B80306" s="14" t="s">
        <v>1</v>
      </c>
      <c r="C80306" s="14" t="s">
        <v>109</v>
      </c>
      <c r="D80306" s="14" t="s">
        <v>284</v>
      </c>
      <c r="E80306" s="15">
        <v>45747</v>
      </c>
      <c r="F80306" s="14" t="s">
        <v>61</v>
      </c>
      <c r="G80306" s="16">
        <v>0</v>
      </c>
    </row>
    <row r="80307" spans="1:7" x14ac:dyDescent="0.3">
      <c r="A80307" s="13" t="s">
        <v>408</v>
      </c>
      <c r="B80307" s="14" t="s">
        <v>1</v>
      </c>
      <c r="C80307" s="14" t="s">
        <v>17</v>
      </c>
      <c r="D80307" s="14" t="s">
        <v>409</v>
      </c>
      <c r="E80307" s="15">
        <v>45383</v>
      </c>
      <c r="F80307" s="14" t="s">
        <v>15</v>
      </c>
      <c r="G80307" s="16">
        <v>0</v>
      </c>
    </row>
    <row r="80308" spans="1:7" x14ac:dyDescent="0.3">
      <c r="A80308" s="13" t="s">
        <v>408</v>
      </c>
      <c r="B80308" s="14" t="s">
        <v>1</v>
      </c>
      <c r="C80308" s="14" t="s">
        <v>17</v>
      </c>
      <c r="D80308" s="14" t="s">
        <v>409</v>
      </c>
      <c r="E80308" s="15">
        <v>45384</v>
      </c>
      <c r="F80308" s="14" t="s">
        <v>15</v>
      </c>
      <c r="G80308" s="16">
        <v>0</v>
      </c>
    </row>
    <row r="80309" spans="1:7" x14ac:dyDescent="0.3">
      <c r="A80309" s="13" t="s">
        <v>408</v>
      </c>
      <c r="B80309" s="14" t="s">
        <v>1</v>
      </c>
      <c r="C80309" s="14" t="s">
        <v>17</v>
      </c>
      <c r="D80309" s="14" t="s">
        <v>409</v>
      </c>
      <c r="E80309" s="15">
        <v>45385</v>
      </c>
      <c r="F80309" s="14" t="s">
        <v>15</v>
      </c>
      <c r="G80309" s="16">
        <v>0</v>
      </c>
    </row>
    <row r="80310" spans="1:7" x14ac:dyDescent="0.3">
      <c r="A80310" s="13" t="s">
        <v>408</v>
      </c>
      <c r="B80310" s="14" t="s">
        <v>1</v>
      </c>
      <c r="C80310" s="14" t="s">
        <v>17</v>
      </c>
      <c r="D80310" s="14" t="s">
        <v>409</v>
      </c>
      <c r="E80310" s="15">
        <v>45386</v>
      </c>
      <c r="F80310" s="14" t="s">
        <v>15</v>
      </c>
      <c r="G80310" s="16">
        <v>0</v>
      </c>
    </row>
    <row r="80311" spans="1:7" x14ac:dyDescent="0.3">
      <c r="A80311" s="13" t="s">
        <v>408</v>
      </c>
      <c r="B80311" s="14" t="s">
        <v>1</v>
      </c>
      <c r="C80311" s="14" t="s">
        <v>17</v>
      </c>
      <c r="D80311" s="14" t="s">
        <v>409</v>
      </c>
      <c r="E80311" s="15">
        <v>45387</v>
      </c>
      <c r="F80311" s="14" t="s">
        <v>15</v>
      </c>
      <c r="G80311" s="16">
        <v>0</v>
      </c>
    </row>
    <row r="80312" spans="1:7" x14ac:dyDescent="0.3">
      <c r="A80312" s="13" t="s">
        <v>408</v>
      </c>
      <c r="B80312" s="14" t="s">
        <v>1</v>
      </c>
      <c r="C80312" s="14" t="s">
        <v>17</v>
      </c>
      <c r="D80312" s="14" t="s">
        <v>409</v>
      </c>
      <c r="E80312" s="15">
        <v>45388</v>
      </c>
      <c r="F80312" s="14" t="s">
        <v>15</v>
      </c>
      <c r="G80312" s="16">
        <v>0</v>
      </c>
    </row>
    <row r="80313" spans="1:7" x14ac:dyDescent="0.3">
      <c r="A80313" s="13" t="s">
        <v>408</v>
      </c>
      <c r="B80313" s="14" t="s">
        <v>1</v>
      </c>
      <c r="C80313" s="14" t="s">
        <v>17</v>
      </c>
      <c r="D80313" s="14" t="s">
        <v>409</v>
      </c>
      <c r="E80313" s="15">
        <v>45389</v>
      </c>
      <c r="F80313" s="14" t="s">
        <v>15</v>
      </c>
      <c r="G80313" s="16">
        <v>0</v>
      </c>
    </row>
    <row r="80314" spans="1:7" x14ac:dyDescent="0.3">
      <c r="A80314" s="13" t="s">
        <v>408</v>
      </c>
      <c r="B80314" s="14" t="s">
        <v>1</v>
      </c>
      <c r="C80314" s="14" t="s">
        <v>17</v>
      </c>
      <c r="D80314" s="14" t="s">
        <v>409</v>
      </c>
      <c r="E80314" s="15">
        <v>45390</v>
      </c>
      <c r="F80314" s="14" t="s">
        <v>15</v>
      </c>
      <c r="G80314" s="16">
        <v>0</v>
      </c>
    </row>
    <row r="80315" spans="1:7" x14ac:dyDescent="0.3">
      <c r="A80315" s="13" t="s">
        <v>408</v>
      </c>
      <c r="B80315" s="14" t="s">
        <v>1</v>
      </c>
      <c r="C80315" s="14" t="s">
        <v>17</v>
      </c>
      <c r="D80315" s="14" t="s">
        <v>409</v>
      </c>
      <c r="E80315" s="15">
        <v>45391</v>
      </c>
      <c r="F80315" s="14" t="s">
        <v>15</v>
      </c>
      <c r="G80315" s="16">
        <v>0</v>
      </c>
    </row>
    <row r="80316" spans="1:7" x14ac:dyDescent="0.3">
      <c r="A80316" s="13" t="s">
        <v>408</v>
      </c>
      <c r="B80316" s="14" t="s">
        <v>1</v>
      </c>
      <c r="C80316" s="14" t="s">
        <v>17</v>
      </c>
      <c r="D80316" s="14" t="s">
        <v>409</v>
      </c>
      <c r="E80316" s="15">
        <v>45392</v>
      </c>
      <c r="F80316" s="14" t="s">
        <v>15</v>
      </c>
      <c r="G80316" s="16">
        <v>0</v>
      </c>
    </row>
    <row r="80317" spans="1:7" x14ac:dyDescent="0.3">
      <c r="A80317" s="13" t="s">
        <v>408</v>
      </c>
      <c r="B80317" s="14" t="s">
        <v>1</v>
      </c>
      <c r="C80317" s="14" t="s">
        <v>17</v>
      </c>
      <c r="D80317" s="14" t="s">
        <v>409</v>
      </c>
      <c r="E80317" s="15">
        <v>45393</v>
      </c>
      <c r="F80317" s="14" t="s">
        <v>15</v>
      </c>
      <c r="G80317" s="16">
        <v>0</v>
      </c>
    </row>
    <row r="80318" spans="1:7" x14ac:dyDescent="0.3">
      <c r="A80318" s="13" t="s">
        <v>408</v>
      </c>
      <c r="B80318" s="14" t="s">
        <v>1</v>
      </c>
      <c r="C80318" s="14" t="s">
        <v>17</v>
      </c>
      <c r="D80318" s="14" t="s">
        <v>409</v>
      </c>
      <c r="E80318" s="15">
        <v>45394</v>
      </c>
      <c r="F80318" s="14" t="s">
        <v>15</v>
      </c>
      <c r="G80318" s="16">
        <v>0</v>
      </c>
    </row>
    <row r="80319" spans="1:7" x14ac:dyDescent="0.3">
      <c r="A80319" s="13" t="s">
        <v>408</v>
      </c>
      <c r="B80319" s="14" t="s">
        <v>1</v>
      </c>
      <c r="C80319" s="14" t="s">
        <v>17</v>
      </c>
      <c r="D80319" s="14" t="s">
        <v>409</v>
      </c>
      <c r="E80319" s="15">
        <v>45395</v>
      </c>
      <c r="F80319" s="14" t="s">
        <v>15</v>
      </c>
      <c r="G80319" s="16">
        <v>0</v>
      </c>
    </row>
    <row r="80320" spans="1:7" x14ac:dyDescent="0.3">
      <c r="A80320" s="13" t="s">
        <v>408</v>
      </c>
      <c r="B80320" s="14" t="s">
        <v>1</v>
      </c>
      <c r="C80320" s="14" t="s">
        <v>17</v>
      </c>
      <c r="D80320" s="14" t="s">
        <v>409</v>
      </c>
      <c r="E80320" s="15">
        <v>45396</v>
      </c>
      <c r="F80320" s="14" t="s">
        <v>15</v>
      </c>
      <c r="G80320" s="16">
        <v>0</v>
      </c>
    </row>
    <row r="80321" spans="1:7" x14ac:dyDescent="0.3">
      <c r="A80321" s="13" t="s">
        <v>408</v>
      </c>
      <c r="B80321" s="14" t="s">
        <v>1</v>
      </c>
      <c r="C80321" s="14" t="s">
        <v>17</v>
      </c>
      <c r="D80321" s="14" t="s">
        <v>409</v>
      </c>
      <c r="E80321" s="15">
        <v>45397</v>
      </c>
      <c r="F80321" s="14" t="s">
        <v>15</v>
      </c>
      <c r="G80321" s="16">
        <v>0</v>
      </c>
    </row>
    <row r="80322" spans="1:7" x14ac:dyDescent="0.3">
      <c r="A80322" s="13" t="s">
        <v>408</v>
      </c>
      <c r="B80322" s="14" t="s">
        <v>1</v>
      </c>
      <c r="C80322" s="14" t="s">
        <v>17</v>
      </c>
      <c r="D80322" s="14" t="s">
        <v>409</v>
      </c>
      <c r="E80322" s="15">
        <v>45398</v>
      </c>
      <c r="F80322" s="14" t="s">
        <v>15</v>
      </c>
      <c r="G80322" s="16">
        <v>0</v>
      </c>
    </row>
    <row r="80323" spans="1:7" x14ac:dyDescent="0.3">
      <c r="A80323" s="13" t="s">
        <v>408</v>
      </c>
      <c r="B80323" s="14" t="s">
        <v>1</v>
      </c>
      <c r="C80323" s="14" t="s">
        <v>17</v>
      </c>
      <c r="D80323" s="14" t="s">
        <v>409</v>
      </c>
      <c r="E80323" s="15">
        <v>45399</v>
      </c>
      <c r="F80323" s="14" t="s">
        <v>15</v>
      </c>
      <c r="G80323" s="16">
        <v>0</v>
      </c>
    </row>
    <row r="80324" spans="1:7" x14ac:dyDescent="0.3">
      <c r="A80324" s="13" t="s">
        <v>408</v>
      </c>
      <c r="B80324" s="14" t="s">
        <v>1</v>
      </c>
      <c r="C80324" s="14" t="s">
        <v>17</v>
      </c>
      <c r="D80324" s="14" t="s">
        <v>409</v>
      </c>
      <c r="E80324" s="15">
        <v>45400</v>
      </c>
      <c r="F80324" s="14" t="s">
        <v>15</v>
      </c>
      <c r="G80324" s="16">
        <v>0</v>
      </c>
    </row>
    <row r="80325" spans="1:7" x14ac:dyDescent="0.3">
      <c r="A80325" s="13" t="s">
        <v>408</v>
      </c>
      <c r="B80325" s="14" t="s">
        <v>1</v>
      </c>
      <c r="C80325" s="14" t="s">
        <v>17</v>
      </c>
      <c r="D80325" s="14" t="s">
        <v>409</v>
      </c>
      <c r="E80325" s="15">
        <v>45401</v>
      </c>
      <c r="F80325" s="14" t="s">
        <v>15</v>
      </c>
      <c r="G80325" s="16">
        <v>0</v>
      </c>
    </row>
    <row r="80326" spans="1:7" x14ac:dyDescent="0.3">
      <c r="A80326" s="13" t="s">
        <v>408</v>
      </c>
      <c r="B80326" s="14" t="s">
        <v>1</v>
      </c>
      <c r="C80326" s="14" t="s">
        <v>17</v>
      </c>
      <c r="D80326" s="14" t="s">
        <v>409</v>
      </c>
      <c r="E80326" s="15">
        <v>45402</v>
      </c>
      <c r="F80326" s="14" t="s">
        <v>15</v>
      </c>
      <c r="G80326" s="16">
        <v>0</v>
      </c>
    </row>
    <row r="80327" spans="1:7" x14ac:dyDescent="0.3">
      <c r="A80327" s="13" t="s">
        <v>408</v>
      </c>
      <c r="B80327" s="14" t="s">
        <v>1</v>
      </c>
      <c r="C80327" s="14" t="s">
        <v>17</v>
      </c>
      <c r="D80327" s="14" t="s">
        <v>409</v>
      </c>
      <c r="E80327" s="15">
        <v>45403</v>
      </c>
      <c r="F80327" s="14" t="s">
        <v>15</v>
      </c>
      <c r="G80327" s="16">
        <v>0</v>
      </c>
    </row>
    <row r="80328" spans="1:7" x14ac:dyDescent="0.3">
      <c r="A80328" s="13" t="s">
        <v>408</v>
      </c>
      <c r="B80328" s="14" t="s">
        <v>1</v>
      </c>
      <c r="C80328" s="14" t="s">
        <v>17</v>
      </c>
      <c r="D80328" s="14" t="s">
        <v>409</v>
      </c>
      <c r="E80328" s="15">
        <v>45404</v>
      </c>
      <c r="F80328" s="14" t="s">
        <v>15</v>
      </c>
      <c r="G80328" s="16">
        <v>0</v>
      </c>
    </row>
    <row r="80329" spans="1:7" x14ac:dyDescent="0.3">
      <c r="A80329" s="13" t="s">
        <v>408</v>
      </c>
      <c r="B80329" s="14" t="s">
        <v>1</v>
      </c>
      <c r="C80329" s="14" t="s">
        <v>17</v>
      </c>
      <c r="D80329" s="14" t="s">
        <v>409</v>
      </c>
      <c r="E80329" s="15">
        <v>45405</v>
      </c>
      <c r="F80329" s="14" t="s">
        <v>15</v>
      </c>
      <c r="G80329" s="16">
        <v>0</v>
      </c>
    </row>
    <row r="80330" spans="1:7" x14ac:dyDescent="0.3">
      <c r="A80330" s="13" t="s">
        <v>408</v>
      </c>
      <c r="B80330" s="14" t="s">
        <v>1</v>
      </c>
      <c r="C80330" s="14" t="s">
        <v>17</v>
      </c>
      <c r="D80330" s="14" t="s">
        <v>409</v>
      </c>
      <c r="E80330" s="15">
        <v>45406</v>
      </c>
      <c r="F80330" s="14" t="s">
        <v>15</v>
      </c>
      <c r="G80330" s="16">
        <v>0</v>
      </c>
    </row>
    <row r="80331" spans="1:7" x14ac:dyDescent="0.3">
      <c r="A80331" s="13" t="s">
        <v>408</v>
      </c>
      <c r="B80331" s="14" t="s">
        <v>1</v>
      </c>
      <c r="C80331" s="14" t="s">
        <v>17</v>
      </c>
      <c r="D80331" s="14" t="s">
        <v>409</v>
      </c>
      <c r="E80331" s="15">
        <v>45407</v>
      </c>
      <c r="F80331" s="14" t="s">
        <v>15</v>
      </c>
      <c r="G80331" s="16">
        <v>0</v>
      </c>
    </row>
    <row r="80332" spans="1:7" x14ac:dyDescent="0.3">
      <c r="A80332" s="13" t="s">
        <v>408</v>
      </c>
      <c r="B80332" s="14" t="s">
        <v>1</v>
      </c>
      <c r="C80332" s="14" t="s">
        <v>17</v>
      </c>
      <c r="D80332" s="14" t="s">
        <v>409</v>
      </c>
      <c r="E80332" s="15">
        <v>45408</v>
      </c>
      <c r="F80332" s="14" t="s">
        <v>15</v>
      </c>
      <c r="G80332" s="16">
        <v>0</v>
      </c>
    </row>
    <row r="80333" spans="1:7" x14ac:dyDescent="0.3">
      <c r="A80333" s="13" t="s">
        <v>408</v>
      </c>
      <c r="B80333" s="14" t="s">
        <v>1</v>
      </c>
      <c r="C80333" s="14" t="s">
        <v>17</v>
      </c>
      <c r="D80333" s="14" t="s">
        <v>409</v>
      </c>
      <c r="E80333" s="15">
        <v>45409</v>
      </c>
      <c r="F80333" s="14" t="s">
        <v>15</v>
      </c>
      <c r="G80333" s="16">
        <v>0</v>
      </c>
    </row>
    <row r="80334" spans="1:7" x14ac:dyDescent="0.3">
      <c r="A80334" s="13" t="s">
        <v>408</v>
      </c>
      <c r="B80334" s="14" t="s">
        <v>1</v>
      </c>
      <c r="C80334" s="14" t="s">
        <v>17</v>
      </c>
      <c r="D80334" s="14" t="s">
        <v>409</v>
      </c>
      <c r="E80334" s="15">
        <v>45410</v>
      </c>
      <c r="F80334" s="14" t="s">
        <v>15</v>
      </c>
      <c r="G80334" s="16">
        <v>0</v>
      </c>
    </row>
    <row r="80335" spans="1:7" x14ac:dyDescent="0.3">
      <c r="A80335" s="13" t="s">
        <v>408</v>
      </c>
      <c r="B80335" s="14" t="s">
        <v>1</v>
      </c>
      <c r="C80335" s="14" t="s">
        <v>17</v>
      </c>
      <c r="D80335" s="14" t="s">
        <v>409</v>
      </c>
      <c r="E80335" s="15">
        <v>45411</v>
      </c>
      <c r="F80335" s="14" t="s">
        <v>15</v>
      </c>
      <c r="G80335" s="16">
        <v>0</v>
      </c>
    </row>
    <row r="80336" spans="1:7" x14ac:dyDescent="0.3">
      <c r="A80336" s="13" t="s">
        <v>408</v>
      </c>
      <c r="B80336" s="14" t="s">
        <v>1</v>
      </c>
      <c r="C80336" s="14" t="s">
        <v>17</v>
      </c>
      <c r="D80336" s="14" t="s">
        <v>409</v>
      </c>
      <c r="E80336" s="15">
        <v>45412</v>
      </c>
      <c r="F80336" s="14" t="s">
        <v>15</v>
      </c>
      <c r="G80336" s="16">
        <v>0</v>
      </c>
    </row>
    <row r="80337" spans="1:7" x14ac:dyDescent="0.3">
      <c r="A80337" s="13" t="s">
        <v>408</v>
      </c>
      <c r="B80337" s="14" t="s">
        <v>1</v>
      </c>
      <c r="C80337" s="14" t="s">
        <v>17</v>
      </c>
      <c r="D80337" s="14" t="s">
        <v>409</v>
      </c>
      <c r="E80337" s="15">
        <v>45413</v>
      </c>
      <c r="F80337" s="14" t="s">
        <v>15</v>
      </c>
      <c r="G80337" s="16">
        <v>0</v>
      </c>
    </row>
    <row r="80338" spans="1:7" x14ac:dyDescent="0.3">
      <c r="A80338" s="13" t="s">
        <v>408</v>
      </c>
      <c r="B80338" s="14" t="s">
        <v>1</v>
      </c>
      <c r="C80338" s="14" t="s">
        <v>17</v>
      </c>
      <c r="D80338" s="14" t="s">
        <v>409</v>
      </c>
      <c r="E80338" s="15">
        <v>45414</v>
      </c>
      <c r="F80338" s="14" t="s">
        <v>15</v>
      </c>
      <c r="G80338" s="16">
        <v>0</v>
      </c>
    </row>
    <row r="80339" spans="1:7" x14ac:dyDescent="0.3">
      <c r="A80339" s="13" t="s">
        <v>408</v>
      </c>
      <c r="B80339" s="14" t="s">
        <v>1</v>
      </c>
      <c r="C80339" s="14" t="s">
        <v>17</v>
      </c>
      <c r="D80339" s="14" t="s">
        <v>409</v>
      </c>
      <c r="E80339" s="15">
        <v>45415</v>
      </c>
      <c r="F80339" s="14" t="s">
        <v>15</v>
      </c>
      <c r="G80339" s="16">
        <v>0</v>
      </c>
    </row>
    <row r="80340" spans="1:7" x14ac:dyDescent="0.3">
      <c r="A80340" s="13" t="s">
        <v>408</v>
      </c>
      <c r="B80340" s="14" t="s">
        <v>1</v>
      </c>
      <c r="C80340" s="14" t="s">
        <v>17</v>
      </c>
      <c r="D80340" s="14" t="s">
        <v>409</v>
      </c>
      <c r="E80340" s="15">
        <v>45416</v>
      </c>
      <c r="F80340" s="14" t="s">
        <v>15</v>
      </c>
      <c r="G80340" s="16">
        <v>0</v>
      </c>
    </row>
    <row r="80341" spans="1:7" x14ac:dyDescent="0.3">
      <c r="A80341" s="13" t="s">
        <v>408</v>
      </c>
      <c r="B80341" s="14" t="s">
        <v>1</v>
      </c>
      <c r="C80341" s="14" t="s">
        <v>17</v>
      </c>
      <c r="D80341" s="14" t="s">
        <v>409</v>
      </c>
      <c r="E80341" s="15">
        <v>45417</v>
      </c>
      <c r="F80341" s="14" t="s">
        <v>15</v>
      </c>
      <c r="G80341" s="16">
        <v>0</v>
      </c>
    </row>
    <row r="80342" spans="1:7" x14ac:dyDescent="0.3">
      <c r="A80342" s="13" t="s">
        <v>408</v>
      </c>
      <c r="B80342" s="14" t="s">
        <v>1</v>
      </c>
      <c r="C80342" s="14" t="s">
        <v>17</v>
      </c>
      <c r="D80342" s="14" t="s">
        <v>409</v>
      </c>
      <c r="E80342" s="15">
        <v>45418</v>
      </c>
      <c r="F80342" s="14" t="s">
        <v>15</v>
      </c>
      <c r="G80342" s="16">
        <v>0</v>
      </c>
    </row>
    <row r="80343" spans="1:7" x14ac:dyDescent="0.3">
      <c r="A80343" s="13" t="s">
        <v>408</v>
      </c>
      <c r="B80343" s="14" t="s">
        <v>1</v>
      </c>
      <c r="C80343" s="14" t="s">
        <v>17</v>
      </c>
      <c r="D80343" s="14" t="s">
        <v>409</v>
      </c>
      <c r="E80343" s="15">
        <v>45419</v>
      </c>
      <c r="F80343" s="14" t="s">
        <v>15</v>
      </c>
      <c r="G80343" s="16">
        <v>0</v>
      </c>
    </row>
    <row r="80344" spans="1:7" x14ac:dyDescent="0.3">
      <c r="A80344" s="13" t="s">
        <v>408</v>
      </c>
      <c r="B80344" s="14" t="s">
        <v>1</v>
      </c>
      <c r="C80344" s="14" t="s">
        <v>17</v>
      </c>
      <c r="D80344" s="14" t="s">
        <v>409</v>
      </c>
      <c r="E80344" s="15">
        <v>45420</v>
      </c>
      <c r="F80344" s="14" t="s">
        <v>15</v>
      </c>
      <c r="G80344" s="16">
        <v>0</v>
      </c>
    </row>
    <row r="80345" spans="1:7" x14ac:dyDescent="0.3">
      <c r="A80345" s="13" t="s">
        <v>408</v>
      </c>
      <c r="B80345" s="14" t="s">
        <v>1</v>
      </c>
      <c r="C80345" s="14" t="s">
        <v>17</v>
      </c>
      <c r="D80345" s="14" t="s">
        <v>409</v>
      </c>
      <c r="E80345" s="15">
        <v>45421</v>
      </c>
      <c r="F80345" s="14" t="s">
        <v>15</v>
      </c>
      <c r="G80345" s="16">
        <v>0</v>
      </c>
    </row>
    <row r="80346" spans="1:7" x14ac:dyDescent="0.3">
      <c r="A80346" s="13" t="s">
        <v>408</v>
      </c>
      <c r="B80346" s="14" t="s">
        <v>1</v>
      </c>
      <c r="C80346" s="14" t="s">
        <v>17</v>
      </c>
      <c r="D80346" s="14" t="s">
        <v>409</v>
      </c>
      <c r="E80346" s="15">
        <v>45422</v>
      </c>
      <c r="F80346" s="14" t="s">
        <v>15</v>
      </c>
      <c r="G80346" s="16">
        <v>0</v>
      </c>
    </row>
    <row r="80347" spans="1:7" x14ac:dyDescent="0.3">
      <c r="A80347" s="13" t="s">
        <v>408</v>
      </c>
      <c r="B80347" s="14" t="s">
        <v>1</v>
      </c>
      <c r="C80347" s="14" t="s">
        <v>17</v>
      </c>
      <c r="D80347" s="14" t="s">
        <v>409</v>
      </c>
      <c r="E80347" s="15">
        <v>45423</v>
      </c>
      <c r="F80347" s="14" t="s">
        <v>15</v>
      </c>
      <c r="G80347" s="16">
        <v>0</v>
      </c>
    </row>
    <row r="80348" spans="1:7" x14ac:dyDescent="0.3">
      <c r="A80348" s="13" t="s">
        <v>408</v>
      </c>
      <c r="B80348" s="14" t="s">
        <v>1</v>
      </c>
      <c r="C80348" s="14" t="s">
        <v>17</v>
      </c>
      <c r="D80348" s="14" t="s">
        <v>409</v>
      </c>
      <c r="E80348" s="15">
        <v>45424</v>
      </c>
      <c r="F80348" s="14" t="s">
        <v>15</v>
      </c>
      <c r="G80348" s="16">
        <v>0</v>
      </c>
    </row>
    <row r="80349" spans="1:7" x14ac:dyDescent="0.3">
      <c r="A80349" s="13" t="s">
        <v>408</v>
      </c>
      <c r="B80349" s="14" t="s">
        <v>1</v>
      </c>
      <c r="C80349" s="14" t="s">
        <v>17</v>
      </c>
      <c r="D80349" s="14" t="s">
        <v>409</v>
      </c>
      <c r="E80349" s="15">
        <v>45425</v>
      </c>
      <c r="F80349" s="14" t="s">
        <v>15</v>
      </c>
      <c r="G80349" s="16">
        <v>0</v>
      </c>
    </row>
    <row r="80350" spans="1:7" x14ac:dyDescent="0.3">
      <c r="A80350" s="13" t="s">
        <v>408</v>
      </c>
      <c r="B80350" s="14" t="s">
        <v>1</v>
      </c>
      <c r="C80350" s="14" t="s">
        <v>17</v>
      </c>
      <c r="D80350" s="14" t="s">
        <v>409</v>
      </c>
      <c r="E80350" s="15">
        <v>45426</v>
      </c>
      <c r="F80350" s="14" t="s">
        <v>15</v>
      </c>
      <c r="G80350" s="16">
        <v>0</v>
      </c>
    </row>
    <row r="80351" spans="1:7" x14ac:dyDescent="0.3">
      <c r="A80351" s="13" t="s">
        <v>408</v>
      </c>
      <c r="B80351" s="14" t="s">
        <v>1</v>
      </c>
      <c r="C80351" s="14" t="s">
        <v>17</v>
      </c>
      <c r="D80351" s="14" t="s">
        <v>409</v>
      </c>
      <c r="E80351" s="15">
        <v>45427</v>
      </c>
      <c r="F80351" s="14" t="s">
        <v>15</v>
      </c>
      <c r="G80351" s="16">
        <v>0</v>
      </c>
    </row>
    <row r="80352" spans="1:7" x14ac:dyDescent="0.3">
      <c r="A80352" s="13" t="s">
        <v>408</v>
      </c>
      <c r="B80352" s="14" t="s">
        <v>1</v>
      </c>
      <c r="C80352" s="14" t="s">
        <v>17</v>
      </c>
      <c r="D80352" s="14" t="s">
        <v>409</v>
      </c>
      <c r="E80352" s="15">
        <v>45428</v>
      </c>
      <c r="F80352" s="14" t="s">
        <v>15</v>
      </c>
      <c r="G80352" s="16">
        <v>0</v>
      </c>
    </row>
    <row r="80353" spans="1:7" x14ac:dyDescent="0.3">
      <c r="A80353" s="13" t="s">
        <v>408</v>
      </c>
      <c r="B80353" s="14" t="s">
        <v>1</v>
      </c>
      <c r="C80353" s="14" t="s">
        <v>17</v>
      </c>
      <c r="D80353" s="14" t="s">
        <v>409</v>
      </c>
      <c r="E80353" s="15">
        <v>45429</v>
      </c>
      <c r="F80353" s="14" t="s">
        <v>15</v>
      </c>
      <c r="G80353" s="16">
        <v>0</v>
      </c>
    </row>
    <row r="80354" spans="1:7" x14ac:dyDescent="0.3">
      <c r="A80354" s="13" t="s">
        <v>408</v>
      </c>
      <c r="B80354" s="14" t="s">
        <v>1</v>
      </c>
      <c r="C80354" s="14" t="s">
        <v>17</v>
      </c>
      <c r="D80354" s="14" t="s">
        <v>409</v>
      </c>
      <c r="E80354" s="15">
        <v>45430</v>
      </c>
      <c r="F80354" s="14" t="s">
        <v>15</v>
      </c>
      <c r="G80354" s="16">
        <v>0</v>
      </c>
    </row>
    <row r="80355" spans="1:7" x14ac:dyDescent="0.3">
      <c r="A80355" s="13" t="s">
        <v>408</v>
      </c>
      <c r="B80355" s="14" t="s">
        <v>1</v>
      </c>
      <c r="C80355" s="14" t="s">
        <v>17</v>
      </c>
      <c r="D80355" s="14" t="s">
        <v>409</v>
      </c>
      <c r="E80355" s="15">
        <v>45431</v>
      </c>
      <c r="F80355" s="14" t="s">
        <v>15</v>
      </c>
      <c r="G80355" s="16">
        <v>0</v>
      </c>
    </row>
    <row r="80356" spans="1:7" x14ac:dyDescent="0.3">
      <c r="A80356" s="13" t="s">
        <v>408</v>
      </c>
      <c r="B80356" s="14" t="s">
        <v>1</v>
      </c>
      <c r="C80356" s="14" t="s">
        <v>17</v>
      </c>
      <c r="D80356" s="14" t="s">
        <v>409</v>
      </c>
      <c r="E80356" s="15">
        <v>45432</v>
      </c>
      <c r="F80356" s="14" t="s">
        <v>15</v>
      </c>
      <c r="G80356" s="16">
        <v>0</v>
      </c>
    </row>
    <row r="80357" spans="1:7" x14ac:dyDescent="0.3">
      <c r="A80357" s="13" t="s">
        <v>408</v>
      </c>
      <c r="B80357" s="14" t="s">
        <v>1</v>
      </c>
      <c r="C80357" s="14" t="s">
        <v>17</v>
      </c>
      <c r="D80357" s="14" t="s">
        <v>409</v>
      </c>
      <c r="E80357" s="15">
        <v>45433</v>
      </c>
      <c r="F80357" s="14" t="s">
        <v>15</v>
      </c>
      <c r="G80357" s="16">
        <v>0</v>
      </c>
    </row>
    <row r="80358" spans="1:7" x14ac:dyDescent="0.3">
      <c r="A80358" s="13" t="s">
        <v>408</v>
      </c>
      <c r="B80358" s="14" t="s">
        <v>1</v>
      </c>
      <c r="C80358" s="14" t="s">
        <v>17</v>
      </c>
      <c r="D80358" s="14" t="s">
        <v>409</v>
      </c>
      <c r="E80358" s="15">
        <v>45434</v>
      </c>
      <c r="F80358" s="14" t="s">
        <v>15</v>
      </c>
      <c r="G80358" s="16">
        <v>0</v>
      </c>
    </row>
    <row r="80359" spans="1:7" x14ac:dyDescent="0.3">
      <c r="A80359" s="13" t="s">
        <v>408</v>
      </c>
      <c r="B80359" s="14" t="s">
        <v>1</v>
      </c>
      <c r="C80359" s="14" t="s">
        <v>17</v>
      </c>
      <c r="D80359" s="14" t="s">
        <v>409</v>
      </c>
      <c r="E80359" s="15">
        <v>45435</v>
      </c>
      <c r="F80359" s="14" t="s">
        <v>15</v>
      </c>
      <c r="G80359" s="16">
        <v>0</v>
      </c>
    </row>
    <row r="80360" spans="1:7" x14ac:dyDescent="0.3">
      <c r="A80360" s="13" t="s">
        <v>408</v>
      </c>
      <c r="B80360" s="14" t="s">
        <v>1</v>
      </c>
      <c r="C80360" s="14" t="s">
        <v>17</v>
      </c>
      <c r="D80360" s="14" t="s">
        <v>409</v>
      </c>
      <c r="E80360" s="15">
        <v>45436</v>
      </c>
      <c r="F80360" s="14" t="s">
        <v>15</v>
      </c>
      <c r="G80360" s="16">
        <v>0</v>
      </c>
    </row>
    <row r="80361" spans="1:7" x14ac:dyDescent="0.3">
      <c r="A80361" s="13" t="s">
        <v>408</v>
      </c>
      <c r="B80361" s="14" t="s">
        <v>1</v>
      </c>
      <c r="C80361" s="14" t="s">
        <v>17</v>
      </c>
      <c r="D80361" s="14" t="s">
        <v>409</v>
      </c>
      <c r="E80361" s="15">
        <v>45437</v>
      </c>
      <c r="F80361" s="14" t="s">
        <v>15</v>
      </c>
      <c r="G80361" s="16">
        <v>0</v>
      </c>
    </row>
    <row r="80362" spans="1:7" x14ac:dyDescent="0.3">
      <c r="A80362" s="13" t="s">
        <v>408</v>
      </c>
      <c r="B80362" s="14" t="s">
        <v>1</v>
      </c>
      <c r="C80362" s="14" t="s">
        <v>17</v>
      </c>
      <c r="D80362" s="14" t="s">
        <v>409</v>
      </c>
      <c r="E80362" s="15">
        <v>45438</v>
      </c>
      <c r="F80362" s="14" t="s">
        <v>15</v>
      </c>
      <c r="G80362" s="16">
        <v>0</v>
      </c>
    </row>
    <row r="80363" spans="1:7" x14ac:dyDescent="0.3">
      <c r="A80363" s="13" t="s">
        <v>408</v>
      </c>
      <c r="B80363" s="14" t="s">
        <v>1</v>
      </c>
      <c r="C80363" s="14" t="s">
        <v>17</v>
      </c>
      <c r="D80363" s="14" t="s">
        <v>409</v>
      </c>
      <c r="E80363" s="15">
        <v>45439</v>
      </c>
      <c r="F80363" s="14" t="s">
        <v>15</v>
      </c>
      <c r="G80363" s="16">
        <v>0</v>
      </c>
    </row>
    <row r="80364" spans="1:7" x14ac:dyDescent="0.3">
      <c r="A80364" s="13" t="s">
        <v>408</v>
      </c>
      <c r="B80364" s="14" t="s">
        <v>1</v>
      </c>
      <c r="C80364" s="14" t="s">
        <v>17</v>
      </c>
      <c r="D80364" s="14" t="s">
        <v>409</v>
      </c>
      <c r="E80364" s="15">
        <v>45440</v>
      </c>
      <c r="F80364" s="14" t="s">
        <v>15</v>
      </c>
      <c r="G80364" s="16">
        <v>0</v>
      </c>
    </row>
    <row r="80365" spans="1:7" x14ac:dyDescent="0.3">
      <c r="A80365" s="13" t="s">
        <v>408</v>
      </c>
      <c r="B80365" s="14" t="s">
        <v>1</v>
      </c>
      <c r="C80365" s="14" t="s">
        <v>17</v>
      </c>
      <c r="D80365" s="14" t="s">
        <v>409</v>
      </c>
      <c r="E80365" s="15">
        <v>45441</v>
      </c>
      <c r="F80365" s="14" t="s">
        <v>15</v>
      </c>
      <c r="G80365" s="16">
        <v>0</v>
      </c>
    </row>
    <row r="80366" spans="1:7" x14ac:dyDescent="0.3">
      <c r="A80366" s="13" t="s">
        <v>408</v>
      </c>
      <c r="B80366" s="14" t="s">
        <v>1</v>
      </c>
      <c r="C80366" s="14" t="s">
        <v>17</v>
      </c>
      <c r="D80366" s="14" t="s">
        <v>409</v>
      </c>
      <c r="E80366" s="15">
        <v>45442</v>
      </c>
      <c r="F80366" s="14" t="s">
        <v>15</v>
      </c>
      <c r="G80366" s="16">
        <v>0</v>
      </c>
    </row>
    <row r="80367" spans="1:7" x14ac:dyDescent="0.3">
      <c r="A80367" s="13" t="s">
        <v>408</v>
      </c>
      <c r="B80367" s="14" t="s">
        <v>1</v>
      </c>
      <c r="C80367" s="14" t="s">
        <v>17</v>
      </c>
      <c r="D80367" s="14" t="s">
        <v>409</v>
      </c>
      <c r="E80367" s="15">
        <v>45443</v>
      </c>
      <c r="F80367" s="14" t="s">
        <v>15</v>
      </c>
      <c r="G80367" s="16">
        <v>0</v>
      </c>
    </row>
    <row r="80368" spans="1:7" x14ac:dyDescent="0.3">
      <c r="A80368" s="13" t="s">
        <v>408</v>
      </c>
      <c r="B80368" s="14" t="s">
        <v>1</v>
      </c>
      <c r="C80368" s="14" t="s">
        <v>17</v>
      </c>
      <c r="D80368" s="14" t="s">
        <v>409</v>
      </c>
      <c r="E80368" s="15">
        <v>45444</v>
      </c>
      <c r="F80368" s="14" t="s">
        <v>15</v>
      </c>
      <c r="G80368" s="16">
        <v>0</v>
      </c>
    </row>
    <row r="80369" spans="1:7" x14ac:dyDescent="0.3">
      <c r="A80369" s="13" t="s">
        <v>408</v>
      </c>
      <c r="B80369" s="14" t="s">
        <v>1</v>
      </c>
      <c r="C80369" s="14" t="s">
        <v>17</v>
      </c>
      <c r="D80369" s="14" t="s">
        <v>409</v>
      </c>
      <c r="E80369" s="15">
        <v>45445</v>
      </c>
      <c r="F80369" s="14" t="s">
        <v>15</v>
      </c>
      <c r="G80369" s="16">
        <v>0</v>
      </c>
    </row>
    <row r="80370" spans="1:7" x14ac:dyDescent="0.3">
      <c r="A80370" s="13" t="s">
        <v>408</v>
      </c>
      <c r="B80370" s="14" t="s">
        <v>1</v>
      </c>
      <c r="C80370" s="14" t="s">
        <v>17</v>
      </c>
      <c r="D80370" s="14" t="s">
        <v>409</v>
      </c>
      <c r="E80370" s="15">
        <v>45446</v>
      </c>
      <c r="F80370" s="14" t="s">
        <v>15</v>
      </c>
      <c r="G80370" s="16">
        <v>0</v>
      </c>
    </row>
    <row r="80371" spans="1:7" x14ac:dyDescent="0.3">
      <c r="A80371" s="13" t="s">
        <v>408</v>
      </c>
      <c r="B80371" s="14" t="s">
        <v>1</v>
      </c>
      <c r="C80371" s="14" t="s">
        <v>17</v>
      </c>
      <c r="D80371" s="14" t="s">
        <v>409</v>
      </c>
      <c r="E80371" s="15">
        <v>45447</v>
      </c>
      <c r="F80371" s="14" t="s">
        <v>15</v>
      </c>
      <c r="G80371" s="16">
        <v>0</v>
      </c>
    </row>
    <row r="80372" spans="1:7" x14ac:dyDescent="0.3">
      <c r="A80372" s="13" t="s">
        <v>408</v>
      </c>
      <c r="B80372" s="14" t="s">
        <v>1</v>
      </c>
      <c r="C80372" s="14" t="s">
        <v>17</v>
      </c>
      <c r="D80372" s="14" t="s">
        <v>409</v>
      </c>
      <c r="E80372" s="15">
        <v>45448</v>
      </c>
      <c r="F80372" s="14" t="s">
        <v>15</v>
      </c>
      <c r="G80372" s="16">
        <v>0</v>
      </c>
    </row>
    <row r="80373" spans="1:7" x14ac:dyDescent="0.3">
      <c r="A80373" s="13" t="s">
        <v>408</v>
      </c>
      <c r="B80373" s="14" t="s">
        <v>1</v>
      </c>
      <c r="C80373" s="14" t="s">
        <v>17</v>
      </c>
      <c r="D80373" s="14" t="s">
        <v>409</v>
      </c>
      <c r="E80373" s="15">
        <v>45449</v>
      </c>
      <c r="F80373" s="14" t="s">
        <v>15</v>
      </c>
      <c r="G80373" s="16">
        <v>0</v>
      </c>
    </row>
    <row r="80374" spans="1:7" x14ac:dyDescent="0.3">
      <c r="A80374" s="13" t="s">
        <v>408</v>
      </c>
      <c r="B80374" s="14" t="s">
        <v>1</v>
      </c>
      <c r="C80374" s="14" t="s">
        <v>17</v>
      </c>
      <c r="D80374" s="14" t="s">
        <v>409</v>
      </c>
      <c r="E80374" s="15">
        <v>45450</v>
      </c>
      <c r="F80374" s="14" t="s">
        <v>15</v>
      </c>
      <c r="G80374" s="16">
        <v>0</v>
      </c>
    </row>
    <row r="80375" spans="1:7" x14ac:dyDescent="0.3">
      <c r="A80375" s="13" t="s">
        <v>408</v>
      </c>
      <c r="B80375" s="14" t="s">
        <v>1</v>
      </c>
      <c r="C80375" s="14" t="s">
        <v>17</v>
      </c>
      <c r="D80375" s="14" t="s">
        <v>409</v>
      </c>
      <c r="E80375" s="15">
        <v>45451</v>
      </c>
      <c r="F80375" s="14" t="s">
        <v>15</v>
      </c>
      <c r="G80375" s="16">
        <v>0</v>
      </c>
    </row>
    <row r="80376" spans="1:7" x14ac:dyDescent="0.3">
      <c r="A80376" s="13" t="s">
        <v>408</v>
      </c>
      <c r="B80376" s="14" t="s">
        <v>1</v>
      </c>
      <c r="C80376" s="14" t="s">
        <v>17</v>
      </c>
      <c r="D80376" s="14" t="s">
        <v>409</v>
      </c>
      <c r="E80376" s="15">
        <v>45452</v>
      </c>
      <c r="F80376" s="14" t="s">
        <v>15</v>
      </c>
      <c r="G80376" s="16">
        <v>0</v>
      </c>
    </row>
    <row r="80377" spans="1:7" x14ac:dyDescent="0.3">
      <c r="A80377" s="13" t="s">
        <v>408</v>
      </c>
      <c r="B80377" s="14" t="s">
        <v>1</v>
      </c>
      <c r="C80377" s="14" t="s">
        <v>17</v>
      </c>
      <c r="D80377" s="14" t="s">
        <v>409</v>
      </c>
      <c r="E80377" s="15">
        <v>45453</v>
      </c>
      <c r="F80377" s="14" t="s">
        <v>15</v>
      </c>
      <c r="G80377" s="16">
        <v>0</v>
      </c>
    </row>
    <row r="80378" spans="1:7" x14ac:dyDescent="0.3">
      <c r="A80378" s="13" t="s">
        <v>408</v>
      </c>
      <c r="B80378" s="14" t="s">
        <v>1</v>
      </c>
      <c r="C80378" s="14" t="s">
        <v>17</v>
      </c>
      <c r="D80378" s="14" t="s">
        <v>409</v>
      </c>
      <c r="E80378" s="15">
        <v>45454</v>
      </c>
      <c r="F80378" s="14" t="s">
        <v>15</v>
      </c>
      <c r="G80378" s="16">
        <v>0</v>
      </c>
    </row>
    <row r="80379" spans="1:7" x14ac:dyDescent="0.3">
      <c r="A80379" s="13" t="s">
        <v>408</v>
      </c>
      <c r="B80379" s="14" t="s">
        <v>1</v>
      </c>
      <c r="C80379" s="14" t="s">
        <v>17</v>
      </c>
      <c r="D80379" s="14" t="s">
        <v>409</v>
      </c>
      <c r="E80379" s="15">
        <v>45455</v>
      </c>
      <c r="F80379" s="14" t="s">
        <v>15</v>
      </c>
      <c r="G80379" s="16">
        <v>0</v>
      </c>
    </row>
    <row r="80380" spans="1:7" x14ac:dyDescent="0.3">
      <c r="A80380" s="13" t="s">
        <v>408</v>
      </c>
      <c r="B80380" s="14" t="s">
        <v>1</v>
      </c>
      <c r="C80380" s="14" t="s">
        <v>17</v>
      </c>
      <c r="D80380" s="14" t="s">
        <v>409</v>
      </c>
      <c r="E80380" s="15">
        <v>45456</v>
      </c>
      <c r="F80380" s="14" t="s">
        <v>15</v>
      </c>
      <c r="G80380" s="16">
        <v>0</v>
      </c>
    </row>
    <row r="80381" spans="1:7" x14ac:dyDescent="0.3">
      <c r="A80381" s="13" t="s">
        <v>408</v>
      </c>
      <c r="B80381" s="14" t="s">
        <v>1</v>
      </c>
      <c r="C80381" s="14" t="s">
        <v>17</v>
      </c>
      <c r="D80381" s="14" t="s">
        <v>409</v>
      </c>
      <c r="E80381" s="15">
        <v>45457</v>
      </c>
      <c r="F80381" s="14" t="s">
        <v>15</v>
      </c>
      <c r="G80381" s="16">
        <v>0</v>
      </c>
    </row>
    <row r="80382" spans="1:7" x14ac:dyDescent="0.3">
      <c r="A80382" s="13" t="s">
        <v>408</v>
      </c>
      <c r="B80382" s="14" t="s">
        <v>1</v>
      </c>
      <c r="C80382" s="14" t="s">
        <v>17</v>
      </c>
      <c r="D80382" s="14" t="s">
        <v>409</v>
      </c>
      <c r="E80382" s="15">
        <v>45458</v>
      </c>
      <c r="F80382" s="14" t="s">
        <v>15</v>
      </c>
      <c r="G80382" s="16">
        <v>0</v>
      </c>
    </row>
    <row r="80383" spans="1:7" x14ac:dyDescent="0.3">
      <c r="A80383" s="13" t="s">
        <v>408</v>
      </c>
      <c r="B80383" s="14" t="s">
        <v>1</v>
      </c>
      <c r="C80383" s="14" t="s">
        <v>17</v>
      </c>
      <c r="D80383" s="14" t="s">
        <v>409</v>
      </c>
      <c r="E80383" s="15">
        <v>45459</v>
      </c>
      <c r="F80383" s="14" t="s">
        <v>15</v>
      </c>
      <c r="G80383" s="16">
        <v>0</v>
      </c>
    </row>
    <row r="80384" spans="1:7" x14ac:dyDescent="0.3">
      <c r="A80384" s="13" t="s">
        <v>408</v>
      </c>
      <c r="B80384" s="14" t="s">
        <v>1</v>
      </c>
      <c r="C80384" s="14" t="s">
        <v>17</v>
      </c>
      <c r="D80384" s="14" t="s">
        <v>409</v>
      </c>
      <c r="E80384" s="15">
        <v>45460</v>
      </c>
      <c r="F80384" s="14" t="s">
        <v>15</v>
      </c>
      <c r="G80384" s="16">
        <v>0</v>
      </c>
    </row>
    <row r="80385" spans="1:7" x14ac:dyDescent="0.3">
      <c r="A80385" s="13" t="s">
        <v>408</v>
      </c>
      <c r="B80385" s="14" t="s">
        <v>1</v>
      </c>
      <c r="C80385" s="14" t="s">
        <v>17</v>
      </c>
      <c r="D80385" s="14" t="s">
        <v>409</v>
      </c>
      <c r="E80385" s="15">
        <v>45461</v>
      </c>
      <c r="F80385" s="14" t="s">
        <v>15</v>
      </c>
      <c r="G80385" s="16">
        <v>0</v>
      </c>
    </row>
    <row r="80386" spans="1:7" x14ac:dyDescent="0.3">
      <c r="A80386" s="13" t="s">
        <v>408</v>
      </c>
      <c r="B80386" s="14" t="s">
        <v>1</v>
      </c>
      <c r="C80386" s="14" t="s">
        <v>17</v>
      </c>
      <c r="D80386" s="14" t="s">
        <v>409</v>
      </c>
      <c r="E80386" s="15">
        <v>45462</v>
      </c>
      <c r="F80386" s="14" t="s">
        <v>15</v>
      </c>
      <c r="G80386" s="16">
        <v>0</v>
      </c>
    </row>
    <row r="80387" spans="1:7" x14ac:dyDescent="0.3">
      <c r="A80387" s="13" t="s">
        <v>408</v>
      </c>
      <c r="B80387" s="14" t="s">
        <v>1</v>
      </c>
      <c r="C80387" s="14" t="s">
        <v>17</v>
      </c>
      <c r="D80387" s="14" t="s">
        <v>409</v>
      </c>
      <c r="E80387" s="15">
        <v>45463</v>
      </c>
      <c r="F80387" s="14" t="s">
        <v>15</v>
      </c>
      <c r="G80387" s="16">
        <v>0</v>
      </c>
    </row>
    <row r="80388" spans="1:7" x14ac:dyDescent="0.3">
      <c r="A80388" s="13" t="s">
        <v>408</v>
      </c>
      <c r="B80388" s="14" t="s">
        <v>1</v>
      </c>
      <c r="C80388" s="14" t="s">
        <v>17</v>
      </c>
      <c r="D80388" s="14" t="s">
        <v>409</v>
      </c>
      <c r="E80388" s="15">
        <v>45464</v>
      </c>
      <c r="F80388" s="14" t="s">
        <v>15</v>
      </c>
      <c r="G80388" s="16">
        <v>0</v>
      </c>
    </row>
    <row r="80389" spans="1:7" x14ac:dyDescent="0.3">
      <c r="A80389" s="13" t="s">
        <v>408</v>
      </c>
      <c r="B80389" s="14" t="s">
        <v>1</v>
      </c>
      <c r="C80389" s="14" t="s">
        <v>17</v>
      </c>
      <c r="D80389" s="14" t="s">
        <v>409</v>
      </c>
      <c r="E80389" s="15">
        <v>45465</v>
      </c>
      <c r="F80389" s="14" t="s">
        <v>15</v>
      </c>
      <c r="G80389" s="16">
        <v>0</v>
      </c>
    </row>
    <row r="80390" spans="1:7" x14ac:dyDescent="0.3">
      <c r="A80390" s="13" t="s">
        <v>408</v>
      </c>
      <c r="B80390" s="14" t="s">
        <v>1</v>
      </c>
      <c r="C80390" s="14" t="s">
        <v>17</v>
      </c>
      <c r="D80390" s="14" t="s">
        <v>409</v>
      </c>
      <c r="E80390" s="15">
        <v>45466</v>
      </c>
      <c r="F80390" s="14" t="s">
        <v>15</v>
      </c>
      <c r="G80390" s="16">
        <v>0</v>
      </c>
    </row>
    <row r="80391" spans="1:7" x14ac:dyDescent="0.3">
      <c r="A80391" s="13" t="s">
        <v>408</v>
      </c>
      <c r="B80391" s="14" t="s">
        <v>1</v>
      </c>
      <c r="C80391" s="14" t="s">
        <v>17</v>
      </c>
      <c r="D80391" s="14" t="s">
        <v>409</v>
      </c>
      <c r="E80391" s="15">
        <v>45467</v>
      </c>
      <c r="F80391" s="14" t="s">
        <v>15</v>
      </c>
      <c r="G80391" s="16">
        <v>0</v>
      </c>
    </row>
    <row r="80392" spans="1:7" x14ac:dyDescent="0.3">
      <c r="A80392" s="13" t="s">
        <v>408</v>
      </c>
      <c r="B80392" s="14" t="s">
        <v>1</v>
      </c>
      <c r="C80392" s="14" t="s">
        <v>17</v>
      </c>
      <c r="D80392" s="14" t="s">
        <v>409</v>
      </c>
      <c r="E80392" s="15">
        <v>45468</v>
      </c>
      <c r="F80392" s="14" t="s">
        <v>15</v>
      </c>
      <c r="G80392" s="16">
        <v>0</v>
      </c>
    </row>
    <row r="80393" spans="1:7" x14ac:dyDescent="0.3">
      <c r="A80393" s="13" t="s">
        <v>408</v>
      </c>
      <c r="B80393" s="14" t="s">
        <v>1</v>
      </c>
      <c r="C80393" s="14" t="s">
        <v>17</v>
      </c>
      <c r="D80393" s="14" t="s">
        <v>409</v>
      </c>
      <c r="E80393" s="15">
        <v>45469</v>
      </c>
      <c r="F80393" s="14" t="s">
        <v>15</v>
      </c>
      <c r="G80393" s="16">
        <v>0</v>
      </c>
    </row>
    <row r="80394" spans="1:7" x14ac:dyDescent="0.3">
      <c r="A80394" s="13" t="s">
        <v>408</v>
      </c>
      <c r="B80394" s="14" t="s">
        <v>1</v>
      </c>
      <c r="C80394" s="14" t="s">
        <v>17</v>
      </c>
      <c r="D80394" s="14" t="s">
        <v>409</v>
      </c>
      <c r="E80394" s="15">
        <v>45470</v>
      </c>
      <c r="F80394" s="14" t="s">
        <v>15</v>
      </c>
      <c r="G80394" s="16">
        <v>0</v>
      </c>
    </row>
    <row r="80395" spans="1:7" x14ac:dyDescent="0.3">
      <c r="A80395" s="13" t="s">
        <v>408</v>
      </c>
      <c r="B80395" s="14" t="s">
        <v>1</v>
      </c>
      <c r="C80395" s="14" t="s">
        <v>17</v>
      </c>
      <c r="D80395" s="14" t="s">
        <v>409</v>
      </c>
      <c r="E80395" s="15">
        <v>45471</v>
      </c>
      <c r="F80395" s="14" t="s">
        <v>15</v>
      </c>
      <c r="G80395" s="16">
        <v>0</v>
      </c>
    </row>
    <row r="80396" spans="1:7" x14ac:dyDescent="0.3">
      <c r="A80396" s="13" t="s">
        <v>408</v>
      </c>
      <c r="B80396" s="14" t="s">
        <v>1</v>
      </c>
      <c r="C80396" s="14" t="s">
        <v>17</v>
      </c>
      <c r="D80396" s="14" t="s">
        <v>409</v>
      </c>
      <c r="E80396" s="15">
        <v>45472</v>
      </c>
      <c r="F80396" s="14" t="s">
        <v>15</v>
      </c>
      <c r="G80396" s="16">
        <v>0</v>
      </c>
    </row>
    <row r="80397" spans="1:7" x14ac:dyDescent="0.3">
      <c r="A80397" s="13" t="s">
        <v>408</v>
      </c>
      <c r="B80397" s="14" t="s">
        <v>1</v>
      </c>
      <c r="C80397" s="14" t="s">
        <v>17</v>
      </c>
      <c r="D80397" s="14" t="s">
        <v>409</v>
      </c>
      <c r="E80397" s="15">
        <v>45473</v>
      </c>
      <c r="F80397" s="14" t="s">
        <v>15</v>
      </c>
      <c r="G80397" s="16">
        <v>0</v>
      </c>
    </row>
    <row r="80398" spans="1:7" x14ac:dyDescent="0.3">
      <c r="A80398" s="13" t="s">
        <v>408</v>
      </c>
      <c r="B80398" s="14" t="s">
        <v>1</v>
      </c>
      <c r="C80398" s="14" t="s">
        <v>17</v>
      </c>
      <c r="D80398" s="14" t="s">
        <v>409</v>
      </c>
      <c r="E80398" s="15">
        <v>45474</v>
      </c>
      <c r="F80398" s="14" t="s">
        <v>15</v>
      </c>
      <c r="G80398" s="16">
        <v>0</v>
      </c>
    </row>
    <row r="80399" spans="1:7" x14ac:dyDescent="0.3">
      <c r="A80399" s="13" t="s">
        <v>408</v>
      </c>
      <c r="B80399" s="14" t="s">
        <v>1</v>
      </c>
      <c r="C80399" s="14" t="s">
        <v>17</v>
      </c>
      <c r="D80399" s="14" t="s">
        <v>409</v>
      </c>
      <c r="E80399" s="15">
        <v>45475</v>
      </c>
      <c r="F80399" s="14" t="s">
        <v>15</v>
      </c>
      <c r="G80399" s="16">
        <v>0</v>
      </c>
    </row>
    <row r="80400" spans="1:7" x14ac:dyDescent="0.3">
      <c r="A80400" s="13" t="s">
        <v>408</v>
      </c>
      <c r="B80400" s="14" t="s">
        <v>1</v>
      </c>
      <c r="C80400" s="14" t="s">
        <v>17</v>
      </c>
      <c r="D80400" s="14" t="s">
        <v>409</v>
      </c>
      <c r="E80400" s="15">
        <v>45476</v>
      </c>
      <c r="F80400" s="14" t="s">
        <v>15</v>
      </c>
      <c r="G80400" s="16">
        <v>0</v>
      </c>
    </row>
    <row r="80401" spans="1:7" x14ac:dyDescent="0.3">
      <c r="A80401" s="13" t="s">
        <v>408</v>
      </c>
      <c r="B80401" s="14" t="s">
        <v>1</v>
      </c>
      <c r="C80401" s="14" t="s">
        <v>17</v>
      </c>
      <c r="D80401" s="14" t="s">
        <v>409</v>
      </c>
      <c r="E80401" s="15">
        <v>45477</v>
      </c>
      <c r="F80401" s="14" t="s">
        <v>15</v>
      </c>
      <c r="G80401" s="16">
        <v>0</v>
      </c>
    </row>
    <row r="80402" spans="1:7" x14ac:dyDescent="0.3">
      <c r="A80402" s="13" t="s">
        <v>408</v>
      </c>
      <c r="B80402" s="14" t="s">
        <v>1</v>
      </c>
      <c r="C80402" s="14" t="s">
        <v>17</v>
      </c>
      <c r="D80402" s="14" t="s">
        <v>409</v>
      </c>
      <c r="E80402" s="15">
        <v>45478</v>
      </c>
      <c r="F80402" s="14" t="s">
        <v>15</v>
      </c>
      <c r="G80402" s="16">
        <v>0</v>
      </c>
    </row>
    <row r="80403" spans="1:7" x14ac:dyDescent="0.3">
      <c r="A80403" s="13" t="s">
        <v>408</v>
      </c>
      <c r="B80403" s="14" t="s">
        <v>1</v>
      </c>
      <c r="C80403" s="14" t="s">
        <v>17</v>
      </c>
      <c r="D80403" s="14" t="s">
        <v>409</v>
      </c>
      <c r="E80403" s="15">
        <v>45479</v>
      </c>
      <c r="F80403" s="14" t="s">
        <v>15</v>
      </c>
      <c r="G80403" s="16">
        <v>0</v>
      </c>
    </row>
    <row r="80404" spans="1:7" x14ac:dyDescent="0.3">
      <c r="A80404" s="13" t="s">
        <v>408</v>
      </c>
      <c r="B80404" s="14" t="s">
        <v>1</v>
      </c>
      <c r="C80404" s="14" t="s">
        <v>17</v>
      </c>
      <c r="D80404" s="14" t="s">
        <v>409</v>
      </c>
      <c r="E80404" s="15">
        <v>45480</v>
      </c>
      <c r="F80404" s="14" t="s">
        <v>15</v>
      </c>
      <c r="G80404" s="16">
        <v>0</v>
      </c>
    </row>
    <row r="80405" spans="1:7" x14ac:dyDescent="0.3">
      <c r="A80405" s="13" t="s">
        <v>408</v>
      </c>
      <c r="B80405" s="14" t="s">
        <v>1</v>
      </c>
      <c r="C80405" s="14" t="s">
        <v>17</v>
      </c>
      <c r="D80405" s="14" t="s">
        <v>409</v>
      </c>
      <c r="E80405" s="15">
        <v>45481</v>
      </c>
      <c r="F80405" s="14" t="s">
        <v>15</v>
      </c>
      <c r="G80405" s="16">
        <v>0</v>
      </c>
    </row>
    <row r="80406" spans="1:7" x14ac:dyDescent="0.3">
      <c r="A80406" s="13" t="s">
        <v>408</v>
      </c>
      <c r="B80406" s="14" t="s">
        <v>1</v>
      </c>
      <c r="C80406" s="14" t="s">
        <v>17</v>
      </c>
      <c r="D80406" s="14" t="s">
        <v>409</v>
      </c>
      <c r="E80406" s="15">
        <v>45482</v>
      </c>
      <c r="F80406" s="14" t="s">
        <v>15</v>
      </c>
      <c r="G80406" s="16">
        <v>0</v>
      </c>
    </row>
    <row r="80407" spans="1:7" x14ac:dyDescent="0.3">
      <c r="A80407" s="13" t="s">
        <v>408</v>
      </c>
      <c r="B80407" s="14" t="s">
        <v>1</v>
      </c>
      <c r="C80407" s="14" t="s">
        <v>17</v>
      </c>
      <c r="D80407" s="14" t="s">
        <v>409</v>
      </c>
      <c r="E80407" s="15">
        <v>45483</v>
      </c>
      <c r="F80407" s="14" t="s">
        <v>15</v>
      </c>
      <c r="G80407" s="16">
        <v>0</v>
      </c>
    </row>
    <row r="80408" spans="1:7" x14ac:dyDescent="0.3">
      <c r="A80408" s="13" t="s">
        <v>408</v>
      </c>
      <c r="B80408" s="14" t="s">
        <v>1</v>
      </c>
      <c r="C80408" s="14" t="s">
        <v>17</v>
      </c>
      <c r="D80408" s="14" t="s">
        <v>409</v>
      </c>
      <c r="E80408" s="15">
        <v>45484</v>
      </c>
      <c r="F80408" s="14" t="s">
        <v>15</v>
      </c>
      <c r="G80408" s="16">
        <v>0</v>
      </c>
    </row>
    <row r="80409" spans="1:7" x14ac:dyDescent="0.3">
      <c r="A80409" s="13" t="s">
        <v>408</v>
      </c>
      <c r="B80409" s="14" t="s">
        <v>1</v>
      </c>
      <c r="C80409" s="14" t="s">
        <v>17</v>
      </c>
      <c r="D80409" s="14" t="s">
        <v>409</v>
      </c>
      <c r="E80409" s="15">
        <v>45485</v>
      </c>
      <c r="F80409" s="14" t="s">
        <v>15</v>
      </c>
      <c r="G80409" s="16">
        <v>0</v>
      </c>
    </row>
    <row r="80410" spans="1:7" x14ac:dyDescent="0.3">
      <c r="A80410" s="13" t="s">
        <v>408</v>
      </c>
      <c r="B80410" s="14" t="s">
        <v>1</v>
      </c>
      <c r="C80410" s="14" t="s">
        <v>17</v>
      </c>
      <c r="D80410" s="14" t="s">
        <v>409</v>
      </c>
      <c r="E80410" s="15">
        <v>45486</v>
      </c>
      <c r="F80410" s="14" t="s">
        <v>15</v>
      </c>
      <c r="G80410" s="16">
        <v>0</v>
      </c>
    </row>
    <row r="80411" spans="1:7" x14ac:dyDescent="0.3">
      <c r="A80411" s="13" t="s">
        <v>408</v>
      </c>
      <c r="B80411" s="14" t="s">
        <v>1</v>
      </c>
      <c r="C80411" s="14" t="s">
        <v>17</v>
      </c>
      <c r="D80411" s="14" t="s">
        <v>409</v>
      </c>
      <c r="E80411" s="15">
        <v>45487</v>
      </c>
      <c r="F80411" s="14" t="s">
        <v>15</v>
      </c>
      <c r="G80411" s="16">
        <v>0</v>
      </c>
    </row>
    <row r="80412" spans="1:7" x14ac:dyDescent="0.3">
      <c r="A80412" s="13" t="s">
        <v>408</v>
      </c>
      <c r="B80412" s="14" t="s">
        <v>1</v>
      </c>
      <c r="C80412" s="14" t="s">
        <v>17</v>
      </c>
      <c r="D80412" s="14" t="s">
        <v>409</v>
      </c>
      <c r="E80412" s="15">
        <v>45488</v>
      </c>
      <c r="F80412" s="14" t="s">
        <v>15</v>
      </c>
      <c r="G80412" s="16">
        <v>0</v>
      </c>
    </row>
    <row r="80413" spans="1:7" x14ac:dyDescent="0.3">
      <c r="A80413" s="13" t="s">
        <v>408</v>
      </c>
      <c r="B80413" s="14" t="s">
        <v>1</v>
      </c>
      <c r="C80413" s="14" t="s">
        <v>17</v>
      </c>
      <c r="D80413" s="14" t="s">
        <v>409</v>
      </c>
      <c r="E80413" s="15">
        <v>45489</v>
      </c>
      <c r="F80413" s="14" t="s">
        <v>15</v>
      </c>
      <c r="G80413" s="16">
        <v>0</v>
      </c>
    </row>
    <row r="80414" spans="1:7" x14ac:dyDescent="0.3">
      <c r="A80414" s="13" t="s">
        <v>408</v>
      </c>
      <c r="B80414" s="14" t="s">
        <v>1</v>
      </c>
      <c r="C80414" s="14" t="s">
        <v>17</v>
      </c>
      <c r="D80414" s="14" t="s">
        <v>409</v>
      </c>
      <c r="E80414" s="15">
        <v>45490</v>
      </c>
      <c r="F80414" s="14" t="s">
        <v>15</v>
      </c>
      <c r="G80414" s="16">
        <v>0</v>
      </c>
    </row>
    <row r="80415" spans="1:7" x14ac:dyDescent="0.3">
      <c r="A80415" s="13" t="s">
        <v>408</v>
      </c>
      <c r="B80415" s="14" t="s">
        <v>1</v>
      </c>
      <c r="C80415" s="14" t="s">
        <v>17</v>
      </c>
      <c r="D80415" s="14" t="s">
        <v>409</v>
      </c>
      <c r="E80415" s="15">
        <v>45491</v>
      </c>
      <c r="F80415" s="14" t="s">
        <v>15</v>
      </c>
      <c r="G80415" s="16">
        <v>0</v>
      </c>
    </row>
    <row r="80416" spans="1:7" x14ac:dyDescent="0.3">
      <c r="A80416" s="13" t="s">
        <v>408</v>
      </c>
      <c r="B80416" s="14" t="s">
        <v>1</v>
      </c>
      <c r="C80416" s="14" t="s">
        <v>17</v>
      </c>
      <c r="D80416" s="14" t="s">
        <v>409</v>
      </c>
      <c r="E80416" s="15">
        <v>45492</v>
      </c>
      <c r="F80416" s="14" t="s">
        <v>15</v>
      </c>
      <c r="G80416" s="16">
        <v>0</v>
      </c>
    </row>
    <row r="80417" spans="1:7" x14ac:dyDescent="0.3">
      <c r="A80417" s="13" t="s">
        <v>408</v>
      </c>
      <c r="B80417" s="14" t="s">
        <v>1</v>
      </c>
      <c r="C80417" s="14" t="s">
        <v>17</v>
      </c>
      <c r="D80417" s="14" t="s">
        <v>409</v>
      </c>
      <c r="E80417" s="15">
        <v>45493</v>
      </c>
      <c r="F80417" s="14" t="s">
        <v>15</v>
      </c>
      <c r="G80417" s="16">
        <v>0</v>
      </c>
    </row>
    <row r="80418" spans="1:7" x14ac:dyDescent="0.3">
      <c r="A80418" s="13" t="s">
        <v>408</v>
      </c>
      <c r="B80418" s="14" t="s">
        <v>1</v>
      </c>
      <c r="C80418" s="14" t="s">
        <v>17</v>
      </c>
      <c r="D80418" s="14" t="s">
        <v>409</v>
      </c>
      <c r="E80418" s="15">
        <v>45494</v>
      </c>
      <c r="F80418" s="14" t="s">
        <v>15</v>
      </c>
      <c r="G80418" s="16">
        <v>0</v>
      </c>
    </row>
    <row r="80419" spans="1:7" x14ac:dyDescent="0.3">
      <c r="A80419" s="13" t="s">
        <v>408</v>
      </c>
      <c r="B80419" s="14" t="s">
        <v>1</v>
      </c>
      <c r="C80419" s="14" t="s">
        <v>17</v>
      </c>
      <c r="D80419" s="14" t="s">
        <v>409</v>
      </c>
      <c r="E80419" s="15">
        <v>45495</v>
      </c>
      <c r="F80419" s="14" t="s">
        <v>15</v>
      </c>
      <c r="G80419" s="16">
        <v>0</v>
      </c>
    </row>
    <row r="80420" spans="1:7" x14ac:dyDescent="0.3">
      <c r="A80420" s="13" t="s">
        <v>408</v>
      </c>
      <c r="B80420" s="14" t="s">
        <v>1</v>
      </c>
      <c r="C80420" s="14" t="s">
        <v>17</v>
      </c>
      <c r="D80420" s="14" t="s">
        <v>409</v>
      </c>
      <c r="E80420" s="15">
        <v>45496</v>
      </c>
      <c r="F80420" s="14" t="s">
        <v>15</v>
      </c>
      <c r="G80420" s="16">
        <v>0</v>
      </c>
    </row>
    <row r="80421" spans="1:7" x14ac:dyDescent="0.3">
      <c r="A80421" s="13" t="s">
        <v>408</v>
      </c>
      <c r="B80421" s="14" t="s">
        <v>1</v>
      </c>
      <c r="C80421" s="14" t="s">
        <v>17</v>
      </c>
      <c r="D80421" s="14" t="s">
        <v>409</v>
      </c>
      <c r="E80421" s="15">
        <v>45497</v>
      </c>
      <c r="F80421" s="14" t="s">
        <v>15</v>
      </c>
      <c r="G80421" s="16">
        <v>0</v>
      </c>
    </row>
    <row r="80422" spans="1:7" x14ac:dyDescent="0.3">
      <c r="A80422" s="13" t="s">
        <v>408</v>
      </c>
      <c r="B80422" s="14" t="s">
        <v>1</v>
      </c>
      <c r="C80422" s="14" t="s">
        <v>17</v>
      </c>
      <c r="D80422" s="14" t="s">
        <v>409</v>
      </c>
      <c r="E80422" s="15">
        <v>45498</v>
      </c>
      <c r="F80422" s="14" t="s">
        <v>15</v>
      </c>
      <c r="G80422" s="16">
        <v>0</v>
      </c>
    </row>
    <row r="80423" spans="1:7" x14ac:dyDescent="0.3">
      <c r="A80423" s="13" t="s">
        <v>408</v>
      </c>
      <c r="B80423" s="14" t="s">
        <v>1</v>
      </c>
      <c r="C80423" s="14" t="s">
        <v>17</v>
      </c>
      <c r="D80423" s="14" t="s">
        <v>409</v>
      </c>
      <c r="E80423" s="15">
        <v>45499</v>
      </c>
      <c r="F80423" s="14" t="s">
        <v>15</v>
      </c>
      <c r="G80423" s="16">
        <v>0</v>
      </c>
    </row>
    <row r="80424" spans="1:7" x14ac:dyDescent="0.3">
      <c r="A80424" s="13" t="s">
        <v>408</v>
      </c>
      <c r="B80424" s="14" t="s">
        <v>1</v>
      </c>
      <c r="C80424" s="14" t="s">
        <v>17</v>
      </c>
      <c r="D80424" s="14" t="s">
        <v>409</v>
      </c>
      <c r="E80424" s="15">
        <v>45500</v>
      </c>
      <c r="F80424" s="14" t="s">
        <v>15</v>
      </c>
      <c r="G80424" s="16">
        <v>0</v>
      </c>
    </row>
    <row r="80425" spans="1:7" x14ac:dyDescent="0.3">
      <c r="A80425" s="13" t="s">
        <v>408</v>
      </c>
      <c r="B80425" s="14" t="s">
        <v>1</v>
      </c>
      <c r="C80425" s="14" t="s">
        <v>17</v>
      </c>
      <c r="D80425" s="14" t="s">
        <v>409</v>
      </c>
      <c r="E80425" s="15">
        <v>45501</v>
      </c>
      <c r="F80425" s="14" t="s">
        <v>15</v>
      </c>
      <c r="G80425" s="16">
        <v>0</v>
      </c>
    </row>
    <row r="80426" spans="1:7" x14ac:dyDescent="0.3">
      <c r="A80426" s="13" t="s">
        <v>408</v>
      </c>
      <c r="B80426" s="14" t="s">
        <v>1</v>
      </c>
      <c r="C80426" s="14" t="s">
        <v>17</v>
      </c>
      <c r="D80426" s="14" t="s">
        <v>409</v>
      </c>
      <c r="E80426" s="15">
        <v>45502</v>
      </c>
      <c r="F80426" s="14" t="s">
        <v>15</v>
      </c>
      <c r="G80426" s="16">
        <v>0</v>
      </c>
    </row>
    <row r="80427" spans="1:7" x14ac:dyDescent="0.3">
      <c r="A80427" s="13" t="s">
        <v>408</v>
      </c>
      <c r="B80427" s="14" t="s">
        <v>1</v>
      </c>
      <c r="C80427" s="14" t="s">
        <v>17</v>
      </c>
      <c r="D80427" s="14" t="s">
        <v>409</v>
      </c>
      <c r="E80427" s="15">
        <v>45503</v>
      </c>
      <c r="F80427" s="14" t="s">
        <v>15</v>
      </c>
      <c r="G80427" s="16">
        <v>0</v>
      </c>
    </row>
    <row r="80428" spans="1:7" x14ac:dyDescent="0.3">
      <c r="A80428" s="13" t="s">
        <v>408</v>
      </c>
      <c r="B80428" s="14" t="s">
        <v>1</v>
      </c>
      <c r="C80428" s="14" t="s">
        <v>17</v>
      </c>
      <c r="D80428" s="14" t="s">
        <v>409</v>
      </c>
      <c r="E80428" s="15">
        <v>45504</v>
      </c>
      <c r="F80428" s="14" t="s">
        <v>15</v>
      </c>
      <c r="G80428" s="16">
        <v>0</v>
      </c>
    </row>
    <row r="80429" spans="1:7" x14ac:dyDescent="0.3">
      <c r="A80429" s="13" t="s">
        <v>408</v>
      </c>
      <c r="B80429" s="14" t="s">
        <v>1</v>
      </c>
      <c r="C80429" s="14" t="s">
        <v>17</v>
      </c>
      <c r="D80429" s="14" t="s">
        <v>409</v>
      </c>
      <c r="E80429" s="15">
        <v>45505</v>
      </c>
      <c r="F80429" s="14" t="s">
        <v>15</v>
      </c>
      <c r="G80429" s="16">
        <v>0</v>
      </c>
    </row>
    <row r="80430" spans="1:7" x14ac:dyDescent="0.3">
      <c r="A80430" s="13" t="s">
        <v>408</v>
      </c>
      <c r="B80430" s="14" t="s">
        <v>1</v>
      </c>
      <c r="C80430" s="14" t="s">
        <v>17</v>
      </c>
      <c r="D80430" s="14" t="s">
        <v>409</v>
      </c>
      <c r="E80430" s="15">
        <v>45506</v>
      </c>
      <c r="F80430" s="14" t="s">
        <v>15</v>
      </c>
      <c r="G80430" s="16">
        <v>0</v>
      </c>
    </row>
    <row r="80431" spans="1:7" x14ac:dyDescent="0.3">
      <c r="A80431" s="13" t="s">
        <v>408</v>
      </c>
      <c r="B80431" s="14" t="s">
        <v>1</v>
      </c>
      <c r="C80431" s="14" t="s">
        <v>17</v>
      </c>
      <c r="D80431" s="14" t="s">
        <v>409</v>
      </c>
      <c r="E80431" s="15">
        <v>45507</v>
      </c>
      <c r="F80431" s="14" t="s">
        <v>15</v>
      </c>
      <c r="G80431" s="16">
        <v>0</v>
      </c>
    </row>
    <row r="80432" spans="1:7" x14ac:dyDescent="0.3">
      <c r="A80432" s="13" t="s">
        <v>408</v>
      </c>
      <c r="B80432" s="14" t="s">
        <v>1</v>
      </c>
      <c r="C80432" s="14" t="s">
        <v>17</v>
      </c>
      <c r="D80432" s="14" t="s">
        <v>409</v>
      </c>
      <c r="E80432" s="15">
        <v>45508</v>
      </c>
      <c r="F80432" s="14" t="s">
        <v>15</v>
      </c>
      <c r="G80432" s="16">
        <v>0</v>
      </c>
    </row>
    <row r="80433" spans="1:7" x14ac:dyDescent="0.3">
      <c r="A80433" s="13" t="s">
        <v>408</v>
      </c>
      <c r="B80433" s="14" t="s">
        <v>1</v>
      </c>
      <c r="C80433" s="14" t="s">
        <v>17</v>
      </c>
      <c r="D80433" s="14" t="s">
        <v>409</v>
      </c>
      <c r="E80433" s="15">
        <v>45509</v>
      </c>
      <c r="F80433" s="14" t="s">
        <v>15</v>
      </c>
      <c r="G80433" s="16">
        <v>0</v>
      </c>
    </row>
    <row r="80434" spans="1:7" x14ac:dyDescent="0.3">
      <c r="A80434" s="13" t="s">
        <v>408</v>
      </c>
      <c r="B80434" s="14" t="s">
        <v>1</v>
      </c>
      <c r="C80434" s="14" t="s">
        <v>17</v>
      </c>
      <c r="D80434" s="14" t="s">
        <v>409</v>
      </c>
      <c r="E80434" s="15">
        <v>45510</v>
      </c>
      <c r="F80434" s="14" t="s">
        <v>15</v>
      </c>
      <c r="G80434" s="16">
        <v>0</v>
      </c>
    </row>
    <row r="80435" spans="1:7" x14ac:dyDescent="0.3">
      <c r="A80435" s="13" t="s">
        <v>408</v>
      </c>
      <c r="B80435" s="14" t="s">
        <v>1</v>
      </c>
      <c r="C80435" s="14" t="s">
        <v>17</v>
      </c>
      <c r="D80435" s="14" t="s">
        <v>409</v>
      </c>
      <c r="E80435" s="15">
        <v>45511</v>
      </c>
      <c r="F80435" s="14" t="s">
        <v>15</v>
      </c>
      <c r="G80435" s="16">
        <v>0</v>
      </c>
    </row>
    <row r="80436" spans="1:7" x14ac:dyDescent="0.3">
      <c r="A80436" s="13" t="s">
        <v>408</v>
      </c>
      <c r="B80436" s="14" t="s">
        <v>1</v>
      </c>
      <c r="C80436" s="14" t="s">
        <v>17</v>
      </c>
      <c r="D80436" s="14" t="s">
        <v>409</v>
      </c>
      <c r="E80436" s="15">
        <v>45512</v>
      </c>
      <c r="F80436" s="14" t="s">
        <v>15</v>
      </c>
      <c r="G80436" s="16">
        <v>0</v>
      </c>
    </row>
    <row r="80437" spans="1:7" x14ac:dyDescent="0.3">
      <c r="A80437" s="13" t="s">
        <v>408</v>
      </c>
      <c r="B80437" s="14" t="s">
        <v>1</v>
      </c>
      <c r="C80437" s="14" t="s">
        <v>17</v>
      </c>
      <c r="D80437" s="14" t="s">
        <v>409</v>
      </c>
      <c r="E80437" s="15">
        <v>45513</v>
      </c>
      <c r="F80437" s="14" t="s">
        <v>15</v>
      </c>
      <c r="G80437" s="16">
        <v>0</v>
      </c>
    </row>
    <row r="80438" spans="1:7" x14ac:dyDescent="0.3">
      <c r="A80438" s="13" t="s">
        <v>408</v>
      </c>
      <c r="B80438" s="14" t="s">
        <v>1</v>
      </c>
      <c r="C80438" s="14" t="s">
        <v>17</v>
      </c>
      <c r="D80438" s="14" t="s">
        <v>409</v>
      </c>
      <c r="E80438" s="15">
        <v>45514</v>
      </c>
      <c r="F80438" s="14" t="s">
        <v>15</v>
      </c>
      <c r="G80438" s="16">
        <v>0</v>
      </c>
    </row>
    <row r="80439" spans="1:7" x14ac:dyDescent="0.3">
      <c r="A80439" s="13" t="s">
        <v>408</v>
      </c>
      <c r="B80439" s="14" t="s">
        <v>1</v>
      </c>
      <c r="C80439" s="14" t="s">
        <v>17</v>
      </c>
      <c r="D80439" s="14" t="s">
        <v>409</v>
      </c>
      <c r="E80439" s="15">
        <v>45515</v>
      </c>
      <c r="F80439" s="14" t="s">
        <v>15</v>
      </c>
      <c r="G80439" s="16">
        <v>0</v>
      </c>
    </row>
    <row r="80440" spans="1:7" x14ac:dyDescent="0.3">
      <c r="A80440" s="13" t="s">
        <v>408</v>
      </c>
      <c r="B80440" s="14" t="s">
        <v>1</v>
      </c>
      <c r="C80440" s="14" t="s">
        <v>17</v>
      </c>
      <c r="D80440" s="14" t="s">
        <v>409</v>
      </c>
      <c r="E80440" s="15">
        <v>45516</v>
      </c>
      <c r="F80440" s="14" t="s">
        <v>15</v>
      </c>
      <c r="G80440" s="16">
        <v>0</v>
      </c>
    </row>
    <row r="80441" spans="1:7" x14ac:dyDescent="0.3">
      <c r="A80441" s="13" t="s">
        <v>408</v>
      </c>
      <c r="B80441" s="14" t="s">
        <v>1</v>
      </c>
      <c r="C80441" s="14" t="s">
        <v>17</v>
      </c>
      <c r="D80441" s="14" t="s">
        <v>409</v>
      </c>
      <c r="E80441" s="15">
        <v>45517</v>
      </c>
      <c r="F80441" s="14" t="s">
        <v>15</v>
      </c>
      <c r="G80441" s="16">
        <v>0</v>
      </c>
    </row>
    <row r="80442" spans="1:7" x14ac:dyDescent="0.3">
      <c r="A80442" s="13" t="s">
        <v>408</v>
      </c>
      <c r="B80442" s="14" t="s">
        <v>1</v>
      </c>
      <c r="C80442" s="14" t="s">
        <v>17</v>
      </c>
      <c r="D80442" s="14" t="s">
        <v>409</v>
      </c>
      <c r="E80442" s="15">
        <v>45518</v>
      </c>
      <c r="F80442" s="14" t="s">
        <v>15</v>
      </c>
      <c r="G80442" s="16">
        <v>0</v>
      </c>
    </row>
    <row r="80443" spans="1:7" x14ac:dyDescent="0.3">
      <c r="A80443" s="13" t="s">
        <v>408</v>
      </c>
      <c r="B80443" s="14" t="s">
        <v>1</v>
      </c>
      <c r="C80443" s="14" t="s">
        <v>17</v>
      </c>
      <c r="D80443" s="14" t="s">
        <v>409</v>
      </c>
      <c r="E80443" s="15">
        <v>45519</v>
      </c>
      <c r="F80443" s="14" t="s">
        <v>15</v>
      </c>
      <c r="G80443" s="16">
        <v>0</v>
      </c>
    </row>
    <row r="80444" spans="1:7" x14ac:dyDescent="0.3">
      <c r="A80444" s="13" t="s">
        <v>408</v>
      </c>
      <c r="B80444" s="14" t="s">
        <v>1</v>
      </c>
      <c r="C80444" s="14" t="s">
        <v>17</v>
      </c>
      <c r="D80444" s="14" t="s">
        <v>409</v>
      </c>
      <c r="E80444" s="15">
        <v>45520</v>
      </c>
      <c r="F80444" s="14" t="s">
        <v>15</v>
      </c>
      <c r="G80444" s="16">
        <v>0</v>
      </c>
    </row>
    <row r="80445" spans="1:7" x14ac:dyDescent="0.3">
      <c r="A80445" s="13" t="s">
        <v>408</v>
      </c>
      <c r="B80445" s="14" t="s">
        <v>1</v>
      </c>
      <c r="C80445" s="14" t="s">
        <v>17</v>
      </c>
      <c r="D80445" s="14" t="s">
        <v>409</v>
      </c>
      <c r="E80445" s="15">
        <v>45521</v>
      </c>
      <c r="F80445" s="14" t="s">
        <v>15</v>
      </c>
      <c r="G80445" s="16">
        <v>0</v>
      </c>
    </row>
    <row r="80446" spans="1:7" x14ac:dyDescent="0.3">
      <c r="A80446" s="13" t="s">
        <v>408</v>
      </c>
      <c r="B80446" s="14" t="s">
        <v>1</v>
      </c>
      <c r="C80446" s="14" t="s">
        <v>17</v>
      </c>
      <c r="D80446" s="14" t="s">
        <v>409</v>
      </c>
      <c r="E80446" s="15">
        <v>45522</v>
      </c>
      <c r="F80446" s="14" t="s">
        <v>15</v>
      </c>
      <c r="G80446" s="16">
        <v>0</v>
      </c>
    </row>
    <row r="80447" spans="1:7" x14ac:dyDescent="0.3">
      <c r="A80447" s="13" t="s">
        <v>408</v>
      </c>
      <c r="B80447" s="14" t="s">
        <v>1</v>
      </c>
      <c r="C80447" s="14" t="s">
        <v>17</v>
      </c>
      <c r="D80447" s="14" t="s">
        <v>409</v>
      </c>
      <c r="E80447" s="15">
        <v>45523</v>
      </c>
      <c r="F80447" s="14" t="s">
        <v>15</v>
      </c>
      <c r="G80447" s="16">
        <v>0</v>
      </c>
    </row>
    <row r="80448" spans="1:7" x14ac:dyDescent="0.3">
      <c r="A80448" s="13" t="s">
        <v>408</v>
      </c>
      <c r="B80448" s="14" t="s">
        <v>1</v>
      </c>
      <c r="C80448" s="14" t="s">
        <v>17</v>
      </c>
      <c r="D80448" s="14" t="s">
        <v>409</v>
      </c>
      <c r="E80448" s="15">
        <v>45524</v>
      </c>
      <c r="F80448" s="14" t="s">
        <v>15</v>
      </c>
      <c r="G80448" s="16">
        <v>0</v>
      </c>
    </row>
    <row r="80449" spans="1:7" x14ac:dyDescent="0.3">
      <c r="A80449" s="13" t="s">
        <v>408</v>
      </c>
      <c r="B80449" s="14" t="s">
        <v>1</v>
      </c>
      <c r="C80449" s="14" t="s">
        <v>17</v>
      </c>
      <c r="D80449" s="14" t="s">
        <v>409</v>
      </c>
      <c r="E80449" s="15">
        <v>45525</v>
      </c>
      <c r="F80449" s="14" t="s">
        <v>15</v>
      </c>
      <c r="G80449" s="16">
        <v>0</v>
      </c>
    </row>
    <row r="80450" spans="1:7" x14ac:dyDescent="0.3">
      <c r="A80450" s="13" t="s">
        <v>408</v>
      </c>
      <c r="B80450" s="14" t="s">
        <v>1</v>
      </c>
      <c r="C80450" s="14" t="s">
        <v>17</v>
      </c>
      <c r="D80450" s="14" t="s">
        <v>409</v>
      </c>
      <c r="E80450" s="15">
        <v>45526</v>
      </c>
      <c r="F80450" s="14" t="s">
        <v>15</v>
      </c>
      <c r="G80450" s="16">
        <v>0</v>
      </c>
    </row>
    <row r="80451" spans="1:7" x14ac:dyDescent="0.3">
      <c r="A80451" s="13" t="s">
        <v>408</v>
      </c>
      <c r="B80451" s="14" t="s">
        <v>1</v>
      </c>
      <c r="C80451" s="14" t="s">
        <v>17</v>
      </c>
      <c r="D80451" s="14" t="s">
        <v>409</v>
      </c>
      <c r="E80451" s="15">
        <v>45527</v>
      </c>
      <c r="F80451" s="14" t="s">
        <v>15</v>
      </c>
      <c r="G80451" s="16">
        <v>0</v>
      </c>
    </row>
    <row r="80452" spans="1:7" x14ac:dyDescent="0.3">
      <c r="A80452" s="13" t="s">
        <v>408</v>
      </c>
      <c r="B80452" s="14" t="s">
        <v>1</v>
      </c>
      <c r="C80452" s="14" t="s">
        <v>17</v>
      </c>
      <c r="D80452" s="14" t="s">
        <v>409</v>
      </c>
      <c r="E80452" s="15">
        <v>45528</v>
      </c>
      <c r="F80452" s="14" t="s">
        <v>15</v>
      </c>
      <c r="G80452" s="16">
        <v>0</v>
      </c>
    </row>
    <row r="80453" spans="1:7" x14ac:dyDescent="0.3">
      <c r="A80453" s="13" t="s">
        <v>408</v>
      </c>
      <c r="B80453" s="14" t="s">
        <v>1</v>
      </c>
      <c r="C80453" s="14" t="s">
        <v>17</v>
      </c>
      <c r="D80453" s="14" t="s">
        <v>409</v>
      </c>
      <c r="E80453" s="15">
        <v>45529</v>
      </c>
      <c r="F80453" s="14" t="s">
        <v>15</v>
      </c>
      <c r="G80453" s="16">
        <v>0</v>
      </c>
    </row>
    <row r="80454" spans="1:7" x14ac:dyDescent="0.3">
      <c r="A80454" s="13" t="s">
        <v>408</v>
      </c>
      <c r="B80454" s="14" t="s">
        <v>1</v>
      </c>
      <c r="C80454" s="14" t="s">
        <v>17</v>
      </c>
      <c r="D80454" s="14" t="s">
        <v>409</v>
      </c>
      <c r="E80454" s="15">
        <v>45530</v>
      </c>
      <c r="F80454" s="14" t="s">
        <v>15</v>
      </c>
      <c r="G80454" s="16">
        <v>0</v>
      </c>
    </row>
    <row r="80455" spans="1:7" x14ac:dyDescent="0.3">
      <c r="A80455" s="13" t="s">
        <v>408</v>
      </c>
      <c r="B80455" s="14" t="s">
        <v>1</v>
      </c>
      <c r="C80455" s="14" t="s">
        <v>17</v>
      </c>
      <c r="D80455" s="14" t="s">
        <v>409</v>
      </c>
      <c r="E80455" s="15">
        <v>45531</v>
      </c>
      <c r="F80455" s="14" t="s">
        <v>15</v>
      </c>
      <c r="G80455" s="16">
        <v>0</v>
      </c>
    </row>
    <row r="80456" spans="1:7" x14ac:dyDescent="0.3">
      <c r="A80456" s="13" t="s">
        <v>408</v>
      </c>
      <c r="B80456" s="14" t="s">
        <v>1</v>
      </c>
      <c r="C80456" s="14" t="s">
        <v>17</v>
      </c>
      <c r="D80456" s="14" t="s">
        <v>409</v>
      </c>
      <c r="E80456" s="15">
        <v>45532</v>
      </c>
      <c r="F80456" s="14" t="s">
        <v>15</v>
      </c>
      <c r="G80456" s="16">
        <v>0</v>
      </c>
    </row>
    <row r="80457" spans="1:7" x14ac:dyDescent="0.3">
      <c r="A80457" s="13" t="s">
        <v>408</v>
      </c>
      <c r="B80457" s="14" t="s">
        <v>1</v>
      </c>
      <c r="C80457" s="14" t="s">
        <v>17</v>
      </c>
      <c r="D80457" s="14" t="s">
        <v>409</v>
      </c>
      <c r="E80457" s="15">
        <v>45533</v>
      </c>
      <c r="F80457" s="14" t="s">
        <v>15</v>
      </c>
      <c r="G80457" s="16">
        <v>0</v>
      </c>
    </row>
    <row r="80458" spans="1:7" x14ac:dyDescent="0.3">
      <c r="A80458" s="13" t="s">
        <v>408</v>
      </c>
      <c r="B80458" s="14" t="s">
        <v>1</v>
      </c>
      <c r="C80458" s="14" t="s">
        <v>17</v>
      </c>
      <c r="D80458" s="14" t="s">
        <v>409</v>
      </c>
      <c r="E80458" s="15">
        <v>45534</v>
      </c>
      <c r="F80458" s="14" t="s">
        <v>15</v>
      </c>
      <c r="G80458" s="16">
        <v>0</v>
      </c>
    </row>
    <row r="80459" spans="1:7" x14ac:dyDescent="0.3">
      <c r="A80459" s="13" t="s">
        <v>408</v>
      </c>
      <c r="B80459" s="14" t="s">
        <v>1</v>
      </c>
      <c r="C80459" s="14" t="s">
        <v>17</v>
      </c>
      <c r="D80459" s="14" t="s">
        <v>409</v>
      </c>
      <c r="E80459" s="15">
        <v>45535</v>
      </c>
      <c r="F80459" s="14" t="s">
        <v>15</v>
      </c>
      <c r="G80459" s="16">
        <v>0</v>
      </c>
    </row>
    <row r="80460" spans="1:7" x14ac:dyDescent="0.3">
      <c r="A80460" s="13" t="s">
        <v>408</v>
      </c>
      <c r="B80460" s="14" t="s">
        <v>1</v>
      </c>
      <c r="C80460" s="14" t="s">
        <v>17</v>
      </c>
      <c r="D80460" s="14" t="s">
        <v>409</v>
      </c>
      <c r="E80460" s="15">
        <v>45536</v>
      </c>
      <c r="F80460" s="14" t="s">
        <v>15</v>
      </c>
      <c r="G80460" s="16">
        <v>0</v>
      </c>
    </row>
    <row r="80461" spans="1:7" x14ac:dyDescent="0.3">
      <c r="A80461" s="13" t="s">
        <v>408</v>
      </c>
      <c r="B80461" s="14" t="s">
        <v>1</v>
      </c>
      <c r="C80461" s="14" t="s">
        <v>17</v>
      </c>
      <c r="D80461" s="14" t="s">
        <v>409</v>
      </c>
      <c r="E80461" s="15">
        <v>45537</v>
      </c>
      <c r="F80461" s="14" t="s">
        <v>15</v>
      </c>
      <c r="G80461" s="16">
        <v>0</v>
      </c>
    </row>
    <row r="80462" spans="1:7" x14ac:dyDescent="0.3">
      <c r="A80462" s="13" t="s">
        <v>408</v>
      </c>
      <c r="B80462" s="14" t="s">
        <v>1</v>
      </c>
      <c r="C80462" s="14" t="s">
        <v>17</v>
      </c>
      <c r="D80462" s="14" t="s">
        <v>409</v>
      </c>
      <c r="E80462" s="15">
        <v>45538</v>
      </c>
      <c r="F80462" s="14" t="s">
        <v>15</v>
      </c>
      <c r="G80462" s="16">
        <v>0</v>
      </c>
    </row>
    <row r="80463" spans="1:7" x14ac:dyDescent="0.3">
      <c r="A80463" s="13" t="s">
        <v>408</v>
      </c>
      <c r="B80463" s="14" t="s">
        <v>1</v>
      </c>
      <c r="C80463" s="14" t="s">
        <v>17</v>
      </c>
      <c r="D80463" s="14" t="s">
        <v>409</v>
      </c>
      <c r="E80463" s="15">
        <v>45539</v>
      </c>
      <c r="F80463" s="14" t="s">
        <v>15</v>
      </c>
      <c r="G80463" s="16">
        <v>0</v>
      </c>
    </row>
    <row r="80464" spans="1:7" x14ac:dyDescent="0.3">
      <c r="A80464" s="13" t="s">
        <v>408</v>
      </c>
      <c r="B80464" s="14" t="s">
        <v>1</v>
      </c>
      <c r="C80464" s="14" t="s">
        <v>17</v>
      </c>
      <c r="D80464" s="14" t="s">
        <v>409</v>
      </c>
      <c r="E80464" s="15">
        <v>45540</v>
      </c>
      <c r="F80464" s="14" t="s">
        <v>15</v>
      </c>
      <c r="G80464" s="16">
        <v>0</v>
      </c>
    </row>
    <row r="80465" spans="1:7" x14ac:dyDescent="0.3">
      <c r="A80465" s="13" t="s">
        <v>408</v>
      </c>
      <c r="B80465" s="14" t="s">
        <v>1</v>
      </c>
      <c r="C80465" s="14" t="s">
        <v>17</v>
      </c>
      <c r="D80465" s="14" t="s">
        <v>409</v>
      </c>
      <c r="E80465" s="15">
        <v>45541</v>
      </c>
      <c r="F80465" s="14" t="s">
        <v>15</v>
      </c>
      <c r="G80465" s="16">
        <v>0</v>
      </c>
    </row>
    <row r="80466" spans="1:7" x14ac:dyDescent="0.3">
      <c r="A80466" s="13" t="s">
        <v>408</v>
      </c>
      <c r="B80466" s="14" t="s">
        <v>1</v>
      </c>
      <c r="C80466" s="14" t="s">
        <v>17</v>
      </c>
      <c r="D80466" s="14" t="s">
        <v>409</v>
      </c>
      <c r="E80466" s="15">
        <v>45542</v>
      </c>
      <c r="F80466" s="14" t="s">
        <v>15</v>
      </c>
      <c r="G80466" s="16">
        <v>0</v>
      </c>
    </row>
    <row r="80467" spans="1:7" x14ac:dyDescent="0.3">
      <c r="A80467" s="13" t="s">
        <v>408</v>
      </c>
      <c r="B80467" s="14" t="s">
        <v>1</v>
      </c>
      <c r="C80467" s="14" t="s">
        <v>17</v>
      </c>
      <c r="D80467" s="14" t="s">
        <v>409</v>
      </c>
      <c r="E80467" s="15">
        <v>45543</v>
      </c>
      <c r="F80467" s="14" t="s">
        <v>15</v>
      </c>
      <c r="G80467" s="16">
        <v>0</v>
      </c>
    </row>
    <row r="80468" spans="1:7" x14ac:dyDescent="0.3">
      <c r="A80468" s="13" t="s">
        <v>408</v>
      </c>
      <c r="B80468" s="14" t="s">
        <v>1</v>
      </c>
      <c r="C80468" s="14" t="s">
        <v>17</v>
      </c>
      <c r="D80468" s="14" t="s">
        <v>409</v>
      </c>
      <c r="E80468" s="15">
        <v>45544</v>
      </c>
      <c r="F80468" s="14" t="s">
        <v>15</v>
      </c>
      <c r="G80468" s="16">
        <v>0</v>
      </c>
    </row>
    <row r="80469" spans="1:7" x14ac:dyDescent="0.3">
      <c r="A80469" s="13" t="s">
        <v>408</v>
      </c>
      <c r="B80469" s="14" t="s">
        <v>1</v>
      </c>
      <c r="C80469" s="14" t="s">
        <v>17</v>
      </c>
      <c r="D80469" s="14" t="s">
        <v>409</v>
      </c>
      <c r="E80469" s="15">
        <v>45545</v>
      </c>
      <c r="F80469" s="14" t="s">
        <v>15</v>
      </c>
      <c r="G80469" s="16">
        <v>0</v>
      </c>
    </row>
    <row r="80470" spans="1:7" x14ac:dyDescent="0.3">
      <c r="A80470" s="13" t="s">
        <v>408</v>
      </c>
      <c r="B80470" s="14" t="s">
        <v>1</v>
      </c>
      <c r="C80470" s="14" t="s">
        <v>17</v>
      </c>
      <c r="D80470" s="14" t="s">
        <v>409</v>
      </c>
      <c r="E80470" s="15">
        <v>45546</v>
      </c>
      <c r="F80470" s="14" t="s">
        <v>15</v>
      </c>
      <c r="G80470" s="16">
        <v>0</v>
      </c>
    </row>
    <row r="80471" spans="1:7" x14ac:dyDescent="0.3">
      <c r="A80471" s="13" t="s">
        <v>408</v>
      </c>
      <c r="B80471" s="14" t="s">
        <v>1</v>
      </c>
      <c r="C80471" s="14" t="s">
        <v>17</v>
      </c>
      <c r="D80471" s="14" t="s">
        <v>409</v>
      </c>
      <c r="E80471" s="15">
        <v>45547</v>
      </c>
      <c r="F80471" s="14" t="s">
        <v>15</v>
      </c>
      <c r="G80471" s="16">
        <v>0</v>
      </c>
    </row>
    <row r="80472" spans="1:7" x14ac:dyDescent="0.3">
      <c r="A80472" s="13" t="s">
        <v>408</v>
      </c>
      <c r="B80472" s="14" t="s">
        <v>1</v>
      </c>
      <c r="C80472" s="14" t="s">
        <v>17</v>
      </c>
      <c r="D80472" s="14" t="s">
        <v>409</v>
      </c>
      <c r="E80472" s="15">
        <v>45548</v>
      </c>
      <c r="F80472" s="14" t="s">
        <v>15</v>
      </c>
      <c r="G80472" s="16">
        <v>0</v>
      </c>
    </row>
    <row r="80473" spans="1:7" x14ac:dyDescent="0.3">
      <c r="A80473" s="13" t="s">
        <v>408</v>
      </c>
      <c r="B80473" s="14" t="s">
        <v>1</v>
      </c>
      <c r="C80473" s="14" t="s">
        <v>17</v>
      </c>
      <c r="D80473" s="14" t="s">
        <v>409</v>
      </c>
      <c r="E80473" s="15">
        <v>45549</v>
      </c>
      <c r="F80473" s="14" t="s">
        <v>15</v>
      </c>
      <c r="G80473" s="16">
        <v>0</v>
      </c>
    </row>
    <row r="80474" spans="1:7" x14ac:dyDescent="0.3">
      <c r="A80474" s="13" t="s">
        <v>408</v>
      </c>
      <c r="B80474" s="14" t="s">
        <v>1</v>
      </c>
      <c r="C80474" s="14" t="s">
        <v>17</v>
      </c>
      <c r="D80474" s="14" t="s">
        <v>409</v>
      </c>
      <c r="E80474" s="15">
        <v>45550</v>
      </c>
      <c r="F80474" s="14" t="s">
        <v>15</v>
      </c>
      <c r="G80474" s="16">
        <v>0</v>
      </c>
    </row>
    <row r="80475" spans="1:7" x14ac:dyDescent="0.3">
      <c r="A80475" s="13" t="s">
        <v>408</v>
      </c>
      <c r="B80475" s="14" t="s">
        <v>1</v>
      </c>
      <c r="C80475" s="14" t="s">
        <v>17</v>
      </c>
      <c r="D80475" s="14" t="s">
        <v>409</v>
      </c>
      <c r="E80475" s="15">
        <v>45551</v>
      </c>
      <c r="F80475" s="14" t="s">
        <v>15</v>
      </c>
      <c r="G80475" s="16">
        <v>0</v>
      </c>
    </row>
    <row r="80476" spans="1:7" x14ac:dyDescent="0.3">
      <c r="A80476" s="13" t="s">
        <v>408</v>
      </c>
      <c r="B80476" s="14" t="s">
        <v>1</v>
      </c>
      <c r="C80476" s="14" t="s">
        <v>17</v>
      </c>
      <c r="D80476" s="14" t="s">
        <v>409</v>
      </c>
      <c r="E80476" s="15">
        <v>45552</v>
      </c>
      <c r="F80476" s="14" t="s">
        <v>15</v>
      </c>
      <c r="G80476" s="16">
        <v>0</v>
      </c>
    </row>
    <row r="80477" spans="1:7" x14ac:dyDescent="0.3">
      <c r="A80477" s="13" t="s">
        <v>408</v>
      </c>
      <c r="B80477" s="14" t="s">
        <v>1</v>
      </c>
      <c r="C80477" s="14" t="s">
        <v>17</v>
      </c>
      <c r="D80477" s="14" t="s">
        <v>409</v>
      </c>
      <c r="E80477" s="15">
        <v>45553</v>
      </c>
      <c r="F80477" s="14" t="s">
        <v>15</v>
      </c>
      <c r="G80477" s="16">
        <v>0</v>
      </c>
    </row>
    <row r="80478" spans="1:7" x14ac:dyDescent="0.3">
      <c r="A80478" s="13" t="s">
        <v>408</v>
      </c>
      <c r="B80478" s="14" t="s">
        <v>1</v>
      </c>
      <c r="C80478" s="14" t="s">
        <v>17</v>
      </c>
      <c r="D80478" s="14" t="s">
        <v>409</v>
      </c>
      <c r="E80478" s="15">
        <v>45554</v>
      </c>
      <c r="F80478" s="14" t="s">
        <v>15</v>
      </c>
      <c r="G80478" s="16">
        <v>0</v>
      </c>
    </row>
    <row r="80479" spans="1:7" x14ac:dyDescent="0.3">
      <c r="A80479" s="13" t="s">
        <v>408</v>
      </c>
      <c r="B80479" s="14" t="s">
        <v>1</v>
      </c>
      <c r="C80479" s="14" t="s">
        <v>17</v>
      </c>
      <c r="D80479" s="14" t="s">
        <v>409</v>
      </c>
      <c r="E80479" s="15">
        <v>45555</v>
      </c>
      <c r="F80479" s="14" t="s">
        <v>15</v>
      </c>
      <c r="G80479" s="16">
        <v>0</v>
      </c>
    </row>
    <row r="80480" spans="1:7" x14ac:dyDescent="0.3">
      <c r="A80480" s="13" t="s">
        <v>408</v>
      </c>
      <c r="B80480" s="14" t="s">
        <v>1</v>
      </c>
      <c r="C80480" s="14" t="s">
        <v>17</v>
      </c>
      <c r="D80480" s="14" t="s">
        <v>409</v>
      </c>
      <c r="E80480" s="15">
        <v>45556</v>
      </c>
      <c r="F80480" s="14" t="s">
        <v>15</v>
      </c>
      <c r="G80480" s="16">
        <v>0</v>
      </c>
    </row>
    <row r="80481" spans="1:7" x14ac:dyDescent="0.3">
      <c r="A80481" s="13" t="s">
        <v>408</v>
      </c>
      <c r="B80481" s="14" t="s">
        <v>1</v>
      </c>
      <c r="C80481" s="14" t="s">
        <v>17</v>
      </c>
      <c r="D80481" s="14" t="s">
        <v>409</v>
      </c>
      <c r="E80481" s="15">
        <v>45557</v>
      </c>
      <c r="F80481" s="14" t="s">
        <v>15</v>
      </c>
      <c r="G80481" s="16">
        <v>0</v>
      </c>
    </row>
    <row r="80482" spans="1:7" x14ac:dyDescent="0.3">
      <c r="A80482" s="13" t="s">
        <v>408</v>
      </c>
      <c r="B80482" s="14" t="s">
        <v>1</v>
      </c>
      <c r="C80482" s="14" t="s">
        <v>17</v>
      </c>
      <c r="D80482" s="14" t="s">
        <v>409</v>
      </c>
      <c r="E80482" s="15">
        <v>45558</v>
      </c>
      <c r="F80482" s="14" t="s">
        <v>15</v>
      </c>
      <c r="G80482" s="16">
        <v>0</v>
      </c>
    </row>
    <row r="80483" spans="1:7" x14ac:dyDescent="0.3">
      <c r="A80483" s="13" t="s">
        <v>408</v>
      </c>
      <c r="B80483" s="14" t="s">
        <v>1</v>
      </c>
      <c r="C80483" s="14" t="s">
        <v>17</v>
      </c>
      <c r="D80483" s="14" t="s">
        <v>409</v>
      </c>
      <c r="E80483" s="15">
        <v>45559</v>
      </c>
      <c r="F80483" s="14" t="s">
        <v>15</v>
      </c>
      <c r="G80483" s="16">
        <v>0</v>
      </c>
    </row>
    <row r="80484" spans="1:7" x14ac:dyDescent="0.3">
      <c r="A80484" s="13" t="s">
        <v>408</v>
      </c>
      <c r="B80484" s="14" t="s">
        <v>1</v>
      </c>
      <c r="C80484" s="14" t="s">
        <v>17</v>
      </c>
      <c r="D80484" s="14" t="s">
        <v>409</v>
      </c>
      <c r="E80484" s="15">
        <v>45560</v>
      </c>
      <c r="F80484" s="14" t="s">
        <v>15</v>
      </c>
      <c r="G80484" s="16">
        <v>0</v>
      </c>
    </row>
    <row r="80485" spans="1:7" x14ac:dyDescent="0.3">
      <c r="A80485" s="13" t="s">
        <v>408</v>
      </c>
      <c r="B80485" s="14" t="s">
        <v>1</v>
      </c>
      <c r="C80485" s="14" t="s">
        <v>17</v>
      </c>
      <c r="D80485" s="14" t="s">
        <v>409</v>
      </c>
      <c r="E80485" s="15">
        <v>45561</v>
      </c>
      <c r="F80485" s="14" t="s">
        <v>15</v>
      </c>
      <c r="G80485" s="16">
        <v>0</v>
      </c>
    </row>
    <row r="80486" spans="1:7" x14ac:dyDescent="0.3">
      <c r="A80486" s="13" t="s">
        <v>408</v>
      </c>
      <c r="B80486" s="14" t="s">
        <v>1</v>
      </c>
      <c r="C80486" s="14" t="s">
        <v>17</v>
      </c>
      <c r="D80486" s="14" t="s">
        <v>409</v>
      </c>
      <c r="E80486" s="15">
        <v>45562</v>
      </c>
      <c r="F80486" s="14" t="s">
        <v>15</v>
      </c>
      <c r="G80486" s="16">
        <v>0</v>
      </c>
    </row>
    <row r="80487" spans="1:7" x14ac:dyDescent="0.3">
      <c r="A80487" s="13" t="s">
        <v>408</v>
      </c>
      <c r="B80487" s="14" t="s">
        <v>1</v>
      </c>
      <c r="C80487" s="14" t="s">
        <v>17</v>
      </c>
      <c r="D80487" s="14" t="s">
        <v>409</v>
      </c>
      <c r="E80487" s="15">
        <v>45563</v>
      </c>
      <c r="F80487" s="14" t="s">
        <v>15</v>
      </c>
      <c r="G80487" s="16">
        <v>0</v>
      </c>
    </row>
    <row r="80488" spans="1:7" x14ac:dyDescent="0.3">
      <c r="A80488" s="13" t="s">
        <v>408</v>
      </c>
      <c r="B80488" s="14" t="s">
        <v>1</v>
      </c>
      <c r="C80488" s="14" t="s">
        <v>17</v>
      </c>
      <c r="D80488" s="14" t="s">
        <v>409</v>
      </c>
      <c r="E80488" s="15">
        <v>45564</v>
      </c>
      <c r="F80488" s="14" t="s">
        <v>15</v>
      </c>
      <c r="G80488" s="16">
        <v>0</v>
      </c>
    </row>
    <row r="80489" spans="1:7" x14ac:dyDescent="0.3">
      <c r="A80489" s="13" t="s">
        <v>408</v>
      </c>
      <c r="B80489" s="14" t="s">
        <v>1</v>
      </c>
      <c r="C80489" s="14" t="s">
        <v>17</v>
      </c>
      <c r="D80489" s="14" t="s">
        <v>409</v>
      </c>
      <c r="E80489" s="15">
        <v>45565</v>
      </c>
      <c r="F80489" s="14" t="s">
        <v>15</v>
      </c>
      <c r="G80489" s="16">
        <v>0</v>
      </c>
    </row>
    <row r="80490" spans="1:7" x14ac:dyDescent="0.3">
      <c r="A80490" s="13" t="s">
        <v>408</v>
      </c>
      <c r="B80490" s="14" t="s">
        <v>1</v>
      </c>
      <c r="C80490" s="14" t="s">
        <v>17</v>
      </c>
      <c r="D80490" s="14" t="s">
        <v>409</v>
      </c>
      <c r="E80490" s="15">
        <v>45566</v>
      </c>
      <c r="F80490" s="14" t="s">
        <v>15</v>
      </c>
      <c r="G80490" s="16">
        <v>0</v>
      </c>
    </row>
    <row r="80491" spans="1:7" x14ac:dyDescent="0.3">
      <c r="A80491" s="13" t="s">
        <v>408</v>
      </c>
      <c r="B80491" s="14" t="s">
        <v>1</v>
      </c>
      <c r="C80491" s="14" t="s">
        <v>17</v>
      </c>
      <c r="D80491" s="14" t="s">
        <v>409</v>
      </c>
      <c r="E80491" s="15">
        <v>45567</v>
      </c>
      <c r="F80491" s="14" t="s">
        <v>15</v>
      </c>
      <c r="G80491" s="16">
        <v>0</v>
      </c>
    </row>
    <row r="80492" spans="1:7" x14ac:dyDescent="0.3">
      <c r="A80492" s="13" t="s">
        <v>408</v>
      </c>
      <c r="B80492" s="14" t="s">
        <v>1</v>
      </c>
      <c r="C80492" s="14" t="s">
        <v>17</v>
      </c>
      <c r="D80492" s="14" t="s">
        <v>409</v>
      </c>
      <c r="E80492" s="15">
        <v>45568</v>
      </c>
      <c r="F80492" s="14" t="s">
        <v>15</v>
      </c>
      <c r="G80492" s="16">
        <v>0</v>
      </c>
    </row>
    <row r="80493" spans="1:7" x14ac:dyDescent="0.3">
      <c r="A80493" s="13" t="s">
        <v>408</v>
      </c>
      <c r="B80493" s="14" t="s">
        <v>1</v>
      </c>
      <c r="C80493" s="14" t="s">
        <v>17</v>
      </c>
      <c r="D80493" s="14" t="s">
        <v>409</v>
      </c>
      <c r="E80493" s="15">
        <v>45569</v>
      </c>
      <c r="F80493" s="14" t="s">
        <v>15</v>
      </c>
      <c r="G80493" s="16">
        <v>0</v>
      </c>
    </row>
    <row r="80494" spans="1:7" x14ac:dyDescent="0.3">
      <c r="A80494" s="13" t="s">
        <v>408</v>
      </c>
      <c r="B80494" s="14" t="s">
        <v>1</v>
      </c>
      <c r="C80494" s="14" t="s">
        <v>17</v>
      </c>
      <c r="D80494" s="14" t="s">
        <v>409</v>
      </c>
      <c r="E80494" s="15">
        <v>45570</v>
      </c>
      <c r="F80494" s="14" t="s">
        <v>15</v>
      </c>
      <c r="G80494" s="16">
        <v>0</v>
      </c>
    </row>
    <row r="80495" spans="1:7" x14ac:dyDescent="0.3">
      <c r="A80495" s="13" t="s">
        <v>408</v>
      </c>
      <c r="B80495" s="14" t="s">
        <v>1</v>
      </c>
      <c r="C80495" s="14" t="s">
        <v>17</v>
      </c>
      <c r="D80495" s="14" t="s">
        <v>409</v>
      </c>
      <c r="E80495" s="15">
        <v>45571</v>
      </c>
      <c r="F80495" s="14" t="s">
        <v>15</v>
      </c>
      <c r="G80495" s="16">
        <v>0</v>
      </c>
    </row>
    <row r="80496" spans="1:7" x14ac:dyDescent="0.3">
      <c r="A80496" s="13" t="s">
        <v>408</v>
      </c>
      <c r="B80496" s="14" t="s">
        <v>1</v>
      </c>
      <c r="C80496" s="14" t="s">
        <v>17</v>
      </c>
      <c r="D80496" s="14" t="s">
        <v>409</v>
      </c>
      <c r="E80496" s="15">
        <v>45572</v>
      </c>
      <c r="F80496" s="14" t="s">
        <v>15</v>
      </c>
      <c r="G80496" s="16">
        <v>0</v>
      </c>
    </row>
    <row r="80497" spans="1:7" x14ac:dyDescent="0.3">
      <c r="A80497" s="13" t="s">
        <v>408</v>
      </c>
      <c r="B80497" s="14" t="s">
        <v>1</v>
      </c>
      <c r="C80497" s="14" t="s">
        <v>17</v>
      </c>
      <c r="D80497" s="14" t="s">
        <v>409</v>
      </c>
      <c r="E80497" s="15">
        <v>45573</v>
      </c>
      <c r="F80497" s="14" t="s">
        <v>15</v>
      </c>
      <c r="G80497" s="16">
        <v>0</v>
      </c>
    </row>
    <row r="80498" spans="1:7" x14ac:dyDescent="0.3">
      <c r="A80498" s="13" t="s">
        <v>408</v>
      </c>
      <c r="B80498" s="14" t="s">
        <v>1</v>
      </c>
      <c r="C80498" s="14" t="s">
        <v>17</v>
      </c>
      <c r="D80498" s="14" t="s">
        <v>409</v>
      </c>
      <c r="E80498" s="15">
        <v>45574</v>
      </c>
      <c r="F80498" s="14" t="s">
        <v>15</v>
      </c>
      <c r="G80498" s="16">
        <v>0</v>
      </c>
    </row>
    <row r="80499" spans="1:7" x14ac:dyDescent="0.3">
      <c r="A80499" s="13" t="s">
        <v>408</v>
      </c>
      <c r="B80499" s="14" t="s">
        <v>1</v>
      </c>
      <c r="C80499" s="14" t="s">
        <v>17</v>
      </c>
      <c r="D80499" s="14" t="s">
        <v>409</v>
      </c>
      <c r="E80499" s="15">
        <v>45575</v>
      </c>
      <c r="F80499" s="14" t="s">
        <v>15</v>
      </c>
      <c r="G80499" s="16">
        <v>0</v>
      </c>
    </row>
    <row r="80500" spans="1:7" x14ac:dyDescent="0.3">
      <c r="A80500" s="13" t="s">
        <v>408</v>
      </c>
      <c r="B80500" s="14" t="s">
        <v>1</v>
      </c>
      <c r="C80500" s="14" t="s">
        <v>17</v>
      </c>
      <c r="D80500" s="14" t="s">
        <v>409</v>
      </c>
      <c r="E80500" s="15">
        <v>45576</v>
      </c>
      <c r="F80500" s="14" t="s">
        <v>15</v>
      </c>
      <c r="G80500" s="16">
        <v>0</v>
      </c>
    </row>
    <row r="80501" spans="1:7" x14ac:dyDescent="0.3">
      <c r="A80501" s="13" t="s">
        <v>408</v>
      </c>
      <c r="B80501" s="14" t="s">
        <v>1</v>
      </c>
      <c r="C80501" s="14" t="s">
        <v>17</v>
      </c>
      <c r="D80501" s="14" t="s">
        <v>409</v>
      </c>
      <c r="E80501" s="15">
        <v>45577</v>
      </c>
      <c r="F80501" s="14" t="s">
        <v>15</v>
      </c>
      <c r="G80501" s="16">
        <v>0</v>
      </c>
    </row>
    <row r="80502" spans="1:7" x14ac:dyDescent="0.3">
      <c r="A80502" s="13" t="s">
        <v>408</v>
      </c>
      <c r="B80502" s="14" t="s">
        <v>1</v>
      </c>
      <c r="C80502" s="14" t="s">
        <v>17</v>
      </c>
      <c r="D80502" s="14" t="s">
        <v>409</v>
      </c>
      <c r="E80502" s="15">
        <v>45578</v>
      </c>
      <c r="F80502" s="14" t="s">
        <v>15</v>
      </c>
      <c r="G80502" s="16">
        <v>0</v>
      </c>
    </row>
    <row r="80503" spans="1:7" x14ac:dyDescent="0.3">
      <c r="A80503" s="13" t="s">
        <v>408</v>
      </c>
      <c r="B80503" s="14" t="s">
        <v>1</v>
      </c>
      <c r="C80503" s="14" t="s">
        <v>17</v>
      </c>
      <c r="D80503" s="14" t="s">
        <v>409</v>
      </c>
      <c r="E80503" s="15">
        <v>45579</v>
      </c>
      <c r="F80503" s="14" t="s">
        <v>15</v>
      </c>
      <c r="G80503" s="16">
        <v>0</v>
      </c>
    </row>
    <row r="80504" spans="1:7" x14ac:dyDescent="0.3">
      <c r="A80504" s="13" t="s">
        <v>408</v>
      </c>
      <c r="B80504" s="14" t="s">
        <v>1</v>
      </c>
      <c r="C80504" s="14" t="s">
        <v>17</v>
      </c>
      <c r="D80504" s="14" t="s">
        <v>409</v>
      </c>
      <c r="E80504" s="15">
        <v>45580</v>
      </c>
      <c r="F80504" s="14" t="s">
        <v>15</v>
      </c>
      <c r="G80504" s="16">
        <v>0</v>
      </c>
    </row>
    <row r="80505" spans="1:7" x14ac:dyDescent="0.3">
      <c r="A80505" s="13" t="s">
        <v>408</v>
      </c>
      <c r="B80505" s="14" t="s">
        <v>1</v>
      </c>
      <c r="C80505" s="14" t="s">
        <v>17</v>
      </c>
      <c r="D80505" s="14" t="s">
        <v>409</v>
      </c>
      <c r="E80505" s="15">
        <v>45581</v>
      </c>
      <c r="F80505" s="14" t="s">
        <v>15</v>
      </c>
      <c r="G80505" s="16">
        <v>0</v>
      </c>
    </row>
    <row r="80506" spans="1:7" x14ac:dyDescent="0.3">
      <c r="A80506" s="13" t="s">
        <v>408</v>
      </c>
      <c r="B80506" s="14" t="s">
        <v>1</v>
      </c>
      <c r="C80506" s="14" t="s">
        <v>17</v>
      </c>
      <c r="D80506" s="14" t="s">
        <v>409</v>
      </c>
      <c r="E80506" s="15">
        <v>45582</v>
      </c>
      <c r="F80506" s="14" t="s">
        <v>15</v>
      </c>
      <c r="G80506" s="16">
        <v>0</v>
      </c>
    </row>
    <row r="80507" spans="1:7" x14ac:dyDescent="0.3">
      <c r="A80507" s="13" t="s">
        <v>408</v>
      </c>
      <c r="B80507" s="14" t="s">
        <v>1</v>
      </c>
      <c r="C80507" s="14" t="s">
        <v>17</v>
      </c>
      <c r="D80507" s="14" t="s">
        <v>409</v>
      </c>
      <c r="E80507" s="15">
        <v>45583</v>
      </c>
      <c r="F80507" s="14" t="s">
        <v>15</v>
      </c>
      <c r="G80507" s="16">
        <v>0</v>
      </c>
    </row>
    <row r="80508" spans="1:7" x14ac:dyDescent="0.3">
      <c r="A80508" s="13" t="s">
        <v>408</v>
      </c>
      <c r="B80508" s="14" t="s">
        <v>1</v>
      </c>
      <c r="C80508" s="14" t="s">
        <v>17</v>
      </c>
      <c r="D80508" s="14" t="s">
        <v>409</v>
      </c>
      <c r="E80508" s="15">
        <v>45584</v>
      </c>
      <c r="F80508" s="14" t="s">
        <v>15</v>
      </c>
      <c r="G80508" s="16">
        <v>0</v>
      </c>
    </row>
    <row r="80509" spans="1:7" x14ac:dyDescent="0.3">
      <c r="A80509" s="13" t="s">
        <v>408</v>
      </c>
      <c r="B80509" s="14" t="s">
        <v>1</v>
      </c>
      <c r="C80509" s="14" t="s">
        <v>17</v>
      </c>
      <c r="D80509" s="14" t="s">
        <v>409</v>
      </c>
      <c r="E80509" s="15">
        <v>45585</v>
      </c>
      <c r="F80509" s="14" t="s">
        <v>15</v>
      </c>
      <c r="G80509" s="16">
        <v>0</v>
      </c>
    </row>
    <row r="80510" spans="1:7" x14ac:dyDescent="0.3">
      <c r="A80510" s="13" t="s">
        <v>408</v>
      </c>
      <c r="B80510" s="14" t="s">
        <v>1</v>
      </c>
      <c r="C80510" s="14" t="s">
        <v>17</v>
      </c>
      <c r="D80510" s="14" t="s">
        <v>409</v>
      </c>
      <c r="E80510" s="15">
        <v>45586</v>
      </c>
      <c r="F80510" s="14" t="s">
        <v>15</v>
      </c>
      <c r="G80510" s="16">
        <v>0</v>
      </c>
    </row>
    <row r="80511" spans="1:7" x14ac:dyDescent="0.3">
      <c r="A80511" s="13" t="s">
        <v>408</v>
      </c>
      <c r="B80511" s="14" t="s">
        <v>1</v>
      </c>
      <c r="C80511" s="14" t="s">
        <v>17</v>
      </c>
      <c r="D80511" s="14" t="s">
        <v>409</v>
      </c>
      <c r="E80511" s="15">
        <v>45587</v>
      </c>
      <c r="F80511" s="14" t="s">
        <v>15</v>
      </c>
      <c r="G80511" s="16">
        <v>0</v>
      </c>
    </row>
    <row r="80512" spans="1:7" x14ac:dyDescent="0.3">
      <c r="A80512" s="13" t="s">
        <v>408</v>
      </c>
      <c r="B80512" s="14" t="s">
        <v>1</v>
      </c>
      <c r="C80512" s="14" t="s">
        <v>17</v>
      </c>
      <c r="D80512" s="14" t="s">
        <v>409</v>
      </c>
      <c r="E80512" s="15">
        <v>45588</v>
      </c>
      <c r="F80512" s="14" t="s">
        <v>15</v>
      </c>
      <c r="G80512" s="16">
        <v>0</v>
      </c>
    </row>
    <row r="80513" spans="1:7" x14ac:dyDescent="0.3">
      <c r="A80513" s="13" t="s">
        <v>408</v>
      </c>
      <c r="B80513" s="14" t="s">
        <v>1</v>
      </c>
      <c r="C80513" s="14" t="s">
        <v>17</v>
      </c>
      <c r="D80513" s="14" t="s">
        <v>409</v>
      </c>
      <c r="E80513" s="15">
        <v>45589</v>
      </c>
      <c r="F80513" s="14" t="s">
        <v>15</v>
      </c>
      <c r="G80513" s="16">
        <v>0</v>
      </c>
    </row>
    <row r="80514" spans="1:7" x14ac:dyDescent="0.3">
      <c r="A80514" s="13" t="s">
        <v>408</v>
      </c>
      <c r="B80514" s="14" t="s">
        <v>1</v>
      </c>
      <c r="C80514" s="14" t="s">
        <v>17</v>
      </c>
      <c r="D80514" s="14" t="s">
        <v>409</v>
      </c>
      <c r="E80514" s="15">
        <v>45590</v>
      </c>
      <c r="F80514" s="14" t="s">
        <v>15</v>
      </c>
      <c r="G80514" s="16">
        <v>0</v>
      </c>
    </row>
    <row r="80515" spans="1:7" x14ac:dyDescent="0.3">
      <c r="A80515" s="13" t="s">
        <v>408</v>
      </c>
      <c r="B80515" s="14" t="s">
        <v>1</v>
      </c>
      <c r="C80515" s="14" t="s">
        <v>17</v>
      </c>
      <c r="D80515" s="14" t="s">
        <v>409</v>
      </c>
      <c r="E80515" s="15">
        <v>45591</v>
      </c>
      <c r="F80515" s="14" t="s">
        <v>15</v>
      </c>
      <c r="G80515" s="16">
        <v>0</v>
      </c>
    </row>
    <row r="80516" spans="1:7" x14ac:dyDescent="0.3">
      <c r="A80516" s="13" t="s">
        <v>408</v>
      </c>
      <c r="B80516" s="14" t="s">
        <v>1</v>
      </c>
      <c r="C80516" s="14" t="s">
        <v>17</v>
      </c>
      <c r="D80516" s="14" t="s">
        <v>409</v>
      </c>
      <c r="E80516" s="15">
        <v>45592</v>
      </c>
      <c r="F80516" s="14" t="s">
        <v>15</v>
      </c>
      <c r="G80516" s="16">
        <v>0</v>
      </c>
    </row>
    <row r="80517" spans="1:7" x14ac:dyDescent="0.3">
      <c r="A80517" s="13" t="s">
        <v>408</v>
      </c>
      <c r="B80517" s="14" t="s">
        <v>1</v>
      </c>
      <c r="C80517" s="14" t="s">
        <v>17</v>
      </c>
      <c r="D80517" s="14" t="s">
        <v>409</v>
      </c>
      <c r="E80517" s="15">
        <v>45593</v>
      </c>
      <c r="F80517" s="14" t="s">
        <v>15</v>
      </c>
      <c r="G80517" s="16">
        <v>0</v>
      </c>
    </row>
    <row r="80518" spans="1:7" x14ac:dyDescent="0.3">
      <c r="A80518" s="13" t="s">
        <v>408</v>
      </c>
      <c r="B80518" s="14" t="s">
        <v>1</v>
      </c>
      <c r="C80518" s="14" t="s">
        <v>17</v>
      </c>
      <c r="D80518" s="14" t="s">
        <v>409</v>
      </c>
      <c r="E80518" s="15">
        <v>45594</v>
      </c>
      <c r="F80518" s="14" t="s">
        <v>15</v>
      </c>
      <c r="G80518" s="16">
        <v>0</v>
      </c>
    </row>
    <row r="80519" spans="1:7" x14ac:dyDescent="0.3">
      <c r="A80519" s="13" t="s">
        <v>408</v>
      </c>
      <c r="B80519" s="14" t="s">
        <v>1</v>
      </c>
      <c r="C80519" s="14" t="s">
        <v>17</v>
      </c>
      <c r="D80519" s="14" t="s">
        <v>409</v>
      </c>
      <c r="E80519" s="15">
        <v>45595</v>
      </c>
      <c r="F80519" s="14" t="s">
        <v>15</v>
      </c>
      <c r="G80519" s="16">
        <v>0</v>
      </c>
    </row>
    <row r="80520" spans="1:7" x14ac:dyDescent="0.3">
      <c r="A80520" s="13" t="s">
        <v>408</v>
      </c>
      <c r="B80520" s="14" t="s">
        <v>1</v>
      </c>
      <c r="C80520" s="14" t="s">
        <v>17</v>
      </c>
      <c r="D80520" s="14" t="s">
        <v>409</v>
      </c>
      <c r="E80520" s="15">
        <v>45596</v>
      </c>
      <c r="F80520" s="14" t="s">
        <v>15</v>
      </c>
      <c r="G80520" s="16">
        <v>0</v>
      </c>
    </row>
    <row r="80521" spans="1:7" x14ac:dyDescent="0.3">
      <c r="A80521" s="13" t="s">
        <v>408</v>
      </c>
      <c r="B80521" s="14" t="s">
        <v>1</v>
      </c>
      <c r="C80521" s="14" t="s">
        <v>17</v>
      </c>
      <c r="D80521" s="14" t="s">
        <v>409</v>
      </c>
      <c r="E80521" s="15">
        <v>45597</v>
      </c>
      <c r="F80521" s="14" t="s">
        <v>15</v>
      </c>
      <c r="G80521" s="16">
        <v>0</v>
      </c>
    </row>
    <row r="80522" spans="1:7" x14ac:dyDescent="0.3">
      <c r="A80522" s="13" t="s">
        <v>408</v>
      </c>
      <c r="B80522" s="14" t="s">
        <v>1</v>
      </c>
      <c r="C80522" s="14" t="s">
        <v>17</v>
      </c>
      <c r="D80522" s="14" t="s">
        <v>409</v>
      </c>
      <c r="E80522" s="15">
        <v>45598</v>
      </c>
      <c r="F80522" s="14" t="s">
        <v>15</v>
      </c>
      <c r="G80522" s="16">
        <v>0</v>
      </c>
    </row>
    <row r="80523" spans="1:7" x14ac:dyDescent="0.3">
      <c r="A80523" s="13" t="s">
        <v>408</v>
      </c>
      <c r="B80523" s="14" t="s">
        <v>1</v>
      </c>
      <c r="C80523" s="14" t="s">
        <v>17</v>
      </c>
      <c r="D80523" s="14" t="s">
        <v>409</v>
      </c>
      <c r="E80523" s="15">
        <v>45599</v>
      </c>
      <c r="F80523" s="14" t="s">
        <v>15</v>
      </c>
      <c r="G80523" s="16">
        <v>0</v>
      </c>
    </row>
    <row r="80524" spans="1:7" x14ac:dyDescent="0.3">
      <c r="A80524" s="13" t="s">
        <v>408</v>
      </c>
      <c r="B80524" s="14" t="s">
        <v>1</v>
      </c>
      <c r="C80524" s="14" t="s">
        <v>17</v>
      </c>
      <c r="D80524" s="14" t="s">
        <v>409</v>
      </c>
      <c r="E80524" s="15">
        <v>45600</v>
      </c>
      <c r="F80524" s="14" t="s">
        <v>15</v>
      </c>
      <c r="G80524" s="16">
        <v>0</v>
      </c>
    </row>
    <row r="80525" spans="1:7" x14ac:dyDescent="0.3">
      <c r="A80525" s="13" t="s">
        <v>408</v>
      </c>
      <c r="B80525" s="14" t="s">
        <v>1</v>
      </c>
      <c r="C80525" s="14" t="s">
        <v>17</v>
      </c>
      <c r="D80525" s="14" t="s">
        <v>409</v>
      </c>
      <c r="E80525" s="15">
        <v>45601</v>
      </c>
      <c r="F80525" s="14" t="s">
        <v>15</v>
      </c>
      <c r="G80525" s="16">
        <v>0</v>
      </c>
    </row>
    <row r="80526" spans="1:7" x14ac:dyDescent="0.3">
      <c r="A80526" s="13" t="s">
        <v>408</v>
      </c>
      <c r="B80526" s="14" t="s">
        <v>1</v>
      </c>
      <c r="C80526" s="14" t="s">
        <v>17</v>
      </c>
      <c r="D80526" s="14" t="s">
        <v>409</v>
      </c>
      <c r="E80526" s="15">
        <v>45602</v>
      </c>
      <c r="F80526" s="14" t="s">
        <v>15</v>
      </c>
      <c r="G80526" s="16">
        <v>0</v>
      </c>
    </row>
    <row r="80527" spans="1:7" x14ac:dyDescent="0.3">
      <c r="A80527" s="13" t="s">
        <v>408</v>
      </c>
      <c r="B80527" s="14" t="s">
        <v>1</v>
      </c>
      <c r="C80527" s="14" t="s">
        <v>17</v>
      </c>
      <c r="D80527" s="14" t="s">
        <v>409</v>
      </c>
      <c r="E80527" s="15">
        <v>45603</v>
      </c>
      <c r="F80527" s="14" t="s">
        <v>15</v>
      </c>
      <c r="G80527" s="16">
        <v>0</v>
      </c>
    </row>
    <row r="80528" spans="1:7" x14ac:dyDescent="0.3">
      <c r="A80528" s="13" t="s">
        <v>408</v>
      </c>
      <c r="B80528" s="14" t="s">
        <v>1</v>
      </c>
      <c r="C80528" s="14" t="s">
        <v>17</v>
      </c>
      <c r="D80528" s="14" t="s">
        <v>409</v>
      </c>
      <c r="E80528" s="15">
        <v>45604</v>
      </c>
      <c r="F80528" s="14" t="s">
        <v>15</v>
      </c>
      <c r="G80528" s="16">
        <v>0</v>
      </c>
    </row>
    <row r="80529" spans="1:7" x14ac:dyDescent="0.3">
      <c r="A80529" s="13" t="s">
        <v>408</v>
      </c>
      <c r="B80529" s="14" t="s">
        <v>1</v>
      </c>
      <c r="C80529" s="14" t="s">
        <v>17</v>
      </c>
      <c r="D80529" s="14" t="s">
        <v>409</v>
      </c>
      <c r="E80529" s="15">
        <v>45605</v>
      </c>
      <c r="F80529" s="14" t="s">
        <v>15</v>
      </c>
      <c r="G80529" s="16">
        <v>0</v>
      </c>
    </row>
    <row r="80530" spans="1:7" x14ac:dyDescent="0.3">
      <c r="A80530" s="13" t="s">
        <v>408</v>
      </c>
      <c r="B80530" s="14" t="s">
        <v>1</v>
      </c>
      <c r="C80530" s="14" t="s">
        <v>17</v>
      </c>
      <c r="D80530" s="14" t="s">
        <v>409</v>
      </c>
      <c r="E80530" s="15">
        <v>45606</v>
      </c>
      <c r="F80530" s="14" t="s">
        <v>15</v>
      </c>
      <c r="G80530" s="16">
        <v>0</v>
      </c>
    </row>
    <row r="80531" spans="1:7" x14ac:dyDescent="0.3">
      <c r="A80531" s="13" t="s">
        <v>408</v>
      </c>
      <c r="B80531" s="14" t="s">
        <v>1</v>
      </c>
      <c r="C80531" s="14" t="s">
        <v>17</v>
      </c>
      <c r="D80531" s="14" t="s">
        <v>409</v>
      </c>
      <c r="E80531" s="15">
        <v>45607</v>
      </c>
      <c r="F80531" s="14" t="s">
        <v>15</v>
      </c>
      <c r="G80531" s="16">
        <v>0</v>
      </c>
    </row>
    <row r="80532" spans="1:7" x14ac:dyDescent="0.3">
      <c r="A80532" s="13" t="s">
        <v>408</v>
      </c>
      <c r="B80532" s="14" t="s">
        <v>1</v>
      </c>
      <c r="C80532" s="14" t="s">
        <v>17</v>
      </c>
      <c r="D80532" s="14" t="s">
        <v>409</v>
      </c>
      <c r="E80532" s="15">
        <v>45608</v>
      </c>
      <c r="F80532" s="14" t="s">
        <v>15</v>
      </c>
      <c r="G80532" s="16">
        <v>0</v>
      </c>
    </row>
    <row r="80533" spans="1:7" x14ac:dyDescent="0.3">
      <c r="A80533" s="13" t="s">
        <v>408</v>
      </c>
      <c r="B80533" s="14" t="s">
        <v>1</v>
      </c>
      <c r="C80533" s="14" t="s">
        <v>17</v>
      </c>
      <c r="D80533" s="14" t="s">
        <v>409</v>
      </c>
      <c r="E80533" s="15">
        <v>45609</v>
      </c>
      <c r="F80533" s="14" t="s">
        <v>15</v>
      </c>
      <c r="G80533" s="16">
        <v>0</v>
      </c>
    </row>
    <row r="80534" spans="1:7" x14ac:dyDescent="0.3">
      <c r="A80534" s="13" t="s">
        <v>408</v>
      </c>
      <c r="B80534" s="14" t="s">
        <v>1</v>
      </c>
      <c r="C80534" s="14" t="s">
        <v>17</v>
      </c>
      <c r="D80534" s="14" t="s">
        <v>409</v>
      </c>
      <c r="E80534" s="15">
        <v>45610</v>
      </c>
      <c r="F80534" s="14" t="s">
        <v>15</v>
      </c>
      <c r="G80534" s="16">
        <v>0</v>
      </c>
    </row>
    <row r="80535" spans="1:7" x14ac:dyDescent="0.3">
      <c r="A80535" s="13" t="s">
        <v>408</v>
      </c>
      <c r="B80535" s="14" t="s">
        <v>1</v>
      </c>
      <c r="C80535" s="14" t="s">
        <v>17</v>
      </c>
      <c r="D80535" s="14" t="s">
        <v>409</v>
      </c>
      <c r="E80535" s="15">
        <v>45611</v>
      </c>
      <c r="F80535" s="14" t="s">
        <v>15</v>
      </c>
      <c r="G80535" s="16">
        <v>0</v>
      </c>
    </row>
    <row r="80536" spans="1:7" x14ac:dyDescent="0.3">
      <c r="A80536" s="13" t="s">
        <v>408</v>
      </c>
      <c r="B80536" s="14" t="s">
        <v>1</v>
      </c>
      <c r="C80536" s="14" t="s">
        <v>17</v>
      </c>
      <c r="D80536" s="14" t="s">
        <v>409</v>
      </c>
      <c r="E80536" s="15">
        <v>45612</v>
      </c>
      <c r="F80536" s="14" t="s">
        <v>15</v>
      </c>
      <c r="G80536" s="16">
        <v>0</v>
      </c>
    </row>
    <row r="80537" spans="1:7" x14ac:dyDescent="0.3">
      <c r="A80537" s="13" t="s">
        <v>408</v>
      </c>
      <c r="B80537" s="14" t="s">
        <v>1</v>
      </c>
      <c r="C80537" s="14" t="s">
        <v>17</v>
      </c>
      <c r="D80537" s="14" t="s">
        <v>409</v>
      </c>
      <c r="E80537" s="15">
        <v>45613</v>
      </c>
      <c r="F80537" s="14" t="s">
        <v>15</v>
      </c>
      <c r="G80537" s="16">
        <v>0</v>
      </c>
    </row>
    <row r="80538" spans="1:7" x14ac:dyDescent="0.3">
      <c r="A80538" s="13" t="s">
        <v>408</v>
      </c>
      <c r="B80538" s="14" t="s">
        <v>1</v>
      </c>
      <c r="C80538" s="14" t="s">
        <v>17</v>
      </c>
      <c r="D80538" s="14" t="s">
        <v>409</v>
      </c>
      <c r="E80538" s="15">
        <v>45614</v>
      </c>
      <c r="F80538" s="14" t="s">
        <v>15</v>
      </c>
      <c r="G80538" s="16">
        <v>0</v>
      </c>
    </row>
    <row r="80539" spans="1:7" x14ac:dyDescent="0.3">
      <c r="A80539" s="13" t="s">
        <v>408</v>
      </c>
      <c r="B80539" s="14" t="s">
        <v>1</v>
      </c>
      <c r="C80539" s="14" t="s">
        <v>17</v>
      </c>
      <c r="D80539" s="14" t="s">
        <v>409</v>
      </c>
      <c r="E80539" s="15">
        <v>45615</v>
      </c>
      <c r="F80539" s="14" t="s">
        <v>15</v>
      </c>
      <c r="G80539" s="16">
        <v>0</v>
      </c>
    </row>
    <row r="80540" spans="1:7" x14ac:dyDescent="0.3">
      <c r="A80540" s="13" t="s">
        <v>408</v>
      </c>
      <c r="B80540" s="14" t="s">
        <v>1</v>
      </c>
      <c r="C80540" s="14" t="s">
        <v>17</v>
      </c>
      <c r="D80540" s="14" t="s">
        <v>409</v>
      </c>
      <c r="E80540" s="15">
        <v>45616</v>
      </c>
      <c r="F80540" s="14" t="s">
        <v>15</v>
      </c>
      <c r="G80540" s="16">
        <v>0</v>
      </c>
    </row>
    <row r="80541" spans="1:7" x14ac:dyDescent="0.3">
      <c r="A80541" s="13" t="s">
        <v>408</v>
      </c>
      <c r="B80541" s="14" t="s">
        <v>1</v>
      </c>
      <c r="C80541" s="14" t="s">
        <v>17</v>
      </c>
      <c r="D80541" s="14" t="s">
        <v>409</v>
      </c>
      <c r="E80541" s="15">
        <v>45617</v>
      </c>
      <c r="F80541" s="14" t="s">
        <v>15</v>
      </c>
      <c r="G80541" s="16">
        <v>0</v>
      </c>
    </row>
    <row r="80542" spans="1:7" x14ac:dyDescent="0.3">
      <c r="A80542" s="13" t="s">
        <v>408</v>
      </c>
      <c r="B80542" s="14" t="s">
        <v>1</v>
      </c>
      <c r="C80542" s="14" t="s">
        <v>17</v>
      </c>
      <c r="D80542" s="14" t="s">
        <v>409</v>
      </c>
      <c r="E80542" s="15">
        <v>45618</v>
      </c>
      <c r="F80542" s="14" t="s">
        <v>15</v>
      </c>
      <c r="G80542" s="16">
        <v>0</v>
      </c>
    </row>
    <row r="80543" spans="1:7" x14ac:dyDescent="0.3">
      <c r="A80543" s="13" t="s">
        <v>408</v>
      </c>
      <c r="B80543" s="14" t="s">
        <v>1</v>
      </c>
      <c r="C80543" s="14" t="s">
        <v>17</v>
      </c>
      <c r="D80543" s="14" t="s">
        <v>409</v>
      </c>
      <c r="E80543" s="15">
        <v>45619</v>
      </c>
      <c r="F80543" s="14" t="s">
        <v>15</v>
      </c>
      <c r="G80543" s="16">
        <v>0</v>
      </c>
    </row>
    <row r="80544" spans="1:7" x14ac:dyDescent="0.3">
      <c r="A80544" s="13" t="s">
        <v>408</v>
      </c>
      <c r="B80544" s="14" t="s">
        <v>1</v>
      </c>
      <c r="C80544" s="14" t="s">
        <v>17</v>
      </c>
      <c r="D80544" s="14" t="s">
        <v>409</v>
      </c>
      <c r="E80544" s="15">
        <v>45620</v>
      </c>
      <c r="F80544" s="14" t="s">
        <v>15</v>
      </c>
      <c r="G80544" s="16">
        <v>0</v>
      </c>
    </row>
    <row r="80545" spans="1:7" x14ac:dyDescent="0.3">
      <c r="A80545" s="13" t="s">
        <v>408</v>
      </c>
      <c r="B80545" s="14" t="s">
        <v>1</v>
      </c>
      <c r="C80545" s="14" t="s">
        <v>17</v>
      </c>
      <c r="D80545" s="14" t="s">
        <v>409</v>
      </c>
      <c r="E80545" s="15">
        <v>45621</v>
      </c>
      <c r="F80545" s="14" t="s">
        <v>15</v>
      </c>
      <c r="G80545" s="16">
        <v>0</v>
      </c>
    </row>
    <row r="80546" spans="1:7" x14ac:dyDescent="0.3">
      <c r="A80546" s="13" t="s">
        <v>408</v>
      </c>
      <c r="B80546" s="14" t="s">
        <v>1</v>
      </c>
      <c r="C80546" s="14" t="s">
        <v>17</v>
      </c>
      <c r="D80546" s="14" t="s">
        <v>409</v>
      </c>
      <c r="E80546" s="15">
        <v>45622</v>
      </c>
      <c r="F80546" s="14" t="s">
        <v>15</v>
      </c>
      <c r="G80546" s="16">
        <v>0</v>
      </c>
    </row>
    <row r="80547" spans="1:7" x14ac:dyDescent="0.3">
      <c r="A80547" s="13" t="s">
        <v>408</v>
      </c>
      <c r="B80547" s="14" t="s">
        <v>1</v>
      </c>
      <c r="C80547" s="14" t="s">
        <v>17</v>
      </c>
      <c r="D80547" s="14" t="s">
        <v>409</v>
      </c>
      <c r="E80547" s="15">
        <v>45623</v>
      </c>
      <c r="F80547" s="14" t="s">
        <v>15</v>
      </c>
      <c r="G80547" s="16">
        <v>0</v>
      </c>
    </row>
    <row r="80548" spans="1:7" x14ac:dyDescent="0.3">
      <c r="A80548" s="13" t="s">
        <v>408</v>
      </c>
      <c r="B80548" s="14" t="s">
        <v>1</v>
      </c>
      <c r="C80548" s="14" t="s">
        <v>17</v>
      </c>
      <c r="D80548" s="14" t="s">
        <v>409</v>
      </c>
      <c r="E80548" s="15">
        <v>45624</v>
      </c>
      <c r="F80548" s="14" t="s">
        <v>15</v>
      </c>
      <c r="G80548" s="16">
        <v>0</v>
      </c>
    </row>
    <row r="80549" spans="1:7" x14ac:dyDescent="0.3">
      <c r="A80549" s="13" t="s">
        <v>408</v>
      </c>
      <c r="B80549" s="14" t="s">
        <v>1</v>
      </c>
      <c r="C80549" s="14" t="s">
        <v>17</v>
      </c>
      <c r="D80549" s="14" t="s">
        <v>409</v>
      </c>
      <c r="E80549" s="15">
        <v>45625</v>
      </c>
      <c r="F80549" s="14" t="s">
        <v>15</v>
      </c>
      <c r="G80549" s="16">
        <v>0</v>
      </c>
    </row>
    <row r="80550" spans="1:7" x14ac:dyDescent="0.3">
      <c r="A80550" s="13" t="s">
        <v>408</v>
      </c>
      <c r="B80550" s="14" t="s">
        <v>1</v>
      </c>
      <c r="C80550" s="14" t="s">
        <v>17</v>
      </c>
      <c r="D80550" s="14" t="s">
        <v>409</v>
      </c>
      <c r="E80550" s="15">
        <v>45626</v>
      </c>
      <c r="F80550" s="14" t="s">
        <v>15</v>
      </c>
      <c r="G80550" s="16">
        <v>0</v>
      </c>
    </row>
    <row r="80551" spans="1:7" x14ac:dyDescent="0.3">
      <c r="A80551" s="13" t="s">
        <v>408</v>
      </c>
      <c r="B80551" s="14" t="s">
        <v>1</v>
      </c>
      <c r="C80551" s="14" t="s">
        <v>17</v>
      </c>
      <c r="D80551" s="14" t="s">
        <v>409</v>
      </c>
      <c r="E80551" s="15">
        <v>45627</v>
      </c>
      <c r="F80551" s="14" t="s">
        <v>15</v>
      </c>
      <c r="G80551" s="16">
        <v>0</v>
      </c>
    </row>
    <row r="80552" spans="1:7" x14ac:dyDescent="0.3">
      <c r="A80552" s="13" t="s">
        <v>408</v>
      </c>
      <c r="B80552" s="14" t="s">
        <v>1</v>
      </c>
      <c r="C80552" s="14" t="s">
        <v>17</v>
      </c>
      <c r="D80552" s="14" t="s">
        <v>409</v>
      </c>
      <c r="E80552" s="15">
        <v>45628</v>
      </c>
      <c r="F80552" s="14" t="s">
        <v>15</v>
      </c>
      <c r="G80552" s="16">
        <v>0</v>
      </c>
    </row>
    <row r="80553" spans="1:7" x14ac:dyDescent="0.3">
      <c r="A80553" s="13" t="s">
        <v>408</v>
      </c>
      <c r="B80553" s="14" t="s">
        <v>1</v>
      </c>
      <c r="C80553" s="14" t="s">
        <v>17</v>
      </c>
      <c r="D80553" s="14" t="s">
        <v>409</v>
      </c>
      <c r="E80553" s="15">
        <v>45629</v>
      </c>
      <c r="F80553" s="14" t="s">
        <v>15</v>
      </c>
      <c r="G80553" s="16">
        <v>0</v>
      </c>
    </row>
    <row r="80554" spans="1:7" x14ac:dyDescent="0.3">
      <c r="A80554" s="13" t="s">
        <v>408</v>
      </c>
      <c r="B80554" s="14" t="s">
        <v>1</v>
      </c>
      <c r="C80554" s="14" t="s">
        <v>17</v>
      </c>
      <c r="D80554" s="14" t="s">
        <v>409</v>
      </c>
      <c r="E80554" s="15">
        <v>45630</v>
      </c>
      <c r="F80554" s="14" t="s">
        <v>15</v>
      </c>
      <c r="G80554" s="16">
        <v>0</v>
      </c>
    </row>
    <row r="80555" spans="1:7" x14ac:dyDescent="0.3">
      <c r="A80555" s="13" t="s">
        <v>408</v>
      </c>
      <c r="B80555" s="14" t="s">
        <v>1</v>
      </c>
      <c r="C80555" s="14" t="s">
        <v>17</v>
      </c>
      <c r="D80555" s="14" t="s">
        <v>409</v>
      </c>
      <c r="E80555" s="15">
        <v>45631</v>
      </c>
      <c r="F80555" s="14" t="s">
        <v>15</v>
      </c>
      <c r="G80555" s="16">
        <v>0</v>
      </c>
    </row>
    <row r="80556" spans="1:7" x14ac:dyDescent="0.3">
      <c r="A80556" s="13" t="s">
        <v>408</v>
      </c>
      <c r="B80556" s="14" t="s">
        <v>1</v>
      </c>
      <c r="C80556" s="14" t="s">
        <v>17</v>
      </c>
      <c r="D80556" s="14" t="s">
        <v>409</v>
      </c>
      <c r="E80556" s="15">
        <v>45632</v>
      </c>
      <c r="F80556" s="14" t="s">
        <v>15</v>
      </c>
      <c r="G80556" s="16">
        <v>0</v>
      </c>
    </row>
    <row r="80557" spans="1:7" x14ac:dyDescent="0.3">
      <c r="A80557" s="13" t="s">
        <v>408</v>
      </c>
      <c r="B80557" s="14" t="s">
        <v>1</v>
      </c>
      <c r="C80557" s="14" t="s">
        <v>17</v>
      </c>
      <c r="D80557" s="14" t="s">
        <v>409</v>
      </c>
      <c r="E80557" s="15">
        <v>45633</v>
      </c>
      <c r="F80557" s="14" t="s">
        <v>15</v>
      </c>
      <c r="G80557" s="16">
        <v>0</v>
      </c>
    </row>
    <row r="80558" spans="1:7" x14ac:dyDescent="0.3">
      <c r="A80558" s="13" t="s">
        <v>408</v>
      </c>
      <c r="B80558" s="14" t="s">
        <v>1</v>
      </c>
      <c r="C80558" s="14" t="s">
        <v>17</v>
      </c>
      <c r="D80558" s="14" t="s">
        <v>409</v>
      </c>
      <c r="E80558" s="15">
        <v>45634</v>
      </c>
      <c r="F80558" s="14" t="s">
        <v>15</v>
      </c>
      <c r="G80558" s="16">
        <v>0</v>
      </c>
    </row>
    <row r="80559" spans="1:7" x14ac:dyDescent="0.3">
      <c r="A80559" s="13" t="s">
        <v>408</v>
      </c>
      <c r="B80559" s="14" t="s">
        <v>1</v>
      </c>
      <c r="C80559" s="14" t="s">
        <v>17</v>
      </c>
      <c r="D80559" s="14" t="s">
        <v>409</v>
      </c>
      <c r="E80559" s="15">
        <v>45635</v>
      </c>
      <c r="F80559" s="14" t="s">
        <v>15</v>
      </c>
      <c r="G80559" s="16">
        <v>0</v>
      </c>
    </row>
    <row r="80560" spans="1:7" x14ac:dyDescent="0.3">
      <c r="A80560" s="13" t="s">
        <v>408</v>
      </c>
      <c r="B80560" s="14" t="s">
        <v>1</v>
      </c>
      <c r="C80560" s="14" t="s">
        <v>17</v>
      </c>
      <c r="D80560" s="14" t="s">
        <v>409</v>
      </c>
      <c r="E80560" s="15">
        <v>45636</v>
      </c>
      <c r="F80560" s="14" t="s">
        <v>15</v>
      </c>
      <c r="G80560" s="16">
        <v>0</v>
      </c>
    </row>
    <row r="80561" spans="1:7" x14ac:dyDescent="0.3">
      <c r="A80561" s="13" t="s">
        <v>408</v>
      </c>
      <c r="B80561" s="14" t="s">
        <v>1</v>
      </c>
      <c r="C80561" s="14" t="s">
        <v>17</v>
      </c>
      <c r="D80561" s="14" t="s">
        <v>409</v>
      </c>
      <c r="E80561" s="15">
        <v>45637</v>
      </c>
      <c r="F80561" s="14" t="s">
        <v>15</v>
      </c>
      <c r="G80561" s="16">
        <v>0</v>
      </c>
    </row>
    <row r="80562" spans="1:7" x14ac:dyDescent="0.3">
      <c r="A80562" s="13" t="s">
        <v>408</v>
      </c>
      <c r="B80562" s="14" t="s">
        <v>1</v>
      </c>
      <c r="C80562" s="14" t="s">
        <v>17</v>
      </c>
      <c r="D80562" s="14" t="s">
        <v>409</v>
      </c>
      <c r="E80562" s="15">
        <v>45638</v>
      </c>
      <c r="F80562" s="14" t="s">
        <v>15</v>
      </c>
      <c r="G80562" s="16">
        <v>0</v>
      </c>
    </row>
    <row r="80563" spans="1:7" x14ac:dyDescent="0.3">
      <c r="A80563" s="13" t="s">
        <v>408</v>
      </c>
      <c r="B80563" s="14" t="s">
        <v>1</v>
      </c>
      <c r="C80563" s="14" t="s">
        <v>17</v>
      </c>
      <c r="D80563" s="14" t="s">
        <v>409</v>
      </c>
      <c r="E80563" s="15">
        <v>45639</v>
      </c>
      <c r="F80563" s="14" t="s">
        <v>15</v>
      </c>
      <c r="G80563" s="16">
        <v>0</v>
      </c>
    </row>
    <row r="80564" spans="1:7" x14ac:dyDescent="0.3">
      <c r="A80564" s="13" t="s">
        <v>408</v>
      </c>
      <c r="B80564" s="14" t="s">
        <v>1</v>
      </c>
      <c r="C80564" s="14" t="s">
        <v>17</v>
      </c>
      <c r="D80564" s="14" t="s">
        <v>409</v>
      </c>
      <c r="E80564" s="15">
        <v>45640</v>
      </c>
      <c r="F80564" s="14" t="s">
        <v>15</v>
      </c>
      <c r="G80564" s="16">
        <v>0</v>
      </c>
    </row>
    <row r="80565" spans="1:7" x14ac:dyDescent="0.3">
      <c r="A80565" s="13" t="s">
        <v>408</v>
      </c>
      <c r="B80565" s="14" t="s">
        <v>1</v>
      </c>
      <c r="C80565" s="14" t="s">
        <v>17</v>
      </c>
      <c r="D80565" s="14" t="s">
        <v>409</v>
      </c>
      <c r="E80565" s="15">
        <v>45641</v>
      </c>
      <c r="F80565" s="14" t="s">
        <v>15</v>
      </c>
      <c r="G80565" s="16">
        <v>0</v>
      </c>
    </row>
    <row r="80566" spans="1:7" x14ac:dyDescent="0.3">
      <c r="A80566" s="13" t="s">
        <v>408</v>
      </c>
      <c r="B80566" s="14" t="s">
        <v>1</v>
      </c>
      <c r="C80566" s="14" t="s">
        <v>17</v>
      </c>
      <c r="D80566" s="14" t="s">
        <v>409</v>
      </c>
      <c r="E80566" s="15">
        <v>45642</v>
      </c>
      <c r="F80566" s="14" t="s">
        <v>15</v>
      </c>
      <c r="G80566" s="16">
        <v>0</v>
      </c>
    </row>
    <row r="80567" spans="1:7" x14ac:dyDescent="0.3">
      <c r="A80567" s="13" t="s">
        <v>408</v>
      </c>
      <c r="B80567" s="14" t="s">
        <v>1</v>
      </c>
      <c r="C80567" s="14" t="s">
        <v>17</v>
      </c>
      <c r="D80567" s="14" t="s">
        <v>409</v>
      </c>
      <c r="E80567" s="15">
        <v>45643</v>
      </c>
      <c r="F80567" s="14" t="s">
        <v>15</v>
      </c>
      <c r="G80567" s="16">
        <v>0</v>
      </c>
    </row>
    <row r="80568" spans="1:7" x14ac:dyDescent="0.3">
      <c r="A80568" s="13" t="s">
        <v>408</v>
      </c>
      <c r="B80568" s="14" t="s">
        <v>1</v>
      </c>
      <c r="C80568" s="14" t="s">
        <v>17</v>
      </c>
      <c r="D80568" s="14" t="s">
        <v>409</v>
      </c>
      <c r="E80568" s="15">
        <v>45644</v>
      </c>
      <c r="F80568" s="14" t="s">
        <v>15</v>
      </c>
      <c r="G80568" s="16">
        <v>0</v>
      </c>
    </row>
    <row r="80569" spans="1:7" x14ac:dyDescent="0.3">
      <c r="A80569" s="13" t="s">
        <v>408</v>
      </c>
      <c r="B80569" s="14" t="s">
        <v>1</v>
      </c>
      <c r="C80569" s="14" t="s">
        <v>17</v>
      </c>
      <c r="D80569" s="14" t="s">
        <v>409</v>
      </c>
      <c r="E80569" s="15">
        <v>45645</v>
      </c>
      <c r="F80569" s="14" t="s">
        <v>15</v>
      </c>
      <c r="G80569" s="16">
        <v>0</v>
      </c>
    </row>
    <row r="80570" spans="1:7" x14ac:dyDescent="0.3">
      <c r="A80570" s="13" t="s">
        <v>408</v>
      </c>
      <c r="B80570" s="14" t="s">
        <v>1</v>
      </c>
      <c r="C80570" s="14" t="s">
        <v>17</v>
      </c>
      <c r="D80570" s="14" t="s">
        <v>409</v>
      </c>
      <c r="E80570" s="15">
        <v>45646</v>
      </c>
      <c r="F80570" s="14" t="s">
        <v>15</v>
      </c>
      <c r="G80570" s="16">
        <v>0</v>
      </c>
    </row>
    <row r="80571" spans="1:7" x14ac:dyDescent="0.3">
      <c r="A80571" s="13" t="s">
        <v>408</v>
      </c>
      <c r="B80571" s="14" t="s">
        <v>1</v>
      </c>
      <c r="C80571" s="14" t="s">
        <v>17</v>
      </c>
      <c r="D80571" s="14" t="s">
        <v>409</v>
      </c>
      <c r="E80571" s="15">
        <v>45647</v>
      </c>
      <c r="F80571" s="14" t="s">
        <v>15</v>
      </c>
      <c r="G80571" s="16">
        <v>0</v>
      </c>
    </row>
    <row r="80572" spans="1:7" x14ac:dyDescent="0.3">
      <c r="A80572" s="13" t="s">
        <v>408</v>
      </c>
      <c r="B80572" s="14" t="s">
        <v>1</v>
      </c>
      <c r="C80572" s="14" t="s">
        <v>17</v>
      </c>
      <c r="D80572" s="14" t="s">
        <v>409</v>
      </c>
      <c r="E80572" s="15">
        <v>45648</v>
      </c>
      <c r="F80572" s="14" t="s">
        <v>15</v>
      </c>
      <c r="G80572" s="16">
        <v>0</v>
      </c>
    </row>
    <row r="80573" spans="1:7" x14ac:dyDescent="0.3">
      <c r="A80573" s="13" t="s">
        <v>408</v>
      </c>
      <c r="B80573" s="14" t="s">
        <v>1</v>
      </c>
      <c r="C80573" s="14" t="s">
        <v>17</v>
      </c>
      <c r="D80573" s="14" t="s">
        <v>409</v>
      </c>
      <c r="E80573" s="15">
        <v>45649</v>
      </c>
      <c r="F80573" s="14" t="s">
        <v>15</v>
      </c>
      <c r="G80573" s="16">
        <v>0</v>
      </c>
    </row>
    <row r="80574" spans="1:7" x14ac:dyDescent="0.3">
      <c r="A80574" s="13" t="s">
        <v>408</v>
      </c>
      <c r="B80574" s="14" t="s">
        <v>1</v>
      </c>
      <c r="C80574" s="14" t="s">
        <v>17</v>
      </c>
      <c r="D80574" s="14" t="s">
        <v>409</v>
      </c>
      <c r="E80574" s="15">
        <v>45650</v>
      </c>
      <c r="F80574" s="14" t="s">
        <v>15</v>
      </c>
      <c r="G80574" s="16">
        <v>0</v>
      </c>
    </row>
    <row r="80575" spans="1:7" x14ac:dyDescent="0.3">
      <c r="A80575" s="13" t="s">
        <v>408</v>
      </c>
      <c r="B80575" s="14" t="s">
        <v>1</v>
      </c>
      <c r="C80575" s="14" t="s">
        <v>17</v>
      </c>
      <c r="D80575" s="14" t="s">
        <v>409</v>
      </c>
      <c r="E80575" s="15">
        <v>45651</v>
      </c>
      <c r="F80575" s="14" t="s">
        <v>15</v>
      </c>
      <c r="G80575" s="16">
        <v>0</v>
      </c>
    </row>
    <row r="80576" spans="1:7" x14ac:dyDescent="0.3">
      <c r="A80576" s="13" t="s">
        <v>408</v>
      </c>
      <c r="B80576" s="14" t="s">
        <v>1</v>
      </c>
      <c r="C80576" s="14" t="s">
        <v>17</v>
      </c>
      <c r="D80576" s="14" t="s">
        <v>409</v>
      </c>
      <c r="E80576" s="15">
        <v>45652</v>
      </c>
      <c r="F80576" s="14" t="s">
        <v>15</v>
      </c>
      <c r="G80576" s="16">
        <v>0</v>
      </c>
    </row>
    <row r="80577" spans="1:7" x14ac:dyDescent="0.3">
      <c r="A80577" s="13" t="s">
        <v>408</v>
      </c>
      <c r="B80577" s="14" t="s">
        <v>1</v>
      </c>
      <c r="C80577" s="14" t="s">
        <v>17</v>
      </c>
      <c r="D80577" s="14" t="s">
        <v>409</v>
      </c>
      <c r="E80577" s="15">
        <v>45653</v>
      </c>
      <c r="F80577" s="14" t="s">
        <v>15</v>
      </c>
      <c r="G80577" s="16">
        <v>0</v>
      </c>
    </row>
    <row r="80578" spans="1:7" x14ac:dyDescent="0.3">
      <c r="A80578" s="13" t="s">
        <v>408</v>
      </c>
      <c r="B80578" s="14" t="s">
        <v>1</v>
      </c>
      <c r="C80578" s="14" t="s">
        <v>17</v>
      </c>
      <c r="D80578" s="14" t="s">
        <v>409</v>
      </c>
      <c r="E80578" s="15">
        <v>45654</v>
      </c>
      <c r="F80578" s="14" t="s">
        <v>15</v>
      </c>
      <c r="G80578" s="16">
        <v>0</v>
      </c>
    </row>
    <row r="80579" spans="1:7" x14ac:dyDescent="0.3">
      <c r="A80579" s="13" t="s">
        <v>408</v>
      </c>
      <c r="B80579" s="14" t="s">
        <v>1</v>
      </c>
      <c r="C80579" s="14" t="s">
        <v>17</v>
      </c>
      <c r="D80579" s="14" t="s">
        <v>409</v>
      </c>
      <c r="E80579" s="15">
        <v>45655</v>
      </c>
      <c r="F80579" s="14" t="s">
        <v>15</v>
      </c>
      <c r="G80579" s="16">
        <v>0</v>
      </c>
    </row>
    <row r="80580" spans="1:7" x14ac:dyDescent="0.3">
      <c r="A80580" s="13" t="s">
        <v>408</v>
      </c>
      <c r="B80580" s="14" t="s">
        <v>1</v>
      </c>
      <c r="C80580" s="14" t="s">
        <v>17</v>
      </c>
      <c r="D80580" s="14" t="s">
        <v>409</v>
      </c>
      <c r="E80580" s="15">
        <v>45656</v>
      </c>
      <c r="F80580" s="14" t="s">
        <v>15</v>
      </c>
      <c r="G80580" s="16">
        <v>0</v>
      </c>
    </row>
    <row r="80581" spans="1:7" x14ac:dyDescent="0.3">
      <c r="A80581" s="13" t="s">
        <v>408</v>
      </c>
      <c r="B80581" s="14" t="s">
        <v>1</v>
      </c>
      <c r="C80581" s="14" t="s">
        <v>17</v>
      </c>
      <c r="D80581" s="14" t="s">
        <v>409</v>
      </c>
      <c r="E80581" s="15">
        <v>45657</v>
      </c>
      <c r="F80581" s="14" t="s">
        <v>15</v>
      </c>
      <c r="G80581" s="16">
        <v>0</v>
      </c>
    </row>
    <row r="80582" spans="1:7" x14ac:dyDescent="0.3">
      <c r="A80582" s="13" t="s">
        <v>408</v>
      </c>
      <c r="B80582" s="14" t="s">
        <v>1</v>
      </c>
      <c r="C80582" s="14" t="s">
        <v>17</v>
      </c>
      <c r="D80582" s="14" t="s">
        <v>409</v>
      </c>
      <c r="E80582" s="15">
        <v>45658</v>
      </c>
      <c r="F80582" s="14" t="s">
        <v>15</v>
      </c>
      <c r="G80582" s="16">
        <v>0</v>
      </c>
    </row>
    <row r="80583" spans="1:7" x14ac:dyDescent="0.3">
      <c r="A80583" s="13" t="s">
        <v>408</v>
      </c>
      <c r="B80583" s="14" t="s">
        <v>1</v>
      </c>
      <c r="C80583" s="14" t="s">
        <v>17</v>
      </c>
      <c r="D80583" s="14" t="s">
        <v>409</v>
      </c>
      <c r="E80583" s="15">
        <v>45659</v>
      </c>
      <c r="F80583" s="14" t="s">
        <v>15</v>
      </c>
      <c r="G80583" s="16">
        <v>0</v>
      </c>
    </row>
    <row r="80584" spans="1:7" x14ac:dyDescent="0.3">
      <c r="A80584" s="13" t="s">
        <v>408</v>
      </c>
      <c r="B80584" s="14" t="s">
        <v>1</v>
      </c>
      <c r="C80584" s="14" t="s">
        <v>17</v>
      </c>
      <c r="D80584" s="14" t="s">
        <v>409</v>
      </c>
      <c r="E80584" s="15">
        <v>45660</v>
      </c>
      <c r="F80584" s="14" t="s">
        <v>15</v>
      </c>
      <c r="G80584" s="16">
        <v>0</v>
      </c>
    </row>
    <row r="80585" spans="1:7" x14ac:dyDescent="0.3">
      <c r="A80585" s="13" t="s">
        <v>408</v>
      </c>
      <c r="B80585" s="14" t="s">
        <v>1</v>
      </c>
      <c r="C80585" s="14" t="s">
        <v>17</v>
      </c>
      <c r="D80585" s="14" t="s">
        <v>409</v>
      </c>
      <c r="E80585" s="15">
        <v>45661</v>
      </c>
      <c r="F80585" s="14" t="s">
        <v>15</v>
      </c>
      <c r="G80585" s="16">
        <v>0</v>
      </c>
    </row>
    <row r="80586" spans="1:7" x14ac:dyDescent="0.3">
      <c r="A80586" s="13" t="s">
        <v>408</v>
      </c>
      <c r="B80586" s="14" t="s">
        <v>1</v>
      </c>
      <c r="C80586" s="14" t="s">
        <v>17</v>
      </c>
      <c r="D80586" s="14" t="s">
        <v>409</v>
      </c>
      <c r="E80586" s="15">
        <v>45662</v>
      </c>
      <c r="F80586" s="14" t="s">
        <v>15</v>
      </c>
      <c r="G80586" s="16">
        <v>0</v>
      </c>
    </row>
    <row r="80587" spans="1:7" x14ac:dyDescent="0.3">
      <c r="A80587" s="13" t="s">
        <v>408</v>
      </c>
      <c r="B80587" s="14" t="s">
        <v>1</v>
      </c>
      <c r="C80587" s="14" t="s">
        <v>17</v>
      </c>
      <c r="D80587" s="14" t="s">
        <v>409</v>
      </c>
      <c r="E80587" s="15">
        <v>45663</v>
      </c>
      <c r="F80587" s="14" t="s">
        <v>15</v>
      </c>
      <c r="G80587" s="16">
        <v>0</v>
      </c>
    </row>
    <row r="80588" spans="1:7" x14ac:dyDescent="0.3">
      <c r="A80588" s="13" t="s">
        <v>408</v>
      </c>
      <c r="B80588" s="14" t="s">
        <v>1</v>
      </c>
      <c r="C80588" s="14" t="s">
        <v>17</v>
      </c>
      <c r="D80588" s="14" t="s">
        <v>409</v>
      </c>
      <c r="E80588" s="15">
        <v>45664</v>
      </c>
      <c r="F80588" s="14" t="s">
        <v>15</v>
      </c>
      <c r="G80588" s="16">
        <v>0</v>
      </c>
    </row>
    <row r="80589" spans="1:7" x14ac:dyDescent="0.3">
      <c r="A80589" s="13" t="s">
        <v>408</v>
      </c>
      <c r="B80589" s="14" t="s">
        <v>1</v>
      </c>
      <c r="C80589" s="14" t="s">
        <v>17</v>
      </c>
      <c r="D80589" s="14" t="s">
        <v>409</v>
      </c>
      <c r="E80589" s="15">
        <v>45665</v>
      </c>
      <c r="F80589" s="14" t="s">
        <v>15</v>
      </c>
      <c r="G80589" s="16">
        <v>0</v>
      </c>
    </row>
    <row r="80590" spans="1:7" x14ac:dyDescent="0.3">
      <c r="A80590" s="13" t="s">
        <v>408</v>
      </c>
      <c r="B80590" s="14" t="s">
        <v>1</v>
      </c>
      <c r="C80590" s="14" t="s">
        <v>17</v>
      </c>
      <c r="D80590" s="14" t="s">
        <v>409</v>
      </c>
      <c r="E80590" s="15">
        <v>45666</v>
      </c>
      <c r="F80590" s="14" t="s">
        <v>15</v>
      </c>
      <c r="G80590" s="16">
        <v>0</v>
      </c>
    </row>
    <row r="80591" spans="1:7" x14ac:dyDescent="0.3">
      <c r="A80591" s="13" t="s">
        <v>408</v>
      </c>
      <c r="B80591" s="14" t="s">
        <v>1</v>
      </c>
      <c r="C80591" s="14" t="s">
        <v>17</v>
      </c>
      <c r="D80591" s="14" t="s">
        <v>409</v>
      </c>
      <c r="E80591" s="15">
        <v>45667</v>
      </c>
      <c r="F80591" s="14" t="s">
        <v>15</v>
      </c>
      <c r="G80591" s="16">
        <v>0</v>
      </c>
    </row>
    <row r="80592" spans="1:7" x14ac:dyDescent="0.3">
      <c r="A80592" s="13" t="s">
        <v>408</v>
      </c>
      <c r="B80592" s="14" t="s">
        <v>1</v>
      </c>
      <c r="C80592" s="14" t="s">
        <v>17</v>
      </c>
      <c r="D80592" s="14" t="s">
        <v>409</v>
      </c>
      <c r="E80592" s="15">
        <v>45668</v>
      </c>
      <c r="F80592" s="14" t="s">
        <v>15</v>
      </c>
      <c r="G80592" s="16">
        <v>0</v>
      </c>
    </row>
    <row r="80593" spans="1:7" x14ac:dyDescent="0.3">
      <c r="A80593" s="13" t="s">
        <v>408</v>
      </c>
      <c r="B80593" s="14" t="s">
        <v>1</v>
      </c>
      <c r="C80593" s="14" t="s">
        <v>17</v>
      </c>
      <c r="D80593" s="14" t="s">
        <v>409</v>
      </c>
      <c r="E80593" s="15">
        <v>45669</v>
      </c>
      <c r="F80593" s="14" t="s">
        <v>15</v>
      </c>
      <c r="G80593" s="16">
        <v>0</v>
      </c>
    </row>
    <row r="80594" spans="1:7" x14ac:dyDescent="0.3">
      <c r="A80594" s="13" t="s">
        <v>408</v>
      </c>
      <c r="B80594" s="14" t="s">
        <v>1</v>
      </c>
      <c r="C80594" s="14" t="s">
        <v>17</v>
      </c>
      <c r="D80594" s="14" t="s">
        <v>409</v>
      </c>
      <c r="E80594" s="15">
        <v>45670</v>
      </c>
      <c r="F80594" s="14" t="s">
        <v>15</v>
      </c>
      <c r="G80594" s="16">
        <v>0</v>
      </c>
    </row>
    <row r="80595" spans="1:7" x14ac:dyDescent="0.3">
      <c r="A80595" s="13" t="s">
        <v>408</v>
      </c>
      <c r="B80595" s="14" t="s">
        <v>1</v>
      </c>
      <c r="C80595" s="14" t="s">
        <v>17</v>
      </c>
      <c r="D80595" s="14" t="s">
        <v>409</v>
      </c>
      <c r="E80595" s="15">
        <v>45671</v>
      </c>
      <c r="F80595" s="14" t="s">
        <v>15</v>
      </c>
      <c r="G80595" s="16">
        <v>0</v>
      </c>
    </row>
    <row r="80596" spans="1:7" x14ac:dyDescent="0.3">
      <c r="A80596" s="13" t="s">
        <v>408</v>
      </c>
      <c r="B80596" s="14" t="s">
        <v>1</v>
      </c>
      <c r="C80596" s="14" t="s">
        <v>17</v>
      </c>
      <c r="D80596" s="14" t="s">
        <v>409</v>
      </c>
      <c r="E80596" s="15">
        <v>45672</v>
      </c>
      <c r="F80596" s="14" t="s">
        <v>15</v>
      </c>
      <c r="G80596" s="16">
        <v>0</v>
      </c>
    </row>
    <row r="80597" spans="1:7" x14ac:dyDescent="0.3">
      <c r="A80597" s="13" t="s">
        <v>408</v>
      </c>
      <c r="B80597" s="14" t="s">
        <v>1</v>
      </c>
      <c r="C80597" s="14" t="s">
        <v>17</v>
      </c>
      <c r="D80597" s="14" t="s">
        <v>409</v>
      </c>
      <c r="E80597" s="15">
        <v>45673</v>
      </c>
      <c r="F80597" s="14" t="s">
        <v>15</v>
      </c>
      <c r="G80597" s="16">
        <v>0</v>
      </c>
    </row>
    <row r="80598" spans="1:7" x14ac:dyDescent="0.3">
      <c r="A80598" s="13" t="s">
        <v>408</v>
      </c>
      <c r="B80598" s="14" t="s">
        <v>1</v>
      </c>
      <c r="C80598" s="14" t="s">
        <v>17</v>
      </c>
      <c r="D80598" s="14" t="s">
        <v>409</v>
      </c>
      <c r="E80598" s="15">
        <v>45674</v>
      </c>
      <c r="F80598" s="14" t="s">
        <v>15</v>
      </c>
      <c r="G80598" s="16">
        <v>0</v>
      </c>
    </row>
    <row r="80599" spans="1:7" x14ac:dyDescent="0.3">
      <c r="A80599" s="13" t="s">
        <v>408</v>
      </c>
      <c r="B80599" s="14" t="s">
        <v>1</v>
      </c>
      <c r="C80599" s="14" t="s">
        <v>17</v>
      </c>
      <c r="D80599" s="14" t="s">
        <v>409</v>
      </c>
      <c r="E80599" s="15">
        <v>45675</v>
      </c>
      <c r="F80599" s="14" t="s">
        <v>15</v>
      </c>
      <c r="G80599" s="16">
        <v>0</v>
      </c>
    </row>
    <row r="80600" spans="1:7" x14ac:dyDescent="0.3">
      <c r="A80600" s="13" t="s">
        <v>408</v>
      </c>
      <c r="B80600" s="14" t="s">
        <v>1</v>
      </c>
      <c r="C80600" s="14" t="s">
        <v>17</v>
      </c>
      <c r="D80600" s="14" t="s">
        <v>409</v>
      </c>
      <c r="E80600" s="15">
        <v>45676</v>
      </c>
      <c r="F80600" s="14" t="s">
        <v>15</v>
      </c>
      <c r="G80600" s="16">
        <v>0</v>
      </c>
    </row>
    <row r="80601" spans="1:7" x14ac:dyDescent="0.3">
      <c r="A80601" s="13" t="s">
        <v>408</v>
      </c>
      <c r="B80601" s="14" t="s">
        <v>1</v>
      </c>
      <c r="C80601" s="14" t="s">
        <v>17</v>
      </c>
      <c r="D80601" s="14" t="s">
        <v>409</v>
      </c>
      <c r="E80601" s="15">
        <v>45677</v>
      </c>
      <c r="F80601" s="14" t="s">
        <v>15</v>
      </c>
      <c r="G80601" s="16">
        <v>0</v>
      </c>
    </row>
    <row r="80602" spans="1:7" x14ac:dyDescent="0.3">
      <c r="A80602" s="13" t="s">
        <v>408</v>
      </c>
      <c r="B80602" s="14" t="s">
        <v>1</v>
      </c>
      <c r="C80602" s="14" t="s">
        <v>17</v>
      </c>
      <c r="D80602" s="14" t="s">
        <v>409</v>
      </c>
      <c r="E80602" s="15">
        <v>45678</v>
      </c>
      <c r="F80602" s="14" t="s">
        <v>15</v>
      </c>
      <c r="G80602" s="16">
        <v>0</v>
      </c>
    </row>
    <row r="80603" spans="1:7" x14ac:dyDescent="0.3">
      <c r="A80603" s="13" t="s">
        <v>408</v>
      </c>
      <c r="B80603" s="14" t="s">
        <v>1</v>
      </c>
      <c r="C80603" s="14" t="s">
        <v>17</v>
      </c>
      <c r="D80603" s="14" t="s">
        <v>409</v>
      </c>
      <c r="E80603" s="15">
        <v>45679</v>
      </c>
      <c r="F80603" s="14" t="s">
        <v>15</v>
      </c>
      <c r="G80603" s="16">
        <v>0</v>
      </c>
    </row>
    <row r="80604" spans="1:7" x14ac:dyDescent="0.3">
      <c r="A80604" s="13" t="s">
        <v>408</v>
      </c>
      <c r="B80604" s="14" t="s">
        <v>1</v>
      </c>
      <c r="C80604" s="14" t="s">
        <v>17</v>
      </c>
      <c r="D80604" s="14" t="s">
        <v>409</v>
      </c>
      <c r="E80604" s="15">
        <v>45680</v>
      </c>
      <c r="F80604" s="14" t="s">
        <v>15</v>
      </c>
      <c r="G80604" s="16">
        <v>0</v>
      </c>
    </row>
    <row r="80605" spans="1:7" x14ac:dyDescent="0.3">
      <c r="A80605" s="13" t="s">
        <v>408</v>
      </c>
      <c r="B80605" s="14" t="s">
        <v>1</v>
      </c>
      <c r="C80605" s="14" t="s">
        <v>17</v>
      </c>
      <c r="D80605" s="14" t="s">
        <v>409</v>
      </c>
      <c r="E80605" s="15">
        <v>45681</v>
      </c>
      <c r="F80605" s="14" t="s">
        <v>15</v>
      </c>
      <c r="G80605" s="16">
        <v>0</v>
      </c>
    </row>
    <row r="80606" spans="1:7" x14ac:dyDescent="0.3">
      <c r="A80606" s="13" t="s">
        <v>408</v>
      </c>
      <c r="B80606" s="14" t="s">
        <v>1</v>
      </c>
      <c r="C80606" s="14" t="s">
        <v>17</v>
      </c>
      <c r="D80606" s="14" t="s">
        <v>409</v>
      </c>
      <c r="E80606" s="15">
        <v>45682</v>
      </c>
      <c r="F80606" s="14" t="s">
        <v>15</v>
      </c>
      <c r="G80606" s="16">
        <v>0</v>
      </c>
    </row>
    <row r="80607" spans="1:7" x14ac:dyDescent="0.3">
      <c r="A80607" s="13" t="s">
        <v>408</v>
      </c>
      <c r="B80607" s="14" t="s">
        <v>1</v>
      </c>
      <c r="C80607" s="14" t="s">
        <v>17</v>
      </c>
      <c r="D80607" s="14" t="s">
        <v>409</v>
      </c>
      <c r="E80607" s="15">
        <v>45683</v>
      </c>
      <c r="F80607" s="14" t="s">
        <v>15</v>
      </c>
      <c r="G80607" s="16">
        <v>0</v>
      </c>
    </row>
    <row r="80608" spans="1:7" x14ac:dyDescent="0.3">
      <c r="A80608" s="13" t="s">
        <v>408</v>
      </c>
      <c r="B80608" s="14" t="s">
        <v>1</v>
      </c>
      <c r="C80608" s="14" t="s">
        <v>17</v>
      </c>
      <c r="D80608" s="14" t="s">
        <v>409</v>
      </c>
      <c r="E80608" s="15">
        <v>45684</v>
      </c>
      <c r="F80608" s="14" t="s">
        <v>15</v>
      </c>
      <c r="G80608" s="16">
        <v>0</v>
      </c>
    </row>
    <row r="80609" spans="1:7" x14ac:dyDescent="0.3">
      <c r="A80609" s="13" t="s">
        <v>408</v>
      </c>
      <c r="B80609" s="14" t="s">
        <v>1</v>
      </c>
      <c r="C80609" s="14" t="s">
        <v>17</v>
      </c>
      <c r="D80609" s="14" t="s">
        <v>409</v>
      </c>
      <c r="E80609" s="15">
        <v>45685</v>
      </c>
      <c r="F80609" s="14" t="s">
        <v>15</v>
      </c>
      <c r="G80609" s="16">
        <v>0</v>
      </c>
    </row>
    <row r="80610" spans="1:7" x14ac:dyDescent="0.3">
      <c r="A80610" s="13" t="s">
        <v>408</v>
      </c>
      <c r="B80610" s="14" t="s">
        <v>1</v>
      </c>
      <c r="C80610" s="14" t="s">
        <v>17</v>
      </c>
      <c r="D80610" s="14" t="s">
        <v>409</v>
      </c>
      <c r="E80610" s="15">
        <v>45686</v>
      </c>
      <c r="F80610" s="14" t="s">
        <v>15</v>
      </c>
      <c r="G80610" s="16">
        <v>0</v>
      </c>
    </row>
    <row r="80611" spans="1:7" x14ac:dyDescent="0.3">
      <c r="A80611" s="13" t="s">
        <v>408</v>
      </c>
      <c r="B80611" s="14" t="s">
        <v>1</v>
      </c>
      <c r="C80611" s="14" t="s">
        <v>17</v>
      </c>
      <c r="D80611" s="14" t="s">
        <v>409</v>
      </c>
      <c r="E80611" s="15">
        <v>45687</v>
      </c>
      <c r="F80611" s="14" t="s">
        <v>15</v>
      </c>
      <c r="G80611" s="16">
        <v>0</v>
      </c>
    </row>
    <row r="80612" spans="1:7" x14ac:dyDescent="0.3">
      <c r="A80612" s="13" t="s">
        <v>408</v>
      </c>
      <c r="B80612" s="14" t="s">
        <v>1</v>
      </c>
      <c r="C80612" s="14" t="s">
        <v>17</v>
      </c>
      <c r="D80612" s="14" t="s">
        <v>409</v>
      </c>
      <c r="E80612" s="15">
        <v>45688</v>
      </c>
      <c r="F80612" s="14" t="s">
        <v>15</v>
      </c>
      <c r="G80612" s="16">
        <v>0</v>
      </c>
    </row>
    <row r="80613" spans="1:7" x14ac:dyDescent="0.3">
      <c r="A80613" s="13" t="s">
        <v>408</v>
      </c>
      <c r="B80613" s="14" t="s">
        <v>1</v>
      </c>
      <c r="C80613" s="14" t="s">
        <v>17</v>
      </c>
      <c r="D80613" s="14" t="s">
        <v>409</v>
      </c>
      <c r="E80613" s="15">
        <v>45689</v>
      </c>
      <c r="F80613" s="14" t="s">
        <v>15</v>
      </c>
      <c r="G80613" s="16">
        <v>0</v>
      </c>
    </row>
    <row r="80614" spans="1:7" x14ac:dyDescent="0.3">
      <c r="A80614" s="13" t="s">
        <v>408</v>
      </c>
      <c r="B80614" s="14" t="s">
        <v>1</v>
      </c>
      <c r="C80614" s="14" t="s">
        <v>17</v>
      </c>
      <c r="D80614" s="14" t="s">
        <v>409</v>
      </c>
      <c r="E80614" s="15">
        <v>45690</v>
      </c>
      <c r="F80614" s="14" t="s">
        <v>15</v>
      </c>
      <c r="G80614" s="16">
        <v>0</v>
      </c>
    </row>
    <row r="80615" spans="1:7" x14ac:dyDescent="0.3">
      <c r="A80615" s="13" t="s">
        <v>408</v>
      </c>
      <c r="B80615" s="14" t="s">
        <v>1</v>
      </c>
      <c r="C80615" s="14" t="s">
        <v>17</v>
      </c>
      <c r="D80615" s="14" t="s">
        <v>409</v>
      </c>
      <c r="E80615" s="15">
        <v>45691</v>
      </c>
      <c r="F80615" s="14" t="s">
        <v>15</v>
      </c>
      <c r="G80615" s="16">
        <v>0</v>
      </c>
    </row>
    <row r="80616" spans="1:7" x14ac:dyDescent="0.3">
      <c r="A80616" s="13" t="s">
        <v>408</v>
      </c>
      <c r="B80616" s="14" t="s">
        <v>1</v>
      </c>
      <c r="C80616" s="14" t="s">
        <v>17</v>
      </c>
      <c r="D80616" s="14" t="s">
        <v>409</v>
      </c>
      <c r="E80616" s="15">
        <v>45692</v>
      </c>
      <c r="F80616" s="14" t="s">
        <v>15</v>
      </c>
      <c r="G80616" s="16">
        <v>0</v>
      </c>
    </row>
    <row r="80617" spans="1:7" x14ac:dyDescent="0.3">
      <c r="A80617" s="13" t="s">
        <v>408</v>
      </c>
      <c r="B80617" s="14" t="s">
        <v>1</v>
      </c>
      <c r="C80617" s="14" t="s">
        <v>17</v>
      </c>
      <c r="D80617" s="14" t="s">
        <v>409</v>
      </c>
      <c r="E80617" s="15">
        <v>45693</v>
      </c>
      <c r="F80617" s="14" t="s">
        <v>15</v>
      </c>
      <c r="G80617" s="16">
        <v>0</v>
      </c>
    </row>
    <row r="80618" spans="1:7" x14ac:dyDescent="0.3">
      <c r="A80618" s="13" t="s">
        <v>408</v>
      </c>
      <c r="B80618" s="14" t="s">
        <v>1</v>
      </c>
      <c r="C80618" s="14" t="s">
        <v>17</v>
      </c>
      <c r="D80618" s="14" t="s">
        <v>409</v>
      </c>
      <c r="E80618" s="15">
        <v>45694</v>
      </c>
      <c r="F80618" s="14" t="s">
        <v>15</v>
      </c>
      <c r="G80618" s="16">
        <v>0</v>
      </c>
    </row>
    <row r="80619" spans="1:7" x14ac:dyDescent="0.3">
      <c r="A80619" s="13" t="s">
        <v>408</v>
      </c>
      <c r="B80619" s="14" t="s">
        <v>1</v>
      </c>
      <c r="C80619" s="14" t="s">
        <v>17</v>
      </c>
      <c r="D80619" s="14" t="s">
        <v>409</v>
      </c>
      <c r="E80619" s="15">
        <v>45695</v>
      </c>
      <c r="F80619" s="14" t="s">
        <v>15</v>
      </c>
      <c r="G80619" s="16">
        <v>0</v>
      </c>
    </row>
    <row r="80620" spans="1:7" x14ac:dyDescent="0.3">
      <c r="A80620" s="13" t="s">
        <v>408</v>
      </c>
      <c r="B80620" s="14" t="s">
        <v>1</v>
      </c>
      <c r="C80620" s="14" t="s">
        <v>17</v>
      </c>
      <c r="D80620" s="14" t="s">
        <v>409</v>
      </c>
      <c r="E80620" s="15">
        <v>45696</v>
      </c>
      <c r="F80620" s="14" t="s">
        <v>15</v>
      </c>
      <c r="G80620" s="16">
        <v>0</v>
      </c>
    </row>
    <row r="80621" spans="1:7" x14ac:dyDescent="0.3">
      <c r="A80621" s="13" t="s">
        <v>408</v>
      </c>
      <c r="B80621" s="14" t="s">
        <v>1</v>
      </c>
      <c r="C80621" s="14" t="s">
        <v>17</v>
      </c>
      <c r="D80621" s="14" t="s">
        <v>409</v>
      </c>
      <c r="E80621" s="15">
        <v>45697</v>
      </c>
      <c r="F80621" s="14" t="s">
        <v>15</v>
      </c>
      <c r="G80621" s="16">
        <v>0</v>
      </c>
    </row>
    <row r="80622" spans="1:7" x14ac:dyDescent="0.3">
      <c r="A80622" s="13" t="s">
        <v>408</v>
      </c>
      <c r="B80622" s="14" t="s">
        <v>1</v>
      </c>
      <c r="C80622" s="14" t="s">
        <v>17</v>
      </c>
      <c r="D80622" s="14" t="s">
        <v>409</v>
      </c>
      <c r="E80622" s="15">
        <v>45698</v>
      </c>
      <c r="F80622" s="14" t="s">
        <v>15</v>
      </c>
      <c r="G80622" s="16">
        <v>0</v>
      </c>
    </row>
    <row r="80623" spans="1:7" x14ac:dyDescent="0.3">
      <c r="A80623" s="13" t="s">
        <v>408</v>
      </c>
      <c r="B80623" s="14" t="s">
        <v>1</v>
      </c>
      <c r="C80623" s="14" t="s">
        <v>17</v>
      </c>
      <c r="D80623" s="14" t="s">
        <v>409</v>
      </c>
      <c r="E80623" s="15">
        <v>45699</v>
      </c>
      <c r="F80623" s="14" t="s">
        <v>15</v>
      </c>
      <c r="G80623" s="16">
        <v>0</v>
      </c>
    </row>
    <row r="80624" spans="1:7" x14ac:dyDescent="0.3">
      <c r="A80624" s="13" t="s">
        <v>408</v>
      </c>
      <c r="B80624" s="14" t="s">
        <v>1</v>
      </c>
      <c r="C80624" s="14" t="s">
        <v>17</v>
      </c>
      <c r="D80624" s="14" t="s">
        <v>409</v>
      </c>
      <c r="E80624" s="15">
        <v>45700</v>
      </c>
      <c r="F80624" s="14" t="s">
        <v>15</v>
      </c>
      <c r="G80624" s="16">
        <v>0</v>
      </c>
    </row>
    <row r="80625" spans="1:7" x14ac:dyDescent="0.3">
      <c r="A80625" s="13" t="s">
        <v>408</v>
      </c>
      <c r="B80625" s="14" t="s">
        <v>1</v>
      </c>
      <c r="C80625" s="14" t="s">
        <v>17</v>
      </c>
      <c r="D80625" s="14" t="s">
        <v>409</v>
      </c>
      <c r="E80625" s="15">
        <v>45701</v>
      </c>
      <c r="F80625" s="14" t="s">
        <v>15</v>
      </c>
      <c r="G80625" s="16">
        <v>0</v>
      </c>
    </row>
    <row r="80626" spans="1:7" x14ac:dyDescent="0.3">
      <c r="A80626" s="13" t="s">
        <v>408</v>
      </c>
      <c r="B80626" s="14" t="s">
        <v>1</v>
      </c>
      <c r="C80626" s="14" t="s">
        <v>17</v>
      </c>
      <c r="D80626" s="14" t="s">
        <v>409</v>
      </c>
      <c r="E80626" s="15">
        <v>45702</v>
      </c>
      <c r="F80626" s="14" t="s">
        <v>15</v>
      </c>
      <c r="G80626" s="16">
        <v>0</v>
      </c>
    </row>
    <row r="80627" spans="1:7" x14ac:dyDescent="0.3">
      <c r="A80627" s="13" t="s">
        <v>408</v>
      </c>
      <c r="B80627" s="14" t="s">
        <v>1</v>
      </c>
      <c r="C80627" s="14" t="s">
        <v>17</v>
      </c>
      <c r="D80627" s="14" t="s">
        <v>409</v>
      </c>
      <c r="E80627" s="15">
        <v>45703</v>
      </c>
      <c r="F80627" s="14" t="s">
        <v>15</v>
      </c>
      <c r="G80627" s="16">
        <v>0</v>
      </c>
    </row>
    <row r="80628" spans="1:7" x14ac:dyDescent="0.3">
      <c r="A80628" s="13" t="s">
        <v>408</v>
      </c>
      <c r="B80628" s="14" t="s">
        <v>1</v>
      </c>
      <c r="C80628" s="14" t="s">
        <v>17</v>
      </c>
      <c r="D80628" s="14" t="s">
        <v>409</v>
      </c>
      <c r="E80628" s="15">
        <v>45704</v>
      </c>
      <c r="F80628" s="14" t="s">
        <v>15</v>
      </c>
      <c r="G80628" s="16">
        <v>0</v>
      </c>
    </row>
    <row r="80629" spans="1:7" x14ac:dyDescent="0.3">
      <c r="A80629" s="13" t="s">
        <v>408</v>
      </c>
      <c r="B80629" s="14" t="s">
        <v>1</v>
      </c>
      <c r="C80629" s="14" t="s">
        <v>17</v>
      </c>
      <c r="D80629" s="14" t="s">
        <v>409</v>
      </c>
      <c r="E80629" s="15">
        <v>45705</v>
      </c>
      <c r="F80629" s="14" t="s">
        <v>15</v>
      </c>
      <c r="G80629" s="16">
        <v>0</v>
      </c>
    </row>
    <row r="80630" spans="1:7" x14ac:dyDescent="0.3">
      <c r="A80630" s="13" t="s">
        <v>408</v>
      </c>
      <c r="B80630" s="14" t="s">
        <v>1</v>
      </c>
      <c r="C80630" s="14" t="s">
        <v>17</v>
      </c>
      <c r="D80630" s="14" t="s">
        <v>409</v>
      </c>
      <c r="E80630" s="15">
        <v>45706</v>
      </c>
      <c r="F80630" s="14" t="s">
        <v>15</v>
      </c>
      <c r="G80630" s="16">
        <v>0</v>
      </c>
    </row>
    <row r="80631" spans="1:7" x14ac:dyDescent="0.3">
      <c r="A80631" s="13" t="s">
        <v>408</v>
      </c>
      <c r="B80631" s="14" t="s">
        <v>1</v>
      </c>
      <c r="C80631" s="14" t="s">
        <v>17</v>
      </c>
      <c r="D80631" s="14" t="s">
        <v>409</v>
      </c>
      <c r="E80631" s="15">
        <v>45707</v>
      </c>
      <c r="F80631" s="14" t="s">
        <v>15</v>
      </c>
      <c r="G80631" s="16">
        <v>0</v>
      </c>
    </row>
    <row r="80632" spans="1:7" x14ac:dyDescent="0.3">
      <c r="A80632" s="13" t="s">
        <v>408</v>
      </c>
      <c r="B80632" s="14" t="s">
        <v>1</v>
      </c>
      <c r="C80632" s="14" t="s">
        <v>17</v>
      </c>
      <c r="D80632" s="14" t="s">
        <v>409</v>
      </c>
      <c r="E80632" s="15">
        <v>45708</v>
      </c>
      <c r="F80632" s="14" t="s">
        <v>15</v>
      </c>
      <c r="G80632" s="16">
        <v>0</v>
      </c>
    </row>
    <row r="80633" spans="1:7" x14ac:dyDescent="0.3">
      <c r="A80633" s="13" t="s">
        <v>408</v>
      </c>
      <c r="B80633" s="14" t="s">
        <v>1</v>
      </c>
      <c r="C80633" s="14" t="s">
        <v>17</v>
      </c>
      <c r="D80633" s="14" t="s">
        <v>409</v>
      </c>
      <c r="E80633" s="15">
        <v>45709</v>
      </c>
      <c r="F80633" s="14" t="s">
        <v>15</v>
      </c>
      <c r="G80633" s="16">
        <v>0</v>
      </c>
    </row>
    <row r="80634" spans="1:7" x14ac:dyDescent="0.3">
      <c r="A80634" s="13" t="s">
        <v>408</v>
      </c>
      <c r="B80634" s="14" t="s">
        <v>1</v>
      </c>
      <c r="C80634" s="14" t="s">
        <v>17</v>
      </c>
      <c r="D80634" s="14" t="s">
        <v>409</v>
      </c>
      <c r="E80634" s="15">
        <v>45710</v>
      </c>
      <c r="F80634" s="14" t="s">
        <v>15</v>
      </c>
      <c r="G80634" s="16">
        <v>0</v>
      </c>
    </row>
    <row r="80635" spans="1:7" x14ac:dyDescent="0.3">
      <c r="A80635" s="13" t="s">
        <v>408</v>
      </c>
      <c r="B80635" s="14" t="s">
        <v>1</v>
      </c>
      <c r="C80635" s="14" t="s">
        <v>17</v>
      </c>
      <c r="D80635" s="14" t="s">
        <v>409</v>
      </c>
      <c r="E80635" s="15">
        <v>45711</v>
      </c>
      <c r="F80635" s="14" t="s">
        <v>15</v>
      </c>
      <c r="G80635" s="16">
        <v>0</v>
      </c>
    </row>
    <row r="80636" spans="1:7" x14ac:dyDescent="0.3">
      <c r="A80636" s="13" t="s">
        <v>408</v>
      </c>
      <c r="B80636" s="14" t="s">
        <v>1</v>
      </c>
      <c r="C80636" s="14" t="s">
        <v>17</v>
      </c>
      <c r="D80636" s="14" t="s">
        <v>409</v>
      </c>
      <c r="E80636" s="15">
        <v>45712</v>
      </c>
      <c r="F80636" s="14" t="s">
        <v>15</v>
      </c>
      <c r="G80636" s="16">
        <v>0</v>
      </c>
    </row>
    <row r="80637" spans="1:7" x14ac:dyDescent="0.3">
      <c r="A80637" s="13" t="s">
        <v>408</v>
      </c>
      <c r="B80637" s="14" t="s">
        <v>1</v>
      </c>
      <c r="C80637" s="14" t="s">
        <v>17</v>
      </c>
      <c r="D80637" s="14" t="s">
        <v>409</v>
      </c>
      <c r="E80637" s="15">
        <v>45713</v>
      </c>
      <c r="F80637" s="14" t="s">
        <v>15</v>
      </c>
      <c r="G80637" s="16">
        <v>0</v>
      </c>
    </row>
    <row r="80638" spans="1:7" x14ac:dyDescent="0.3">
      <c r="A80638" s="13" t="s">
        <v>408</v>
      </c>
      <c r="B80638" s="14" t="s">
        <v>1</v>
      </c>
      <c r="C80638" s="14" t="s">
        <v>17</v>
      </c>
      <c r="D80638" s="14" t="s">
        <v>409</v>
      </c>
      <c r="E80638" s="15">
        <v>45714</v>
      </c>
      <c r="F80638" s="14" t="s">
        <v>15</v>
      </c>
      <c r="G80638" s="16">
        <v>0</v>
      </c>
    </row>
    <row r="80639" spans="1:7" x14ac:dyDescent="0.3">
      <c r="A80639" s="13" t="s">
        <v>408</v>
      </c>
      <c r="B80639" s="14" t="s">
        <v>1</v>
      </c>
      <c r="C80639" s="14" t="s">
        <v>17</v>
      </c>
      <c r="D80639" s="14" t="s">
        <v>409</v>
      </c>
      <c r="E80639" s="15">
        <v>45715</v>
      </c>
      <c r="F80639" s="14" t="s">
        <v>15</v>
      </c>
      <c r="G80639" s="16">
        <v>0</v>
      </c>
    </row>
    <row r="80640" spans="1:7" x14ac:dyDescent="0.3">
      <c r="A80640" s="13" t="s">
        <v>408</v>
      </c>
      <c r="B80640" s="14" t="s">
        <v>1</v>
      </c>
      <c r="C80640" s="14" t="s">
        <v>17</v>
      </c>
      <c r="D80640" s="14" t="s">
        <v>409</v>
      </c>
      <c r="E80640" s="15">
        <v>45716</v>
      </c>
      <c r="F80640" s="14" t="s">
        <v>15</v>
      </c>
      <c r="G80640" s="16">
        <v>0</v>
      </c>
    </row>
    <row r="80641" spans="1:7" x14ac:dyDescent="0.3">
      <c r="A80641" s="13" t="s">
        <v>408</v>
      </c>
      <c r="B80641" s="14" t="s">
        <v>1</v>
      </c>
      <c r="C80641" s="14" t="s">
        <v>17</v>
      </c>
      <c r="D80641" s="14" t="s">
        <v>409</v>
      </c>
      <c r="E80641" s="15">
        <v>45717</v>
      </c>
      <c r="F80641" s="14" t="s">
        <v>15</v>
      </c>
      <c r="G80641" s="16">
        <v>0</v>
      </c>
    </row>
    <row r="80642" spans="1:7" x14ac:dyDescent="0.3">
      <c r="A80642" s="13" t="s">
        <v>408</v>
      </c>
      <c r="B80642" s="14" t="s">
        <v>1</v>
      </c>
      <c r="C80642" s="14" t="s">
        <v>17</v>
      </c>
      <c r="D80642" s="14" t="s">
        <v>409</v>
      </c>
      <c r="E80642" s="15">
        <v>45718</v>
      </c>
      <c r="F80642" s="14" t="s">
        <v>15</v>
      </c>
      <c r="G80642" s="16">
        <v>0</v>
      </c>
    </row>
    <row r="80643" spans="1:7" x14ac:dyDescent="0.3">
      <c r="A80643" s="13" t="s">
        <v>408</v>
      </c>
      <c r="B80643" s="14" t="s">
        <v>1</v>
      </c>
      <c r="C80643" s="14" t="s">
        <v>17</v>
      </c>
      <c r="D80643" s="14" t="s">
        <v>409</v>
      </c>
      <c r="E80643" s="15">
        <v>45719</v>
      </c>
      <c r="F80643" s="14" t="s">
        <v>15</v>
      </c>
      <c r="G80643" s="16">
        <v>0</v>
      </c>
    </row>
    <row r="80644" spans="1:7" x14ac:dyDescent="0.3">
      <c r="A80644" s="13" t="s">
        <v>408</v>
      </c>
      <c r="B80644" s="14" t="s">
        <v>1</v>
      </c>
      <c r="C80644" s="14" t="s">
        <v>17</v>
      </c>
      <c r="D80644" s="14" t="s">
        <v>409</v>
      </c>
      <c r="E80644" s="15">
        <v>45720</v>
      </c>
      <c r="F80644" s="14" t="s">
        <v>15</v>
      </c>
      <c r="G80644" s="16">
        <v>0</v>
      </c>
    </row>
    <row r="80645" spans="1:7" x14ac:dyDescent="0.3">
      <c r="A80645" s="13" t="s">
        <v>408</v>
      </c>
      <c r="B80645" s="14" t="s">
        <v>1</v>
      </c>
      <c r="C80645" s="14" t="s">
        <v>17</v>
      </c>
      <c r="D80645" s="14" t="s">
        <v>409</v>
      </c>
      <c r="E80645" s="15">
        <v>45721</v>
      </c>
      <c r="F80645" s="14" t="s">
        <v>15</v>
      </c>
      <c r="G80645" s="16">
        <v>0</v>
      </c>
    </row>
    <row r="80646" spans="1:7" x14ac:dyDescent="0.3">
      <c r="A80646" s="13" t="s">
        <v>408</v>
      </c>
      <c r="B80646" s="14" t="s">
        <v>1</v>
      </c>
      <c r="C80646" s="14" t="s">
        <v>17</v>
      </c>
      <c r="D80646" s="14" t="s">
        <v>409</v>
      </c>
      <c r="E80646" s="15">
        <v>45722</v>
      </c>
      <c r="F80646" s="14" t="s">
        <v>15</v>
      </c>
      <c r="G80646" s="16">
        <v>0</v>
      </c>
    </row>
    <row r="80647" spans="1:7" x14ac:dyDescent="0.3">
      <c r="A80647" s="13" t="s">
        <v>408</v>
      </c>
      <c r="B80647" s="14" t="s">
        <v>1</v>
      </c>
      <c r="C80647" s="14" t="s">
        <v>17</v>
      </c>
      <c r="D80647" s="14" t="s">
        <v>409</v>
      </c>
      <c r="E80647" s="15">
        <v>45723</v>
      </c>
      <c r="F80647" s="14" t="s">
        <v>15</v>
      </c>
      <c r="G80647" s="16">
        <v>0</v>
      </c>
    </row>
    <row r="80648" spans="1:7" x14ac:dyDescent="0.3">
      <c r="A80648" s="13" t="s">
        <v>408</v>
      </c>
      <c r="B80648" s="14" t="s">
        <v>1</v>
      </c>
      <c r="C80648" s="14" t="s">
        <v>17</v>
      </c>
      <c r="D80648" s="14" t="s">
        <v>409</v>
      </c>
      <c r="E80648" s="15">
        <v>45724</v>
      </c>
      <c r="F80648" s="14" t="s">
        <v>15</v>
      </c>
      <c r="G80648" s="16">
        <v>0</v>
      </c>
    </row>
    <row r="80649" spans="1:7" x14ac:dyDescent="0.3">
      <c r="A80649" s="13" t="s">
        <v>408</v>
      </c>
      <c r="B80649" s="14" t="s">
        <v>1</v>
      </c>
      <c r="C80649" s="14" t="s">
        <v>17</v>
      </c>
      <c r="D80649" s="14" t="s">
        <v>409</v>
      </c>
      <c r="E80649" s="15">
        <v>45725</v>
      </c>
      <c r="F80649" s="14" t="s">
        <v>15</v>
      </c>
      <c r="G80649" s="16">
        <v>0</v>
      </c>
    </row>
    <row r="80650" spans="1:7" x14ac:dyDescent="0.3">
      <c r="A80650" s="13" t="s">
        <v>408</v>
      </c>
      <c r="B80650" s="14" t="s">
        <v>1</v>
      </c>
      <c r="C80650" s="14" t="s">
        <v>17</v>
      </c>
      <c r="D80650" s="14" t="s">
        <v>409</v>
      </c>
      <c r="E80650" s="15">
        <v>45726</v>
      </c>
      <c r="F80650" s="14" t="s">
        <v>15</v>
      </c>
      <c r="G80650" s="16">
        <v>0</v>
      </c>
    </row>
    <row r="80651" spans="1:7" x14ac:dyDescent="0.3">
      <c r="A80651" s="13" t="s">
        <v>408</v>
      </c>
      <c r="B80651" s="14" t="s">
        <v>1</v>
      </c>
      <c r="C80651" s="14" t="s">
        <v>17</v>
      </c>
      <c r="D80651" s="14" t="s">
        <v>409</v>
      </c>
      <c r="E80651" s="15">
        <v>45727</v>
      </c>
      <c r="F80651" s="14" t="s">
        <v>15</v>
      </c>
      <c r="G80651" s="16">
        <v>0</v>
      </c>
    </row>
    <row r="80652" spans="1:7" x14ac:dyDescent="0.3">
      <c r="A80652" s="13" t="s">
        <v>408</v>
      </c>
      <c r="B80652" s="14" t="s">
        <v>1</v>
      </c>
      <c r="C80652" s="14" t="s">
        <v>17</v>
      </c>
      <c r="D80652" s="14" t="s">
        <v>409</v>
      </c>
      <c r="E80652" s="15">
        <v>45728</v>
      </c>
      <c r="F80652" s="14" t="s">
        <v>15</v>
      </c>
      <c r="G80652" s="16">
        <v>0</v>
      </c>
    </row>
    <row r="80653" spans="1:7" x14ac:dyDescent="0.3">
      <c r="A80653" s="13" t="s">
        <v>408</v>
      </c>
      <c r="B80653" s="14" t="s">
        <v>1</v>
      </c>
      <c r="C80653" s="14" t="s">
        <v>17</v>
      </c>
      <c r="D80653" s="14" t="s">
        <v>409</v>
      </c>
      <c r="E80653" s="15">
        <v>45729</v>
      </c>
      <c r="F80653" s="14" t="s">
        <v>15</v>
      </c>
      <c r="G80653" s="16">
        <v>0</v>
      </c>
    </row>
    <row r="80654" spans="1:7" x14ac:dyDescent="0.3">
      <c r="A80654" s="13" t="s">
        <v>408</v>
      </c>
      <c r="B80654" s="14" t="s">
        <v>1</v>
      </c>
      <c r="C80654" s="14" t="s">
        <v>17</v>
      </c>
      <c r="D80654" s="14" t="s">
        <v>409</v>
      </c>
      <c r="E80654" s="15">
        <v>45730</v>
      </c>
      <c r="F80654" s="14" t="s">
        <v>15</v>
      </c>
      <c r="G80654" s="16">
        <v>0</v>
      </c>
    </row>
    <row r="80655" spans="1:7" x14ac:dyDescent="0.3">
      <c r="A80655" s="13" t="s">
        <v>408</v>
      </c>
      <c r="B80655" s="14" t="s">
        <v>1</v>
      </c>
      <c r="C80655" s="14" t="s">
        <v>17</v>
      </c>
      <c r="D80655" s="14" t="s">
        <v>409</v>
      </c>
      <c r="E80655" s="15">
        <v>45731</v>
      </c>
      <c r="F80655" s="14" t="s">
        <v>15</v>
      </c>
      <c r="G80655" s="16">
        <v>0</v>
      </c>
    </row>
    <row r="80656" spans="1:7" x14ac:dyDescent="0.3">
      <c r="A80656" s="13" t="s">
        <v>408</v>
      </c>
      <c r="B80656" s="14" t="s">
        <v>1</v>
      </c>
      <c r="C80656" s="14" t="s">
        <v>17</v>
      </c>
      <c r="D80656" s="14" t="s">
        <v>409</v>
      </c>
      <c r="E80656" s="15">
        <v>45732</v>
      </c>
      <c r="F80656" s="14" t="s">
        <v>15</v>
      </c>
      <c r="G80656" s="16">
        <v>0</v>
      </c>
    </row>
    <row r="80657" spans="1:7" x14ac:dyDescent="0.3">
      <c r="A80657" s="13" t="s">
        <v>408</v>
      </c>
      <c r="B80657" s="14" t="s">
        <v>1</v>
      </c>
      <c r="C80657" s="14" t="s">
        <v>17</v>
      </c>
      <c r="D80657" s="14" t="s">
        <v>409</v>
      </c>
      <c r="E80657" s="15">
        <v>45733</v>
      </c>
      <c r="F80657" s="14" t="s">
        <v>15</v>
      </c>
      <c r="G80657" s="16">
        <v>0</v>
      </c>
    </row>
    <row r="80658" spans="1:7" x14ac:dyDescent="0.3">
      <c r="A80658" s="13" t="s">
        <v>408</v>
      </c>
      <c r="B80658" s="14" t="s">
        <v>1</v>
      </c>
      <c r="C80658" s="14" t="s">
        <v>17</v>
      </c>
      <c r="D80658" s="14" t="s">
        <v>409</v>
      </c>
      <c r="E80658" s="15">
        <v>45734</v>
      </c>
      <c r="F80658" s="14" t="s">
        <v>15</v>
      </c>
      <c r="G80658" s="16">
        <v>0</v>
      </c>
    </row>
    <row r="80659" spans="1:7" x14ac:dyDescent="0.3">
      <c r="A80659" s="13" t="s">
        <v>408</v>
      </c>
      <c r="B80659" s="14" t="s">
        <v>1</v>
      </c>
      <c r="C80659" s="14" t="s">
        <v>17</v>
      </c>
      <c r="D80659" s="14" t="s">
        <v>409</v>
      </c>
      <c r="E80659" s="15">
        <v>45735</v>
      </c>
      <c r="F80659" s="14" t="s">
        <v>15</v>
      </c>
      <c r="G80659" s="16">
        <v>0</v>
      </c>
    </row>
    <row r="80660" spans="1:7" x14ac:dyDescent="0.3">
      <c r="A80660" s="13" t="s">
        <v>408</v>
      </c>
      <c r="B80660" s="14" t="s">
        <v>1</v>
      </c>
      <c r="C80660" s="14" t="s">
        <v>17</v>
      </c>
      <c r="D80660" s="14" t="s">
        <v>409</v>
      </c>
      <c r="E80660" s="15">
        <v>45736</v>
      </c>
      <c r="F80660" s="14" t="s">
        <v>15</v>
      </c>
      <c r="G80660" s="16">
        <v>0</v>
      </c>
    </row>
    <row r="80661" spans="1:7" x14ac:dyDescent="0.3">
      <c r="A80661" s="13" t="s">
        <v>408</v>
      </c>
      <c r="B80661" s="14" t="s">
        <v>1</v>
      </c>
      <c r="C80661" s="14" t="s">
        <v>17</v>
      </c>
      <c r="D80661" s="14" t="s">
        <v>409</v>
      </c>
      <c r="E80661" s="15">
        <v>45737</v>
      </c>
      <c r="F80661" s="14" t="s">
        <v>15</v>
      </c>
      <c r="G80661" s="16">
        <v>0</v>
      </c>
    </row>
    <row r="80662" spans="1:7" x14ac:dyDescent="0.3">
      <c r="A80662" s="13" t="s">
        <v>408</v>
      </c>
      <c r="B80662" s="14" t="s">
        <v>1</v>
      </c>
      <c r="C80662" s="14" t="s">
        <v>17</v>
      </c>
      <c r="D80662" s="14" t="s">
        <v>409</v>
      </c>
      <c r="E80662" s="15">
        <v>45738</v>
      </c>
      <c r="F80662" s="14" t="s">
        <v>15</v>
      </c>
      <c r="G80662" s="16">
        <v>0</v>
      </c>
    </row>
    <row r="80663" spans="1:7" x14ac:dyDescent="0.3">
      <c r="A80663" s="13" t="s">
        <v>408</v>
      </c>
      <c r="B80663" s="14" t="s">
        <v>1</v>
      </c>
      <c r="C80663" s="14" t="s">
        <v>17</v>
      </c>
      <c r="D80663" s="14" t="s">
        <v>409</v>
      </c>
      <c r="E80663" s="15">
        <v>45739</v>
      </c>
      <c r="F80663" s="14" t="s">
        <v>15</v>
      </c>
      <c r="G80663" s="16">
        <v>0</v>
      </c>
    </row>
    <row r="80664" spans="1:7" x14ac:dyDescent="0.3">
      <c r="A80664" s="13" t="s">
        <v>408</v>
      </c>
      <c r="B80664" s="14" t="s">
        <v>1</v>
      </c>
      <c r="C80664" s="14" t="s">
        <v>17</v>
      </c>
      <c r="D80664" s="14" t="s">
        <v>409</v>
      </c>
      <c r="E80664" s="15">
        <v>45740</v>
      </c>
      <c r="F80664" s="14" t="s">
        <v>15</v>
      </c>
      <c r="G80664" s="16">
        <v>0</v>
      </c>
    </row>
    <row r="80665" spans="1:7" x14ac:dyDescent="0.3">
      <c r="A80665" s="13" t="s">
        <v>408</v>
      </c>
      <c r="B80665" s="14" t="s">
        <v>1</v>
      </c>
      <c r="C80665" s="14" t="s">
        <v>17</v>
      </c>
      <c r="D80665" s="14" t="s">
        <v>409</v>
      </c>
      <c r="E80665" s="15">
        <v>45741</v>
      </c>
      <c r="F80665" s="14" t="s">
        <v>15</v>
      </c>
      <c r="G80665" s="16">
        <v>0</v>
      </c>
    </row>
    <row r="80666" spans="1:7" x14ac:dyDescent="0.3">
      <c r="A80666" s="13" t="s">
        <v>408</v>
      </c>
      <c r="B80666" s="14" t="s">
        <v>1</v>
      </c>
      <c r="C80666" s="14" t="s">
        <v>17</v>
      </c>
      <c r="D80666" s="14" t="s">
        <v>409</v>
      </c>
      <c r="E80666" s="15">
        <v>45742</v>
      </c>
      <c r="F80666" s="14" t="s">
        <v>15</v>
      </c>
      <c r="G80666" s="16">
        <v>0</v>
      </c>
    </row>
    <row r="80667" spans="1:7" x14ac:dyDescent="0.3">
      <c r="A80667" s="13" t="s">
        <v>408</v>
      </c>
      <c r="B80667" s="14" t="s">
        <v>1</v>
      </c>
      <c r="C80667" s="14" t="s">
        <v>17</v>
      </c>
      <c r="D80667" s="14" t="s">
        <v>409</v>
      </c>
      <c r="E80667" s="15">
        <v>45743</v>
      </c>
      <c r="F80667" s="14" t="s">
        <v>15</v>
      </c>
      <c r="G80667" s="16">
        <v>0</v>
      </c>
    </row>
    <row r="80668" spans="1:7" x14ac:dyDescent="0.3">
      <c r="A80668" s="13" t="s">
        <v>408</v>
      </c>
      <c r="B80668" s="14" t="s">
        <v>1</v>
      </c>
      <c r="C80668" s="14" t="s">
        <v>17</v>
      </c>
      <c r="D80668" s="14" t="s">
        <v>409</v>
      </c>
      <c r="E80668" s="15">
        <v>45744</v>
      </c>
      <c r="F80668" s="14" t="s">
        <v>15</v>
      </c>
      <c r="G80668" s="16">
        <v>0</v>
      </c>
    </row>
    <row r="80669" spans="1:7" x14ac:dyDescent="0.3">
      <c r="A80669" s="13" t="s">
        <v>408</v>
      </c>
      <c r="B80669" s="14" t="s">
        <v>1</v>
      </c>
      <c r="C80669" s="14" t="s">
        <v>17</v>
      </c>
      <c r="D80669" s="14" t="s">
        <v>409</v>
      </c>
      <c r="E80669" s="15">
        <v>45745</v>
      </c>
      <c r="F80669" s="14" t="s">
        <v>15</v>
      </c>
      <c r="G80669" s="16">
        <v>0</v>
      </c>
    </row>
    <row r="80670" spans="1:7" x14ac:dyDescent="0.3">
      <c r="A80670" s="13" t="s">
        <v>408</v>
      </c>
      <c r="B80670" s="14" t="s">
        <v>1</v>
      </c>
      <c r="C80670" s="14" t="s">
        <v>17</v>
      </c>
      <c r="D80670" s="14" t="s">
        <v>409</v>
      </c>
      <c r="E80670" s="15">
        <v>45746</v>
      </c>
      <c r="F80670" s="14" t="s">
        <v>15</v>
      </c>
      <c r="G80670" s="16">
        <v>0</v>
      </c>
    </row>
    <row r="80671" spans="1:7" x14ac:dyDescent="0.3">
      <c r="A80671" s="13" t="s">
        <v>408</v>
      </c>
      <c r="B80671" s="14" t="s">
        <v>1</v>
      </c>
      <c r="C80671" s="14" t="s">
        <v>17</v>
      </c>
      <c r="D80671" s="14" t="s">
        <v>409</v>
      </c>
      <c r="E80671" s="15">
        <v>45747</v>
      </c>
      <c r="F80671" s="14" t="s">
        <v>15</v>
      </c>
      <c r="G80671" s="16">
        <v>0</v>
      </c>
    </row>
    <row r="80672" spans="1:7" x14ac:dyDescent="0.3">
      <c r="A80672" s="13" t="s">
        <v>410</v>
      </c>
      <c r="B80672" s="14" t="s">
        <v>1</v>
      </c>
      <c r="C80672" s="14" t="s">
        <v>70</v>
      </c>
      <c r="D80672" s="14" t="s">
        <v>411</v>
      </c>
      <c r="E80672" s="15">
        <v>45383</v>
      </c>
      <c r="F80672" s="14" t="s">
        <v>25</v>
      </c>
      <c r="G80672" s="16">
        <v>0</v>
      </c>
    </row>
    <row r="80673" spans="1:7" x14ac:dyDescent="0.3">
      <c r="A80673" s="13" t="s">
        <v>410</v>
      </c>
      <c r="B80673" s="14" t="s">
        <v>1</v>
      </c>
      <c r="C80673" s="14" t="s">
        <v>70</v>
      </c>
      <c r="D80673" s="14" t="s">
        <v>411</v>
      </c>
      <c r="E80673" s="15">
        <v>45384</v>
      </c>
      <c r="F80673" s="14" t="s">
        <v>25</v>
      </c>
      <c r="G80673" s="16">
        <v>0</v>
      </c>
    </row>
    <row r="80674" spans="1:7" x14ac:dyDescent="0.3">
      <c r="A80674" s="13" t="s">
        <v>410</v>
      </c>
      <c r="B80674" s="14" t="s">
        <v>1</v>
      </c>
      <c r="C80674" s="14" t="s">
        <v>70</v>
      </c>
      <c r="D80674" s="14" t="s">
        <v>411</v>
      </c>
      <c r="E80674" s="15">
        <v>45385</v>
      </c>
      <c r="F80674" s="14" t="s">
        <v>25</v>
      </c>
      <c r="G80674" s="16">
        <v>4.105439766764498E-2</v>
      </c>
    </row>
    <row r="80675" spans="1:7" x14ac:dyDescent="0.3">
      <c r="A80675" s="13" t="s">
        <v>410</v>
      </c>
      <c r="B80675" s="14" t="s">
        <v>1</v>
      </c>
      <c r="C80675" s="14" t="s">
        <v>70</v>
      </c>
      <c r="D80675" s="14" t="s">
        <v>411</v>
      </c>
      <c r="E80675" s="15">
        <v>45386</v>
      </c>
      <c r="F80675" s="14" t="s">
        <v>25</v>
      </c>
      <c r="G80675" s="16">
        <v>5.150450608803351E-2</v>
      </c>
    </row>
    <row r="80676" spans="1:7" x14ac:dyDescent="0.3">
      <c r="A80676" s="13" t="s">
        <v>410</v>
      </c>
      <c r="B80676" s="14" t="s">
        <v>1</v>
      </c>
      <c r="C80676" s="14" t="s">
        <v>70</v>
      </c>
      <c r="D80676" s="14" t="s">
        <v>411</v>
      </c>
      <c r="E80676" s="15">
        <v>45387</v>
      </c>
      <c r="F80676" s="14" t="s">
        <v>25</v>
      </c>
      <c r="G80676" s="16">
        <v>7.0806181106330218E-2</v>
      </c>
    </row>
    <row r="80677" spans="1:7" x14ac:dyDescent="0.3">
      <c r="A80677" s="13" t="s">
        <v>410</v>
      </c>
      <c r="B80677" s="14" t="s">
        <v>1</v>
      </c>
      <c r="C80677" s="14" t="s">
        <v>70</v>
      </c>
      <c r="D80677" s="14" t="s">
        <v>411</v>
      </c>
      <c r="E80677" s="15">
        <v>45388</v>
      </c>
      <c r="F80677" s="14" t="s">
        <v>25</v>
      </c>
      <c r="G80677" s="16">
        <v>7.0806181106330218E-2</v>
      </c>
    </row>
    <row r="80678" spans="1:7" x14ac:dyDescent="0.3">
      <c r="A80678" s="13" t="s">
        <v>410</v>
      </c>
      <c r="B80678" s="14" t="s">
        <v>1</v>
      </c>
      <c r="C80678" s="14" t="s">
        <v>70</v>
      </c>
      <c r="D80678" s="14" t="s">
        <v>411</v>
      </c>
      <c r="E80678" s="15">
        <v>45389</v>
      </c>
      <c r="F80678" s="14" t="s">
        <v>25</v>
      </c>
      <c r="G80678" s="16">
        <v>7.0806181106330218E-2</v>
      </c>
    </row>
    <row r="80679" spans="1:7" x14ac:dyDescent="0.3">
      <c r="A80679" s="13" t="s">
        <v>410</v>
      </c>
      <c r="B80679" s="14" t="s">
        <v>1</v>
      </c>
      <c r="C80679" s="14" t="s">
        <v>70</v>
      </c>
      <c r="D80679" s="14" t="s">
        <v>411</v>
      </c>
      <c r="E80679" s="15">
        <v>45390</v>
      </c>
      <c r="F80679" s="14" t="s">
        <v>25</v>
      </c>
      <c r="G80679" s="16">
        <v>9.2563627860372727E-2</v>
      </c>
    </row>
    <row r="80680" spans="1:7" x14ac:dyDescent="0.3">
      <c r="A80680" s="13" t="s">
        <v>410</v>
      </c>
      <c r="B80680" s="14" t="s">
        <v>1</v>
      </c>
      <c r="C80680" s="14" t="s">
        <v>70</v>
      </c>
      <c r="D80680" s="14" t="s">
        <v>411</v>
      </c>
      <c r="E80680" s="15">
        <v>45391</v>
      </c>
      <c r="F80680" s="14" t="s">
        <v>25</v>
      </c>
      <c r="G80680" s="16">
        <v>0.11216564111286421</v>
      </c>
    </row>
    <row r="80681" spans="1:7" x14ac:dyDescent="0.3">
      <c r="A80681" s="13" t="s">
        <v>410</v>
      </c>
      <c r="B80681" s="14" t="s">
        <v>1</v>
      </c>
      <c r="C80681" s="14" t="s">
        <v>70</v>
      </c>
      <c r="D80681" s="14" t="s">
        <v>411</v>
      </c>
      <c r="E80681" s="15">
        <v>45392</v>
      </c>
      <c r="F80681" s="14" t="s">
        <v>25</v>
      </c>
      <c r="G80681" s="16">
        <v>0.13264634619208446</v>
      </c>
    </row>
    <row r="80682" spans="1:7" x14ac:dyDescent="0.3">
      <c r="A80682" s="13" t="s">
        <v>410</v>
      </c>
      <c r="B80682" s="14" t="s">
        <v>1</v>
      </c>
      <c r="C80682" s="14" t="s">
        <v>70</v>
      </c>
      <c r="D80682" s="14" t="s">
        <v>411</v>
      </c>
      <c r="E80682" s="15">
        <v>45393</v>
      </c>
      <c r="F80682" s="14" t="s">
        <v>25</v>
      </c>
      <c r="G80682" s="16">
        <v>0.13763478215818942</v>
      </c>
    </row>
    <row r="80683" spans="1:7" x14ac:dyDescent="0.3">
      <c r="A80683" s="13" t="s">
        <v>410</v>
      </c>
      <c r="B80683" s="14" t="s">
        <v>1</v>
      </c>
      <c r="C80683" s="14" t="s">
        <v>70</v>
      </c>
      <c r="D80683" s="14" t="s">
        <v>411</v>
      </c>
      <c r="E80683" s="15">
        <v>45394</v>
      </c>
      <c r="F80683" s="14" t="s">
        <v>25</v>
      </c>
      <c r="G80683" s="16">
        <v>0.14401239591212486</v>
      </c>
    </row>
    <row r="80684" spans="1:7" x14ac:dyDescent="0.3">
      <c r="A80684" s="13" t="s">
        <v>410</v>
      </c>
      <c r="B80684" s="14" t="s">
        <v>1</v>
      </c>
      <c r="C80684" s="14" t="s">
        <v>70</v>
      </c>
      <c r="D80684" s="14" t="s">
        <v>411</v>
      </c>
      <c r="E80684" s="15">
        <v>45395</v>
      </c>
      <c r="F80684" s="14" t="s">
        <v>25</v>
      </c>
      <c r="G80684" s="16">
        <v>0.14401239591212486</v>
      </c>
    </row>
    <row r="80685" spans="1:7" x14ac:dyDescent="0.3">
      <c r="A80685" s="13" t="s">
        <v>410</v>
      </c>
      <c r="B80685" s="14" t="s">
        <v>1</v>
      </c>
      <c r="C80685" s="14" t="s">
        <v>70</v>
      </c>
      <c r="D80685" s="14" t="s">
        <v>411</v>
      </c>
      <c r="E80685" s="15">
        <v>45396</v>
      </c>
      <c r="F80685" s="14" t="s">
        <v>25</v>
      </c>
      <c r="G80685" s="16">
        <v>0.14401239591212486</v>
      </c>
    </row>
    <row r="80686" spans="1:7" x14ac:dyDescent="0.3">
      <c r="A80686" s="13" t="s">
        <v>410</v>
      </c>
      <c r="B80686" s="14" t="s">
        <v>1</v>
      </c>
      <c r="C80686" s="14" t="s">
        <v>70</v>
      </c>
      <c r="D80686" s="14" t="s">
        <v>411</v>
      </c>
      <c r="E80686" s="15">
        <v>45397</v>
      </c>
      <c r="F80686" s="14" t="s">
        <v>25</v>
      </c>
      <c r="G80686" s="16">
        <v>0.17060846013598793</v>
      </c>
    </row>
    <row r="80687" spans="1:7" x14ac:dyDescent="0.3">
      <c r="A80687" s="13" t="s">
        <v>410</v>
      </c>
      <c r="B80687" s="14" t="s">
        <v>1</v>
      </c>
      <c r="C80687" s="14" t="s">
        <v>70</v>
      </c>
      <c r="D80687" s="14" t="s">
        <v>411</v>
      </c>
      <c r="E80687" s="15">
        <v>45398</v>
      </c>
      <c r="F80687" s="14" t="s">
        <v>25</v>
      </c>
      <c r="G80687" s="16">
        <v>0.19066972220027442</v>
      </c>
    </row>
    <row r="80688" spans="1:7" x14ac:dyDescent="0.3">
      <c r="A80688" s="13" t="s">
        <v>410</v>
      </c>
      <c r="B80688" s="14" t="s">
        <v>1</v>
      </c>
      <c r="C80688" s="14" t="s">
        <v>70</v>
      </c>
      <c r="D80688" s="14" t="s">
        <v>411</v>
      </c>
      <c r="E80688" s="15">
        <v>45399</v>
      </c>
      <c r="F80688" s="14" t="s">
        <v>25</v>
      </c>
      <c r="G80688" s="16">
        <v>0.23410352158223147</v>
      </c>
    </row>
    <row r="80689" spans="1:7" x14ac:dyDescent="0.3">
      <c r="A80689" s="13" t="s">
        <v>410</v>
      </c>
      <c r="B80689" s="14" t="s">
        <v>1</v>
      </c>
      <c r="C80689" s="14" t="s">
        <v>70</v>
      </c>
      <c r="D80689" s="14" t="s">
        <v>411</v>
      </c>
      <c r="E80689" s="15">
        <v>45400</v>
      </c>
      <c r="F80689" s="14" t="s">
        <v>25</v>
      </c>
      <c r="G80689" s="16">
        <v>0.24022194257339941</v>
      </c>
    </row>
    <row r="80690" spans="1:7" x14ac:dyDescent="0.3">
      <c r="A80690" s="13" t="s">
        <v>410</v>
      </c>
      <c r="B80690" s="14" t="s">
        <v>1</v>
      </c>
      <c r="C80690" s="14" t="s">
        <v>70</v>
      </c>
      <c r="D80690" s="14" t="s">
        <v>411</v>
      </c>
      <c r="E80690" s="15">
        <v>45401</v>
      </c>
      <c r="F80690" s="14" t="s">
        <v>25</v>
      </c>
      <c r="G80690" s="16">
        <v>0.25035382002048268</v>
      </c>
    </row>
    <row r="80691" spans="1:7" x14ac:dyDescent="0.3">
      <c r="A80691" s="13" t="s">
        <v>410</v>
      </c>
      <c r="B80691" s="14" t="s">
        <v>1</v>
      </c>
      <c r="C80691" s="14" t="s">
        <v>70</v>
      </c>
      <c r="D80691" s="14" t="s">
        <v>411</v>
      </c>
      <c r="E80691" s="15">
        <v>45402</v>
      </c>
      <c r="F80691" s="14" t="s">
        <v>25</v>
      </c>
      <c r="G80691" s="16">
        <v>0.25035382002048268</v>
      </c>
    </row>
    <row r="80692" spans="1:7" x14ac:dyDescent="0.3">
      <c r="A80692" s="13" t="s">
        <v>410</v>
      </c>
      <c r="B80692" s="14" t="s">
        <v>1</v>
      </c>
      <c r="C80692" s="14" t="s">
        <v>70</v>
      </c>
      <c r="D80692" s="14" t="s">
        <v>411</v>
      </c>
      <c r="E80692" s="15">
        <v>45403</v>
      </c>
      <c r="F80692" s="14" t="s">
        <v>25</v>
      </c>
      <c r="G80692" s="16">
        <v>0.25035382002048268</v>
      </c>
    </row>
    <row r="80693" spans="1:7" x14ac:dyDescent="0.3">
      <c r="A80693" s="13" t="s">
        <v>410</v>
      </c>
      <c r="B80693" s="14" t="s">
        <v>1</v>
      </c>
      <c r="C80693" s="14" t="s">
        <v>70</v>
      </c>
      <c r="D80693" s="14" t="s">
        <v>411</v>
      </c>
      <c r="E80693" s="15">
        <v>45404</v>
      </c>
      <c r="F80693" s="14" t="s">
        <v>25</v>
      </c>
      <c r="G80693" s="16">
        <v>0.26121984438899426</v>
      </c>
    </row>
    <row r="80694" spans="1:7" x14ac:dyDescent="0.3">
      <c r="A80694" s="13" t="s">
        <v>410</v>
      </c>
      <c r="B80694" s="14" t="s">
        <v>1</v>
      </c>
      <c r="C80694" s="14" t="s">
        <v>70</v>
      </c>
      <c r="D80694" s="14" t="s">
        <v>411</v>
      </c>
      <c r="E80694" s="15">
        <v>45405</v>
      </c>
      <c r="F80694" s="14" t="s">
        <v>25</v>
      </c>
      <c r="G80694" s="16">
        <v>0.29728256714091672</v>
      </c>
    </row>
    <row r="80695" spans="1:7" x14ac:dyDescent="0.3">
      <c r="A80695" s="13" t="s">
        <v>410</v>
      </c>
      <c r="B80695" s="14" t="s">
        <v>1</v>
      </c>
      <c r="C80695" s="14" t="s">
        <v>70</v>
      </c>
      <c r="D80695" s="14" t="s">
        <v>411</v>
      </c>
      <c r="E80695" s="15">
        <v>45406</v>
      </c>
      <c r="F80695" s="14" t="s">
        <v>25</v>
      </c>
      <c r="G80695" s="16">
        <v>0.30785357502211663</v>
      </c>
    </row>
    <row r="80696" spans="1:7" x14ac:dyDescent="0.3">
      <c r="A80696" s="13" t="s">
        <v>410</v>
      </c>
      <c r="B80696" s="14" t="s">
        <v>1</v>
      </c>
      <c r="C80696" s="14" t="s">
        <v>70</v>
      </c>
      <c r="D80696" s="14" t="s">
        <v>411</v>
      </c>
      <c r="E80696" s="15">
        <v>45407</v>
      </c>
      <c r="F80696" s="14" t="s">
        <v>25</v>
      </c>
      <c r="G80696" s="16">
        <v>0.35594174791674554</v>
      </c>
    </row>
    <row r="80697" spans="1:7" x14ac:dyDescent="0.3">
      <c r="A80697" s="13" t="s">
        <v>410</v>
      </c>
      <c r="B80697" s="14" t="s">
        <v>1</v>
      </c>
      <c r="C80697" s="14" t="s">
        <v>70</v>
      </c>
      <c r="D80697" s="14" t="s">
        <v>411</v>
      </c>
      <c r="E80697" s="15">
        <v>45408</v>
      </c>
      <c r="F80697" s="14" t="s">
        <v>25</v>
      </c>
      <c r="G80697" s="16">
        <v>0.36348761973869931</v>
      </c>
    </row>
    <row r="80698" spans="1:7" x14ac:dyDescent="0.3">
      <c r="A80698" s="13" t="s">
        <v>410</v>
      </c>
      <c r="B80698" s="14" t="s">
        <v>1</v>
      </c>
      <c r="C80698" s="14" t="s">
        <v>70</v>
      </c>
      <c r="D80698" s="14" t="s">
        <v>411</v>
      </c>
      <c r="E80698" s="15">
        <v>45409</v>
      </c>
      <c r="F80698" s="14" t="s">
        <v>25</v>
      </c>
      <c r="G80698" s="16">
        <v>0.36348761973869931</v>
      </c>
    </row>
    <row r="80699" spans="1:7" x14ac:dyDescent="0.3">
      <c r="A80699" s="13" t="s">
        <v>410</v>
      </c>
      <c r="B80699" s="14" t="s">
        <v>1</v>
      </c>
      <c r="C80699" s="14" t="s">
        <v>70</v>
      </c>
      <c r="D80699" s="14" t="s">
        <v>411</v>
      </c>
      <c r="E80699" s="15">
        <v>45410</v>
      </c>
      <c r="F80699" s="14" t="s">
        <v>25</v>
      </c>
      <c r="G80699" s="16">
        <v>0.36348761973869931</v>
      </c>
    </row>
    <row r="80700" spans="1:7" x14ac:dyDescent="0.3">
      <c r="A80700" s="13" t="s">
        <v>410</v>
      </c>
      <c r="B80700" s="14" t="s">
        <v>1</v>
      </c>
      <c r="C80700" s="14" t="s">
        <v>70</v>
      </c>
      <c r="D80700" s="14" t="s">
        <v>411</v>
      </c>
      <c r="E80700" s="15">
        <v>45411</v>
      </c>
      <c r="F80700" s="14" t="s">
        <v>25</v>
      </c>
      <c r="G80700" s="16">
        <v>0.36767940243292158</v>
      </c>
    </row>
    <row r="80701" spans="1:7" x14ac:dyDescent="0.3">
      <c r="A80701" s="13" t="s">
        <v>410</v>
      </c>
      <c r="B80701" s="14" t="s">
        <v>1</v>
      </c>
      <c r="C80701" s="14" t="s">
        <v>70</v>
      </c>
      <c r="D80701" s="14" t="s">
        <v>411</v>
      </c>
      <c r="E80701" s="15">
        <v>45412</v>
      </c>
      <c r="F80701" s="14" t="s">
        <v>25</v>
      </c>
      <c r="G80701" s="16">
        <v>0.39023410131481534</v>
      </c>
    </row>
    <row r="80702" spans="1:7" x14ac:dyDescent="0.3">
      <c r="A80702" s="13" t="s">
        <v>410</v>
      </c>
      <c r="B80702" s="14" t="s">
        <v>1</v>
      </c>
      <c r="C80702" s="14" t="s">
        <v>70</v>
      </c>
      <c r="D80702" s="14" t="s">
        <v>411</v>
      </c>
      <c r="E80702" s="15">
        <v>45413</v>
      </c>
      <c r="F80702" s="14" t="s">
        <v>25</v>
      </c>
      <c r="G80702" s="16">
        <v>0.39023410131481534</v>
      </c>
    </row>
    <row r="80703" spans="1:7" x14ac:dyDescent="0.3">
      <c r="A80703" s="13" t="s">
        <v>410</v>
      </c>
      <c r="B80703" s="14" t="s">
        <v>1</v>
      </c>
      <c r="C80703" s="14" t="s">
        <v>70</v>
      </c>
      <c r="D80703" s="14" t="s">
        <v>411</v>
      </c>
      <c r="E80703" s="15">
        <v>45414</v>
      </c>
      <c r="F80703" s="14" t="s">
        <v>25</v>
      </c>
      <c r="G80703" s="16">
        <v>0.42842875570828221</v>
      </c>
    </row>
    <row r="80704" spans="1:7" x14ac:dyDescent="0.3">
      <c r="A80704" s="13" t="s">
        <v>410</v>
      </c>
      <c r="B80704" s="14" t="s">
        <v>1</v>
      </c>
      <c r="C80704" s="14" t="s">
        <v>70</v>
      </c>
      <c r="D80704" s="14" t="s">
        <v>411</v>
      </c>
      <c r="E80704" s="15">
        <v>45415</v>
      </c>
      <c r="F80704" s="14" t="s">
        <v>25</v>
      </c>
      <c r="G80704" s="16">
        <v>0.43882805207472614</v>
      </c>
    </row>
    <row r="80705" spans="1:7" x14ac:dyDescent="0.3">
      <c r="A80705" s="13" t="s">
        <v>410</v>
      </c>
      <c r="B80705" s="14" t="s">
        <v>1</v>
      </c>
      <c r="C80705" s="14" t="s">
        <v>70</v>
      </c>
      <c r="D80705" s="14" t="s">
        <v>411</v>
      </c>
      <c r="E80705" s="15">
        <v>45416</v>
      </c>
      <c r="F80705" s="14" t="s">
        <v>25</v>
      </c>
      <c r="G80705" s="16">
        <v>0.43882805207472614</v>
      </c>
    </row>
    <row r="80706" spans="1:7" x14ac:dyDescent="0.3">
      <c r="A80706" s="13" t="s">
        <v>410</v>
      </c>
      <c r="B80706" s="14" t="s">
        <v>1</v>
      </c>
      <c r="C80706" s="14" t="s">
        <v>70</v>
      </c>
      <c r="D80706" s="14" t="s">
        <v>411</v>
      </c>
      <c r="E80706" s="15">
        <v>45417</v>
      </c>
      <c r="F80706" s="14" t="s">
        <v>25</v>
      </c>
      <c r="G80706" s="16">
        <v>0.43882805207472614</v>
      </c>
    </row>
    <row r="80707" spans="1:7" x14ac:dyDescent="0.3">
      <c r="A80707" s="13" t="s">
        <v>410</v>
      </c>
      <c r="B80707" s="14" t="s">
        <v>1</v>
      </c>
      <c r="C80707" s="14" t="s">
        <v>70</v>
      </c>
      <c r="D80707" s="14" t="s">
        <v>411</v>
      </c>
      <c r="E80707" s="15">
        <v>45418</v>
      </c>
      <c r="F80707" s="14" t="s">
        <v>25</v>
      </c>
      <c r="G80707" s="16">
        <v>0.43882805207472614</v>
      </c>
    </row>
    <row r="80708" spans="1:7" x14ac:dyDescent="0.3">
      <c r="A80708" s="13" t="s">
        <v>410</v>
      </c>
      <c r="B80708" s="14" t="s">
        <v>1</v>
      </c>
      <c r="C80708" s="14" t="s">
        <v>70</v>
      </c>
      <c r="D80708" s="14" t="s">
        <v>411</v>
      </c>
      <c r="E80708" s="15">
        <v>45419</v>
      </c>
      <c r="F80708" s="14" t="s">
        <v>25</v>
      </c>
      <c r="G80708" s="16">
        <v>0.46855379297888872</v>
      </c>
    </row>
    <row r="80709" spans="1:7" x14ac:dyDescent="0.3">
      <c r="A80709" s="13" t="s">
        <v>410</v>
      </c>
      <c r="B80709" s="14" t="s">
        <v>1</v>
      </c>
      <c r="C80709" s="14" t="s">
        <v>70</v>
      </c>
      <c r="D80709" s="14" t="s">
        <v>411</v>
      </c>
      <c r="E80709" s="15">
        <v>45420</v>
      </c>
      <c r="F80709" s="14" t="s">
        <v>25</v>
      </c>
      <c r="G80709" s="16">
        <v>0.49734778803945207</v>
      </c>
    </row>
    <row r="80710" spans="1:7" x14ac:dyDescent="0.3">
      <c r="A80710" s="13" t="s">
        <v>410</v>
      </c>
      <c r="B80710" s="14" t="s">
        <v>1</v>
      </c>
      <c r="C80710" s="14" t="s">
        <v>70</v>
      </c>
      <c r="D80710" s="14" t="s">
        <v>411</v>
      </c>
      <c r="E80710" s="15">
        <v>45421</v>
      </c>
      <c r="F80710" s="14" t="s">
        <v>25</v>
      </c>
      <c r="G80710" s="16">
        <v>0.49734778803945207</v>
      </c>
    </row>
    <row r="80711" spans="1:7" x14ac:dyDescent="0.3">
      <c r="A80711" s="13" t="s">
        <v>410</v>
      </c>
      <c r="B80711" s="14" t="s">
        <v>1</v>
      </c>
      <c r="C80711" s="14" t="s">
        <v>70</v>
      </c>
      <c r="D80711" s="14" t="s">
        <v>411</v>
      </c>
      <c r="E80711" s="15">
        <v>45422</v>
      </c>
      <c r="F80711" s="14" t="s">
        <v>25</v>
      </c>
      <c r="G80711" s="16">
        <v>0.50228858296437651</v>
      </c>
    </row>
    <row r="80712" spans="1:7" x14ac:dyDescent="0.3">
      <c r="A80712" s="13" t="s">
        <v>410</v>
      </c>
      <c r="B80712" s="14" t="s">
        <v>1</v>
      </c>
      <c r="C80712" s="14" t="s">
        <v>70</v>
      </c>
      <c r="D80712" s="14" t="s">
        <v>411</v>
      </c>
      <c r="E80712" s="15">
        <v>45423</v>
      </c>
      <c r="F80712" s="14" t="s">
        <v>25</v>
      </c>
      <c r="G80712" s="16">
        <v>0.50228858296437651</v>
      </c>
    </row>
    <row r="80713" spans="1:7" x14ac:dyDescent="0.3">
      <c r="A80713" s="13" t="s">
        <v>410</v>
      </c>
      <c r="B80713" s="14" t="s">
        <v>1</v>
      </c>
      <c r="C80713" s="14" t="s">
        <v>70</v>
      </c>
      <c r="D80713" s="14" t="s">
        <v>411</v>
      </c>
      <c r="E80713" s="15">
        <v>45424</v>
      </c>
      <c r="F80713" s="14" t="s">
        <v>25</v>
      </c>
      <c r="G80713" s="16">
        <v>0.50228858296437651</v>
      </c>
    </row>
    <row r="80714" spans="1:7" x14ac:dyDescent="0.3">
      <c r="A80714" s="13" t="s">
        <v>410</v>
      </c>
      <c r="B80714" s="14" t="s">
        <v>1</v>
      </c>
      <c r="C80714" s="14" t="s">
        <v>70</v>
      </c>
      <c r="D80714" s="14" t="s">
        <v>411</v>
      </c>
      <c r="E80714" s="15">
        <v>45425</v>
      </c>
      <c r="F80714" s="14" t="s">
        <v>25</v>
      </c>
      <c r="G80714" s="16">
        <v>0.61899773927276391</v>
      </c>
    </row>
    <row r="80715" spans="1:7" x14ac:dyDescent="0.3">
      <c r="A80715" s="13" t="s">
        <v>410</v>
      </c>
      <c r="B80715" s="14" t="s">
        <v>1</v>
      </c>
      <c r="C80715" s="14" t="s">
        <v>70</v>
      </c>
      <c r="D80715" s="14" t="s">
        <v>411</v>
      </c>
      <c r="E80715" s="15">
        <v>45426</v>
      </c>
      <c r="F80715" s="14" t="s">
        <v>25</v>
      </c>
      <c r="G80715" s="16">
        <v>0.65929156741711847</v>
      </c>
    </row>
    <row r="80716" spans="1:7" x14ac:dyDescent="0.3">
      <c r="A80716" s="13" t="s">
        <v>410</v>
      </c>
      <c r="B80716" s="14" t="s">
        <v>1</v>
      </c>
      <c r="C80716" s="14" t="s">
        <v>70</v>
      </c>
      <c r="D80716" s="14" t="s">
        <v>411</v>
      </c>
      <c r="E80716" s="15">
        <v>45427</v>
      </c>
      <c r="F80716" s="14" t="s">
        <v>25</v>
      </c>
      <c r="G80716" s="16">
        <v>0.6677227284149454</v>
      </c>
    </row>
    <row r="80717" spans="1:7" x14ac:dyDescent="0.3">
      <c r="A80717" s="13" t="s">
        <v>410</v>
      </c>
      <c r="B80717" s="14" t="s">
        <v>1</v>
      </c>
      <c r="C80717" s="14" t="s">
        <v>70</v>
      </c>
      <c r="D80717" s="14" t="s">
        <v>411</v>
      </c>
      <c r="E80717" s="15">
        <v>45428</v>
      </c>
      <c r="F80717" s="14" t="s">
        <v>25</v>
      </c>
      <c r="G80717" s="16">
        <v>0.67829423846101733</v>
      </c>
    </row>
    <row r="80718" spans="1:7" x14ac:dyDescent="0.3">
      <c r="A80718" s="13" t="s">
        <v>410</v>
      </c>
      <c r="B80718" s="14" t="s">
        <v>1</v>
      </c>
      <c r="C80718" s="14" t="s">
        <v>70</v>
      </c>
      <c r="D80718" s="14" t="s">
        <v>411</v>
      </c>
      <c r="E80718" s="15">
        <v>45429</v>
      </c>
      <c r="F80718" s="14" t="s">
        <v>25</v>
      </c>
      <c r="G80718" s="16">
        <v>0.77068954233085551</v>
      </c>
    </row>
    <row r="80719" spans="1:7" x14ac:dyDescent="0.3">
      <c r="A80719" s="13" t="s">
        <v>410</v>
      </c>
      <c r="B80719" s="14" t="s">
        <v>1</v>
      </c>
      <c r="C80719" s="14" t="s">
        <v>70</v>
      </c>
      <c r="D80719" s="14" t="s">
        <v>411</v>
      </c>
      <c r="E80719" s="15">
        <v>45430</v>
      </c>
      <c r="F80719" s="14" t="s">
        <v>25</v>
      </c>
      <c r="G80719" s="16">
        <v>0.77068954233085551</v>
      </c>
    </row>
    <row r="80720" spans="1:7" x14ac:dyDescent="0.3">
      <c r="A80720" s="13" t="s">
        <v>410</v>
      </c>
      <c r="B80720" s="14" t="s">
        <v>1</v>
      </c>
      <c r="C80720" s="14" t="s">
        <v>70</v>
      </c>
      <c r="D80720" s="14" t="s">
        <v>411</v>
      </c>
      <c r="E80720" s="15">
        <v>45431</v>
      </c>
      <c r="F80720" s="14" t="s">
        <v>25</v>
      </c>
      <c r="G80720" s="16">
        <v>0.77068954233085551</v>
      </c>
    </row>
    <row r="80721" spans="1:7" x14ac:dyDescent="0.3">
      <c r="A80721" s="13" t="s">
        <v>410</v>
      </c>
      <c r="B80721" s="14" t="s">
        <v>1</v>
      </c>
      <c r="C80721" s="14" t="s">
        <v>70</v>
      </c>
      <c r="D80721" s="14" t="s">
        <v>411</v>
      </c>
      <c r="E80721" s="15">
        <v>45432</v>
      </c>
      <c r="F80721" s="14" t="s">
        <v>25</v>
      </c>
      <c r="G80721" s="16">
        <v>0.77068954233085551</v>
      </c>
    </row>
    <row r="80722" spans="1:7" x14ac:dyDescent="0.3">
      <c r="A80722" s="13" t="s">
        <v>410</v>
      </c>
      <c r="B80722" s="14" t="s">
        <v>1</v>
      </c>
      <c r="C80722" s="14" t="s">
        <v>70</v>
      </c>
      <c r="D80722" s="14" t="s">
        <v>411</v>
      </c>
      <c r="E80722" s="15">
        <v>45433</v>
      </c>
      <c r="F80722" s="14" t="s">
        <v>25</v>
      </c>
      <c r="G80722" s="16">
        <v>0.77806341435820903</v>
      </c>
    </row>
    <row r="80723" spans="1:7" x14ac:dyDescent="0.3">
      <c r="A80723" s="13" t="s">
        <v>410</v>
      </c>
      <c r="B80723" s="14" t="s">
        <v>1</v>
      </c>
      <c r="C80723" s="14" t="s">
        <v>70</v>
      </c>
      <c r="D80723" s="14" t="s">
        <v>411</v>
      </c>
      <c r="E80723" s="15">
        <v>45434</v>
      </c>
      <c r="F80723" s="14" t="s">
        <v>25</v>
      </c>
      <c r="G80723" s="16">
        <v>0.82451721171721781</v>
      </c>
    </row>
    <row r="80724" spans="1:7" x14ac:dyDescent="0.3">
      <c r="A80724" s="13" t="s">
        <v>410</v>
      </c>
      <c r="B80724" s="14" t="s">
        <v>1</v>
      </c>
      <c r="C80724" s="14" t="s">
        <v>70</v>
      </c>
      <c r="D80724" s="14" t="s">
        <v>411</v>
      </c>
      <c r="E80724" s="15">
        <v>45435</v>
      </c>
      <c r="F80724" s="14" t="s">
        <v>25</v>
      </c>
      <c r="G80724" s="16">
        <v>0.82992781384865877</v>
      </c>
    </row>
    <row r="80725" spans="1:7" x14ac:dyDescent="0.3">
      <c r="A80725" s="13" t="s">
        <v>410</v>
      </c>
      <c r="B80725" s="14" t="s">
        <v>1</v>
      </c>
      <c r="C80725" s="14" t="s">
        <v>70</v>
      </c>
      <c r="D80725" s="14" t="s">
        <v>411</v>
      </c>
      <c r="E80725" s="15">
        <v>45436</v>
      </c>
      <c r="F80725" s="14" t="s">
        <v>25</v>
      </c>
      <c r="G80725" s="16">
        <v>0.83609230091624898</v>
      </c>
    </row>
    <row r="80726" spans="1:7" x14ac:dyDescent="0.3">
      <c r="A80726" s="13" t="s">
        <v>410</v>
      </c>
      <c r="B80726" s="14" t="s">
        <v>1</v>
      </c>
      <c r="C80726" s="14" t="s">
        <v>70</v>
      </c>
      <c r="D80726" s="14" t="s">
        <v>411</v>
      </c>
      <c r="E80726" s="15">
        <v>45437</v>
      </c>
      <c r="F80726" s="14" t="s">
        <v>25</v>
      </c>
      <c r="G80726" s="16">
        <v>0.83609230091624898</v>
      </c>
    </row>
    <row r="80727" spans="1:7" x14ac:dyDescent="0.3">
      <c r="A80727" s="13" t="s">
        <v>410</v>
      </c>
      <c r="B80727" s="14" t="s">
        <v>1</v>
      </c>
      <c r="C80727" s="14" t="s">
        <v>70</v>
      </c>
      <c r="D80727" s="14" t="s">
        <v>411</v>
      </c>
      <c r="E80727" s="15">
        <v>45438</v>
      </c>
      <c r="F80727" s="14" t="s">
        <v>25</v>
      </c>
      <c r="G80727" s="16">
        <v>0.83609230091624898</v>
      </c>
    </row>
    <row r="80728" spans="1:7" x14ac:dyDescent="0.3">
      <c r="A80728" s="13" t="s">
        <v>410</v>
      </c>
      <c r="B80728" s="14" t="s">
        <v>1</v>
      </c>
      <c r="C80728" s="14" t="s">
        <v>70</v>
      </c>
      <c r="D80728" s="14" t="s">
        <v>411</v>
      </c>
      <c r="E80728" s="15">
        <v>45439</v>
      </c>
      <c r="F80728" s="14" t="s">
        <v>25</v>
      </c>
      <c r="G80728" s="16">
        <v>0.83280009057884863</v>
      </c>
    </row>
    <row r="80729" spans="1:7" x14ac:dyDescent="0.3">
      <c r="A80729" s="13" t="s">
        <v>410</v>
      </c>
      <c r="B80729" s="14" t="s">
        <v>1</v>
      </c>
      <c r="C80729" s="14" t="s">
        <v>70</v>
      </c>
      <c r="D80729" s="14" t="s">
        <v>411</v>
      </c>
      <c r="E80729" s="15">
        <v>45440</v>
      </c>
      <c r="F80729" s="14" t="s">
        <v>25</v>
      </c>
      <c r="G80729" s="16">
        <v>0.8486674663967857</v>
      </c>
    </row>
    <row r="80730" spans="1:7" x14ac:dyDescent="0.3">
      <c r="A80730" s="13" t="s">
        <v>410</v>
      </c>
      <c r="B80730" s="14" t="s">
        <v>1</v>
      </c>
      <c r="C80730" s="14" t="s">
        <v>70</v>
      </c>
      <c r="D80730" s="14" t="s">
        <v>411</v>
      </c>
      <c r="E80730" s="15">
        <v>45441</v>
      </c>
      <c r="F80730" s="14" t="s">
        <v>25</v>
      </c>
      <c r="G80730" s="16">
        <v>0.85695981197965443</v>
      </c>
    </row>
    <row r="80731" spans="1:7" x14ac:dyDescent="0.3">
      <c r="A80731" s="13" t="s">
        <v>410</v>
      </c>
      <c r="B80731" s="14" t="s">
        <v>1</v>
      </c>
      <c r="C80731" s="14" t="s">
        <v>70</v>
      </c>
      <c r="D80731" s="14" t="s">
        <v>411</v>
      </c>
      <c r="E80731" s="15">
        <v>45442</v>
      </c>
      <c r="F80731" s="14" t="s">
        <v>25</v>
      </c>
      <c r="G80731" s="16">
        <v>0.85005108908574134</v>
      </c>
    </row>
    <row r="80732" spans="1:7" x14ac:dyDescent="0.3">
      <c r="A80732" s="13" t="s">
        <v>410</v>
      </c>
      <c r="B80732" s="14" t="s">
        <v>1</v>
      </c>
      <c r="C80732" s="14" t="s">
        <v>70</v>
      </c>
      <c r="D80732" s="14" t="s">
        <v>411</v>
      </c>
      <c r="E80732" s="15">
        <v>45443</v>
      </c>
      <c r="F80732" s="14" t="s">
        <v>25</v>
      </c>
      <c r="G80732" s="16">
        <v>0.85821731387106037</v>
      </c>
    </row>
    <row r="80733" spans="1:7" x14ac:dyDescent="0.3">
      <c r="A80733" s="13" t="s">
        <v>410</v>
      </c>
      <c r="B80733" s="14" t="s">
        <v>1</v>
      </c>
      <c r="C80733" s="14" t="s">
        <v>70</v>
      </c>
      <c r="D80733" s="14" t="s">
        <v>411</v>
      </c>
      <c r="E80733" s="15">
        <v>45444</v>
      </c>
      <c r="F80733" s="14" t="s">
        <v>25</v>
      </c>
      <c r="G80733" s="16">
        <v>0.85821731387106037</v>
      </c>
    </row>
    <row r="80734" spans="1:7" x14ac:dyDescent="0.3">
      <c r="A80734" s="13" t="s">
        <v>410</v>
      </c>
      <c r="B80734" s="14" t="s">
        <v>1</v>
      </c>
      <c r="C80734" s="14" t="s">
        <v>70</v>
      </c>
      <c r="D80734" s="14" t="s">
        <v>411</v>
      </c>
      <c r="E80734" s="15">
        <v>45445</v>
      </c>
      <c r="F80734" s="14" t="s">
        <v>25</v>
      </c>
      <c r="G80734" s="16">
        <v>0.85821731387106037</v>
      </c>
    </row>
    <row r="80735" spans="1:7" x14ac:dyDescent="0.3">
      <c r="A80735" s="13" t="s">
        <v>410</v>
      </c>
      <c r="B80735" s="14" t="s">
        <v>1</v>
      </c>
      <c r="C80735" s="14" t="s">
        <v>70</v>
      </c>
      <c r="D80735" s="14" t="s">
        <v>411</v>
      </c>
      <c r="E80735" s="15">
        <v>45446</v>
      </c>
      <c r="F80735" s="14" t="s">
        <v>25</v>
      </c>
      <c r="G80735" s="16">
        <v>0.85821731387106037</v>
      </c>
    </row>
    <row r="80736" spans="1:7" x14ac:dyDescent="0.3">
      <c r="A80736" s="13" t="s">
        <v>410</v>
      </c>
      <c r="B80736" s="14" t="s">
        <v>1</v>
      </c>
      <c r="C80736" s="14" t="s">
        <v>70</v>
      </c>
      <c r="D80736" s="14" t="s">
        <v>411</v>
      </c>
      <c r="E80736" s="15">
        <v>45447</v>
      </c>
      <c r="F80736" s="14" t="s">
        <v>25</v>
      </c>
      <c r="G80736" s="16">
        <v>0.86358605393481058</v>
      </c>
    </row>
    <row r="80737" spans="1:7" x14ac:dyDescent="0.3">
      <c r="A80737" s="13" t="s">
        <v>410</v>
      </c>
      <c r="B80737" s="14" t="s">
        <v>1</v>
      </c>
      <c r="C80737" s="14" t="s">
        <v>70</v>
      </c>
      <c r="D80737" s="14" t="s">
        <v>411</v>
      </c>
      <c r="E80737" s="15">
        <v>45448</v>
      </c>
      <c r="F80737" s="14" t="s">
        <v>25</v>
      </c>
      <c r="G80737" s="16">
        <v>0.90846319702016887</v>
      </c>
    </row>
    <row r="80738" spans="1:7" x14ac:dyDescent="0.3">
      <c r="A80738" s="13" t="s">
        <v>410</v>
      </c>
      <c r="B80738" s="14" t="s">
        <v>1</v>
      </c>
      <c r="C80738" s="14" t="s">
        <v>70</v>
      </c>
      <c r="D80738" s="14" t="s">
        <v>411</v>
      </c>
      <c r="E80738" s="15">
        <v>45449</v>
      </c>
      <c r="F80738" s="14" t="s">
        <v>25</v>
      </c>
      <c r="G80738" s="16">
        <v>0.9097862031499514</v>
      </c>
    </row>
    <row r="80739" spans="1:7" x14ac:dyDescent="0.3">
      <c r="A80739" s="13" t="s">
        <v>410</v>
      </c>
      <c r="B80739" s="14" t="s">
        <v>1</v>
      </c>
      <c r="C80739" s="14" t="s">
        <v>70</v>
      </c>
      <c r="D80739" s="14" t="s">
        <v>411</v>
      </c>
      <c r="E80739" s="15">
        <v>45450</v>
      </c>
      <c r="F80739" s="14" t="s">
        <v>25</v>
      </c>
      <c r="G80739" s="16">
        <v>0.9223240127130814</v>
      </c>
    </row>
    <row r="80740" spans="1:7" x14ac:dyDescent="0.3">
      <c r="A80740" s="13" t="s">
        <v>410</v>
      </c>
      <c r="B80740" s="14" t="s">
        <v>1</v>
      </c>
      <c r="C80740" s="14" t="s">
        <v>70</v>
      </c>
      <c r="D80740" s="14" t="s">
        <v>411</v>
      </c>
      <c r="E80740" s="15">
        <v>45451</v>
      </c>
      <c r="F80740" s="14" t="s">
        <v>25</v>
      </c>
      <c r="G80740" s="16">
        <v>0.9223240127130814</v>
      </c>
    </row>
    <row r="80741" spans="1:7" x14ac:dyDescent="0.3">
      <c r="A80741" s="13" t="s">
        <v>410</v>
      </c>
      <c r="B80741" s="14" t="s">
        <v>1</v>
      </c>
      <c r="C80741" s="14" t="s">
        <v>70</v>
      </c>
      <c r="D80741" s="14" t="s">
        <v>411</v>
      </c>
      <c r="E80741" s="15">
        <v>45452</v>
      </c>
      <c r="F80741" s="14" t="s">
        <v>25</v>
      </c>
      <c r="G80741" s="16">
        <v>0.9223240127130814</v>
      </c>
    </row>
    <row r="80742" spans="1:7" x14ac:dyDescent="0.3">
      <c r="A80742" s="13" t="s">
        <v>410</v>
      </c>
      <c r="B80742" s="14" t="s">
        <v>1</v>
      </c>
      <c r="C80742" s="14" t="s">
        <v>70</v>
      </c>
      <c r="D80742" s="14" t="s">
        <v>411</v>
      </c>
      <c r="E80742" s="15">
        <v>45453</v>
      </c>
      <c r="F80742" s="14" t="s">
        <v>25</v>
      </c>
      <c r="G80742" s="16">
        <v>0.93721849197320695</v>
      </c>
    </row>
    <row r="80743" spans="1:7" x14ac:dyDescent="0.3">
      <c r="A80743" s="13" t="s">
        <v>410</v>
      </c>
      <c r="B80743" s="14" t="s">
        <v>1</v>
      </c>
      <c r="C80743" s="14" t="s">
        <v>70</v>
      </c>
      <c r="D80743" s="14" t="s">
        <v>411</v>
      </c>
      <c r="E80743" s="15">
        <v>45454</v>
      </c>
      <c r="F80743" s="14" t="s">
        <v>25</v>
      </c>
      <c r="G80743" s="16">
        <v>0.9563278351602259</v>
      </c>
    </row>
    <row r="80744" spans="1:7" x14ac:dyDescent="0.3">
      <c r="A80744" s="13" t="s">
        <v>410</v>
      </c>
      <c r="B80744" s="14" t="s">
        <v>1</v>
      </c>
      <c r="C80744" s="14" t="s">
        <v>70</v>
      </c>
      <c r="D80744" s="14" t="s">
        <v>411</v>
      </c>
      <c r="E80744" s="15">
        <v>45455</v>
      </c>
      <c r="F80744" s="14" t="s">
        <v>25</v>
      </c>
      <c r="G80744" s="16">
        <v>0.9662406418881635</v>
      </c>
    </row>
    <row r="80745" spans="1:7" x14ac:dyDescent="0.3">
      <c r="A80745" s="13" t="s">
        <v>410</v>
      </c>
      <c r="B80745" s="14" t="s">
        <v>1</v>
      </c>
      <c r="C80745" s="14" t="s">
        <v>70</v>
      </c>
      <c r="D80745" s="14" t="s">
        <v>411</v>
      </c>
      <c r="E80745" s="15">
        <v>45456</v>
      </c>
      <c r="F80745" s="14" t="s">
        <v>25</v>
      </c>
      <c r="G80745" s="16">
        <v>0.97539863899938195</v>
      </c>
    </row>
    <row r="80746" spans="1:7" x14ac:dyDescent="0.3">
      <c r="A80746" s="13" t="s">
        <v>410</v>
      </c>
      <c r="B80746" s="14" t="s">
        <v>1</v>
      </c>
      <c r="C80746" s="14" t="s">
        <v>70</v>
      </c>
      <c r="D80746" s="14" t="s">
        <v>411</v>
      </c>
      <c r="E80746" s="15">
        <v>45457</v>
      </c>
      <c r="F80746" s="14" t="s">
        <v>25</v>
      </c>
      <c r="G80746" s="16">
        <v>0.98204276604479557</v>
      </c>
    </row>
    <row r="80747" spans="1:7" x14ac:dyDescent="0.3">
      <c r="A80747" s="13" t="s">
        <v>410</v>
      </c>
      <c r="B80747" s="14" t="s">
        <v>1</v>
      </c>
      <c r="C80747" s="14" t="s">
        <v>70</v>
      </c>
      <c r="D80747" s="14" t="s">
        <v>411</v>
      </c>
      <c r="E80747" s="15">
        <v>45458</v>
      </c>
      <c r="F80747" s="14" t="s">
        <v>25</v>
      </c>
      <c r="G80747" s="16">
        <v>0.98204276604479557</v>
      </c>
    </row>
    <row r="80748" spans="1:7" x14ac:dyDescent="0.3">
      <c r="A80748" s="13" t="s">
        <v>410</v>
      </c>
      <c r="B80748" s="14" t="s">
        <v>1</v>
      </c>
      <c r="C80748" s="14" t="s">
        <v>70</v>
      </c>
      <c r="D80748" s="14" t="s">
        <v>411</v>
      </c>
      <c r="E80748" s="15">
        <v>45459</v>
      </c>
      <c r="F80748" s="14" t="s">
        <v>25</v>
      </c>
      <c r="G80748" s="16">
        <v>0.98204276604479557</v>
      </c>
    </row>
    <row r="80749" spans="1:7" x14ac:dyDescent="0.3">
      <c r="A80749" s="13" t="s">
        <v>410</v>
      </c>
      <c r="B80749" s="14" t="s">
        <v>1</v>
      </c>
      <c r="C80749" s="14" t="s">
        <v>70</v>
      </c>
      <c r="D80749" s="14" t="s">
        <v>411</v>
      </c>
      <c r="E80749" s="15">
        <v>45460</v>
      </c>
      <c r="F80749" s="14" t="s">
        <v>25</v>
      </c>
      <c r="G80749" s="16">
        <v>1.0030090670526657</v>
      </c>
    </row>
    <row r="80750" spans="1:7" x14ac:dyDescent="0.3">
      <c r="A80750" s="13" t="s">
        <v>410</v>
      </c>
      <c r="B80750" s="14" t="s">
        <v>1</v>
      </c>
      <c r="C80750" s="14" t="s">
        <v>70</v>
      </c>
      <c r="D80750" s="14" t="s">
        <v>411</v>
      </c>
      <c r="E80750" s="15">
        <v>45461</v>
      </c>
      <c r="F80750" s="14" t="s">
        <v>25</v>
      </c>
      <c r="G80750" s="16">
        <v>1.0125957056024142</v>
      </c>
    </row>
    <row r="80751" spans="1:7" x14ac:dyDescent="0.3">
      <c r="A80751" s="13" t="s">
        <v>410</v>
      </c>
      <c r="B80751" s="14" t="s">
        <v>1</v>
      </c>
      <c r="C80751" s="14" t="s">
        <v>70</v>
      </c>
      <c r="D80751" s="14" t="s">
        <v>411</v>
      </c>
      <c r="E80751" s="15">
        <v>45462</v>
      </c>
      <c r="F80751" s="14" t="s">
        <v>25</v>
      </c>
      <c r="G80751" s="16">
        <v>1.0191533196865421</v>
      </c>
    </row>
    <row r="80752" spans="1:7" x14ac:dyDescent="0.3">
      <c r="A80752" s="13" t="s">
        <v>410</v>
      </c>
      <c r="B80752" s="14" t="s">
        <v>1</v>
      </c>
      <c r="C80752" s="14" t="s">
        <v>70</v>
      </c>
      <c r="D80752" s="14" t="s">
        <v>411</v>
      </c>
      <c r="E80752" s="15">
        <v>45463</v>
      </c>
      <c r="F80752" s="14" t="s">
        <v>25</v>
      </c>
      <c r="G80752" s="16">
        <v>1.0394385545314357</v>
      </c>
    </row>
    <row r="80753" spans="1:7" x14ac:dyDescent="0.3">
      <c r="A80753" s="13" t="s">
        <v>410</v>
      </c>
      <c r="B80753" s="14" t="s">
        <v>1</v>
      </c>
      <c r="C80753" s="14" t="s">
        <v>70</v>
      </c>
      <c r="D80753" s="14" t="s">
        <v>411</v>
      </c>
      <c r="E80753" s="15">
        <v>45464</v>
      </c>
      <c r="F80753" s="14" t="s">
        <v>25</v>
      </c>
      <c r="G80753" s="16">
        <v>1.0480067613350719</v>
      </c>
    </row>
    <row r="80754" spans="1:7" x14ac:dyDescent="0.3">
      <c r="A80754" s="13" t="s">
        <v>410</v>
      </c>
      <c r="B80754" s="14" t="s">
        <v>1</v>
      </c>
      <c r="C80754" s="14" t="s">
        <v>70</v>
      </c>
      <c r="D80754" s="14" t="s">
        <v>411</v>
      </c>
      <c r="E80754" s="15">
        <v>45465</v>
      </c>
      <c r="F80754" s="14" t="s">
        <v>25</v>
      </c>
      <c r="G80754" s="16">
        <v>1.0480067613350719</v>
      </c>
    </row>
    <row r="80755" spans="1:7" x14ac:dyDescent="0.3">
      <c r="A80755" s="13" t="s">
        <v>410</v>
      </c>
      <c r="B80755" s="14" t="s">
        <v>1</v>
      </c>
      <c r="C80755" s="14" t="s">
        <v>70</v>
      </c>
      <c r="D80755" s="14" t="s">
        <v>411</v>
      </c>
      <c r="E80755" s="15">
        <v>45466</v>
      </c>
      <c r="F80755" s="14" t="s">
        <v>25</v>
      </c>
      <c r="G80755" s="16">
        <v>1.0480067613350719</v>
      </c>
    </row>
    <row r="80756" spans="1:7" x14ac:dyDescent="0.3">
      <c r="A80756" s="13" t="s">
        <v>410</v>
      </c>
      <c r="B80756" s="14" t="s">
        <v>1</v>
      </c>
      <c r="C80756" s="14" t="s">
        <v>70</v>
      </c>
      <c r="D80756" s="14" t="s">
        <v>411</v>
      </c>
      <c r="E80756" s="15">
        <v>45467</v>
      </c>
      <c r="F80756" s="14" t="s">
        <v>25</v>
      </c>
      <c r="G80756" s="16">
        <v>1.0526021767885843</v>
      </c>
    </row>
    <row r="80757" spans="1:7" x14ac:dyDescent="0.3">
      <c r="A80757" s="13" t="s">
        <v>410</v>
      </c>
      <c r="B80757" s="14" t="s">
        <v>1</v>
      </c>
      <c r="C80757" s="14" t="s">
        <v>70</v>
      </c>
      <c r="D80757" s="14" t="s">
        <v>411</v>
      </c>
      <c r="E80757" s="15">
        <v>45468</v>
      </c>
      <c r="F80757" s="14" t="s">
        <v>25</v>
      </c>
      <c r="G80757" s="16">
        <v>1.077455541438769</v>
      </c>
    </row>
    <row r="80758" spans="1:7" x14ac:dyDescent="0.3">
      <c r="A80758" s="13" t="s">
        <v>410</v>
      </c>
      <c r="B80758" s="14" t="s">
        <v>1</v>
      </c>
      <c r="C80758" s="14" t="s">
        <v>70</v>
      </c>
      <c r="D80758" s="14" t="s">
        <v>411</v>
      </c>
      <c r="E80758" s="15">
        <v>45469</v>
      </c>
      <c r="F80758" s="14" t="s">
        <v>25</v>
      </c>
      <c r="G80758" s="16">
        <v>1.0861697737862785</v>
      </c>
    </row>
    <row r="80759" spans="1:7" x14ac:dyDescent="0.3">
      <c r="A80759" s="13" t="s">
        <v>410</v>
      </c>
      <c r="B80759" s="14" t="s">
        <v>1</v>
      </c>
      <c r="C80759" s="14" t="s">
        <v>70</v>
      </c>
      <c r="D80759" s="14" t="s">
        <v>411</v>
      </c>
      <c r="E80759" s="15">
        <v>45470</v>
      </c>
      <c r="F80759" s="14" t="s">
        <v>25</v>
      </c>
      <c r="G80759" s="16">
        <v>1.0933896660185602</v>
      </c>
    </row>
    <row r="80760" spans="1:7" x14ac:dyDescent="0.3">
      <c r="A80760" s="13" t="s">
        <v>410</v>
      </c>
      <c r="B80760" s="14" t="s">
        <v>1</v>
      </c>
      <c r="C80760" s="14" t="s">
        <v>70</v>
      </c>
      <c r="D80760" s="14" t="s">
        <v>411</v>
      </c>
      <c r="E80760" s="15">
        <v>45471</v>
      </c>
      <c r="F80760" s="14" t="s">
        <v>25</v>
      </c>
      <c r="G80760" s="16">
        <v>1.1230666411764367</v>
      </c>
    </row>
    <row r="80761" spans="1:7" x14ac:dyDescent="0.3">
      <c r="A80761" s="13" t="s">
        <v>410</v>
      </c>
      <c r="B80761" s="14" t="s">
        <v>1</v>
      </c>
      <c r="C80761" s="14" t="s">
        <v>70</v>
      </c>
      <c r="D80761" s="14" t="s">
        <v>411</v>
      </c>
      <c r="E80761" s="15">
        <v>45472</v>
      </c>
      <c r="F80761" s="14" t="s">
        <v>25</v>
      </c>
      <c r="G80761" s="16">
        <v>1.1230666411764367</v>
      </c>
    </row>
    <row r="80762" spans="1:7" x14ac:dyDescent="0.3">
      <c r="A80762" s="13" t="s">
        <v>410</v>
      </c>
      <c r="B80762" s="14" t="s">
        <v>1</v>
      </c>
      <c r="C80762" s="14" t="s">
        <v>70</v>
      </c>
      <c r="D80762" s="14" t="s">
        <v>411</v>
      </c>
      <c r="E80762" s="15">
        <v>45473</v>
      </c>
      <c r="F80762" s="14" t="s">
        <v>25</v>
      </c>
      <c r="G80762" s="16">
        <v>1.1230666411764367</v>
      </c>
    </row>
    <row r="80763" spans="1:7" x14ac:dyDescent="0.3">
      <c r="A80763" s="13" t="s">
        <v>410</v>
      </c>
      <c r="B80763" s="14" t="s">
        <v>1</v>
      </c>
      <c r="C80763" s="14" t="s">
        <v>70</v>
      </c>
      <c r="D80763" s="14" t="s">
        <v>411</v>
      </c>
      <c r="E80763" s="15">
        <v>45474</v>
      </c>
      <c r="F80763" s="14" t="s">
        <v>25</v>
      </c>
      <c r="G80763" s="16">
        <v>1.1388625412762881</v>
      </c>
    </row>
    <row r="80764" spans="1:7" x14ac:dyDescent="0.3">
      <c r="A80764" s="13" t="s">
        <v>410</v>
      </c>
      <c r="B80764" s="14" t="s">
        <v>1</v>
      </c>
      <c r="C80764" s="14" t="s">
        <v>70</v>
      </c>
      <c r="D80764" s="14" t="s">
        <v>411</v>
      </c>
      <c r="E80764" s="15">
        <v>45475</v>
      </c>
      <c r="F80764" s="14" t="s">
        <v>25</v>
      </c>
      <c r="G80764" s="16">
        <v>1.1590459656698859</v>
      </c>
    </row>
    <row r="80765" spans="1:7" x14ac:dyDescent="0.3">
      <c r="A80765" s="13" t="s">
        <v>410</v>
      </c>
      <c r="B80765" s="14" t="s">
        <v>1</v>
      </c>
      <c r="C80765" s="14" t="s">
        <v>70</v>
      </c>
      <c r="D80765" s="14" t="s">
        <v>411</v>
      </c>
      <c r="E80765" s="15">
        <v>45476</v>
      </c>
      <c r="F80765" s="14" t="s">
        <v>25</v>
      </c>
      <c r="G80765" s="16">
        <v>1.1935058000303671</v>
      </c>
    </row>
    <row r="80766" spans="1:7" x14ac:dyDescent="0.3">
      <c r="A80766" s="13" t="s">
        <v>410</v>
      </c>
      <c r="B80766" s="14" t="s">
        <v>1</v>
      </c>
      <c r="C80766" s="14" t="s">
        <v>70</v>
      </c>
      <c r="D80766" s="14" t="s">
        <v>411</v>
      </c>
      <c r="E80766" s="15">
        <v>45477</v>
      </c>
      <c r="F80766" s="14" t="s">
        <v>25</v>
      </c>
      <c r="G80766" s="16">
        <v>1.1973532666839977</v>
      </c>
    </row>
    <row r="80767" spans="1:7" x14ac:dyDescent="0.3">
      <c r="A80767" s="13" t="s">
        <v>410</v>
      </c>
      <c r="B80767" s="14" t="s">
        <v>1</v>
      </c>
      <c r="C80767" s="14" t="s">
        <v>70</v>
      </c>
      <c r="D80767" s="14" t="s">
        <v>411</v>
      </c>
      <c r="E80767" s="15">
        <v>45478</v>
      </c>
      <c r="F80767" s="14" t="s">
        <v>25</v>
      </c>
      <c r="G80767" s="16">
        <v>1.1975221072493203</v>
      </c>
    </row>
    <row r="80768" spans="1:7" x14ac:dyDescent="0.3">
      <c r="A80768" s="13" t="s">
        <v>410</v>
      </c>
      <c r="B80768" s="14" t="s">
        <v>1</v>
      </c>
      <c r="C80768" s="14" t="s">
        <v>70</v>
      </c>
      <c r="D80768" s="14" t="s">
        <v>411</v>
      </c>
      <c r="E80768" s="15">
        <v>45479</v>
      </c>
      <c r="F80768" s="14" t="s">
        <v>25</v>
      </c>
      <c r="G80768" s="16">
        <v>1.1975221072493203</v>
      </c>
    </row>
    <row r="80769" spans="1:7" x14ac:dyDescent="0.3">
      <c r="A80769" s="13" t="s">
        <v>410</v>
      </c>
      <c r="B80769" s="14" t="s">
        <v>1</v>
      </c>
      <c r="C80769" s="14" t="s">
        <v>70</v>
      </c>
      <c r="D80769" s="14" t="s">
        <v>411</v>
      </c>
      <c r="E80769" s="15">
        <v>45480</v>
      </c>
      <c r="F80769" s="14" t="s">
        <v>25</v>
      </c>
      <c r="G80769" s="16">
        <v>1.1975221072493203</v>
      </c>
    </row>
    <row r="80770" spans="1:7" x14ac:dyDescent="0.3">
      <c r="A80770" s="13" t="s">
        <v>410</v>
      </c>
      <c r="B80770" s="14" t="s">
        <v>1</v>
      </c>
      <c r="C80770" s="14" t="s">
        <v>70</v>
      </c>
      <c r="D80770" s="14" t="s">
        <v>411</v>
      </c>
      <c r="E80770" s="15">
        <v>45481</v>
      </c>
      <c r="F80770" s="14" t="s">
        <v>25</v>
      </c>
      <c r="G80770" s="16">
        <v>1.2233760417883051</v>
      </c>
    </row>
    <row r="80771" spans="1:7" x14ac:dyDescent="0.3">
      <c r="A80771" s="13" t="s">
        <v>410</v>
      </c>
      <c r="B80771" s="14" t="s">
        <v>1</v>
      </c>
      <c r="C80771" s="14" t="s">
        <v>70</v>
      </c>
      <c r="D80771" s="14" t="s">
        <v>411</v>
      </c>
      <c r="E80771" s="15">
        <v>45482</v>
      </c>
      <c r="F80771" s="14" t="s">
        <v>25</v>
      </c>
      <c r="G80771" s="16">
        <v>1.2401319666252393</v>
      </c>
    </row>
    <row r="80772" spans="1:7" x14ac:dyDescent="0.3">
      <c r="A80772" s="13" t="s">
        <v>410</v>
      </c>
      <c r="B80772" s="14" t="s">
        <v>1</v>
      </c>
      <c r="C80772" s="14" t="s">
        <v>70</v>
      </c>
      <c r="D80772" s="14" t="s">
        <v>411</v>
      </c>
      <c r="E80772" s="15">
        <v>45483</v>
      </c>
      <c r="F80772" s="14" t="s">
        <v>25</v>
      </c>
      <c r="G80772" s="16">
        <v>1.2509687514279717</v>
      </c>
    </row>
    <row r="80773" spans="1:7" x14ac:dyDescent="0.3">
      <c r="A80773" s="13" t="s">
        <v>410</v>
      </c>
      <c r="B80773" s="14" t="s">
        <v>1</v>
      </c>
      <c r="C80773" s="14" t="s">
        <v>70</v>
      </c>
      <c r="D80773" s="14" t="s">
        <v>411</v>
      </c>
      <c r="E80773" s="15">
        <v>45484</v>
      </c>
      <c r="F80773" s="14" t="s">
        <v>25</v>
      </c>
      <c r="G80773" s="16">
        <v>1.2648786598968462</v>
      </c>
    </row>
    <row r="80774" spans="1:7" x14ac:dyDescent="0.3">
      <c r="A80774" s="13" t="s">
        <v>410</v>
      </c>
      <c r="B80774" s="14" t="s">
        <v>1</v>
      </c>
      <c r="C80774" s="14" t="s">
        <v>70</v>
      </c>
      <c r="D80774" s="14" t="s">
        <v>411</v>
      </c>
      <c r="E80774" s="15">
        <v>45485</v>
      </c>
      <c r="F80774" s="14" t="s">
        <v>25</v>
      </c>
      <c r="G80774" s="16">
        <v>1.2696177740605787</v>
      </c>
    </row>
    <row r="80775" spans="1:7" x14ac:dyDescent="0.3">
      <c r="A80775" s="13" t="s">
        <v>410</v>
      </c>
      <c r="B80775" s="14" t="s">
        <v>1</v>
      </c>
      <c r="C80775" s="14" t="s">
        <v>70</v>
      </c>
      <c r="D80775" s="14" t="s">
        <v>411</v>
      </c>
      <c r="E80775" s="15">
        <v>45486</v>
      </c>
      <c r="F80775" s="14" t="s">
        <v>25</v>
      </c>
      <c r="G80775" s="16">
        <v>1.2696177740605787</v>
      </c>
    </row>
    <row r="80776" spans="1:7" x14ac:dyDescent="0.3">
      <c r="A80776" s="13" t="s">
        <v>410</v>
      </c>
      <c r="B80776" s="14" t="s">
        <v>1</v>
      </c>
      <c r="C80776" s="14" t="s">
        <v>70</v>
      </c>
      <c r="D80776" s="14" t="s">
        <v>411</v>
      </c>
      <c r="E80776" s="15">
        <v>45487</v>
      </c>
      <c r="F80776" s="14" t="s">
        <v>25</v>
      </c>
      <c r="G80776" s="16">
        <v>1.2696177740605787</v>
      </c>
    </row>
    <row r="80777" spans="1:7" x14ac:dyDescent="0.3">
      <c r="A80777" s="13" t="s">
        <v>410</v>
      </c>
      <c r="B80777" s="14" t="s">
        <v>1</v>
      </c>
      <c r="C80777" s="14" t="s">
        <v>70</v>
      </c>
      <c r="D80777" s="14" t="s">
        <v>411</v>
      </c>
      <c r="E80777" s="15">
        <v>45488</v>
      </c>
      <c r="F80777" s="14" t="s">
        <v>25</v>
      </c>
      <c r="G80777" s="16">
        <v>1.276347487757852</v>
      </c>
    </row>
    <row r="80778" spans="1:7" x14ac:dyDescent="0.3">
      <c r="A80778" s="13" t="s">
        <v>410</v>
      </c>
      <c r="B80778" s="14" t="s">
        <v>1</v>
      </c>
      <c r="C80778" s="14" t="s">
        <v>70</v>
      </c>
      <c r="D80778" s="14" t="s">
        <v>411</v>
      </c>
      <c r="E80778" s="15">
        <v>45489</v>
      </c>
      <c r="F80778" s="14" t="s">
        <v>25</v>
      </c>
      <c r="G80778" s="16">
        <v>1.2894172916459703</v>
      </c>
    </row>
    <row r="80779" spans="1:7" x14ac:dyDescent="0.3">
      <c r="A80779" s="13" t="s">
        <v>410</v>
      </c>
      <c r="B80779" s="14" t="s">
        <v>1</v>
      </c>
      <c r="C80779" s="14" t="s">
        <v>70</v>
      </c>
      <c r="D80779" s="14" t="s">
        <v>411</v>
      </c>
      <c r="E80779" s="15">
        <v>45490</v>
      </c>
      <c r="F80779" s="14" t="s">
        <v>25</v>
      </c>
      <c r="G80779" s="16">
        <v>1.2799303100358983</v>
      </c>
    </row>
    <row r="80780" spans="1:7" x14ac:dyDescent="0.3">
      <c r="A80780" s="13" t="s">
        <v>410</v>
      </c>
      <c r="B80780" s="14" t="s">
        <v>1</v>
      </c>
      <c r="C80780" s="14" t="s">
        <v>70</v>
      </c>
      <c r="D80780" s="14" t="s">
        <v>411</v>
      </c>
      <c r="E80780" s="15">
        <v>45491</v>
      </c>
      <c r="F80780" s="14" t="s">
        <v>25</v>
      </c>
      <c r="G80780" s="16">
        <v>1.3046022484600865</v>
      </c>
    </row>
    <row r="80781" spans="1:7" x14ac:dyDescent="0.3">
      <c r="A80781" s="13" t="s">
        <v>410</v>
      </c>
      <c r="B80781" s="14" t="s">
        <v>1</v>
      </c>
      <c r="C80781" s="14" t="s">
        <v>70</v>
      </c>
      <c r="D80781" s="14" t="s">
        <v>411</v>
      </c>
      <c r="E80781" s="15">
        <v>45492</v>
      </c>
      <c r="F80781" s="14" t="s">
        <v>25</v>
      </c>
      <c r="G80781" s="16">
        <v>1.3123119164824024</v>
      </c>
    </row>
    <row r="80782" spans="1:7" x14ac:dyDescent="0.3">
      <c r="A80782" s="13" t="s">
        <v>410</v>
      </c>
      <c r="B80782" s="14" t="s">
        <v>1</v>
      </c>
      <c r="C80782" s="14" t="s">
        <v>70</v>
      </c>
      <c r="D80782" s="14" t="s">
        <v>411</v>
      </c>
      <c r="E80782" s="15">
        <v>45493</v>
      </c>
      <c r="F80782" s="14" t="s">
        <v>25</v>
      </c>
      <c r="G80782" s="16">
        <v>1.3123119164824024</v>
      </c>
    </row>
    <row r="80783" spans="1:7" x14ac:dyDescent="0.3">
      <c r="A80783" s="13" t="s">
        <v>410</v>
      </c>
      <c r="B80783" s="14" t="s">
        <v>1</v>
      </c>
      <c r="C80783" s="14" t="s">
        <v>70</v>
      </c>
      <c r="D80783" s="14" t="s">
        <v>411</v>
      </c>
      <c r="E80783" s="15">
        <v>45494</v>
      </c>
      <c r="F80783" s="14" t="s">
        <v>25</v>
      </c>
      <c r="G80783" s="16">
        <v>1.3123119164824024</v>
      </c>
    </row>
    <row r="80784" spans="1:7" x14ac:dyDescent="0.3">
      <c r="A80784" s="13" t="s">
        <v>410</v>
      </c>
      <c r="B80784" s="14" t="s">
        <v>1</v>
      </c>
      <c r="C80784" s="14" t="s">
        <v>70</v>
      </c>
      <c r="D80784" s="14" t="s">
        <v>411</v>
      </c>
      <c r="E80784" s="15">
        <v>45495</v>
      </c>
      <c r="F80784" s="14" t="s">
        <v>25</v>
      </c>
      <c r="G80784" s="16">
        <v>1.3221630209558732</v>
      </c>
    </row>
    <row r="80785" spans="1:7" x14ac:dyDescent="0.3">
      <c r="A80785" s="13" t="s">
        <v>410</v>
      </c>
      <c r="B80785" s="14" t="s">
        <v>1</v>
      </c>
      <c r="C80785" s="14" t="s">
        <v>70</v>
      </c>
      <c r="D80785" s="14" t="s">
        <v>411</v>
      </c>
      <c r="E80785" s="15">
        <v>45496</v>
      </c>
      <c r="F80785" s="14" t="s">
        <v>25</v>
      </c>
      <c r="G80785" s="16">
        <v>1.3607187817937227</v>
      </c>
    </row>
    <row r="80786" spans="1:7" x14ac:dyDescent="0.3">
      <c r="A80786" s="13" t="s">
        <v>410</v>
      </c>
      <c r="B80786" s="14" t="s">
        <v>1</v>
      </c>
      <c r="C80786" s="14" t="s">
        <v>70</v>
      </c>
      <c r="D80786" s="14" t="s">
        <v>411</v>
      </c>
      <c r="E80786" s="15">
        <v>45497</v>
      </c>
      <c r="F80786" s="14" t="s">
        <v>25</v>
      </c>
      <c r="G80786" s="16">
        <v>1.3583145354725696</v>
      </c>
    </row>
    <row r="80787" spans="1:7" x14ac:dyDescent="0.3">
      <c r="A80787" s="13" t="s">
        <v>410</v>
      </c>
      <c r="B80787" s="14" t="s">
        <v>1</v>
      </c>
      <c r="C80787" s="14" t="s">
        <v>70</v>
      </c>
      <c r="D80787" s="14" t="s">
        <v>411</v>
      </c>
      <c r="E80787" s="15">
        <v>45498</v>
      </c>
      <c r="F80787" s="14" t="s">
        <v>25</v>
      </c>
      <c r="G80787" s="16">
        <v>1.358229683069945</v>
      </c>
    </row>
    <row r="80788" spans="1:7" x14ac:dyDescent="0.3">
      <c r="A80788" s="13" t="s">
        <v>410</v>
      </c>
      <c r="B80788" s="14" t="s">
        <v>1</v>
      </c>
      <c r="C80788" s="14" t="s">
        <v>70</v>
      </c>
      <c r="D80788" s="14" t="s">
        <v>411</v>
      </c>
      <c r="E80788" s="15">
        <v>45499</v>
      </c>
      <c r="F80788" s="14" t="s">
        <v>25</v>
      </c>
      <c r="G80788" s="16">
        <v>1.3669528017392454</v>
      </c>
    </row>
    <row r="80789" spans="1:7" x14ac:dyDescent="0.3">
      <c r="A80789" s="13" t="s">
        <v>410</v>
      </c>
      <c r="B80789" s="14" t="s">
        <v>1</v>
      </c>
      <c r="C80789" s="14" t="s">
        <v>70</v>
      </c>
      <c r="D80789" s="14" t="s">
        <v>411</v>
      </c>
      <c r="E80789" s="15">
        <v>45500</v>
      </c>
      <c r="F80789" s="14" t="s">
        <v>25</v>
      </c>
      <c r="G80789" s="16">
        <v>1.3669528017392454</v>
      </c>
    </row>
    <row r="80790" spans="1:7" x14ac:dyDescent="0.3">
      <c r="A80790" s="13" t="s">
        <v>410</v>
      </c>
      <c r="B80790" s="14" t="s">
        <v>1</v>
      </c>
      <c r="C80790" s="14" t="s">
        <v>70</v>
      </c>
      <c r="D80790" s="14" t="s">
        <v>411</v>
      </c>
      <c r="E80790" s="15">
        <v>45501</v>
      </c>
      <c r="F80790" s="14" t="s">
        <v>25</v>
      </c>
      <c r="G80790" s="16">
        <v>1.3669528017392454</v>
      </c>
    </row>
    <row r="80791" spans="1:7" x14ac:dyDescent="0.3">
      <c r="A80791" s="13" t="s">
        <v>410</v>
      </c>
      <c r="B80791" s="14" t="s">
        <v>1</v>
      </c>
      <c r="C80791" s="14" t="s">
        <v>70</v>
      </c>
      <c r="D80791" s="14" t="s">
        <v>411</v>
      </c>
      <c r="E80791" s="15">
        <v>45502</v>
      </c>
      <c r="F80791" s="14" t="s">
        <v>25</v>
      </c>
      <c r="G80791" s="16">
        <v>1.3772045198400265</v>
      </c>
    </row>
    <row r="80792" spans="1:7" x14ac:dyDescent="0.3">
      <c r="A80792" s="13" t="s">
        <v>410</v>
      </c>
      <c r="B80792" s="14" t="s">
        <v>1</v>
      </c>
      <c r="C80792" s="14" t="s">
        <v>70</v>
      </c>
      <c r="D80792" s="14" t="s">
        <v>411</v>
      </c>
      <c r="E80792" s="15">
        <v>45503</v>
      </c>
      <c r="F80792" s="14" t="s">
        <v>25</v>
      </c>
      <c r="G80792" s="16">
        <v>1.3882347986118397</v>
      </c>
    </row>
    <row r="80793" spans="1:7" x14ac:dyDescent="0.3">
      <c r="A80793" s="13" t="s">
        <v>410</v>
      </c>
      <c r="B80793" s="14" t="s">
        <v>1</v>
      </c>
      <c r="C80793" s="14" t="s">
        <v>70</v>
      </c>
      <c r="D80793" s="14" t="s">
        <v>411</v>
      </c>
      <c r="E80793" s="15">
        <v>45504</v>
      </c>
      <c r="F80793" s="14" t="s">
        <v>25</v>
      </c>
      <c r="G80793" s="16">
        <v>1.3870415186287861</v>
      </c>
    </row>
    <row r="80794" spans="1:7" x14ac:dyDescent="0.3">
      <c r="A80794" s="13" t="s">
        <v>410</v>
      </c>
      <c r="B80794" s="14" t="s">
        <v>1</v>
      </c>
      <c r="C80794" s="14" t="s">
        <v>70</v>
      </c>
      <c r="D80794" s="14" t="s">
        <v>411</v>
      </c>
      <c r="E80794" s="15">
        <v>45505</v>
      </c>
      <c r="F80794" s="14" t="s">
        <v>25</v>
      </c>
      <c r="G80794" s="16">
        <v>1.3870415186287861</v>
      </c>
    </row>
    <row r="80795" spans="1:7" x14ac:dyDescent="0.3">
      <c r="A80795" s="13" t="s">
        <v>410</v>
      </c>
      <c r="B80795" s="14" t="s">
        <v>1</v>
      </c>
      <c r="C80795" s="14" t="s">
        <v>70</v>
      </c>
      <c r="D80795" s="14" t="s">
        <v>411</v>
      </c>
      <c r="E80795" s="15">
        <v>45506</v>
      </c>
      <c r="F80795" s="14" t="s">
        <v>25</v>
      </c>
      <c r="G80795" s="16">
        <v>1.3704762163176838</v>
      </c>
    </row>
    <row r="80796" spans="1:7" x14ac:dyDescent="0.3">
      <c r="A80796" s="13" t="s">
        <v>410</v>
      </c>
      <c r="B80796" s="14" t="s">
        <v>1</v>
      </c>
      <c r="C80796" s="14" t="s">
        <v>70</v>
      </c>
      <c r="D80796" s="14" t="s">
        <v>411</v>
      </c>
      <c r="E80796" s="15">
        <v>45507</v>
      </c>
      <c r="F80796" s="14" t="s">
        <v>25</v>
      </c>
      <c r="G80796" s="16">
        <v>1.3704762163176838</v>
      </c>
    </row>
    <row r="80797" spans="1:7" x14ac:dyDescent="0.3">
      <c r="A80797" s="13" t="s">
        <v>410</v>
      </c>
      <c r="B80797" s="14" t="s">
        <v>1</v>
      </c>
      <c r="C80797" s="14" t="s">
        <v>70</v>
      </c>
      <c r="D80797" s="14" t="s">
        <v>411</v>
      </c>
      <c r="E80797" s="15">
        <v>45508</v>
      </c>
      <c r="F80797" s="14" t="s">
        <v>25</v>
      </c>
      <c r="G80797" s="16">
        <v>1.3704762163176838</v>
      </c>
    </row>
    <row r="80798" spans="1:7" x14ac:dyDescent="0.3">
      <c r="A80798" s="13" t="s">
        <v>410</v>
      </c>
      <c r="B80798" s="14" t="s">
        <v>1</v>
      </c>
      <c r="C80798" s="14" t="s">
        <v>70</v>
      </c>
      <c r="D80798" s="14" t="s">
        <v>411</v>
      </c>
      <c r="E80798" s="15">
        <v>45509</v>
      </c>
      <c r="F80798" s="14" t="s">
        <v>25</v>
      </c>
      <c r="G80798" s="16">
        <v>1.3704762163176838</v>
      </c>
    </row>
    <row r="80799" spans="1:7" x14ac:dyDescent="0.3">
      <c r="A80799" s="13" t="s">
        <v>410</v>
      </c>
      <c r="B80799" s="14" t="s">
        <v>1</v>
      </c>
      <c r="C80799" s="14" t="s">
        <v>70</v>
      </c>
      <c r="D80799" s="14" t="s">
        <v>411</v>
      </c>
      <c r="E80799" s="15">
        <v>45510</v>
      </c>
      <c r="F80799" s="14" t="s">
        <v>25</v>
      </c>
      <c r="G80799" s="16">
        <v>1.3686443378876882</v>
      </c>
    </row>
    <row r="80800" spans="1:7" x14ac:dyDescent="0.3">
      <c r="A80800" s="13" t="s">
        <v>410</v>
      </c>
      <c r="B80800" s="14" t="s">
        <v>1</v>
      </c>
      <c r="C80800" s="14" t="s">
        <v>70</v>
      </c>
      <c r="D80800" s="14" t="s">
        <v>411</v>
      </c>
      <c r="E80800" s="15">
        <v>45511</v>
      </c>
      <c r="F80800" s="14" t="s">
        <v>25</v>
      </c>
      <c r="G80800" s="16">
        <v>1.4367698771980373</v>
      </c>
    </row>
    <row r="80801" spans="1:7" x14ac:dyDescent="0.3">
      <c r="A80801" s="13" t="s">
        <v>410</v>
      </c>
      <c r="B80801" s="14" t="s">
        <v>1</v>
      </c>
      <c r="C80801" s="14" t="s">
        <v>70</v>
      </c>
      <c r="D80801" s="14" t="s">
        <v>411</v>
      </c>
      <c r="E80801" s="15">
        <v>45512</v>
      </c>
      <c r="F80801" s="14" t="s">
        <v>25</v>
      </c>
      <c r="G80801" s="16">
        <v>1.4504683390392603</v>
      </c>
    </row>
    <row r="80802" spans="1:7" x14ac:dyDescent="0.3">
      <c r="A80802" s="13" t="s">
        <v>410</v>
      </c>
      <c r="B80802" s="14" t="s">
        <v>1</v>
      </c>
      <c r="C80802" s="14" t="s">
        <v>70</v>
      </c>
      <c r="D80802" s="14" t="s">
        <v>411</v>
      </c>
      <c r="E80802" s="15">
        <v>45513</v>
      </c>
      <c r="F80802" s="14" t="s">
        <v>25</v>
      </c>
      <c r="G80802" s="16">
        <v>1.467573362647743</v>
      </c>
    </row>
    <row r="80803" spans="1:7" x14ac:dyDescent="0.3">
      <c r="A80803" s="13" t="s">
        <v>410</v>
      </c>
      <c r="B80803" s="14" t="s">
        <v>1</v>
      </c>
      <c r="C80803" s="14" t="s">
        <v>70</v>
      </c>
      <c r="D80803" s="14" t="s">
        <v>411</v>
      </c>
      <c r="E80803" s="15">
        <v>45514</v>
      </c>
      <c r="F80803" s="14" t="s">
        <v>25</v>
      </c>
      <c r="G80803" s="16">
        <v>1.467573362647743</v>
      </c>
    </row>
    <row r="80804" spans="1:7" x14ac:dyDescent="0.3">
      <c r="A80804" s="13" t="s">
        <v>410</v>
      </c>
      <c r="B80804" s="14" t="s">
        <v>1</v>
      </c>
      <c r="C80804" s="14" t="s">
        <v>70</v>
      </c>
      <c r="D80804" s="14" t="s">
        <v>411</v>
      </c>
      <c r="E80804" s="15">
        <v>45515</v>
      </c>
      <c r="F80804" s="14" t="s">
        <v>25</v>
      </c>
      <c r="G80804" s="16">
        <v>1.467573362647743</v>
      </c>
    </row>
    <row r="80805" spans="1:7" x14ac:dyDescent="0.3">
      <c r="A80805" s="13" t="s">
        <v>410</v>
      </c>
      <c r="B80805" s="14" t="s">
        <v>1</v>
      </c>
      <c r="C80805" s="14" t="s">
        <v>70</v>
      </c>
      <c r="D80805" s="14" t="s">
        <v>411</v>
      </c>
      <c r="E80805" s="15">
        <v>45516</v>
      </c>
      <c r="F80805" s="14" t="s">
        <v>25</v>
      </c>
      <c r="G80805" s="16">
        <v>1.4863846258345021</v>
      </c>
    </row>
    <row r="80806" spans="1:7" x14ac:dyDescent="0.3">
      <c r="A80806" s="13" t="s">
        <v>410</v>
      </c>
      <c r="B80806" s="14" t="s">
        <v>1</v>
      </c>
      <c r="C80806" s="14" t="s">
        <v>70</v>
      </c>
      <c r="D80806" s="14" t="s">
        <v>411</v>
      </c>
      <c r="E80806" s="15">
        <v>45517</v>
      </c>
      <c r="F80806" s="14" t="s">
        <v>25</v>
      </c>
      <c r="G80806" s="16">
        <v>1.5056777407034845</v>
      </c>
    </row>
    <row r="80807" spans="1:7" x14ac:dyDescent="0.3">
      <c r="A80807" s="13" t="s">
        <v>410</v>
      </c>
      <c r="B80807" s="14" t="s">
        <v>1</v>
      </c>
      <c r="C80807" s="14" t="s">
        <v>70</v>
      </c>
      <c r="D80807" s="14" t="s">
        <v>411</v>
      </c>
      <c r="E80807" s="15">
        <v>45518</v>
      </c>
      <c r="F80807" s="14" t="s">
        <v>25</v>
      </c>
      <c r="G80807" s="16">
        <v>1.5112480361281735</v>
      </c>
    </row>
    <row r="80808" spans="1:7" x14ac:dyDescent="0.3">
      <c r="A80808" s="13" t="s">
        <v>410</v>
      </c>
      <c r="B80808" s="14" t="s">
        <v>1</v>
      </c>
      <c r="C80808" s="14" t="s">
        <v>70</v>
      </c>
      <c r="D80808" s="14" t="s">
        <v>411</v>
      </c>
      <c r="E80808" s="15">
        <v>45519</v>
      </c>
      <c r="F80808" s="14" t="s">
        <v>25</v>
      </c>
      <c r="G80808" s="16">
        <v>1.5299532953761283</v>
      </c>
    </row>
    <row r="80809" spans="1:7" x14ac:dyDescent="0.3">
      <c r="A80809" s="13" t="s">
        <v>410</v>
      </c>
      <c r="B80809" s="14" t="s">
        <v>1</v>
      </c>
      <c r="C80809" s="14" t="s">
        <v>70</v>
      </c>
      <c r="D80809" s="14" t="s">
        <v>411</v>
      </c>
      <c r="E80809" s="15">
        <v>45520</v>
      </c>
      <c r="F80809" s="14" t="s">
        <v>25</v>
      </c>
      <c r="G80809" s="16">
        <v>1.5756770823715256</v>
      </c>
    </row>
    <row r="80810" spans="1:7" x14ac:dyDescent="0.3">
      <c r="A80810" s="13" t="s">
        <v>410</v>
      </c>
      <c r="B80810" s="14" t="s">
        <v>1</v>
      </c>
      <c r="C80810" s="14" t="s">
        <v>70</v>
      </c>
      <c r="D80810" s="14" t="s">
        <v>411</v>
      </c>
      <c r="E80810" s="15">
        <v>45521</v>
      </c>
      <c r="F80810" s="14" t="s">
        <v>25</v>
      </c>
      <c r="G80810" s="16">
        <v>1.5756770823715256</v>
      </c>
    </row>
    <row r="80811" spans="1:7" x14ac:dyDescent="0.3">
      <c r="A80811" s="13" t="s">
        <v>410</v>
      </c>
      <c r="B80811" s="14" t="s">
        <v>1</v>
      </c>
      <c r="C80811" s="14" t="s">
        <v>70</v>
      </c>
      <c r="D80811" s="14" t="s">
        <v>411</v>
      </c>
      <c r="E80811" s="15">
        <v>45522</v>
      </c>
      <c r="F80811" s="14" t="s">
        <v>25</v>
      </c>
      <c r="G80811" s="16">
        <v>1.5756770823715256</v>
      </c>
    </row>
    <row r="80812" spans="1:7" x14ac:dyDescent="0.3">
      <c r="A80812" s="13" t="s">
        <v>410</v>
      </c>
      <c r="B80812" s="14" t="s">
        <v>1</v>
      </c>
      <c r="C80812" s="14" t="s">
        <v>70</v>
      </c>
      <c r="D80812" s="14" t="s">
        <v>411</v>
      </c>
      <c r="E80812" s="15">
        <v>45523</v>
      </c>
      <c r="F80812" s="14" t="s">
        <v>25</v>
      </c>
      <c r="G80812" s="16">
        <v>1.5874088360925003</v>
      </c>
    </row>
    <row r="80813" spans="1:7" x14ac:dyDescent="0.3">
      <c r="A80813" s="13" t="s">
        <v>410</v>
      </c>
      <c r="B80813" s="14" t="s">
        <v>1</v>
      </c>
      <c r="C80813" s="14" t="s">
        <v>70</v>
      </c>
      <c r="D80813" s="14" t="s">
        <v>411</v>
      </c>
      <c r="E80813" s="15">
        <v>45524</v>
      </c>
      <c r="F80813" s="14" t="s">
        <v>25</v>
      </c>
      <c r="G80813" s="16">
        <v>1.5993767183587604</v>
      </c>
    </row>
    <row r="80814" spans="1:7" x14ac:dyDescent="0.3">
      <c r="A80814" s="13" t="s">
        <v>410</v>
      </c>
      <c r="B80814" s="14" t="s">
        <v>1</v>
      </c>
      <c r="C80814" s="14" t="s">
        <v>70</v>
      </c>
      <c r="D80814" s="14" t="s">
        <v>411</v>
      </c>
      <c r="E80814" s="15">
        <v>45525</v>
      </c>
      <c r="F80814" s="14" t="s">
        <v>25</v>
      </c>
      <c r="G80814" s="16">
        <v>1.6077308135838024</v>
      </c>
    </row>
    <row r="80815" spans="1:7" x14ac:dyDescent="0.3">
      <c r="A80815" s="13" t="s">
        <v>410</v>
      </c>
      <c r="B80815" s="14" t="s">
        <v>1</v>
      </c>
      <c r="C80815" s="14" t="s">
        <v>70</v>
      </c>
      <c r="D80815" s="14" t="s">
        <v>411</v>
      </c>
      <c r="E80815" s="15">
        <v>45526</v>
      </c>
      <c r="F80815" s="14" t="s">
        <v>25</v>
      </c>
      <c r="G80815" s="16">
        <v>1.6149117806106426</v>
      </c>
    </row>
    <row r="80816" spans="1:7" x14ac:dyDescent="0.3">
      <c r="A80816" s="13" t="s">
        <v>410</v>
      </c>
      <c r="B80816" s="14" t="s">
        <v>1</v>
      </c>
      <c r="C80816" s="14" t="s">
        <v>70</v>
      </c>
      <c r="D80816" s="14" t="s">
        <v>411</v>
      </c>
      <c r="E80816" s="15">
        <v>45527</v>
      </c>
      <c r="F80816" s="14" t="s">
        <v>25</v>
      </c>
      <c r="G80816" s="16">
        <v>1.6135010380195256</v>
      </c>
    </row>
    <row r="80817" spans="1:7" x14ac:dyDescent="0.3">
      <c r="A80817" s="13" t="s">
        <v>410</v>
      </c>
      <c r="B80817" s="14" t="s">
        <v>1</v>
      </c>
      <c r="C80817" s="14" t="s">
        <v>70</v>
      </c>
      <c r="D80817" s="14" t="s">
        <v>411</v>
      </c>
      <c r="E80817" s="15">
        <v>45528</v>
      </c>
      <c r="F80817" s="14" t="s">
        <v>25</v>
      </c>
      <c r="G80817" s="16">
        <v>1.6135010380195256</v>
      </c>
    </row>
    <row r="80818" spans="1:7" x14ac:dyDescent="0.3">
      <c r="A80818" s="13" t="s">
        <v>410</v>
      </c>
      <c r="B80818" s="14" t="s">
        <v>1</v>
      </c>
      <c r="C80818" s="14" t="s">
        <v>70</v>
      </c>
      <c r="D80818" s="14" t="s">
        <v>411</v>
      </c>
      <c r="E80818" s="15">
        <v>45529</v>
      </c>
      <c r="F80818" s="14" t="s">
        <v>25</v>
      </c>
      <c r="G80818" s="16">
        <v>1.6135010380195256</v>
      </c>
    </row>
    <row r="80819" spans="1:7" x14ac:dyDescent="0.3">
      <c r="A80819" s="13" t="s">
        <v>410</v>
      </c>
      <c r="B80819" s="14" t="s">
        <v>1</v>
      </c>
      <c r="C80819" s="14" t="s">
        <v>70</v>
      </c>
      <c r="D80819" s="14" t="s">
        <v>411</v>
      </c>
      <c r="E80819" s="15">
        <v>45530</v>
      </c>
      <c r="F80819" s="14" t="s">
        <v>25</v>
      </c>
      <c r="G80819" s="16">
        <v>1.617341379306116</v>
      </c>
    </row>
    <row r="80820" spans="1:7" x14ac:dyDescent="0.3">
      <c r="A80820" s="13" t="s">
        <v>410</v>
      </c>
      <c r="B80820" s="14" t="s">
        <v>1</v>
      </c>
      <c r="C80820" s="14" t="s">
        <v>70</v>
      </c>
      <c r="D80820" s="14" t="s">
        <v>411</v>
      </c>
      <c r="E80820" s="15">
        <v>45531</v>
      </c>
      <c r="F80820" s="14" t="s">
        <v>25</v>
      </c>
      <c r="G80820" s="16">
        <v>1.6227546869800242</v>
      </c>
    </row>
    <row r="80821" spans="1:7" x14ac:dyDescent="0.3">
      <c r="A80821" s="13" t="s">
        <v>410</v>
      </c>
      <c r="B80821" s="14" t="s">
        <v>1</v>
      </c>
      <c r="C80821" s="14" t="s">
        <v>70</v>
      </c>
      <c r="D80821" s="14" t="s">
        <v>411</v>
      </c>
      <c r="E80821" s="15">
        <v>45532</v>
      </c>
      <c r="F80821" s="14" t="s">
        <v>25</v>
      </c>
      <c r="G80821" s="16">
        <v>1.638206146439751</v>
      </c>
    </row>
    <row r="80822" spans="1:7" x14ac:dyDescent="0.3">
      <c r="A80822" s="13" t="s">
        <v>410</v>
      </c>
      <c r="B80822" s="14" t="s">
        <v>1</v>
      </c>
      <c r="C80822" s="14" t="s">
        <v>70</v>
      </c>
      <c r="D80822" s="14" t="s">
        <v>411</v>
      </c>
      <c r="E80822" s="15">
        <v>45533</v>
      </c>
      <c r="F80822" s="14" t="s">
        <v>25</v>
      </c>
      <c r="G80822" s="16">
        <v>1.6539579080708284</v>
      </c>
    </row>
    <row r="80823" spans="1:7" x14ac:dyDescent="0.3">
      <c r="A80823" s="13" t="s">
        <v>410</v>
      </c>
      <c r="B80823" s="14" t="s">
        <v>1</v>
      </c>
      <c r="C80823" s="14" t="s">
        <v>70</v>
      </c>
      <c r="D80823" s="14" t="s">
        <v>411</v>
      </c>
      <c r="E80823" s="15">
        <v>45534</v>
      </c>
      <c r="F80823" s="14" t="s">
        <v>25</v>
      </c>
      <c r="G80823" s="16">
        <v>1.6683330714240119</v>
      </c>
    </row>
    <row r="80824" spans="1:7" x14ac:dyDescent="0.3">
      <c r="A80824" s="13" t="s">
        <v>410</v>
      </c>
      <c r="B80824" s="14" t="s">
        <v>1</v>
      </c>
      <c r="C80824" s="14" t="s">
        <v>70</v>
      </c>
      <c r="D80824" s="14" t="s">
        <v>411</v>
      </c>
      <c r="E80824" s="15">
        <v>45535</v>
      </c>
      <c r="F80824" s="14" t="s">
        <v>25</v>
      </c>
      <c r="G80824" s="16">
        <v>1.6683330714240119</v>
      </c>
    </row>
    <row r="80825" spans="1:7" x14ac:dyDescent="0.3">
      <c r="A80825" s="13" t="s">
        <v>410</v>
      </c>
      <c r="B80825" s="14" t="s">
        <v>1</v>
      </c>
      <c r="C80825" s="14" t="s">
        <v>70</v>
      </c>
      <c r="D80825" s="14" t="s">
        <v>411</v>
      </c>
      <c r="E80825" s="15">
        <v>45536</v>
      </c>
      <c r="F80825" s="14" t="s">
        <v>25</v>
      </c>
      <c r="G80825" s="16">
        <v>1.6683330714240119</v>
      </c>
    </row>
    <row r="80826" spans="1:7" x14ac:dyDescent="0.3">
      <c r="A80826" s="13" t="s">
        <v>410</v>
      </c>
      <c r="B80826" s="14" t="s">
        <v>1</v>
      </c>
      <c r="C80826" s="14" t="s">
        <v>70</v>
      </c>
      <c r="D80826" s="14" t="s">
        <v>411</v>
      </c>
      <c r="E80826" s="15">
        <v>45537</v>
      </c>
      <c r="F80826" s="14" t="s">
        <v>25</v>
      </c>
      <c r="G80826" s="16">
        <v>1.6827814731786694</v>
      </c>
    </row>
    <row r="80827" spans="1:7" x14ac:dyDescent="0.3">
      <c r="A80827" s="13" t="s">
        <v>410</v>
      </c>
      <c r="B80827" s="14" t="s">
        <v>1</v>
      </c>
      <c r="C80827" s="14" t="s">
        <v>70</v>
      </c>
      <c r="D80827" s="14" t="s">
        <v>411</v>
      </c>
      <c r="E80827" s="15">
        <v>45538</v>
      </c>
      <c r="F80827" s="14" t="s">
        <v>25</v>
      </c>
      <c r="G80827" s="16">
        <v>1.6917947177231274</v>
      </c>
    </row>
    <row r="80828" spans="1:7" x14ac:dyDescent="0.3">
      <c r="A80828" s="13" t="s">
        <v>410</v>
      </c>
      <c r="B80828" s="14" t="s">
        <v>1</v>
      </c>
      <c r="C80828" s="14" t="s">
        <v>70</v>
      </c>
      <c r="D80828" s="14" t="s">
        <v>411</v>
      </c>
      <c r="E80828" s="15">
        <v>45539</v>
      </c>
      <c r="F80828" s="14" t="s">
        <v>25</v>
      </c>
      <c r="G80828" s="16">
        <v>1.6894653583346497</v>
      </c>
    </row>
    <row r="80829" spans="1:7" x14ac:dyDescent="0.3">
      <c r="A80829" s="13" t="s">
        <v>410</v>
      </c>
      <c r="B80829" s="14" t="s">
        <v>1</v>
      </c>
      <c r="C80829" s="14" t="s">
        <v>70</v>
      </c>
      <c r="D80829" s="14" t="s">
        <v>411</v>
      </c>
      <c r="E80829" s="15">
        <v>45540</v>
      </c>
      <c r="F80829" s="14" t="s">
        <v>25</v>
      </c>
      <c r="G80829" s="16">
        <v>1.6982049279003577</v>
      </c>
    </row>
    <row r="80830" spans="1:7" x14ac:dyDescent="0.3">
      <c r="A80830" s="13" t="s">
        <v>410</v>
      </c>
      <c r="B80830" s="14" t="s">
        <v>1</v>
      </c>
      <c r="C80830" s="14" t="s">
        <v>70</v>
      </c>
      <c r="D80830" s="14" t="s">
        <v>411</v>
      </c>
      <c r="E80830" s="15">
        <v>45541</v>
      </c>
      <c r="F80830" s="14" t="s">
        <v>25</v>
      </c>
      <c r="G80830" s="16">
        <v>1.7012305538353121</v>
      </c>
    </row>
    <row r="80831" spans="1:7" x14ac:dyDescent="0.3">
      <c r="A80831" s="13" t="s">
        <v>410</v>
      </c>
      <c r="B80831" s="14" t="s">
        <v>1</v>
      </c>
      <c r="C80831" s="14" t="s">
        <v>70</v>
      </c>
      <c r="D80831" s="14" t="s">
        <v>411</v>
      </c>
      <c r="E80831" s="15">
        <v>45542</v>
      </c>
      <c r="F80831" s="14" t="s">
        <v>25</v>
      </c>
      <c r="G80831" s="16">
        <v>1.7012305538353121</v>
      </c>
    </row>
    <row r="80832" spans="1:7" x14ac:dyDescent="0.3">
      <c r="A80832" s="13" t="s">
        <v>410</v>
      </c>
      <c r="B80832" s="14" t="s">
        <v>1</v>
      </c>
      <c r="C80832" s="14" t="s">
        <v>70</v>
      </c>
      <c r="D80832" s="14" t="s">
        <v>411</v>
      </c>
      <c r="E80832" s="15">
        <v>45543</v>
      </c>
      <c r="F80832" s="14" t="s">
        <v>25</v>
      </c>
      <c r="G80832" s="16">
        <v>1.7012305538353121</v>
      </c>
    </row>
    <row r="80833" spans="1:7" x14ac:dyDescent="0.3">
      <c r="A80833" s="13" t="s">
        <v>410</v>
      </c>
      <c r="B80833" s="14" t="s">
        <v>1</v>
      </c>
      <c r="C80833" s="14" t="s">
        <v>70</v>
      </c>
      <c r="D80833" s="14" t="s">
        <v>411</v>
      </c>
      <c r="E80833" s="15">
        <v>45544</v>
      </c>
      <c r="F80833" s="14" t="s">
        <v>25</v>
      </c>
      <c r="G80833" s="16">
        <v>1.7197002663278325</v>
      </c>
    </row>
    <row r="80834" spans="1:7" x14ac:dyDescent="0.3">
      <c r="A80834" s="13" t="s">
        <v>410</v>
      </c>
      <c r="B80834" s="14" t="s">
        <v>1</v>
      </c>
      <c r="C80834" s="14" t="s">
        <v>70</v>
      </c>
      <c r="D80834" s="14" t="s">
        <v>411</v>
      </c>
      <c r="E80834" s="15">
        <v>45545</v>
      </c>
      <c r="F80834" s="14" t="s">
        <v>25</v>
      </c>
      <c r="G80834" s="16">
        <v>1.7321933330683992</v>
      </c>
    </row>
    <row r="80835" spans="1:7" x14ac:dyDescent="0.3">
      <c r="A80835" s="13" t="s">
        <v>410</v>
      </c>
      <c r="B80835" s="14" t="s">
        <v>1</v>
      </c>
      <c r="C80835" s="14" t="s">
        <v>70</v>
      </c>
      <c r="D80835" s="14" t="s">
        <v>411</v>
      </c>
      <c r="E80835" s="15">
        <v>45546</v>
      </c>
      <c r="F80835" s="14" t="s">
        <v>25</v>
      </c>
      <c r="G80835" s="16">
        <v>1.7511111122906526</v>
      </c>
    </row>
    <row r="80836" spans="1:7" x14ac:dyDescent="0.3">
      <c r="A80836" s="13" t="s">
        <v>410</v>
      </c>
      <c r="B80836" s="14" t="s">
        <v>1</v>
      </c>
      <c r="C80836" s="14" t="s">
        <v>70</v>
      </c>
      <c r="D80836" s="14" t="s">
        <v>411</v>
      </c>
      <c r="E80836" s="15">
        <v>45547</v>
      </c>
      <c r="F80836" s="14" t="s">
        <v>25</v>
      </c>
      <c r="G80836" s="16">
        <v>1.7545427777850864</v>
      </c>
    </row>
    <row r="80837" spans="1:7" x14ac:dyDescent="0.3">
      <c r="A80837" s="13" t="s">
        <v>410</v>
      </c>
      <c r="B80837" s="14" t="s">
        <v>1</v>
      </c>
      <c r="C80837" s="14" t="s">
        <v>70</v>
      </c>
      <c r="D80837" s="14" t="s">
        <v>411</v>
      </c>
      <c r="E80837" s="15">
        <v>45548</v>
      </c>
      <c r="F80837" s="14" t="s">
        <v>25</v>
      </c>
      <c r="G80837" s="16">
        <v>1.7772162904263187</v>
      </c>
    </row>
    <row r="80838" spans="1:7" x14ac:dyDescent="0.3">
      <c r="A80838" s="13" t="s">
        <v>410</v>
      </c>
      <c r="B80838" s="14" t="s">
        <v>1</v>
      </c>
      <c r="C80838" s="14" t="s">
        <v>70</v>
      </c>
      <c r="D80838" s="14" t="s">
        <v>411</v>
      </c>
      <c r="E80838" s="15">
        <v>45549</v>
      </c>
      <c r="F80838" s="14" t="s">
        <v>25</v>
      </c>
      <c r="G80838" s="16">
        <v>1.7772162904263187</v>
      </c>
    </row>
    <row r="80839" spans="1:7" x14ac:dyDescent="0.3">
      <c r="A80839" s="13" t="s">
        <v>410</v>
      </c>
      <c r="B80839" s="14" t="s">
        <v>1</v>
      </c>
      <c r="C80839" s="14" t="s">
        <v>70</v>
      </c>
      <c r="D80839" s="14" t="s">
        <v>411</v>
      </c>
      <c r="E80839" s="15">
        <v>45550</v>
      </c>
      <c r="F80839" s="14" t="s">
        <v>25</v>
      </c>
      <c r="G80839" s="16">
        <v>1.7772162904263187</v>
      </c>
    </row>
    <row r="80840" spans="1:7" x14ac:dyDescent="0.3">
      <c r="A80840" s="13" t="s">
        <v>410</v>
      </c>
      <c r="B80840" s="14" t="s">
        <v>1</v>
      </c>
      <c r="C80840" s="14" t="s">
        <v>70</v>
      </c>
      <c r="D80840" s="14" t="s">
        <v>411</v>
      </c>
      <c r="E80840" s="15">
        <v>45551</v>
      </c>
      <c r="F80840" s="14" t="s">
        <v>25</v>
      </c>
      <c r="G80840" s="16">
        <v>1.7848754908530713</v>
      </c>
    </row>
    <row r="80841" spans="1:7" x14ac:dyDescent="0.3">
      <c r="A80841" s="13" t="s">
        <v>410</v>
      </c>
      <c r="B80841" s="14" t="s">
        <v>1</v>
      </c>
      <c r="C80841" s="14" t="s">
        <v>70</v>
      </c>
      <c r="D80841" s="14" t="s">
        <v>411</v>
      </c>
      <c r="E80841" s="15">
        <v>45552</v>
      </c>
      <c r="F80841" s="14" t="s">
        <v>25</v>
      </c>
      <c r="G80841" s="16">
        <v>1.8084277512961187</v>
      </c>
    </row>
    <row r="80842" spans="1:7" x14ac:dyDescent="0.3">
      <c r="A80842" s="13" t="s">
        <v>410</v>
      </c>
      <c r="B80842" s="14" t="s">
        <v>1</v>
      </c>
      <c r="C80842" s="14" t="s">
        <v>70</v>
      </c>
      <c r="D80842" s="14" t="s">
        <v>411</v>
      </c>
      <c r="E80842" s="15">
        <v>45553</v>
      </c>
      <c r="F80842" s="14" t="s">
        <v>25</v>
      </c>
      <c r="G80842" s="16">
        <v>1.8130042861000004</v>
      </c>
    </row>
    <row r="80843" spans="1:7" x14ac:dyDescent="0.3">
      <c r="A80843" s="13" t="s">
        <v>410</v>
      </c>
      <c r="B80843" s="14" t="s">
        <v>1</v>
      </c>
      <c r="C80843" s="14" t="s">
        <v>70</v>
      </c>
      <c r="D80843" s="14" t="s">
        <v>411</v>
      </c>
      <c r="E80843" s="15">
        <v>45554</v>
      </c>
      <c r="F80843" s="14" t="s">
        <v>25</v>
      </c>
      <c r="G80843" s="16">
        <v>1.8215941984351454</v>
      </c>
    </row>
    <row r="80844" spans="1:7" x14ac:dyDescent="0.3">
      <c r="A80844" s="13" t="s">
        <v>410</v>
      </c>
      <c r="B80844" s="14" t="s">
        <v>1</v>
      </c>
      <c r="C80844" s="14" t="s">
        <v>70</v>
      </c>
      <c r="D80844" s="14" t="s">
        <v>411</v>
      </c>
      <c r="E80844" s="15">
        <v>45555</v>
      </c>
      <c r="F80844" s="14" t="s">
        <v>25</v>
      </c>
      <c r="G80844" s="16">
        <v>1.8321644457150339</v>
      </c>
    </row>
    <row r="80845" spans="1:7" x14ac:dyDescent="0.3">
      <c r="A80845" s="13" t="s">
        <v>410</v>
      </c>
      <c r="B80845" s="14" t="s">
        <v>1</v>
      </c>
      <c r="C80845" s="14" t="s">
        <v>70</v>
      </c>
      <c r="D80845" s="14" t="s">
        <v>411</v>
      </c>
      <c r="E80845" s="15">
        <v>45556</v>
      </c>
      <c r="F80845" s="14" t="s">
        <v>25</v>
      </c>
      <c r="G80845" s="16">
        <v>1.8321644457150339</v>
      </c>
    </row>
    <row r="80846" spans="1:7" x14ac:dyDescent="0.3">
      <c r="A80846" s="13" t="s">
        <v>410</v>
      </c>
      <c r="B80846" s="14" t="s">
        <v>1</v>
      </c>
      <c r="C80846" s="14" t="s">
        <v>70</v>
      </c>
      <c r="D80846" s="14" t="s">
        <v>411</v>
      </c>
      <c r="E80846" s="15">
        <v>45557</v>
      </c>
      <c r="F80846" s="14" t="s">
        <v>25</v>
      </c>
      <c r="G80846" s="16">
        <v>1.8321644457150339</v>
      </c>
    </row>
    <row r="80847" spans="1:7" x14ac:dyDescent="0.3">
      <c r="A80847" s="13" t="s">
        <v>410</v>
      </c>
      <c r="B80847" s="14" t="s">
        <v>1</v>
      </c>
      <c r="C80847" s="14" t="s">
        <v>70</v>
      </c>
      <c r="D80847" s="14" t="s">
        <v>411</v>
      </c>
      <c r="E80847" s="15">
        <v>45558</v>
      </c>
      <c r="F80847" s="14" t="s">
        <v>25</v>
      </c>
      <c r="G80847" s="16">
        <v>1.8319395631865285</v>
      </c>
    </row>
    <row r="80848" spans="1:7" x14ac:dyDescent="0.3">
      <c r="A80848" s="13" t="s">
        <v>410</v>
      </c>
      <c r="B80848" s="14" t="s">
        <v>1</v>
      </c>
      <c r="C80848" s="14" t="s">
        <v>70</v>
      </c>
      <c r="D80848" s="14" t="s">
        <v>411</v>
      </c>
      <c r="E80848" s="15">
        <v>45559</v>
      </c>
      <c r="F80848" s="14" t="s">
        <v>25</v>
      </c>
      <c r="G80848" s="16">
        <v>1.840099708266884</v>
      </c>
    </row>
    <row r="80849" spans="1:7" x14ac:dyDescent="0.3">
      <c r="A80849" s="13" t="s">
        <v>410</v>
      </c>
      <c r="B80849" s="14" t="s">
        <v>1</v>
      </c>
      <c r="C80849" s="14" t="s">
        <v>70</v>
      </c>
      <c r="D80849" s="14" t="s">
        <v>411</v>
      </c>
      <c r="E80849" s="15">
        <v>45560</v>
      </c>
      <c r="F80849" s="14" t="s">
        <v>25</v>
      </c>
      <c r="G80849" s="16">
        <v>1.8610235844090324</v>
      </c>
    </row>
    <row r="80850" spans="1:7" x14ac:dyDescent="0.3">
      <c r="A80850" s="13" t="s">
        <v>410</v>
      </c>
      <c r="B80850" s="14" t="s">
        <v>1</v>
      </c>
      <c r="C80850" s="14" t="s">
        <v>70</v>
      </c>
      <c r="D80850" s="14" t="s">
        <v>411</v>
      </c>
      <c r="E80850" s="15">
        <v>45561</v>
      </c>
      <c r="F80850" s="14" t="s">
        <v>25</v>
      </c>
      <c r="G80850" s="16">
        <v>1.8637342962240129</v>
      </c>
    </row>
    <row r="80851" spans="1:7" x14ac:dyDescent="0.3">
      <c r="A80851" s="13" t="s">
        <v>410</v>
      </c>
      <c r="B80851" s="14" t="s">
        <v>1</v>
      </c>
      <c r="C80851" s="14" t="s">
        <v>70</v>
      </c>
      <c r="D80851" s="14" t="s">
        <v>411</v>
      </c>
      <c r="E80851" s="15">
        <v>45562</v>
      </c>
      <c r="F80851" s="14" t="s">
        <v>25</v>
      </c>
      <c r="G80851" s="16">
        <v>1.8607318749575468</v>
      </c>
    </row>
    <row r="80852" spans="1:7" x14ac:dyDescent="0.3">
      <c r="A80852" s="13" t="s">
        <v>410</v>
      </c>
      <c r="B80852" s="14" t="s">
        <v>1</v>
      </c>
      <c r="C80852" s="14" t="s">
        <v>70</v>
      </c>
      <c r="D80852" s="14" t="s">
        <v>411</v>
      </c>
      <c r="E80852" s="15">
        <v>45563</v>
      </c>
      <c r="F80852" s="14" t="s">
        <v>25</v>
      </c>
      <c r="G80852" s="16">
        <v>1.8607318749575468</v>
      </c>
    </row>
    <row r="80853" spans="1:7" x14ac:dyDescent="0.3">
      <c r="A80853" s="13" t="s">
        <v>410</v>
      </c>
      <c r="B80853" s="14" t="s">
        <v>1</v>
      </c>
      <c r="C80853" s="14" t="s">
        <v>70</v>
      </c>
      <c r="D80853" s="14" t="s">
        <v>411</v>
      </c>
      <c r="E80853" s="15">
        <v>45564</v>
      </c>
      <c r="F80853" s="14" t="s">
        <v>25</v>
      </c>
      <c r="G80853" s="16">
        <v>1.8607318749575468</v>
      </c>
    </row>
    <row r="80854" spans="1:7" x14ac:dyDescent="0.3">
      <c r="A80854" s="13" t="s">
        <v>410</v>
      </c>
      <c r="B80854" s="14" t="s">
        <v>1</v>
      </c>
      <c r="C80854" s="14" t="s">
        <v>70</v>
      </c>
      <c r="D80854" s="14" t="s">
        <v>411</v>
      </c>
      <c r="E80854" s="15">
        <v>45565</v>
      </c>
      <c r="F80854" s="14" t="s">
        <v>25</v>
      </c>
      <c r="G80854" s="16">
        <v>1.8912567488082197</v>
      </c>
    </row>
    <row r="80855" spans="1:7" x14ac:dyDescent="0.3">
      <c r="A80855" s="13" t="s">
        <v>410</v>
      </c>
      <c r="B80855" s="14" t="s">
        <v>1</v>
      </c>
      <c r="C80855" s="14" t="s">
        <v>70</v>
      </c>
      <c r="D80855" s="14" t="s">
        <v>411</v>
      </c>
      <c r="E80855" s="15">
        <v>45566</v>
      </c>
      <c r="F80855" s="14" t="s">
        <v>25</v>
      </c>
      <c r="G80855" s="16">
        <v>1.9145472610262939</v>
      </c>
    </row>
    <row r="80856" spans="1:7" x14ac:dyDescent="0.3">
      <c r="A80856" s="13" t="s">
        <v>410</v>
      </c>
      <c r="B80856" s="14" t="s">
        <v>1</v>
      </c>
      <c r="C80856" s="14" t="s">
        <v>70</v>
      </c>
      <c r="D80856" s="14" t="s">
        <v>411</v>
      </c>
      <c r="E80856" s="15">
        <v>45567</v>
      </c>
      <c r="F80856" s="14" t="s">
        <v>25</v>
      </c>
      <c r="G80856" s="16">
        <v>1.9285843894817249</v>
      </c>
    </row>
    <row r="80857" spans="1:7" x14ac:dyDescent="0.3">
      <c r="A80857" s="13" t="s">
        <v>410</v>
      </c>
      <c r="B80857" s="14" t="s">
        <v>1</v>
      </c>
      <c r="C80857" s="14" t="s">
        <v>70</v>
      </c>
      <c r="D80857" s="14" t="s">
        <v>411</v>
      </c>
      <c r="E80857" s="15">
        <v>45568</v>
      </c>
      <c r="F80857" s="14" t="s">
        <v>25</v>
      </c>
      <c r="G80857" s="16">
        <v>1.9405518855554384</v>
      </c>
    </row>
    <row r="80858" spans="1:7" x14ac:dyDescent="0.3">
      <c r="A80858" s="13" t="s">
        <v>410</v>
      </c>
      <c r="B80858" s="14" t="s">
        <v>1</v>
      </c>
      <c r="C80858" s="14" t="s">
        <v>70</v>
      </c>
      <c r="D80858" s="14" t="s">
        <v>411</v>
      </c>
      <c r="E80858" s="15">
        <v>45569</v>
      </c>
      <c r="F80858" s="14" t="s">
        <v>25</v>
      </c>
      <c r="G80858" s="16">
        <v>1.9598654130707847</v>
      </c>
    </row>
    <row r="80859" spans="1:7" x14ac:dyDescent="0.3">
      <c r="A80859" s="13" t="s">
        <v>410</v>
      </c>
      <c r="B80859" s="14" t="s">
        <v>1</v>
      </c>
      <c r="C80859" s="14" t="s">
        <v>70</v>
      </c>
      <c r="D80859" s="14" t="s">
        <v>411</v>
      </c>
      <c r="E80859" s="15">
        <v>45570</v>
      </c>
      <c r="F80859" s="14" t="s">
        <v>25</v>
      </c>
      <c r="G80859" s="16">
        <v>1.9598654130707847</v>
      </c>
    </row>
    <row r="80860" spans="1:7" x14ac:dyDescent="0.3">
      <c r="A80860" s="13" t="s">
        <v>410</v>
      </c>
      <c r="B80860" s="14" t="s">
        <v>1</v>
      </c>
      <c r="C80860" s="14" t="s">
        <v>70</v>
      </c>
      <c r="D80860" s="14" t="s">
        <v>411</v>
      </c>
      <c r="E80860" s="15">
        <v>45571</v>
      </c>
      <c r="F80860" s="14" t="s">
        <v>25</v>
      </c>
      <c r="G80860" s="16">
        <v>1.9598654130707847</v>
      </c>
    </row>
    <row r="80861" spans="1:7" x14ac:dyDescent="0.3">
      <c r="A80861" s="13" t="s">
        <v>410</v>
      </c>
      <c r="B80861" s="14" t="s">
        <v>1</v>
      </c>
      <c r="C80861" s="14" t="s">
        <v>70</v>
      </c>
      <c r="D80861" s="14" t="s">
        <v>411</v>
      </c>
      <c r="E80861" s="15">
        <v>45572</v>
      </c>
      <c r="F80861" s="14" t="s">
        <v>25</v>
      </c>
      <c r="G80861" s="16">
        <v>1.9728182887040746</v>
      </c>
    </row>
    <row r="80862" spans="1:7" x14ac:dyDescent="0.3">
      <c r="A80862" s="13" t="s">
        <v>410</v>
      </c>
      <c r="B80862" s="14" t="s">
        <v>1</v>
      </c>
      <c r="C80862" s="14" t="s">
        <v>70</v>
      </c>
      <c r="D80862" s="14" t="s">
        <v>411</v>
      </c>
      <c r="E80862" s="15">
        <v>45573</v>
      </c>
      <c r="F80862" s="14" t="s">
        <v>25</v>
      </c>
      <c r="G80862" s="16">
        <v>1.9942232504183783</v>
      </c>
    </row>
    <row r="80863" spans="1:7" x14ac:dyDescent="0.3">
      <c r="A80863" s="13" t="s">
        <v>410</v>
      </c>
      <c r="B80863" s="14" t="s">
        <v>1</v>
      </c>
      <c r="C80863" s="14" t="s">
        <v>70</v>
      </c>
      <c r="D80863" s="14" t="s">
        <v>411</v>
      </c>
      <c r="E80863" s="15">
        <v>45574</v>
      </c>
      <c r="F80863" s="14" t="s">
        <v>25</v>
      </c>
      <c r="G80863" s="16">
        <v>2.0082483836398142</v>
      </c>
    </row>
    <row r="80864" spans="1:7" x14ac:dyDescent="0.3">
      <c r="A80864" s="13" t="s">
        <v>410</v>
      </c>
      <c r="B80864" s="14" t="s">
        <v>1</v>
      </c>
      <c r="C80864" s="14" t="s">
        <v>70</v>
      </c>
      <c r="D80864" s="14" t="s">
        <v>411</v>
      </c>
      <c r="E80864" s="15">
        <v>45575</v>
      </c>
      <c r="F80864" s="14" t="s">
        <v>25</v>
      </c>
      <c r="G80864" s="16">
        <v>2.0034054565592929</v>
      </c>
    </row>
    <row r="80865" spans="1:7" x14ac:dyDescent="0.3">
      <c r="A80865" s="13" t="s">
        <v>410</v>
      </c>
      <c r="B80865" s="14" t="s">
        <v>1</v>
      </c>
      <c r="C80865" s="14" t="s">
        <v>70</v>
      </c>
      <c r="D80865" s="14" t="s">
        <v>411</v>
      </c>
      <c r="E80865" s="15">
        <v>45576</v>
      </c>
      <c r="F80865" s="14" t="s">
        <v>25</v>
      </c>
      <c r="G80865" s="16">
        <v>2.0240415109821965</v>
      </c>
    </row>
    <row r="80866" spans="1:7" x14ac:dyDescent="0.3">
      <c r="A80866" s="13" t="s">
        <v>410</v>
      </c>
      <c r="B80866" s="14" t="s">
        <v>1</v>
      </c>
      <c r="C80866" s="14" t="s">
        <v>70</v>
      </c>
      <c r="D80866" s="14" t="s">
        <v>411</v>
      </c>
      <c r="E80866" s="15">
        <v>45577</v>
      </c>
      <c r="F80866" s="14" t="s">
        <v>25</v>
      </c>
      <c r="G80866" s="16">
        <v>2.0240415109821965</v>
      </c>
    </row>
    <row r="80867" spans="1:7" x14ac:dyDescent="0.3">
      <c r="A80867" s="13" t="s">
        <v>410</v>
      </c>
      <c r="B80867" s="14" t="s">
        <v>1</v>
      </c>
      <c r="C80867" s="14" t="s">
        <v>70</v>
      </c>
      <c r="D80867" s="14" t="s">
        <v>411</v>
      </c>
      <c r="E80867" s="15">
        <v>45578</v>
      </c>
      <c r="F80867" s="14" t="s">
        <v>25</v>
      </c>
      <c r="G80867" s="16">
        <v>2.0240415109821965</v>
      </c>
    </row>
    <row r="80868" spans="1:7" x14ac:dyDescent="0.3">
      <c r="A80868" s="13" t="s">
        <v>410</v>
      </c>
      <c r="B80868" s="14" t="s">
        <v>1</v>
      </c>
      <c r="C80868" s="14" t="s">
        <v>70</v>
      </c>
      <c r="D80868" s="14" t="s">
        <v>411</v>
      </c>
      <c r="E80868" s="15">
        <v>45579</v>
      </c>
      <c r="F80868" s="14" t="s">
        <v>25</v>
      </c>
      <c r="G80868" s="16">
        <v>2.042497134683098</v>
      </c>
    </row>
    <row r="80869" spans="1:7" x14ac:dyDescent="0.3">
      <c r="A80869" s="13" t="s">
        <v>410</v>
      </c>
      <c r="B80869" s="14" t="s">
        <v>1</v>
      </c>
      <c r="C80869" s="14" t="s">
        <v>70</v>
      </c>
      <c r="D80869" s="14" t="s">
        <v>411</v>
      </c>
      <c r="E80869" s="15">
        <v>45580</v>
      </c>
      <c r="F80869" s="14" t="s">
        <v>25</v>
      </c>
      <c r="G80869" s="16">
        <v>2.0567087342193533</v>
      </c>
    </row>
    <row r="80870" spans="1:7" x14ac:dyDescent="0.3">
      <c r="A80870" s="13" t="s">
        <v>410</v>
      </c>
      <c r="B80870" s="14" t="s">
        <v>1</v>
      </c>
      <c r="C80870" s="14" t="s">
        <v>70</v>
      </c>
      <c r="D80870" s="14" t="s">
        <v>411</v>
      </c>
      <c r="E80870" s="15">
        <v>45581</v>
      </c>
      <c r="F80870" s="14" t="s">
        <v>25</v>
      </c>
      <c r="G80870" s="16">
        <v>2.0747743987045957</v>
      </c>
    </row>
    <row r="80871" spans="1:7" x14ac:dyDescent="0.3">
      <c r="A80871" s="13" t="s">
        <v>410</v>
      </c>
      <c r="B80871" s="14" t="s">
        <v>1</v>
      </c>
      <c r="C80871" s="14" t="s">
        <v>70</v>
      </c>
      <c r="D80871" s="14" t="s">
        <v>411</v>
      </c>
      <c r="E80871" s="15">
        <v>45582</v>
      </c>
      <c r="F80871" s="14" t="s">
        <v>25</v>
      </c>
      <c r="G80871" s="16">
        <v>2.0815688449064247</v>
      </c>
    </row>
    <row r="80872" spans="1:7" x14ac:dyDescent="0.3">
      <c r="A80872" s="13" t="s">
        <v>410</v>
      </c>
      <c r="B80872" s="14" t="s">
        <v>1</v>
      </c>
      <c r="C80872" s="14" t="s">
        <v>70</v>
      </c>
      <c r="D80872" s="14" t="s">
        <v>411</v>
      </c>
      <c r="E80872" s="15">
        <v>45583</v>
      </c>
      <c r="F80872" s="14" t="s">
        <v>25</v>
      </c>
      <c r="G80872" s="16">
        <v>2.0905732665109085</v>
      </c>
    </row>
    <row r="80873" spans="1:7" x14ac:dyDescent="0.3">
      <c r="A80873" s="13" t="s">
        <v>410</v>
      </c>
      <c r="B80873" s="14" t="s">
        <v>1</v>
      </c>
      <c r="C80873" s="14" t="s">
        <v>70</v>
      </c>
      <c r="D80873" s="14" t="s">
        <v>411</v>
      </c>
      <c r="E80873" s="15">
        <v>45584</v>
      </c>
      <c r="F80873" s="14" t="s">
        <v>25</v>
      </c>
      <c r="G80873" s="16">
        <v>2.0905732665109085</v>
      </c>
    </row>
    <row r="80874" spans="1:7" x14ac:dyDescent="0.3">
      <c r="A80874" s="13" t="s">
        <v>410</v>
      </c>
      <c r="B80874" s="14" t="s">
        <v>1</v>
      </c>
      <c r="C80874" s="14" t="s">
        <v>70</v>
      </c>
      <c r="D80874" s="14" t="s">
        <v>411</v>
      </c>
      <c r="E80874" s="15">
        <v>45585</v>
      </c>
      <c r="F80874" s="14" t="s">
        <v>25</v>
      </c>
      <c r="G80874" s="16">
        <v>2.0905732665109085</v>
      </c>
    </row>
    <row r="80875" spans="1:7" x14ac:dyDescent="0.3">
      <c r="A80875" s="13" t="s">
        <v>410</v>
      </c>
      <c r="B80875" s="14" t="s">
        <v>1</v>
      </c>
      <c r="C80875" s="14" t="s">
        <v>70</v>
      </c>
      <c r="D80875" s="14" t="s">
        <v>411</v>
      </c>
      <c r="E80875" s="15">
        <v>45586</v>
      </c>
      <c r="F80875" s="14" t="s">
        <v>25</v>
      </c>
      <c r="G80875" s="16">
        <v>2.1045745064082335</v>
      </c>
    </row>
    <row r="80876" spans="1:7" x14ac:dyDescent="0.3">
      <c r="A80876" s="13" t="s">
        <v>410</v>
      </c>
      <c r="B80876" s="14" t="s">
        <v>1</v>
      </c>
      <c r="C80876" s="14" t="s">
        <v>70</v>
      </c>
      <c r="D80876" s="14" t="s">
        <v>411</v>
      </c>
      <c r="E80876" s="15">
        <v>45587</v>
      </c>
      <c r="F80876" s="14" t="s">
        <v>25</v>
      </c>
      <c r="G80876" s="16">
        <v>2.1189315650250586</v>
      </c>
    </row>
    <row r="80877" spans="1:7" x14ac:dyDescent="0.3">
      <c r="A80877" s="13" t="s">
        <v>410</v>
      </c>
      <c r="B80877" s="14" t="s">
        <v>1</v>
      </c>
      <c r="C80877" s="14" t="s">
        <v>70</v>
      </c>
      <c r="D80877" s="14" t="s">
        <v>411</v>
      </c>
      <c r="E80877" s="15">
        <v>45588</v>
      </c>
      <c r="F80877" s="14" t="s">
        <v>25</v>
      </c>
      <c r="G80877" s="16">
        <v>2.1270517285391559</v>
      </c>
    </row>
    <row r="80878" spans="1:7" x14ac:dyDescent="0.3">
      <c r="A80878" s="13" t="s">
        <v>410</v>
      </c>
      <c r="B80878" s="14" t="s">
        <v>1</v>
      </c>
      <c r="C80878" s="14" t="s">
        <v>70</v>
      </c>
      <c r="D80878" s="14" t="s">
        <v>411</v>
      </c>
      <c r="E80878" s="15">
        <v>45589</v>
      </c>
      <c r="F80878" s="14" t="s">
        <v>25</v>
      </c>
      <c r="G80878" s="16">
        <v>2.1329214671367374</v>
      </c>
    </row>
    <row r="80879" spans="1:7" x14ac:dyDescent="0.3">
      <c r="A80879" s="13" t="s">
        <v>410</v>
      </c>
      <c r="B80879" s="14" t="s">
        <v>1</v>
      </c>
      <c r="C80879" s="14" t="s">
        <v>70</v>
      </c>
      <c r="D80879" s="14" t="s">
        <v>411</v>
      </c>
      <c r="E80879" s="15">
        <v>45590</v>
      </c>
      <c r="F80879" s="14" t="s">
        <v>25</v>
      </c>
      <c r="G80879" s="16">
        <v>2.1405910638562737</v>
      </c>
    </row>
    <row r="80880" spans="1:7" x14ac:dyDescent="0.3">
      <c r="A80880" s="13" t="s">
        <v>410</v>
      </c>
      <c r="B80880" s="14" t="s">
        <v>1</v>
      </c>
      <c r="C80880" s="14" t="s">
        <v>70</v>
      </c>
      <c r="D80880" s="14" t="s">
        <v>411</v>
      </c>
      <c r="E80880" s="15">
        <v>45591</v>
      </c>
      <c r="F80880" s="14" t="s">
        <v>25</v>
      </c>
      <c r="G80880" s="16">
        <v>2.1405910638562737</v>
      </c>
    </row>
    <row r="80881" spans="1:7" x14ac:dyDescent="0.3">
      <c r="A80881" s="13" t="s">
        <v>410</v>
      </c>
      <c r="B80881" s="14" t="s">
        <v>1</v>
      </c>
      <c r="C80881" s="14" t="s">
        <v>70</v>
      </c>
      <c r="D80881" s="14" t="s">
        <v>411</v>
      </c>
      <c r="E80881" s="15">
        <v>45592</v>
      </c>
      <c r="F80881" s="14" t="s">
        <v>25</v>
      </c>
      <c r="G80881" s="16">
        <v>2.1405910638562737</v>
      </c>
    </row>
    <row r="80882" spans="1:7" x14ac:dyDescent="0.3">
      <c r="A80882" s="13" t="s">
        <v>410</v>
      </c>
      <c r="B80882" s="14" t="s">
        <v>1</v>
      </c>
      <c r="C80882" s="14" t="s">
        <v>70</v>
      </c>
      <c r="D80882" s="14" t="s">
        <v>411</v>
      </c>
      <c r="E80882" s="15">
        <v>45593</v>
      </c>
      <c r="F80882" s="14" t="s">
        <v>25</v>
      </c>
      <c r="G80882" s="16">
        <v>2.1405910638562737</v>
      </c>
    </row>
    <row r="80883" spans="1:7" x14ac:dyDescent="0.3">
      <c r="A80883" s="13" t="s">
        <v>410</v>
      </c>
      <c r="B80883" s="14" t="s">
        <v>1</v>
      </c>
      <c r="C80883" s="14" t="s">
        <v>70</v>
      </c>
      <c r="D80883" s="14" t="s">
        <v>411</v>
      </c>
      <c r="E80883" s="15">
        <v>45594</v>
      </c>
      <c r="F80883" s="14" t="s">
        <v>25</v>
      </c>
      <c r="G80883" s="16">
        <v>2.1477017257765407</v>
      </c>
    </row>
    <row r="80884" spans="1:7" x14ac:dyDescent="0.3">
      <c r="A80884" s="13" t="s">
        <v>410</v>
      </c>
      <c r="B80884" s="14" t="s">
        <v>1</v>
      </c>
      <c r="C80884" s="14" t="s">
        <v>70</v>
      </c>
      <c r="D80884" s="14" t="s">
        <v>411</v>
      </c>
      <c r="E80884" s="15">
        <v>45595</v>
      </c>
      <c r="F80884" s="14" t="s">
        <v>25</v>
      </c>
      <c r="G80884" s="16">
        <v>2.1766243765943911</v>
      </c>
    </row>
    <row r="80885" spans="1:7" x14ac:dyDescent="0.3">
      <c r="A80885" s="13" t="s">
        <v>410</v>
      </c>
      <c r="B80885" s="14" t="s">
        <v>1</v>
      </c>
      <c r="C80885" s="14" t="s">
        <v>70</v>
      </c>
      <c r="D80885" s="14" t="s">
        <v>411</v>
      </c>
      <c r="E80885" s="15">
        <v>45596</v>
      </c>
      <c r="F80885" s="14" t="s">
        <v>25</v>
      </c>
      <c r="G80885" s="16">
        <v>2.1745354080456027</v>
      </c>
    </row>
    <row r="80886" spans="1:7" x14ac:dyDescent="0.3">
      <c r="A80886" s="13" t="s">
        <v>410</v>
      </c>
      <c r="B80886" s="14" t="s">
        <v>1</v>
      </c>
      <c r="C80886" s="14" t="s">
        <v>70</v>
      </c>
      <c r="D80886" s="14" t="s">
        <v>411</v>
      </c>
      <c r="E80886" s="15">
        <v>45597</v>
      </c>
      <c r="F80886" s="14" t="s">
        <v>25</v>
      </c>
      <c r="G80886" s="16">
        <v>2.1977543052972082</v>
      </c>
    </row>
    <row r="80887" spans="1:7" x14ac:dyDescent="0.3">
      <c r="A80887" s="13" t="s">
        <v>410</v>
      </c>
      <c r="B80887" s="14" t="s">
        <v>1</v>
      </c>
      <c r="C80887" s="14" t="s">
        <v>70</v>
      </c>
      <c r="D80887" s="14" t="s">
        <v>411</v>
      </c>
      <c r="E80887" s="15">
        <v>45598</v>
      </c>
      <c r="F80887" s="14" t="s">
        <v>25</v>
      </c>
      <c r="G80887" s="16">
        <v>2.1977543052972082</v>
      </c>
    </row>
    <row r="80888" spans="1:7" x14ac:dyDescent="0.3">
      <c r="A80888" s="13" t="s">
        <v>410</v>
      </c>
      <c r="B80888" s="14" t="s">
        <v>1</v>
      </c>
      <c r="C80888" s="14" t="s">
        <v>70</v>
      </c>
      <c r="D80888" s="14" t="s">
        <v>411</v>
      </c>
      <c r="E80888" s="15">
        <v>45599</v>
      </c>
      <c r="F80888" s="14" t="s">
        <v>25</v>
      </c>
      <c r="G80888" s="16">
        <v>2.1977543052972082</v>
      </c>
    </row>
    <row r="80889" spans="1:7" x14ac:dyDescent="0.3">
      <c r="A80889" s="13" t="s">
        <v>410</v>
      </c>
      <c r="B80889" s="14" t="s">
        <v>1</v>
      </c>
      <c r="C80889" s="14" t="s">
        <v>70</v>
      </c>
      <c r="D80889" s="14" t="s">
        <v>411</v>
      </c>
      <c r="E80889" s="15">
        <v>45600</v>
      </c>
      <c r="F80889" s="14" t="s">
        <v>25</v>
      </c>
      <c r="G80889" s="16">
        <v>2.1829949885453885</v>
      </c>
    </row>
    <row r="80890" spans="1:7" x14ac:dyDescent="0.3">
      <c r="A80890" s="13" t="s">
        <v>410</v>
      </c>
      <c r="B80890" s="14" t="s">
        <v>1</v>
      </c>
      <c r="C80890" s="14" t="s">
        <v>70</v>
      </c>
      <c r="D80890" s="14" t="s">
        <v>411</v>
      </c>
      <c r="E80890" s="15">
        <v>45601</v>
      </c>
      <c r="F80890" s="14" t="s">
        <v>25</v>
      </c>
      <c r="G80890" s="16">
        <v>2.1958630795536944</v>
      </c>
    </row>
    <row r="80891" spans="1:7" x14ac:dyDescent="0.3">
      <c r="A80891" s="13" t="s">
        <v>410</v>
      </c>
      <c r="B80891" s="14" t="s">
        <v>1</v>
      </c>
      <c r="C80891" s="14" t="s">
        <v>70</v>
      </c>
      <c r="D80891" s="14" t="s">
        <v>411</v>
      </c>
      <c r="E80891" s="15">
        <v>45602</v>
      </c>
      <c r="F80891" s="14" t="s">
        <v>25</v>
      </c>
      <c r="G80891" s="16">
        <v>2.2372023020596763</v>
      </c>
    </row>
    <row r="80892" spans="1:7" x14ac:dyDescent="0.3">
      <c r="A80892" s="13" t="s">
        <v>410</v>
      </c>
      <c r="B80892" s="14" t="s">
        <v>1</v>
      </c>
      <c r="C80892" s="14" t="s">
        <v>70</v>
      </c>
      <c r="D80892" s="14" t="s">
        <v>411</v>
      </c>
      <c r="E80892" s="15">
        <v>45603</v>
      </c>
      <c r="F80892" s="14" t="s">
        <v>25</v>
      </c>
      <c r="G80892" s="16">
        <v>2.2329420613438571</v>
      </c>
    </row>
    <row r="80893" spans="1:7" x14ac:dyDescent="0.3">
      <c r="A80893" s="13" t="s">
        <v>410</v>
      </c>
      <c r="B80893" s="14" t="s">
        <v>1</v>
      </c>
      <c r="C80893" s="14" t="s">
        <v>70</v>
      </c>
      <c r="D80893" s="14" t="s">
        <v>411</v>
      </c>
      <c r="E80893" s="15">
        <v>45604</v>
      </c>
      <c r="F80893" s="14" t="s">
        <v>25</v>
      </c>
      <c r="G80893" s="16">
        <v>2.2582179013572508</v>
      </c>
    </row>
    <row r="80894" spans="1:7" x14ac:dyDescent="0.3">
      <c r="A80894" s="13" t="s">
        <v>410</v>
      </c>
      <c r="B80894" s="14" t="s">
        <v>1</v>
      </c>
      <c r="C80894" s="14" t="s">
        <v>70</v>
      </c>
      <c r="D80894" s="14" t="s">
        <v>411</v>
      </c>
      <c r="E80894" s="15">
        <v>45605</v>
      </c>
      <c r="F80894" s="14" t="s">
        <v>25</v>
      </c>
      <c r="G80894" s="16">
        <v>2.2582179013572508</v>
      </c>
    </row>
    <row r="80895" spans="1:7" x14ac:dyDescent="0.3">
      <c r="A80895" s="13" t="s">
        <v>410</v>
      </c>
      <c r="B80895" s="14" t="s">
        <v>1</v>
      </c>
      <c r="C80895" s="14" t="s">
        <v>70</v>
      </c>
      <c r="D80895" s="14" t="s">
        <v>411</v>
      </c>
      <c r="E80895" s="15">
        <v>45606</v>
      </c>
      <c r="F80895" s="14" t="s">
        <v>25</v>
      </c>
      <c r="G80895" s="16">
        <v>2.2582179013572508</v>
      </c>
    </row>
    <row r="80896" spans="1:7" x14ac:dyDescent="0.3">
      <c r="A80896" s="13" t="s">
        <v>410</v>
      </c>
      <c r="B80896" s="14" t="s">
        <v>1</v>
      </c>
      <c r="C80896" s="14" t="s">
        <v>70</v>
      </c>
      <c r="D80896" s="14" t="s">
        <v>411</v>
      </c>
      <c r="E80896" s="15">
        <v>45607</v>
      </c>
      <c r="F80896" s="14" t="s">
        <v>25</v>
      </c>
      <c r="G80896" s="16">
        <v>2.2826388561623969</v>
      </c>
    </row>
    <row r="80897" spans="1:7" x14ac:dyDescent="0.3">
      <c r="A80897" s="13" t="s">
        <v>410</v>
      </c>
      <c r="B80897" s="14" t="s">
        <v>1</v>
      </c>
      <c r="C80897" s="14" t="s">
        <v>70</v>
      </c>
      <c r="D80897" s="14" t="s">
        <v>411</v>
      </c>
      <c r="E80897" s="15">
        <v>45608</v>
      </c>
      <c r="F80897" s="14" t="s">
        <v>25</v>
      </c>
      <c r="G80897" s="16">
        <v>2.3013974020390751</v>
      </c>
    </row>
    <row r="80898" spans="1:7" x14ac:dyDescent="0.3">
      <c r="A80898" s="13" t="s">
        <v>410</v>
      </c>
      <c r="B80898" s="14" t="s">
        <v>1</v>
      </c>
      <c r="C80898" s="14" t="s">
        <v>70</v>
      </c>
      <c r="D80898" s="14" t="s">
        <v>411</v>
      </c>
      <c r="E80898" s="15">
        <v>45609</v>
      </c>
      <c r="F80898" s="14" t="s">
        <v>25</v>
      </c>
      <c r="G80898" s="16">
        <v>2.3174114714169338</v>
      </c>
    </row>
    <row r="80899" spans="1:7" x14ac:dyDescent="0.3">
      <c r="A80899" s="13" t="s">
        <v>410</v>
      </c>
      <c r="B80899" s="14" t="s">
        <v>1</v>
      </c>
      <c r="C80899" s="14" t="s">
        <v>70</v>
      </c>
      <c r="D80899" s="14" t="s">
        <v>411</v>
      </c>
      <c r="E80899" s="15">
        <v>45610</v>
      </c>
      <c r="F80899" s="14" t="s">
        <v>25</v>
      </c>
      <c r="G80899" s="16">
        <v>2.3336943588843968</v>
      </c>
    </row>
    <row r="80900" spans="1:7" x14ac:dyDescent="0.3">
      <c r="A80900" s="13" t="s">
        <v>410</v>
      </c>
      <c r="B80900" s="14" t="s">
        <v>1</v>
      </c>
      <c r="C80900" s="14" t="s">
        <v>70</v>
      </c>
      <c r="D80900" s="14" t="s">
        <v>411</v>
      </c>
      <c r="E80900" s="15">
        <v>45611</v>
      </c>
      <c r="F80900" s="14" t="s">
        <v>25</v>
      </c>
      <c r="G80900" s="16">
        <v>2.3661428349140956</v>
      </c>
    </row>
    <row r="80901" spans="1:7" x14ac:dyDescent="0.3">
      <c r="A80901" s="13" t="s">
        <v>410</v>
      </c>
      <c r="B80901" s="14" t="s">
        <v>1</v>
      </c>
      <c r="C80901" s="14" t="s">
        <v>70</v>
      </c>
      <c r="D80901" s="14" t="s">
        <v>411</v>
      </c>
      <c r="E80901" s="15">
        <v>45612</v>
      </c>
      <c r="F80901" s="14" t="s">
        <v>25</v>
      </c>
      <c r="G80901" s="16">
        <v>2.3661428349140956</v>
      </c>
    </row>
    <row r="80902" spans="1:7" x14ac:dyDescent="0.3">
      <c r="A80902" s="13" t="s">
        <v>410</v>
      </c>
      <c r="B80902" s="14" t="s">
        <v>1</v>
      </c>
      <c r="C80902" s="14" t="s">
        <v>70</v>
      </c>
      <c r="D80902" s="14" t="s">
        <v>411</v>
      </c>
      <c r="E80902" s="15">
        <v>45613</v>
      </c>
      <c r="F80902" s="14" t="s">
        <v>25</v>
      </c>
      <c r="G80902" s="16">
        <v>2.3661428349140956</v>
      </c>
    </row>
    <row r="80903" spans="1:7" x14ac:dyDescent="0.3">
      <c r="A80903" s="13" t="s">
        <v>410</v>
      </c>
      <c r="B80903" s="14" t="s">
        <v>1</v>
      </c>
      <c r="C80903" s="14" t="s">
        <v>70</v>
      </c>
      <c r="D80903" s="14" t="s">
        <v>411</v>
      </c>
      <c r="E80903" s="15">
        <v>45614</v>
      </c>
      <c r="F80903" s="14" t="s">
        <v>25</v>
      </c>
      <c r="G80903" s="16">
        <v>2.3636631826054475</v>
      </c>
    </row>
    <row r="80904" spans="1:7" x14ac:dyDescent="0.3">
      <c r="A80904" s="13" t="s">
        <v>410</v>
      </c>
      <c r="B80904" s="14" t="s">
        <v>1</v>
      </c>
      <c r="C80904" s="14" t="s">
        <v>70</v>
      </c>
      <c r="D80904" s="14" t="s">
        <v>411</v>
      </c>
      <c r="E80904" s="15">
        <v>45615</v>
      </c>
      <c r="F80904" s="14" t="s">
        <v>25</v>
      </c>
      <c r="G80904" s="16">
        <v>2.3977378061874663</v>
      </c>
    </row>
    <row r="80905" spans="1:7" x14ac:dyDescent="0.3">
      <c r="A80905" s="13" t="s">
        <v>410</v>
      </c>
      <c r="B80905" s="14" t="s">
        <v>1</v>
      </c>
      <c r="C80905" s="14" t="s">
        <v>70</v>
      </c>
      <c r="D80905" s="14" t="s">
        <v>411</v>
      </c>
      <c r="E80905" s="15">
        <v>45616</v>
      </c>
      <c r="F80905" s="14" t="s">
        <v>25</v>
      </c>
      <c r="G80905" s="16">
        <v>2.4075380129512371</v>
      </c>
    </row>
    <row r="80906" spans="1:7" x14ac:dyDescent="0.3">
      <c r="A80906" s="13" t="s">
        <v>410</v>
      </c>
      <c r="B80906" s="14" t="s">
        <v>1</v>
      </c>
      <c r="C80906" s="14" t="s">
        <v>70</v>
      </c>
      <c r="D80906" s="14" t="s">
        <v>411</v>
      </c>
      <c r="E80906" s="15">
        <v>45617</v>
      </c>
      <c r="F80906" s="14" t="s">
        <v>25</v>
      </c>
      <c r="G80906" s="16">
        <v>2.4226166557525719</v>
      </c>
    </row>
    <row r="80907" spans="1:7" x14ac:dyDescent="0.3">
      <c r="A80907" s="13" t="s">
        <v>410</v>
      </c>
      <c r="B80907" s="14" t="s">
        <v>1</v>
      </c>
      <c r="C80907" s="14" t="s">
        <v>70</v>
      </c>
      <c r="D80907" s="14" t="s">
        <v>411</v>
      </c>
      <c r="E80907" s="15">
        <v>45618</v>
      </c>
      <c r="F80907" s="14" t="s">
        <v>25</v>
      </c>
      <c r="G80907" s="16">
        <v>2.4505973424023386</v>
      </c>
    </row>
    <row r="80908" spans="1:7" x14ac:dyDescent="0.3">
      <c r="A80908" s="13" t="s">
        <v>410</v>
      </c>
      <c r="B80908" s="14" t="s">
        <v>1</v>
      </c>
      <c r="C80908" s="14" t="s">
        <v>70</v>
      </c>
      <c r="D80908" s="14" t="s">
        <v>411</v>
      </c>
      <c r="E80908" s="15">
        <v>45619</v>
      </c>
      <c r="F80908" s="14" t="s">
        <v>25</v>
      </c>
      <c r="G80908" s="16">
        <v>2.4505973424023386</v>
      </c>
    </row>
    <row r="80909" spans="1:7" x14ac:dyDescent="0.3">
      <c r="A80909" s="13" t="s">
        <v>410</v>
      </c>
      <c r="B80909" s="14" t="s">
        <v>1</v>
      </c>
      <c r="C80909" s="14" t="s">
        <v>70</v>
      </c>
      <c r="D80909" s="14" t="s">
        <v>411</v>
      </c>
      <c r="E80909" s="15">
        <v>45620</v>
      </c>
      <c r="F80909" s="14" t="s">
        <v>25</v>
      </c>
      <c r="G80909" s="16">
        <v>2.4505973424023386</v>
      </c>
    </row>
    <row r="80910" spans="1:7" x14ac:dyDescent="0.3">
      <c r="A80910" s="13" t="s">
        <v>410</v>
      </c>
      <c r="B80910" s="14" t="s">
        <v>1</v>
      </c>
      <c r="C80910" s="14" t="s">
        <v>70</v>
      </c>
      <c r="D80910" s="14" t="s">
        <v>411</v>
      </c>
      <c r="E80910" s="15">
        <v>45621</v>
      </c>
      <c r="F80910" s="14" t="s">
        <v>25</v>
      </c>
      <c r="G80910" s="16">
        <v>2.4345055473724067</v>
      </c>
    </row>
    <row r="80911" spans="1:7" x14ac:dyDescent="0.3">
      <c r="A80911" s="13" t="s">
        <v>410</v>
      </c>
      <c r="B80911" s="14" t="s">
        <v>1</v>
      </c>
      <c r="C80911" s="14" t="s">
        <v>70</v>
      </c>
      <c r="D80911" s="14" t="s">
        <v>411</v>
      </c>
      <c r="E80911" s="15">
        <v>45622</v>
      </c>
      <c r="F80911" s="14" t="s">
        <v>25</v>
      </c>
      <c r="G80911" s="16">
        <v>2.4603742703474554</v>
      </c>
    </row>
    <row r="80912" spans="1:7" x14ac:dyDescent="0.3">
      <c r="A80912" s="13" t="s">
        <v>410</v>
      </c>
      <c r="B80912" s="14" t="s">
        <v>1</v>
      </c>
      <c r="C80912" s="14" t="s">
        <v>70</v>
      </c>
      <c r="D80912" s="14" t="s">
        <v>411</v>
      </c>
      <c r="E80912" s="15">
        <v>45623</v>
      </c>
      <c r="F80912" s="14" t="s">
        <v>25</v>
      </c>
      <c r="G80912" s="16">
        <v>2.4586273015719113</v>
      </c>
    </row>
    <row r="80913" spans="1:7" x14ac:dyDescent="0.3">
      <c r="A80913" s="13" t="s">
        <v>410</v>
      </c>
      <c r="B80913" s="14" t="s">
        <v>1</v>
      </c>
      <c r="C80913" s="14" t="s">
        <v>70</v>
      </c>
      <c r="D80913" s="14" t="s">
        <v>411</v>
      </c>
      <c r="E80913" s="15">
        <v>45624</v>
      </c>
      <c r="F80913" s="14" t="s">
        <v>25</v>
      </c>
      <c r="G80913" s="16">
        <v>2.4713621192334605</v>
      </c>
    </row>
    <row r="80914" spans="1:7" x14ac:dyDescent="0.3">
      <c r="A80914" s="13" t="s">
        <v>410</v>
      </c>
      <c r="B80914" s="14" t="s">
        <v>1</v>
      </c>
      <c r="C80914" s="14" t="s">
        <v>70</v>
      </c>
      <c r="D80914" s="14" t="s">
        <v>411</v>
      </c>
      <c r="E80914" s="15">
        <v>45625</v>
      </c>
      <c r="F80914" s="14" t="s">
        <v>25</v>
      </c>
      <c r="G80914" s="16">
        <v>2.4713187620921646</v>
      </c>
    </row>
    <row r="80915" spans="1:7" x14ac:dyDescent="0.3">
      <c r="A80915" s="13" t="s">
        <v>410</v>
      </c>
      <c r="B80915" s="14" t="s">
        <v>1</v>
      </c>
      <c r="C80915" s="14" t="s">
        <v>70</v>
      </c>
      <c r="D80915" s="14" t="s">
        <v>411</v>
      </c>
      <c r="E80915" s="15">
        <v>45626</v>
      </c>
      <c r="F80915" s="14" t="s">
        <v>25</v>
      </c>
      <c r="G80915" s="16">
        <v>2.4713187620921646</v>
      </c>
    </row>
    <row r="80916" spans="1:7" x14ac:dyDescent="0.3">
      <c r="A80916" s="13" t="s">
        <v>410</v>
      </c>
      <c r="B80916" s="14" t="s">
        <v>1</v>
      </c>
      <c r="C80916" s="14" t="s">
        <v>70</v>
      </c>
      <c r="D80916" s="14" t="s">
        <v>411</v>
      </c>
      <c r="E80916" s="15">
        <v>45627</v>
      </c>
      <c r="F80916" s="14" t="s">
        <v>25</v>
      </c>
      <c r="G80916" s="16">
        <v>2.4713187620921646</v>
      </c>
    </row>
    <row r="80917" spans="1:7" x14ac:dyDescent="0.3">
      <c r="A80917" s="13" t="s">
        <v>410</v>
      </c>
      <c r="B80917" s="14" t="s">
        <v>1</v>
      </c>
      <c r="C80917" s="14" t="s">
        <v>70</v>
      </c>
      <c r="D80917" s="14" t="s">
        <v>411</v>
      </c>
      <c r="E80917" s="15">
        <v>45628</v>
      </c>
      <c r="F80917" s="14" t="s">
        <v>25</v>
      </c>
      <c r="G80917" s="16">
        <v>2.5006093803782554</v>
      </c>
    </row>
    <row r="80918" spans="1:7" x14ac:dyDescent="0.3">
      <c r="A80918" s="13" t="s">
        <v>410</v>
      </c>
      <c r="B80918" s="14" t="s">
        <v>1</v>
      </c>
      <c r="C80918" s="14" t="s">
        <v>70</v>
      </c>
      <c r="D80918" s="14" t="s">
        <v>411</v>
      </c>
      <c r="E80918" s="15">
        <v>45629</v>
      </c>
      <c r="F80918" s="14" t="s">
        <v>25</v>
      </c>
      <c r="G80918" s="16">
        <v>2.5219201172846866</v>
      </c>
    </row>
    <row r="80919" spans="1:7" x14ac:dyDescent="0.3">
      <c r="A80919" s="13" t="s">
        <v>410</v>
      </c>
      <c r="B80919" s="14" t="s">
        <v>1</v>
      </c>
      <c r="C80919" s="14" t="s">
        <v>70</v>
      </c>
      <c r="D80919" s="14" t="s">
        <v>411</v>
      </c>
      <c r="E80919" s="15">
        <v>45630</v>
      </c>
      <c r="F80919" s="14" t="s">
        <v>25</v>
      </c>
      <c r="G80919" s="16">
        <v>2.523654114649589</v>
      </c>
    </row>
    <row r="80920" spans="1:7" x14ac:dyDescent="0.3">
      <c r="A80920" s="13" t="s">
        <v>410</v>
      </c>
      <c r="B80920" s="14" t="s">
        <v>1</v>
      </c>
      <c r="C80920" s="14" t="s">
        <v>70</v>
      </c>
      <c r="D80920" s="14" t="s">
        <v>411</v>
      </c>
      <c r="E80920" s="15">
        <v>45631</v>
      </c>
      <c r="F80920" s="14" t="s">
        <v>25</v>
      </c>
      <c r="G80920" s="16">
        <v>2.5139403879758206</v>
      </c>
    </row>
    <row r="80921" spans="1:7" x14ac:dyDescent="0.3">
      <c r="A80921" s="13" t="s">
        <v>410</v>
      </c>
      <c r="B80921" s="14" t="s">
        <v>1</v>
      </c>
      <c r="C80921" s="14" t="s">
        <v>70</v>
      </c>
      <c r="D80921" s="14" t="s">
        <v>411</v>
      </c>
      <c r="E80921" s="15">
        <v>45632</v>
      </c>
      <c r="F80921" s="14" t="s">
        <v>25</v>
      </c>
      <c r="G80921" s="16">
        <v>2.5230602909107027</v>
      </c>
    </row>
    <row r="80922" spans="1:7" x14ac:dyDescent="0.3">
      <c r="A80922" s="13" t="s">
        <v>410</v>
      </c>
      <c r="B80922" s="14" t="s">
        <v>1</v>
      </c>
      <c r="C80922" s="14" t="s">
        <v>70</v>
      </c>
      <c r="D80922" s="14" t="s">
        <v>411</v>
      </c>
      <c r="E80922" s="15">
        <v>45633</v>
      </c>
      <c r="F80922" s="14" t="s">
        <v>25</v>
      </c>
      <c r="G80922" s="16">
        <v>2.5230602909107027</v>
      </c>
    </row>
    <row r="80923" spans="1:7" x14ac:dyDescent="0.3">
      <c r="A80923" s="13" t="s">
        <v>410</v>
      </c>
      <c r="B80923" s="14" t="s">
        <v>1</v>
      </c>
      <c r="C80923" s="14" t="s">
        <v>70</v>
      </c>
      <c r="D80923" s="14" t="s">
        <v>411</v>
      </c>
      <c r="E80923" s="15">
        <v>45634</v>
      </c>
      <c r="F80923" s="14" t="s">
        <v>25</v>
      </c>
      <c r="G80923" s="16">
        <v>2.5230602909107027</v>
      </c>
    </row>
    <row r="80924" spans="1:7" x14ac:dyDescent="0.3">
      <c r="A80924" s="13" t="s">
        <v>410</v>
      </c>
      <c r="B80924" s="14" t="s">
        <v>1</v>
      </c>
      <c r="C80924" s="14" t="s">
        <v>70</v>
      </c>
      <c r="D80924" s="14" t="s">
        <v>411</v>
      </c>
      <c r="E80924" s="15">
        <v>45635</v>
      </c>
      <c r="F80924" s="14" t="s">
        <v>25</v>
      </c>
      <c r="G80924" s="16">
        <v>2.5288411623377485</v>
      </c>
    </row>
    <row r="80925" spans="1:7" x14ac:dyDescent="0.3">
      <c r="A80925" s="13" t="s">
        <v>410</v>
      </c>
      <c r="B80925" s="14" t="s">
        <v>1</v>
      </c>
      <c r="C80925" s="14" t="s">
        <v>70</v>
      </c>
      <c r="D80925" s="14" t="s">
        <v>411</v>
      </c>
      <c r="E80925" s="15">
        <v>45636</v>
      </c>
      <c r="F80925" s="14" t="s">
        <v>25</v>
      </c>
      <c r="G80925" s="16">
        <v>2.5611174905487486</v>
      </c>
    </row>
    <row r="80926" spans="1:7" x14ac:dyDescent="0.3">
      <c r="A80926" s="13" t="s">
        <v>410</v>
      </c>
      <c r="B80926" s="14" t="s">
        <v>1</v>
      </c>
      <c r="C80926" s="14" t="s">
        <v>70</v>
      </c>
      <c r="D80926" s="14" t="s">
        <v>411</v>
      </c>
      <c r="E80926" s="15">
        <v>45637</v>
      </c>
      <c r="F80926" s="14" t="s">
        <v>25</v>
      </c>
      <c r="G80926" s="16">
        <v>2.5726153826111413</v>
      </c>
    </row>
    <row r="80927" spans="1:7" x14ac:dyDescent="0.3">
      <c r="A80927" s="13" t="s">
        <v>410</v>
      </c>
      <c r="B80927" s="14" t="s">
        <v>1</v>
      </c>
      <c r="C80927" s="14" t="s">
        <v>70</v>
      </c>
      <c r="D80927" s="14" t="s">
        <v>411</v>
      </c>
      <c r="E80927" s="15">
        <v>45638</v>
      </c>
      <c r="F80927" s="14" t="s">
        <v>25</v>
      </c>
      <c r="G80927" s="16">
        <v>2.6017390331949986</v>
      </c>
    </row>
    <row r="80928" spans="1:7" x14ac:dyDescent="0.3">
      <c r="A80928" s="13" t="s">
        <v>410</v>
      </c>
      <c r="B80928" s="14" t="s">
        <v>1</v>
      </c>
      <c r="C80928" s="14" t="s">
        <v>70</v>
      </c>
      <c r="D80928" s="14" t="s">
        <v>411</v>
      </c>
      <c r="E80928" s="15">
        <v>45639</v>
      </c>
      <c r="F80928" s="14" t="s">
        <v>25</v>
      </c>
      <c r="G80928" s="16">
        <v>2.6107984632560601</v>
      </c>
    </row>
    <row r="80929" spans="1:7" x14ac:dyDescent="0.3">
      <c r="A80929" s="13" t="s">
        <v>410</v>
      </c>
      <c r="B80929" s="14" t="s">
        <v>1</v>
      </c>
      <c r="C80929" s="14" t="s">
        <v>70</v>
      </c>
      <c r="D80929" s="14" t="s">
        <v>411</v>
      </c>
      <c r="E80929" s="15">
        <v>45640</v>
      </c>
      <c r="F80929" s="14" t="s">
        <v>25</v>
      </c>
      <c r="G80929" s="16">
        <v>2.6107984632560601</v>
      </c>
    </row>
    <row r="80930" spans="1:7" x14ac:dyDescent="0.3">
      <c r="A80930" s="13" t="s">
        <v>410</v>
      </c>
      <c r="B80930" s="14" t="s">
        <v>1</v>
      </c>
      <c r="C80930" s="14" t="s">
        <v>70</v>
      </c>
      <c r="D80930" s="14" t="s">
        <v>411</v>
      </c>
      <c r="E80930" s="15">
        <v>45641</v>
      </c>
      <c r="F80930" s="14" t="s">
        <v>25</v>
      </c>
      <c r="G80930" s="16">
        <v>2.6107984632560601</v>
      </c>
    </row>
    <row r="80931" spans="1:7" x14ac:dyDescent="0.3">
      <c r="A80931" s="13" t="s">
        <v>410</v>
      </c>
      <c r="B80931" s="14" t="s">
        <v>1</v>
      </c>
      <c r="C80931" s="14" t="s">
        <v>70</v>
      </c>
      <c r="D80931" s="14" t="s">
        <v>411</v>
      </c>
      <c r="E80931" s="15">
        <v>45642</v>
      </c>
      <c r="F80931" s="14" t="s">
        <v>25</v>
      </c>
      <c r="G80931" s="16">
        <v>2.6238799659342513</v>
      </c>
    </row>
    <row r="80932" spans="1:7" x14ac:dyDescent="0.3">
      <c r="A80932" s="13" t="s">
        <v>410</v>
      </c>
      <c r="B80932" s="14" t="s">
        <v>1</v>
      </c>
      <c r="C80932" s="14" t="s">
        <v>70</v>
      </c>
      <c r="D80932" s="14" t="s">
        <v>411</v>
      </c>
      <c r="E80932" s="15">
        <v>45643</v>
      </c>
      <c r="F80932" s="14" t="s">
        <v>25</v>
      </c>
      <c r="G80932" s="16">
        <v>2.6402417879607558</v>
      </c>
    </row>
    <row r="80933" spans="1:7" x14ac:dyDescent="0.3">
      <c r="A80933" s="13" t="s">
        <v>410</v>
      </c>
      <c r="B80933" s="14" t="s">
        <v>1</v>
      </c>
      <c r="C80933" s="14" t="s">
        <v>70</v>
      </c>
      <c r="D80933" s="14" t="s">
        <v>411</v>
      </c>
      <c r="E80933" s="15">
        <v>45644</v>
      </c>
      <c r="F80933" s="14" t="s">
        <v>25</v>
      </c>
      <c r="G80933" s="16">
        <v>2.6694722173868972</v>
      </c>
    </row>
    <row r="80934" spans="1:7" x14ac:dyDescent="0.3">
      <c r="A80934" s="13" t="s">
        <v>410</v>
      </c>
      <c r="B80934" s="14" t="s">
        <v>1</v>
      </c>
      <c r="C80934" s="14" t="s">
        <v>70</v>
      </c>
      <c r="D80934" s="14" t="s">
        <v>411</v>
      </c>
      <c r="E80934" s="15">
        <v>45645</v>
      </c>
      <c r="F80934" s="14" t="s">
        <v>25</v>
      </c>
      <c r="G80934" s="16">
        <v>2.6686898478745062</v>
      </c>
    </row>
    <row r="80935" spans="1:7" x14ac:dyDescent="0.3">
      <c r="A80935" s="13" t="s">
        <v>410</v>
      </c>
      <c r="B80935" s="14" t="s">
        <v>1</v>
      </c>
      <c r="C80935" s="14" t="s">
        <v>70</v>
      </c>
      <c r="D80935" s="14" t="s">
        <v>411</v>
      </c>
      <c r="E80935" s="15">
        <v>45646</v>
      </c>
      <c r="F80935" s="14" t="s">
        <v>25</v>
      </c>
      <c r="G80935" s="16">
        <v>2.6604660757623417</v>
      </c>
    </row>
    <row r="80936" spans="1:7" x14ac:dyDescent="0.3">
      <c r="A80936" s="13" t="s">
        <v>410</v>
      </c>
      <c r="B80936" s="14" t="s">
        <v>1</v>
      </c>
      <c r="C80936" s="14" t="s">
        <v>70</v>
      </c>
      <c r="D80936" s="14" t="s">
        <v>411</v>
      </c>
      <c r="E80936" s="15">
        <v>45647</v>
      </c>
      <c r="F80936" s="14" t="s">
        <v>25</v>
      </c>
      <c r="G80936" s="16">
        <v>2.6604660757623417</v>
      </c>
    </row>
    <row r="80937" spans="1:7" x14ac:dyDescent="0.3">
      <c r="A80937" s="13" t="s">
        <v>410</v>
      </c>
      <c r="B80937" s="14" t="s">
        <v>1</v>
      </c>
      <c r="C80937" s="14" t="s">
        <v>70</v>
      </c>
      <c r="D80937" s="14" t="s">
        <v>411</v>
      </c>
      <c r="E80937" s="15">
        <v>45648</v>
      </c>
      <c r="F80937" s="14" t="s">
        <v>25</v>
      </c>
      <c r="G80937" s="16">
        <v>2.6604660757623417</v>
      </c>
    </row>
    <row r="80938" spans="1:7" x14ac:dyDescent="0.3">
      <c r="A80938" s="13" t="s">
        <v>410</v>
      </c>
      <c r="B80938" s="14" t="s">
        <v>1</v>
      </c>
      <c r="C80938" s="14" t="s">
        <v>70</v>
      </c>
      <c r="D80938" s="14" t="s">
        <v>411</v>
      </c>
      <c r="E80938" s="15">
        <v>45649</v>
      </c>
      <c r="F80938" s="14" t="s">
        <v>25</v>
      </c>
      <c r="G80938" s="16">
        <v>2.6821681402265676</v>
      </c>
    </row>
    <row r="80939" spans="1:7" x14ac:dyDescent="0.3">
      <c r="A80939" s="13" t="s">
        <v>410</v>
      </c>
      <c r="B80939" s="14" t="s">
        <v>1</v>
      </c>
      <c r="C80939" s="14" t="s">
        <v>70</v>
      </c>
      <c r="D80939" s="14" t="s">
        <v>411</v>
      </c>
      <c r="E80939" s="15">
        <v>45650</v>
      </c>
      <c r="F80939" s="14" t="s">
        <v>25</v>
      </c>
      <c r="G80939" s="16">
        <v>2.705317860666141</v>
      </c>
    </row>
    <row r="80940" spans="1:7" x14ac:dyDescent="0.3">
      <c r="A80940" s="13" t="s">
        <v>410</v>
      </c>
      <c r="B80940" s="14" t="s">
        <v>1</v>
      </c>
      <c r="C80940" s="14" t="s">
        <v>70</v>
      </c>
      <c r="D80940" s="14" t="s">
        <v>411</v>
      </c>
      <c r="E80940" s="15">
        <v>45651</v>
      </c>
      <c r="F80940" s="14" t="s">
        <v>25</v>
      </c>
      <c r="G80940" s="16">
        <v>2.705317860666141</v>
      </c>
    </row>
    <row r="80941" spans="1:7" x14ac:dyDescent="0.3">
      <c r="A80941" s="13" t="s">
        <v>410</v>
      </c>
      <c r="B80941" s="14" t="s">
        <v>1</v>
      </c>
      <c r="C80941" s="14" t="s">
        <v>70</v>
      </c>
      <c r="D80941" s="14" t="s">
        <v>411</v>
      </c>
      <c r="E80941" s="15">
        <v>45652</v>
      </c>
      <c r="F80941" s="14" t="s">
        <v>25</v>
      </c>
      <c r="G80941" s="16">
        <v>2.705317860666141</v>
      </c>
    </row>
    <row r="80942" spans="1:7" x14ac:dyDescent="0.3">
      <c r="A80942" s="13" t="s">
        <v>410</v>
      </c>
      <c r="B80942" s="14" t="s">
        <v>1</v>
      </c>
      <c r="C80942" s="14" t="s">
        <v>70</v>
      </c>
      <c r="D80942" s="14" t="s">
        <v>411</v>
      </c>
      <c r="E80942" s="15">
        <v>45653</v>
      </c>
      <c r="F80942" s="14" t="s">
        <v>25</v>
      </c>
      <c r="G80942" s="16">
        <v>2.705317860666141</v>
      </c>
    </row>
    <row r="80943" spans="1:7" x14ac:dyDescent="0.3">
      <c r="A80943" s="13" t="s">
        <v>410</v>
      </c>
      <c r="B80943" s="14" t="s">
        <v>1</v>
      </c>
      <c r="C80943" s="14" t="s">
        <v>70</v>
      </c>
      <c r="D80943" s="14" t="s">
        <v>411</v>
      </c>
      <c r="E80943" s="15">
        <v>45654</v>
      </c>
      <c r="F80943" s="14" t="s">
        <v>25</v>
      </c>
      <c r="G80943" s="16">
        <v>2.705317860666141</v>
      </c>
    </row>
    <row r="80944" spans="1:7" x14ac:dyDescent="0.3">
      <c r="A80944" s="13" t="s">
        <v>410</v>
      </c>
      <c r="B80944" s="14" t="s">
        <v>1</v>
      </c>
      <c r="C80944" s="14" t="s">
        <v>70</v>
      </c>
      <c r="D80944" s="14" t="s">
        <v>411</v>
      </c>
      <c r="E80944" s="15">
        <v>45655</v>
      </c>
      <c r="F80944" s="14" t="s">
        <v>25</v>
      </c>
      <c r="G80944" s="16">
        <v>2.705317860666141</v>
      </c>
    </row>
    <row r="80945" spans="1:7" x14ac:dyDescent="0.3">
      <c r="A80945" s="13" t="s">
        <v>410</v>
      </c>
      <c r="B80945" s="14" t="s">
        <v>1</v>
      </c>
      <c r="C80945" s="14" t="s">
        <v>70</v>
      </c>
      <c r="D80945" s="14" t="s">
        <v>411</v>
      </c>
      <c r="E80945" s="15">
        <v>45656</v>
      </c>
      <c r="F80945" s="14" t="s">
        <v>25</v>
      </c>
      <c r="G80945" s="16">
        <v>2.7210044912154765</v>
      </c>
    </row>
    <row r="80946" spans="1:7" x14ac:dyDescent="0.3">
      <c r="A80946" s="13" t="s">
        <v>410</v>
      </c>
      <c r="B80946" s="14" t="s">
        <v>1</v>
      </c>
      <c r="C80946" s="14" t="s">
        <v>70</v>
      </c>
      <c r="D80946" s="14" t="s">
        <v>411</v>
      </c>
      <c r="E80946" s="15">
        <v>45657</v>
      </c>
      <c r="F80946" s="14" t="s">
        <v>25</v>
      </c>
      <c r="G80946" s="16">
        <v>2.764935506522527</v>
      </c>
    </row>
    <row r="80947" spans="1:7" x14ac:dyDescent="0.3">
      <c r="A80947" s="13" t="s">
        <v>410</v>
      </c>
      <c r="B80947" s="14" t="s">
        <v>1</v>
      </c>
      <c r="C80947" s="14" t="s">
        <v>70</v>
      </c>
      <c r="D80947" s="14" t="s">
        <v>411</v>
      </c>
      <c r="E80947" s="15">
        <v>45658</v>
      </c>
      <c r="F80947" s="14" t="s">
        <v>25</v>
      </c>
      <c r="G80947" s="16">
        <v>2.764935506522527</v>
      </c>
    </row>
    <row r="80948" spans="1:7" x14ac:dyDescent="0.3">
      <c r="A80948" s="13" t="s">
        <v>410</v>
      </c>
      <c r="B80948" s="14" t="s">
        <v>1</v>
      </c>
      <c r="C80948" s="14" t="s">
        <v>70</v>
      </c>
      <c r="D80948" s="14" t="s">
        <v>411</v>
      </c>
      <c r="E80948" s="15">
        <v>45659</v>
      </c>
      <c r="F80948" s="14" t="s">
        <v>25</v>
      </c>
      <c r="G80948" s="16">
        <v>2.764935506522527</v>
      </c>
    </row>
    <row r="80949" spans="1:7" x14ac:dyDescent="0.3">
      <c r="A80949" s="13" t="s">
        <v>410</v>
      </c>
      <c r="B80949" s="14" t="s">
        <v>1</v>
      </c>
      <c r="C80949" s="14" t="s">
        <v>70</v>
      </c>
      <c r="D80949" s="14" t="s">
        <v>411</v>
      </c>
      <c r="E80949" s="15">
        <v>45660</v>
      </c>
      <c r="F80949" s="14" t="s">
        <v>25</v>
      </c>
      <c r="G80949" s="16">
        <v>2.7801782975987424</v>
      </c>
    </row>
    <row r="80950" spans="1:7" x14ac:dyDescent="0.3">
      <c r="A80950" s="13" t="s">
        <v>410</v>
      </c>
      <c r="B80950" s="14" t="s">
        <v>1</v>
      </c>
      <c r="C80950" s="14" t="s">
        <v>70</v>
      </c>
      <c r="D80950" s="14" t="s">
        <v>411</v>
      </c>
      <c r="E80950" s="15">
        <v>45661</v>
      </c>
      <c r="F80950" s="14" t="s">
        <v>25</v>
      </c>
      <c r="G80950" s="16">
        <v>2.7801782975987424</v>
      </c>
    </row>
    <row r="80951" spans="1:7" x14ac:dyDescent="0.3">
      <c r="A80951" s="13" t="s">
        <v>410</v>
      </c>
      <c r="B80951" s="14" t="s">
        <v>1</v>
      </c>
      <c r="C80951" s="14" t="s">
        <v>70</v>
      </c>
      <c r="D80951" s="14" t="s">
        <v>411</v>
      </c>
      <c r="E80951" s="15">
        <v>45662</v>
      </c>
      <c r="F80951" s="14" t="s">
        <v>25</v>
      </c>
      <c r="G80951" s="16">
        <v>2.7801782975987424</v>
      </c>
    </row>
    <row r="80952" spans="1:7" x14ac:dyDescent="0.3">
      <c r="A80952" s="13" t="s">
        <v>410</v>
      </c>
      <c r="B80952" s="14" t="s">
        <v>1</v>
      </c>
      <c r="C80952" s="14" t="s">
        <v>70</v>
      </c>
      <c r="D80952" s="14" t="s">
        <v>411</v>
      </c>
      <c r="E80952" s="15">
        <v>45663</v>
      </c>
      <c r="F80952" s="14" t="s">
        <v>25</v>
      </c>
      <c r="G80952" s="16">
        <v>2.8007414663605865</v>
      </c>
    </row>
    <row r="80953" spans="1:7" x14ac:dyDescent="0.3">
      <c r="A80953" s="13" t="s">
        <v>410</v>
      </c>
      <c r="B80953" s="14" t="s">
        <v>1</v>
      </c>
      <c r="C80953" s="14" t="s">
        <v>70</v>
      </c>
      <c r="D80953" s="14" t="s">
        <v>411</v>
      </c>
      <c r="E80953" s="15">
        <v>45664</v>
      </c>
      <c r="F80953" s="14" t="s">
        <v>25</v>
      </c>
      <c r="G80953" s="16">
        <v>2.8386293819203021</v>
      </c>
    </row>
    <row r="80954" spans="1:7" x14ac:dyDescent="0.3">
      <c r="A80954" s="13" t="s">
        <v>410</v>
      </c>
      <c r="B80954" s="14" t="s">
        <v>1</v>
      </c>
      <c r="C80954" s="14" t="s">
        <v>70</v>
      </c>
      <c r="D80954" s="14" t="s">
        <v>411</v>
      </c>
      <c r="E80954" s="15">
        <v>45665</v>
      </c>
      <c r="F80954" s="14" t="s">
        <v>25</v>
      </c>
      <c r="G80954" s="16">
        <v>2.8490666262014246</v>
      </c>
    </row>
    <row r="80955" spans="1:7" x14ac:dyDescent="0.3">
      <c r="A80955" s="13" t="s">
        <v>410</v>
      </c>
      <c r="B80955" s="14" t="s">
        <v>1</v>
      </c>
      <c r="C80955" s="14" t="s">
        <v>70</v>
      </c>
      <c r="D80955" s="14" t="s">
        <v>411</v>
      </c>
      <c r="E80955" s="15">
        <v>45666</v>
      </c>
      <c r="F80955" s="14" t="s">
        <v>25</v>
      </c>
      <c r="G80955" s="16">
        <v>2.8666487913241672</v>
      </c>
    </row>
    <row r="80956" spans="1:7" x14ac:dyDescent="0.3">
      <c r="A80956" s="13" t="s">
        <v>410</v>
      </c>
      <c r="B80956" s="14" t="s">
        <v>1</v>
      </c>
      <c r="C80956" s="14" t="s">
        <v>70</v>
      </c>
      <c r="D80956" s="14" t="s">
        <v>411</v>
      </c>
      <c r="E80956" s="15">
        <v>45667</v>
      </c>
      <c r="F80956" s="14" t="s">
        <v>25</v>
      </c>
      <c r="G80956" s="16">
        <v>2.886244049821947</v>
      </c>
    </row>
    <row r="80957" spans="1:7" x14ac:dyDescent="0.3">
      <c r="A80957" s="13" t="s">
        <v>410</v>
      </c>
      <c r="B80957" s="14" t="s">
        <v>1</v>
      </c>
      <c r="C80957" s="14" t="s">
        <v>70</v>
      </c>
      <c r="D80957" s="14" t="s">
        <v>411</v>
      </c>
      <c r="E80957" s="15">
        <v>45668</v>
      </c>
      <c r="F80957" s="14" t="s">
        <v>25</v>
      </c>
      <c r="G80957" s="16">
        <v>2.886244049821947</v>
      </c>
    </row>
    <row r="80958" spans="1:7" x14ac:dyDescent="0.3">
      <c r="A80958" s="13" t="s">
        <v>410</v>
      </c>
      <c r="B80958" s="14" t="s">
        <v>1</v>
      </c>
      <c r="C80958" s="14" t="s">
        <v>70</v>
      </c>
      <c r="D80958" s="14" t="s">
        <v>411</v>
      </c>
      <c r="E80958" s="15">
        <v>45669</v>
      </c>
      <c r="F80958" s="14" t="s">
        <v>25</v>
      </c>
      <c r="G80958" s="16">
        <v>2.886244049821947</v>
      </c>
    </row>
    <row r="80959" spans="1:7" x14ac:dyDescent="0.3">
      <c r="A80959" s="13" t="s">
        <v>410</v>
      </c>
      <c r="B80959" s="14" t="s">
        <v>1</v>
      </c>
      <c r="C80959" s="14" t="s">
        <v>70</v>
      </c>
      <c r="D80959" s="14" t="s">
        <v>411</v>
      </c>
      <c r="E80959" s="15">
        <v>45670</v>
      </c>
      <c r="F80959" s="14" t="s">
        <v>25</v>
      </c>
      <c r="G80959" s="16">
        <v>2.906415552285011</v>
      </c>
    </row>
    <row r="80960" spans="1:7" x14ac:dyDescent="0.3">
      <c r="A80960" s="13" t="s">
        <v>410</v>
      </c>
      <c r="B80960" s="14" t="s">
        <v>1</v>
      </c>
      <c r="C80960" s="14" t="s">
        <v>70</v>
      </c>
      <c r="D80960" s="14" t="s">
        <v>411</v>
      </c>
      <c r="E80960" s="15">
        <v>45671</v>
      </c>
      <c r="F80960" s="14" t="s">
        <v>25</v>
      </c>
      <c r="G80960" s="16">
        <v>2.9085988740715121</v>
      </c>
    </row>
    <row r="80961" spans="1:7" x14ac:dyDescent="0.3">
      <c r="A80961" s="13" t="s">
        <v>410</v>
      </c>
      <c r="B80961" s="14" t="s">
        <v>1</v>
      </c>
      <c r="C80961" s="14" t="s">
        <v>70</v>
      </c>
      <c r="D80961" s="14" t="s">
        <v>411</v>
      </c>
      <c r="E80961" s="15">
        <v>45672</v>
      </c>
      <c r="F80961" s="14" t="s">
        <v>25</v>
      </c>
      <c r="G80961" s="16">
        <v>2.9159581739089426</v>
      </c>
    </row>
    <row r="80962" spans="1:7" x14ac:dyDescent="0.3">
      <c r="A80962" s="13" t="s">
        <v>410</v>
      </c>
      <c r="B80962" s="14" t="s">
        <v>1</v>
      </c>
      <c r="C80962" s="14" t="s">
        <v>70</v>
      </c>
      <c r="D80962" s="14" t="s">
        <v>411</v>
      </c>
      <c r="E80962" s="15">
        <v>45673</v>
      </c>
      <c r="F80962" s="14" t="s">
        <v>25</v>
      </c>
      <c r="G80962" s="16">
        <v>2.9184722882483087</v>
      </c>
    </row>
    <row r="80963" spans="1:7" x14ac:dyDescent="0.3">
      <c r="A80963" s="13" t="s">
        <v>410</v>
      </c>
      <c r="B80963" s="14" t="s">
        <v>1</v>
      </c>
      <c r="C80963" s="14" t="s">
        <v>70</v>
      </c>
      <c r="D80963" s="14" t="s">
        <v>411</v>
      </c>
      <c r="E80963" s="15">
        <v>45674</v>
      </c>
      <c r="F80963" s="14" t="s">
        <v>25</v>
      </c>
      <c r="G80963" s="16">
        <v>2.9376898090685177</v>
      </c>
    </row>
    <row r="80964" spans="1:7" x14ac:dyDescent="0.3">
      <c r="A80964" s="13" t="s">
        <v>410</v>
      </c>
      <c r="B80964" s="14" t="s">
        <v>1</v>
      </c>
      <c r="C80964" s="14" t="s">
        <v>70</v>
      </c>
      <c r="D80964" s="14" t="s">
        <v>411</v>
      </c>
      <c r="E80964" s="15">
        <v>45675</v>
      </c>
      <c r="F80964" s="14" t="s">
        <v>25</v>
      </c>
      <c r="G80964" s="16">
        <v>2.9376898090685177</v>
      </c>
    </row>
    <row r="80965" spans="1:7" x14ac:dyDescent="0.3">
      <c r="A80965" s="13" t="s">
        <v>410</v>
      </c>
      <c r="B80965" s="14" t="s">
        <v>1</v>
      </c>
      <c r="C80965" s="14" t="s">
        <v>70</v>
      </c>
      <c r="D80965" s="14" t="s">
        <v>411</v>
      </c>
      <c r="E80965" s="15">
        <v>45676</v>
      </c>
      <c r="F80965" s="14" t="s">
        <v>25</v>
      </c>
      <c r="G80965" s="16">
        <v>2.9376898090685177</v>
      </c>
    </row>
    <row r="80966" spans="1:7" x14ac:dyDescent="0.3">
      <c r="A80966" s="13" t="s">
        <v>410</v>
      </c>
      <c r="B80966" s="14" t="s">
        <v>1</v>
      </c>
      <c r="C80966" s="14" t="s">
        <v>70</v>
      </c>
      <c r="D80966" s="14" t="s">
        <v>411</v>
      </c>
      <c r="E80966" s="15">
        <v>45677</v>
      </c>
      <c r="F80966" s="14" t="s">
        <v>25</v>
      </c>
      <c r="G80966" s="16">
        <v>2.9200313665628745</v>
      </c>
    </row>
    <row r="80967" spans="1:7" x14ac:dyDescent="0.3">
      <c r="A80967" s="13" t="s">
        <v>410</v>
      </c>
      <c r="B80967" s="14" t="s">
        <v>1</v>
      </c>
      <c r="C80967" s="14" t="s">
        <v>70</v>
      </c>
      <c r="D80967" s="14" t="s">
        <v>411</v>
      </c>
      <c r="E80967" s="15">
        <v>45678</v>
      </c>
      <c r="F80967" s="14" t="s">
        <v>25</v>
      </c>
      <c r="G80967" s="16">
        <v>2.9521080768001409</v>
      </c>
    </row>
    <row r="80968" spans="1:7" x14ac:dyDescent="0.3">
      <c r="A80968" s="13" t="s">
        <v>410</v>
      </c>
      <c r="B80968" s="14" t="s">
        <v>1</v>
      </c>
      <c r="C80968" s="14" t="s">
        <v>70</v>
      </c>
      <c r="D80968" s="14" t="s">
        <v>411</v>
      </c>
      <c r="E80968" s="15">
        <v>45679</v>
      </c>
      <c r="F80968" s="14" t="s">
        <v>25</v>
      </c>
      <c r="G80968" s="16">
        <v>2.9597570907987873</v>
      </c>
    </row>
    <row r="80969" spans="1:7" x14ac:dyDescent="0.3">
      <c r="A80969" s="13" t="s">
        <v>410</v>
      </c>
      <c r="B80969" s="14" t="s">
        <v>1</v>
      </c>
      <c r="C80969" s="14" t="s">
        <v>70</v>
      </c>
      <c r="D80969" s="14" t="s">
        <v>411</v>
      </c>
      <c r="E80969" s="15">
        <v>45680</v>
      </c>
      <c r="F80969" s="14" t="s">
        <v>25</v>
      </c>
      <c r="G80969" s="16">
        <v>2.9666944608860444</v>
      </c>
    </row>
    <row r="80970" spans="1:7" x14ac:dyDescent="0.3">
      <c r="A80970" s="13" t="s">
        <v>410</v>
      </c>
      <c r="B80970" s="14" t="s">
        <v>1</v>
      </c>
      <c r="C80970" s="14" t="s">
        <v>70</v>
      </c>
      <c r="D80970" s="14" t="s">
        <v>411</v>
      </c>
      <c r="E80970" s="15">
        <v>45681</v>
      </c>
      <c r="F80970" s="14" t="s">
        <v>25</v>
      </c>
      <c r="G80970" s="16">
        <v>2.9675213215998104</v>
      </c>
    </row>
    <row r="80971" spans="1:7" x14ac:dyDescent="0.3">
      <c r="A80971" s="13" t="s">
        <v>410</v>
      </c>
      <c r="B80971" s="14" t="s">
        <v>1</v>
      </c>
      <c r="C80971" s="14" t="s">
        <v>70</v>
      </c>
      <c r="D80971" s="14" t="s">
        <v>411</v>
      </c>
      <c r="E80971" s="15">
        <v>45682</v>
      </c>
      <c r="F80971" s="14" t="s">
        <v>25</v>
      </c>
      <c r="G80971" s="16">
        <v>2.9675213215998104</v>
      </c>
    </row>
    <row r="80972" spans="1:7" x14ac:dyDescent="0.3">
      <c r="A80972" s="13" t="s">
        <v>410</v>
      </c>
      <c r="B80972" s="14" t="s">
        <v>1</v>
      </c>
      <c r="C80972" s="14" t="s">
        <v>70</v>
      </c>
      <c r="D80972" s="14" t="s">
        <v>411</v>
      </c>
      <c r="E80972" s="15">
        <v>45683</v>
      </c>
      <c r="F80972" s="14" t="s">
        <v>25</v>
      </c>
      <c r="G80972" s="16">
        <v>2.9675213215998104</v>
      </c>
    </row>
    <row r="80973" spans="1:7" x14ac:dyDescent="0.3">
      <c r="A80973" s="13" t="s">
        <v>410</v>
      </c>
      <c r="B80973" s="14" t="s">
        <v>1</v>
      </c>
      <c r="C80973" s="14" t="s">
        <v>70</v>
      </c>
      <c r="D80973" s="14" t="s">
        <v>411</v>
      </c>
      <c r="E80973" s="15">
        <v>45684</v>
      </c>
      <c r="F80973" s="14" t="s">
        <v>25</v>
      </c>
      <c r="G80973" s="16">
        <v>2.9667827584412234</v>
      </c>
    </row>
    <row r="80974" spans="1:7" x14ac:dyDescent="0.3">
      <c r="A80974" s="13" t="s">
        <v>410</v>
      </c>
      <c r="B80974" s="14" t="s">
        <v>1</v>
      </c>
      <c r="C80974" s="14" t="s">
        <v>70</v>
      </c>
      <c r="D80974" s="14" t="s">
        <v>411</v>
      </c>
      <c r="E80974" s="15">
        <v>45685</v>
      </c>
      <c r="F80974" s="14" t="s">
        <v>25</v>
      </c>
      <c r="G80974" s="16">
        <v>2.9866286261102148</v>
      </c>
    </row>
    <row r="80975" spans="1:7" x14ac:dyDescent="0.3">
      <c r="A80975" s="13" t="s">
        <v>410</v>
      </c>
      <c r="B80975" s="14" t="s">
        <v>1</v>
      </c>
      <c r="C80975" s="14" t="s">
        <v>70</v>
      </c>
      <c r="D80975" s="14" t="s">
        <v>411</v>
      </c>
      <c r="E80975" s="15">
        <v>45686</v>
      </c>
      <c r="F80975" s="14" t="s">
        <v>25</v>
      </c>
      <c r="G80975" s="16">
        <v>3.0011215087050926</v>
      </c>
    </row>
    <row r="80976" spans="1:7" x14ac:dyDescent="0.3">
      <c r="A80976" s="13" t="s">
        <v>410</v>
      </c>
      <c r="B80976" s="14" t="s">
        <v>1</v>
      </c>
      <c r="C80976" s="14" t="s">
        <v>70</v>
      </c>
      <c r="D80976" s="14" t="s">
        <v>411</v>
      </c>
      <c r="E80976" s="15">
        <v>45687</v>
      </c>
      <c r="F80976" s="14" t="s">
        <v>25</v>
      </c>
      <c r="G80976" s="16">
        <v>3.0168954448132461</v>
      </c>
    </row>
    <row r="80977" spans="1:7" x14ac:dyDescent="0.3">
      <c r="A80977" s="13" t="s">
        <v>410</v>
      </c>
      <c r="B80977" s="14" t="s">
        <v>1</v>
      </c>
      <c r="C80977" s="14" t="s">
        <v>70</v>
      </c>
      <c r="D80977" s="14" t="s">
        <v>411</v>
      </c>
      <c r="E80977" s="15">
        <v>45688</v>
      </c>
      <c r="F80977" s="14" t="s">
        <v>25</v>
      </c>
      <c r="G80977" s="16">
        <v>3.0271148704635116</v>
      </c>
    </row>
    <row r="80978" spans="1:7" x14ac:dyDescent="0.3">
      <c r="A80978" s="13" t="s">
        <v>410</v>
      </c>
      <c r="B80978" s="14" t="s">
        <v>1</v>
      </c>
      <c r="C80978" s="14" t="s">
        <v>70</v>
      </c>
      <c r="D80978" s="14" t="s">
        <v>411</v>
      </c>
      <c r="E80978" s="15">
        <v>45689</v>
      </c>
      <c r="F80978" s="14" t="s">
        <v>25</v>
      </c>
      <c r="G80978" s="16">
        <v>3.0271148704635116</v>
      </c>
    </row>
    <row r="80979" spans="1:7" x14ac:dyDescent="0.3">
      <c r="A80979" s="13" t="s">
        <v>410</v>
      </c>
      <c r="B80979" s="14" t="s">
        <v>1</v>
      </c>
      <c r="C80979" s="14" t="s">
        <v>70</v>
      </c>
      <c r="D80979" s="14" t="s">
        <v>411</v>
      </c>
      <c r="E80979" s="15">
        <v>45690</v>
      </c>
      <c r="F80979" s="14" t="s">
        <v>25</v>
      </c>
      <c r="G80979" s="16">
        <v>3.0271148704635116</v>
      </c>
    </row>
    <row r="80980" spans="1:7" x14ac:dyDescent="0.3">
      <c r="A80980" s="13" t="s">
        <v>410</v>
      </c>
      <c r="B80980" s="14" t="s">
        <v>1</v>
      </c>
      <c r="C80980" s="14" t="s">
        <v>70</v>
      </c>
      <c r="D80980" s="14" t="s">
        <v>411</v>
      </c>
      <c r="E80980" s="15">
        <v>45691</v>
      </c>
      <c r="F80980" s="14" t="s">
        <v>25</v>
      </c>
      <c r="G80980" s="16">
        <v>3.0271148704635116</v>
      </c>
    </row>
    <row r="80981" spans="1:7" x14ac:dyDescent="0.3">
      <c r="A80981" s="13" t="s">
        <v>410</v>
      </c>
      <c r="B80981" s="14" t="s">
        <v>1</v>
      </c>
      <c r="C80981" s="14" t="s">
        <v>70</v>
      </c>
      <c r="D80981" s="14" t="s">
        <v>411</v>
      </c>
      <c r="E80981" s="15">
        <v>45692</v>
      </c>
      <c r="F80981" s="14" t="s">
        <v>25</v>
      </c>
      <c r="G80981" s="16">
        <v>3.0161425437083111</v>
      </c>
    </row>
    <row r="80982" spans="1:7" x14ac:dyDescent="0.3">
      <c r="A80982" s="13" t="s">
        <v>410</v>
      </c>
      <c r="B80982" s="14" t="s">
        <v>1</v>
      </c>
      <c r="C80982" s="14" t="s">
        <v>70</v>
      </c>
      <c r="D80982" s="14" t="s">
        <v>411</v>
      </c>
      <c r="E80982" s="15">
        <v>45693</v>
      </c>
      <c r="F80982" s="14" t="s">
        <v>25</v>
      </c>
      <c r="G80982" s="16">
        <v>3.0215781796756569</v>
      </c>
    </row>
    <row r="80983" spans="1:7" x14ac:dyDescent="0.3">
      <c r="A80983" s="13" t="s">
        <v>410</v>
      </c>
      <c r="B80983" s="14" t="s">
        <v>1</v>
      </c>
      <c r="C80983" s="14" t="s">
        <v>70</v>
      </c>
      <c r="D80983" s="14" t="s">
        <v>411</v>
      </c>
      <c r="E80983" s="15">
        <v>45694</v>
      </c>
      <c r="F80983" s="14" t="s">
        <v>25</v>
      </c>
      <c r="G80983" s="16">
        <v>3.0374567192019497</v>
      </c>
    </row>
    <row r="80984" spans="1:7" x14ac:dyDescent="0.3">
      <c r="A80984" s="13" t="s">
        <v>410</v>
      </c>
      <c r="B80984" s="14" t="s">
        <v>1</v>
      </c>
      <c r="C80984" s="14" t="s">
        <v>70</v>
      </c>
      <c r="D80984" s="14" t="s">
        <v>411</v>
      </c>
      <c r="E80984" s="15">
        <v>45695</v>
      </c>
      <c r="F80984" s="14" t="s">
        <v>25</v>
      </c>
      <c r="G80984" s="16">
        <v>3.0605866936775961</v>
      </c>
    </row>
    <row r="80985" spans="1:7" x14ac:dyDescent="0.3">
      <c r="A80985" s="13" t="s">
        <v>410</v>
      </c>
      <c r="B80985" s="14" t="s">
        <v>1</v>
      </c>
      <c r="C80985" s="14" t="s">
        <v>70</v>
      </c>
      <c r="D80985" s="14" t="s">
        <v>411</v>
      </c>
      <c r="E80985" s="15">
        <v>45696</v>
      </c>
      <c r="F80985" s="14" t="s">
        <v>25</v>
      </c>
      <c r="G80985" s="16">
        <v>3.0605866936775961</v>
      </c>
    </row>
    <row r="80986" spans="1:7" x14ac:dyDescent="0.3">
      <c r="A80986" s="13" t="s">
        <v>410</v>
      </c>
      <c r="B80986" s="14" t="s">
        <v>1</v>
      </c>
      <c r="C80986" s="14" t="s">
        <v>70</v>
      </c>
      <c r="D80986" s="14" t="s">
        <v>411</v>
      </c>
      <c r="E80986" s="15">
        <v>45697</v>
      </c>
      <c r="F80986" s="14" t="s">
        <v>25</v>
      </c>
      <c r="G80986" s="16">
        <v>3.0605866936775961</v>
      </c>
    </row>
    <row r="80987" spans="1:7" x14ac:dyDescent="0.3">
      <c r="A80987" s="13" t="s">
        <v>410</v>
      </c>
      <c r="B80987" s="14" t="s">
        <v>1</v>
      </c>
      <c r="C80987" s="14" t="s">
        <v>70</v>
      </c>
      <c r="D80987" s="14" t="s">
        <v>411</v>
      </c>
      <c r="E80987" s="15">
        <v>45698</v>
      </c>
      <c r="F80987" s="14" t="s">
        <v>25</v>
      </c>
      <c r="G80987" s="16">
        <v>3.0714952838104566</v>
      </c>
    </row>
    <row r="80988" spans="1:7" x14ac:dyDescent="0.3">
      <c r="A80988" s="13" t="s">
        <v>410</v>
      </c>
      <c r="B80988" s="14" t="s">
        <v>1</v>
      </c>
      <c r="C80988" s="14" t="s">
        <v>70</v>
      </c>
      <c r="D80988" s="14" t="s">
        <v>411</v>
      </c>
      <c r="E80988" s="15">
        <v>45699</v>
      </c>
      <c r="F80988" s="14" t="s">
        <v>25</v>
      </c>
      <c r="G80988" s="16">
        <v>3.0950064617015141</v>
      </c>
    </row>
    <row r="80989" spans="1:7" x14ac:dyDescent="0.3">
      <c r="A80989" s="13" t="s">
        <v>410</v>
      </c>
      <c r="B80989" s="14" t="s">
        <v>1</v>
      </c>
      <c r="C80989" s="14" t="s">
        <v>70</v>
      </c>
      <c r="D80989" s="14" t="s">
        <v>411</v>
      </c>
      <c r="E80989" s="15">
        <v>45700</v>
      </c>
      <c r="F80989" s="14" t="s">
        <v>25</v>
      </c>
      <c r="G80989" s="16">
        <v>3.1028633303745696</v>
      </c>
    </row>
    <row r="80990" spans="1:7" x14ac:dyDescent="0.3">
      <c r="A80990" s="13" t="s">
        <v>410</v>
      </c>
      <c r="B80990" s="14" t="s">
        <v>1</v>
      </c>
      <c r="C80990" s="14" t="s">
        <v>70</v>
      </c>
      <c r="D80990" s="14" t="s">
        <v>411</v>
      </c>
      <c r="E80990" s="15">
        <v>45701</v>
      </c>
      <c r="F80990" s="14" t="s">
        <v>25</v>
      </c>
      <c r="G80990" s="16">
        <v>3.0788375787020534</v>
      </c>
    </row>
    <row r="80991" spans="1:7" x14ac:dyDescent="0.3">
      <c r="A80991" s="13" t="s">
        <v>410</v>
      </c>
      <c r="B80991" s="14" t="s">
        <v>1</v>
      </c>
      <c r="C80991" s="14" t="s">
        <v>70</v>
      </c>
      <c r="D80991" s="14" t="s">
        <v>411</v>
      </c>
      <c r="E80991" s="15">
        <v>45702</v>
      </c>
      <c r="F80991" s="14" t="s">
        <v>25</v>
      </c>
      <c r="G80991" s="16">
        <v>3.0806219445549496</v>
      </c>
    </row>
    <row r="80992" spans="1:7" x14ac:dyDescent="0.3">
      <c r="A80992" s="13" t="s">
        <v>410</v>
      </c>
      <c r="B80992" s="14" t="s">
        <v>1</v>
      </c>
      <c r="C80992" s="14" t="s">
        <v>70</v>
      </c>
      <c r="D80992" s="14" t="s">
        <v>411</v>
      </c>
      <c r="E80992" s="15">
        <v>45703</v>
      </c>
      <c r="F80992" s="14" t="s">
        <v>25</v>
      </c>
      <c r="G80992" s="16">
        <v>3.0806219445549496</v>
      </c>
    </row>
    <row r="80993" spans="1:7" x14ac:dyDescent="0.3">
      <c r="A80993" s="13" t="s">
        <v>410</v>
      </c>
      <c r="B80993" s="14" t="s">
        <v>1</v>
      </c>
      <c r="C80993" s="14" t="s">
        <v>70</v>
      </c>
      <c r="D80993" s="14" t="s">
        <v>411</v>
      </c>
      <c r="E80993" s="15">
        <v>45704</v>
      </c>
      <c r="F80993" s="14" t="s">
        <v>25</v>
      </c>
      <c r="G80993" s="16">
        <v>3.0806219445549496</v>
      </c>
    </row>
    <row r="80994" spans="1:7" x14ac:dyDescent="0.3">
      <c r="A80994" s="13" t="s">
        <v>410</v>
      </c>
      <c r="B80994" s="14" t="s">
        <v>1</v>
      </c>
      <c r="C80994" s="14" t="s">
        <v>70</v>
      </c>
      <c r="D80994" s="14" t="s">
        <v>411</v>
      </c>
      <c r="E80994" s="15">
        <v>45705</v>
      </c>
      <c r="F80994" s="14" t="s">
        <v>25</v>
      </c>
      <c r="G80994" s="16">
        <v>3.1326520927599031</v>
      </c>
    </row>
    <row r="80995" spans="1:7" x14ac:dyDescent="0.3">
      <c r="A80995" s="13" t="s">
        <v>410</v>
      </c>
      <c r="B80995" s="14" t="s">
        <v>1</v>
      </c>
      <c r="C80995" s="14" t="s">
        <v>70</v>
      </c>
      <c r="D80995" s="14" t="s">
        <v>411</v>
      </c>
      <c r="E80995" s="15">
        <v>45706</v>
      </c>
      <c r="F80995" s="14" t="s">
        <v>25</v>
      </c>
      <c r="G80995" s="16">
        <v>3.1570093605382894</v>
      </c>
    </row>
    <row r="80996" spans="1:7" x14ac:dyDescent="0.3">
      <c r="A80996" s="13" t="s">
        <v>410</v>
      </c>
      <c r="B80996" s="14" t="s">
        <v>1</v>
      </c>
      <c r="C80996" s="14" t="s">
        <v>70</v>
      </c>
      <c r="D80996" s="14" t="s">
        <v>411</v>
      </c>
      <c r="E80996" s="15">
        <v>45707</v>
      </c>
      <c r="F80996" s="14" t="s">
        <v>25</v>
      </c>
      <c r="G80996" s="16">
        <v>3.1793524879161543</v>
      </c>
    </row>
    <row r="80997" spans="1:7" x14ac:dyDescent="0.3">
      <c r="A80997" s="13" t="s">
        <v>410</v>
      </c>
      <c r="B80997" s="14" t="s">
        <v>1</v>
      </c>
      <c r="C80997" s="14" t="s">
        <v>70</v>
      </c>
      <c r="D80997" s="14" t="s">
        <v>411</v>
      </c>
      <c r="E80997" s="15">
        <v>45708</v>
      </c>
      <c r="F80997" s="14" t="s">
        <v>25</v>
      </c>
      <c r="G80997" s="16">
        <v>3.1609008717221347</v>
      </c>
    </row>
    <row r="80998" spans="1:7" x14ac:dyDescent="0.3">
      <c r="A80998" s="13" t="s">
        <v>410</v>
      </c>
      <c r="B80998" s="14" t="s">
        <v>1</v>
      </c>
      <c r="C80998" s="14" t="s">
        <v>70</v>
      </c>
      <c r="D80998" s="14" t="s">
        <v>411</v>
      </c>
      <c r="E80998" s="15">
        <v>45709</v>
      </c>
      <c r="F80998" s="14" t="s">
        <v>25</v>
      </c>
      <c r="G80998" s="16">
        <v>3.1670914302751378</v>
      </c>
    </row>
    <row r="80999" spans="1:7" x14ac:dyDescent="0.3">
      <c r="A80999" s="13" t="s">
        <v>410</v>
      </c>
      <c r="B80999" s="14" t="s">
        <v>1</v>
      </c>
      <c r="C80999" s="14" t="s">
        <v>70</v>
      </c>
      <c r="D80999" s="14" t="s">
        <v>411</v>
      </c>
      <c r="E80999" s="15">
        <v>45710</v>
      </c>
      <c r="F80999" s="14" t="s">
        <v>25</v>
      </c>
      <c r="G80999" s="16">
        <v>3.1670914302751378</v>
      </c>
    </row>
    <row r="81000" spans="1:7" x14ac:dyDescent="0.3">
      <c r="A81000" s="13" t="s">
        <v>410</v>
      </c>
      <c r="B81000" s="14" t="s">
        <v>1</v>
      </c>
      <c r="C81000" s="14" t="s">
        <v>70</v>
      </c>
      <c r="D81000" s="14" t="s">
        <v>411</v>
      </c>
      <c r="E81000" s="15">
        <v>45711</v>
      </c>
      <c r="F81000" s="14" t="s">
        <v>25</v>
      </c>
      <c r="G81000" s="16">
        <v>3.1670914302751378</v>
      </c>
    </row>
    <row r="81001" spans="1:7" x14ac:dyDescent="0.3">
      <c r="A81001" s="13" t="s">
        <v>410</v>
      </c>
      <c r="B81001" s="14" t="s">
        <v>1</v>
      </c>
      <c r="C81001" s="14" t="s">
        <v>70</v>
      </c>
      <c r="D81001" s="14" t="s">
        <v>411</v>
      </c>
      <c r="E81001" s="15">
        <v>45712</v>
      </c>
      <c r="F81001" s="14" t="s">
        <v>25</v>
      </c>
      <c r="G81001" s="16">
        <v>3.1692638004222529</v>
      </c>
    </row>
    <row r="81002" spans="1:7" x14ac:dyDescent="0.3">
      <c r="A81002" s="13" t="s">
        <v>410</v>
      </c>
      <c r="B81002" s="14" t="s">
        <v>1</v>
      </c>
      <c r="C81002" s="14" t="s">
        <v>70</v>
      </c>
      <c r="D81002" s="14" t="s">
        <v>411</v>
      </c>
      <c r="E81002" s="15">
        <v>45713</v>
      </c>
      <c r="F81002" s="14" t="s">
        <v>25</v>
      </c>
      <c r="G81002" s="16">
        <v>3.1714433913308477</v>
      </c>
    </row>
    <row r="81003" spans="1:7" x14ac:dyDescent="0.3">
      <c r="A81003" s="13" t="s">
        <v>410</v>
      </c>
      <c r="B81003" s="14" t="s">
        <v>1</v>
      </c>
      <c r="C81003" s="14" t="s">
        <v>70</v>
      </c>
      <c r="D81003" s="14" t="s">
        <v>411</v>
      </c>
      <c r="E81003" s="15">
        <v>45714</v>
      </c>
      <c r="F81003" s="14" t="s">
        <v>25</v>
      </c>
      <c r="G81003" s="16">
        <v>3.1831108483870194</v>
      </c>
    </row>
    <row r="81004" spans="1:7" x14ac:dyDescent="0.3">
      <c r="A81004" s="13" t="s">
        <v>410</v>
      </c>
      <c r="B81004" s="14" t="s">
        <v>1</v>
      </c>
      <c r="C81004" s="14" t="s">
        <v>70</v>
      </c>
      <c r="D81004" s="14" t="s">
        <v>411</v>
      </c>
      <c r="E81004" s="15">
        <v>45715</v>
      </c>
      <c r="F81004" s="14" t="s">
        <v>25</v>
      </c>
      <c r="G81004" s="16">
        <v>3.2067592797264921</v>
      </c>
    </row>
    <row r="81005" spans="1:7" x14ac:dyDescent="0.3">
      <c r="A81005" s="13" t="s">
        <v>410</v>
      </c>
      <c r="B81005" s="14" t="s">
        <v>1</v>
      </c>
      <c r="C81005" s="14" t="s">
        <v>70</v>
      </c>
      <c r="D81005" s="14" t="s">
        <v>411</v>
      </c>
      <c r="E81005" s="15">
        <v>45716</v>
      </c>
      <c r="F81005" s="14" t="s">
        <v>25</v>
      </c>
      <c r="G81005" s="16">
        <v>3.2300204752276036</v>
      </c>
    </row>
    <row r="81006" spans="1:7" x14ac:dyDescent="0.3">
      <c r="A81006" s="13" t="s">
        <v>410</v>
      </c>
      <c r="B81006" s="14" t="s">
        <v>1</v>
      </c>
      <c r="C81006" s="14" t="s">
        <v>70</v>
      </c>
      <c r="D81006" s="14" t="s">
        <v>411</v>
      </c>
      <c r="E81006" s="15">
        <v>45717</v>
      </c>
      <c r="F81006" s="14" t="s">
        <v>25</v>
      </c>
      <c r="G81006" s="16">
        <v>3.2300204752276036</v>
      </c>
    </row>
    <row r="81007" spans="1:7" x14ac:dyDescent="0.3">
      <c r="A81007" s="13" t="s">
        <v>410</v>
      </c>
      <c r="B81007" s="14" t="s">
        <v>1</v>
      </c>
      <c r="C81007" s="14" t="s">
        <v>70</v>
      </c>
      <c r="D81007" s="14" t="s">
        <v>411</v>
      </c>
      <c r="E81007" s="15">
        <v>45718</v>
      </c>
      <c r="F81007" s="14" t="s">
        <v>25</v>
      </c>
      <c r="G81007" s="16">
        <v>3.2300204752276036</v>
      </c>
    </row>
    <row r="81008" spans="1:7" x14ac:dyDescent="0.3">
      <c r="A81008" s="13" t="s">
        <v>410</v>
      </c>
      <c r="B81008" s="14" t="s">
        <v>1</v>
      </c>
      <c r="C81008" s="14" t="s">
        <v>70</v>
      </c>
      <c r="D81008" s="14" t="s">
        <v>411</v>
      </c>
      <c r="E81008" s="15">
        <v>45719</v>
      </c>
      <c r="F81008" s="14" t="s">
        <v>25</v>
      </c>
      <c r="G81008" s="16">
        <v>3.2346388949967082</v>
      </c>
    </row>
    <row r="81009" spans="1:7" x14ac:dyDescent="0.3">
      <c r="A81009" s="13" t="s">
        <v>410</v>
      </c>
      <c r="B81009" s="14" t="s">
        <v>1</v>
      </c>
      <c r="C81009" s="14" t="s">
        <v>70</v>
      </c>
      <c r="D81009" s="14" t="s">
        <v>411</v>
      </c>
      <c r="E81009" s="15">
        <v>45720</v>
      </c>
      <c r="F81009" s="14" t="s">
        <v>25</v>
      </c>
      <c r="G81009" s="16">
        <v>3.2260911359833613</v>
      </c>
    </row>
    <row r="81010" spans="1:7" x14ac:dyDescent="0.3">
      <c r="A81010" s="13" t="s">
        <v>410</v>
      </c>
      <c r="B81010" s="14" t="s">
        <v>1</v>
      </c>
      <c r="C81010" s="14" t="s">
        <v>70</v>
      </c>
      <c r="D81010" s="14" t="s">
        <v>411</v>
      </c>
      <c r="E81010" s="15">
        <v>45721</v>
      </c>
      <c r="F81010" s="14" t="s">
        <v>25</v>
      </c>
      <c r="G81010" s="16">
        <v>3.2349967065882028</v>
      </c>
    </row>
    <row r="81011" spans="1:7" x14ac:dyDescent="0.3">
      <c r="A81011" s="13" t="s">
        <v>410</v>
      </c>
      <c r="B81011" s="14" t="s">
        <v>1</v>
      </c>
      <c r="C81011" s="14" t="s">
        <v>70</v>
      </c>
      <c r="D81011" s="14" t="s">
        <v>411</v>
      </c>
      <c r="E81011" s="15">
        <v>45722</v>
      </c>
      <c r="F81011" s="14" t="s">
        <v>25</v>
      </c>
      <c r="G81011" s="16">
        <v>3.2168550304816144</v>
      </c>
    </row>
    <row r="81012" spans="1:7" x14ac:dyDescent="0.3">
      <c r="A81012" s="13" t="s">
        <v>410</v>
      </c>
      <c r="B81012" s="14" t="s">
        <v>1</v>
      </c>
      <c r="C81012" s="14" t="s">
        <v>70</v>
      </c>
      <c r="D81012" s="14" t="s">
        <v>411</v>
      </c>
      <c r="E81012" s="15">
        <v>45723</v>
      </c>
      <c r="F81012" s="14" t="s">
        <v>25</v>
      </c>
      <c r="G81012" s="16">
        <v>3.2470612897133861</v>
      </c>
    </row>
    <row r="81013" spans="1:7" x14ac:dyDescent="0.3">
      <c r="A81013" s="13" t="s">
        <v>410</v>
      </c>
      <c r="B81013" s="14" t="s">
        <v>1</v>
      </c>
      <c r="C81013" s="14" t="s">
        <v>70</v>
      </c>
      <c r="D81013" s="14" t="s">
        <v>411</v>
      </c>
      <c r="E81013" s="15">
        <v>45724</v>
      </c>
      <c r="F81013" s="14" t="s">
        <v>25</v>
      </c>
      <c r="G81013" s="16">
        <v>3.2470612897133861</v>
      </c>
    </row>
    <row r="81014" spans="1:7" x14ac:dyDescent="0.3">
      <c r="A81014" s="13" t="s">
        <v>410</v>
      </c>
      <c r="B81014" s="14" t="s">
        <v>1</v>
      </c>
      <c r="C81014" s="14" t="s">
        <v>70</v>
      </c>
      <c r="D81014" s="14" t="s">
        <v>411</v>
      </c>
      <c r="E81014" s="15">
        <v>45725</v>
      </c>
      <c r="F81014" s="14" t="s">
        <v>25</v>
      </c>
      <c r="G81014" s="16">
        <v>3.2470612897133861</v>
      </c>
    </row>
    <row r="81015" spans="1:7" x14ac:dyDescent="0.3">
      <c r="A81015" s="13" t="s">
        <v>410</v>
      </c>
      <c r="B81015" s="14" t="s">
        <v>1</v>
      </c>
      <c r="C81015" s="14" t="s">
        <v>70</v>
      </c>
      <c r="D81015" s="14" t="s">
        <v>411</v>
      </c>
      <c r="E81015" s="15">
        <v>45726</v>
      </c>
      <c r="F81015" s="14" t="s">
        <v>25</v>
      </c>
      <c r="G81015" s="16">
        <v>3.2612522907509214</v>
      </c>
    </row>
    <row r="81016" spans="1:7" x14ac:dyDescent="0.3">
      <c r="A81016" s="13" t="s">
        <v>410</v>
      </c>
      <c r="B81016" s="14" t="s">
        <v>1</v>
      </c>
      <c r="C81016" s="14" t="s">
        <v>70</v>
      </c>
      <c r="D81016" s="14" t="s">
        <v>411</v>
      </c>
      <c r="E81016" s="15">
        <v>45727</v>
      </c>
      <c r="F81016" s="14" t="s">
        <v>25</v>
      </c>
      <c r="G81016" s="16">
        <v>3.2866543445391363</v>
      </c>
    </row>
    <row r="81017" spans="1:7" x14ac:dyDescent="0.3">
      <c r="A81017" s="13" t="s">
        <v>410</v>
      </c>
      <c r="B81017" s="14" t="s">
        <v>1</v>
      </c>
      <c r="C81017" s="14" t="s">
        <v>70</v>
      </c>
      <c r="D81017" s="14" t="s">
        <v>411</v>
      </c>
      <c r="E81017" s="15">
        <v>45728</v>
      </c>
      <c r="F81017" s="14" t="s">
        <v>25</v>
      </c>
      <c r="G81017" s="16">
        <v>3.2998491105727474</v>
      </c>
    </row>
    <row r="81018" spans="1:7" x14ac:dyDescent="0.3">
      <c r="A81018" s="13" t="s">
        <v>410</v>
      </c>
      <c r="B81018" s="14" t="s">
        <v>1</v>
      </c>
      <c r="C81018" s="14" t="s">
        <v>70</v>
      </c>
      <c r="D81018" s="14" t="s">
        <v>411</v>
      </c>
      <c r="E81018" s="15">
        <v>45729</v>
      </c>
      <c r="F81018" s="14" t="s">
        <v>25</v>
      </c>
      <c r="G81018" s="16">
        <v>3.3057609336136342</v>
      </c>
    </row>
    <row r="81019" spans="1:7" x14ac:dyDescent="0.3">
      <c r="A81019" s="13" t="s">
        <v>410</v>
      </c>
      <c r="B81019" s="14" t="s">
        <v>1</v>
      </c>
      <c r="C81019" s="14" t="s">
        <v>70</v>
      </c>
      <c r="D81019" s="14" t="s">
        <v>411</v>
      </c>
      <c r="E81019" s="15">
        <v>45730</v>
      </c>
      <c r="F81019" s="14" t="s">
        <v>25</v>
      </c>
      <c r="G81019" s="16">
        <v>3.3319937360210572</v>
      </c>
    </row>
    <row r="81020" spans="1:7" x14ac:dyDescent="0.3">
      <c r="A81020" s="13" t="s">
        <v>410</v>
      </c>
      <c r="B81020" s="14" t="s">
        <v>1</v>
      </c>
      <c r="C81020" s="14" t="s">
        <v>70</v>
      </c>
      <c r="D81020" s="14" t="s">
        <v>411</v>
      </c>
      <c r="E81020" s="15">
        <v>45731</v>
      </c>
      <c r="F81020" s="14" t="s">
        <v>25</v>
      </c>
      <c r="G81020" s="16">
        <v>3.3319937360210572</v>
      </c>
    </row>
    <row r="81021" spans="1:7" x14ac:dyDescent="0.3">
      <c r="A81021" s="13" t="s">
        <v>410</v>
      </c>
      <c r="B81021" s="14" t="s">
        <v>1</v>
      </c>
      <c r="C81021" s="14" t="s">
        <v>70</v>
      </c>
      <c r="D81021" s="14" t="s">
        <v>411</v>
      </c>
      <c r="E81021" s="15">
        <v>45732</v>
      </c>
      <c r="F81021" s="14" t="s">
        <v>25</v>
      </c>
      <c r="G81021" s="16">
        <v>3.3319937360210572</v>
      </c>
    </row>
    <row r="81022" spans="1:7" x14ac:dyDescent="0.3">
      <c r="A81022" s="13" t="s">
        <v>410</v>
      </c>
      <c r="B81022" s="14" t="s">
        <v>1</v>
      </c>
      <c r="C81022" s="14" t="s">
        <v>70</v>
      </c>
      <c r="D81022" s="14" t="s">
        <v>411</v>
      </c>
      <c r="E81022" s="15">
        <v>45733</v>
      </c>
      <c r="F81022" s="14" t="s">
        <v>25</v>
      </c>
      <c r="G81022" s="16">
        <v>3.3319937360210572</v>
      </c>
    </row>
    <row r="81023" spans="1:7" x14ac:dyDescent="0.3">
      <c r="A81023" s="13" t="s">
        <v>410</v>
      </c>
      <c r="B81023" s="14" t="s">
        <v>1</v>
      </c>
      <c r="C81023" s="14" t="s">
        <v>70</v>
      </c>
      <c r="D81023" s="14" t="s">
        <v>411</v>
      </c>
      <c r="E81023" s="15">
        <v>45734</v>
      </c>
      <c r="F81023" s="14" t="s">
        <v>25</v>
      </c>
      <c r="G81023" s="16">
        <v>3.3100924214986125</v>
      </c>
    </row>
    <row r="81024" spans="1:7" x14ac:dyDescent="0.3">
      <c r="A81024" s="13" t="s">
        <v>410</v>
      </c>
      <c r="B81024" s="14" t="s">
        <v>1</v>
      </c>
      <c r="C81024" s="14" t="s">
        <v>70</v>
      </c>
      <c r="D81024" s="14" t="s">
        <v>411</v>
      </c>
      <c r="E81024" s="15">
        <v>45735</v>
      </c>
      <c r="F81024" s="14" t="s">
        <v>25</v>
      </c>
      <c r="G81024" s="16">
        <v>3.3406508319553674</v>
      </c>
    </row>
    <row r="81025" spans="1:7" x14ac:dyDescent="0.3">
      <c r="A81025" s="13" t="s">
        <v>410</v>
      </c>
      <c r="B81025" s="14" t="s">
        <v>1</v>
      </c>
      <c r="C81025" s="14" t="s">
        <v>70</v>
      </c>
      <c r="D81025" s="14" t="s">
        <v>411</v>
      </c>
      <c r="E81025" s="15">
        <v>45736</v>
      </c>
      <c r="F81025" s="14" t="s">
        <v>25</v>
      </c>
      <c r="G81025" s="16">
        <v>3.3639916554088112</v>
      </c>
    </row>
    <row r="81026" spans="1:7" x14ac:dyDescent="0.3">
      <c r="A81026" s="13" t="s">
        <v>410</v>
      </c>
      <c r="B81026" s="14" t="s">
        <v>1</v>
      </c>
      <c r="C81026" s="14" t="s">
        <v>70</v>
      </c>
      <c r="D81026" s="14" t="s">
        <v>411</v>
      </c>
      <c r="E81026" s="15">
        <v>45737</v>
      </c>
      <c r="F81026" s="14" t="s">
        <v>25</v>
      </c>
      <c r="G81026" s="16">
        <v>3.3736960983958695</v>
      </c>
    </row>
    <row r="81027" spans="1:7" x14ac:dyDescent="0.3">
      <c r="A81027" s="13" t="s">
        <v>410</v>
      </c>
      <c r="B81027" s="14" t="s">
        <v>1</v>
      </c>
      <c r="C81027" s="14" t="s">
        <v>70</v>
      </c>
      <c r="D81027" s="14" t="s">
        <v>411</v>
      </c>
      <c r="E81027" s="15">
        <v>45738</v>
      </c>
      <c r="F81027" s="14" t="s">
        <v>25</v>
      </c>
      <c r="G81027" s="16">
        <v>3.3736960983958695</v>
      </c>
    </row>
    <row r="81028" spans="1:7" x14ac:dyDescent="0.3">
      <c r="A81028" s="13" t="s">
        <v>410</v>
      </c>
      <c r="B81028" s="14" t="s">
        <v>1</v>
      </c>
      <c r="C81028" s="14" t="s">
        <v>70</v>
      </c>
      <c r="D81028" s="14" t="s">
        <v>411</v>
      </c>
      <c r="E81028" s="15">
        <v>45739</v>
      </c>
      <c r="F81028" s="14" t="s">
        <v>25</v>
      </c>
      <c r="G81028" s="16">
        <v>3.3736960983958695</v>
      </c>
    </row>
    <row r="81029" spans="1:7" x14ac:dyDescent="0.3">
      <c r="A81029" s="13" t="s">
        <v>410</v>
      </c>
      <c r="B81029" s="14" t="s">
        <v>1</v>
      </c>
      <c r="C81029" s="14" t="s">
        <v>70</v>
      </c>
      <c r="D81029" s="14" t="s">
        <v>411</v>
      </c>
      <c r="E81029" s="15">
        <v>45740</v>
      </c>
      <c r="F81029" s="14" t="s">
        <v>25</v>
      </c>
      <c r="G81029" s="16">
        <v>3.3783973655578845</v>
      </c>
    </row>
    <row r="81030" spans="1:7" x14ac:dyDescent="0.3">
      <c r="A81030" s="13" t="s">
        <v>410</v>
      </c>
      <c r="B81030" s="14" t="s">
        <v>1</v>
      </c>
      <c r="C81030" s="14" t="s">
        <v>70</v>
      </c>
      <c r="D81030" s="14" t="s">
        <v>411</v>
      </c>
      <c r="E81030" s="15">
        <v>45741</v>
      </c>
      <c r="F81030" s="14" t="s">
        <v>25</v>
      </c>
      <c r="G81030" s="16">
        <v>3.3932740332585634</v>
      </c>
    </row>
    <row r="81031" spans="1:7" x14ac:dyDescent="0.3">
      <c r="A81031" s="13" t="s">
        <v>410</v>
      </c>
      <c r="B81031" s="14" t="s">
        <v>1</v>
      </c>
      <c r="C81031" s="14" t="s">
        <v>70</v>
      </c>
      <c r="D81031" s="14" t="s">
        <v>411</v>
      </c>
      <c r="E81031" s="15">
        <v>45742</v>
      </c>
      <c r="F81031" s="14" t="s">
        <v>25</v>
      </c>
      <c r="G81031" s="16">
        <v>3.4025175497623623</v>
      </c>
    </row>
    <row r="81032" spans="1:7" x14ac:dyDescent="0.3">
      <c r="A81032" s="13" t="s">
        <v>410</v>
      </c>
      <c r="B81032" s="14" t="s">
        <v>1</v>
      </c>
      <c r="C81032" s="14" t="s">
        <v>70</v>
      </c>
      <c r="D81032" s="14" t="s">
        <v>411</v>
      </c>
      <c r="E81032" s="15">
        <v>45743</v>
      </c>
      <c r="F81032" s="14" t="s">
        <v>25</v>
      </c>
      <c r="G81032" s="16">
        <v>3.4064300275227</v>
      </c>
    </row>
    <row r="81033" spans="1:7" x14ac:dyDescent="0.3">
      <c r="A81033" s="13" t="s">
        <v>410</v>
      </c>
      <c r="B81033" s="14" t="s">
        <v>1</v>
      </c>
      <c r="C81033" s="14" t="s">
        <v>70</v>
      </c>
      <c r="D81033" s="14" t="s">
        <v>411</v>
      </c>
      <c r="E81033" s="15">
        <v>45744</v>
      </c>
      <c r="F81033" s="14" t="s">
        <v>25</v>
      </c>
      <c r="G81033" s="16">
        <v>3.5003795120998267</v>
      </c>
    </row>
    <row r="81034" spans="1:7" x14ac:dyDescent="0.3">
      <c r="A81034" s="13" t="s">
        <v>410</v>
      </c>
      <c r="B81034" s="14" t="s">
        <v>1</v>
      </c>
      <c r="C81034" s="14" t="s">
        <v>70</v>
      </c>
      <c r="D81034" s="14" t="s">
        <v>411</v>
      </c>
      <c r="E81034" s="15">
        <v>45745</v>
      </c>
      <c r="F81034" s="14" t="s">
        <v>25</v>
      </c>
      <c r="G81034" s="16">
        <v>3.5003795120998267</v>
      </c>
    </row>
    <row r="81035" spans="1:7" x14ac:dyDescent="0.3">
      <c r="A81035" s="13" t="s">
        <v>410</v>
      </c>
      <c r="B81035" s="14" t="s">
        <v>1</v>
      </c>
      <c r="C81035" s="14" t="s">
        <v>70</v>
      </c>
      <c r="D81035" s="14" t="s">
        <v>411</v>
      </c>
      <c r="E81035" s="15">
        <v>45746</v>
      </c>
      <c r="F81035" s="14" t="s">
        <v>25</v>
      </c>
      <c r="G81035" s="16">
        <v>3.5003795120998267</v>
      </c>
    </row>
    <row r="81036" spans="1:7" x14ac:dyDescent="0.3">
      <c r="A81036" s="13" t="s">
        <v>410</v>
      </c>
      <c r="B81036" s="14" t="s">
        <v>1</v>
      </c>
      <c r="C81036" s="14" t="s">
        <v>70</v>
      </c>
      <c r="D81036" s="14" t="s">
        <v>411</v>
      </c>
      <c r="E81036" s="15">
        <v>45747</v>
      </c>
      <c r="F81036" s="14" t="s">
        <v>25</v>
      </c>
      <c r="G81036" s="16">
        <v>3.5632421598094988</v>
      </c>
    </row>
    <row r="81037" spans="1:7" x14ac:dyDescent="0.3">
      <c r="A81037" s="13" t="s">
        <v>412</v>
      </c>
      <c r="B81037" s="14" t="s">
        <v>1</v>
      </c>
      <c r="C81037" s="14" t="s">
        <v>413</v>
      </c>
      <c r="D81037" s="14" t="s">
        <v>207</v>
      </c>
      <c r="E81037" s="15">
        <v>45383</v>
      </c>
      <c r="F81037" s="14" t="s">
        <v>53</v>
      </c>
      <c r="G81037" s="16">
        <v>0</v>
      </c>
    </row>
    <row r="81038" spans="1:7" x14ac:dyDescent="0.3">
      <c r="A81038" s="13" t="s">
        <v>412</v>
      </c>
      <c r="B81038" s="14" t="s">
        <v>1</v>
      </c>
      <c r="C81038" s="14" t="s">
        <v>413</v>
      </c>
      <c r="D81038" s="14" t="s">
        <v>207</v>
      </c>
      <c r="E81038" s="15">
        <v>45384</v>
      </c>
      <c r="F81038" s="14" t="s">
        <v>53</v>
      </c>
      <c r="G81038" s="16">
        <v>0</v>
      </c>
    </row>
    <row r="81039" spans="1:7" x14ac:dyDescent="0.3">
      <c r="A81039" s="13" t="s">
        <v>412</v>
      </c>
      <c r="B81039" s="14" t="s">
        <v>1</v>
      </c>
      <c r="C81039" s="14" t="s">
        <v>413</v>
      </c>
      <c r="D81039" s="14" t="s">
        <v>207</v>
      </c>
      <c r="E81039" s="15">
        <v>45385</v>
      </c>
      <c r="F81039" s="14" t="s">
        <v>53</v>
      </c>
      <c r="G81039" s="16">
        <v>0.16209055696973329</v>
      </c>
    </row>
    <row r="81040" spans="1:7" x14ac:dyDescent="0.3">
      <c r="A81040" s="13" t="s">
        <v>412</v>
      </c>
      <c r="B81040" s="14" t="s">
        <v>1</v>
      </c>
      <c r="C81040" s="14" t="s">
        <v>413</v>
      </c>
      <c r="D81040" s="14" t="s">
        <v>207</v>
      </c>
      <c r="E81040" s="15">
        <v>45386</v>
      </c>
      <c r="F81040" s="14" t="s">
        <v>53</v>
      </c>
      <c r="G81040" s="16">
        <v>0.16929626263260769</v>
      </c>
    </row>
    <row r="81041" spans="1:7" x14ac:dyDescent="0.3">
      <c r="A81041" s="13" t="s">
        <v>412</v>
      </c>
      <c r="B81041" s="14" t="s">
        <v>1</v>
      </c>
      <c r="C81041" s="14" t="s">
        <v>413</v>
      </c>
      <c r="D81041" s="14" t="s">
        <v>207</v>
      </c>
      <c r="E81041" s="15">
        <v>45387</v>
      </c>
      <c r="F81041" s="14" t="s">
        <v>53</v>
      </c>
      <c r="G81041" s="16">
        <v>0.17548258230872407</v>
      </c>
    </row>
    <row r="81042" spans="1:7" x14ac:dyDescent="0.3">
      <c r="A81042" s="13" t="s">
        <v>412</v>
      </c>
      <c r="B81042" s="14" t="s">
        <v>1</v>
      </c>
      <c r="C81042" s="14" t="s">
        <v>413</v>
      </c>
      <c r="D81042" s="14" t="s">
        <v>207</v>
      </c>
      <c r="E81042" s="15">
        <v>45388</v>
      </c>
      <c r="F81042" s="14" t="s">
        <v>53</v>
      </c>
      <c r="G81042" s="16">
        <v>0.17548258230872407</v>
      </c>
    </row>
    <row r="81043" spans="1:7" x14ac:dyDescent="0.3">
      <c r="A81043" s="13" t="s">
        <v>412</v>
      </c>
      <c r="B81043" s="14" t="s">
        <v>1</v>
      </c>
      <c r="C81043" s="14" t="s">
        <v>413</v>
      </c>
      <c r="D81043" s="14" t="s">
        <v>207</v>
      </c>
      <c r="E81043" s="15">
        <v>45389</v>
      </c>
      <c r="F81043" s="14" t="s">
        <v>53</v>
      </c>
      <c r="G81043" s="16">
        <v>0.17548258230872407</v>
      </c>
    </row>
    <row r="81044" spans="1:7" x14ac:dyDescent="0.3">
      <c r="A81044" s="13" t="s">
        <v>412</v>
      </c>
      <c r="B81044" s="14" t="s">
        <v>1</v>
      </c>
      <c r="C81044" s="14" t="s">
        <v>413</v>
      </c>
      <c r="D81044" s="14" t="s">
        <v>207</v>
      </c>
      <c r="E81044" s="15">
        <v>45390</v>
      </c>
      <c r="F81044" s="14" t="s">
        <v>53</v>
      </c>
      <c r="G81044" s="16">
        <v>0.17386945904405141</v>
      </c>
    </row>
    <row r="81045" spans="1:7" x14ac:dyDescent="0.3">
      <c r="A81045" s="13" t="s">
        <v>412</v>
      </c>
      <c r="B81045" s="14" t="s">
        <v>1</v>
      </c>
      <c r="C81045" s="14" t="s">
        <v>413</v>
      </c>
      <c r="D81045" s="14" t="s">
        <v>207</v>
      </c>
      <c r="E81045" s="15">
        <v>45391</v>
      </c>
      <c r="F81045" s="14" t="s">
        <v>53</v>
      </c>
      <c r="G81045" s="16">
        <v>0.17195302687160036</v>
      </c>
    </row>
    <row r="81046" spans="1:7" x14ac:dyDescent="0.3">
      <c r="A81046" s="13" t="s">
        <v>412</v>
      </c>
      <c r="B81046" s="14" t="s">
        <v>1</v>
      </c>
      <c r="C81046" s="14" t="s">
        <v>413</v>
      </c>
      <c r="D81046" s="14" t="s">
        <v>207</v>
      </c>
      <c r="E81046" s="15">
        <v>45392</v>
      </c>
      <c r="F81046" s="14" t="s">
        <v>53</v>
      </c>
      <c r="G81046" s="16">
        <v>0.16954165690285755</v>
      </c>
    </row>
    <row r="81047" spans="1:7" x14ac:dyDescent="0.3">
      <c r="A81047" s="13" t="s">
        <v>412</v>
      </c>
      <c r="B81047" s="14" t="s">
        <v>1</v>
      </c>
      <c r="C81047" s="14" t="s">
        <v>413</v>
      </c>
      <c r="D81047" s="14" t="s">
        <v>207</v>
      </c>
      <c r="E81047" s="15">
        <v>45393</v>
      </c>
      <c r="F81047" s="14" t="s">
        <v>53</v>
      </c>
      <c r="G81047" s="16">
        <v>0.18218082133740915</v>
      </c>
    </row>
    <row r="81048" spans="1:7" x14ac:dyDescent="0.3">
      <c r="A81048" s="13" t="s">
        <v>412</v>
      </c>
      <c r="B81048" s="14" t="s">
        <v>1</v>
      </c>
      <c r="C81048" s="14" t="s">
        <v>413</v>
      </c>
      <c r="D81048" s="14" t="s">
        <v>207</v>
      </c>
      <c r="E81048" s="15">
        <v>45394</v>
      </c>
      <c r="F81048" s="14" t="s">
        <v>53</v>
      </c>
      <c r="G81048" s="16">
        <v>0.17977224903601496</v>
      </c>
    </row>
    <row r="81049" spans="1:7" x14ac:dyDescent="0.3">
      <c r="A81049" s="13" t="s">
        <v>412</v>
      </c>
      <c r="B81049" s="14" t="s">
        <v>1</v>
      </c>
      <c r="C81049" s="14" t="s">
        <v>413</v>
      </c>
      <c r="D81049" s="14" t="s">
        <v>207</v>
      </c>
      <c r="E81049" s="15">
        <v>45395</v>
      </c>
      <c r="F81049" s="14" t="s">
        <v>53</v>
      </c>
      <c r="G81049" s="16">
        <v>0.17977224903601496</v>
      </c>
    </row>
    <row r="81050" spans="1:7" x14ac:dyDescent="0.3">
      <c r="A81050" s="13" t="s">
        <v>412</v>
      </c>
      <c r="B81050" s="14" t="s">
        <v>1</v>
      </c>
      <c r="C81050" s="14" t="s">
        <v>413</v>
      </c>
      <c r="D81050" s="14" t="s">
        <v>207</v>
      </c>
      <c r="E81050" s="15">
        <v>45396</v>
      </c>
      <c r="F81050" s="14" t="s">
        <v>53</v>
      </c>
      <c r="G81050" s="16">
        <v>0.17977224903601496</v>
      </c>
    </row>
    <row r="81051" spans="1:7" x14ac:dyDescent="0.3">
      <c r="A81051" s="13" t="s">
        <v>412</v>
      </c>
      <c r="B81051" s="14" t="s">
        <v>1</v>
      </c>
      <c r="C81051" s="14" t="s">
        <v>413</v>
      </c>
      <c r="D81051" s="14" t="s">
        <v>207</v>
      </c>
      <c r="E81051" s="15">
        <v>45397</v>
      </c>
      <c r="F81051" s="14" t="s">
        <v>53</v>
      </c>
      <c r="G81051" s="16">
        <v>0.18096101839004372</v>
      </c>
    </row>
    <row r="81052" spans="1:7" x14ac:dyDescent="0.3">
      <c r="A81052" s="13" t="s">
        <v>412</v>
      </c>
      <c r="B81052" s="14" t="s">
        <v>1</v>
      </c>
      <c r="C81052" s="14" t="s">
        <v>413</v>
      </c>
      <c r="D81052" s="14" t="s">
        <v>207</v>
      </c>
      <c r="E81052" s="15">
        <v>45398</v>
      </c>
      <c r="F81052" s="14" t="s">
        <v>53</v>
      </c>
      <c r="G81052" s="16">
        <v>0.17376290824847865</v>
      </c>
    </row>
    <row r="81053" spans="1:7" x14ac:dyDescent="0.3">
      <c r="A81053" s="13" t="s">
        <v>412</v>
      </c>
      <c r="B81053" s="14" t="s">
        <v>1</v>
      </c>
      <c r="C81053" s="14" t="s">
        <v>413</v>
      </c>
      <c r="D81053" s="14" t="s">
        <v>207</v>
      </c>
      <c r="E81053" s="15">
        <v>45399</v>
      </c>
      <c r="F81053" s="14" t="s">
        <v>53</v>
      </c>
      <c r="G81053" s="16">
        <v>0.20911461409392129</v>
      </c>
    </row>
    <row r="81054" spans="1:7" x14ac:dyDescent="0.3">
      <c r="A81054" s="13" t="s">
        <v>412</v>
      </c>
      <c r="B81054" s="14" t="s">
        <v>1</v>
      </c>
      <c r="C81054" s="14" t="s">
        <v>413</v>
      </c>
      <c r="D81054" s="14" t="s">
        <v>207</v>
      </c>
      <c r="E81054" s="15">
        <v>45400</v>
      </c>
      <c r="F81054" s="14" t="s">
        <v>53</v>
      </c>
      <c r="G81054" s="16">
        <v>0.20677195036869306</v>
      </c>
    </row>
    <row r="81055" spans="1:7" x14ac:dyDescent="0.3">
      <c r="A81055" s="13" t="s">
        <v>412</v>
      </c>
      <c r="B81055" s="14" t="s">
        <v>1</v>
      </c>
      <c r="C81055" s="14" t="s">
        <v>413</v>
      </c>
      <c r="D81055" s="14" t="s">
        <v>207</v>
      </c>
      <c r="E81055" s="15">
        <v>45401</v>
      </c>
      <c r="F81055" s="14" t="s">
        <v>53</v>
      </c>
      <c r="G81055" s="16">
        <v>0.20918734805627584</v>
      </c>
    </row>
    <row r="81056" spans="1:7" x14ac:dyDescent="0.3">
      <c r="A81056" s="13" t="s">
        <v>412</v>
      </c>
      <c r="B81056" s="14" t="s">
        <v>1</v>
      </c>
      <c r="C81056" s="14" t="s">
        <v>413</v>
      </c>
      <c r="D81056" s="14" t="s">
        <v>207</v>
      </c>
      <c r="E81056" s="15">
        <v>45402</v>
      </c>
      <c r="F81056" s="14" t="s">
        <v>53</v>
      </c>
      <c r="G81056" s="16">
        <v>0.20918734805627584</v>
      </c>
    </row>
    <row r="81057" spans="1:7" x14ac:dyDescent="0.3">
      <c r="A81057" s="13" t="s">
        <v>412</v>
      </c>
      <c r="B81057" s="14" t="s">
        <v>1</v>
      </c>
      <c r="C81057" s="14" t="s">
        <v>413</v>
      </c>
      <c r="D81057" s="14" t="s">
        <v>207</v>
      </c>
      <c r="E81057" s="15">
        <v>45403</v>
      </c>
      <c r="F81057" s="14" t="s">
        <v>53</v>
      </c>
      <c r="G81057" s="16">
        <v>0.20918734805627584</v>
      </c>
    </row>
    <row r="81058" spans="1:7" x14ac:dyDescent="0.3">
      <c r="A81058" s="13" t="s">
        <v>412</v>
      </c>
      <c r="B81058" s="14" t="s">
        <v>1</v>
      </c>
      <c r="C81058" s="14" t="s">
        <v>413</v>
      </c>
      <c r="D81058" s="14" t="s">
        <v>207</v>
      </c>
      <c r="E81058" s="15">
        <v>45404</v>
      </c>
      <c r="F81058" s="14" t="s">
        <v>53</v>
      </c>
      <c r="G81058" s="16">
        <v>0.20685357279606248</v>
      </c>
    </row>
    <row r="81059" spans="1:7" x14ac:dyDescent="0.3">
      <c r="A81059" s="13" t="s">
        <v>412</v>
      </c>
      <c r="B81059" s="14" t="s">
        <v>1</v>
      </c>
      <c r="C81059" s="14" t="s">
        <v>413</v>
      </c>
      <c r="D81059" s="14" t="s">
        <v>207</v>
      </c>
      <c r="E81059" s="15">
        <v>45405</v>
      </c>
      <c r="F81059" s="14" t="s">
        <v>53</v>
      </c>
      <c r="G81059" s="16">
        <v>0.22882687271751601</v>
      </c>
    </row>
    <row r="81060" spans="1:7" x14ac:dyDescent="0.3">
      <c r="A81060" s="13" t="s">
        <v>412</v>
      </c>
      <c r="B81060" s="14" t="s">
        <v>1</v>
      </c>
      <c r="C81060" s="14" t="s">
        <v>413</v>
      </c>
      <c r="D81060" s="14" t="s">
        <v>207</v>
      </c>
      <c r="E81060" s="15">
        <v>45406</v>
      </c>
      <c r="F81060" s="14" t="s">
        <v>53</v>
      </c>
      <c r="G81060" s="16">
        <v>0.22646985087369864</v>
      </c>
    </row>
    <row r="81061" spans="1:7" x14ac:dyDescent="0.3">
      <c r="A81061" s="13" t="s">
        <v>412</v>
      </c>
      <c r="B81061" s="14" t="s">
        <v>1</v>
      </c>
      <c r="C81061" s="14" t="s">
        <v>413</v>
      </c>
      <c r="D81061" s="14" t="s">
        <v>207</v>
      </c>
      <c r="E81061" s="15">
        <v>45407</v>
      </c>
      <c r="F81061" s="14" t="s">
        <v>53</v>
      </c>
      <c r="G81061" s="16">
        <v>0.2241024776095665</v>
      </c>
    </row>
    <row r="81062" spans="1:7" x14ac:dyDescent="0.3">
      <c r="A81062" s="13" t="s">
        <v>412</v>
      </c>
      <c r="B81062" s="14" t="s">
        <v>1</v>
      </c>
      <c r="C81062" s="14" t="s">
        <v>413</v>
      </c>
      <c r="D81062" s="14" t="s">
        <v>207</v>
      </c>
      <c r="E81062" s="15">
        <v>45408</v>
      </c>
      <c r="F81062" s="14" t="s">
        <v>53</v>
      </c>
      <c r="G81062" s="16">
        <v>0.22718909008813112</v>
      </c>
    </row>
    <row r="81063" spans="1:7" x14ac:dyDescent="0.3">
      <c r="A81063" s="13" t="s">
        <v>412</v>
      </c>
      <c r="B81063" s="14" t="s">
        <v>1</v>
      </c>
      <c r="C81063" s="14" t="s">
        <v>413</v>
      </c>
      <c r="D81063" s="14" t="s">
        <v>207</v>
      </c>
      <c r="E81063" s="15">
        <v>45409</v>
      </c>
      <c r="F81063" s="14" t="s">
        <v>53</v>
      </c>
      <c r="G81063" s="16">
        <v>0.22718909008813112</v>
      </c>
    </row>
    <row r="81064" spans="1:7" x14ac:dyDescent="0.3">
      <c r="A81064" s="13" t="s">
        <v>412</v>
      </c>
      <c r="B81064" s="14" t="s">
        <v>1</v>
      </c>
      <c r="C81064" s="14" t="s">
        <v>413</v>
      </c>
      <c r="D81064" s="14" t="s">
        <v>207</v>
      </c>
      <c r="E81064" s="15">
        <v>45410</v>
      </c>
      <c r="F81064" s="14" t="s">
        <v>53</v>
      </c>
      <c r="G81064" s="16">
        <v>0.22718909008813112</v>
      </c>
    </row>
    <row r="81065" spans="1:7" x14ac:dyDescent="0.3">
      <c r="A81065" s="13" t="s">
        <v>412</v>
      </c>
      <c r="B81065" s="14" t="s">
        <v>1</v>
      </c>
      <c r="C81065" s="14" t="s">
        <v>413</v>
      </c>
      <c r="D81065" s="14" t="s">
        <v>207</v>
      </c>
      <c r="E81065" s="15">
        <v>45411</v>
      </c>
      <c r="F81065" s="14" t="s">
        <v>53</v>
      </c>
      <c r="G81065" s="16">
        <v>0.22823307984756827</v>
      </c>
    </row>
    <row r="81066" spans="1:7" x14ac:dyDescent="0.3">
      <c r="A81066" s="13" t="s">
        <v>412</v>
      </c>
      <c r="B81066" s="14" t="s">
        <v>1</v>
      </c>
      <c r="C81066" s="14" t="s">
        <v>413</v>
      </c>
      <c r="D81066" s="14" t="s">
        <v>207</v>
      </c>
      <c r="E81066" s="15">
        <v>45412</v>
      </c>
      <c r="F81066" s="14" t="s">
        <v>53</v>
      </c>
      <c r="G81066" s="16">
        <v>0.26716842283771031</v>
      </c>
    </row>
    <row r="81067" spans="1:7" x14ac:dyDescent="0.3">
      <c r="A81067" s="13" t="s">
        <v>412</v>
      </c>
      <c r="B81067" s="14" t="s">
        <v>1</v>
      </c>
      <c r="C81067" s="14" t="s">
        <v>413</v>
      </c>
      <c r="D81067" s="14" t="s">
        <v>207</v>
      </c>
      <c r="E81067" s="15">
        <v>45413</v>
      </c>
      <c r="F81067" s="14" t="s">
        <v>53</v>
      </c>
      <c r="G81067" s="16">
        <v>0.26481177845996895</v>
      </c>
    </row>
    <row r="81068" spans="1:7" x14ac:dyDescent="0.3">
      <c r="A81068" s="13" t="s">
        <v>412</v>
      </c>
      <c r="B81068" s="14" t="s">
        <v>1</v>
      </c>
      <c r="C81068" s="14" t="s">
        <v>413</v>
      </c>
      <c r="D81068" s="14" t="s">
        <v>207</v>
      </c>
      <c r="E81068" s="15">
        <v>45414</v>
      </c>
      <c r="F81068" s="14" t="s">
        <v>53</v>
      </c>
      <c r="G81068" s="16">
        <v>0.28555816031622955</v>
      </c>
    </row>
    <row r="81069" spans="1:7" x14ac:dyDescent="0.3">
      <c r="A81069" s="13" t="s">
        <v>412</v>
      </c>
      <c r="B81069" s="14" t="s">
        <v>1</v>
      </c>
      <c r="C81069" s="14" t="s">
        <v>413</v>
      </c>
      <c r="D81069" s="14" t="s">
        <v>207</v>
      </c>
      <c r="E81069" s="15">
        <v>45415</v>
      </c>
      <c r="F81069" s="14" t="s">
        <v>53</v>
      </c>
      <c r="G81069" s="16">
        <v>0.28314215827658468</v>
      </c>
    </row>
    <row r="81070" spans="1:7" x14ac:dyDescent="0.3">
      <c r="A81070" s="13" t="s">
        <v>412</v>
      </c>
      <c r="B81070" s="14" t="s">
        <v>1</v>
      </c>
      <c r="C81070" s="14" t="s">
        <v>413</v>
      </c>
      <c r="D81070" s="14" t="s">
        <v>207</v>
      </c>
      <c r="E81070" s="15">
        <v>45416</v>
      </c>
      <c r="F81070" s="14" t="s">
        <v>53</v>
      </c>
      <c r="G81070" s="16">
        <v>0.28314215827658468</v>
      </c>
    </row>
    <row r="81071" spans="1:7" x14ac:dyDescent="0.3">
      <c r="A81071" s="13" t="s">
        <v>412</v>
      </c>
      <c r="B81071" s="14" t="s">
        <v>1</v>
      </c>
      <c r="C81071" s="14" t="s">
        <v>413</v>
      </c>
      <c r="D81071" s="14" t="s">
        <v>207</v>
      </c>
      <c r="E81071" s="15">
        <v>45417</v>
      </c>
      <c r="F81071" s="14" t="s">
        <v>53</v>
      </c>
      <c r="G81071" s="16">
        <v>0.28314215827658468</v>
      </c>
    </row>
    <row r="81072" spans="1:7" x14ac:dyDescent="0.3">
      <c r="A81072" s="13" t="s">
        <v>412</v>
      </c>
      <c r="B81072" s="14" t="s">
        <v>1</v>
      </c>
      <c r="C81072" s="14" t="s">
        <v>413</v>
      </c>
      <c r="D81072" s="14" t="s">
        <v>207</v>
      </c>
      <c r="E81072" s="15">
        <v>45418</v>
      </c>
      <c r="F81072" s="14" t="s">
        <v>53</v>
      </c>
      <c r="G81072" s="16">
        <v>0.28314215827658468</v>
      </c>
    </row>
    <row r="81073" spans="1:7" x14ac:dyDescent="0.3">
      <c r="A81073" s="13" t="s">
        <v>412</v>
      </c>
      <c r="B81073" s="14" t="s">
        <v>1</v>
      </c>
      <c r="C81073" s="14" t="s">
        <v>413</v>
      </c>
      <c r="D81073" s="14" t="s">
        <v>207</v>
      </c>
      <c r="E81073" s="15">
        <v>45419</v>
      </c>
      <c r="F81073" s="14" t="s">
        <v>53</v>
      </c>
      <c r="G81073" s="16">
        <v>0.2807653813914367</v>
      </c>
    </row>
    <row r="81074" spans="1:7" x14ac:dyDescent="0.3">
      <c r="A81074" s="13" t="s">
        <v>412</v>
      </c>
      <c r="B81074" s="14" t="s">
        <v>1</v>
      </c>
      <c r="C81074" s="14" t="s">
        <v>413</v>
      </c>
      <c r="D81074" s="14" t="s">
        <v>207</v>
      </c>
      <c r="E81074" s="15">
        <v>45420</v>
      </c>
      <c r="F81074" s="14" t="s">
        <v>53</v>
      </c>
      <c r="G81074" s="16">
        <v>0.28845333150150471</v>
      </c>
    </row>
    <row r="81075" spans="1:7" x14ac:dyDescent="0.3">
      <c r="A81075" s="13" t="s">
        <v>412</v>
      </c>
      <c r="B81075" s="14" t="s">
        <v>1</v>
      </c>
      <c r="C81075" s="14" t="s">
        <v>413</v>
      </c>
      <c r="D81075" s="14" t="s">
        <v>207</v>
      </c>
      <c r="E81075" s="15">
        <v>45421</v>
      </c>
      <c r="F81075" s="14" t="s">
        <v>53</v>
      </c>
      <c r="G81075" s="16">
        <v>0.28599058523270388</v>
      </c>
    </row>
    <row r="81076" spans="1:7" x14ac:dyDescent="0.3">
      <c r="A81076" s="13" t="s">
        <v>412</v>
      </c>
      <c r="B81076" s="14" t="s">
        <v>1</v>
      </c>
      <c r="C81076" s="14" t="s">
        <v>413</v>
      </c>
      <c r="D81076" s="14" t="s">
        <v>207</v>
      </c>
      <c r="E81076" s="15">
        <v>45422</v>
      </c>
      <c r="F81076" s="14" t="s">
        <v>53</v>
      </c>
      <c r="G81076" s="16">
        <v>0.28352112240635075</v>
      </c>
    </row>
    <row r="81077" spans="1:7" x14ac:dyDescent="0.3">
      <c r="A81077" s="13" t="s">
        <v>412</v>
      </c>
      <c r="B81077" s="14" t="s">
        <v>1</v>
      </c>
      <c r="C81077" s="14" t="s">
        <v>413</v>
      </c>
      <c r="D81077" s="14" t="s">
        <v>207</v>
      </c>
      <c r="E81077" s="15">
        <v>45423</v>
      </c>
      <c r="F81077" s="14" t="s">
        <v>53</v>
      </c>
      <c r="G81077" s="16">
        <v>0.28352112240635075</v>
      </c>
    </row>
    <row r="81078" spans="1:7" x14ac:dyDescent="0.3">
      <c r="A81078" s="13" t="s">
        <v>412</v>
      </c>
      <c r="B81078" s="14" t="s">
        <v>1</v>
      </c>
      <c r="C81078" s="14" t="s">
        <v>413</v>
      </c>
      <c r="D81078" s="14" t="s">
        <v>207</v>
      </c>
      <c r="E81078" s="15">
        <v>45424</v>
      </c>
      <c r="F81078" s="14" t="s">
        <v>53</v>
      </c>
      <c r="G81078" s="16">
        <v>0.28352112240635075</v>
      </c>
    </row>
    <row r="81079" spans="1:7" x14ac:dyDescent="0.3">
      <c r="A81079" s="13" t="s">
        <v>412</v>
      </c>
      <c r="B81079" s="14" t="s">
        <v>1</v>
      </c>
      <c r="C81079" s="14" t="s">
        <v>413</v>
      </c>
      <c r="D81079" s="14" t="s">
        <v>207</v>
      </c>
      <c r="E81079" s="15">
        <v>45425</v>
      </c>
      <c r="F81079" s="14" t="s">
        <v>53</v>
      </c>
      <c r="G81079" s="16">
        <v>0.28269190643213249</v>
      </c>
    </row>
    <row r="81080" spans="1:7" x14ac:dyDescent="0.3">
      <c r="A81080" s="13" t="s">
        <v>412</v>
      </c>
      <c r="B81080" s="14" t="s">
        <v>1</v>
      </c>
      <c r="C81080" s="14" t="s">
        <v>413</v>
      </c>
      <c r="D81080" s="14" t="s">
        <v>207</v>
      </c>
      <c r="E81080" s="15">
        <v>45426</v>
      </c>
      <c r="F81080" s="14" t="s">
        <v>53</v>
      </c>
      <c r="G81080" s="16">
        <v>0.27521645509995879</v>
      </c>
    </row>
    <row r="81081" spans="1:7" x14ac:dyDescent="0.3">
      <c r="A81081" s="13" t="s">
        <v>412</v>
      </c>
      <c r="B81081" s="14" t="s">
        <v>1</v>
      </c>
      <c r="C81081" s="14" t="s">
        <v>413</v>
      </c>
      <c r="D81081" s="14" t="s">
        <v>207</v>
      </c>
      <c r="E81081" s="15">
        <v>45427</v>
      </c>
      <c r="F81081" s="14" t="s">
        <v>53</v>
      </c>
      <c r="G81081" s="16">
        <v>0.27272957160892303</v>
      </c>
    </row>
    <row r="81082" spans="1:7" x14ac:dyDescent="0.3">
      <c r="A81082" s="13" t="s">
        <v>412</v>
      </c>
      <c r="B81082" s="14" t="s">
        <v>1</v>
      </c>
      <c r="C81082" s="14" t="s">
        <v>413</v>
      </c>
      <c r="D81082" s="14" t="s">
        <v>207</v>
      </c>
      <c r="E81082" s="15">
        <v>45428</v>
      </c>
      <c r="F81082" s="14" t="s">
        <v>53</v>
      </c>
      <c r="G81082" s="16">
        <v>0.30452989771261946</v>
      </c>
    </row>
    <row r="81083" spans="1:7" x14ac:dyDescent="0.3">
      <c r="A81083" s="13" t="s">
        <v>412</v>
      </c>
      <c r="B81083" s="14" t="s">
        <v>1</v>
      </c>
      <c r="C81083" s="14" t="s">
        <v>413</v>
      </c>
      <c r="D81083" s="14" t="s">
        <v>207</v>
      </c>
      <c r="E81083" s="15">
        <v>45429</v>
      </c>
      <c r="F81083" s="14" t="s">
        <v>53</v>
      </c>
      <c r="G81083" s="16">
        <v>0.32316897678304857</v>
      </c>
    </row>
    <row r="81084" spans="1:7" x14ac:dyDescent="0.3">
      <c r="A81084" s="13" t="s">
        <v>412</v>
      </c>
      <c r="B81084" s="14" t="s">
        <v>1</v>
      </c>
      <c r="C81084" s="14" t="s">
        <v>413</v>
      </c>
      <c r="D81084" s="14" t="s">
        <v>207</v>
      </c>
      <c r="E81084" s="15">
        <v>45430</v>
      </c>
      <c r="F81084" s="14" t="s">
        <v>53</v>
      </c>
      <c r="G81084" s="16">
        <v>0.32316897678304857</v>
      </c>
    </row>
    <row r="81085" spans="1:7" x14ac:dyDescent="0.3">
      <c r="A81085" s="13" t="s">
        <v>412</v>
      </c>
      <c r="B81085" s="14" t="s">
        <v>1</v>
      </c>
      <c r="C81085" s="14" t="s">
        <v>413</v>
      </c>
      <c r="D81085" s="14" t="s">
        <v>207</v>
      </c>
      <c r="E81085" s="15">
        <v>45431</v>
      </c>
      <c r="F81085" s="14" t="s">
        <v>53</v>
      </c>
      <c r="G81085" s="16">
        <v>0.32316897678304857</v>
      </c>
    </row>
    <row r="81086" spans="1:7" x14ac:dyDescent="0.3">
      <c r="A81086" s="13" t="s">
        <v>412</v>
      </c>
      <c r="B81086" s="14" t="s">
        <v>1</v>
      </c>
      <c r="C81086" s="14" t="s">
        <v>413</v>
      </c>
      <c r="D81086" s="14" t="s">
        <v>207</v>
      </c>
      <c r="E81086" s="15">
        <v>45432</v>
      </c>
      <c r="F81086" s="14" t="s">
        <v>53</v>
      </c>
      <c r="G81086" s="16">
        <v>0.32068226696049479</v>
      </c>
    </row>
    <row r="81087" spans="1:7" x14ac:dyDescent="0.3">
      <c r="A81087" s="13" t="s">
        <v>412</v>
      </c>
      <c r="B81087" s="14" t="s">
        <v>1</v>
      </c>
      <c r="C81087" s="14" t="s">
        <v>413</v>
      </c>
      <c r="D81087" s="14" t="s">
        <v>207</v>
      </c>
      <c r="E81087" s="15">
        <v>45433</v>
      </c>
      <c r="F81087" s="14" t="s">
        <v>53</v>
      </c>
      <c r="G81087" s="16">
        <v>0.3433698403016891</v>
      </c>
    </row>
    <row r="81088" spans="1:7" x14ac:dyDescent="0.3">
      <c r="A81088" s="13" t="s">
        <v>412</v>
      </c>
      <c r="B81088" s="14" t="s">
        <v>1</v>
      </c>
      <c r="C81088" s="14" t="s">
        <v>413</v>
      </c>
      <c r="D81088" s="14" t="s">
        <v>207</v>
      </c>
      <c r="E81088" s="15">
        <v>45434</v>
      </c>
      <c r="F81088" s="14" t="s">
        <v>53</v>
      </c>
      <c r="G81088" s="16">
        <v>0.34088879987196813</v>
      </c>
    </row>
    <row r="81089" spans="1:7" x14ac:dyDescent="0.3">
      <c r="A81089" s="13" t="s">
        <v>412</v>
      </c>
      <c r="B81089" s="14" t="s">
        <v>1</v>
      </c>
      <c r="C81089" s="14" t="s">
        <v>413</v>
      </c>
      <c r="D81089" s="14" t="s">
        <v>207</v>
      </c>
      <c r="E81089" s="15">
        <v>45435</v>
      </c>
      <c r="F81089" s="14" t="s">
        <v>53</v>
      </c>
      <c r="G81089" s="16">
        <v>0.33944624654807204</v>
      </c>
    </row>
    <row r="81090" spans="1:7" x14ac:dyDescent="0.3">
      <c r="A81090" s="13" t="s">
        <v>412</v>
      </c>
      <c r="B81090" s="14" t="s">
        <v>1</v>
      </c>
      <c r="C81090" s="14" t="s">
        <v>413</v>
      </c>
      <c r="D81090" s="14" t="s">
        <v>207</v>
      </c>
      <c r="E81090" s="15">
        <v>45436</v>
      </c>
      <c r="F81090" s="14" t="s">
        <v>53</v>
      </c>
      <c r="G81090" s="16">
        <v>0.33698837608765819</v>
      </c>
    </row>
    <row r="81091" spans="1:7" x14ac:dyDescent="0.3">
      <c r="A81091" s="13" t="s">
        <v>412</v>
      </c>
      <c r="B81091" s="14" t="s">
        <v>1</v>
      </c>
      <c r="C81091" s="14" t="s">
        <v>413</v>
      </c>
      <c r="D81091" s="14" t="s">
        <v>207</v>
      </c>
      <c r="E81091" s="15">
        <v>45437</v>
      </c>
      <c r="F81091" s="14" t="s">
        <v>53</v>
      </c>
      <c r="G81091" s="16">
        <v>0.33698837608765819</v>
      </c>
    </row>
    <row r="81092" spans="1:7" x14ac:dyDescent="0.3">
      <c r="A81092" s="13" t="s">
        <v>412</v>
      </c>
      <c r="B81092" s="14" t="s">
        <v>1</v>
      </c>
      <c r="C81092" s="14" t="s">
        <v>413</v>
      </c>
      <c r="D81092" s="14" t="s">
        <v>207</v>
      </c>
      <c r="E81092" s="15">
        <v>45438</v>
      </c>
      <c r="F81092" s="14" t="s">
        <v>53</v>
      </c>
      <c r="G81092" s="16">
        <v>0.33698837608765819</v>
      </c>
    </row>
    <row r="81093" spans="1:7" x14ac:dyDescent="0.3">
      <c r="A81093" s="13" t="s">
        <v>412</v>
      </c>
      <c r="B81093" s="14" t="s">
        <v>1</v>
      </c>
      <c r="C81093" s="14" t="s">
        <v>413</v>
      </c>
      <c r="D81093" s="14" t="s">
        <v>207</v>
      </c>
      <c r="E81093" s="15">
        <v>45439</v>
      </c>
      <c r="F81093" s="14" t="s">
        <v>53</v>
      </c>
      <c r="G81093" s="16">
        <v>0.33698837608765819</v>
      </c>
    </row>
    <row r="81094" spans="1:7" x14ac:dyDescent="0.3">
      <c r="A81094" s="13" t="s">
        <v>412</v>
      </c>
      <c r="B81094" s="14" t="s">
        <v>1</v>
      </c>
      <c r="C81094" s="14" t="s">
        <v>413</v>
      </c>
      <c r="D81094" s="14" t="s">
        <v>207</v>
      </c>
      <c r="E81094" s="15">
        <v>45440</v>
      </c>
      <c r="F81094" s="14" t="s">
        <v>53</v>
      </c>
      <c r="G81094" s="16">
        <v>0.34940642157571994</v>
      </c>
    </row>
    <row r="81095" spans="1:7" x14ac:dyDescent="0.3">
      <c r="A81095" s="13" t="s">
        <v>412</v>
      </c>
      <c r="B81095" s="14" t="s">
        <v>1</v>
      </c>
      <c r="C81095" s="14" t="s">
        <v>413</v>
      </c>
      <c r="D81095" s="14" t="s">
        <v>207</v>
      </c>
      <c r="E81095" s="15">
        <v>45441</v>
      </c>
      <c r="F81095" s="14" t="s">
        <v>53</v>
      </c>
      <c r="G81095" s="16">
        <v>0.33990816009282654</v>
      </c>
    </row>
    <row r="81096" spans="1:7" x14ac:dyDescent="0.3">
      <c r="A81096" s="13" t="s">
        <v>412</v>
      </c>
      <c r="B81096" s="14" t="s">
        <v>1</v>
      </c>
      <c r="C81096" s="14" t="s">
        <v>413</v>
      </c>
      <c r="D81096" s="14" t="s">
        <v>207</v>
      </c>
      <c r="E81096" s="15">
        <v>45442</v>
      </c>
      <c r="F81096" s="14" t="s">
        <v>53</v>
      </c>
      <c r="G81096" s="16">
        <v>0.339105142050943</v>
      </c>
    </row>
    <row r="81097" spans="1:7" x14ac:dyDescent="0.3">
      <c r="A81097" s="13" t="s">
        <v>412</v>
      </c>
      <c r="B81097" s="14" t="s">
        <v>1</v>
      </c>
      <c r="C81097" s="14" t="s">
        <v>413</v>
      </c>
      <c r="D81097" s="14" t="s">
        <v>207</v>
      </c>
      <c r="E81097" s="15">
        <v>45443</v>
      </c>
      <c r="F81097" s="14" t="s">
        <v>53</v>
      </c>
      <c r="G81097" s="16">
        <v>0.34366587605374682</v>
      </c>
    </row>
    <row r="81098" spans="1:7" x14ac:dyDescent="0.3">
      <c r="A81098" s="13" t="s">
        <v>412</v>
      </c>
      <c r="B81098" s="14" t="s">
        <v>1</v>
      </c>
      <c r="C81098" s="14" t="s">
        <v>413</v>
      </c>
      <c r="D81098" s="14" t="s">
        <v>207</v>
      </c>
      <c r="E81098" s="15">
        <v>45444</v>
      </c>
      <c r="F81098" s="14" t="s">
        <v>53</v>
      </c>
      <c r="G81098" s="16">
        <v>0.34366587605374682</v>
      </c>
    </row>
    <row r="81099" spans="1:7" x14ac:dyDescent="0.3">
      <c r="A81099" s="13" t="s">
        <v>412</v>
      </c>
      <c r="B81099" s="14" t="s">
        <v>1</v>
      </c>
      <c r="C81099" s="14" t="s">
        <v>413</v>
      </c>
      <c r="D81099" s="14" t="s">
        <v>207</v>
      </c>
      <c r="E81099" s="15">
        <v>45445</v>
      </c>
      <c r="F81099" s="14" t="s">
        <v>53</v>
      </c>
      <c r="G81099" s="16">
        <v>0.34366587605374682</v>
      </c>
    </row>
    <row r="81100" spans="1:7" x14ac:dyDescent="0.3">
      <c r="A81100" s="13" t="s">
        <v>412</v>
      </c>
      <c r="B81100" s="14" t="s">
        <v>1</v>
      </c>
      <c r="C81100" s="14" t="s">
        <v>413</v>
      </c>
      <c r="D81100" s="14" t="s">
        <v>207</v>
      </c>
      <c r="E81100" s="15">
        <v>45446</v>
      </c>
      <c r="F81100" s="14" t="s">
        <v>53</v>
      </c>
      <c r="G81100" s="16">
        <v>0.34366587605374682</v>
      </c>
    </row>
    <row r="81101" spans="1:7" x14ac:dyDescent="0.3">
      <c r="A81101" s="13" t="s">
        <v>412</v>
      </c>
      <c r="B81101" s="14" t="s">
        <v>1</v>
      </c>
      <c r="C81101" s="14" t="s">
        <v>413</v>
      </c>
      <c r="D81101" s="14" t="s">
        <v>207</v>
      </c>
      <c r="E81101" s="15">
        <v>45447</v>
      </c>
      <c r="F81101" s="14" t="s">
        <v>53</v>
      </c>
      <c r="G81101" s="16">
        <v>0.34377147136202063</v>
      </c>
    </row>
    <row r="81102" spans="1:7" x14ac:dyDescent="0.3">
      <c r="A81102" s="13" t="s">
        <v>412</v>
      </c>
      <c r="B81102" s="14" t="s">
        <v>1</v>
      </c>
      <c r="C81102" s="14" t="s">
        <v>413</v>
      </c>
      <c r="D81102" s="14" t="s">
        <v>207</v>
      </c>
      <c r="E81102" s="15">
        <v>45448</v>
      </c>
      <c r="F81102" s="14" t="s">
        <v>53</v>
      </c>
      <c r="G81102" s="16">
        <v>0.36691724609773496</v>
      </c>
    </row>
    <row r="81103" spans="1:7" x14ac:dyDescent="0.3">
      <c r="A81103" s="13" t="s">
        <v>412</v>
      </c>
      <c r="B81103" s="14" t="s">
        <v>1</v>
      </c>
      <c r="C81103" s="14" t="s">
        <v>413</v>
      </c>
      <c r="D81103" s="14" t="s">
        <v>207</v>
      </c>
      <c r="E81103" s="15">
        <v>45449</v>
      </c>
      <c r="F81103" s="14" t="s">
        <v>53</v>
      </c>
      <c r="G81103" s="16">
        <v>0.36445632760749053</v>
      </c>
    </row>
    <row r="81104" spans="1:7" x14ac:dyDescent="0.3">
      <c r="A81104" s="13" t="s">
        <v>412</v>
      </c>
      <c r="B81104" s="14" t="s">
        <v>1</v>
      </c>
      <c r="C81104" s="14" t="s">
        <v>413</v>
      </c>
      <c r="D81104" s="14" t="s">
        <v>207</v>
      </c>
      <c r="E81104" s="15">
        <v>45450</v>
      </c>
      <c r="F81104" s="14" t="s">
        <v>53</v>
      </c>
      <c r="G81104" s="16">
        <v>0.36196261402365815</v>
      </c>
    </row>
    <row r="81105" spans="1:7" x14ac:dyDescent="0.3">
      <c r="A81105" s="13" t="s">
        <v>412</v>
      </c>
      <c r="B81105" s="14" t="s">
        <v>1</v>
      </c>
      <c r="C81105" s="14" t="s">
        <v>413</v>
      </c>
      <c r="D81105" s="14" t="s">
        <v>207</v>
      </c>
      <c r="E81105" s="15">
        <v>45451</v>
      </c>
      <c r="F81105" s="14" t="s">
        <v>53</v>
      </c>
      <c r="G81105" s="16">
        <v>0.36196261402365815</v>
      </c>
    </row>
    <row r="81106" spans="1:7" x14ac:dyDescent="0.3">
      <c r="A81106" s="13" t="s">
        <v>412</v>
      </c>
      <c r="B81106" s="14" t="s">
        <v>1</v>
      </c>
      <c r="C81106" s="14" t="s">
        <v>413</v>
      </c>
      <c r="D81106" s="14" t="s">
        <v>207</v>
      </c>
      <c r="E81106" s="15">
        <v>45452</v>
      </c>
      <c r="F81106" s="14" t="s">
        <v>53</v>
      </c>
      <c r="G81106" s="16">
        <v>0.36196261402365815</v>
      </c>
    </row>
    <row r="81107" spans="1:7" x14ac:dyDescent="0.3">
      <c r="A81107" s="13" t="s">
        <v>412</v>
      </c>
      <c r="B81107" s="14" t="s">
        <v>1</v>
      </c>
      <c r="C81107" s="14" t="s">
        <v>413</v>
      </c>
      <c r="D81107" s="14" t="s">
        <v>207</v>
      </c>
      <c r="E81107" s="15">
        <v>45453</v>
      </c>
      <c r="F81107" s="14" t="s">
        <v>53</v>
      </c>
      <c r="G81107" s="16">
        <v>0.38118552731682298</v>
      </c>
    </row>
    <row r="81108" spans="1:7" x14ac:dyDescent="0.3">
      <c r="A81108" s="13" t="s">
        <v>412</v>
      </c>
      <c r="B81108" s="14" t="s">
        <v>1</v>
      </c>
      <c r="C81108" s="14" t="s">
        <v>413</v>
      </c>
      <c r="D81108" s="14" t="s">
        <v>207</v>
      </c>
      <c r="E81108" s="15">
        <v>45454</v>
      </c>
      <c r="F81108" s="14" t="s">
        <v>53</v>
      </c>
      <c r="G81108" s="16">
        <v>0.37623795839378921</v>
      </c>
    </row>
    <row r="81109" spans="1:7" x14ac:dyDescent="0.3">
      <c r="A81109" s="13" t="s">
        <v>412</v>
      </c>
      <c r="B81109" s="14" t="s">
        <v>1</v>
      </c>
      <c r="C81109" s="14" t="s">
        <v>413</v>
      </c>
      <c r="D81109" s="14" t="s">
        <v>207</v>
      </c>
      <c r="E81109" s="15">
        <v>45455</v>
      </c>
      <c r="F81109" s="14" t="s">
        <v>53</v>
      </c>
      <c r="G81109" s="16">
        <v>0.37396029361593769</v>
      </c>
    </row>
    <row r="81110" spans="1:7" x14ac:dyDescent="0.3">
      <c r="A81110" s="13" t="s">
        <v>412</v>
      </c>
      <c r="B81110" s="14" t="s">
        <v>1</v>
      </c>
      <c r="C81110" s="14" t="s">
        <v>413</v>
      </c>
      <c r="D81110" s="14" t="s">
        <v>207</v>
      </c>
      <c r="E81110" s="15">
        <v>45456</v>
      </c>
      <c r="F81110" s="14" t="s">
        <v>53</v>
      </c>
      <c r="G81110" s="16">
        <v>0.37671061605775003</v>
      </c>
    </row>
    <row r="81111" spans="1:7" x14ac:dyDescent="0.3">
      <c r="A81111" s="13" t="s">
        <v>412</v>
      </c>
      <c r="B81111" s="14" t="s">
        <v>1</v>
      </c>
      <c r="C81111" s="14" t="s">
        <v>413</v>
      </c>
      <c r="D81111" s="14" t="s">
        <v>207</v>
      </c>
      <c r="E81111" s="15">
        <v>45457</v>
      </c>
      <c r="F81111" s="14" t="s">
        <v>53</v>
      </c>
      <c r="G81111" s="16">
        <v>0.43774859319501236</v>
      </c>
    </row>
    <row r="81112" spans="1:7" x14ac:dyDescent="0.3">
      <c r="A81112" s="13" t="s">
        <v>412</v>
      </c>
      <c r="B81112" s="14" t="s">
        <v>1</v>
      </c>
      <c r="C81112" s="14" t="s">
        <v>413</v>
      </c>
      <c r="D81112" s="14" t="s">
        <v>207</v>
      </c>
      <c r="E81112" s="15">
        <v>45458</v>
      </c>
      <c r="F81112" s="14" t="s">
        <v>53</v>
      </c>
      <c r="G81112" s="16">
        <v>0.43774859319501236</v>
      </c>
    </row>
    <row r="81113" spans="1:7" x14ac:dyDescent="0.3">
      <c r="A81113" s="13" t="s">
        <v>412</v>
      </c>
      <c r="B81113" s="14" t="s">
        <v>1</v>
      </c>
      <c r="C81113" s="14" t="s">
        <v>413</v>
      </c>
      <c r="D81113" s="14" t="s">
        <v>207</v>
      </c>
      <c r="E81113" s="15">
        <v>45459</v>
      </c>
      <c r="F81113" s="14" t="s">
        <v>53</v>
      </c>
      <c r="G81113" s="16">
        <v>0.43774859319501236</v>
      </c>
    </row>
    <row r="81114" spans="1:7" x14ac:dyDescent="0.3">
      <c r="A81114" s="13" t="s">
        <v>412</v>
      </c>
      <c r="B81114" s="14" t="s">
        <v>1</v>
      </c>
      <c r="C81114" s="14" t="s">
        <v>413</v>
      </c>
      <c r="D81114" s="14" t="s">
        <v>207</v>
      </c>
      <c r="E81114" s="15">
        <v>45460</v>
      </c>
      <c r="F81114" s="14" t="s">
        <v>53</v>
      </c>
      <c r="G81114" s="16">
        <v>0.43525446542865925</v>
      </c>
    </row>
    <row r="81115" spans="1:7" x14ac:dyDescent="0.3">
      <c r="A81115" s="13" t="s">
        <v>412</v>
      </c>
      <c r="B81115" s="14" t="s">
        <v>1</v>
      </c>
      <c r="C81115" s="14" t="s">
        <v>413</v>
      </c>
      <c r="D81115" s="14" t="s">
        <v>207</v>
      </c>
      <c r="E81115" s="15">
        <v>45461</v>
      </c>
      <c r="F81115" s="14" t="s">
        <v>53</v>
      </c>
      <c r="G81115" s="16">
        <v>0.43237893525198973</v>
      </c>
    </row>
    <row r="81116" spans="1:7" x14ac:dyDescent="0.3">
      <c r="A81116" s="13" t="s">
        <v>412</v>
      </c>
      <c r="B81116" s="14" t="s">
        <v>1</v>
      </c>
      <c r="C81116" s="14" t="s">
        <v>413</v>
      </c>
      <c r="D81116" s="14" t="s">
        <v>207</v>
      </c>
      <c r="E81116" s="15">
        <v>45462</v>
      </c>
      <c r="F81116" s="14" t="s">
        <v>53</v>
      </c>
      <c r="G81116" s="16">
        <v>0.42985735756851551</v>
      </c>
    </row>
    <row r="81117" spans="1:7" x14ac:dyDescent="0.3">
      <c r="A81117" s="13" t="s">
        <v>412</v>
      </c>
      <c r="B81117" s="14" t="s">
        <v>1</v>
      </c>
      <c r="C81117" s="14" t="s">
        <v>413</v>
      </c>
      <c r="D81117" s="14" t="s">
        <v>207</v>
      </c>
      <c r="E81117" s="15">
        <v>45463</v>
      </c>
      <c r="F81117" s="14" t="s">
        <v>53</v>
      </c>
      <c r="G81117" s="16">
        <v>0.43537953090789622</v>
      </c>
    </row>
    <row r="81118" spans="1:7" x14ac:dyDescent="0.3">
      <c r="A81118" s="13" t="s">
        <v>412</v>
      </c>
      <c r="B81118" s="14" t="s">
        <v>1</v>
      </c>
      <c r="C81118" s="14" t="s">
        <v>413</v>
      </c>
      <c r="D81118" s="14" t="s">
        <v>207</v>
      </c>
      <c r="E81118" s="15">
        <v>45464</v>
      </c>
      <c r="F81118" s="14" t="s">
        <v>53</v>
      </c>
      <c r="G81118" s="16">
        <v>0.43284785945746201</v>
      </c>
    </row>
    <row r="81119" spans="1:7" x14ac:dyDescent="0.3">
      <c r="A81119" s="13" t="s">
        <v>412</v>
      </c>
      <c r="B81119" s="14" t="s">
        <v>1</v>
      </c>
      <c r="C81119" s="14" t="s">
        <v>413</v>
      </c>
      <c r="D81119" s="14" t="s">
        <v>207</v>
      </c>
      <c r="E81119" s="15">
        <v>45465</v>
      </c>
      <c r="F81119" s="14" t="s">
        <v>53</v>
      </c>
      <c r="G81119" s="16">
        <v>0.43284785945746201</v>
      </c>
    </row>
    <row r="81120" spans="1:7" x14ac:dyDescent="0.3">
      <c r="A81120" s="13" t="s">
        <v>412</v>
      </c>
      <c r="B81120" s="14" t="s">
        <v>1</v>
      </c>
      <c r="C81120" s="14" t="s">
        <v>413</v>
      </c>
      <c r="D81120" s="14" t="s">
        <v>207</v>
      </c>
      <c r="E81120" s="15">
        <v>45466</v>
      </c>
      <c r="F81120" s="14" t="s">
        <v>53</v>
      </c>
      <c r="G81120" s="16">
        <v>0.43284785945746201</v>
      </c>
    </row>
    <row r="81121" spans="1:7" x14ac:dyDescent="0.3">
      <c r="A81121" s="13" t="s">
        <v>412</v>
      </c>
      <c r="B81121" s="14" t="s">
        <v>1</v>
      </c>
      <c r="C81121" s="14" t="s">
        <v>413</v>
      </c>
      <c r="D81121" s="14" t="s">
        <v>207</v>
      </c>
      <c r="E81121" s="15">
        <v>45467</v>
      </c>
      <c r="F81121" s="14" t="s">
        <v>53</v>
      </c>
      <c r="G81121" s="16">
        <v>0.43030567191098051</v>
      </c>
    </row>
    <row r="81122" spans="1:7" x14ac:dyDescent="0.3">
      <c r="A81122" s="13" t="s">
        <v>412</v>
      </c>
      <c r="B81122" s="14" t="s">
        <v>1</v>
      </c>
      <c r="C81122" s="14" t="s">
        <v>413</v>
      </c>
      <c r="D81122" s="14" t="s">
        <v>207</v>
      </c>
      <c r="E81122" s="15">
        <v>45468</v>
      </c>
      <c r="F81122" s="14" t="s">
        <v>53</v>
      </c>
      <c r="G81122" s="16">
        <v>0.42607039798421609</v>
      </c>
    </row>
    <row r="81123" spans="1:7" x14ac:dyDescent="0.3">
      <c r="A81123" s="13" t="s">
        <v>412</v>
      </c>
      <c r="B81123" s="14" t="s">
        <v>1</v>
      </c>
      <c r="C81123" s="14" t="s">
        <v>413</v>
      </c>
      <c r="D81123" s="14" t="s">
        <v>207</v>
      </c>
      <c r="E81123" s="15">
        <v>45469</v>
      </c>
      <c r="F81123" s="14" t="s">
        <v>53</v>
      </c>
      <c r="G81123" s="16">
        <v>0.42354322932658234</v>
      </c>
    </row>
    <row r="81124" spans="1:7" x14ac:dyDescent="0.3">
      <c r="A81124" s="13" t="s">
        <v>412</v>
      </c>
      <c r="B81124" s="14" t="s">
        <v>1</v>
      </c>
      <c r="C81124" s="14" t="s">
        <v>413</v>
      </c>
      <c r="D81124" s="14" t="s">
        <v>207</v>
      </c>
      <c r="E81124" s="15">
        <v>45470</v>
      </c>
      <c r="F81124" s="14" t="s">
        <v>53</v>
      </c>
      <c r="G81124" s="16">
        <v>0.42100545807403922</v>
      </c>
    </row>
    <row r="81125" spans="1:7" x14ac:dyDescent="0.3">
      <c r="A81125" s="13" t="s">
        <v>412</v>
      </c>
      <c r="B81125" s="14" t="s">
        <v>1</v>
      </c>
      <c r="C81125" s="14" t="s">
        <v>413</v>
      </c>
      <c r="D81125" s="14" t="s">
        <v>207</v>
      </c>
      <c r="E81125" s="15">
        <v>45471</v>
      </c>
      <c r="F81125" s="14" t="s">
        <v>53</v>
      </c>
      <c r="G81125" s="16">
        <v>0.41846163602089353</v>
      </c>
    </row>
    <row r="81126" spans="1:7" x14ac:dyDescent="0.3">
      <c r="A81126" s="13" t="s">
        <v>412</v>
      </c>
      <c r="B81126" s="14" t="s">
        <v>1</v>
      </c>
      <c r="C81126" s="14" t="s">
        <v>413</v>
      </c>
      <c r="D81126" s="14" t="s">
        <v>207</v>
      </c>
      <c r="E81126" s="15">
        <v>45472</v>
      </c>
      <c r="F81126" s="14" t="s">
        <v>53</v>
      </c>
      <c r="G81126" s="16">
        <v>0.41846163602089353</v>
      </c>
    </row>
    <row r="81127" spans="1:7" x14ac:dyDescent="0.3">
      <c r="A81127" s="13" t="s">
        <v>412</v>
      </c>
      <c r="B81127" s="14" t="s">
        <v>1</v>
      </c>
      <c r="C81127" s="14" t="s">
        <v>413</v>
      </c>
      <c r="D81127" s="14" t="s">
        <v>207</v>
      </c>
      <c r="E81127" s="15">
        <v>45473</v>
      </c>
      <c r="F81127" s="14" t="s">
        <v>53</v>
      </c>
      <c r="G81127" s="16">
        <v>0.41846163602089353</v>
      </c>
    </row>
    <row r="81128" spans="1:7" x14ac:dyDescent="0.3">
      <c r="A81128" s="13" t="s">
        <v>412</v>
      </c>
      <c r="B81128" s="14" t="s">
        <v>1</v>
      </c>
      <c r="C81128" s="14" t="s">
        <v>413</v>
      </c>
      <c r="D81128" s="14" t="s">
        <v>207</v>
      </c>
      <c r="E81128" s="15">
        <v>45474</v>
      </c>
      <c r="F81128" s="14" t="s">
        <v>53</v>
      </c>
      <c r="G81128" s="16">
        <v>0.41677332284259144</v>
      </c>
    </row>
    <row r="81129" spans="1:7" x14ac:dyDescent="0.3">
      <c r="A81129" s="13" t="s">
        <v>412</v>
      </c>
      <c r="B81129" s="14" t="s">
        <v>1</v>
      </c>
      <c r="C81129" s="14" t="s">
        <v>413</v>
      </c>
      <c r="D81129" s="14" t="s">
        <v>207</v>
      </c>
      <c r="E81129" s="15">
        <v>45475</v>
      </c>
      <c r="F81129" s="14" t="s">
        <v>53</v>
      </c>
      <c r="G81129" s="16">
        <v>0.44258189808177717</v>
      </c>
    </row>
    <row r="81130" spans="1:7" x14ac:dyDescent="0.3">
      <c r="A81130" s="13" t="s">
        <v>412</v>
      </c>
      <c r="B81130" s="14" t="s">
        <v>1</v>
      </c>
      <c r="C81130" s="14" t="s">
        <v>413</v>
      </c>
      <c r="D81130" s="14" t="s">
        <v>207</v>
      </c>
      <c r="E81130" s="15">
        <v>45476</v>
      </c>
      <c r="F81130" s="14" t="s">
        <v>53</v>
      </c>
      <c r="G81130" s="16">
        <v>0.44840354493103507</v>
      </c>
    </row>
    <row r="81131" spans="1:7" x14ac:dyDescent="0.3">
      <c r="A81131" s="13" t="s">
        <v>412</v>
      </c>
      <c r="B81131" s="14" t="s">
        <v>1</v>
      </c>
      <c r="C81131" s="14" t="s">
        <v>413</v>
      </c>
      <c r="D81131" s="14" t="s">
        <v>207</v>
      </c>
      <c r="E81131" s="15">
        <v>45477</v>
      </c>
      <c r="F81131" s="14" t="s">
        <v>53</v>
      </c>
      <c r="G81131" s="16">
        <v>0.44622038104812195</v>
      </c>
    </row>
    <row r="81132" spans="1:7" x14ac:dyDescent="0.3">
      <c r="A81132" s="13" t="s">
        <v>412</v>
      </c>
      <c r="B81132" s="14" t="s">
        <v>1</v>
      </c>
      <c r="C81132" s="14" t="s">
        <v>413</v>
      </c>
      <c r="D81132" s="14" t="s">
        <v>207</v>
      </c>
      <c r="E81132" s="15">
        <v>45478</v>
      </c>
      <c r="F81132" s="14" t="s">
        <v>53</v>
      </c>
      <c r="G81132" s="16">
        <v>0.44364178939624216</v>
      </c>
    </row>
    <row r="81133" spans="1:7" x14ac:dyDescent="0.3">
      <c r="A81133" s="13" t="s">
        <v>412</v>
      </c>
      <c r="B81133" s="14" t="s">
        <v>1</v>
      </c>
      <c r="C81133" s="14" t="s">
        <v>413</v>
      </c>
      <c r="D81133" s="14" t="s">
        <v>207</v>
      </c>
      <c r="E81133" s="15">
        <v>45479</v>
      </c>
      <c r="F81133" s="14" t="s">
        <v>53</v>
      </c>
      <c r="G81133" s="16">
        <v>0.44364178939624216</v>
      </c>
    </row>
    <row r="81134" spans="1:7" x14ac:dyDescent="0.3">
      <c r="A81134" s="13" t="s">
        <v>412</v>
      </c>
      <c r="B81134" s="14" t="s">
        <v>1</v>
      </c>
      <c r="C81134" s="14" t="s">
        <v>413</v>
      </c>
      <c r="D81134" s="14" t="s">
        <v>207</v>
      </c>
      <c r="E81134" s="15">
        <v>45480</v>
      </c>
      <c r="F81134" s="14" t="s">
        <v>53</v>
      </c>
      <c r="G81134" s="16">
        <v>0.44364178939624216</v>
      </c>
    </row>
    <row r="81135" spans="1:7" x14ac:dyDescent="0.3">
      <c r="A81135" s="13" t="s">
        <v>412</v>
      </c>
      <c r="B81135" s="14" t="s">
        <v>1</v>
      </c>
      <c r="C81135" s="14" t="s">
        <v>413</v>
      </c>
      <c r="D81135" s="14" t="s">
        <v>207</v>
      </c>
      <c r="E81135" s="15">
        <v>45481</v>
      </c>
      <c r="F81135" s="14" t="s">
        <v>53</v>
      </c>
      <c r="G81135" s="16">
        <v>0.44740797151159628</v>
      </c>
    </row>
    <row r="81136" spans="1:7" x14ac:dyDescent="0.3">
      <c r="A81136" s="13" t="s">
        <v>412</v>
      </c>
      <c r="B81136" s="14" t="s">
        <v>1</v>
      </c>
      <c r="C81136" s="14" t="s">
        <v>413</v>
      </c>
      <c r="D81136" s="14" t="s">
        <v>207</v>
      </c>
      <c r="E81136" s="15">
        <v>45482</v>
      </c>
      <c r="F81136" s="14" t="s">
        <v>53</v>
      </c>
      <c r="G81136" s="16">
        <v>0.43963761420914277</v>
      </c>
    </row>
    <row r="81137" spans="1:7" x14ac:dyDescent="0.3">
      <c r="A81137" s="13" t="s">
        <v>412</v>
      </c>
      <c r="B81137" s="14" t="s">
        <v>1</v>
      </c>
      <c r="C81137" s="14" t="s">
        <v>413</v>
      </c>
      <c r="D81137" s="14" t="s">
        <v>207</v>
      </c>
      <c r="E81137" s="15">
        <v>45483</v>
      </c>
      <c r="F81137" s="14" t="s">
        <v>53</v>
      </c>
      <c r="G81137" s="16">
        <v>0.44899826922925146</v>
      </c>
    </row>
    <row r="81138" spans="1:7" x14ac:dyDescent="0.3">
      <c r="A81138" s="13" t="s">
        <v>412</v>
      </c>
      <c r="B81138" s="14" t="s">
        <v>1</v>
      </c>
      <c r="C81138" s="14" t="s">
        <v>413</v>
      </c>
      <c r="D81138" s="14" t="s">
        <v>207</v>
      </c>
      <c r="E81138" s="15">
        <v>45484</v>
      </c>
      <c r="F81138" s="14" t="s">
        <v>53</v>
      </c>
      <c r="G81138" s="16">
        <v>0.44989233288342029</v>
      </c>
    </row>
    <row r="81139" spans="1:7" x14ac:dyDescent="0.3">
      <c r="A81139" s="13" t="s">
        <v>412</v>
      </c>
      <c r="B81139" s="14" t="s">
        <v>1</v>
      </c>
      <c r="C81139" s="14" t="s">
        <v>413</v>
      </c>
      <c r="D81139" s="14" t="s">
        <v>207</v>
      </c>
      <c r="E81139" s="15">
        <v>45485</v>
      </c>
      <c r="F81139" s="14" t="s">
        <v>53</v>
      </c>
      <c r="G81139" s="16">
        <v>0.45793520776434665</v>
      </c>
    </row>
    <row r="81140" spans="1:7" x14ac:dyDescent="0.3">
      <c r="A81140" s="13" t="s">
        <v>412</v>
      </c>
      <c r="B81140" s="14" t="s">
        <v>1</v>
      </c>
      <c r="C81140" s="14" t="s">
        <v>413</v>
      </c>
      <c r="D81140" s="14" t="s">
        <v>207</v>
      </c>
      <c r="E81140" s="15">
        <v>45486</v>
      </c>
      <c r="F81140" s="14" t="s">
        <v>53</v>
      </c>
      <c r="G81140" s="16">
        <v>0.45793520776434665</v>
      </c>
    </row>
    <row r="81141" spans="1:7" x14ac:dyDescent="0.3">
      <c r="A81141" s="13" t="s">
        <v>412</v>
      </c>
      <c r="B81141" s="14" t="s">
        <v>1</v>
      </c>
      <c r="C81141" s="14" t="s">
        <v>413</v>
      </c>
      <c r="D81141" s="14" t="s">
        <v>207</v>
      </c>
      <c r="E81141" s="15">
        <v>45487</v>
      </c>
      <c r="F81141" s="14" t="s">
        <v>53</v>
      </c>
      <c r="G81141" s="16">
        <v>0.45793520776434665</v>
      </c>
    </row>
    <row r="81142" spans="1:7" x14ac:dyDescent="0.3">
      <c r="A81142" s="13" t="s">
        <v>412</v>
      </c>
      <c r="B81142" s="14" t="s">
        <v>1</v>
      </c>
      <c r="C81142" s="14" t="s">
        <v>413</v>
      </c>
      <c r="D81142" s="14" t="s">
        <v>207</v>
      </c>
      <c r="E81142" s="15">
        <v>45488</v>
      </c>
      <c r="F81142" s="14" t="s">
        <v>53</v>
      </c>
      <c r="G81142" s="16">
        <v>0.4553509353843968</v>
      </c>
    </row>
    <row r="81143" spans="1:7" x14ac:dyDescent="0.3">
      <c r="A81143" s="13" t="s">
        <v>412</v>
      </c>
      <c r="B81143" s="14" t="s">
        <v>1</v>
      </c>
      <c r="C81143" s="14" t="s">
        <v>413</v>
      </c>
      <c r="D81143" s="14" t="s">
        <v>207</v>
      </c>
      <c r="E81143" s="15">
        <v>45489</v>
      </c>
      <c r="F81143" s="14" t="s">
        <v>53</v>
      </c>
      <c r="G81143" s="16">
        <v>0.47859617856170605</v>
      </c>
    </row>
    <row r="81144" spans="1:7" x14ac:dyDescent="0.3">
      <c r="A81144" s="13" t="s">
        <v>412</v>
      </c>
      <c r="B81144" s="14" t="s">
        <v>1</v>
      </c>
      <c r="C81144" s="14" t="s">
        <v>413</v>
      </c>
      <c r="D81144" s="14" t="s">
        <v>207</v>
      </c>
      <c r="E81144" s="15">
        <v>45490</v>
      </c>
      <c r="F81144" s="14" t="s">
        <v>53</v>
      </c>
      <c r="G81144" s="16">
        <v>0.47600711480606422</v>
      </c>
    </row>
    <row r="81145" spans="1:7" x14ac:dyDescent="0.3">
      <c r="A81145" s="13" t="s">
        <v>412</v>
      </c>
      <c r="B81145" s="14" t="s">
        <v>1</v>
      </c>
      <c r="C81145" s="14" t="s">
        <v>413</v>
      </c>
      <c r="D81145" s="14" t="s">
        <v>207</v>
      </c>
      <c r="E81145" s="15">
        <v>45491</v>
      </c>
      <c r="F81145" s="14" t="s">
        <v>53</v>
      </c>
      <c r="G81145" s="16">
        <v>0.47340569573416291</v>
      </c>
    </row>
    <row r="81146" spans="1:7" x14ac:dyDescent="0.3">
      <c r="A81146" s="13" t="s">
        <v>412</v>
      </c>
      <c r="B81146" s="14" t="s">
        <v>1</v>
      </c>
      <c r="C81146" s="14" t="s">
        <v>413</v>
      </c>
      <c r="D81146" s="14" t="s">
        <v>207</v>
      </c>
      <c r="E81146" s="15">
        <v>45492</v>
      </c>
      <c r="F81146" s="14" t="s">
        <v>53</v>
      </c>
      <c r="G81146" s="16">
        <v>0.47284758596537635</v>
      </c>
    </row>
    <row r="81147" spans="1:7" x14ac:dyDescent="0.3">
      <c r="A81147" s="13" t="s">
        <v>412</v>
      </c>
      <c r="B81147" s="14" t="s">
        <v>1</v>
      </c>
      <c r="C81147" s="14" t="s">
        <v>413</v>
      </c>
      <c r="D81147" s="14" t="s">
        <v>207</v>
      </c>
      <c r="E81147" s="15">
        <v>45493</v>
      </c>
      <c r="F81147" s="14" t="s">
        <v>53</v>
      </c>
      <c r="G81147" s="16">
        <v>0.47284758596537635</v>
      </c>
    </row>
    <row r="81148" spans="1:7" x14ac:dyDescent="0.3">
      <c r="A81148" s="13" t="s">
        <v>412</v>
      </c>
      <c r="B81148" s="14" t="s">
        <v>1</v>
      </c>
      <c r="C81148" s="14" t="s">
        <v>413</v>
      </c>
      <c r="D81148" s="14" t="s">
        <v>207</v>
      </c>
      <c r="E81148" s="15">
        <v>45494</v>
      </c>
      <c r="F81148" s="14" t="s">
        <v>53</v>
      </c>
      <c r="G81148" s="16">
        <v>0.47284758596537635</v>
      </c>
    </row>
    <row r="81149" spans="1:7" x14ac:dyDescent="0.3">
      <c r="A81149" s="13" t="s">
        <v>412</v>
      </c>
      <c r="B81149" s="14" t="s">
        <v>1</v>
      </c>
      <c r="C81149" s="14" t="s">
        <v>413</v>
      </c>
      <c r="D81149" s="14" t="s">
        <v>207</v>
      </c>
      <c r="E81149" s="15">
        <v>45495</v>
      </c>
      <c r="F81149" s="14" t="s">
        <v>53</v>
      </c>
      <c r="G81149" s="16">
        <v>0.47027963605151174</v>
      </c>
    </row>
    <row r="81150" spans="1:7" x14ac:dyDescent="0.3">
      <c r="A81150" s="13" t="s">
        <v>412</v>
      </c>
      <c r="B81150" s="14" t="s">
        <v>1</v>
      </c>
      <c r="C81150" s="14" t="s">
        <v>413</v>
      </c>
      <c r="D81150" s="14" t="s">
        <v>207</v>
      </c>
      <c r="E81150" s="15">
        <v>45496</v>
      </c>
      <c r="F81150" s="14" t="s">
        <v>53</v>
      </c>
      <c r="G81150" s="16">
        <v>0.46261146914032297</v>
      </c>
    </row>
    <row r="81151" spans="1:7" x14ac:dyDescent="0.3">
      <c r="A81151" s="13" t="s">
        <v>412</v>
      </c>
      <c r="B81151" s="14" t="s">
        <v>1</v>
      </c>
      <c r="C81151" s="14" t="s">
        <v>413</v>
      </c>
      <c r="D81151" s="14" t="s">
        <v>207</v>
      </c>
      <c r="E81151" s="15">
        <v>45497</v>
      </c>
      <c r="F81151" s="14" t="s">
        <v>53</v>
      </c>
      <c r="G81151" s="16">
        <v>0.46003668755507798</v>
      </c>
    </row>
    <row r="81152" spans="1:7" x14ac:dyDescent="0.3">
      <c r="A81152" s="13" t="s">
        <v>412</v>
      </c>
      <c r="B81152" s="14" t="s">
        <v>1</v>
      </c>
      <c r="C81152" s="14" t="s">
        <v>413</v>
      </c>
      <c r="D81152" s="14" t="s">
        <v>207</v>
      </c>
      <c r="E81152" s="15">
        <v>45498</v>
      </c>
      <c r="F81152" s="14" t="s">
        <v>53</v>
      </c>
      <c r="G81152" s="16">
        <v>0.45746025186851513</v>
      </c>
    </row>
    <row r="81153" spans="1:7" x14ac:dyDescent="0.3">
      <c r="A81153" s="13" t="s">
        <v>412</v>
      </c>
      <c r="B81153" s="14" t="s">
        <v>1</v>
      </c>
      <c r="C81153" s="14" t="s">
        <v>413</v>
      </c>
      <c r="D81153" s="14" t="s">
        <v>207</v>
      </c>
      <c r="E81153" s="15">
        <v>45499</v>
      </c>
      <c r="F81153" s="14" t="s">
        <v>53</v>
      </c>
      <c r="G81153" s="16">
        <v>0.45491896540514176</v>
      </c>
    </row>
    <row r="81154" spans="1:7" x14ac:dyDescent="0.3">
      <c r="A81154" s="13" t="s">
        <v>412</v>
      </c>
      <c r="B81154" s="14" t="s">
        <v>1</v>
      </c>
      <c r="C81154" s="14" t="s">
        <v>413</v>
      </c>
      <c r="D81154" s="14" t="s">
        <v>207</v>
      </c>
      <c r="E81154" s="15">
        <v>45500</v>
      </c>
      <c r="F81154" s="14" t="s">
        <v>53</v>
      </c>
      <c r="G81154" s="16">
        <v>0.45491896540514176</v>
      </c>
    </row>
    <row r="81155" spans="1:7" x14ac:dyDescent="0.3">
      <c r="A81155" s="13" t="s">
        <v>412</v>
      </c>
      <c r="B81155" s="14" t="s">
        <v>1</v>
      </c>
      <c r="C81155" s="14" t="s">
        <v>413</v>
      </c>
      <c r="D81155" s="14" t="s">
        <v>207</v>
      </c>
      <c r="E81155" s="15">
        <v>45501</v>
      </c>
      <c r="F81155" s="14" t="s">
        <v>53</v>
      </c>
      <c r="G81155" s="16">
        <v>0.45491896540514176</v>
      </c>
    </row>
    <row r="81156" spans="1:7" x14ac:dyDescent="0.3">
      <c r="A81156" s="13" t="s">
        <v>412</v>
      </c>
      <c r="B81156" s="14" t="s">
        <v>1</v>
      </c>
      <c r="C81156" s="14" t="s">
        <v>413</v>
      </c>
      <c r="D81156" s="14" t="s">
        <v>207</v>
      </c>
      <c r="E81156" s="15">
        <v>45502</v>
      </c>
      <c r="F81156" s="14" t="s">
        <v>53</v>
      </c>
      <c r="G81156" s="16">
        <v>0.45240281210450328</v>
      </c>
    </row>
    <row r="81157" spans="1:7" x14ac:dyDescent="0.3">
      <c r="A81157" s="13" t="s">
        <v>412</v>
      </c>
      <c r="B81157" s="14" t="s">
        <v>1</v>
      </c>
      <c r="C81157" s="14" t="s">
        <v>413</v>
      </c>
      <c r="D81157" s="14" t="s">
        <v>207</v>
      </c>
      <c r="E81157" s="15">
        <v>45503</v>
      </c>
      <c r="F81157" s="14" t="s">
        <v>53</v>
      </c>
      <c r="G81157" s="16">
        <v>0.44796705383667773</v>
      </c>
    </row>
    <row r="81158" spans="1:7" x14ac:dyDescent="0.3">
      <c r="A81158" s="13" t="s">
        <v>412</v>
      </c>
      <c r="B81158" s="14" t="s">
        <v>1</v>
      </c>
      <c r="C81158" s="14" t="s">
        <v>413</v>
      </c>
      <c r="D81158" s="14" t="s">
        <v>207</v>
      </c>
      <c r="E81158" s="15">
        <v>45504</v>
      </c>
      <c r="F81158" s="14" t="s">
        <v>53</v>
      </c>
      <c r="G81158" s="16">
        <v>0.44700282051505191</v>
      </c>
    </row>
    <row r="81159" spans="1:7" x14ac:dyDescent="0.3">
      <c r="A81159" s="13" t="s">
        <v>412</v>
      </c>
      <c r="B81159" s="14" t="s">
        <v>1</v>
      </c>
      <c r="C81159" s="14" t="s">
        <v>413</v>
      </c>
      <c r="D81159" s="14" t="s">
        <v>207</v>
      </c>
      <c r="E81159" s="15">
        <v>45505</v>
      </c>
      <c r="F81159" s="14" t="s">
        <v>53</v>
      </c>
      <c r="G81159" s="16">
        <v>0.45950050098063244</v>
      </c>
    </row>
    <row r="81160" spans="1:7" x14ac:dyDescent="0.3">
      <c r="A81160" s="13" t="s">
        <v>412</v>
      </c>
      <c r="B81160" s="14" t="s">
        <v>1</v>
      </c>
      <c r="C81160" s="14" t="s">
        <v>413</v>
      </c>
      <c r="D81160" s="14" t="s">
        <v>207</v>
      </c>
      <c r="E81160" s="15">
        <v>45506</v>
      </c>
      <c r="F81160" s="14" t="s">
        <v>53</v>
      </c>
      <c r="G81160" s="16">
        <v>0.48227924127196181</v>
      </c>
    </row>
    <row r="81161" spans="1:7" x14ac:dyDescent="0.3">
      <c r="A81161" s="13" t="s">
        <v>412</v>
      </c>
      <c r="B81161" s="14" t="s">
        <v>1</v>
      </c>
      <c r="C81161" s="14" t="s">
        <v>413</v>
      </c>
      <c r="D81161" s="14" t="s">
        <v>207</v>
      </c>
      <c r="E81161" s="15">
        <v>45507</v>
      </c>
      <c r="F81161" s="14" t="s">
        <v>53</v>
      </c>
      <c r="G81161" s="16">
        <v>0.48227924127196181</v>
      </c>
    </row>
    <row r="81162" spans="1:7" x14ac:dyDescent="0.3">
      <c r="A81162" s="13" t="s">
        <v>412</v>
      </c>
      <c r="B81162" s="14" t="s">
        <v>1</v>
      </c>
      <c r="C81162" s="14" t="s">
        <v>413</v>
      </c>
      <c r="D81162" s="14" t="s">
        <v>207</v>
      </c>
      <c r="E81162" s="15">
        <v>45508</v>
      </c>
      <c r="F81162" s="14" t="s">
        <v>53</v>
      </c>
      <c r="G81162" s="16">
        <v>0.48227924127196181</v>
      </c>
    </row>
    <row r="81163" spans="1:7" x14ac:dyDescent="0.3">
      <c r="A81163" s="13" t="s">
        <v>412</v>
      </c>
      <c r="B81163" s="14" t="s">
        <v>1</v>
      </c>
      <c r="C81163" s="14" t="s">
        <v>413</v>
      </c>
      <c r="D81163" s="14" t="s">
        <v>207</v>
      </c>
      <c r="E81163" s="15">
        <v>45509</v>
      </c>
      <c r="F81163" s="14" t="s">
        <v>53</v>
      </c>
      <c r="G81163" s="16">
        <v>0.48227924127196181</v>
      </c>
    </row>
    <row r="81164" spans="1:7" x14ac:dyDescent="0.3">
      <c r="A81164" s="13" t="s">
        <v>412</v>
      </c>
      <c r="B81164" s="14" t="s">
        <v>1</v>
      </c>
      <c r="C81164" s="14" t="s">
        <v>413</v>
      </c>
      <c r="D81164" s="14" t="s">
        <v>207</v>
      </c>
      <c r="E81164" s="15">
        <v>45510</v>
      </c>
      <c r="F81164" s="14" t="s">
        <v>53</v>
      </c>
      <c r="G81164" s="16">
        <v>0.48000082515404674</v>
      </c>
    </row>
    <row r="81165" spans="1:7" x14ac:dyDescent="0.3">
      <c r="A81165" s="13" t="s">
        <v>412</v>
      </c>
      <c r="B81165" s="14" t="s">
        <v>1</v>
      </c>
      <c r="C81165" s="14" t="s">
        <v>413</v>
      </c>
      <c r="D81165" s="14" t="s">
        <v>207</v>
      </c>
      <c r="E81165" s="15">
        <v>45511</v>
      </c>
      <c r="F81165" s="14" t="s">
        <v>53</v>
      </c>
      <c r="G81165" s="16">
        <v>0.47625589796935086</v>
      </c>
    </row>
    <row r="81166" spans="1:7" x14ac:dyDescent="0.3">
      <c r="A81166" s="13" t="s">
        <v>412</v>
      </c>
      <c r="B81166" s="14" t="s">
        <v>1</v>
      </c>
      <c r="C81166" s="14" t="s">
        <v>413</v>
      </c>
      <c r="D81166" s="14" t="s">
        <v>207</v>
      </c>
      <c r="E81166" s="15">
        <v>45512</v>
      </c>
      <c r="F81166" s="14" t="s">
        <v>53</v>
      </c>
      <c r="G81166" s="16">
        <v>0.50481107880386977</v>
      </c>
    </row>
    <row r="81167" spans="1:7" x14ac:dyDescent="0.3">
      <c r="A81167" s="13" t="s">
        <v>412</v>
      </c>
      <c r="B81167" s="14" t="s">
        <v>1</v>
      </c>
      <c r="C81167" s="14" t="s">
        <v>413</v>
      </c>
      <c r="D81167" s="14" t="s">
        <v>207</v>
      </c>
      <c r="E81167" s="15">
        <v>45513</v>
      </c>
      <c r="F81167" s="14" t="s">
        <v>53</v>
      </c>
      <c r="G81167" s="16">
        <v>0.50227589991159605</v>
      </c>
    </row>
    <row r="81168" spans="1:7" x14ac:dyDescent="0.3">
      <c r="A81168" s="13" t="s">
        <v>412</v>
      </c>
      <c r="B81168" s="14" t="s">
        <v>1</v>
      </c>
      <c r="C81168" s="14" t="s">
        <v>413</v>
      </c>
      <c r="D81168" s="14" t="s">
        <v>207</v>
      </c>
      <c r="E81168" s="15">
        <v>45514</v>
      </c>
      <c r="F81168" s="14" t="s">
        <v>53</v>
      </c>
      <c r="G81168" s="16">
        <v>0.50227589991159605</v>
      </c>
    </row>
    <row r="81169" spans="1:7" x14ac:dyDescent="0.3">
      <c r="A81169" s="13" t="s">
        <v>412</v>
      </c>
      <c r="B81169" s="14" t="s">
        <v>1</v>
      </c>
      <c r="C81169" s="14" t="s">
        <v>413</v>
      </c>
      <c r="D81169" s="14" t="s">
        <v>207</v>
      </c>
      <c r="E81169" s="15">
        <v>45515</v>
      </c>
      <c r="F81169" s="14" t="s">
        <v>53</v>
      </c>
      <c r="G81169" s="16">
        <v>0.50227589991159605</v>
      </c>
    </row>
    <row r="81170" spans="1:7" x14ac:dyDescent="0.3">
      <c r="A81170" s="13" t="s">
        <v>412</v>
      </c>
      <c r="B81170" s="14" t="s">
        <v>1</v>
      </c>
      <c r="C81170" s="14" t="s">
        <v>413</v>
      </c>
      <c r="D81170" s="14" t="s">
        <v>207</v>
      </c>
      <c r="E81170" s="15">
        <v>45516</v>
      </c>
      <c r="F81170" s="14" t="s">
        <v>53</v>
      </c>
      <c r="G81170" s="16">
        <v>0.49972315161714109</v>
      </c>
    </row>
    <row r="81171" spans="1:7" x14ac:dyDescent="0.3">
      <c r="A81171" s="13" t="s">
        <v>412</v>
      </c>
      <c r="B81171" s="14" t="s">
        <v>1</v>
      </c>
      <c r="C81171" s="14" t="s">
        <v>413</v>
      </c>
      <c r="D81171" s="14" t="s">
        <v>207</v>
      </c>
      <c r="E81171" s="15">
        <v>45517</v>
      </c>
      <c r="F81171" s="14" t="s">
        <v>53</v>
      </c>
      <c r="G81171" s="16">
        <v>0.49368265042863346</v>
      </c>
    </row>
    <row r="81172" spans="1:7" x14ac:dyDescent="0.3">
      <c r="A81172" s="13" t="s">
        <v>412</v>
      </c>
      <c r="B81172" s="14" t="s">
        <v>1</v>
      </c>
      <c r="C81172" s="14" t="s">
        <v>413</v>
      </c>
      <c r="D81172" s="14" t="s">
        <v>207</v>
      </c>
      <c r="E81172" s="15">
        <v>45518</v>
      </c>
      <c r="F81172" s="14" t="s">
        <v>53</v>
      </c>
      <c r="G81172" s="16">
        <v>0.4911211376481493</v>
      </c>
    </row>
    <row r="81173" spans="1:7" x14ac:dyDescent="0.3">
      <c r="A81173" s="13" t="s">
        <v>412</v>
      </c>
      <c r="B81173" s="14" t="s">
        <v>1</v>
      </c>
      <c r="C81173" s="14" t="s">
        <v>413</v>
      </c>
      <c r="D81173" s="14" t="s">
        <v>207</v>
      </c>
      <c r="E81173" s="15">
        <v>45519</v>
      </c>
      <c r="F81173" s="14" t="s">
        <v>53</v>
      </c>
      <c r="G81173" s="16">
        <v>0.48869984834323821</v>
      </c>
    </row>
    <row r="81174" spans="1:7" x14ac:dyDescent="0.3">
      <c r="A81174" s="13" t="s">
        <v>412</v>
      </c>
      <c r="B81174" s="14" t="s">
        <v>1</v>
      </c>
      <c r="C81174" s="14" t="s">
        <v>413</v>
      </c>
      <c r="D81174" s="14" t="s">
        <v>207</v>
      </c>
      <c r="E81174" s="15">
        <v>45520</v>
      </c>
      <c r="F81174" s="14" t="s">
        <v>53</v>
      </c>
      <c r="G81174" s="16">
        <v>0.49155249609562673</v>
      </c>
    </row>
    <row r="81175" spans="1:7" x14ac:dyDescent="0.3">
      <c r="A81175" s="13" t="s">
        <v>412</v>
      </c>
      <c r="B81175" s="14" t="s">
        <v>1</v>
      </c>
      <c r="C81175" s="14" t="s">
        <v>413</v>
      </c>
      <c r="D81175" s="14" t="s">
        <v>207</v>
      </c>
      <c r="E81175" s="15">
        <v>45521</v>
      </c>
      <c r="F81175" s="14" t="s">
        <v>53</v>
      </c>
      <c r="G81175" s="16">
        <v>0.49155249609562673</v>
      </c>
    </row>
    <row r="81176" spans="1:7" x14ac:dyDescent="0.3">
      <c r="A81176" s="13" t="s">
        <v>412</v>
      </c>
      <c r="B81176" s="14" t="s">
        <v>1</v>
      </c>
      <c r="C81176" s="14" t="s">
        <v>413</v>
      </c>
      <c r="D81176" s="14" t="s">
        <v>207</v>
      </c>
      <c r="E81176" s="15">
        <v>45522</v>
      </c>
      <c r="F81176" s="14" t="s">
        <v>53</v>
      </c>
      <c r="G81176" s="16">
        <v>0.49155249609562673</v>
      </c>
    </row>
    <row r="81177" spans="1:7" x14ac:dyDescent="0.3">
      <c r="A81177" s="13" t="s">
        <v>412</v>
      </c>
      <c r="B81177" s="14" t="s">
        <v>1</v>
      </c>
      <c r="C81177" s="14" t="s">
        <v>413</v>
      </c>
      <c r="D81177" s="14" t="s">
        <v>207</v>
      </c>
      <c r="E81177" s="15">
        <v>45523</v>
      </c>
      <c r="F81177" s="14" t="s">
        <v>53</v>
      </c>
      <c r="G81177" s="16">
        <v>0.50566498803375537</v>
      </c>
    </row>
    <row r="81178" spans="1:7" x14ac:dyDescent="0.3">
      <c r="A81178" s="13" t="s">
        <v>412</v>
      </c>
      <c r="B81178" s="14" t="s">
        <v>1</v>
      </c>
      <c r="C81178" s="14" t="s">
        <v>413</v>
      </c>
      <c r="D81178" s="14" t="s">
        <v>207</v>
      </c>
      <c r="E81178" s="15">
        <v>45524</v>
      </c>
      <c r="F81178" s="14" t="s">
        <v>53</v>
      </c>
      <c r="G81178" s="16">
        <v>0.50346801239339323</v>
      </c>
    </row>
    <row r="81179" spans="1:7" x14ac:dyDescent="0.3">
      <c r="A81179" s="13" t="s">
        <v>412</v>
      </c>
      <c r="B81179" s="14" t="s">
        <v>1</v>
      </c>
      <c r="C81179" s="14" t="s">
        <v>413</v>
      </c>
      <c r="D81179" s="14" t="s">
        <v>207</v>
      </c>
      <c r="E81179" s="15">
        <v>45525</v>
      </c>
      <c r="F81179" s="14" t="s">
        <v>53</v>
      </c>
      <c r="G81179" s="16">
        <v>0.50083650433927673</v>
      </c>
    </row>
    <row r="81180" spans="1:7" x14ac:dyDescent="0.3">
      <c r="A81180" s="13" t="s">
        <v>412</v>
      </c>
      <c r="B81180" s="14" t="s">
        <v>1</v>
      </c>
      <c r="C81180" s="14" t="s">
        <v>413</v>
      </c>
      <c r="D81180" s="14" t="s">
        <v>207</v>
      </c>
      <c r="E81180" s="15">
        <v>45526</v>
      </c>
      <c r="F81180" s="14" t="s">
        <v>53</v>
      </c>
      <c r="G81180" s="16">
        <v>0.53661153192275179</v>
      </c>
    </row>
    <row r="81181" spans="1:7" x14ac:dyDescent="0.3">
      <c r="A81181" s="13" t="s">
        <v>412</v>
      </c>
      <c r="B81181" s="14" t="s">
        <v>1</v>
      </c>
      <c r="C81181" s="14" t="s">
        <v>413</v>
      </c>
      <c r="D81181" s="14" t="s">
        <v>207</v>
      </c>
      <c r="E81181" s="15">
        <v>45527</v>
      </c>
      <c r="F81181" s="14" t="s">
        <v>53</v>
      </c>
      <c r="G81181" s="16">
        <v>0.53514224983645708</v>
      </c>
    </row>
    <row r="81182" spans="1:7" x14ac:dyDescent="0.3">
      <c r="A81182" s="13" t="s">
        <v>412</v>
      </c>
      <c r="B81182" s="14" t="s">
        <v>1</v>
      </c>
      <c r="C81182" s="14" t="s">
        <v>413</v>
      </c>
      <c r="D81182" s="14" t="s">
        <v>207</v>
      </c>
      <c r="E81182" s="15">
        <v>45528</v>
      </c>
      <c r="F81182" s="14" t="s">
        <v>53</v>
      </c>
      <c r="G81182" s="16">
        <v>0.53514224983645708</v>
      </c>
    </row>
    <row r="81183" spans="1:7" x14ac:dyDescent="0.3">
      <c r="A81183" s="13" t="s">
        <v>412</v>
      </c>
      <c r="B81183" s="14" t="s">
        <v>1</v>
      </c>
      <c r="C81183" s="14" t="s">
        <v>413</v>
      </c>
      <c r="D81183" s="14" t="s">
        <v>207</v>
      </c>
      <c r="E81183" s="15">
        <v>45529</v>
      </c>
      <c r="F81183" s="14" t="s">
        <v>53</v>
      </c>
      <c r="G81183" s="16">
        <v>0.53514224983645708</v>
      </c>
    </row>
    <row r="81184" spans="1:7" x14ac:dyDescent="0.3">
      <c r="A81184" s="13" t="s">
        <v>412</v>
      </c>
      <c r="B81184" s="14" t="s">
        <v>1</v>
      </c>
      <c r="C81184" s="14" t="s">
        <v>413</v>
      </c>
      <c r="D81184" s="14" t="s">
        <v>207</v>
      </c>
      <c r="E81184" s="15">
        <v>45530</v>
      </c>
      <c r="F81184" s="14" t="s">
        <v>53</v>
      </c>
      <c r="G81184" s="16">
        <v>0.53514224983645708</v>
      </c>
    </row>
    <row r="81185" spans="1:7" x14ac:dyDescent="0.3">
      <c r="A81185" s="13" t="s">
        <v>412</v>
      </c>
      <c r="B81185" s="14" t="s">
        <v>1</v>
      </c>
      <c r="C81185" s="14" t="s">
        <v>413</v>
      </c>
      <c r="D81185" s="14" t="s">
        <v>207</v>
      </c>
      <c r="E81185" s="15">
        <v>45531</v>
      </c>
      <c r="F81185" s="14" t="s">
        <v>53</v>
      </c>
      <c r="G81185" s="16">
        <v>0.5404877728569546</v>
      </c>
    </row>
    <row r="81186" spans="1:7" x14ac:dyDescent="0.3">
      <c r="A81186" s="13" t="s">
        <v>412</v>
      </c>
      <c r="B81186" s="14" t="s">
        <v>1</v>
      </c>
      <c r="C81186" s="14" t="s">
        <v>413</v>
      </c>
      <c r="D81186" s="14" t="s">
        <v>207</v>
      </c>
      <c r="E81186" s="15">
        <v>45532</v>
      </c>
      <c r="F81186" s="14" t="s">
        <v>53</v>
      </c>
      <c r="G81186" s="16">
        <v>0.53697668902999784</v>
      </c>
    </row>
    <row r="81187" spans="1:7" x14ac:dyDescent="0.3">
      <c r="A81187" s="13" t="s">
        <v>412</v>
      </c>
      <c r="B81187" s="14" t="s">
        <v>1</v>
      </c>
      <c r="C81187" s="14" t="s">
        <v>413</v>
      </c>
      <c r="D81187" s="14" t="s">
        <v>207</v>
      </c>
      <c r="E81187" s="15">
        <v>45533</v>
      </c>
      <c r="F81187" s="14" t="s">
        <v>53</v>
      </c>
      <c r="G81187" s="16">
        <v>0.5343770189995406</v>
      </c>
    </row>
    <row r="81188" spans="1:7" x14ac:dyDescent="0.3">
      <c r="A81188" s="13" t="s">
        <v>412</v>
      </c>
      <c r="B81188" s="14" t="s">
        <v>1</v>
      </c>
      <c r="C81188" s="14" t="s">
        <v>413</v>
      </c>
      <c r="D81188" s="14" t="s">
        <v>207</v>
      </c>
      <c r="E81188" s="15">
        <v>45534</v>
      </c>
      <c r="F81188" s="14" t="s">
        <v>53</v>
      </c>
      <c r="G81188" s="16">
        <v>0.53790054197366977</v>
      </c>
    </row>
    <row r="81189" spans="1:7" x14ac:dyDescent="0.3">
      <c r="A81189" s="13" t="s">
        <v>412</v>
      </c>
      <c r="B81189" s="14" t="s">
        <v>1</v>
      </c>
      <c r="C81189" s="14" t="s">
        <v>413</v>
      </c>
      <c r="D81189" s="14" t="s">
        <v>207</v>
      </c>
      <c r="E81189" s="15">
        <v>45535</v>
      </c>
      <c r="F81189" s="14" t="s">
        <v>53</v>
      </c>
      <c r="G81189" s="16">
        <v>0.53790054197366977</v>
      </c>
    </row>
    <row r="81190" spans="1:7" x14ac:dyDescent="0.3">
      <c r="A81190" s="13" t="s">
        <v>412</v>
      </c>
      <c r="B81190" s="14" t="s">
        <v>1</v>
      </c>
      <c r="C81190" s="14" t="s">
        <v>413</v>
      </c>
      <c r="D81190" s="14" t="s">
        <v>207</v>
      </c>
      <c r="E81190" s="15">
        <v>45536</v>
      </c>
      <c r="F81190" s="14" t="s">
        <v>53</v>
      </c>
      <c r="G81190" s="16">
        <v>0.53790054197366977</v>
      </c>
    </row>
    <row r="81191" spans="1:7" x14ac:dyDescent="0.3">
      <c r="A81191" s="13" t="s">
        <v>412</v>
      </c>
      <c r="B81191" s="14" t="s">
        <v>1</v>
      </c>
      <c r="C81191" s="14" t="s">
        <v>413</v>
      </c>
      <c r="D81191" s="14" t="s">
        <v>207</v>
      </c>
      <c r="E81191" s="15">
        <v>45537</v>
      </c>
      <c r="F81191" s="14" t="s">
        <v>53</v>
      </c>
      <c r="G81191" s="16">
        <v>0.53741851956196807</v>
      </c>
    </row>
    <row r="81192" spans="1:7" x14ac:dyDescent="0.3">
      <c r="A81192" s="13" t="s">
        <v>412</v>
      </c>
      <c r="B81192" s="14" t="s">
        <v>1</v>
      </c>
      <c r="C81192" s="14" t="s">
        <v>413</v>
      </c>
      <c r="D81192" s="14" t="s">
        <v>207</v>
      </c>
      <c r="E81192" s="15">
        <v>45538</v>
      </c>
      <c r="F81192" s="14" t="s">
        <v>53</v>
      </c>
      <c r="G81192" s="16">
        <v>0.5516079101678748</v>
      </c>
    </row>
    <row r="81193" spans="1:7" x14ac:dyDescent="0.3">
      <c r="A81193" s="13" t="s">
        <v>412</v>
      </c>
      <c r="B81193" s="14" t="s">
        <v>1</v>
      </c>
      <c r="C81193" s="14" t="s">
        <v>413</v>
      </c>
      <c r="D81193" s="14" t="s">
        <v>207</v>
      </c>
      <c r="E81193" s="15">
        <v>45539</v>
      </c>
      <c r="F81193" s="14" t="s">
        <v>53</v>
      </c>
      <c r="G81193" s="16">
        <v>0.55303642983392387</v>
      </c>
    </row>
    <row r="81194" spans="1:7" x14ac:dyDescent="0.3">
      <c r="A81194" s="13" t="s">
        <v>412</v>
      </c>
      <c r="B81194" s="14" t="s">
        <v>1</v>
      </c>
      <c r="C81194" s="14" t="s">
        <v>413</v>
      </c>
      <c r="D81194" s="14" t="s">
        <v>207</v>
      </c>
      <c r="E81194" s="15">
        <v>45540</v>
      </c>
      <c r="F81194" s="14" t="s">
        <v>53</v>
      </c>
      <c r="G81194" s="16">
        <v>0.55043608746664385</v>
      </c>
    </row>
    <row r="81195" spans="1:7" x14ac:dyDescent="0.3">
      <c r="A81195" s="13" t="s">
        <v>412</v>
      </c>
      <c r="B81195" s="14" t="s">
        <v>1</v>
      </c>
      <c r="C81195" s="14" t="s">
        <v>413</v>
      </c>
      <c r="D81195" s="14" t="s">
        <v>207</v>
      </c>
      <c r="E81195" s="15">
        <v>45541</v>
      </c>
      <c r="F81195" s="14" t="s">
        <v>53</v>
      </c>
      <c r="G81195" s="16">
        <v>0.54786151685579276</v>
      </c>
    </row>
    <row r="81196" spans="1:7" x14ac:dyDescent="0.3">
      <c r="A81196" s="13" t="s">
        <v>412</v>
      </c>
      <c r="B81196" s="14" t="s">
        <v>1</v>
      </c>
      <c r="C81196" s="14" t="s">
        <v>413</v>
      </c>
      <c r="D81196" s="14" t="s">
        <v>207</v>
      </c>
      <c r="E81196" s="15">
        <v>45542</v>
      </c>
      <c r="F81196" s="14" t="s">
        <v>53</v>
      </c>
      <c r="G81196" s="16">
        <v>0.54786151685579276</v>
      </c>
    </row>
    <row r="81197" spans="1:7" x14ac:dyDescent="0.3">
      <c r="A81197" s="13" t="s">
        <v>412</v>
      </c>
      <c r="B81197" s="14" t="s">
        <v>1</v>
      </c>
      <c r="C81197" s="14" t="s">
        <v>413</v>
      </c>
      <c r="D81197" s="14" t="s">
        <v>207</v>
      </c>
      <c r="E81197" s="15">
        <v>45543</v>
      </c>
      <c r="F81197" s="14" t="s">
        <v>53</v>
      </c>
      <c r="G81197" s="16">
        <v>0.54786151685579276</v>
      </c>
    </row>
    <row r="81198" spans="1:7" x14ac:dyDescent="0.3">
      <c r="A81198" s="13" t="s">
        <v>412</v>
      </c>
      <c r="B81198" s="14" t="s">
        <v>1</v>
      </c>
      <c r="C81198" s="14" t="s">
        <v>413</v>
      </c>
      <c r="D81198" s="14" t="s">
        <v>207</v>
      </c>
      <c r="E81198" s="15">
        <v>45544</v>
      </c>
      <c r="F81198" s="14" t="s">
        <v>53</v>
      </c>
      <c r="G81198" s="16">
        <v>0.55350587370978266</v>
      </c>
    </row>
    <row r="81199" spans="1:7" x14ac:dyDescent="0.3">
      <c r="A81199" s="13" t="s">
        <v>412</v>
      </c>
      <c r="B81199" s="14" t="s">
        <v>1</v>
      </c>
      <c r="C81199" s="14" t="s">
        <v>413</v>
      </c>
      <c r="D81199" s="14" t="s">
        <v>207</v>
      </c>
      <c r="E81199" s="15">
        <v>45545</v>
      </c>
      <c r="F81199" s="14" t="s">
        <v>53</v>
      </c>
      <c r="G81199" s="16">
        <v>0.55741699672437794</v>
      </c>
    </row>
    <row r="81200" spans="1:7" x14ac:dyDescent="0.3">
      <c r="A81200" s="13" t="s">
        <v>412</v>
      </c>
      <c r="B81200" s="14" t="s">
        <v>1</v>
      </c>
      <c r="C81200" s="14" t="s">
        <v>413</v>
      </c>
      <c r="D81200" s="14" t="s">
        <v>207</v>
      </c>
      <c r="E81200" s="15">
        <v>45546</v>
      </c>
      <c r="F81200" s="14" t="s">
        <v>53</v>
      </c>
      <c r="G81200" s="16">
        <v>0.55483820107804505</v>
      </c>
    </row>
    <row r="81201" spans="1:7" x14ac:dyDescent="0.3">
      <c r="A81201" s="13" t="s">
        <v>412</v>
      </c>
      <c r="B81201" s="14" t="s">
        <v>1</v>
      </c>
      <c r="C81201" s="14" t="s">
        <v>413</v>
      </c>
      <c r="D81201" s="14" t="s">
        <v>207</v>
      </c>
      <c r="E81201" s="15">
        <v>45547</v>
      </c>
      <c r="F81201" s="14" t="s">
        <v>53</v>
      </c>
      <c r="G81201" s="16">
        <v>0.58054699993143155</v>
      </c>
    </row>
    <row r="81202" spans="1:7" x14ac:dyDescent="0.3">
      <c r="A81202" s="13" t="s">
        <v>412</v>
      </c>
      <c r="B81202" s="14" t="s">
        <v>1</v>
      </c>
      <c r="C81202" s="14" t="s">
        <v>413</v>
      </c>
      <c r="D81202" s="14" t="s">
        <v>207</v>
      </c>
      <c r="E81202" s="15">
        <v>45548</v>
      </c>
      <c r="F81202" s="14" t="s">
        <v>53</v>
      </c>
      <c r="G81202" s="16">
        <v>0.60519122374405387</v>
      </c>
    </row>
    <row r="81203" spans="1:7" x14ac:dyDescent="0.3">
      <c r="A81203" s="13" t="s">
        <v>412</v>
      </c>
      <c r="B81203" s="14" t="s">
        <v>1</v>
      </c>
      <c r="C81203" s="14" t="s">
        <v>413</v>
      </c>
      <c r="D81203" s="14" t="s">
        <v>207</v>
      </c>
      <c r="E81203" s="15">
        <v>45549</v>
      </c>
      <c r="F81203" s="14" t="s">
        <v>53</v>
      </c>
      <c r="G81203" s="16">
        <v>0.60519122374405387</v>
      </c>
    </row>
    <row r="81204" spans="1:7" x14ac:dyDescent="0.3">
      <c r="A81204" s="13" t="s">
        <v>412</v>
      </c>
      <c r="B81204" s="14" t="s">
        <v>1</v>
      </c>
      <c r="C81204" s="14" t="s">
        <v>413</v>
      </c>
      <c r="D81204" s="14" t="s">
        <v>207</v>
      </c>
      <c r="E81204" s="15">
        <v>45550</v>
      </c>
      <c r="F81204" s="14" t="s">
        <v>53</v>
      </c>
      <c r="G81204" s="16">
        <v>0.60519122374405387</v>
      </c>
    </row>
    <row r="81205" spans="1:7" x14ac:dyDescent="0.3">
      <c r="A81205" s="13" t="s">
        <v>412</v>
      </c>
      <c r="B81205" s="14" t="s">
        <v>1</v>
      </c>
      <c r="C81205" s="14" t="s">
        <v>413</v>
      </c>
      <c r="D81205" s="14" t="s">
        <v>207</v>
      </c>
      <c r="E81205" s="15">
        <v>45551</v>
      </c>
      <c r="F81205" s="14" t="s">
        <v>53</v>
      </c>
      <c r="G81205" s="16">
        <v>0.60539180389008895</v>
      </c>
    </row>
    <row r="81206" spans="1:7" x14ac:dyDescent="0.3">
      <c r="A81206" s="13" t="s">
        <v>412</v>
      </c>
      <c r="B81206" s="14" t="s">
        <v>1</v>
      </c>
      <c r="C81206" s="14" t="s">
        <v>413</v>
      </c>
      <c r="D81206" s="14" t="s">
        <v>207</v>
      </c>
      <c r="E81206" s="15">
        <v>45552</v>
      </c>
      <c r="F81206" s="14" t="s">
        <v>53</v>
      </c>
      <c r="G81206" s="16">
        <v>0.60867074381469943</v>
      </c>
    </row>
    <row r="81207" spans="1:7" x14ac:dyDescent="0.3">
      <c r="A81207" s="13" t="s">
        <v>412</v>
      </c>
      <c r="B81207" s="14" t="s">
        <v>1</v>
      </c>
      <c r="C81207" s="14" t="s">
        <v>413</v>
      </c>
      <c r="D81207" s="14" t="s">
        <v>207</v>
      </c>
      <c r="E81207" s="15">
        <v>45553</v>
      </c>
      <c r="F81207" s="14" t="s">
        <v>53</v>
      </c>
      <c r="G81207" s="16">
        <v>0.60604606304958097</v>
      </c>
    </row>
    <row r="81208" spans="1:7" x14ac:dyDescent="0.3">
      <c r="A81208" s="13" t="s">
        <v>412</v>
      </c>
      <c r="B81208" s="14" t="s">
        <v>1</v>
      </c>
      <c r="C81208" s="14" t="s">
        <v>413</v>
      </c>
      <c r="D81208" s="14" t="s">
        <v>207</v>
      </c>
      <c r="E81208" s="15">
        <v>45554</v>
      </c>
      <c r="F81208" s="14" t="s">
        <v>53</v>
      </c>
      <c r="G81208" s="16">
        <v>0.60341206815154924</v>
      </c>
    </row>
    <row r="81209" spans="1:7" x14ac:dyDescent="0.3">
      <c r="A81209" s="13" t="s">
        <v>412</v>
      </c>
      <c r="B81209" s="14" t="s">
        <v>1</v>
      </c>
      <c r="C81209" s="14" t="s">
        <v>413</v>
      </c>
      <c r="D81209" s="14" t="s">
        <v>207</v>
      </c>
      <c r="E81209" s="15">
        <v>45555</v>
      </c>
      <c r="F81209" s="14" t="s">
        <v>53</v>
      </c>
      <c r="G81209" s="16">
        <v>0.60392370896199088</v>
      </c>
    </row>
    <row r="81210" spans="1:7" x14ac:dyDescent="0.3">
      <c r="A81210" s="13" t="s">
        <v>412</v>
      </c>
      <c r="B81210" s="14" t="s">
        <v>1</v>
      </c>
      <c r="C81210" s="14" t="s">
        <v>413</v>
      </c>
      <c r="D81210" s="14" t="s">
        <v>207</v>
      </c>
      <c r="E81210" s="15">
        <v>45556</v>
      </c>
      <c r="F81210" s="14" t="s">
        <v>53</v>
      </c>
      <c r="G81210" s="16">
        <v>0.60392370896199088</v>
      </c>
    </row>
    <row r="81211" spans="1:7" x14ac:dyDescent="0.3">
      <c r="A81211" s="13" t="s">
        <v>412</v>
      </c>
      <c r="B81211" s="14" t="s">
        <v>1</v>
      </c>
      <c r="C81211" s="14" t="s">
        <v>413</v>
      </c>
      <c r="D81211" s="14" t="s">
        <v>207</v>
      </c>
      <c r="E81211" s="15">
        <v>45557</v>
      </c>
      <c r="F81211" s="14" t="s">
        <v>53</v>
      </c>
      <c r="G81211" s="16">
        <v>0.60392370896199088</v>
      </c>
    </row>
    <row r="81212" spans="1:7" x14ac:dyDescent="0.3">
      <c r="A81212" s="13" t="s">
        <v>412</v>
      </c>
      <c r="B81212" s="14" t="s">
        <v>1</v>
      </c>
      <c r="C81212" s="14" t="s">
        <v>413</v>
      </c>
      <c r="D81212" s="14" t="s">
        <v>207</v>
      </c>
      <c r="E81212" s="15">
        <v>45558</v>
      </c>
      <c r="F81212" s="14" t="s">
        <v>53</v>
      </c>
      <c r="G81212" s="16">
        <v>0.60127756818282885</v>
      </c>
    </row>
    <row r="81213" spans="1:7" x14ac:dyDescent="0.3">
      <c r="A81213" s="13" t="s">
        <v>412</v>
      </c>
      <c r="B81213" s="14" t="s">
        <v>1</v>
      </c>
      <c r="C81213" s="14" t="s">
        <v>413</v>
      </c>
      <c r="D81213" s="14" t="s">
        <v>207</v>
      </c>
      <c r="E81213" s="15">
        <v>45559</v>
      </c>
      <c r="F81213" s="14" t="s">
        <v>53</v>
      </c>
      <c r="G81213" s="16">
        <v>0.59344961580433386</v>
      </c>
    </row>
    <row r="81214" spans="1:7" x14ac:dyDescent="0.3">
      <c r="A81214" s="13" t="s">
        <v>412</v>
      </c>
      <c r="B81214" s="14" t="s">
        <v>1</v>
      </c>
      <c r="C81214" s="14" t="s">
        <v>413</v>
      </c>
      <c r="D81214" s="14" t="s">
        <v>207</v>
      </c>
      <c r="E81214" s="15">
        <v>45560</v>
      </c>
      <c r="F81214" s="14" t="s">
        <v>53</v>
      </c>
      <c r="G81214" s="16">
        <v>0.59084858029930631</v>
      </c>
    </row>
    <row r="81215" spans="1:7" x14ac:dyDescent="0.3">
      <c r="A81215" s="13" t="s">
        <v>412</v>
      </c>
      <c r="B81215" s="14" t="s">
        <v>1</v>
      </c>
      <c r="C81215" s="14" t="s">
        <v>413</v>
      </c>
      <c r="D81215" s="14" t="s">
        <v>207</v>
      </c>
      <c r="E81215" s="15">
        <v>45561</v>
      </c>
      <c r="F81215" s="14" t="s">
        <v>53</v>
      </c>
      <c r="G81215" s="16">
        <v>0.60283713695924024</v>
      </c>
    </row>
    <row r="81216" spans="1:7" x14ac:dyDescent="0.3">
      <c r="A81216" s="13" t="s">
        <v>412</v>
      </c>
      <c r="B81216" s="14" t="s">
        <v>1</v>
      </c>
      <c r="C81216" s="14" t="s">
        <v>413</v>
      </c>
      <c r="D81216" s="14" t="s">
        <v>207</v>
      </c>
      <c r="E81216" s="15">
        <v>45562</v>
      </c>
      <c r="F81216" s="14" t="s">
        <v>53</v>
      </c>
      <c r="G81216" s="16">
        <v>0.60065541532571232</v>
      </c>
    </row>
    <row r="81217" spans="1:7" x14ac:dyDescent="0.3">
      <c r="A81217" s="13" t="s">
        <v>412</v>
      </c>
      <c r="B81217" s="14" t="s">
        <v>1</v>
      </c>
      <c r="C81217" s="14" t="s">
        <v>413</v>
      </c>
      <c r="D81217" s="14" t="s">
        <v>207</v>
      </c>
      <c r="E81217" s="15">
        <v>45563</v>
      </c>
      <c r="F81217" s="14" t="s">
        <v>53</v>
      </c>
      <c r="G81217" s="16">
        <v>0.60065541532571232</v>
      </c>
    </row>
    <row r="81218" spans="1:7" x14ac:dyDescent="0.3">
      <c r="A81218" s="13" t="s">
        <v>412</v>
      </c>
      <c r="B81218" s="14" t="s">
        <v>1</v>
      </c>
      <c r="C81218" s="14" t="s">
        <v>413</v>
      </c>
      <c r="D81218" s="14" t="s">
        <v>207</v>
      </c>
      <c r="E81218" s="15">
        <v>45564</v>
      </c>
      <c r="F81218" s="14" t="s">
        <v>53</v>
      </c>
      <c r="G81218" s="16">
        <v>0.60065541532571232</v>
      </c>
    </row>
    <row r="81219" spans="1:7" x14ac:dyDescent="0.3">
      <c r="A81219" s="13" t="s">
        <v>412</v>
      </c>
      <c r="B81219" s="14" t="s">
        <v>1</v>
      </c>
      <c r="C81219" s="14" t="s">
        <v>413</v>
      </c>
      <c r="D81219" s="14" t="s">
        <v>207</v>
      </c>
      <c r="E81219" s="15">
        <v>45565</v>
      </c>
      <c r="F81219" s="14" t="s">
        <v>53</v>
      </c>
      <c r="G81219" s="16">
        <v>0.59886707685992058</v>
      </c>
    </row>
    <row r="81220" spans="1:7" x14ac:dyDescent="0.3">
      <c r="A81220" s="13" t="s">
        <v>412</v>
      </c>
      <c r="B81220" s="14" t="s">
        <v>1</v>
      </c>
      <c r="C81220" s="14" t="s">
        <v>413</v>
      </c>
      <c r="D81220" s="14" t="s">
        <v>207</v>
      </c>
      <c r="E81220" s="15">
        <v>45566</v>
      </c>
      <c r="F81220" s="14" t="s">
        <v>53</v>
      </c>
      <c r="G81220" s="16">
        <v>0.59096200669766308</v>
      </c>
    </row>
    <row r="81221" spans="1:7" x14ac:dyDescent="0.3">
      <c r="A81221" s="13" t="s">
        <v>412</v>
      </c>
      <c r="B81221" s="14" t="s">
        <v>1</v>
      </c>
      <c r="C81221" s="14" t="s">
        <v>413</v>
      </c>
      <c r="D81221" s="14" t="s">
        <v>207</v>
      </c>
      <c r="E81221" s="15">
        <v>45567</v>
      </c>
      <c r="F81221" s="14" t="s">
        <v>53</v>
      </c>
      <c r="G81221" s="16">
        <v>0.62137650631547503</v>
      </c>
    </row>
    <row r="81222" spans="1:7" x14ac:dyDescent="0.3">
      <c r="A81222" s="13" t="s">
        <v>412</v>
      </c>
      <c r="B81222" s="14" t="s">
        <v>1</v>
      </c>
      <c r="C81222" s="14" t="s">
        <v>413</v>
      </c>
      <c r="D81222" s="14" t="s">
        <v>207</v>
      </c>
      <c r="E81222" s="15">
        <v>45568</v>
      </c>
      <c r="F81222" s="14" t="s">
        <v>53</v>
      </c>
      <c r="G81222" s="16">
        <v>0.63509705185750276</v>
      </c>
    </row>
    <row r="81223" spans="1:7" x14ac:dyDescent="0.3">
      <c r="A81223" s="13" t="s">
        <v>412</v>
      </c>
      <c r="B81223" s="14" t="s">
        <v>1</v>
      </c>
      <c r="C81223" s="14" t="s">
        <v>413</v>
      </c>
      <c r="D81223" s="14" t="s">
        <v>207</v>
      </c>
      <c r="E81223" s="15">
        <v>45569</v>
      </c>
      <c r="F81223" s="14" t="s">
        <v>53</v>
      </c>
      <c r="G81223" s="16">
        <v>0.6336575628764507</v>
      </c>
    </row>
    <row r="81224" spans="1:7" x14ac:dyDescent="0.3">
      <c r="A81224" s="13" t="s">
        <v>412</v>
      </c>
      <c r="B81224" s="14" t="s">
        <v>1</v>
      </c>
      <c r="C81224" s="14" t="s">
        <v>413</v>
      </c>
      <c r="D81224" s="14" t="s">
        <v>207</v>
      </c>
      <c r="E81224" s="15">
        <v>45570</v>
      </c>
      <c r="F81224" s="14" t="s">
        <v>53</v>
      </c>
      <c r="G81224" s="16">
        <v>0.6336575628764507</v>
      </c>
    </row>
    <row r="81225" spans="1:7" x14ac:dyDescent="0.3">
      <c r="A81225" s="13" t="s">
        <v>412</v>
      </c>
      <c r="B81225" s="14" t="s">
        <v>1</v>
      </c>
      <c r="C81225" s="14" t="s">
        <v>413</v>
      </c>
      <c r="D81225" s="14" t="s">
        <v>207</v>
      </c>
      <c r="E81225" s="15">
        <v>45571</v>
      </c>
      <c r="F81225" s="14" t="s">
        <v>53</v>
      </c>
      <c r="G81225" s="16">
        <v>0.6336575628764507</v>
      </c>
    </row>
    <row r="81226" spans="1:7" x14ac:dyDescent="0.3">
      <c r="A81226" s="13" t="s">
        <v>412</v>
      </c>
      <c r="B81226" s="14" t="s">
        <v>1</v>
      </c>
      <c r="C81226" s="14" t="s">
        <v>413</v>
      </c>
      <c r="D81226" s="14" t="s">
        <v>207</v>
      </c>
      <c r="E81226" s="15">
        <v>45572</v>
      </c>
      <c r="F81226" s="14" t="s">
        <v>53</v>
      </c>
      <c r="G81226" s="16">
        <v>0.64046164848056586</v>
      </c>
    </row>
    <row r="81227" spans="1:7" x14ac:dyDescent="0.3">
      <c r="A81227" s="13" t="s">
        <v>412</v>
      </c>
      <c r="B81227" s="14" t="s">
        <v>1</v>
      </c>
      <c r="C81227" s="14" t="s">
        <v>413</v>
      </c>
      <c r="D81227" s="14" t="s">
        <v>207</v>
      </c>
      <c r="E81227" s="15">
        <v>45573</v>
      </c>
      <c r="F81227" s="14" t="s">
        <v>53</v>
      </c>
      <c r="G81227" s="16">
        <v>0.68077177399249034</v>
      </c>
    </row>
    <row r="81228" spans="1:7" x14ac:dyDescent="0.3">
      <c r="A81228" s="13" t="s">
        <v>412</v>
      </c>
      <c r="B81228" s="14" t="s">
        <v>1</v>
      </c>
      <c r="C81228" s="14" t="s">
        <v>413</v>
      </c>
      <c r="D81228" s="14" t="s">
        <v>207</v>
      </c>
      <c r="E81228" s="15">
        <v>45574</v>
      </c>
      <c r="F81228" s="14" t="s">
        <v>53</v>
      </c>
      <c r="G81228" s="16">
        <v>0.67506490423615817</v>
      </c>
    </row>
    <row r="81229" spans="1:7" x14ac:dyDescent="0.3">
      <c r="A81229" s="13" t="s">
        <v>412</v>
      </c>
      <c r="B81229" s="14" t="s">
        <v>1</v>
      </c>
      <c r="C81229" s="14" t="s">
        <v>413</v>
      </c>
      <c r="D81229" s="14" t="s">
        <v>207</v>
      </c>
      <c r="E81229" s="15">
        <v>45575</v>
      </c>
      <c r="F81229" s="14" t="s">
        <v>53</v>
      </c>
      <c r="G81229" s="16">
        <v>0.68399727271086441</v>
      </c>
    </row>
    <row r="81230" spans="1:7" x14ac:dyDescent="0.3">
      <c r="A81230" s="13" t="s">
        <v>412</v>
      </c>
      <c r="B81230" s="14" t="s">
        <v>1</v>
      </c>
      <c r="C81230" s="14" t="s">
        <v>413</v>
      </c>
      <c r="D81230" s="14" t="s">
        <v>207</v>
      </c>
      <c r="E81230" s="15">
        <v>45576</v>
      </c>
      <c r="F81230" s="14" t="s">
        <v>53</v>
      </c>
      <c r="G81230" s="16">
        <v>0.68501251701251231</v>
      </c>
    </row>
    <row r="81231" spans="1:7" x14ac:dyDescent="0.3">
      <c r="A81231" s="13" t="s">
        <v>412</v>
      </c>
      <c r="B81231" s="14" t="s">
        <v>1</v>
      </c>
      <c r="C81231" s="14" t="s">
        <v>413</v>
      </c>
      <c r="D81231" s="14" t="s">
        <v>207</v>
      </c>
      <c r="E81231" s="15">
        <v>45577</v>
      </c>
      <c r="F81231" s="14" t="s">
        <v>53</v>
      </c>
      <c r="G81231" s="16">
        <v>0.68501251701251231</v>
      </c>
    </row>
    <row r="81232" spans="1:7" x14ac:dyDescent="0.3">
      <c r="A81232" s="13" t="s">
        <v>412</v>
      </c>
      <c r="B81232" s="14" t="s">
        <v>1</v>
      </c>
      <c r="C81232" s="14" t="s">
        <v>413</v>
      </c>
      <c r="D81232" s="14" t="s">
        <v>207</v>
      </c>
      <c r="E81232" s="15">
        <v>45578</v>
      </c>
      <c r="F81232" s="14" t="s">
        <v>53</v>
      </c>
      <c r="G81232" s="16">
        <v>0.68501251701251231</v>
      </c>
    </row>
    <row r="81233" spans="1:7" x14ac:dyDescent="0.3">
      <c r="A81233" s="13" t="s">
        <v>412</v>
      </c>
      <c r="B81233" s="14" t="s">
        <v>1</v>
      </c>
      <c r="C81233" s="14" t="s">
        <v>413</v>
      </c>
      <c r="D81233" s="14" t="s">
        <v>207</v>
      </c>
      <c r="E81233" s="15">
        <v>45579</v>
      </c>
      <c r="F81233" s="14" t="s">
        <v>53</v>
      </c>
      <c r="G81233" s="16">
        <v>0.68233542889167353</v>
      </c>
    </row>
    <row r="81234" spans="1:7" x14ac:dyDescent="0.3">
      <c r="A81234" s="13" t="s">
        <v>412</v>
      </c>
      <c r="B81234" s="14" t="s">
        <v>1</v>
      </c>
      <c r="C81234" s="14" t="s">
        <v>413</v>
      </c>
      <c r="D81234" s="14" t="s">
        <v>207</v>
      </c>
      <c r="E81234" s="15">
        <v>45580</v>
      </c>
      <c r="F81234" s="14" t="s">
        <v>53</v>
      </c>
      <c r="G81234" s="16">
        <v>0.6743045866659082</v>
      </c>
    </row>
    <row r="81235" spans="1:7" x14ac:dyDescent="0.3">
      <c r="A81235" s="13" t="s">
        <v>412</v>
      </c>
      <c r="B81235" s="14" t="s">
        <v>1</v>
      </c>
      <c r="C81235" s="14" t="s">
        <v>413</v>
      </c>
      <c r="D81235" s="14" t="s">
        <v>207</v>
      </c>
      <c r="E81235" s="15">
        <v>45581</v>
      </c>
      <c r="F81235" s="14" t="s">
        <v>53</v>
      </c>
      <c r="G81235" s="16">
        <v>0.67775339847692129</v>
      </c>
    </row>
    <row r="81236" spans="1:7" x14ac:dyDescent="0.3">
      <c r="A81236" s="13" t="s">
        <v>412</v>
      </c>
      <c r="B81236" s="14" t="s">
        <v>1</v>
      </c>
      <c r="C81236" s="14" t="s">
        <v>413</v>
      </c>
      <c r="D81236" s="14" t="s">
        <v>207</v>
      </c>
      <c r="E81236" s="15">
        <v>45582</v>
      </c>
      <c r="F81236" s="14" t="s">
        <v>53</v>
      </c>
      <c r="G81236" s="16">
        <v>0.67511121781841898</v>
      </c>
    </row>
    <row r="81237" spans="1:7" x14ac:dyDescent="0.3">
      <c r="A81237" s="13" t="s">
        <v>412</v>
      </c>
      <c r="B81237" s="14" t="s">
        <v>1</v>
      </c>
      <c r="C81237" s="14" t="s">
        <v>413</v>
      </c>
      <c r="D81237" s="14" t="s">
        <v>207</v>
      </c>
      <c r="E81237" s="15">
        <v>45583</v>
      </c>
      <c r="F81237" s="14" t="s">
        <v>53</v>
      </c>
      <c r="G81237" s="16">
        <v>0.67245287847022028</v>
      </c>
    </row>
    <row r="81238" spans="1:7" x14ac:dyDescent="0.3">
      <c r="A81238" s="13" t="s">
        <v>412</v>
      </c>
      <c r="B81238" s="14" t="s">
        <v>1</v>
      </c>
      <c r="C81238" s="14" t="s">
        <v>413</v>
      </c>
      <c r="D81238" s="14" t="s">
        <v>207</v>
      </c>
      <c r="E81238" s="15">
        <v>45584</v>
      </c>
      <c r="F81238" s="14" t="s">
        <v>53</v>
      </c>
      <c r="G81238" s="16">
        <v>0.67245287847022028</v>
      </c>
    </row>
    <row r="81239" spans="1:7" x14ac:dyDescent="0.3">
      <c r="A81239" s="13" t="s">
        <v>412</v>
      </c>
      <c r="B81239" s="14" t="s">
        <v>1</v>
      </c>
      <c r="C81239" s="14" t="s">
        <v>413</v>
      </c>
      <c r="D81239" s="14" t="s">
        <v>207</v>
      </c>
      <c r="E81239" s="15">
        <v>45585</v>
      </c>
      <c r="F81239" s="14" t="s">
        <v>53</v>
      </c>
      <c r="G81239" s="16">
        <v>0.67245287847022028</v>
      </c>
    </row>
    <row r="81240" spans="1:7" x14ac:dyDescent="0.3">
      <c r="A81240" s="13" t="s">
        <v>412</v>
      </c>
      <c r="B81240" s="14" t="s">
        <v>1</v>
      </c>
      <c r="C81240" s="14" t="s">
        <v>413</v>
      </c>
      <c r="D81240" s="14" t="s">
        <v>207</v>
      </c>
      <c r="E81240" s="15">
        <v>45586</v>
      </c>
      <c r="F81240" s="14" t="s">
        <v>53</v>
      </c>
      <c r="G81240" s="16">
        <v>0.6820598575752671</v>
      </c>
    </row>
    <row r="81241" spans="1:7" x14ac:dyDescent="0.3">
      <c r="A81241" s="13" t="s">
        <v>412</v>
      </c>
      <c r="B81241" s="14" t="s">
        <v>1</v>
      </c>
      <c r="C81241" s="14" t="s">
        <v>413</v>
      </c>
      <c r="D81241" s="14" t="s">
        <v>207</v>
      </c>
      <c r="E81241" s="15">
        <v>45587</v>
      </c>
      <c r="F81241" s="14" t="s">
        <v>53</v>
      </c>
      <c r="G81241" s="16">
        <v>0.674016986528992</v>
      </c>
    </row>
    <row r="81242" spans="1:7" x14ac:dyDescent="0.3">
      <c r="A81242" s="13" t="s">
        <v>412</v>
      </c>
      <c r="B81242" s="14" t="s">
        <v>1</v>
      </c>
      <c r="C81242" s="14" t="s">
        <v>413</v>
      </c>
      <c r="D81242" s="14" t="s">
        <v>207</v>
      </c>
      <c r="E81242" s="15">
        <v>45588</v>
      </c>
      <c r="F81242" s="14" t="s">
        <v>53</v>
      </c>
      <c r="G81242" s="16">
        <v>0.67133749060649861</v>
      </c>
    </row>
    <row r="81243" spans="1:7" x14ac:dyDescent="0.3">
      <c r="A81243" s="13" t="s">
        <v>412</v>
      </c>
      <c r="B81243" s="14" t="s">
        <v>1</v>
      </c>
      <c r="C81243" s="14" t="s">
        <v>413</v>
      </c>
      <c r="D81243" s="14" t="s">
        <v>207</v>
      </c>
      <c r="E81243" s="15">
        <v>45589</v>
      </c>
      <c r="F81243" s="14" t="s">
        <v>53</v>
      </c>
      <c r="G81243" s="16">
        <v>0.66865762609058843</v>
      </c>
    </row>
    <row r="81244" spans="1:7" x14ac:dyDescent="0.3">
      <c r="A81244" s="13" t="s">
        <v>412</v>
      </c>
      <c r="B81244" s="14" t="s">
        <v>1</v>
      </c>
      <c r="C81244" s="14" t="s">
        <v>413</v>
      </c>
      <c r="D81244" s="14" t="s">
        <v>207</v>
      </c>
      <c r="E81244" s="15">
        <v>45590</v>
      </c>
      <c r="F81244" s="14" t="s">
        <v>53</v>
      </c>
      <c r="G81244" s="16">
        <v>0.6692175393282852</v>
      </c>
    </row>
    <row r="81245" spans="1:7" x14ac:dyDescent="0.3">
      <c r="A81245" s="13" t="s">
        <v>412</v>
      </c>
      <c r="B81245" s="14" t="s">
        <v>1</v>
      </c>
      <c r="C81245" s="14" t="s">
        <v>413</v>
      </c>
      <c r="D81245" s="14" t="s">
        <v>207</v>
      </c>
      <c r="E81245" s="15">
        <v>45591</v>
      </c>
      <c r="F81245" s="14" t="s">
        <v>53</v>
      </c>
      <c r="G81245" s="16">
        <v>0.6692175393282852</v>
      </c>
    </row>
    <row r="81246" spans="1:7" x14ac:dyDescent="0.3">
      <c r="A81246" s="13" t="s">
        <v>412</v>
      </c>
      <c r="B81246" s="14" t="s">
        <v>1</v>
      </c>
      <c r="C81246" s="14" t="s">
        <v>413</v>
      </c>
      <c r="D81246" s="14" t="s">
        <v>207</v>
      </c>
      <c r="E81246" s="15">
        <v>45592</v>
      </c>
      <c r="F81246" s="14" t="s">
        <v>53</v>
      </c>
      <c r="G81246" s="16">
        <v>0.6692175393282852</v>
      </c>
    </row>
    <row r="81247" spans="1:7" x14ac:dyDescent="0.3">
      <c r="A81247" s="13" t="s">
        <v>412</v>
      </c>
      <c r="B81247" s="14" t="s">
        <v>1</v>
      </c>
      <c r="C81247" s="14" t="s">
        <v>413</v>
      </c>
      <c r="D81247" s="14" t="s">
        <v>207</v>
      </c>
      <c r="E81247" s="15">
        <v>45593</v>
      </c>
      <c r="F81247" s="14" t="s">
        <v>53</v>
      </c>
      <c r="G81247" s="16">
        <v>0.6692175393282852</v>
      </c>
    </row>
    <row r="81248" spans="1:7" x14ac:dyDescent="0.3">
      <c r="A81248" s="13" t="s">
        <v>412</v>
      </c>
      <c r="B81248" s="14" t="s">
        <v>1</v>
      </c>
      <c r="C81248" s="14" t="s">
        <v>413</v>
      </c>
      <c r="D81248" s="14" t="s">
        <v>207</v>
      </c>
      <c r="E81248" s="15">
        <v>45594</v>
      </c>
      <c r="F81248" s="14" t="s">
        <v>53</v>
      </c>
      <c r="G81248" s="16">
        <v>0.66725131023702533</v>
      </c>
    </row>
    <row r="81249" spans="1:7" x14ac:dyDescent="0.3">
      <c r="A81249" s="13" t="s">
        <v>412</v>
      </c>
      <c r="B81249" s="14" t="s">
        <v>1</v>
      </c>
      <c r="C81249" s="14" t="s">
        <v>413</v>
      </c>
      <c r="D81249" s="14" t="s">
        <v>207</v>
      </c>
      <c r="E81249" s="15">
        <v>45595</v>
      </c>
      <c r="F81249" s="14" t="s">
        <v>53</v>
      </c>
      <c r="G81249" s="16">
        <v>0.65954805699558061</v>
      </c>
    </row>
    <row r="81250" spans="1:7" x14ac:dyDescent="0.3">
      <c r="A81250" s="13" t="s">
        <v>412</v>
      </c>
      <c r="B81250" s="14" t="s">
        <v>1</v>
      </c>
      <c r="C81250" s="14" t="s">
        <v>413</v>
      </c>
      <c r="D81250" s="14" t="s">
        <v>207</v>
      </c>
      <c r="E81250" s="15">
        <v>45596</v>
      </c>
      <c r="F81250" s="14" t="s">
        <v>53</v>
      </c>
      <c r="G81250" s="16">
        <v>0.65688817945002298</v>
      </c>
    </row>
    <row r="81251" spans="1:7" x14ac:dyDescent="0.3">
      <c r="A81251" s="13" t="s">
        <v>412</v>
      </c>
      <c r="B81251" s="14" t="s">
        <v>1</v>
      </c>
      <c r="C81251" s="14" t="s">
        <v>413</v>
      </c>
      <c r="D81251" s="14" t="s">
        <v>207</v>
      </c>
      <c r="E81251" s="15">
        <v>45597</v>
      </c>
      <c r="F81251" s="14" t="s">
        <v>53</v>
      </c>
      <c r="G81251" s="16">
        <v>0.66276410884875236</v>
      </c>
    </row>
    <row r="81252" spans="1:7" x14ac:dyDescent="0.3">
      <c r="A81252" s="13" t="s">
        <v>412</v>
      </c>
      <c r="B81252" s="14" t="s">
        <v>1</v>
      </c>
      <c r="C81252" s="14" t="s">
        <v>413</v>
      </c>
      <c r="D81252" s="14" t="s">
        <v>207</v>
      </c>
      <c r="E81252" s="15">
        <v>45598</v>
      </c>
      <c r="F81252" s="14" t="s">
        <v>53</v>
      </c>
      <c r="G81252" s="16">
        <v>0.66276410884875236</v>
      </c>
    </row>
    <row r="81253" spans="1:7" x14ac:dyDescent="0.3">
      <c r="A81253" s="13" t="s">
        <v>412</v>
      </c>
      <c r="B81253" s="14" t="s">
        <v>1</v>
      </c>
      <c r="C81253" s="14" t="s">
        <v>413</v>
      </c>
      <c r="D81253" s="14" t="s">
        <v>207</v>
      </c>
      <c r="E81253" s="15">
        <v>45599</v>
      </c>
      <c r="F81253" s="14" t="s">
        <v>53</v>
      </c>
      <c r="G81253" s="16">
        <v>0.66276410884875236</v>
      </c>
    </row>
    <row r="81254" spans="1:7" x14ac:dyDescent="0.3">
      <c r="A81254" s="13" t="s">
        <v>412</v>
      </c>
      <c r="B81254" s="14" t="s">
        <v>1</v>
      </c>
      <c r="C81254" s="14" t="s">
        <v>413</v>
      </c>
      <c r="D81254" s="14" t="s">
        <v>207</v>
      </c>
      <c r="E81254" s="15">
        <v>45600</v>
      </c>
      <c r="F81254" s="14" t="s">
        <v>53</v>
      </c>
      <c r="G81254" s="16">
        <v>0.68458542464974703</v>
      </c>
    </row>
    <row r="81255" spans="1:7" x14ac:dyDescent="0.3">
      <c r="A81255" s="13" t="s">
        <v>412</v>
      </c>
      <c r="B81255" s="14" t="s">
        <v>1</v>
      </c>
      <c r="C81255" s="14" t="s">
        <v>413</v>
      </c>
      <c r="D81255" s="14" t="s">
        <v>207</v>
      </c>
      <c r="E81255" s="15">
        <v>45601</v>
      </c>
      <c r="F81255" s="14" t="s">
        <v>53</v>
      </c>
      <c r="G81255" s="16">
        <v>0.67675152858967902</v>
      </c>
    </row>
    <row r="81256" spans="1:7" x14ac:dyDescent="0.3">
      <c r="A81256" s="13" t="s">
        <v>412</v>
      </c>
      <c r="B81256" s="14" t="s">
        <v>1</v>
      </c>
      <c r="C81256" s="14" t="s">
        <v>413</v>
      </c>
      <c r="D81256" s="14" t="s">
        <v>207</v>
      </c>
      <c r="E81256" s="15">
        <v>45602</v>
      </c>
      <c r="F81256" s="14" t="s">
        <v>53</v>
      </c>
      <c r="G81256" s="16">
        <v>0.67414941791602601</v>
      </c>
    </row>
    <row r="81257" spans="1:7" x14ac:dyDescent="0.3">
      <c r="A81257" s="13" t="s">
        <v>412</v>
      </c>
      <c r="B81257" s="14" t="s">
        <v>1</v>
      </c>
      <c r="C81257" s="14" t="s">
        <v>413</v>
      </c>
      <c r="D81257" s="14" t="s">
        <v>207</v>
      </c>
      <c r="E81257" s="15">
        <v>45603</v>
      </c>
      <c r="F81257" s="14" t="s">
        <v>53</v>
      </c>
      <c r="G81257" s="16">
        <v>0.67153430159131877</v>
      </c>
    </row>
    <row r="81258" spans="1:7" x14ac:dyDescent="0.3">
      <c r="A81258" s="13" t="s">
        <v>412</v>
      </c>
      <c r="B81258" s="14" t="s">
        <v>1</v>
      </c>
      <c r="C81258" s="14" t="s">
        <v>413</v>
      </c>
      <c r="D81258" s="14" t="s">
        <v>207</v>
      </c>
      <c r="E81258" s="15">
        <v>45604</v>
      </c>
      <c r="F81258" s="14" t="s">
        <v>53</v>
      </c>
      <c r="G81258" s="16">
        <v>0.672143578932759</v>
      </c>
    </row>
    <row r="81259" spans="1:7" x14ac:dyDescent="0.3">
      <c r="A81259" s="13" t="s">
        <v>412</v>
      </c>
      <c r="B81259" s="14" t="s">
        <v>1</v>
      </c>
      <c r="C81259" s="14" t="s">
        <v>413</v>
      </c>
      <c r="D81259" s="14" t="s">
        <v>207</v>
      </c>
      <c r="E81259" s="15">
        <v>45605</v>
      </c>
      <c r="F81259" s="14" t="s">
        <v>53</v>
      </c>
      <c r="G81259" s="16">
        <v>0.672143578932759</v>
      </c>
    </row>
    <row r="81260" spans="1:7" x14ac:dyDescent="0.3">
      <c r="A81260" s="13" t="s">
        <v>412</v>
      </c>
      <c r="B81260" s="14" t="s">
        <v>1</v>
      </c>
      <c r="C81260" s="14" t="s">
        <v>413</v>
      </c>
      <c r="D81260" s="14" t="s">
        <v>207</v>
      </c>
      <c r="E81260" s="15">
        <v>45606</v>
      </c>
      <c r="F81260" s="14" t="s">
        <v>53</v>
      </c>
      <c r="G81260" s="16">
        <v>0.672143578932759</v>
      </c>
    </row>
    <row r="81261" spans="1:7" x14ac:dyDescent="0.3">
      <c r="A81261" s="13" t="s">
        <v>412</v>
      </c>
      <c r="B81261" s="14" t="s">
        <v>1</v>
      </c>
      <c r="C81261" s="14" t="s">
        <v>413</v>
      </c>
      <c r="D81261" s="14" t="s">
        <v>207</v>
      </c>
      <c r="E81261" s="15">
        <v>45607</v>
      </c>
      <c r="F81261" s="14" t="s">
        <v>53</v>
      </c>
      <c r="G81261" s="16">
        <v>0.67108201578331239</v>
      </c>
    </row>
    <row r="81262" spans="1:7" x14ac:dyDescent="0.3">
      <c r="A81262" s="13" t="s">
        <v>412</v>
      </c>
      <c r="B81262" s="14" t="s">
        <v>1</v>
      </c>
      <c r="C81262" s="14" t="s">
        <v>413</v>
      </c>
      <c r="D81262" s="14" t="s">
        <v>207</v>
      </c>
      <c r="E81262" s="15">
        <v>45608</v>
      </c>
      <c r="F81262" s="14" t="s">
        <v>53</v>
      </c>
      <c r="G81262" s="16">
        <v>0.6631168009835654</v>
      </c>
    </row>
    <row r="81263" spans="1:7" x14ac:dyDescent="0.3">
      <c r="A81263" s="13" t="s">
        <v>412</v>
      </c>
      <c r="B81263" s="14" t="s">
        <v>1</v>
      </c>
      <c r="C81263" s="14" t="s">
        <v>413</v>
      </c>
      <c r="D81263" s="14" t="s">
        <v>207</v>
      </c>
      <c r="E81263" s="15">
        <v>45609</v>
      </c>
      <c r="F81263" s="14" t="s">
        <v>53</v>
      </c>
      <c r="G81263" s="16">
        <v>0.66045102304505365</v>
      </c>
    </row>
    <row r="81264" spans="1:7" x14ac:dyDescent="0.3">
      <c r="A81264" s="13" t="s">
        <v>412</v>
      </c>
      <c r="B81264" s="14" t="s">
        <v>1</v>
      </c>
      <c r="C81264" s="14" t="s">
        <v>413</v>
      </c>
      <c r="D81264" s="14" t="s">
        <v>207</v>
      </c>
      <c r="E81264" s="15">
        <v>45610</v>
      </c>
      <c r="F81264" s="14" t="s">
        <v>53</v>
      </c>
      <c r="G81264" s="16">
        <v>0.69459079790097822</v>
      </c>
    </row>
    <row r="81265" spans="1:7" x14ac:dyDescent="0.3">
      <c r="A81265" s="13" t="s">
        <v>412</v>
      </c>
      <c r="B81265" s="14" t="s">
        <v>1</v>
      </c>
      <c r="C81265" s="14" t="s">
        <v>413</v>
      </c>
      <c r="D81265" s="14" t="s">
        <v>207</v>
      </c>
      <c r="E81265" s="15">
        <v>45611</v>
      </c>
      <c r="F81265" s="14" t="s">
        <v>53</v>
      </c>
      <c r="G81265" s="16">
        <v>0.7051768491972823</v>
      </c>
    </row>
    <row r="81266" spans="1:7" x14ac:dyDescent="0.3">
      <c r="A81266" s="13" t="s">
        <v>412</v>
      </c>
      <c r="B81266" s="14" t="s">
        <v>1</v>
      </c>
      <c r="C81266" s="14" t="s">
        <v>413</v>
      </c>
      <c r="D81266" s="14" t="s">
        <v>207</v>
      </c>
      <c r="E81266" s="15">
        <v>45612</v>
      </c>
      <c r="F81266" s="14" t="s">
        <v>53</v>
      </c>
      <c r="G81266" s="16">
        <v>0.7051768491972823</v>
      </c>
    </row>
    <row r="81267" spans="1:7" x14ac:dyDescent="0.3">
      <c r="A81267" s="13" t="s">
        <v>412</v>
      </c>
      <c r="B81267" s="14" t="s">
        <v>1</v>
      </c>
      <c r="C81267" s="14" t="s">
        <v>413</v>
      </c>
      <c r="D81267" s="14" t="s">
        <v>207</v>
      </c>
      <c r="E81267" s="15">
        <v>45613</v>
      </c>
      <c r="F81267" s="14" t="s">
        <v>53</v>
      </c>
      <c r="G81267" s="16">
        <v>0.7051768491972823</v>
      </c>
    </row>
    <row r="81268" spans="1:7" x14ac:dyDescent="0.3">
      <c r="A81268" s="13" t="s">
        <v>412</v>
      </c>
      <c r="B81268" s="14" t="s">
        <v>1</v>
      </c>
      <c r="C81268" s="14" t="s">
        <v>413</v>
      </c>
      <c r="D81268" s="14" t="s">
        <v>207</v>
      </c>
      <c r="E81268" s="15">
        <v>45614</v>
      </c>
      <c r="F81268" s="14" t="s">
        <v>53</v>
      </c>
      <c r="G81268" s="16">
        <v>0.70910532523772629</v>
      </c>
    </row>
    <row r="81269" spans="1:7" x14ac:dyDescent="0.3">
      <c r="A81269" s="13" t="s">
        <v>412</v>
      </c>
      <c r="B81269" s="14" t="s">
        <v>1</v>
      </c>
      <c r="C81269" s="14" t="s">
        <v>413</v>
      </c>
      <c r="D81269" s="14" t="s">
        <v>207</v>
      </c>
      <c r="E81269" s="15">
        <v>45615</v>
      </c>
      <c r="F81269" s="14" t="s">
        <v>53</v>
      </c>
      <c r="G81269" s="16">
        <v>0.70658894658701588</v>
      </c>
    </row>
    <row r="81270" spans="1:7" x14ac:dyDescent="0.3">
      <c r="A81270" s="13" t="s">
        <v>412</v>
      </c>
      <c r="B81270" s="14" t="s">
        <v>1</v>
      </c>
      <c r="C81270" s="14" t="s">
        <v>413</v>
      </c>
      <c r="D81270" s="14" t="s">
        <v>207</v>
      </c>
      <c r="E81270" s="15">
        <v>45616</v>
      </c>
      <c r="F81270" s="14" t="s">
        <v>53</v>
      </c>
      <c r="G81270" s="16">
        <v>0.70392023701578144</v>
      </c>
    </row>
    <row r="81271" spans="1:7" x14ac:dyDescent="0.3">
      <c r="A81271" s="13" t="s">
        <v>412</v>
      </c>
      <c r="B81271" s="14" t="s">
        <v>1</v>
      </c>
      <c r="C81271" s="14" t="s">
        <v>413</v>
      </c>
      <c r="D81271" s="14" t="s">
        <v>207</v>
      </c>
      <c r="E81271" s="15">
        <v>45617</v>
      </c>
      <c r="F81271" s="14" t="s">
        <v>53</v>
      </c>
      <c r="G81271" s="16">
        <v>0.70237607592562534</v>
      </c>
    </row>
    <row r="81272" spans="1:7" x14ac:dyDescent="0.3">
      <c r="A81272" s="13" t="s">
        <v>412</v>
      </c>
      <c r="B81272" s="14" t="s">
        <v>1</v>
      </c>
      <c r="C81272" s="14" t="s">
        <v>413</v>
      </c>
      <c r="D81272" s="14" t="s">
        <v>207</v>
      </c>
      <c r="E81272" s="15">
        <v>45618</v>
      </c>
      <c r="F81272" s="14" t="s">
        <v>53</v>
      </c>
      <c r="G81272" s="16">
        <v>0.70527731105118585</v>
      </c>
    </row>
    <row r="81273" spans="1:7" x14ac:dyDescent="0.3">
      <c r="A81273" s="13" t="s">
        <v>412</v>
      </c>
      <c r="B81273" s="14" t="s">
        <v>1</v>
      </c>
      <c r="C81273" s="14" t="s">
        <v>413</v>
      </c>
      <c r="D81273" s="14" t="s">
        <v>207</v>
      </c>
      <c r="E81273" s="15">
        <v>45619</v>
      </c>
      <c r="F81273" s="14" t="s">
        <v>53</v>
      </c>
      <c r="G81273" s="16">
        <v>0.70527731105118585</v>
      </c>
    </row>
    <row r="81274" spans="1:7" x14ac:dyDescent="0.3">
      <c r="A81274" s="13" t="s">
        <v>412</v>
      </c>
      <c r="B81274" s="14" t="s">
        <v>1</v>
      </c>
      <c r="C81274" s="14" t="s">
        <v>413</v>
      </c>
      <c r="D81274" s="14" t="s">
        <v>207</v>
      </c>
      <c r="E81274" s="15">
        <v>45620</v>
      </c>
      <c r="F81274" s="14" t="s">
        <v>53</v>
      </c>
      <c r="G81274" s="16">
        <v>0.70527731105118585</v>
      </c>
    </row>
    <row r="81275" spans="1:7" x14ac:dyDescent="0.3">
      <c r="A81275" s="13" t="s">
        <v>412</v>
      </c>
      <c r="B81275" s="14" t="s">
        <v>1</v>
      </c>
      <c r="C81275" s="14" t="s">
        <v>413</v>
      </c>
      <c r="D81275" s="14" t="s">
        <v>207</v>
      </c>
      <c r="E81275" s="15">
        <v>45621</v>
      </c>
      <c r="F81275" s="14" t="s">
        <v>53</v>
      </c>
      <c r="G81275" s="16">
        <v>0.70259308741276449</v>
      </c>
    </row>
    <row r="81276" spans="1:7" x14ac:dyDescent="0.3">
      <c r="A81276" s="13" t="s">
        <v>412</v>
      </c>
      <c r="B81276" s="14" t="s">
        <v>1</v>
      </c>
      <c r="C81276" s="14" t="s">
        <v>413</v>
      </c>
      <c r="D81276" s="14" t="s">
        <v>207</v>
      </c>
      <c r="E81276" s="15">
        <v>45622</v>
      </c>
      <c r="F81276" s="14" t="s">
        <v>53</v>
      </c>
      <c r="G81276" s="16">
        <v>0.69452401778909301</v>
      </c>
    </row>
    <row r="81277" spans="1:7" x14ac:dyDescent="0.3">
      <c r="A81277" s="13" t="s">
        <v>412</v>
      </c>
      <c r="B81277" s="14" t="s">
        <v>1</v>
      </c>
      <c r="C81277" s="14" t="s">
        <v>413</v>
      </c>
      <c r="D81277" s="14" t="s">
        <v>207</v>
      </c>
      <c r="E81277" s="15">
        <v>45623</v>
      </c>
      <c r="F81277" s="14" t="s">
        <v>53</v>
      </c>
      <c r="G81277" s="16">
        <v>0.6996496624450026</v>
      </c>
    </row>
    <row r="81278" spans="1:7" x14ac:dyDescent="0.3">
      <c r="A81278" s="13" t="s">
        <v>412</v>
      </c>
      <c r="B81278" s="14" t="s">
        <v>1</v>
      </c>
      <c r="C81278" s="14" t="s">
        <v>413</v>
      </c>
      <c r="D81278" s="14" t="s">
        <v>207</v>
      </c>
      <c r="E81278" s="15">
        <v>45624</v>
      </c>
      <c r="F81278" s="14" t="s">
        <v>53</v>
      </c>
      <c r="G81278" s="16">
        <v>0.70322644948243651</v>
      </c>
    </row>
    <row r="81279" spans="1:7" x14ac:dyDescent="0.3">
      <c r="A81279" s="13" t="s">
        <v>412</v>
      </c>
      <c r="B81279" s="14" t="s">
        <v>1</v>
      </c>
      <c r="C81279" s="14" t="s">
        <v>413</v>
      </c>
      <c r="D81279" s="14" t="s">
        <v>207</v>
      </c>
      <c r="E81279" s="15">
        <v>45625</v>
      </c>
      <c r="F81279" s="14" t="s">
        <v>53</v>
      </c>
      <c r="G81279" s="16">
        <v>0.7005674892372602</v>
      </c>
    </row>
    <row r="81280" spans="1:7" x14ac:dyDescent="0.3">
      <c r="A81280" s="13" t="s">
        <v>412</v>
      </c>
      <c r="B81280" s="14" t="s">
        <v>1</v>
      </c>
      <c r="C81280" s="14" t="s">
        <v>413</v>
      </c>
      <c r="D81280" s="14" t="s">
        <v>207</v>
      </c>
      <c r="E81280" s="15">
        <v>45626</v>
      </c>
      <c r="F81280" s="14" t="s">
        <v>53</v>
      </c>
      <c r="G81280" s="16">
        <v>0.7005674892372602</v>
      </c>
    </row>
    <row r="81281" spans="1:7" x14ac:dyDescent="0.3">
      <c r="A81281" s="13" t="s">
        <v>412</v>
      </c>
      <c r="B81281" s="14" t="s">
        <v>1</v>
      </c>
      <c r="C81281" s="14" t="s">
        <v>413</v>
      </c>
      <c r="D81281" s="14" t="s">
        <v>207</v>
      </c>
      <c r="E81281" s="15">
        <v>45627</v>
      </c>
      <c r="F81281" s="14" t="s">
        <v>53</v>
      </c>
      <c r="G81281" s="16">
        <v>0.7005674892372602</v>
      </c>
    </row>
    <row r="81282" spans="1:7" x14ac:dyDescent="0.3">
      <c r="A81282" s="13" t="s">
        <v>412</v>
      </c>
      <c r="B81282" s="14" t="s">
        <v>1</v>
      </c>
      <c r="C81282" s="14" t="s">
        <v>413</v>
      </c>
      <c r="D81282" s="14" t="s">
        <v>207</v>
      </c>
      <c r="E81282" s="15">
        <v>45628</v>
      </c>
      <c r="F81282" s="14" t="s">
        <v>53</v>
      </c>
      <c r="G81282" s="16">
        <v>0.70215862534222839</v>
      </c>
    </row>
    <row r="81283" spans="1:7" x14ac:dyDescent="0.3">
      <c r="A81283" s="13" t="s">
        <v>412</v>
      </c>
      <c r="B81283" s="14" t="s">
        <v>1</v>
      </c>
      <c r="C81283" s="14" t="s">
        <v>413</v>
      </c>
      <c r="D81283" s="14" t="s">
        <v>207</v>
      </c>
      <c r="E81283" s="15">
        <v>45629</v>
      </c>
      <c r="F81283" s="14" t="s">
        <v>53</v>
      </c>
      <c r="G81283" s="16">
        <v>0.72512585377212679</v>
      </c>
    </row>
    <row r="81284" spans="1:7" x14ac:dyDescent="0.3">
      <c r="A81284" s="13" t="s">
        <v>412</v>
      </c>
      <c r="B81284" s="14" t="s">
        <v>1</v>
      </c>
      <c r="C81284" s="14" t="s">
        <v>413</v>
      </c>
      <c r="D81284" s="14" t="s">
        <v>207</v>
      </c>
      <c r="E81284" s="15">
        <v>45630</v>
      </c>
      <c r="F81284" s="14" t="s">
        <v>53</v>
      </c>
      <c r="G81284" s="16">
        <v>0.72290035011217557</v>
      </c>
    </row>
    <row r="81285" spans="1:7" x14ac:dyDescent="0.3">
      <c r="A81285" s="13" t="s">
        <v>412</v>
      </c>
      <c r="B81285" s="14" t="s">
        <v>1</v>
      </c>
      <c r="C81285" s="14" t="s">
        <v>413</v>
      </c>
      <c r="D81285" s="14" t="s">
        <v>207</v>
      </c>
      <c r="E81285" s="15">
        <v>45631</v>
      </c>
      <c r="F81285" s="14" t="s">
        <v>53</v>
      </c>
      <c r="G81285" s="16">
        <v>0.72017449607830197</v>
      </c>
    </row>
    <row r="81286" spans="1:7" x14ac:dyDescent="0.3">
      <c r="A81286" s="13" t="s">
        <v>412</v>
      </c>
      <c r="B81286" s="14" t="s">
        <v>1</v>
      </c>
      <c r="C81286" s="14" t="s">
        <v>413</v>
      </c>
      <c r="D81286" s="14" t="s">
        <v>207</v>
      </c>
      <c r="E81286" s="15">
        <v>45632</v>
      </c>
      <c r="F81286" s="14" t="s">
        <v>53</v>
      </c>
      <c r="G81286" s="16">
        <v>0.72248443768356418</v>
      </c>
    </row>
    <row r="81287" spans="1:7" x14ac:dyDescent="0.3">
      <c r="A81287" s="13" t="s">
        <v>412</v>
      </c>
      <c r="B81287" s="14" t="s">
        <v>1</v>
      </c>
      <c r="C81287" s="14" t="s">
        <v>413</v>
      </c>
      <c r="D81287" s="14" t="s">
        <v>207</v>
      </c>
      <c r="E81287" s="15">
        <v>45633</v>
      </c>
      <c r="F81287" s="14" t="s">
        <v>53</v>
      </c>
      <c r="G81287" s="16">
        <v>0.72248443768356418</v>
      </c>
    </row>
    <row r="81288" spans="1:7" x14ac:dyDescent="0.3">
      <c r="A81288" s="13" t="s">
        <v>412</v>
      </c>
      <c r="B81288" s="14" t="s">
        <v>1</v>
      </c>
      <c r="C81288" s="14" t="s">
        <v>413</v>
      </c>
      <c r="D81288" s="14" t="s">
        <v>207</v>
      </c>
      <c r="E81288" s="15">
        <v>45634</v>
      </c>
      <c r="F81288" s="14" t="s">
        <v>53</v>
      </c>
      <c r="G81288" s="16">
        <v>0.72248443768356418</v>
      </c>
    </row>
    <row r="81289" spans="1:7" x14ac:dyDescent="0.3">
      <c r="A81289" s="13" t="s">
        <v>412</v>
      </c>
      <c r="B81289" s="14" t="s">
        <v>1</v>
      </c>
      <c r="C81289" s="14" t="s">
        <v>413</v>
      </c>
      <c r="D81289" s="14" t="s">
        <v>207</v>
      </c>
      <c r="E81289" s="15">
        <v>45635</v>
      </c>
      <c r="F81289" s="14" t="s">
        <v>53</v>
      </c>
      <c r="G81289" s="16">
        <v>0.73891206372602714</v>
      </c>
    </row>
    <row r="81290" spans="1:7" x14ac:dyDescent="0.3">
      <c r="A81290" s="13" t="s">
        <v>412</v>
      </c>
      <c r="B81290" s="14" t="s">
        <v>1</v>
      </c>
      <c r="C81290" s="14" t="s">
        <v>413</v>
      </c>
      <c r="D81290" s="14" t="s">
        <v>207</v>
      </c>
      <c r="E81290" s="15">
        <v>45636</v>
      </c>
      <c r="F81290" s="14" t="s">
        <v>53</v>
      </c>
      <c r="G81290" s="16">
        <v>0.7452530043002803</v>
      </c>
    </row>
    <row r="81291" spans="1:7" x14ac:dyDescent="0.3">
      <c r="A81291" s="13" t="s">
        <v>412</v>
      </c>
      <c r="B81291" s="14" t="s">
        <v>1</v>
      </c>
      <c r="C81291" s="14" t="s">
        <v>413</v>
      </c>
      <c r="D81291" s="14" t="s">
        <v>207</v>
      </c>
      <c r="E81291" s="15">
        <v>45637</v>
      </c>
      <c r="F81291" s="14" t="s">
        <v>53</v>
      </c>
      <c r="G81291" s="16">
        <v>0.74254194718617783</v>
      </c>
    </row>
    <row r="81292" spans="1:7" x14ac:dyDescent="0.3">
      <c r="A81292" s="13" t="s">
        <v>412</v>
      </c>
      <c r="B81292" s="14" t="s">
        <v>1</v>
      </c>
      <c r="C81292" s="14" t="s">
        <v>413</v>
      </c>
      <c r="D81292" s="14" t="s">
        <v>207</v>
      </c>
      <c r="E81292" s="15">
        <v>45638</v>
      </c>
      <c r="F81292" s="14" t="s">
        <v>53</v>
      </c>
      <c r="G81292" s="16">
        <v>0.73983181477286086</v>
      </c>
    </row>
    <row r="81293" spans="1:7" x14ac:dyDescent="0.3">
      <c r="A81293" s="13" t="s">
        <v>412</v>
      </c>
      <c r="B81293" s="14" t="s">
        <v>1</v>
      </c>
      <c r="C81293" s="14" t="s">
        <v>413</v>
      </c>
      <c r="D81293" s="14" t="s">
        <v>207</v>
      </c>
      <c r="E81293" s="15">
        <v>45639</v>
      </c>
      <c r="F81293" s="14" t="s">
        <v>53</v>
      </c>
      <c r="G81293" s="16">
        <v>0.76588295823489716</v>
      </c>
    </row>
    <row r="81294" spans="1:7" x14ac:dyDescent="0.3">
      <c r="A81294" s="13" t="s">
        <v>412</v>
      </c>
      <c r="B81294" s="14" t="s">
        <v>1</v>
      </c>
      <c r="C81294" s="14" t="s">
        <v>413</v>
      </c>
      <c r="D81294" s="14" t="s">
        <v>207</v>
      </c>
      <c r="E81294" s="15">
        <v>45640</v>
      </c>
      <c r="F81294" s="14" t="s">
        <v>53</v>
      </c>
      <c r="G81294" s="16">
        <v>0.76588295823489716</v>
      </c>
    </row>
    <row r="81295" spans="1:7" x14ac:dyDescent="0.3">
      <c r="A81295" s="13" t="s">
        <v>412</v>
      </c>
      <c r="B81295" s="14" t="s">
        <v>1</v>
      </c>
      <c r="C81295" s="14" t="s">
        <v>413</v>
      </c>
      <c r="D81295" s="14" t="s">
        <v>207</v>
      </c>
      <c r="E81295" s="15">
        <v>45641</v>
      </c>
      <c r="F81295" s="14" t="s">
        <v>53</v>
      </c>
      <c r="G81295" s="16">
        <v>0.76588295823489716</v>
      </c>
    </row>
    <row r="81296" spans="1:7" x14ac:dyDescent="0.3">
      <c r="A81296" s="13" t="s">
        <v>412</v>
      </c>
      <c r="B81296" s="14" t="s">
        <v>1</v>
      </c>
      <c r="C81296" s="14" t="s">
        <v>413</v>
      </c>
      <c r="D81296" s="14" t="s">
        <v>207</v>
      </c>
      <c r="E81296" s="15">
        <v>45642</v>
      </c>
      <c r="F81296" s="14" t="s">
        <v>53</v>
      </c>
      <c r="G81296" s="16">
        <v>0.76316085642881404</v>
      </c>
    </row>
    <row r="81297" spans="1:7" x14ac:dyDescent="0.3">
      <c r="A81297" s="13" t="s">
        <v>412</v>
      </c>
      <c r="B81297" s="14" t="s">
        <v>1</v>
      </c>
      <c r="C81297" s="14" t="s">
        <v>413</v>
      </c>
      <c r="D81297" s="14" t="s">
        <v>207</v>
      </c>
      <c r="E81297" s="15">
        <v>45643</v>
      </c>
      <c r="F81297" s="14" t="s">
        <v>53</v>
      </c>
      <c r="G81297" s="16">
        <v>0.75494193711104507</v>
      </c>
    </row>
    <row r="81298" spans="1:7" x14ac:dyDescent="0.3">
      <c r="A81298" s="13" t="s">
        <v>412</v>
      </c>
      <c r="B81298" s="14" t="s">
        <v>1</v>
      </c>
      <c r="C81298" s="14" t="s">
        <v>413</v>
      </c>
      <c r="D81298" s="14" t="s">
        <v>207</v>
      </c>
      <c r="E81298" s="15">
        <v>45644</v>
      </c>
      <c r="F81298" s="14" t="s">
        <v>53</v>
      </c>
      <c r="G81298" s="16">
        <v>0.7875047721466768</v>
      </c>
    </row>
    <row r="81299" spans="1:7" x14ac:dyDescent="0.3">
      <c r="A81299" s="13" t="s">
        <v>412</v>
      </c>
      <c r="B81299" s="14" t="s">
        <v>1</v>
      </c>
      <c r="C81299" s="14" t="s">
        <v>413</v>
      </c>
      <c r="D81299" s="14" t="s">
        <v>207</v>
      </c>
      <c r="E81299" s="15">
        <v>45645</v>
      </c>
      <c r="F81299" s="14" t="s">
        <v>53</v>
      </c>
      <c r="G81299" s="16">
        <v>0.78482530521546146</v>
      </c>
    </row>
    <row r="81300" spans="1:7" x14ac:dyDescent="0.3">
      <c r="A81300" s="13" t="s">
        <v>412</v>
      </c>
      <c r="B81300" s="14" t="s">
        <v>1</v>
      </c>
      <c r="C81300" s="14" t="s">
        <v>413</v>
      </c>
      <c r="D81300" s="14" t="s">
        <v>207</v>
      </c>
      <c r="E81300" s="15">
        <v>45646</v>
      </c>
      <c r="F81300" s="14" t="s">
        <v>53</v>
      </c>
      <c r="G81300" s="16">
        <v>0.78219155395560902</v>
      </c>
    </row>
    <row r="81301" spans="1:7" x14ac:dyDescent="0.3">
      <c r="A81301" s="13" t="s">
        <v>412</v>
      </c>
      <c r="B81301" s="14" t="s">
        <v>1</v>
      </c>
      <c r="C81301" s="14" t="s">
        <v>413</v>
      </c>
      <c r="D81301" s="14" t="s">
        <v>207</v>
      </c>
      <c r="E81301" s="15">
        <v>45647</v>
      </c>
      <c r="F81301" s="14" t="s">
        <v>53</v>
      </c>
      <c r="G81301" s="16">
        <v>0.78219155395560902</v>
      </c>
    </row>
    <row r="81302" spans="1:7" x14ac:dyDescent="0.3">
      <c r="A81302" s="13" t="s">
        <v>412</v>
      </c>
      <c r="B81302" s="14" t="s">
        <v>1</v>
      </c>
      <c r="C81302" s="14" t="s">
        <v>413</v>
      </c>
      <c r="D81302" s="14" t="s">
        <v>207</v>
      </c>
      <c r="E81302" s="15">
        <v>45648</v>
      </c>
      <c r="F81302" s="14" t="s">
        <v>53</v>
      </c>
      <c r="G81302" s="16">
        <v>0.78219155395560902</v>
      </c>
    </row>
    <row r="81303" spans="1:7" x14ac:dyDescent="0.3">
      <c r="A81303" s="13" t="s">
        <v>412</v>
      </c>
      <c r="B81303" s="14" t="s">
        <v>1</v>
      </c>
      <c r="C81303" s="14" t="s">
        <v>413</v>
      </c>
      <c r="D81303" s="14" t="s">
        <v>207</v>
      </c>
      <c r="E81303" s="15">
        <v>45649</v>
      </c>
      <c r="F81303" s="14" t="s">
        <v>53</v>
      </c>
      <c r="G81303" s="16">
        <v>0.77955274915428197</v>
      </c>
    </row>
    <row r="81304" spans="1:7" x14ac:dyDescent="0.3">
      <c r="A81304" s="13" t="s">
        <v>412</v>
      </c>
      <c r="B81304" s="14" t="s">
        <v>1</v>
      </c>
      <c r="C81304" s="14" t="s">
        <v>413</v>
      </c>
      <c r="D81304" s="14" t="s">
        <v>207</v>
      </c>
      <c r="E81304" s="15">
        <v>45650</v>
      </c>
      <c r="F81304" s="14" t="s">
        <v>53</v>
      </c>
      <c r="G81304" s="16">
        <v>0.78319311500441768</v>
      </c>
    </row>
    <row r="81305" spans="1:7" x14ac:dyDescent="0.3">
      <c r="A81305" s="13" t="s">
        <v>412</v>
      </c>
      <c r="B81305" s="14" t="s">
        <v>1</v>
      </c>
      <c r="C81305" s="14" t="s">
        <v>413</v>
      </c>
      <c r="D81305" s="14" t="s">
        <v>207</v>
      </c>
      <c r="E81305" s="15">
        <v>45651</v>
      </c>
      <c r="F81305" s="14" t="s">
        <v>53</v>
      </c>
      <c r="G81305" s="16">
        <v>0.78319311500441768</v>
      </c>
    </row>
    <row r="81306" spans="1:7" x14ac:dyDescent="0.3">
      <c r="A81306" s="13" t="s">
        <v>412</v>
      </c>
      <c r="B81306" s="14" t="s">
        <v>1</v>
      </c>
      <c r="C81306" s="14" t="s">
        <v>413</v>
      </c>
      <c r="D81306" s="14" t="s">
        <v>207</v>
      </c>
      <c r="E81306" s="15">
        <v>45652</v>
      </c>
      <c r="F81306" s="14" t="s">
        <v>53</v>
      </c>
      <c r="G81306" s="16">
        <v>0.78319311500441768</v>
      </c>
    </row>
    <row r="81307" spans="1:7" x14ac:dyDescent="0.3">
      <c r="A81307" s="13" t="s">
        <v>412</v>
      </c>
      <c r="B81307" s="14" t="s">
        <v>1</v>
      </c>
      <c r="C81307" s="14" t="s">
        <v>413</v>
      </c>
      <c r="D81307" s="14" t="s">
        <v>207</v>
      </c>
      <c r="E81307" s="15">
        <v>45653</v>
      </c>
      <c r="F81307" s="14" t="s">
        <v>53</v>
      </c>
      <c r="G81307" s="16">
        <v>0.78319311500441768</v>
      </c>
    </row>
    <row r="81308" spans="1:7" x14ac:dyDescent="0.3">
      <c r="A81308" s="13" t="s">
        <v>412</v>
      </c>
      <c r="B81308" s="14" t="s">
        <v>1</v>
      </c>
      <c r="C81308" s="14" t="s">
        <v>413</v>
      </c>
      <c r="D81308" s="14" t="s">
        <v>207</v>
      </c>
      <c r="E81308" s="15">
        <v>45654</v>
      </c>
      <c r="F81308" s="14" t="s">
        <v>53</v>
      </c>
      <c r="G81308" s="16">
        <v>0.78319311500441768</v>
      </c>
    </row>
    <row r="81309" spans="1:7" x14ac:dyDescent="0.3">
      <c r="A81309" s="13" t="s">
        <v>412</v>
      </c>
      <c r="B81309" s="14" t="s">
        <v>1</v>
      </c>
      <c r="C81309" s="14" t="s">
        <v>413</v>
      </c>
      <c r="D81309" s="14" t="s">
        <v>207</v>
      </c>
      <c r="E81309" s="15">
        <v>45655</v>
      </c>
      <c r="F81309" s="14" t="s">
        <v>53</v>
      </c>
      <c r="G81309" s="16">
        <v>0.78319311500441768</v>
      </c>
    </row>
    <row r="81310" spans="1:7" x14ac:dyDescent="0.3">
      <c r="A81310" s="13" t="s">
        <v>412</v>
      </c>
      <c r="B81310" s="14" t="s">
        <v>1</v>
      </c>
      <c r="C81310" s="14" t="s">
        <v>413</v>
      </c>
      <c r="D81310" s="14" t="s">
        <v>207</v>
      </c>
      <c r="E81310" s="15">
        <v>45656</v>
      </c>
      <c r="F81310" s="14" t="s">
        <v>53</v>
      </c>
      <c r="G81310" s="16">
        <v>0.78051259295154363</v>
      </c>
    </row>
    <row r="81311" spans="1:7" x14ac:dyDescent="0.3">
      <c r="A81311" s="13" t="s">
        <v>412</v>
      </c>
      <c r="B81311" s="14" t="s">
        <v>1</v>
      </c>
      <c r="C81311" s="14" t="s">
        <v>413</v>
      </c>
      <c r="D81311" s="14" t="s">
        <v>207</v>
      </c>
      <c r="E81311" s="15">
        <v>45657</v>
      </c>
      <c r="F81311" s="14" t="s">
        <v>53</v>
      </c>
      <c r="G81311" s="16">
        <v>0.83667189241591455</v>
      </c>
    </row>
    <row r="81312" spans="1:7" x14ac:dyDescent="0.3">
      <c r="A81312" s="13" t="s">
        <v>412</v>
      </c>
      <c r="B81312" s="14" t="s">
        <v>1</v>
      </c>
      <c r="C81312" s="14" t="s">
        <v>413</v>
      </c>
      <c r="D81312" s="14" t="s">
        <v>207</v>
      </c>
      <c r="E81312" s="15">
        <v>45658</v>
      </c>
      <c r="F81312" s="14" t="s">
        <v>53</v>
      </c>
      <c r="G81312" s="16">
        <v>0.83667189241591455</v>
      </c>
    </row>
    <row r="81313" spans="1:7" x14ac:dyDescent="0.3">
      <c r="A81313" s="13" t="s">
        <v>412</v>
      </c>
      <c r="B81313" s="14" t="s">
        <v>1</v>
      </c>
      <c r="C81313" s="14" t="s">
        <v>413</v>
      </c>
      <c r="D81313" s="14" t="s">
        <v>207</v>
      </c>
      <c r="E81313" s="15">
        <v>45659</v>
      </c>
      <c r="F81313" s="14" t="s">
        <v>53</v>
      </c>
      <c r="G81313" s="16">
        <v>0.8339996678459225</v>
      </c>
    </row>
    <row r="81314" spans="1:7" x14ac:dyDescent="0.3">
      <c r="A81314" s="13" t="s">
        <v>412</v>
      </c>
      <c r="B81314" s="14" t="s">
        <v>1</v>
      </c>
      <c r="C81314" s="14" t="s">
        <v>413</v>
      </c>
      <c r="D81314" s="14" t="s">
        <v>207</v>
      </c>
      <c r="E81314" s="15">
        <v>45660</v>
      </c>
      <c r="F81314" s="14" t="s">
        <v>53</v>
      </c>
      <c r="G81314" s="16">
        <v>0.86147450207600829</v>
      </c>
    </row>
    <row r="81315" spans="1:7" x14ac:dyDescent="0.3">
      <c r="A81315" s="13" t="s">
        <v>412</v>
      </c>
      <c r="B81315" s="14" t="s">
        <v>1</v>
      </c>
      <c r="C81315" s="14" t="s">
        <v>413</v>
      </c>
      <c r="D81315" s="14" t="s">
        <v>207</v>
      </c>
      <c r="E81315" s="15">
        <v>45661</v>
      </c>
      <c r="F81315" s="14" t="s">
        <v>53</v>
      </c>
      <c r="G81315" s="16">
        <v>0.86147450207600829</v>
      </c>
    </row>
    <row r="81316" spans="1:7" x14ac:dyDescent="0.3">
      <c r="A81316" s="13" t="s">
        <v>412</v>
      </c>
      <c r="B81316" s="14" t="s">
        <v>1</v>
      </c>
      <c r="C81316" s="14" t="s">
        <v>413</v>
      </c>
      <c r="D81316" s="14" t="s">
        <v>207</v>
      </c>
      <c r="E81316" s="15">
        <v>45662</v>
      </c>
      <c r="F81316" s="14" t="s">
        <v>53</v>
      </c>
      <c r="G81316" s="16">
        <v>0.86147450207600829</v>
      </c>
    </row>
    <row r="81317" spans="1:7" x14ac:dyDescent="0.3">
      <c r="A81317" s="13" t="s">
        <v>412</v>
      </c>
      <c r="B81317" s="14" t="s">
        <v>1</v>
      </c>
      <c r="C81317" s="14" t="s">
        <v>413</v>
      </c>
      <c r="D81317" s="14" t="s">
        <v>207</v>
      </c>
      <c r="E81317" s="15">
        <v>45663</v>
      </c>
      <c r="F81317" s="14" t="s">
        <v>53</v>
      </c>
      <c r="G81317" s="16">
        <v>0.87911752459463288</v>
      </c>
    </row>
    <row r="81318" spans="1:7" x14ac:dyDescent="0.3">
      <c r="A81318" s="13" t="s">
        <v>412</v>
      </c>
      <c r="B81318" s="14" t="s">
        <v>1</v>
      </c>
      <c r="C81318" s="14" t="s">
        <v>413</v>
      </c>
      <c r="D81318" s="14" t="s">
        <v>207</v>
      </c>
      <c r="E81318" s="15">
        <v>45664</v>
      </c>
      <c r="F81318" s="14" t="s">
        <v>53</v>
      </c>
      <c r="G81318" s="16">
        <v>0.87864710590933637</v>
      </c>
    </row>
    <row r="81319" spans="1:7" x14ac:dyDescent="0.3">
      <c r="A81319" s="13" t="s">
        <v>412</v>
      </c>
      <c r="B81319" s="14" t="s">
        <v>1</v>
      </c>
      <c r="C81319" s="14" t="s">
        <v>413</v>
      </c>
      <c r="D81319" s="14" t="s">
        <v>207</v>
      </c>
      <c r="E81319" s="15">
        <v>45665</v>
      </c>
      <c r="F81319" s="14" t="s">
        <v>53</v>
      </c>
      <c r="G81319" s="16">
        <v>0.87593260763209291</v>
      </c>
    </row>
    <row r="81320" spans="1:7" x14ac:dyDescent="0.3">
      <c r="A81320" s="13" t="s">
        <v>412</v>
      </c>
      <c r="B81320" s="14" t="s">
        <v>1</v>
      </c>
      <c r="C81320" s="14" t="s">
        <v>413</v>
      </c>
      <c r="D81320" s="14" t="s">
        <v>207</v>
      </c>
      <c r="E81320" s="15">
        <v>45666</v>
      </c>
      <c r="F81320" s="14" t="s">
        <v>53</v>
      </c>
      <c r="G81320" s="16">
        <v>0.8732359702667174</v>
      </c>
    </row>
    <row r="81321" spans="1:7" x14ac:dyDescent="0.3">
      <c r="A81321" s="13" t="s">
        <v>412</v>
      </c>
      <c r="B81321" s="14" t="s">
        <v>1</v>
      </c>
      <c r="C81321" s="14" t="s">
        <v>413</v>
      </c>
      <c r="D81321" s="14" t="s">
        <v>207</v>
      </c>
      <c r="E81321" s="15">
        <v>45667</v>
      </c>
      <c r="F81321" s="14" t="s">
        <v>53</v>
      </c>
      <c r="G81321" s="16">
        <v>0.87323701862213798</v>
      </c>
    </row>
    <row r="81322" spans="1:7" x14ac:dyDescent="0.3">
      <c r="A81322" s="13" t="s">
        <v>412</v>
      </c>
      <c r="B81322" s="14" t="s">
        <v>1</v>
      </c>
      <c r="C81322" s="14" t="s">
        <v>413</v>
      </c>
      <c r="D81322" s="14" t="s">
        <v>207</v>
      </c>
      <c r="E81322" s="15">
        <v>45668</v>
      </c>
      <c r="F81322" s="14" t="s">
        <v>53</v>
      </c>
      <c r="G81322" s="16">
        <v>0.87323701862213798</v>
      </c>
    </row>
    <row r="81323" spans="1:7" x14ac:dyDescent="0.3">
      <c r="A81323" s="13" t="s">
        <v>412</v>
      </c>
      <c r="B81323" s="14" t="s">
        <v>1</v>
      </c>
      <c r="C81323" s="14" t="s">
        <v>413</v>
      </c>
      <c r="D81323" s="14" t="s">
        <v>207</v>
      </c>
      <c r="E81323" s="15">
        <v>45669</v>
      </c>
      <c r="F81323" s="14" t="s">
        <v>53</v>
      </c>
      <c r="G81323" s="16">
        <v>0.87323701862213798</v>
      </c>
    </row>
    <row r="81324" spans="1:7" x14ac:dyDescent="0.3">
      <c r="A81324" s="13" t="s">
        <v>412</v>
      </c>
      <c r="B81324" s="14" t="s">
        <v>1</v>
      </c>
      <c r="C81324" s="14" t="s">
        <v>413</v>
      </c>
      <c r="D81324" s="14" t="s">
        <v>207</v>
      </c>
      <c r="E81324" s="15">
        <v>45670</v>
      </c>
      <c r="F81324" s="14" t="s">
        <v>53</v>
      </c>
      <c r="G81324" s="16">
        <v>0.90156205848902149</v>
      </c>
    </row>
    <row r="81325" spans="1:7" x14ac:dyDescent="0.3">
      <c r="A81325" s="13" t="s">
        <v>412</v>
      </c>
      <c r="B81325" s="14" t="s">
        <v>1</v>
      </c>
      <c r="C81325" s="14" t="s">
        <v>413</v>
      </c>
      <c r="D81325" s="14" t="s">
        <v>207</v>
      </c>
      <c r="E81325" s="15">
        <v>45671</v>
      </c>
      <c r="F81325" s="14" t="s">
        <v>53</v>
      </c>
      <c r="G81325" s="16">
        <v>0.89344032622180825</v>
      </c>
    </row>
    <row r="81326" spans="1:7" x14ac:dyDescent="0.3">
      <c r="A81326" s="13" t="s">
        <v>412</v>
      </c>
      <c r="B81326" s="14" t="s">
        <v>1</v>
      </c>
      <c r="C81326" s="14" t="s">
        <v>413</v>
      </c>
      <c r="D81326" s="14" t="s">
        <v>207</v>
      </c>
      <c r="E81326" s="15">
        <v>45672</v>
      </c>
      <c r="F81326" s="14" t="s">
        <v>53</v>
      </c>
      <c r="G81326" s="16">
        <v>0.89071397525173746</v>
      </c>
    </row>
    <row r="81327" spans="1:7" x14ac:dyDescent="0.3">
      <c r="A81327" s="13" t="s">
        <v>412</v>
      </c>
      <c r="B81327" s="14" t="s">
        <v>1</v>
      </c>
      <c r="C81327" s="14" t="s">
        <v>413</v>
      </c>
      <c r="D81327" s="14" t="s">
        <v>207</v>
      </c>
      <c r="E81327" s="15">
        <v>45673</v>
      </c>
      <c r="F81327" s="14" t="s">
        <v>53</v>
      </c>
      <c r="G81327" s="16">
        <v>0.93140299081912115</v>
      </c>
    </row>
    <row r="81328" spans="1:7" x14ac:dyDescent="0.3">
      <c r="A81328" s="13" t="s">
        <v>412</v>
      </c>
      <c r="B81328" s="14" t="s">
        <v>1</v>
      </c>
      <c r="C81328" s="14" t="s">
        <v>413</v>
      </c>
      <c r="D81328" s="14" t="s">
        <v>207</v>
      </c>
      <c r="E81328" s="15">
        <v>45674</v>
      </c>
      <c r="F81328" s="14" t="s">
        <v>53</v>
      </c>
      <c r="G81328" s="16">
        <v>0.93245332076242404</v>
      </c>
    </row>
    <row r="81329" spans="1:7" x14ac:dyDescent="0.3">
      <c r="A81329" s="13" t="s">
        <v>412</v>
      </c>
      <c r="B81329" s="14" t="s">
        <v>1</v>
      </c>
      <c r="C81329" s="14" t="s">
        <v>413</v>
      </c>
      <c r="D81329" s="14" t="s">
        <v>207</v>
      </c>
      <c r="E81329" s="15">
        <v>45675</v>
      </c>
      <c r="F81329" s="14" t="s">
        <v>53</v>
      </c>
      <c r="G81329" s="16">
        <v>0.93245332076242404</v>
      </c>
    </row>
    <row r="81330" spans="1:7" x14ac:dyDescent="0.3">
      <c r="A81330" s="13" t="s">
        <v>412</v>
      </c>
      <c r="B81330" s="14" t="s">
        <v>1</v>
      </c>
      <c r="C81330" s="14" t="s">
        <v>413</v>
      </c>
      <c r="D81330" s="14" t="s">
        <v>207</v>
      </c>
      <c r="E81330" s="15">
        <v>45676</v>
      </c>
      <c r="F81330" s="14" t="s">
        <v>53</v>
      </c>
      <c r="G81330" s="16">
        <v>0.93245332076242404</v>
      </c>
    </row>
    <row r="81331" spans="1:7" x14ac:dyDescent="0.3">
      <c r="A81331" s="13" t="s">
        <v>412</v>
      </c>
      <c r="B81331" s="14" t="s">
        <v>1</v>
      </c>
      <c r="C81331" s="14" t="s">
        <v>413</v>
      </c>
      <c r="D81331" s="14" t="s">
        <v>207</v>
      </c>
      <c r="E81331" s="15">
        <v>45677</v>
      </c>
      <c r="F81331" s="14" t="s">
        <v>53</v>
      </c>
      <c r="G81331" s="16">
        <v>0.92967999174568505</v>
      </c>
    </row>
    <row r="81332" spans="1:7" x14ac:dyDescent="0.3">
      <c r="A81332" s="13" t="s">
        <v>412</v>
      </c>
      <c r="B81332" s="14" t="s">
        <v>1</v>
      </c>
      <c r="C81332" s="14" t="s">
        <v>413</v>
      </c>
      <c r="D81332" s="14" t="s">
        <v>207</v>
      </c>
      <c r="E81332" s="15">
        <v>45678</v>
      </c>
      <c r="F81332" s="14" t="s">
        <v>53</v>
      </c>
      <c r="G81332" s="16">
        <v>0.92128316528486665</v>
      </c>
    </row>
    <row r="81333" spans="1:7" x14ac:dyDescent="0.3">
      <c r="A81333" s="13" t="s">
        <v>412</v>
      </c>
      <c r="B81333" s="14" t="s">
        <v>1</v>
      </c>
      <c r="C81333" s="14" t="s">
        <v>413</v>
      </c>
      <c r="D81333" s="14" t="s">
        <v>207</v>
      </c>
      <c r="E81333" s="15">
        <v>45679</v>
      </c>
      <c r="F81333" s="14" t="s">
        <v>53</v>
      </c>
      <c r="G81333" s="16">
        <v>0.92106019110873527</v>
      </c>
    </row>
    <row r="81334" spans="1:7" x14ac:dyDescent="0.3">
      <c r="A81334" s="13" t="s">
        <v>412</v>
      </c>
      <c r="B81334" s="14" t="s">
        <v>1</v>
      </c>
      <c r="C81334" s="14" t="s">
        <v>413</v>
      </c>
      <c r="D81334" s="14" t="s">
        <v>207</v>
      </c>
      <c r="E81334" s="15">
        <v>45680</v>
      </c>
      <c r="F81334" s="14" t="s">
        <v>53</v>
      </c>
      <c r="G81334" s="16">
        <v>0.91824818613466108</v>
      </c>
    </row>
    <row r="81335" spans="1:7" x14ac:dyDescent="0.3">
      <c r="A81335" s="13" t="s">
        <v>412</v>
      </c>
      <c r="B81335" s="14" t="s">
        <v>1</v>
      </c>
      <c r="C81335" s="14" t="s">
        <v>413</v>
      </c>
      <c r="D81335" s="14" t="s">
        <v>207</v>
      </c>
      <c r="E81335" s="15">
        <v>45681</v>
      </c>
      <c r="F81335" s="14" t="s">
        <v>53</v>
      </c>
      <c r="G81335" s="16">
        <v>0.94087815253515761</v>
      </c>
    </row>
    <row r="81336" spans="1:7" x14ac:dyDescent="0.3">
      <c r="A81336" s="13" t="s">
        <v>412</v>
      </c>
      <c r="B81336" s="14" t="s">
        <v>1</v>
      </c>
      <c r="C81336" s="14" t="s">
        <v>413</v>
      </c>
      <c r="D81336" s="14" t="s">
        <v>207</v>
      </c>
      <c r="E81336" s="15">
        <v>45682</v>
      </c>
      <c r="F81336" s="14" t="s">
        <v>53</v>
      </c>
      <c r="G81336" s="16">
        <v>0.94087815253515761</v>
      </c>
    </row>
    <row r="81337" spans="1:7" x14ac:dyDescent="0.3">
      <c r="A81337" s="13" t="s">
        <v>412</v>
      </c>
      <c r="B81337" s="14" t="s">
        <v>1</v>
      </c>
      <c r="C81337" s="14" t="s">
        <v>413</v>
      </c>
      <c r="D81337" s="14" t="s">
        <v>207</v>
      </c>
      <c r="E81337" s="15">
        <v>45683</v>
      </c>
      <c r="F81337" s="14" t="s">
        <v>53</v>
      </c>
      <c r="G81337" s="16">
        <v>0.94087815253515761</v>
      </c>
    </row>
    <row r="81338" spans="1:7" x14ac:dyDescent="0.3">
      <c r="A81338" s="13" t="s">
        <v>412</v>
      </c>
      <c r="B81338" s="14" t="s">
        <v>1</v>
      </c>
      <c r="C81338" s="14" t="s">
        <v>413</v>
      </c>
      <c r="D81338" s="14" t="s">
        <v>207</v>
      </c>
      <c r="E81338" s="15">
        <v>45684</v>
      </c>
      <c r="F81338" s="14" t="s">
        <v>53</v>
      </c>
      <c r="G81338" s="16">
        <v>0.94332291855749328</v>
      </c>
    </row>
    <row r="81339" spans="1:7" x14ac:dyDescent="0.3">
      <c r="A81339" s="13" t="s">
        <v>412</v>
      </c>
      <c r="B81339" s="14" t="s">
        <v>1</v>
      </c>
      <c r="C81339" s="14" t="s">
        <v>413</v>
      </c>
      <c r="D81339" s="14" t="s">
        <v>207</v>
      </c>
      <c r="E81339" s="15">
        <v>45685</v>
      </c>
      <c r="F81339" s="14" t="s">
        <v>53</v>
      </c>
      <c r="G81339" s="16">
        <v>0.93509838076222751</v>
      </c>
    </row>
    <row r="81340" spans="1:7" x14ac:dyDescent="0.3">
      <c r="A81340" s="13" t="s">
        <v>412</v>
      </c>
      <c r="B81340" s="14" t="s">
        <v>1</v>
      </c>
      <c r="C81340" s="14" t="s">
        <v>413</v>
      </c>
      <c r="D81340" s="14" t="s">
        <v>207</v>
      </c>
      <c r="E81340" s="15">
        <v>45686</v>
      </c>
      <c r="F81340" s="14" t="s">
        <v>53</v>
      </c>
      <c r="G81340" s="16">
        <v>0.93237795837964199</v>
      </c>
    </row>
    <row r="81341" spans="1:7" x14ac:dyDescent="0.3">
      <c r="A81341" s="13" t="s">
        <v>412</v>
      </c>
      <c r="B81341" s="14" t="s">
        <v>1</v>
      </c>
      <c r="C81341" s="14" t="s">
        <v>413</v>
      </c>
      <c r="D81341" s="14" t="s">
        <v>207</v>
      </c>
      <c r="E81341" s="15">
        <v>45687</v>
      </c>
      <c r="F81341" s="14" t="s">
        <v>53</v>
      </c>
      <c r="G81341" s="16">
        <v>0.93300830408671176</v>
      </c>
    </row>
    <row r="81342" spans="1:7" x14ac:dyDescent="0.3">
      <c r="A81342" s="13" t="s">
        <v>412</v>
      </c>
      <c r="B81342" s="14" t="s">
        <v>1</v>
      </c>
      <c r="C81342" s="14" t="s">
        <v>413</v>
      </c>
      <c r="D81342" s="14" t="s">
        <v>207</v>
      </c>
      <c r="E81342" s="15">
        <v>45688</v>
      </c>
      <c r="F81342" s="14" t="s">
        <v>53</v>
      </c>
      <c r="G81342" s="16">
        <v>0.93032885399701137</v>
      </c>
    </row>
    <row r="81343" spans="1:7" x14ac:dyDescent="0.3">
      <c r="A81343" s="13" t="s">
        <v>412</v>
      </c>
      <c r="B81343" s="14" t="s">
        <v>1</v>
      </c>
      <c r="C81343" s="14" t="s">
        <v>413</v>
      </c>
      <c r="D81343" s="14" t="s">
        <v>207</v>
      </c>
      <c r="E81343" s="15">
        <v>45689</v>
      </c>
      <c r="F81343" s="14" t="s">
        <v>53</v>
      </c>
      <c r="G81343" s="16">
        <v>0.93032885399701137</v>
      </c>
    </row>
    <row r="81344" spans="1:7" x14ac:dyDescent="0.3">
      <c r="A81344" s="13" t="s">
        <v>412</v>
      </c>
      <c r="B81344" s="14" t="s">
        <v>1</v>
      </c>
      <c r="C81344" s="14" t="s">
        <v>413</v>
      </c>
      <c r="D81344" s="14" t="s">
        <v>207</v>
      </c>
      <c r="E81344" s="15">
        <v>45690</v>
      </c>
      <c r="F81344" s="14" t="s">
        <v>53</v>
      </c>
      <c r="G81344" s="16">
        <v>0.93032885399701137</v>
      </c>
    </row>
    <row r="81345" spans="1:7" x14ac:dyDescent="0.3">
      <c r="A81345" s="13" t="s">
        <v>412</v>
      </c>
      <c r="B81345" s="14" t="s">
        <v>1</v>
      </c>
      <c r="C81345" s="14" t="s">
        <v>413</v>
      </c>
      <c r="D81345" s="14" t="s">
        <v>207</v>
      </c>
      <c r="E81345" s="15">
        <v>45691</v>
      </c>
      <c r="F81345" s="14" t="s">
        <v>53</v>
      </c>
      <c r="G81345" s="16">
        <v>0.93032885399701137</v>
      </c>
    </row>
    <row r="81346" spans="1:7" x14ac:dyDescent="0.3">
      <c r="A81346" s="13" t="s">
        <v>412</v>
      </c>
      <c r="B81346" s="14" t="s">
        <v>1</v>
      </c>
      <c r="C81346" s="14" t="s">
        <v>413</v>
      </c>
      <c r="D81346" s="14" t="s">
        <v>207</v>
      </c>
      <c r="E81346" s="15">
        <v>45692</v>
      </c>
      <c r="F81346" s="14" t="s">
        <v>53</v>
      </c>
      <c r="G81346" s="16">
        <v>0.93395213809052124</v>
      </c>
    </row>
    <row r="81347" spans="1:7" x14ac:dyDescent="0.3">
      <c r="A81347" s="13" t="s">
        <v>412</v>
      </c>
      <c r="B81347" s="14" t="s">
        <v>1</v>
      </c>
      <c r="C81347" s="14" t="s">
        <v>413</v>
      </c>
      <c r="D81347" s="14" t="s">
        <v>207</v>
      </c>
      <c r="E81347" s="15">
        <v>45693</v>
      </c>
      <c r="F81347" s="14" t="s">
        <v>53</v>
      </c>
      <c r="G81347" s="16">
        <v>0.94648663940141886</v>
      </c>
    </row>
    <row r="81348" spans="1:7" x14ac:dyDescent="0.3">
      <c r="A81348" s="13" t="s">
        <v>412</v>
      </c>
      <c r="B81348" s="14" t="s">
        <v>1</v>
      </c>
      <c r="C81348" s="14" t="s">
        <v>413</v>
      </c>
      <c r="D81348" s="14" t="s">
        <v>207</v>
      </c>
      <c r="E81348" s="15">
        <v>45694</v>
      </c>
      <c r="F81348" s="14" t="s">
        <v>53</v>
      </c>
      <c r="G81348" s="16">
        <v>0.94369620095288365</v>
      </c>
    </row>
    <row r="81349" spans="1:7" x14ac:dyDescent="0.3">
      <c r="A81349" s="13" t="s">
        <v>412</v>
      </c>
      <c r="B81349" s="14" t="s">
        <v>1</v>
      </c>
      <c r="C81349" s="14" t="s">
        <v>413</v>
      </c>
      <c r="D81349" s="14" t="s">
        <v>207</v>
      </c>
      <c r="E81349" s="15">
        <v>45695</v>
      </c>
      <c r="F81349" s="14" t="s">
        <v>53</v>
      </c>
      <c r="G81349" s="16">
        <v>0.99234348462270194</v>
      </c>
    </row>
    <row r="81350" spans="1:7" x14ac:dyDescent="0.3">
      <c r="A81350" s="13" t="s">
        <v>412</v>
      </c>
      <c r="B81350" s="14" t="s">
        <v>1</v>
      </c>
      <c r="C81350" s="14" t="s">
        <v>413</v>
      </c>
      <c r="D81350" s="14" t="s">
        <v>207</v>
      </c>
      <c r="E81350" s="15">
        <v>45696</v>
      </c>
      <c r="F81350" s="14" t="s">
        <v>53</v>
      </c>
      <c r="G81350" s="16">
        <v>0.99234348462270194</v>
      </c>
    </row>
    <row r="81351" spans="1:7" x14ac:dyDescent="0.3">
      <c r="A81351" s="13" t="s">
        <v>412</v>
      </c>
      <c r="B81351" s="14" t="s">
        <v>1</v>
      </c>
      <c r="C81351" s="14" t="s">
        <v>413</v>
      </c>
      <c r="D81351" s="14" t="s">
        <v>207</v>
      </c>
      <c r="E81351" s="15">
        <v>45697</v>
      </c>
      <c r="F81351" s="14" t="s">
        <v>53</v>
      </c>
      <c r="G81351" s="16">
        <v>0.99234348462270194</v>
      </c>
    </row>
    <row r="81352" spans="1:7" x14ac:dyDescent="0.3">
      <c r="A81352" s="13" t="s">
        <v>412</v>
      </c>
      <c r="B81352" s="14" t="s">
        <v>1</v>
      </c>
      <c r="C81352" s="14" t="s">
        <v>413</v>
      </c>
      <c r="D81352" s="14" t="s">
        <v>207</v>
      </c>
      <c r="E81352" s="15">
        <v>45698</v>
      </c>
      <c r="F81352" s="14" t="s">
        <v>53</v>
      </c>
      <c r="G81352" s="16">
        <v>0.98951377996377987</v>
      </c>
    </row>
    <row r="81353" spans="1:7" x14ac:dyDescent="0.3">
      <c r="A81353" s="13" t="s">
        <v>412</v>
      </c>
      <c r="B81353" s="14" t="s">
        <v>1</v>
      </c>
      <c r="C81353" s="14" t="s">
        <v>413</v>
      </c>
      <c r="D81353" s="14" t="s">
        <v>207</v>
      </c>
      <c r="E81353" s="15">
        <v>45699</v>
      </c>
      <c r="F81353" s="14" t="s">
        <v>53</v>
      </c>
      <c r="G81353" s="16">
        <v>0.98628106578150376</v>
      </c>
    </row>
    <row r="81354" spans="1:7" x14ac:dyDescent="0.3">
      <c r="A81354" s="13" t="s">
        <v>412</v>
      </c>
      <c r="B81354" s="14" t="s">
        <v>1</v>
      </c>
      <c r="C81354" s="14" t="s">
        <v>413</v>
      </c>
      <c r="D81354" s="14" t="s">
        <v>207</v>
      </c>
      <c r="E81354" s="15">
        <v>45700</v>
      </c>
      <c r="F81354" s="14" t="s">
        <v>53</v>
      </c>
      <c r="G81354" s="16">
        <v>0.98344520129017254</v>
      </c>
    </row>
    <row r="81355" spans="1:7" x14ac:dyDescent="0.3">
      <c r="A81355" s="13" t="s">
        <v>412</v>
      </c>
      <c r="B81355" s="14" t="s">
        <v>1</v>
      </c>
      <c r="C81355" s="14" t="s">
        <v>413</v>
      </c>
      <c r="D81355" s="14" t="s">
        <v>207</v>
      </c>
      <c r="E81355" s="15">
        <v>45701</v>
      </c>
      <c r="F81355" s="14" t="s">
        <v>53</v>
      </c>
      <c r="G81355" s="16">
        <v>1.0185546248279742</v>
      </c>
    </row>
    <row r="81356" spans="1:7" x14ac:dyDescent="0.3">
      <c r="A81356" s="13" t="s">
        <v>412</v>
      </c>
      <c r="B81356" s="14" t="s">
        <v>1</v>
      </c>
      <c r="C81356" s="14" t="s">
        <v>413</v>
      </c>
      <c r="D81356" s="14" t="s">
        <v>207</v>
      </c>
      <c r="E81356" s="15">
        <v>45702</v>
      </c>
      <c r="F81356" s="14" t="s">
        <v>53</v>
      </c>
      <c r="G81356" s="16">
        <v>1.0156410289808062</v>
      </c>
    </row>
    <row r="81357" spans="1:7" x14ac:dyDescent="0.3">
      <c r="A81357" s="13" t="s">
        <v>412</v>
      </c>
      <c r="B81357" s="14" t="s">
        <v>1</v>
      </c>
      <c r="C81357" s="14" t="s">
        <v>413</v>
      </c>
      <c r="D81357" s="14" t="s">
        <v>207</v>
      </c>
      <c r="E81357" s="15">
        <v>45703</v>
      </c>
      <c r="F81357" s="14" t="s">
        <v>53</v>
      </c>
      <c r="G81357" s="16">
        <v>1.0156410289808062</v>
      </c>
    </row>
    <row r="81358" spans="1:7" x14ac:dyDescent="0.3">
      <c r="A81358" s="13" t="s">
        <v>412</v>
      </c>
      <c r="B81358" s="14" t="s">
        <v>1</v>
      </c>
      <c r="C81358" s="14" t="s">
        <v>413</v>
      </c>
      <c r="D81358" s="14" t="s">
        <v>207</v>
      </c>
      <c r="E81358" s="15">
        <v>45704</v>
      </c>
      <c r="F81358" s="14" t="s">
        <v>53</v>
      </c>
      <c r="G81358" s="16">
        <v>1.0156410289808062</v>
      </c>
    </row>
    <row r="81359" spans="1:7" x14ac:dyDescent="0.3">
      <c r="A81359" s="13" t="s">
        <v>412</v>
      </c>
      <c r="B81359" s="14" t="s">
        <v>1</v>
      </c>
      <c r="C81359" s="14" t="s">
        <v>413</v>
      </c>
      <c r="D81359" s="14" t="s">
        <v>207</v>
      </c>
      <c r="E81359" s="15">
        <v>45705</v>
      </c>
      <c r="F81359" s="14" t="s">
        <v>53</v>
      </c>
      <c r="G81359" s="16">
        <v>1.0199491933969842</v>
      </c>
    </row>
    <row r="81360" spans="1:7" x14ac:dyDescent="0.3">
      <c r="A81360" s="13" t="s">
        <v>412</v>
      </c>
      <c r="B81360" s="14" t="s">
        <v>1</v>
      </c>
      <c r="C81360" s="14" t="s">
        <v>413</v>
      </c>
      <c r="D81360" s="14" t="s">
        <v>207</v>
      </c>
      <c r="E81360" s="15">
        <v>45706</v>
      </c>
      <c r="F81360" s="14" t="s">
        <v>53</v>
      </c>
      <c r="G81360" s="16">
        <v>1.0115225722035595</v>
      </c>
    </row>
    <row r="81361" spans="1:7" x14ac:dyDescent="0.3">
      <c r="A81361" s="13" t="s">
        <v>412</v>
      </c>
      <c r="B81361" s="14" t="s">
        <v>1</v>
      </c>
      <c r="C81361" s="14" t="s">
        <v>413</v>
      </c>
      <c r="D81361" s="14" t="s">
        <v>207</v>
      </c>
      <c r="E81361" s="15">
        <v>45707</v>
      </c>
      <c r="F81361" s="14" t="s">
        <v>53</v>
      </c>
      <c r="G81361" s="16">
        <v>1.0256501133546085</v>
      </c>
    </row>
    <row r="81362" spans="1:7" x14ac:dyDescent="0.3">
      <c r="A81362" s="13" t="s">
        <v>412</v>
      </c>
      <c r="B81362" s="14" t="s">
        <v>1</v>
      </c>
      <c r="C81362" s="14" t="s">
        <v>413</v>
      </c>
      <c r="D81362" s="14" t="s">
        <v>207</v>
      </c>
      <c r="E81362" s="15">
        <v>45708</v>
      </c>
      <c r="F81362" s="14" t="s">
        <v>53</v>
      </c>
      <c r="G81362" s="16">
        <v>1.0240517953780921</v>
      </c>
    </row>
    <row r="81363" spans="1:7" x14ac:dyDescent="0.3">
      <c r="A81363" s="13" t="s">
        <v>412</v>
      </c>
      <c r="B81363" s="14" t="s">
        <v>1</v>
      </c>
      <c r="C81363" s="14" t="s">
        <v>413</v>
      </c>
      <c r="D81363" s="14" t="s">
        <v>207</v>
      </c>
      <c r="E81363" s="15">
        <v>45709</v>
      </c>
      <c r="F81363" s="14" t="s">
        <v>53</v>
      </c>
      <c r="G81363" s="16">
        <v>1.026747911420006</v>
      </c>
    </row>
    <row r="81364" spans="1:7" x14ac:dyDescent="0.3">
      <c r="A81364" s="13" t="s">
        <v>412</v>
      </c>
      <c r="B81364" s="14" t="s">
        <v>1</v>
      </c>
      <c r="C81364" s="14" t="s">
        <v>413</v>
      </c>
      <c r="D81364" s="14" t="s">
        <v>207</v>
      </c>
      <c r="E81364" s="15">
        <v>45710</v>
      </c>
      <c r="F81364" s="14" t="s">
        <v>53</v>
      </c>
      <c r="G81364" s="16">
        <v>1.026747911420006</v>
      </c>
    </row>
    <row r="81365" spans="1:7" x14ac:dyDescent="0.3">
      <c r="A81365" s="13" t="s">
        <v>412</v>
      </c>
      <c r="B81365" s="14" t="s">
        <v>1</v>
      </c>
      <c r="C81365" s="14" t="s">
        <v>413</v>
      </c>
      <c r="D81365" s="14" t="s">
        <v>207</v>
      </c>
      <c r="E81365" s="15">
        <v>45711</v>
      </c>
      <c r="F81365" s="14" t="s">
        <v>53</v>
      </c>
      <c r="G81365" s="16">
        <v>1.026747911420006</v>
      </c>
    </row>
    <row r="81366" spans="1:7" x14ac:dyDescent="0.3">
      <c r="A81366" s="13" t="s">
        <v>412</v>
      </c>
      <c r="B81366" s="14" t="s">
        <v>1</v>
      </c>
      <c r="C81366" s="14" t="s">
        <v>413</v>
      </c>
      <c r="D81366" s="14" t="s">
        <v>207</v>
      </c>
      <c r="E81366" s="15">
        <v>45712</v>
      </c>
      <c r="F81366" s="14" t="s">
        <v>53</v>
      </c>
      <c r="G81366" s="16">
        <v>1.0239361461680223</v>
      </c>
    </row>
    <row r="81367" spans="1:7" x14ac:dyDescent="0.3">
      <c r="A81367" s="13" t="s">
        <v>412</v>
      </c>
      <c r="B81367" s="14" t="s">
        <v>1</v>
      </c>
      <c r="C81367" s="14" t="s">
        <v>413</v>
      </c>
      <c r="D81367" s="14" t="s">
        <v>207</v>
      </c>
      <c r="E81367" s="15">
        <v>45713</v>
      </c>
      <c r="F81367" s="14" t="s">
        <v>53</v>
      </c>
      <c r="G81367" s="16">
        <v>1.0155586147658784</v>
      </c>
    </row>
    <row r="81368" spans="1:7" x14ac:dyDescent="0.3">
      <c r="A81368" s="13" t="s">
        <v>412</v>
      </c>
      <c r="B81368" s="14" t="s">
        <v>1</v>
      </c>
      <c r="C81368" s="14" t="s">
        <v>413</v>
      </c>
      <c r="D81368" s="14" t="s">
        <v>207</v>
      </c>
      <c r="E81368" s="15">
        <v>45714</v>
      </c>
      <c r="F81368" s="14" t="s">
        <v>53</v>
      </c>
      <c r="G81368" s="16">
        <v>1.0127723381681604</v>
      </c>
    </row>
    <row r="81369" spans="1:7" x14ac:dyDescent="0.3">
      <c r="A81369" s="13" t="s">
        <v>412</v>
      </c>
      <c r="B81369" s="14" t="s">
        <v>1</v>
      </c>
      <c r="C81369" s="14" t="s">
        <v>413</v>
      </c>
      <c r="D81369" s="14" t="s">
        <v>207</v>
      </c>
      <c r="E81369" s="15">
        <v>45715</v>
      </c>
      <c r="F81369" s="14" t="s">
        <v>53</v>
      </c>
      <c r="G81369" s="16">
        <v>1.0122320113548038</v>
      </c>
    </row>
    <row r="81370" spans="1:7" x14ac:dyDescent="0.3">
      <c r="A81370" s="13" t="s">
        <v>412</v>
      </c>
      <c r="B81370" s="14" t="s">
        <v>1</v>
      </c>
      <c r="C81370" s="14" t="s">
        <v>413</v>
      </c>
      <c r="D81370" s="14" t="s">
        <v>207</v>
      </c>
      <c r="E81370" s="15">
        <v>45716</v>
      </c>
      <c r="F81370" s="14" t="s">
        <v>53</v>
      </c>
      <c r="G81370" s="16">
        <v>1.0109135471320025</v>
      </c>
    </row>
    <row r="81371" spans="1:7" x14ac:dyDescent="0.3">
      <c r="A81371" s="13" t="s">
        <v>412</v>
      </c>
      <c r="B81371" s="14" t="s">
        <v>1</v>
      </c>
      <c r="C81371" s="14" t="s">
        <v>413</v>
      </c>
      <c r="D81371" s="14" t="s">
        <v>207</v>
      </c>
      <c r="E81371" s="15">
        <v>45717</v>
      </c>
      <c r="F81371" s="14" t="s">
        <v>53</v>
      </c>
      <c r="G81371" s="16">
        <v>1.0109135471320025</v>
      </c>
    </row>
    <row r="81372" spans="1:7" x14ac:dyDescent="0.3">
      <c r="A81372" s="13" t="s">
        <v>412</v>
      </c>
      <c r="B81372" s="14" t="s">
        <v>1</v>
      </c>
      <c r="C81372" s="14" t="s">
        <v>413</v>
      </c>
      <c r="D81372" s="14" t="s">
        <v>207</v>
      </c>
      <c r="E81372" s="15">
        <v>45718</v>
      </c>
      <c r="F81372" s="14" t="s">
        <v>53</v>
      </c>
      <c r="G81372" s="16">
        <v>1.0109135471320025</v>
      </c>
    </row>
    <row r="81373" spans="1:7" x14ac:dyDescent="0.3">
      <c r="A81373" s="13" t="s">
        <v>412</v>
      </c>
      <c r="B81373" s="14" t="s">
        <v>1</v>
      </c>
      <c r="C81373" s="14" t="s">
        <v>413</v>
      </c>
      <c r="D81373" s="14" t="s">
        <v>207</v>
      </c>
      <c r="E81373" s="15">
        <v>45719</v>
      </c>
      <c r="F81373" s="14" t="s">
        <v>53</v>
      </c>
      <c r="G81373" s="16">
        <v>1.0128684015627354</v>
      </c>
    </row>
    <row r="81374" spans="1:7" x14ac:dyDescent="0.3">
      <c r="A81374" s="13" t="s">
        <v>412</v>
      </c>
      <c r="B81374" s="14" t="s">
        <v>1</v>
      </c>
      <c r="C81374" s="14" t="s">
        <v>413</v>
      </c>
      <c r="D81374" s="14" t="s">
        <v>207</v>
      </c>
      <c r="E81374" s="15">
        <v>45720</v>
      </c>
      <c r="F81374" s="14" t="s">
        <v>53</v>
      </c>
      <c r="G81374" s="16">
        <v>1.0220949869682217</v>
      </c>
    </row>
    <row r="81375" spans="1:7" x14ac:dyDescent="0.3">
      <c r="A81375" s="13" t="s">
        <v>412</v>
      </c>
      <c r="B81375" s="14" t="s">
        <v>1</v>
      </c>
      <c r="C81375" s="14" t="s">
        <v>413</v>
      </c>
      <c r="D81375" s="14" t="s">
        <v>207</v>
      </c>
      <c r="E81375" s="15">
        <v>45721</v>
      </c>
      <c r="F81375" s="14" t="s">
        <v>53</v>
      </c>
      <c r="G81375" s="16">
        <v>1.0269004566407784</v>
      </c>
    </row>
    <row r="81376" spans="1:7" x14ac:dyDescent="0.3">
      <c r="A81376" s="13" t="s">
        <v>412</v>
      </c>
      <c r="B81376" s="14" t="s">
        <v>1</v>
      </c>
      <c r="C81376" s="14" t="s">
        <v>413</v>
      </c>
      <c r="D81376" s="14" t="s">
        <v>207</v>
      </c>
      <c r="E81376" s="15">
        <v>45722</v>
      </c>
      <c r="F81376" s="14" t="s">
        <v>53</v>
      </c>
      <c r="G81376" s="16">
        <v>1.0242469417549935</v>
      </c>
    </row>
    <row r="81377" spans="1:7" x14ac:dyDescent="0.3">
      <c r="A81377" s="13" t="s">
        <v>412</v>
      </c>
      <c r="B81377" s="14" t="s">
        <v>1</v>
      </c>
      <c r="C81377" s="14" t="s">
        <v>413</v>
      </c>
      <c r="D81377" s="14" t="s">
        <v>207</v>
      </c>
      <c r="E81377" s="15">
        <v>45723</v>
      </c>
      <c r="F81377" s="14" t="s">
        <v>53</v>
      </c>
      <c r="G81377" s="16">
        <v>1.0215898382132387</v>
      </c>
    </row>
    <row r="81378" spans="1:7" x14ac:dyDescent="0.3">
      <c r="A81378" s="13" t="s">
        <v>412</v>
      </c>
      <c r="B81378" s="14" t="s">
        <v>1</v>
      </c>
      <c r="C81378" s="14" t="s">
        <v>413</v>
      </c>
      <c r="D81378" s="14" t="s">
        <v>207</v>
      </c>
      <c r="E81378" s="15">
        <v>45724</v>
      </c>
      <c r="F81378" s="14" t="s">
        <v>53</v>
      </c>
      <c r="G81378" s="16">
        <v>1.0215898382132387</v>
      </c>
    </row>
    <row r="81379" spans="1:7" x14ac:dyDescent="0.3">
      <c r="A81379" s="13" t="s">
        <v>412</v>
      </c>
      <c r="B81379" s="14" t="s">
        <v>1</v>
      </c>
      <c r="C81379" s="14" t="s">
        <v>413</v>
      </c>
      <c r="D81379" s="14" t="s">
        <v>207</v>
      </c>
      <c r="E81379" s="15">
        <v>45725</v>
      </c>
      <c r="F81379" s="14" t="s">
        <v>53</v>
      </c>
      <c r="G81379" s="16">
        <v>1.0215898382132387</v>
      </c>
    </row>
    <row r="81380" spans="1:7" x14ac:dyDescent="0.3">
      <c r="A81380" s="13" t="s">
        <v>412</v>
      </c>
      <c r="B81380" s="14" t="s">
        <v>1</v>
      </c>
      <c r="C81380" s="14" t="s">
        <v>413</v>
      </c>
      <c r="D81380" s="14" t="s">
        <v>207</v>
      </c>
      <c r="E81380" s="15">
        <v>45726</v>
      </c>
      <c r="F81380" s="14" t="s">
        <v>53</v>
      </c>
      <c r="G81380" s="16">
        <v>1.037401579627877</v>
      </c>
    </row>
    <row r="81381" spans="1:7" x14ac:dyDescent="0.3">
      <c r="A81381" s="13" t="s">
        <v>412</v>
      </c>
      <c r="B81381" s="14" t="s">
        <v>1</v>
      </c>
      <c r="C81381" s="14" t="s">
        <v>413</v>
      </c>
      <c r="D81381" s="14" t="s">
        <v>207</v>
      </c>
      <c r="E81381" s="15">
        <v>45727</v>
      </c>
      <c r="F81381" s="14" t="s">
        <v>53</v>
      </c>
      <c r="G81381" s="16">
        <v>1.0369327580551622</v>
      </c>
    </row>
    <row r="81382" spans="1:7" x14ac:dyDescent="0.3">
      <c r="A81382" s="13" t="s">
        <v>412</v>
      </c>
      <c r="B81382" s="14" t="s">
        <v>1</v>
      </c>
      <c r="C81382" s="14" t="s">
        <v>413</v>
      </c>
      <c r="D81382" s="14" t="s">
        <v>207</v>
      </c>
      <c r="E81382" s="15">
        <v>45728</v>
      </c>
      <c r="F81382" s="14" t="s">
        <v>53</v>
      </c>
      <c r="G81382" s="16">
        <v>1.0343473440131432</v>
      </c>
    </row>
    <row r="81383" spans="1:7" x14ac:dyDescent="0.3">
      <c r="A81383" s="13" t="s">
        <v>412</v>
      </c>
      <c r="B81383" s="14" t="s">
        <v>1</v>
      </c>
      <c r="C81383" s="14" t="s">
        <v>413</v>
      </c>
      <c r="D81383" s="14" t="s">
        <v>207</v>
      </c>
      <c r="E81383" s="15">
        <v>45729</v>
      </c>
      <c r="F81383" s="14" t="s">
        <v>53</v>
      </c>
      <c r="G81383" s="16">
        <v>1.0320411887217915</v>
      </c>
    </row>
    <row r="81384" spans="1:7" x14ac:dyDescent="0.3">
      <c r="A81384" s="13" t="s">
        <v>412</v>
      </c>
      <c r="B81384" s="14" t="s">
        <v>1</v>
      </c>
      <c r="C81384" s="14" t="s">
        <v>413</v>
      </c>
      <c r="D81384" s="14" t="s">
        <v>207</v>
      </c>
      <c r="E81384" s="15">
        <v>45730</v>
      </c>
      <c r="F81384" s="14" t="s">
        <v>53</v>
      </c>
      <c r="G81384" s="16">
        <v>1.0646556624065693</v>
      </c>
    </row>
    <row r="81385" spans="1:7" x14ac:dyDescent="0.3">
      <c r="A81385" s="13" t="s">
        <v>412</v>
      </c>
      <c r="B81385" s="14" t="s">
        <v>1</v>
      </c>
      <c r="C81385" s="14" t="s">
        <v>413</v>
      </c>
      <c r="D81385" s="14" t="s">
        <v>207</v>
      </c>
      <c r="E81385" s="15">
        <v>45731</v>
      </c>
      <c r="F81385" s="14" t="s">
        <v>53</v>
      </c>
      <c r="G81385" s="16">
        <v>1.0646556624065693</v>
      </c>
    </row>
    <row r="81386" spans="1:7" x14ac:dyDescent="0.3">
      <c r="A81386" s="13" t="s">
        <v>412</v>
      </c>
      <c r="B81386" s="14" t="s">
        <v>1</v>
      </c>
      <c r="C81386" s="14" t="s">
        <v>413</v>
      </c>
      <c r="D81386" s="14" t="s">
        <v>207</v>
      </c>
      <c r="E81386" s="15">
        <v>45732</v>
      </c>
      <c r="F81386" s="14" t="s">
        <v>53</v>
      </c>
      <c r="G81386" s="16">
        <v>1.0646556624065693</v>
      </c>
    </row>
    <row r="81387" spans="1:7" x14ac:dyDescent="0.3">
      <c r="A81387" s="13" t="s">
        <v>412</v>
      </c>
      <c r="B81387" s="14" t="s">
        <v>1</v>
      </c>
      <c r="C81387" s="14" t="s">
        <v>413</v>
      </c>
      <c r="D81387" s="14" t="s">
        <v>207</v>
      </c>
      <c r="E81387" s="15">
        <v>45733</v>
      </c>
      <c r="F81387" s="14" t="s">
        <v>53</v>
      </c>
      <c r="G81387" s="16">
        <v>1.0646556624065693</v>
      </c>
    </row>
    <row r="81388" spans="1:7" x14ac:dyDescent="0.3">
      <c r="A81388" s="13" t="s">
        <v>412</v>
      </c>
      <c r="B81388" s="14" t="s">
        <v>1</v>
      </c>
      <c r="C81388" s="14" t="s">
        <v>413</v>
      </c>
      <c r="D81388" s="14" t="s">
        <v>207</v>
      </c>
      <c r="E81388" s="15">
        <v>45734</v>
      </c>
      <c r="F81388" s="14" t="s">
        <v>53</v>
      </c>
      <c r="G81388" s="16">
        <v>1.0649569096644851</v>
      </c>
    </row>
    <row r="81389" spans="1:7" x14ac:dyDescent="0.3">
      <c r="A81389" s="13" t="s">
        <v>412</v>
      </c>
      <c r="B81389" s="14" t="s">
        <v>1</v>
      </c>
      <c r="C81389" s="14" t="s">
        <v>413</v>
      </c>
      <c r="D81389" s="14" t="s">
        <v>207</v>
      </c>
      <c r="E81389" s="15">
        <v>45735</v>
      </c>
      <c r="F81389" s="14" t="s">
        <v>53</v>
      </c>
      <c r="G81389" s="16">
        <v>1.0544878664820705</v>
      </c>
    </row>
    <row r="81390" spans="1:7" x14ac:dyDescent="0.3">
      <c r="A81390" s="13" t="s">
        <v>412</v>
      </c>
      <c r="B81390" s="14" t="s">
        <v>1</v>
      </c>
      <c r="C81390" s="14" t="s">
        <v>413</v>
      </c>
      <c r="D81390" s="14" t="s">
        <v>207</v>
      </c>
      <c r="E81390" s="15">
        <v>45736</v>
      </c>
      <c r="F81390" s="14" t="s">
        <v>53</v>
      </c>
      <c r="G81390" s="16">
        <v>1.0835560960409913</v>
      </c>
    </row>
    <row r="81391" spans="1:7" x14ac:dyDescent="0.3">
      <c r="A81391" s="13" t="s">
        <v>412</v>
      </c>
      <c r="B81391" s="14" t="s">
        <v>1</v>
      </c>
      <c r="C81391" s="14" t="s">
        <v>413</v>
      </c>
      <c r="D81391" s="14" t="s">
        <v>207</v>
      </c>
      <c r="E81391" s="15">
        <v>45737</v>
      </c>
      <c r="F81391" s="14" t="s">
        <v>53</v>
      </c>
      <c r="G81391" s="16">
        <v>1.0849652850585489</v>
      </c>
    </row>
    <row r="81392" spans="1:7" x14ac:dyDescent="0.3">
      <c r="A81392" s="13" t="s">
        <v>412</v>
      </c>
      <c r="B81392" s="14" t="s">
        <v>1</v>
      </c>
      <c r="C81392" s="14" t="s">
        <v>413</v>
      </c>
      <c r="D81392" s="14" t="s">
        <v>207</v>
      </c>
      <c r="E81392" s="15">
        <v>45738</v>
      </c>
      <c r="F81392" s="14" t="s">
        <v>53</v>
      </c>
      <c r="G81392" s="16">
        <v>1.0849652850585489</v>
      </c>
    </row>
    <row r="81393" spans="1:7" x14ac:dyDescent="0.3">
      <c r="A81393" s="13" t="s">
        <v>412</v>
      </c>
      <c r="B81393" s="14" t="s">
        <v>1</v>
      </c>
      <c r="C81393" s="14" t="s">
        <v>413</v>
      </c>
      <c r="D81393" s="14" t="s">
        <v>207</v>
      </c>
      <c r="E81393" s="15">
        <v>45739</v>
      </c>
      <c r="F81393" s="14" t="s">
        <v>53</v>
      </c>
      <c r="G81393" s="16">
        <v>1.0849652850585489</v>
      </c>
    </row>
    <row r="81394" spans="1:7" x14ac:dyDescent="0.3">
      <c r="A81394" s="13" t="s">
        <v>412</v>
      </c>
      <c r="B81394" s="14" t="s">
        <v>1</v>
      </c>
      <c r="C81394" s="14" t="s">
        <v>413</v>
      </c>
      <c r="D81394" s="14" t="s">
        <v>207</v>
      </c>
      <c r="E81394" s="15">
        <v>45740</v>
      </c>
      <c r="F81394" s="14" t="s">
        <v>53</v>
      </c>
      <c r="G81394" s="16">
        <v>1.0861842551287821</v>
      </c>
    </row>
    <row r="81395" spans="1:7" x14ac:dyDescent="0.3">
      <c r="A81395" s="13" t="s">
        <v>412</v>
      </c>
      <c r="B81395" s="14" t="s">
        <v>1</v>
      </c>
      <c r="C81395" s="14" t="s">
        <v>413</v>
      </c>
      <c r="D81395" s="14" t="s">
        <v>207</v>
      </c>
      <c r="E81395" s="15">
        <v>45741</v>
      </c>
      <c r="F81395" s="14" t="s">
        <v>53</v>
      </c>
      <c r="G81395" s="16">
        <v>1.0782817580363853</v>
      </c>
    </row>
    <row r="81396" spans="1:7" x14ac:dyDescent="0.3">
      <c r="A81396" s="13" t="s">
        <v>412</v>
      </c>
      <c r="B81396" s="14" t="s">
        <v>1</v>
      </c>
      <c r="C81396" s="14" t="s">
        <v>413</v>
      </c>
      <c r="D81396" s="14" t="s">
        <v>207</v>
      </c>
      <c r="E81396" s="15">
        <v>45742</v>
      </c>
      <c r="F81396" s="14" t="s">
        <v>53</v>
      </c>
      <c r="G81396" s="16">
        <v>1.081332423821918</v>
      </c>
    </row>
    <row r="81397" spans="1:7" x14ac:dyDescent="0.3">
      <c r="A81397" s="13" t="s">
        <v>412</v>
      </c>
      <c r="B81397" s="14" t="s">
        <v>1</v>
      </c>
      <c r="C81397" s="14" t="s">
        <v>413</v>
      </c>
      <c r="D81397" s="14" t="s">
        <v>207</v>
      </c>
      <c r="E81397" s="15">
        <v>45743</v>
      </c>
      <c r="F81397" s="14" t="s">
        <v>53</v>
      </c>
      <c r="G81397" s="16">
        <v>1.0867374363631355</v>
      </c>
    </row>
    <row r="81398" spans="1:7" x14ac:dyDescent="0.3">
      <c r="A81398" s="13" t="s">
        <v>412</v>
      </c>
      <c r="B81398" s="14" t="s">
        <v>1</v>
      </c>
      <c r="C81398" s="14" t="s">
        <v>413</v>
      </c>
      <c r="D81398" s="14" t="s">
        <v>207</v>
      </c>
      <c r="E81398" s="15">
        <v>45744</v>
      </c>
      <c r="F81398" s="14" t="s">
        <v>53</v>
      </c>
      <c r="G81398" s="16">
        <v>1.0874655222563967</v>
      </c>
    </row>
    <row r="81399" spans="1:7" x14ac:dyDescent="0.3">
      <c r="A81399" s="13" t="s">
        <v>412</v>
      </c>
      <c r="B81399" s="14" t="s">
        <v>1</v>
      </c>
      <c r="C81399" s="14" t="s">
        <v>413</v>
      </c>
      <c r="D81399" s="14" t="s">
        <v>207</v>
      </c>
      <c r="E81399" s="15">
        <v>45745</v>
      </c>
      <c r="F81399" s="14" t="s">
        <v>53</v>
      </c>
      <c r="G81399" s="16">
        <v>1.0874655222563967</v>
      </c>
    </row>
    <row r="81400" spans="1:7" x14ac:dyDescent="0.3">
      <c r="A81400" s="13" t="s">
        <v>412</v>
      </c>
      <c r="B81400" s="14" t="s">
        <v>1</v>
      </c>
      <c r="C81400" s="14" t="s">
        <v>413</v>
      </c>
      <c r="D81400" s="14" t="s">
        <v>207</v>
      </c>
      <c r="E81400" s="15">
        <v>45746</v>
      </c>
      <c r="F81400" s="14" t="s">
        <v>53</v>
      </c>
      <c r="G81400" s="16">
        <v>1.0874655222563967</v>
      </c>
    </row>
    <row r="81401" spans="1:7" x14ac:dyDescent="0.3">
      <c r="A81401" s="13" t="s">
        <v>412</v>
      </c>
      <c r="B81401" s="14" t="s">
        <v>1</v>
      </c>
      <c r="C81401" s="14" t="s">
        <v>413</v>
      </c>
      <c r="D81401" s="14" t="s">
        <v>207</v>
      </c>
      <c r="E81401" s="15">
        <v>45747</v>
      </c>
      <c r="F81401" s="14" t="s">
        <v>53</v>
      </c>
      <c r="G81401" s="16">
        <v>1.0858471230484763</v>
      </c>
    </row>
    <row r="81402" spans="1:7" x14ac:dyDescent="0.3">
      <c r="A81402" s="13" t="s">
        <v>414</v>
      </c>
      <c r="B81402" s="14" t="s">
        <v>1</v>
      </c>
      <c r="C81402" s="14" t="s">
        <v>238</v>
      </c>
      <c r="D81402" s="14" t="s">
        <v>231</v>
      </c>
      <c r="E81402" s="15">
        <v>45383</v>
      </c>
      <c r="F81402" s="14" t="s">
        <v>15</v>
      </c>
      <c r="G81402" s="16">
        <v>0</v>
      </c>
    </row>
    <row r="81403" spans="1:7" x14ac:dyDescent="0.3">
      <c r="A81403" s="13" t="s">
        <v>414</v>
      </c>
      <c r="B81403" s="14" t="s">
        <v>1</v>
      </c>
      <c r="C81403" s="14" t="s">
        <v>238</v>
      </c>
      <c r="D81403" s="14" t="s">
        <v>231</v>
      </c>
      <c r="E81403" s="15">
        <v>45384</v>
      </c>
      <c r="F81403" s="14" t="s">
        <v>15</v>
      </c>
      <c r="G81403" s="16">
        <v>0</v>
      </c>
    </row>
    <row r="81404" spans="1:7" x14ac:dyDescent="0.3">
      <c r="A81404" s="13" t="s">
        <v>414</v>
      </c>
      <c r="B81404" s="14" t="s">
        <v>1</v>
      </c>
      <c r="C81404" s="14" t="s">
        <v>238</v>
      </c>
      <c r="D81404" s="14" t="s">
        <v>231</v>
      </c>
      <c r="E81404" s="15">
        <v>45385</v>
      </c>
      <c r="F81404" s="14" t="s">
        <v>15</v>
      </c>
      <c r="G81404" s="16">
        <v>4.1991365936592848E-2</v>
      </c>
    </row>
    <row r="81405" spans="1:7" x14ac:dyDescent="0.3">
      <c r="A81405" s="13" t="s">
        <v>414</v>
      </c>
      <c r="B81405" s="14" t="s">
        <v>1</v>
      </c>
      <c r="C81405" s="14" t="s">
        <v>238</v>
      </c>
      <c r="D81405" s="14" t="s">
        <v>231</v>
      </c>
      <c r="E81405" s="15">
        <v>45386</v>
      </c>
      <c r="F81405" s="14" t="s">
        <v>15</v>
      </c>
      <c r="G81405" s="16">
        <v>5.1790338712191963E-2</v>
      </c>
    </row>
    <row r="81406" spans="1:7" x14ac:dyDescent="0.3">
      <c r="A81406" s="13" t="s">
        <v>414</v>
      </c>
      <c r="B81406" s="14" t="s">
        <v>1</v>
      </c>
      <c r="C81406" s="14" t="s">
        <v>238</v>
      </c>
      <c r="D81406" s="14" t="s">
        <v>231</v>
      </c>
      <c r="E81406" s="15">
        <v>45387</v>
      </c>
      <c r="F81406" s="14" t="s">
        <v>15</v>
      </c>
      <c r="G81406" s="16">
        <v>6.0307971355295947E-2</v>
      </c>
    </row>
    <row r="81407" spans="1:7" x14ac:dyDescent="0.3">
      <c r="A81407" s="13" t="s">
        <v>414</v>
      </c>
      <c r="B81407" s="14" t="s">
        <v>1</v>
      </c>
      <c r="C81407" s="14" t="s">
        <v>238</v>
      </c>
      <c r="D81407" s="14" t="s">
        <v>231</v>
      </c>
      <c r="E81407" s="15">
        <v>45388</v>
      </c>
      <c r="F81407" s="14" t="s">
        <v>15</v>
      </c>
      <c r="G81407" s="16">
        <v>6.0307971355295947E-2</v>
      </c>
    </row>
    <row r="81408" spans="1:7" x14ac:dyDescent="0.3">
      <c r="A81408" s="13" t="s">
        <v>414</v>
      </c>
      <c r="B81408" s="14" t="s">
        <v>1</v>
      </c>
      <c r="C81408" s="14" t="s">
        <v>238</v>
      </c>
      <c r="D81408" s="14" t="s">
        <v>231</v>
      </c>
      <c r="E81408" s="15">
        <v>45389</v>
      </c>
      <c r="F81408" s="14" t="s">
        <v>15</v>
      </c>
      <c r="G81408" s="16">
        <v>6.0307971355295947E-2</v>
      </c>
    </row>
    <row r="81409" spans="1:7" x14ac:dyDescent="0.3">
      <c r="A81409" s="13" t="s">
        <v>414</v>
      </c>
      <c r="B81409" s="14" t="s">
        <v>1</v>
      </c>
      <c r="C81409" s="14" t="s">
        <v>238</v>
      </c>
      <c r="D81409" s="14" t="s">
        <v>231</v>
      </c>
      <c r="E81409" s="15">
        <v>45390</v>
      </c>
      <c r="F81409" s="14" t="s">
        <v>15</v>
      </c>
      <c r="G81409" s="16">
        <v>6.9539789835104823E-2</v>
      </c>
    </row>
    <row r="81410" spans="1:7" x14ac:dyDescent="0.3">
      <c r="A81410" s="13" t="s">
        <v>414</v>
      </c>
      <c r="B81410" s="14" t="s">
        <v>1</v>
      </c>
      <c r="C81410" s="14" t="s">
        <v>238</v>
      </c>
      <c r="D81410" s="14" t="s">
        <v>231</v>
      </c>
      <c r="E81410" s="15">
        <v>45391</v>
      </c>
      <c r="F81410" s="14" t="s">
        <v>15</v>
      </c>
      <c r="G81410" s="16">
        <v>9.5149765035884834E-2</v>
      </c>
    </row>
    <row r="81411" spans="1:7" x14ac:dyDescent="0.3">
      <c r="A81411" s="13" t="s">
        <v>414</v>
      </c>
      <c r="B81411" s="14" t="s">
        <v>1</v>
      </c>
      <c r="C81411" s="14" t="s">
        <v>238</v>
      </c>
      <c r="D81411" s="14" t="s">
        <v>231</v>
      </c>
      <c r="E81411" s="15">
        <v>45392</v>
      </c>
      <c r="F81411" s="14" t="s">
        <v>15</v>
      </c>
      <c r="G81411" s="16">
        <v>0.10257439541525495</v>
      </c>
    </row>
    <row r="81412" spans="1:7" x14ac:dyDescent="0.3">
      <c r="A81412" s="13" t="s">
        <v>414</v>
      </c>
      <c r="B81412" s="14" t="s">
        <v>1</v>
      </c>
      <c r="C81412" s="14" t="s">
        <v>238</v>
      </c>
      <c r="D81412" s="14" t="s">
        <v>231</v>
      </c>
      <c r="E81412" s="15">
        <v>45393</v>
      </c>
      <c r="F81412" s="14" t="s">
        <v>15</v>
      </c>
      <c r="G81412" s="16">
        <v>0.1107740709523946</v>
      </c>
    </row>
    <row r="81413" spans="1:7" x14ac:dyDescent="0.3">
      <c r="A81413" s="13" t="s">
        <v>414</v>
      </c>
      <c r="B81413" s="14" t="s">
        <v>1</v>
      </c>
      <c r="C81413" s="14" t="s">
        <v>238</v>
      </c>
      <c r="D81413" s="14" t="s">
        <v>231</v>
      </c>
      <c r="E81413" s="15">
        <v>45394</v>
      </c>
      <c r="F81413" s="14" t="s">
        <v>15</v>
      </c>
      <c r="G81413" s="16">
        <v>0.11831001256047802</v>
      </c>
    </row>
    <row r="81414" spans="1:7" x14ac:dyDescent="0.3">
      <c r="A81414" s="13" t="s">
        <v>414</v>
      </c>
      <c r="B81414" s="14" t="s">
        <v>1</v>
      </c>
      <c r="C81414" s="14" t="s">
        <v>238</v>
      </c>
      <c r="D81414" s="14" t="s">
        <v>231</v>
      </c>
      <c r="E81414" s="15">
        <v>45395</v>
      </c>
      <c r="F81414" s="14" t="s">
        <v>15</v>
      </c>
      <c r="G81414" s="16">
        <v>0.11831001256047802</v>
      </c>
    </row>
    <row r="81415" spans="1:7" x14ac:dyDescent="0.3">
      <c r="A81415" s="13" t="s">
        <v>414</v>
      </c>
      <c r="B81415" s="14" t="s">
        <v>1</v>
      </c>
      <c r="C81415" s="14" t="s">
        <v>238</v>
      </c>
      <c r="D81415" s="14" t="s">
        <v>231</v>
      </c>
      <c r="E81415" s="15">
        <v>45396</v>
      </c>
      <c r="F81415" s="14" t="s">
        <v>15</v>
      </c>
      <c r="G81415" s="16">
        <v>0.11831001256047802</v>
      </c>
    </row>
    <row r="81416" spans="1:7" x14ac:dyDescent="0.3">
      <c r="A81416" s="13" t="s">
        <v>414</v>
      </c>
      <c r="B81416" s="14" t="s">
        <v>1</v>
      </c>
      <c r="C81416" s="14" t="s">
        <v>238</v>
      </c>
      <c r="D81416" s="14" t="s">
        <v>231</v>
      </c>
      <c r="E81416" s="15">
        <v>45397</v>
      </c>
      <c r="F81416" s="14" t="s">
        <v>15</v>
      </c>
      <c r="G81416" s="16">
        <v>0.12649616045910533</v>
      </c>
    </row>
    <row r="81417" spans="1:7" x14ac:dyDescent="0.3">
      <c r="A81417" s="13" t="s">
        <v>414</v>
      </c>
      <c r="B81417" s="14" t="s">
        <v>1</v>
      </c>
      <c r="C81417" s="14" t="s">
        <v>238</v>
      </c>
      <c r="D81417" s="14" t="s">
        <v>231</v>
      </c>
      <c r="E81417" s="15">
        <v>45398</v>
      </c>
      <c r="F81417" s="14" t="s">
        <v>15</v>
      </c>
      <c r="G81417" s="16">
        <v>0.15166855130175544</v>
      </c>
    </row>
    <row r="81418" spans="1:7" x14ac:dyDescent="0.3">
      <c r="A81418" s="13" t="s">
        <v>414</v>
      </c>
      <c r="B81418" s="14" t="s">
        <v>1</v>
      </c>
      <c r="C81418" s="14" t="s">
        <v>238</v>
      </c>
      <c r="D81418" s="14" t="s">
        <v>231</v>
      </c>
      <c r="E81418" s="15">
        <v>45399</v>
      </c>
      <c r="F81418" s="14" t="s">
        <v>15</v>
      </c>
      <c r="G81418" s="16">
        <v>0.16094015810663409</v>
      </c>
    </row>
    <row r="81419" spans="1:7" x14ac:dyDescent="0.3">
      <c r="A81419" s="13" t="s">
        <v>414</v>
      </c>
      <c r="B81419" s="14" t="s">
        <v>1</v>
      </c>
      <c r="C81419" s="14" t="s">
        <v>238</v>
      </c>
      <c r="D81419" s="14" t="s">
        <v>231</v>
      </c>
      <c r="E81419" s="15">
        <v>45400</v>
      </c>
      <c r="F81419" s="14" t="s">
        <v>15</v>
      </c>
      <c r="G81419" s="16">
        <v>0.1690286362629595</v>
      </c>
    </row>
    <row r="81420" spans="1:7" x14ac:dyDescent="0.3">
      <c r="A81420" s="13" t="s">
        <v>414</v>
      </c>
      <c r="B81420" s="14" t="s">
        <v>1</v>
      </c>
      <c r="C81420" s="14" t="s">
        <v>238</v>
      </c>
      <c r="D81420" s="14" t="s">
        <v>231</v>
      </c>
      <c r="E81420" s="15">
        <v>45401</v>
      </c>
      <c r="F81420" s="14" t="s">
        <v>15</v>
      </c>
      <c r="G81420" s="16">
        <v>0.17783379419347775</v>
      </c>
    </row>
    <row r="81421" spans="1:7" x14ac:dyDescent="0.3">
      <c r="A81421" s="13" t="s">
        <v>414</v>
      </c>
      <c r="B81421" s="14" t="s">
        <v>1</v>
      </c>
      <c r="C81421" s="14" t="s">
        <v>238</v>
      </c>
      <c r="D81421" s="14" t="s">
        <v>231</v>
      </c>
      <c r="E81421" s="15">
        <v>45402</v>
      </c>
      <c r="F81421" s="14" t="s">
        <v>15</v>
      </c>
      <c r="G81421" s="16">
        <v>0.17783379419347775</v>
      </c>
    </row>
    <row r="81422" spans="1:7" x14ac:dyDescent="0.3">
      <c r="A81422" s="13" t="s">
        <v>414</v>
      </c>
      <c r="B81422" s="14" t="s">
        <v>1</v>
      </c>
      <c r="C81422" s="14" t="s">
        <v>238</v>
      </c>
      <c r="D81422" s="14" t="s">
        <v>231</v>
      </c>
      <c r="E81422" s="15">
        <v>45403</v>
      </c>
      <c r="F81422" s="14" t="s">
        <v>15</v>
      </c>
      <c r="G81422" s="16">
        <v>0.17783379419347775</v>
      </c>
    </row>
    <row r="81423" spans="1:7" x14ac:dyDescent="0.3">
      <c r="A81423" s="13" t="s">
        <v>414</v>
      </c>
      <c r="B81423" s="14" t="s">
        <v>1</v>
      </c>
      <c r="C81423" s="14" t="s">
        <v>238</v>
      </c>
      <c r="D81423" s="14" t="s">
        <v>231</v>
      </c>
      <c r="E81423" s="15">
        <v>45404</v>
      </c>
      <c r="F81423" s="14" t="s">
        <v>15</v>
      </c>
      <c r="G81423" s="16">
        <v>0.18640805202889854</v>
      </c>
    </row>
    <row r="81424" spans="1:7" x14ac:dyDescent="0.3">
      <c r="A81424" s="13" t="s">
        <v>414</v>
      </c>
      <c r="B81424" s="14" t="s">
        <v>1</v>
      </c>
      <c r="C81424" s="14" t="s">
        <v>238</v>
      </c>
      <c r="D81424" s="14" t="s">
        <v>231</v>
      </c>
      <c r="E81424" s="15">
        <v>45405</v>
      </c>
      <c r="F81424" s="14" t="s">
        <v>15</v>
      </c>
      <c r="G81424" s="16">
        <v>0.21303371202353336</v>
      </c>
    </row>
    <row r="81425" spans="1:7" x14ac:dyDescent="0.3">
      <c r="A81425" s="13" t="s">
        <v>414</v>
      </c>
      <c r="B81425" s="14" t="s">
        <v>1</v>
      </c>
      <c r="C81425" s="14" t="s">
        <v>238</v>
      </c>
      <c r="D81425" s="14" t="s">
        <v>231</v>
      </c>
      <c r="E81425" s="15">
        <v>45406</v>
      </c>
      <c r="F81425" s="14" t="s">
        <v>15</v>
      </c>
      <c r="G81425" s="16">
        <v>0.22204945564533277</v>
      </c>
    </row>
    <row r="81426" spans="1:7" x14ac:dyDescent="0.3">
      <c r="A81426" s="13" t="s">
        <v>414</v>
      </c>
      <c r="B81426" s="14" t="s">
        <v>1</v>
      </c>
      <c r="C81426" s="14" t="s">
        <v>238</v>
      </c>
      <c r="D81426" s="14" t="s">
        <v>231</v>
      </c>
      <c r="E81426" s="15">
        <v>45407</v>
      </c>
      <c r="F81426" s="14" t="s">
        <v>15</v>
      </c>
      <c r="G81426" s="16">
        <v>0.23123525241059217</v>
      </c>
    </row>
    <row r="81427" spans="1:7" x14ac:dyDescent="0.3">
      <c r="A81427" s="13" t="s">
        <v>414</v>
      </c>
      <c r="B81427" s="14" t="s">
        <v>1</v>
      </c>
      <c r="C81427" s="14" t="s">
        <v>238</v>
      </c>
      <c r="D81427" s="14" t="s">
        <v>231</v>
      </c>
      <c r="E81427" s="15">
        <v>45408</v>
      </c>
      <c r="F81427" s="14" t="s">
        <v>15</v>
      </c>
      <c r="G81427" s="16">
        <v>0.24495179471484835</v>
      </c>
    </row>
    <row r="81428" spans="1:7" x14ac:dyDescent="0.3">
      <c r="A81428" s="13" t="s">
        <v>414</v>
      </c>
      <c r="B81428" s="14" t="s">
        <v>1</v>
      </c>
      <c r="C81428" s="14" t="s">
        <v>238</v>
      </c>
      <c r="D81428" s="14" t="s">
        <v>231</v>
      </c>
      <c r="E81428" s="15">
        <v>45409</v>
      </c>
      <c r="F81428" s="14" t="s">
        <v>15</v>
      </c>
      <c r="G81428" s="16">
        <v>0.24495179471484835</v>
      </c>
    </row>
    <row r="81429" spans="1:7" x14ac:dyDescent="0.3">
      <c r="A81429" s="13" t="s">
        <v>414</v>
      </c>
      <c r="B81429" s="14" t="s">
        <v>1</v>
      </c>
      <c r="C81429" s="14" t="s">
        <v>238</v>
      </c>
      <c r="D81429" s="14" t="s">
        <v>231</v>
      </c>
      <c r="E81429" s="15">
        <v>45410</v>
      </c>
      <c r="F81429" s="14" t="s">
        <v>15</v>
      </c>
      <c r="G81429" s="16">
        <v>0.24495179471484835</v>
      </c>
    </row>
    <row r="81430" spans="1:7" x14ac:dyDescent="0.3">
      <c r="A81430" s="13" t="s">
        <v>414</v>
      </c>
      <c r="B81430" s="14" t="s">
        <v>1</v>
      </c>
      <c r="C81430" s="14" t="s">
        <v>238</v>
      </c>
      <c r="D81430" s="14" t="s">
        <v>231</v>
      </c>
      <c r="E81430" s="15">
        <v>45411</v>
      </c>
      <c r="F81430" s="14" t="s">
        <v>15</v>
      </c>
      <c r="G81430" s="16">
        <v>0.25413130455842164</v>
      </c>
    </row>
    <row r="81431" spans="1:7" x14ac:dyDescent="0.3">
      <c r="A81431" s="13" t="s">
        <v>414</v>
      </c>
      <c r="B81431" s="14" t="s">
        <v>1</v>
      </c>
      <c r="C81431" s="14" t="s">
        <v>238</v>
      </c>
      <c r="D81431" s="14" t="s">
        <v>231</v>
      </c>
      <c r="E81431" s="15">
        <v>45412</v>
      </c>
      <c r="F81431" s="14" t="s">
        <v>15</v>
      </c>
      <c r="G81431" s="16">
        <v>0.27846957649490856</v>
      </c>
    </row>
    <row r="81432" spans="1:7" x14ac:dyDescent="0.3">
      <c r="A81432" s="13" t="s">
        <v>414</v>
      </c>
      <c r="B81432" s="14" t="s">
        <v>1</v>
      </c>
      <c r="C81432" s="14" t="s">
        <v>238</v>
      </c>
      <c r="D81432" s="14" t="s">
        <v>231</v>
      </c>
      <c r="E81432" s="15">
        <v>45413</v>
      </c>
      <c r="F81432" s="14" t="s">
        <v>15</v>
      </c>
      <c r="G81432" s="16">
        <v>0.27846957649490856</v>
      </c>
    </row>
    <row r="81433" spans="1:7" x14ac:dyDescent="0.3">
      <c r="A81433" s="13" t="s">
        <v>414</v>
      </c>
      <c r="B81433" s="14" t="s">
        <v>1</v>
      </c>
      <c r="C81433" s="14" t="s">
        <v>238</v>
      </c>
      <c r="D81433" s="14" t="s">
        <v>231</v>
      </c>
      <c r="E81433" s="15">
        <v>45414</v>
      </c>
      <c r="F81433" s="14" t="s">
        <v>15</v>
      </c>
      <c r="G81433" s="16">
        <v>0.28860470366198465</v>
      </c>
    </row>
    <row r="81434" spans="1:7" x14ac:dyDescent="0.3">
      <c r="A81434" s="13" t="s">
        <v>414</v>
      </c>
      <c r="B81434" s="14" t="s">
        <v>1</v>
      </c>
      <c r="C81434" s="14" t="s">
        <v>238</v>
      </c>
      <c r="D81434" s="14" t="s">
        <v>231</v>
      </c>
      <c r="E81434" s="15">
        <v>45415</v>
      </c>
      <c r="F81434" s="14" t="s">
        <v>15</v>
      </c>
      <c r="G81434" s="16">
        <v>0.30711868481682775</v>
      </c>
    </row>
    <row r="81435" spans="1:7" x14ac:dyDescent="0.3">
      <c r="A81435" s="13" t="s">
        <v>414</v>
      </c>
      <c r="B81435" s="14" t="s">
        <v>1</v>
      </c>
      <c r="C81435" s="14" t="s">
        <v>238</v>
      </c>
      <c r="D81435" s="14" t="s">
        <v>231</v>
      </c>
      <c r="E81435" s="15">
        <v>45416</v>
      </c>
      <c r="F81435" s="14" t="s">
        <v>15</v>
      </c>
      <c r="G81435" s="16">
        <v>0.30711868481682775</v>
      </c>
    </row>
    <row r="81436" spans="1:7" x14ac:dyDescent="0.3">
      <c r="A81436" s="13" t="s">
        <v>414</v>
      </c>
      <c r="B81436" s="14" t="s">
        <v>1</v>
      </c>
      <c r="C81436" s="14" t="s">
        <v>238</v>
      </c>
      <c r="D81436" s="14" t="s">
        <v>231</v>
      </c>
      <c r="E81436" s="15">
        <v>45417</v>
      </c>
      <c r="F81436" s="14" t="s">
        <v>15</v>
      </c>
      <c r="G81436" s="16">
        <v>0.30711868481682775</v>
      </c>
    </row>
    <row r="81437" spans="1:7" x14ac:dyDescent="0.3">
      <c r="A81437" s="13" t="s">
        <v>414</v>
      </c>
      <c r="B81437" s="14" t="s">
        <v>1</v>
      </c>
      <c r="C81437" s="14" t="s">
        <v>238</v>
      </c>
      <c r="D81437" s="14" t="s">
        <v>231</v>
      </c>
      <c r="E81437" s="15">
        <v>45418</v>
      </c>
      <c r="F81437" s="14" t="s">
        <v>15</v>
      </c>
      <c r="G81437" s="16">
        <v>0.30711868481682775</v>
      </c>
    </row>
    <row r="81438" spans="1:7" x14ac:dyDescent="0.3">
      <c r="A81438" s="13" t="s">
        <v>414</v>
      </c>
      <c r="B81438" s="14" t="s">
        <v>1</v>
      </c>
      <c r="C81438" s="14" t="s">
        <v>238</v>
      </c>
      <c r="D81438" s="14" t="s">
        <v>231</v>
      </c>
      <c r="E81438" s="15">
        <v>45419</v>
      </c>
      <c r="F81438" s="14" t="s">
        <v>15</v>
      </c>
      <c r="G81438" s="16">
        <v>0.31557216338630206</v>
      </c>
    </row>
    <row r="81439" spans="1:7" x14ac:dyDescent="0.3">
      <c r="A81439" s="13" t="s">
        <v>414</v>
      </c>
      <c r="B81439" s="14" t="s">
        <v>1</v>
      </c>
      <c r="C81439" s="14" t="s">
        <v>238</v>
      </c>
      <c r="D81439" s="14" t="s">
        <v>231</v>
      </c>
      <c r="E81439" s="15">
        <v>45420</v>
      </c>
      <c r="F81439" s="14" t="s">
        <v>15</v>
      </c>
      <c r="G81439" s="16">
        <v>0.34934570477828353</v>
      </c>
    </row>
    <row r="81440" spans="1:7" x14ac:dyDescent="0.3">
      <c r="A81440" s="13" t="s">
        <v>414</v>
      </c>
      <c r="B81440" s="14" t="s">
        <v>1</v>
      </c>
      <c r="C81440" s="14" t="s">
        <v>238</v>
      </c>
      <c r="D81440" s="14" t="s">
        <v>231</v>
      </c>
      <c r="E81440" s="15">
        <v>45421</v>
      </c>
      <c r="F81440" s="14" t="s">
        <v>15</v>
      </c>
      <c r="G81440" s="16">
        <v>0.34934570477828353</v>
      </c>
    </row>
    <row r="81441" spans="1:7" x14ac:dyDescent="0.3">
      <c r="A81441" s="13" t="s">
        <v>414</v>
      </c>
      <c r="B81441" s="14" t="s">
        <v>1</v>
      </c>
      <c r="C81441" s="14" t="s">
        <v>238</v>
      </c>
      <c r="D81441" s="14" t="s">
        <v>231</v>
      </c>
      <c r="E81441" s="15">
        <v>45422</v>
      </c>
      <c r="F81441" s="14" t="s">
        <v>15</v>
      </c>
      <c r="G81441" s="16">
        <v>0.35860691474604939</v>
      </c>
    </row>
    <row r="81442" spans="1:7" x14ac:dyDescent="0.3">
      <c r="A81442" s="13" t="s">
        <v>414</v>
      </c>
      <c r="B81442" s="14" t="s">
        <v>1</v>
      </c>
      <c r="C81442" s="14" t="s">
        <v>238</v>
      </c>
      <c r="D81442" s="14" t="s">
        <v>231</v>
      </c>
      <c r="E81442" s="15">
        <v>45423</v>
      </c>
      <c r="F81442" s="14" t="s">
        <v>15</v>
      </c>
      <c r="G81442" s="16">
        <v>0.35860691474604939</v>
      </c>
    </row>
    <row r="81443" spans="1:7" x14ac:dyDescent="0.3">
      <c r="A81443" s="13" t="s">
        <v>414</v>
      </c>
      <c r="B81443" s="14" t="s">
        <v>1</v>
      </c>
      <c r="C81443" s="14" t="s">
        <v>238</v>
      </c>
      <c r="D81443" s="14" t="s">
        <v>231</v>
      </c>
      <c r="E81443" s="15">
        <v>45424</v>
      </c>
      <c r="F81443" s="14" t="s">
        <v>15</v>
      </c>
      <c r="G81443" s="16">
        <v>0.35860691474604939</v>
      </c>
    </row>
    <row r="81444" spans="1:7" x14ac:dyDescent="0.3">
      <c r="A81444" s="13" t="s">
        <v>414</v>
      </c>
      <c r="B81444" s="14" t="s">
        <v>1</v>
      </c>
      <c r="C81444" s="14" t="s">
        <v>238</v>
      </c>
      <c r="D81444" s="14" t="s">
        <v>231</v>
      </c>
      <c r="E81444" s="15">
        <v>45425</v>
      </c>
      <c r="F81444" s="14" t="s">
        <v>15</v>
      </c>
      <c r="G81444" s="16">
        <v>0.37235682668919012</v>
      </c>
    </row>
    <row r="81445" spans="1:7" x14ac:dyDescent="0.3">
      <c r="A81445" s="13" t="s">
        <v>414</v>
      </c>
      <c r="B81445" s="14" t="s">
        <v>1</v>
      </c>
      <c r="C81445" s="14" t="s">
        <v>238</v>
      </c>
      <c r="D81445" s="14" t="s">
        <v>231</v>
      </c>
      <c r="E81445" s="15">
        <v>45426</v>
      </c>
      <c r="F81445" s="14" t="s">
        <v>15</v>
      </c>
      <c r="G81445" s="16">
        <v>0.39908378442459297</v>
      </c>
    </row>
    <row r="81446" spans="1:7" x14ac:dyDescent="0.3">
      <c r="A81446" s="13" t="s">
        <v>414</v>
      </c>
      <c r="B81446" s="14" t="s">
        <v>1</v>
      </c>
      <c r="C81446" s="14" t="s">
        <v>238</v>
      </c>
      <c r="D81446" s="14" t="s">
        <v>231</v>
      </c>
      <c r="E81446" s="15">
        <v>45427</v>
      </c>
      <c r="F81446" s="14" t="s">
        <v>15</v>
      </c>
      <c r="G81446" s="16">
        <v>0.40999298708878473</v>
      </c>
    </row>
    <row r="81447" spans="1:7" x14ac:dyDescent="0.3">
      <c r="A81447" s="13" t="s">
        <v>414</v>
      </c>
      <c r="B81447" s="14" t="s">
        <v>1</v>
      </c>
      <c r="C81447" s="14" t="s">
        <v>238</v>
      </c>
      <c r="D81447" s="14" t="s">
        <v>231</v>
      </c>
      <c r="E81447" s="15">
        <v>45428</v>
      </c>
      <c r="F81447" s="14" t="s">
        <v>15</v>
      </c>
      <c r="G81447" s="16">
        <v>0.41782207094878909</v>
      </c>
    </row>
    <row r="81448" spans="1:7" x14ac:dyDescent="0.3">
      <c r="A81448" s="13" t="s">
        <v>414</v>
      </c>
      <c r="B81448" s="14" t="s">
        <v>1</v>
      </c>
      <c r="C81448" s="14" t="s">
        <v>238</v>
      </c>
      <c r="D81448" s="14" t="s">
        <v>231</v>
      </c>
      <c r="E81448" s="15">
        <v>45429</v>
      </c>
      <c r="F81448" s="14" t="s">
        <v>15</v>
      </c>
      <c r="G81448" s="16">
        <v>0.42641895824777609</v>
      </c>
    </row>
    <row r="81449" spans="1:7" x14ac:dyDescent="0.3">
      <c r="A81449" s="13" t="s">
        <v>414</v>
      </c>
      <c r="B81449" s="14" t="s">
        <v>1</v>
      </c>
      <c r="C81449" s="14" t="s">
        <v>238</v>
      </c>
      <c r="D81449" s="14" t="s">
        <v>231</v>
      </c>
      <c r="E81449" s="15">
        <v>45430</v>
      </c>
      <c r="F81449" s="14" t="s">
        <v>15</v>
      </c>
      <c r="G81449" s="16">
        <v>0.42641895824777609</v>
      </c>
    </row>
    <row r="81450" spans="1:7" x14ac:dyDescent="0.3">
      <c r="A81450" s="13" t="s">
        <v>414</v>
      </c>
      <c r="B81450" s="14" t="s">
        <v>1</v>
      </c>
      <c r="C81450" s="14" t="s">
        <v>238</v>
      </c>
      <c r="D81450" s="14" t="s">
        <v>231</v>
      </c>
      <c r="E81450" s="15">
        <v>45431</v>
      </c>
      <c r="F81450" s="14" t="s">
        <v>15</v>
      </c>
      <c r="G81450" s="16">
        <v>0.42641895824777609</v>
      </c>
    </row>
    <row r="81451" spans="1:7" x14ac:dyDescent="0.3">
      <c r="A81451" s="13" t="s">
        <v>414</v>
      </c>
      <c r="B81451" s="14" t="s">
        <v>1</v>
      </c>
      <c r="C81451" s="14" t="s">
        <v>238</v>
      </c>
      <c r="D81451" s="14" t="s">
        <v>231</v>
      </c>
      <c r="E81451" s="15">
        <v>45432</v>
      </c>
      <c r="F81451" s="14" t="s">
        <v>15</v>
      </c>
      <c r="G81451" s="16">
        <v>0.42641895824777609</v>
      </c>
    </row>
    <row r="81452" spans="1:7" x14ac:dyDescent="0.3">
      <c r="A81452" s="13" t="s">
        <v>414</v>
      </c>
      <c r="B81452" s="14" t="s">
        <v>1</v>
      </c>
      <c r="C81452" s="14" t="s">
        <v>238</v>
      </c>
      <c r="D81452" s="14" t="s">
        <v>231</v>
      </c>
      <c r="E81452" s="15">
        <v>45433</v>
      </c>
      <c r="F81452" s="14" t="s">
        <v>15</v>
      </c>
      <c r="G81452" s="16">
        <v>0.43421228746102203</v>
      </c>
    </row>
    <row r="81453" spans="1:7" x14ac:dyDescent="0.3">
      <c r="A81453" s="13" t="s">
        <v>414</v>
      </c>
      <c r="B81453" s="14" t="s">
        <v>1</v>
      </c>
      <c r="C81453" s="14" t="s">
        <v>238</v>
      </c>
      <c r="D81453" s="14" t="s">
        <v>231</v>
      </c>
      <c r="E81453" s="15">
        <v>45434</v>
      </c>
      <c r="F81453" s="14" t="s">
        <v>15</v>
      </c>
      <c r="G81453" s="16">
        <v>0.46714404260350822</v>
      </c>
    </row>
    <row r="81454" spans="1:7" x14ac:dyDescent="0.3">
      <c r="A81454" s="13" t="s">
        <v>414</v>
      </c>
      <c r="B81454" s="14" t="s">
        <v>1</v>
      </c>
      <c r="C81454" s="14" t="s">
        <v>238</v>
      </c>
      <c r="D81454" s="14" t="s">
        <v>231</v>
      </c>
      <c r="E81454" s="15">
        <v>45435</v>
      </c>
      <c r="F81454" s="14" t="s">
        <v>15</v>
      </c>
      <c r="G81454" s="16">
        <v>0.47528221239976265</v>
      </c>
    </row>
    <row r="81455" spans="1:7" x14ac:dyDescent="0.3">
      <c r="A81455" s="13" t="s">
        <v>414</v>
      </c>
      <c r="B81455" s="14" t="s">
        <v>1</v>
      </c>
      <c r="C81455" s="14" t="s">
        <v>238</v>
      </c>
      <c r="D81455" s="14" t="s">
        <v>231</v>
      </c>
      <c r="E81455" s="15">
        <v>45436</v>
      </c>
      <c r="F81455" s="14" t="s">
        <v>15</v>
      </c>
      <c r="G81455" s="16">
        <v>0.48537161186372563</v>
      </c>
    </row>
    <row r="81456" spans="1:7" x14ac:dyDescent="0.3">
      <c r="A81456" s="13" t="s">
        <v>414</v>
      </c>
      <c r="B81456" s="14" t="s">
        <v>1</v>
      </c>
      <c r="C81456" s="14" t="s">
        <v>238</v>
      </c>
      <c r="D81456" s="14" t="s">
        <v>231</v>
      </c>
      <c r="E81456" s="15">
        <v>45437</v>
      </c>
      <c r="F81456" s="14" t="s">
        <v>15</v>
      </c>
      <c r="G81456" s="16">
        <v>0.48537161186372563</v>
      </c>
    </row>
    <row r="81457" spans="1:7" x14ac:dyDescent="0.3">
      <c r="A81457" s="13" t="s">
        <v>414</v>
      </c>
      <c r="B81457" s="14" t="s">
        <v>1</v>
      </c>
      <c r="C81457" s="14" t="s">
        <v>238</v>
      </c>
      <c r="D81457" s="14" t="s">
        <v>231</v>
      </c>
      <c r="E81457" s="15">
        <v>45438</v>
      </c>
      <c r="F81457" s="14" t="s">
        <v>15</v>
      </c>
      <c r="G81457" s="16">
        <v>0.48537161186372563</v>
      </c>
    </row>
    <row r="81458" spans="1:7" x14ac:dyDescent="0.3">
      <c r="A81458" s="13" t="s">
        <v>414</v>
      </c>
      <c r="B81458" s="14" t="s">
        <v>1</v>
      </c>
      <c r="C81458" s="14" t="s">
        <v>238</v>
      </c>
      <c r="D81458" s="14" t="s">
        <v>231</v>
      </c>
      <c r="E81458" s="15">
        <v>45439</v>
      </c>
      <c r="F81458" s="14" t="s">
        <v>15</v>
      </c>
      <c r="G81458" s="16">
        <v>0.49442859206823569</v>
      </c>
    </row>
    <row r="81459" spans="1:7" x14ac:dyDescent="0.3">
      <c r="A81459" s="13" t="s">
        <v>414</v>
      </c>
      <c r="B81459" s="14" t="s">
        <v>1</v>
      </c>
      <c r="C81459" s="14" t="s">
        <v>238</v>
      </c>
      <c r="D81459" s="14" t="s">
        <v>231</v>
      </c>
      <c r="E81459" s="15">
        <v>45440</v>
      </c>
      <c r="F81459" s="14" t="s">
        <v>15</v>
      </c>
      <c r="G81459" s="16">
        <v>0.52011273497289434</v>
      </c>
    </row>
    <row r="81460" spans="1:7" x14ac:dyDescent="0.3">
      <c r="A81460" s="13" t="s">
        <v>414</v>
      </c>
      <c r="B81460" s="14" t="s">
        <v>1</v>
      </c>
      <c r="C81460" s="14" t="s">
        <v>238</v>
      </c>
      <c r="D81460" s="14" t="s">
        <v>231</v>
      </c>
      <c r="E81460" s="15">
        <v>45441</v>
      </c>
      <c r="F81460" s="14" t="s">
        <v>15</v>
      </c>
      <c r="G81460" s="16">
        <v>0.52605866798086121</v>
      </c>
    </row>
    <row r="81461" spans="1:7" x14ac:dyDescent="0.3">
      <c r="A81461" s="13" t="s">
        <v>414</v>
      </c>
      <c r="B81461" s="14" t="s">
        <v>1</v>
      </c>
      <c r="C81461" s="14" t="s">
        <v>238</v>
      </c>
      <c r="D81461" s="14" t="s">
        <v>231</v>
      </c>
      <c r="E81461" s="15">
        <v>45442</v>
      </c>
      <c r="F81461" s="14" t="s">
        <v>15</v>
      </c>
      <c r="G81461" s="16">
        <v>0.52922225527249356</v>
      </c>
    </row>
    <row r="81462" spans="1:7" x14ac:dyDescent="0.3">
      <c r="A81462" s="13" t="s">
        <v>414</v>
      </c>
      <c r="B81462" s="14" t="s">
        <v>1</v>
      </c>
      <c r="C81462" s="14" t="s">
        <v>238</v>
      </c>
      <c r="D81462" s="14" t="s">
        <v>231</v>
      </c>
      <c r="E81462" s="15">
        <v>45443</v>
      </c>
      <c r="F81462" s="14" t="s">
        <v>15</v>
      </c>
      <c r="G81462" s="16">
        <v>0.5383633911615372</v>
      </c>
    </row>
    <row r="81463" spans="1:7" x14ac:dyDescent="0.3">
      <c r="A81463" s="13" t="s">
        <v>414</v>
      </c>
      <c r="B81463" s="14" t="s">
        <v>1</v>
      </c>
      <c r="C81463" s="14" t="s">
        <v>238</v>
      </c>
      <c r="D81463" s="14" t="s">
        <v>231</v>
      </c>
      <c r="E81463" s="15">
        <v>45444</v>
      </c>
      <c r="F81463" s="14" t="s">
        <v>15</v>
      </c>
      <c r="G81463" s="16">
        <v>0.5383633911615372</v>
      </c>
    </row>
    <row r="81464" spans="1:7" x14ac:dyDescent="0.3">
      <c r="A81464" s="13" t="s">
        <v>414</v>
      </c>
      <c r="B81464" s="14" t="s">
        <v>1</v>
      </c>
      <c r="C81464" s="14" t="s">
        <v>238</v>
      </c>
      <c r="D81464" s="14" t="s">
        <v>231</v>
      </c>
      <c r="E81464" s="15">
        <v>45445</v>
      </c>
      <c r="F81464" s="14" t="s">
        <v>15</v>
      </c>
      <c r="G81464" s="16">
        <v>0.5383633911615372</v>
      </c>
    </row>
    <row r="81465" spans="1:7" x14ac:dyDescent="0.3">
      <c r="A81465" s="13" t="s">
        <v>414</v>
      </c>
      <c r="B81465" s="14" t="s">
        <v>1</v>
      </c>
      <c r="C81465" s="14" t="s">
        <v>238</v>
      </c>
      <c r="D81465" s="14" t="s">
        <v>231</v>
      </c>
      <c r="E81465" s="15">
        <v>45446</v>
      </c>
      <c r="F81465" s="14" t="s">
        <v>15</v>
      </c>
      <c r="G81465" s="16">
        <v>0.5383633911615372</v>
      </c>
    </row>
    <row r="81466" spans="1:7" x14ac:dyDescent="0.3">
      <c r="A81466" s="13" t="s">
        <v>414</v>
      </c>
      <c r="B81466" s="14" t="s">
        <v>1</v>
      </c>
      <c r="C81466" s="14" t="s">
        <v>238</v>
      </c>
      <c r="D81466" s="14" t="s">
        <v>231</v>
      </c>
      <c r="E81466" s="15">
        <v>45447</v>
      </c>
      <c r="F81466" s="14" t="s">
        <v>15</v>
      </c>
      <c r="G81466" s="16">
        <v>0.54887256573687548</v>
      </c>
    </row>
    <row r="81467" spans="1:7" x14ac:dyDescent="0.3">
      <c r="A81467" s="13" t="s">
        <v>414</v>
      </c>
      <c r="B81467" s="14" t="s">
        <v>1</v>
      </c>
      <c r="C81467" s="14" t="s">
        <v>238</v>
      </c>
      <c r="D81467" s="14" t="s">
        <v>231</v>
      </c>
      <c r="E81467" s="15">
        <v>45448</v>
      </c>
      <c r="F81467" s="14" t="s">
        <v>15</v>
      </c>
      <c r="G81467" s="16">
        <v>0.58311356041810691</v>
      </c>
    </row>
    <row r="81468" spans="1:7" x14ac:dyDescent="0.3">
      <c r="A81468" s="13" t="s">
        <v>414</v>
      </c>
      <c r="B81468" s="14" t="s">
        <v>1</v>
      </c>
      <c r="C81468" s="14" t="s">
        <v>238</v>
      </c>
      <c r="D81468" s="14" t="s">
        <v>231</v>
      </c>
      <c r="E81468" s="15">
        <v>45449</v>
      </c>
      <c r="F81468" s="14" t="s">
        <v>15</v>
      </c>
      <c r="G81468" s="16">
        <v>0.59288347033350719</v>
      </c>
    </row>
    <row r="81469" spans="1:7" x14ac:dyDescent="0.3">
      <c r="A81469" s="13" t="s">
        <v>414</v>
      </c>
      <c r="B81469" s="14" t="s">
        <v>1</v>
      </c>
      <c r="C81469" s="14" t="s">
        <v>238</v>
      </c>
      <c r="D81469" s="14" t="s">
        <v>231</v>
      </c>
      <c r="E81469" s="15">
        <v>45450</v>
      </c>
      <c r="F81469" s="14" t="s">
        <v>15</v>
      </c>
      <c r="G81469" s="16">
        <v>0.59665229360863625</v>
      </c>
    </row>
    <row r="81470" spans="1:7" x14ac:dyDescent="0.3">
      <c r="A81470" s="13" t="s">
        <v>414</v>
      </c>
      <c r="B81470" s="14" t="s">
        <v>1</v>
      </c>
      <c r="C81470" s="14" t="s">
        <v>238</v>
      </c>
      <c r="D81470" s="14" t="s">
        <v>231</v>
      </c>
      <c r="E81470" s="15">
        <v>45451</v>
      </c>
      <c r="F81470" s="14" t="s">
        <v>15</v>
      </c>
      <c r="G81470" s="16">
        <v>0.59665229360863625</v>
      </c>
    </row>
    <row r="81471" spans="1:7" x14ac:dyDescent="0.3">
      <c r="A81471" s="13" t="s">
        <v>414</v>
      </c>
      <c r="B81471" s="14" t="s">
        <v>1</v>
      </c>
      <c r="C81471" s="14" t="s">
        <v>238</v>
      </c>
      <c r="D81471" s="14" t="s">
        <v>231</v>
      </c>
      <c r="E81471" s="15">
        <v>45452</v>
      </c>
      <c r="F81471" s="14" t="s">
        <v>15</v>
      </c>
      <c r="G81471" s="16">
        <v>0.59665229360863625</v>
      </c>
    </row>
    <row r="81472" spans="1:7" x14ac:dyDescent="0.3">
      <c r="A81472" s="13" t="s">
        <v>414</v>
      </c>
      <c r="B81472" s="14" t="s">
        <v>1</v>
      </c>
      <c r="C81472" s="14" t="s">
        <v>238</v>
      </c>
      <c r="D81472" s="14" t="s">
        <v>231</v>
      </c>
      <c r="E81472" s="15">
        <v>45453</v>
      </c>
      <c r="F81472" s="14" t="s">
        <v>15</v>
      </c>
      <c r="G81472" s="16">
        <v>0.60375104362167598</v>
      </c>
    </row>
    <row r="81473" spans="1:7" x14ac:dyDescent="0.3">
      <c r="A81473" s="13" t="s">
        <v>414</v>
      </c>
      <c r="B81473" s="14" t="s">
        <v>1</v>
      </c>
      <c r="C81473" s="14" t="s">
        <v>238</v>
      </c>
      <c r="D81473" s="14" t="s">
        <v>231</v>
      </c>
      <c r="E81473" s="15">
        <v>45454</v>
      </c>
      <c r="F81473" s="14" t="s">
        <v>15</v>
      </c>
      <c r="G81473" s="16">
        <v>0.62803441726177478</v>
      </c>
    </row>
    <row r="81474" spans="1:7" x14ac:dyDescent="0.3">
      <c r="A81474" s="13" t="s">
        <v>414</v>
      </c>
      <c r="B81474" s="14" t="s">
        <v>1</v>
      </c>
      <c r="C81474" s="14" t="s">
        <v>238</v>
      </c>
      <c r="D81474" s="14" t="s">
        <v>231</v>
      </c>
      <c r="E81474" s="15">
        <v>45455</v>
      </c>
      <c r="F81474" s="14" t="s">
        <v>15</v>
      </c>
      <c r="G81474" s="16">
        <v>0.64045857062572575</v>
      </c>
    </row>
    <row r="81475" spans="1:7" x14ac:dyDescent="0.3">
      <c r="A81475" s="13" t="s">
        <v>414</v>
      </c>
      <c r="B81475" s="14" t="s">
        <v>1</v>
      </c>
      <c r="C81475" s="14" t="s">
        <v>238</v>
      </c>
      <c r="D81475" s="14" t="s">
        <v>231</v>
      </c>
      <c r="E81475" s="15">
        <v>45456</v>
      </c>
      <c r="F81475" s="14" t="s">
        <v>15</v>
      </c>
      <c r="G81475" s="16">
        <v>0.64482566266500041</v>
      </c>
    </row>
    <row r="81476" spans="1:7" x14ac:dyDescent="0.3">
      <c r="A81476" s="13" t="s">
        <v>414</v>
      </c>
      <c r="B81476" s="14" t="s">
        <v>1</v>
      </c>
      <c r="C81476" s="14" t="s">
        <v>238</v>
      </c>
      <c r="D81476" s="14" t="s">
        <v>231</v>
      </c>
      <c r="E81476" s="15">
        <v>45457</v>
      </c>
      <c r="F81476" s="14" t="s">
        <v>15</v>
      </c>
      <c r="G81476" s="16">
        <v>0.65126233882198203</v>
      </c>
    </row>
    <row r="81477" spans="1:7" x14ac:dyDescent="0.3">
      <c r="A81477" s="13" t="s">
        <v>414</v>
      </c>
      <c r="B81477" s="14" t="s">
        <v>1</v>
      </c>
      <c r="C81477" s="14" t="s">
        <v>238</v>
      </c>
      <c r="D81477" s="14" t="s">
        <v>231</v>
      </c>
      <c r="E81477" s="15">
        <v>45458</v>
      </c>
      <c r="F81477" s="14" t="s">
        <v>15</v>
      </c>
      <c r="G81477" s="16">
        <v>0.65126233882198203</v>
      </c>
    </row>
    <row r="81478" spans="1:7" x14ac:dyDescent="0.3">
      <c r="A81478" s="13" t="s">
        <v>414</v>
      </c>
      <c r="B81478" s="14" t="s">
        <v>1</v>
      </c>
      <c r="C81478" s="14" t="s">
        <v>238</v>
      </c>
      <c r="D81478" s="14" t="s">
        <v>231</v>
      </c>
      <c r="E81478" s="15">
        <v>45459</v>
      </c>
      <c r="F81478" s="14" t="s">
        <v>15</v>
      </c>
      <c r="G81478" s="16">
        <v>0.65126233882198203</v>
      </c>
    </row>
    <row r="81479" spans="1:7" x14ac:dyDescent="0.3">
      <c r="A81479" s="13" t="s">
        <v>414</v>
      </c>
      <c r="B81479" s="14" t="s">
        <v>1</v>
      </c>
      <c r="C81479" s="14" t="s">
        <v>238</v>
      </c>
      <c r="D81479" s="14" t="s">
        <v>231</v>
      </c>
      <c r="E81479" s="15">
        <v>45460</v>
      </c>
      <c r="F81479" s="14" t="s">
        <v>15</v>
      </c>
      <c r="G81479" s="16">
        <v>0.66173210526172166</v>
      </c>
    </row>
    <row r="81480" spans="1:7" x14ac:dyDescent="0.3">
      <c r="A81480" s="13" t="s">
        <v>414</v>
      </c>
      <c r="B81480" s="14" t="s">
        <v>1</v>
      </c>
      <c r="C81480" s="14" t="s">
        <v>238</v>
      </c>
      <c r="D81480" s="14" t="s">
        <v>231</v>
      </c>
      <c r="E81480" s="15">
        <v>45461</v>
      </c>
      <c r="F81480" s="14" t="s">
        <v>15</v>
      </c>
      <c r="G81480" s="16">
        <v>0.68814252921831087</v>
      </c>
    </row>
    <row r="81481" spans="1:7" x14ac:dyDescent="0.3">
      <c r="A81481" s="13" t="s">
        <v>414</v>
      </c>
      <c r="B81481" s="14" t="s">
        <v>1</v>
      </c>
      <c r="C81481" s="14" t="s">
        <v>238</v>
      </c>
      <c r="D81481" s="14" t="s">
        <v>231</v>
      </c>
      <c r="E81481" s="15">
        <v>45462</v>
      </c>
      <c r="F81481" s="14" t="s">
        <v>15</v>
      </c>
      <c r="G81481" s="16">
        <v>0.69704863202117662</v>
      </c>
    </row>
    <row r="81482" spans="1:7" x14ac:dyDescent="0.3">
      <c r="A81482" s="13" t="s">
        <v>414</v>
      </c>
      <c r="B81482" s="14" t="s">
        <v>1</v>
      </c>
      <c r="C81482" s="14" t="s">
        <v>238</v>
      </c>
      <c r="D81482" s="14" t="s">
        <v>231</v>
      </c>
      <c r="E81482" s="15">
        <v>45463</v>
      </c>
      <c r="F81482" s="14" t="s">
        <v>15</v>
      </c>
      <c r="G81482" s="16">
        <v>0.70283567218819543</v>
      </c>
    </row>
    <row r="81483" spans="1:7" x14ac:dyDescent="0.3">
      <c r="A81483" s="13" t="s">
        <v>414</v>
      </c>
      <c r="B81483" s="14" t="s">
        <v>1</v>
      </c>
      <c r="C81483" s="14" t="s">
        <v>238</v>
      </c>
      <c r="D81483" s="14" t="s">
        <v>231</v>
      </c>
      <c r="E81483" s="15">
        <v>45464</v>
      </c>
      <c r="F81483" s="14" t="s">
        <v>15</v>
      </c>
      <c r="G81483" s="16">
        <v>0.71079768458277726</v>
      </c>
    </row>
    <row r="81484" spans="1:7" x14ac:dyDescent="0.3">
      <c r="A81484" s="13" t="s">
        <v>414</v>
      </c>
      <c r="B81484" s="14" t="s">
        <v>1</v>
      </c>
      <c r="C81484" s="14" t="s">
        <v>238</v>
      </c>
      <c r="D81484" s="14" t="s">
        <v>231</v>
      </c>
      <c r="E81484" s="15">
        <v>45465</v>
      </c>
      <c r="F81484" s="14" t="s">
        <v>15</v>
      </c>
      <c r="G81484" s="16">
        <v>0.71079768458277726</v>
      </c>
    </row>
    <row r="81485" spans="1:7" x14ac:dyDescent="0.3">
      <c r="A81485" s="13" t="s">
        <v>414</v>
      </c>
      <c r="B81485" s="14" t="s">
        <v>1</v>
      </c>
      <c r="C81485" s="14" t="s">
        <v>238</v>
      </c>
      <c r="D81485" s="14" t="s">
        <v>231</v>
      </c>
      <c r="E81485" s="15">
        <v>45466</v>
      </c>
      <c r="F81485" s="14" t="s">
        <v>15</v>
      </c>
      <c r="G81485" s="16">
        <v>0.71079768458277726</v>
      </c>
    </row>
    <row r="81486" spans="1:7" x14ac:dyDescent="0.3">
      <c r="A81486" s="13" t="s">
        <v>414</v>
      </c>
      <c r="B81486" s="14" t="s">
        <v>1</v>
      </c>
      <c r="C81486" s="14" t="s">
        <v>238</v>
      </c>
      <c r="D81486" s="14" t="s">
        <v>231</v>
      </c>
      <c r="E81486" s="15">
        <v>45467</v>
      </c>
      <c r="F81486" s="14" t="s">
        <v>15</v>
      </c>
      <c r="G81486" s="16">
        <v>0.72744153019181468</v>
      </c>
    </row>
    <row r="81487" spans="1:7" x14ac:dyDescent="0.3">
      <c r="A81487" s="13" t="s">
        <v>414</v>
      </c>
      <c r="B81487" s="14" t="s">
        <v>1</v>
      </c>
      <c r="C81487" s="14" t="s">
        <v>238</v>
      </c>
      <c r="D81487" s="14" t="s">
        <v>231</v>
      </c>
      <c r="E81487" s="15">
        <v>45468</v>
      </c>
      <c r="F81487" s="14" t="s">
        <v>15</v>
      </c>
      <c r="G81487" s="16">
        <v>0.75414478805370544</v>
      </c>
    </row>
    <row r="81488" spans="1:7" x14ac:dyDescent="0.3">
      <c r="A81488" s="13" t="s">
        <v>414</v>
      </c>
      <c r="B81488" s="14" t="s">
        <v>1</v>
      </c>
      <c r="C81488" s="14" t="s">
        <v>238</v>
      </c>
      <c r="D81488" s="14" t="s">
        <v>231</v>
      </c>
      <c r="E81488" s="15">
        <v>45469</v>
      </c>
      <c r="F81488" s="14" t="s">
        <v>15</v>
      </c>
      <c r="G81488" s="16">
        <v>0.76032433080106721</v>
      </c>
    </row>
    <row r="81489" spans="1:7" x14ac:dyDescent="0.3">
      <c r="A81489" s="13" t="s">
        <v>414</v>
      </c>
      <c r="B81489" s="14" t="s">
        <v>1</v>
      </c>
      <c r="C81489" s="14" t="s">
        <v>238</v>
      </c>
      <c r="D81489" s="14" t="s">
        <v>231</v>
      </c>
      <c r="E81489" s="15">
        <v>45470</v>
      </c>
      <c r="F81489" s="14" t="s">
        <v>15</v>
      </c>
      <c r="G81489" s="16">
        <v>0.7706655875594518</v>
      </c>
    </row>
    <row r="81490" spans="1:7" x14ac:dyDescent="0.3">
      <c r="A81490" s="13" t="s">
        <v>414</v>
      </c>
      <c r="B81490" s="14" t="s">
        <v>1</v>
      </c>
      <c r="C81490" s="14" t="s">
        <v>238</v>
      </c>
      <c r="D81490" s="14" t="s">
        <v>231</v>
      </c>
      <c r="E81490" s="15">
        <v>45471</v>
      </c>
      <c r="F81490" s="14" t="s">
        <v>15</v>
      </c>
      <c r="G81490" s="16">
        <v>0.78017210803329751</v>
      </c>
    </row>
    <row r="81491" spans="1:7" x14ac:dyDescent="0.3">
      <c r="A81491" s="13" t="s">
        <v>414</v>
      </c>
      <c r="B81491" s="14" t="s">
        <v>1</v>
      </c>
      <c r="C81491" s="14" t="s">
        <v>238</v>
      </c>
      <c r="D81491" s="14" t="s">
        <v>231</v>
      </c>
      <c r="E81491" s="15">
        <v>45472</v>
      </c>
      <c r="F81491" s="14" t="s">
        <v>15</v>
      </c>
      <c r="G81491" s="16">
        <v>0.78017210803329751</v>
      </c>
    </row>
    <row r="81492" spans="1:7" x14ac:dyDescent="0.3">
      <c r="A81492" s="13" t="s">
        <v>414</v>
      </c>
      <c r="B81492" s="14" t="s">
        <v>1</v>
      </c>
      <c r="C81492" s="14" t="s">
        <v>238</v>
      </c>
      <c r="D81492" s="14" t="s">
        <v>231</v>
      </c>
      <c r="E81492" s="15">
        <v>45473</v>
      </c>
      <c r="F81492" s="14" t="s">
        <v>15</v>
      </c>
      <c r="G81492" s="16">
        <v>0.78017210803329751</v>
      </c>
    </row>
    <row r="81493" spans="1:7" x14ac:dyDescent="0.3">
      <c r="A81493" s="13" t="s">
        <v>414</v>
      </c>
      <c r="B81493" s="14" t="s">
        <v>1</v>
      </c>
      <c r="C81493" s="14" t="s">
        <v>238</v>
      </c>
      <c r="D81493" s="14" t="s">
        <v>231</v>
      </c>
      <c r="E81493" s="15">
        <v>45474</v>
      </c>
      <c r="F81493" s="14" t="s">
        <v>15</v>
      </c>
      <c r="G81493" s="16">
        <v>0.79065298829833386</v>
      </c>
    </row>
    <row r="81494" spans="1:7" x14ac:dyDescent="0.3">
      <c r="A81494" s="13" t="s">
        <v>414</v>
      </c>
      <c r="B81494" s="14" t="s">
        <v>1</v>
      </c>
      <c r="C81494" s="14" t="s">
        <v>238</v>
      </c>
      <c r="D81494" s="14" t="s">
        <v>231</v>
      </c>
      <c r="E81494" s="15">
        <v>45475</v>
      </c>
      <c r="F81494" s="14" t="s">
        <v>15</v>
      </c>
      <c r="G81494" s="16">
        <v>0.81710604092642081</v>
      </c>
    </row>
    <row r="81495" spans="1:7" x14ac:dyDescent="0.3">
      <c r="A81495" s="13" t="s">
        <v>414</v>
      </c>
      <c r="B81495" s="14" t="s">
        <v>1</v>
      </c>
      <c r="C81495" s="14" t="s">
        <v>238</v>
      </c>
      <c r="D81495" s="14" t="s">
        <v>231</v>
      </c>
      <c r="E81495" s="15">
        <v>45476</v>
      </c>
      <c r="F81495" s="14" t="s">
        <v>15</v>
      </c>
      <c r="G81495" s="16">
        <v>0.82891428000036094</v>
      </c>
    </row>
    <row r="81496" spans="1:7" x14ac:dyDescent="0.3">
      <c r="A81496" s="13" t="s">
        <v>414</v>
      </c>
      <c r="B81496" s="14" t="s">
        <v>1</v>
      </c>
      <c r="C81496" s="14" t="s">
        <v>238</v>
      </c>
      <c r="D81496" s="14" t="s">
        <v>231</v>
      </c>
      <c r="E81496" s="15">
        <v>45477</v>
      </c>
      <c r="F81496" s="14" t="s">
        <v>15</v>
      </c>
      <c r="G81496" s="16">
        <v>0.83946379623062939</v>
      </c>
    </row>
    <row r="81497" spans="1:7" x14ac:dyDescent="0.3">
      <c r="A81497" s="13" t="s">
        <v>414</v>
      </c>
      <c r="B81497" s="14" t="s">
        <v>1</v>
      </c>
      <c r="C81497" s="14" t="s">
        <v>238</v>
      </c>
      <c r="D81497" s="14" t="s">
        <v>231</v>
      </c>
      <c r="E81497" s="15">
        <v>45478</v>
      </c>
      <c r="F81497" s="14" t="s">
        <v>15</v>
      </c>
      <c r="G81497" s="16">
        <v>0.85022824833744237</v>
      </c>
    </row>
    <row r="81498" spans="1:7" x14ac:dyDescent="0.3">
      <c r="A81498" s="13" t="s">
        <v>414</v>
      </c>
      <c r="B81498" s="14" t="s">
        <v>1</v>
      </c>
      <c r="C81498" s="14" t="s">
        <v>238</v>
      </c>
      <c r="D81498" s="14" t="s">
        <v>231</v>
      </c>
      <c r="E81498" s="15">
        <v>45479</v>
      </c>
      <c r="F81498" s="14" t="s">
        <v>15</v>
      </c>
      <c r="G81498" s="16">
        <v>0.85022824833744237</v>
      </c>
    </row>
    <row r="81499" spans="1:7" x14ac:dyDescent="0.3">
      <c r="A81499" s="13" t="s">
        <v>414</v>
      </c>
      <c r="B81499" s="14" t="s">
        <v>1</v>
      </c>
      <c r="C81499" s="14" t="s">
        <v>238</v>
      </c>
      <c r="D81499" s="14" t="s">
        <v>231</v>
      </c>
      <c r="E81499" s="15">
        <v>45480</v>
      </c>
      <c r="F81499" s="14" t="s">
        <v>15</v>
      </c>
      <c r="G81499" s="16">
        <v>0.85022824833744237</v>
      </c>
    </row>
    <row r="81500" spans="1:7" x14ac:dyDescent="0.3">
      <c r="A81500" s="13" t="s">
        <v>414</v>
      </c>
      <c r="B81500" s="14" t="s">
        <v>1</v>
      </c>
      <c r="C81500" s="14" t="s">
        <v>238</v>
      </c>
      <c r="D81500" s="14" t="s">
        <v>231</v>
      </c>
      <c r="E81500" s="15">
        <v>45481</v>
      </c>
      <c r="F81500" s="14" t="s">
        <v>15</v>
      </c>
      <c r="G81500" s="16">
        <v>0.85767639762887082</v>
      </c>
    </row>
    <row r="81501" spans="1:7" x14ac:dyDescent="0.3">
      <c r="A81501" s="13" t="s">
        <v>414</v>
      </c>
      <c r="B81501" s="14" t="s">
        <v>1</v>
      </c>
      <c r="C81501" s="14" t="s">
        <v>238</v>
      </c>
      <c r="D81501" s="14" t="s">
        <v>231</v>
      </c>
      <c r="E81501" s="15">
        <v>45482</v>
      </c>
      <c r="F81501" s="14" t="s">
        <v>15</v>
      </c>
      <c r="G81501" s="16">
        <v>0.88244505923584948</v>
      </c>
    </row>
    <row r="81502" spans="1:7" x14ac:dyDescent="0.3">
      <c r="A81502" s="13" t="s">
        <v>414</v>
      </c>
      <c r="B81502" s="14" t="s">
        <v>1</v>
      </c>
      <c r="C81502" s="14" t="s">
        <v>238</v>
      </c>
      <c r="D81502" s="14" t="s">
        <v>231</v>
      </c>
      <c r="E81502" s="15">
        <v>45483</v>
      </c>
      <c r="F81502" s="14" t="s">
        <v>15</v>
      </c>
      <c r="G81502" s="16">
        <v>0.89278956186378211</v>
      </c>
    </row>
    <row r="81503" spans="1:7" x14ac:dyDescent="0.3">
      <c r="A81503" s="13" t="s">
        <v>414</v>
      </c>
      <c r="B81503" s="14" t="s">
        <v>1</v>
      </c>
      <c r="C81503" s="14" t="s">
        <v>238</v>
      </c>
      <c r="D81503" s="14" t="s">
        <v>231</v>
      </c>
      <c r="E81503" s="15">
        <v>45484</v>
      </c>
      <c r="F81503" s="14" t="s">
        <v>15</v>
      </c>
      <c r="G81503" s="16">
        <v>0.90456488616493624</v>
      </c>
    </row>
    <row r="81504" spans="1:7" x14ac:dyDescent="0.3">
      <c r="A81504" s="13" t="s">
        <v>414</v>
      </c>
      <c r="B81504" s="14" t="s">
        <v>1</v>
      </c>
      <c r="C81504" s="14" t="s">
        <v>238</v>
      </c>
      <c r="D81504" s="14" t="s">
        <v>231</v>
      </c>
      <c r="E81504" s="15">
        <v>45485</v>
      </c>
      <c r="F81504" s="14" t="s">
        <v>15</v>
      </c>
      <c r="G81504" s="16">
        <v>0.91647679560379902</v>
      </c>
    </row>
    <row r="81505" spans="1:7" x14ac:dyDescent="0.3">
      <c r="A81505" s="13" t="s">
        <v>414</v>
      </c>
      <c r="B81505" s="14" t="s">
        <v>1</v>
      </c>
      <c r="C81505" s="14" t="s">
        <v>238</v>
      </c>
      <c r="D81505" s="14" t="s">
        <v>231</v>
      </c>
      <c r="E81505" s="15">
        <v>45486</v>
      </c>
      <c r="F81505" s="14" t="s">
        <v>15</v>
      </c>
      <c r="G81505" s="16">
        <v>0.91647679560379902</v>
      </c>
    </row>
    <row r="81506" spans="1:7" x14ac:dyDescent="0.3">
      <c r="A81506" s="13" t="s">
        <v>414</v>
      </c>
      <c r="B81506" s="14" t="s">
        <v>1</v>
      </c>
      <c r="C81506" s="14" t="s">
        <v>238</v>
      </c>
      <c r="D81506" s="14" t="s">
        <v>231</v>
      </c>
      <c r="E81506" s="15">
        <v>45487</v>
      </c>
      <c r="F81506" s="14" t="s">
        <v>15</v>
      </c>
      <c r="G81506" s="16">
        <v>0.91647679560379902</v>
      </c>
    </row>
    <row r="81507" spans="1:7" x14ac:dyDescent="0.3">
      <c r="A81507" s="13" t="s">
        <v>414</v>
      </c>
      <c r="B81507" s="14" t="s">
        <v>1</v>
      </c>
      <c r="C81507" s="14" t="s">
        <v>238</v>
      </c>
      <c r="D81507" s="14" t="s">
        <v>231</v>
      </c>
      <c r="E81507" s="15">
        <v>45488</v>
      </c>
      <c r="F81507" s="14" t="s">
        <v>15</v>
      </c>
      <c r="G81507" s="16">
        <v>0.92392851433484935</v>
      </c>
    </row>
    <row r="81508" spans="1:7" x14ac:dyDescent="0.3">
      <c r="A81508" s="13" t="s">
        <v>414</v>
      </c>
      <c r="B81508" s="14" t="s">
        <v>1</v>
      </c>
      <c r="C81508" s="14" t="s">
        <v>238</v>
      </c>
      <c r="D81508" s="14" t="s">
        <v>231</v>
      </c>
      <c r="E81508" s="15">
        <v>45489</v>
      </c>
      <c r="F81508" s="14" t="s">
        <v>15</v>
      </c>
      <c r="G81508" s="16">
        <v>0.95045991111383421</v>
      </c>
    </row>
    <row r="81509" spans="1:7" x14ac:dyDescent="0.3">
      <c r="A81509" s="13" t="s">
        <v>414</v>
      </c>
      <c r="B81509" s="14" t="s">
        <v>1</v>
      </c>
      <c r="C81509" s="14" t="s">
        <v>238</v>
      </c>
      <c r="D81509" s="14" t="s">
        <v>231</v>
      </c>
      <c r="E81509" s="15">
        <v>45490</v>
      </c>
      <c r="F81509" s="14" t="s">
        <v>15</v>
      </c>
      <c r="G81509" s="16">
        <v>0.96253654555942703</v>
      </c>
    </row>
    <row r="81510" spans="1:7" x14ac:dyDescent="0.3">
      <c r="A81510" s="13" t="s">
        <v>414</v>
      </c>
      <c r="B81510" s="14" t="s">
        <v>1</v>
      </c>
      <c r="C81510" s="14" t="s">
        <v>238</v>
      </c>
      <c r="D81510" s="14" t="s">
        <v>231</v>
      </c>
      <c r="E81510" s="15">
        <v>45491</v>
      </c>
      <c r="F81510" s="14" t="s">
        <v>15</v>
      </c>
      <c r="G81510" s="16">
        <v>0.96720059995769614</v>
      </c>
    </row>
    <row r="81511" spans="1:7" x14ac:dyDescent="0.3">
      <c r="A81511" s="13" t="s">
        <v>414</v>
      </c>
      <c r="B81511" s="14" t="s">
        <v>1</v>
      </c>
      <c r="C81511" s="14" t="s">
        <v>238</v>
      </c>
      <c r="D81511" s="14" t="s">
        <v>231</v>
      </c>
      <c r="E81511" s="15">
        <v>45492</v>
      </c>
      <c r="F81511" s="14" t="s">
        <v>15</v>
      </c>
      <c r="G81511" s="16">
        <v>0.97451738354797324</v>
      </c>
    </row>
    <row r="81512" spans="1:7" x14ac:dyDescent="0.3">
      <c r="A81512" s="13" t="s">
        <v>414</v>
      </c>
      <c r="B81512" s="14" t="s">
        <v>1</v>
      </c>
      <c r="C81512" s="14" t="s">
        <v>238</v>
      </c>
      <c r="D81512" s="14" t="s">
        <v>231</v>
      </c>
      <c r="E81512" s="15">
        <v>45493</v>
      </c>
      <c r="F81512" s="14" t="s">
        <v>15</v>
      </c>
      <c r="G81512" s="16">
        <v>0.97451738354797324</v>
      </c>
    </row>
    <row r="81513" spans="1:7" x14ac:dyDescent="0.3">
      <c r="A81513" s="13" t="s">
        <v>414</v>
      </c>
      <c r="B81513" s="14" t="s">
        <v>1</v>
      </c>
      <c r="C81513" s="14" t="s">
        <v>238</v>
      </c>
      <c r="D81513" s="14" t="s">
        <v>231</v>
      </c>
      <c r="E81513" s="15">
        <v>45494</v>
      </c>
      <c r="F81513" s="14" t="s">
        <v>15</v>
      </c>
      <c r="G81513" s="16">
        <v>0.97451738354797324</v>
      </c>
    </row>
    <row r="81514" spans="1:7" x14ac:dyDescent="0.3">
      <c r="A81514" s="13" t="s">
        <v>414</v>
      </c>
      <c r="B81514" s="14" t="s">
        <v>1</v>
      </c>
      <c r="C81514" s="14" t="s">
        <v>238</v>
      </c>
      <c r="D81514" s="14" t="s">
        <v>231</v>
      </c>
      <c r="E81514" s="15">
        <v>45495</v>
      </c>
      <c r="F81514" s="14" t="s">
        <v>15</v>
      </c>
      <c r="G81514" s="16">
        <v>0.98430110638160595</v>
      </c>
    </row>
    <row r="81515" spans="1:7" x14ac:dyDescent="0.3">
      <c r="A81515" s="13" t="s">
        <v>414</v>
      </c>
      <c r="B81515" s="14" t="s">
        <v>1</v>
      </c>
      <c r="C81515" s="14" t="s">
        <v>238</v>
      </c>
      <c r="D81515" s="14" t="s">
        <v>231</v>
      </c>
      <c r="E81515" s="15">
        <v>45496</v>
      </c>
      <c r="F81515" s="14" t="s">
        <v>15</v>
      </c>
      <c r="G81515" s="16">
        <v>1.0035694406954949</v>
      </c>
    </row>
    <row r="81516" spans="1:7" x14ac:dyDescent="0.3">
      <c r="A81516" s="13" t="s">
        <v>414</v>
      </c>
      <c r="B81516" s="14" t="s">
        <v>1</v>
      </c>
      <c r="C81516" s="14" t="s">
        <v>238</v>
      </c>
      <c r="D81516" s="14" t="s">
        <v>231</v>
      </c>
      <c r="E81516" s="15">
        <v>45497</v>
      </c>
      <c r="F81516" s="14" t="s">
        <v>15</v>
      </c>
      <c r="G81516" s="16">
        <v>1.0109891825109374</v>
      </c>
    </row>
    <row r="81517" spans="1:7" x14ac:dyDescent="0.3">
      <c r="A81517" s="13" t="s">
        <v>414</v>
      </c>
      <c r="B81517" s="14" t="s">
        <v>1</v>
      </c>
      <c r="C81517" s="14" t="s">
        <v>238</v>
      </c>
      <c r="D81517" s="14" t="s">
        <v>231</v>
      </c>
      <c r="E81517" s="15">
        <v>45498</v>
      </c>
      <c r="F81517" s="14" t="s">
        <v>15</v>
      </c>
      <c r="G81517" s="16">
        <v>1.0201806224528793</v>
      </c>
    </row>
    <row r="81518" spans="1:7" x14ac:dyDescent="0.3">
      <c r="A81518" s="13" t="s">
        <v>414</v>
      </c>
      <c r="B81518" s="14" t="s">
        <v>1</v>
      </c>
      <c r="C81518" s="14" t="s">
        <v>238</v>
      </c>
      <c r="D81518" s="14" t="s">
        <v>231</v>
      </c>
      <c r="E81518" s="15">
        <v>45499</v>
      </c>
      <c r="F81518" s="14" t="s">
        <v>15</v>
      </c>
      <c r="G81518" s="16">
        <v>1.0298767835050537</v>
      </c>
    </row>
    <row r="81519" spans="1:7" x14ac:dyDescent="0.3">
      <c r="A81519" s="13" t="s">
        <v>414</v>
      </c>
      <c r="B81519" s="14" t="s">
        <v>1</v>
      </c>
      <c r="C81519" s="14" t="s">
        <v>238</v>
      </c>
      <c r="D81519" s="14" t="s">
        <v>231</v>
      </c>
      <c r="E81519" s="15">
        <v>45500</v>
      </c>
      <c r="F81519" s="14" t="s">
        <v>15</v>
      </c>
      <c r="G81519" s="16">
        <v>1.0298767835050537</v>
      </c>
    </row>
    <row r="81520" spans="1:7" x14ac:dyDescent="0.3">
      <c r="A81520" s="13" t="s">
        <v>414</v>
      </c>
      <c r="B81520" s="14" t="s">
        <v>1</v>
      </c>
      <c r="C81520" s="14" t="s">
        <v>238</v>
      </c>
      <c r="D81520" s="14" t="s">
        <v>231</v>
      </c>
      <c r="E81520" s="15">
        <v>45501</v>
      </c>
      <c r="F81520" s="14" t="s">
        <v>15</v>
      </c>
      <c r="G81520" s="16">
        <v>1.0298767835050537</v>
      </c>
    </row>
    <row r="81521" spans="1:7" x14ac:dyDescent="0.3">
      <c r="A81521" s="13" t="s">
        <v>414</v>
      </c>
      <c r="B81521" s="14" t="s">
        <v>1</v>
      </c>
      <c r="C81521" s="14" t="s">
        <v>238</v>
      </c>
      <c r="D81521" s="14" t="s">
        <v>231</v>
      </c>
      <c r="E81521" s="15">
        <v>45502</v>
      </c>
      <c r="F81521" s="14" t="s">
        <v>15</v>
      </c>
      <c r="G81521" s="16">
        <v>1.0330596417041282</v>
      </c>
    </row>
    <row r="81522" spans="1:7" x14ac:dyDescent="0.3">
      <c r="A81522" s="13" t="s">
        <v>414</v>
      </c>
      <c r="B81522" s="14" t="s">
        <v>1</v>
      </c>
      <c r="C81522" s="14" t="s">
        <v>238</v>
      </c>
      <c r="D81522" s="14" t="s">
        <v>231</v>
      </c>
      <c r="E81522" s="15">
        <v>45503</v>
      </c>
      <c r="F81522" s="14" t="s">
        <v>15</v>
      </c>
      <c r="G81522" s="16">
        <v>1.0582057840430286</v>
      </c>
    </row>
    <row r="81523" spans="1:7" x14ac:dyDescent="0.3">
      <c r="A81523" s="13" t="s">
        <v>414</v>
      </c>
      <c r="B81523" s="14" t="s">
        <v>1</v>
      </c>
      <c r="C81523" s="14" t="s">
        <v>238</v>
      </c>
      <c r="D81523" s="14" t="s">
        <v>231</v>
      </c>
      <c r="E81523" s="15">
        <v>45504</v>
      </c>
      <c r="F81523" s="14" t="s">
        <v>15</v>
      </c>
      <c r="G81523" s="16">
        <v>1.0678787563413383</v>
      </c>
    </row>
    <row r="81524" spans="1:7" x14ac:dyDescent="0.3">
      <c r="A81524" s="13" t="s">
        <v>414</v>
      </c>
      <c r="B81524" s="14" t="s">
        <v>1</v>
      </c>
      <c r="C81524" s="14" t="s">
        <v>238</v>
      </c>
      <c r="D81524" s="14" t="s">
        <v>231</v>
      </c>
      <c r="E81524" s="15">
        <v>45505</v>
      </c>
      <c r="F81524" s="14" t="s">
        <v>15</v>
      </c>
      <c r="G81524" s="16">
        <v>1.0678787563413383</v>
      </c>
    </row>
    <row r="81525" spans="1:7" x14ac:dyDescent="0.3">
      <c r="A81525" s="13" t="s">
        <v>414</v>
      </c>
      <c r="B81525" s="14" t="s">
        <v>1</v>
      </c>
      <c r="C81525" s="14" t="s">
        <v>238</v>
      </c>
      <c r="D81525" s="14" t="s">
        <v>231</v>
      </c>
      <c r="E81525" s="15">
        <v>45506</v>
      </c>
      <c r="F81525" s="14" t="s">
        <v>15</v>
      </c>
      <c r="G81525" s="16">
        <v>1.0856139082274137</v>
      </c>
    </row>
    <row r="81526" spans="1:7" x14ac:dyDescent="0.3">
      <c r="A81526" s="13" t="s">
        <v>414</v>
      </c>
      <c r="B81526" s="14" t="s">
        <v>1</v>
      </c>
      <c r="C81526" s="14" t="s">
        <v>238</v>
      </c>
      <c r="D81526" s="14" t="s">
        <v>231</v>
      </c>
      <c r="E81526" s="15">
        <v>45507</v>
      </c>
      <c r="F81526" s="14" t="s">
        <v>15</v>
      </c>
      <c r="G81526" s="16">
        <v>1.0856139082274137</v>
      </c>
    </row>
    <row r="81527" spans="1:7" x14ac:dyDescent="0.3">
      <c r="A81527" s="13" t="s">
        <v>414</v>
      </c>
      <c r="B81527" s="14" t="s">
        <v>1</v>
      </c>
      <c r="C81527" s="14" t="s">
        <v>238</v>
      </c>
      <c r="D81527" s="14" t="s">
        <v>231</v>
      </c>
      <c r="E81527" s="15">
        <v>45508</v>
      </c>
      <c r="F81527" s="14" t="s">
        <v>15</v>
      </c>
      <c r="G81527" s="16">
        <v>1.0856139082274137</v>
      </c>
    </row>
    <row r="81528" spans="1:7" x14ac:dyDescent="0.3">
      <c r="A81528" s="13" t="s">
        <v>414</v>
      </c>
      <c r="B81528" s="14" t="s">
        <v>1</v>
      </c>
      <c r="C81528" s="14" t="s">
        <v>238</v>
      </c>
      <c r="D81528" s="14" t="s">
        <v>231</v>
      </c>
      <c r="E81528" s="15">
        <v>45509</v>
      </c>
      <c r="F81528" s="14" t="s">
        <v>15</v>
      </c>
      <c r="G81528" s="16">
        <v>1.0856139082274137</v>
      </c>
    </row>
    <row r="81529" spans="1:7" x14ac:dyDescent="0.3">
      <c r="A81529" s="13" t="s">
        <v>414</v>
      </c>
      <c r="B81529" s="14" t="s">
        <v>1</v>
      </c>
      <c r="C81529" s="14" t="s">
        <v>238</v>
      </c>
      <c r="D81529" s="14" t="s">
        <v>231</v>
      </c>
      <c r="E81529" s="15">
        <v>45510</v>
      </c>
      <c r="F81529" s="14" t="s">
        <v>15</v>
      </c>
      <c r="G81529" s="16">
        <v>1.105316087385839</v>
      </c>
    </row>
    <row r="81530" spans="1:7" x14ac:dyDescent="0.3">
      <c r="A81530" s="13" t="s">
        <v>414</v>
      </c>
      <c r="B81530" s="14" t="s">
        <v>1</v>
      </c>
      <c r="C81530" s="14" t="s">
        <v>238</v>
      </c>
      <c r="D81530" s="14" t="s">
        <v>231</v>
      </c>
      <c r="E81530" s="15">
        <v>45511</v>
      </c>
      <c r="F81530" s="14" t="s">
        <v>15</v>
      </c>
      <c r="G81530" s="16">
        <v>1.139364466819683</v>
      </c>
    </row>
    <row r="81531" spans="1:7" x14ac:dyDescent="0.3">
      <c r="A81531" s="13" t="s">
        <v>414</v>
      </c>
      <c r="B81531" s="14" t="s">
        <v>1</v>
      </c>
      <c r="C81531" s="14" t="s">
        <v>238</v>
      </c>
      <c r="D81531" s="14" t="s">
        <v>231</v>
      </c>
      <c r="E81531" s="15">
        <v>45512</v>
      </c>
      <c r="F81531" s="14" t="s">
        <v>15</v>
      </c>
      <c r="G81531" s="16">
        <v>1.1452007764560646</v>
      </c>
    </row>
    <row r="81532" spans="1:7" x14ac:dyDescent="0.3">
      <c r="A81532" s="13" t="s">
        <v>414</v>
      </c>
      <c r="B81532" s="14" t="s">
        <v>1</v>
      </c>
      <c r="C81532" s="14" t="s">
        <v>238</v>
      </c>
      <c r="D81532" s="14" t="s">
        <v>231</v>
      </c>
      <c r="E81532" s="15">
        <v>45513</v>
      </c>
      <c r="F81532" s="14" t="s">
        <v>15</v>
      </c>
      <c r="G81532" s="16">
        <v>1.1535788860544298</v>
      </c>
    </row>
    <row r="81533" spans="1:7" x14ac:dyDescent="0.3">
      <c r="A81533" s="13" t="s">
        <v>414</v>
      </c>
      <c r="B81533" s="14" t="s">
        <v>1</v>
      </c>
      <c r="C81533" s="14" t="s">
        <v>238</v>
      </c>
      <c r="D81533" s="14" t="s">
        <v>231</v>
      </c>
      <c r="E81533" s="15">
        <v>45514</v>
      </c>
      <c r="F81533" s="14" t="s">
        <v>15</v>
      </c>
      <c r="G81533" s="16">
        <v>1.1535788860544298</v>
      </c>
    </row>
    <row r="81534" spans="1:7" x14ac:dyDescent="0.3">
      <c r="A81534" s="13" t="s">
        <v>414</v>
      </c>
      <c r="B81534" s="14" t="s">
        <v>1</v>
      </c>
      <c r="C81534" s="14" t="s">
        <v>238</v>
      </c>
      <c r="D81534" s="14" t="s">
        <v>231</v>
      </c>
      <c r="E81534" s="15">
        <v>45515</v>
      </c>
      <c r="F81534" s="14" t="s">
        <v>15</v>
      </c>
      <c r="G81534" s="16">
        <v>1.1535788860544298</v>
      </c>
    </row>
    <row r="81535" spans="1:7" x14ac:dyDescent="0.3">
      <c r="A81535" s="13" t="s">
        <v>414</v>
      </c>
      <c r="B81535" s="14" t="s">
        <v>1</v>
      </c>
      <c r="C81535" s="14" t="s">
        <v>238</v>
      </c>
      <c r="D81535" s="14" t="s">
        <v>231</v>
      </c>
      <c r="E81535" s="15">
        <v>45516</v>
      </c>
      <c r="F81535" s="14" t="s">
        <v>15</v>
      </c>
      <c r="G81535" s="16">
        <v>1.1638557501006395</v>
      </c>
    </row>
    <row r="81536" spans="1:7" x14ac:dyDescent="0.3">
      <c r="A81536" s="13" t="s">
        <v>414</v>
      </c>
      <c r="B81536" s="14" t="s">
        <v>1</v>
      </c>
      <c r="C81536" s="14" t="s">
        <v>238</v>
      </c>
      <c r="D81536" s="14" t="s">
        <v>231</v>
      </c>
      <c r="E81536" s="15">
        <v>45517</v>
      </c>
      <c r="F81536" s="14" t="s">
        <v>15</v>
      </c>
      <c r="G81536" s="16">
        <v>1.1964111616516375</v>
      </c>
    </row>
    <row r="81537" spans="1:7" x14ac:dyDescent="0.3">
      <c r="A81537" s="13" t="s">
        <v>414</v>
      </c>
      <c r="B81537" s="14" t="s">
        <v>1</v>
      </c>
      <c r="C81537" s="14" t="s">
        <v>238</v>
      </c>
      <c r="D81537" s="14" t="s">
        <v>231</v>
      </c>
      <c r="E81537" s="15">
        <v>45518</v>
      </c>
      <c r="F81537" s="14" t="s">
        <v>15</v>
      </c>
      <c r="G81537" s="16">
        <v>1.2072056007062124</v>
      </c>
    </row>
    <row r="81538" spans="1:7" x14ac:dyDescent="0.3">
      <c r="A81538" s="13" t="s">
        <v>414</v>
      </c>
      <c r="B81538" s="14" t="s">
        <v>1</v>
      </c>
      <c r="C81538" s="14" t="s">
        <v>238</v>
      </c>
      <c r="D81538" s="14" t="s">
        <v>231</v>
      </c>
      <c r="E81538" s="15">
        <v>45519</v>
      </c>
      <c r="F81538" s="14" t="s">
        <v>15</v>
      </c>
      <c r="G81538" s="16">
        <v>1.2114576726538819</v>
      </c>
    </row>
    <row r="81539" spans="1:7" x14ac:dyDescent="0.3">
      <c r="A81539" s="13" t="s">
        <v>414</v>
      </c>
      <c r="B81539" s="14" t="s">
        <v>1</v>
      </c>
      <c r="C81539" s="14" t="s">
        <v>238</v>
      </c>
      <c r="D81539" s="14" t="s">
        <v>231</v>
      </c>
      <c r="E81539" s="15">
        <v>45520</v>
      </c>
      <c r="F81539" s="14" t="s">
        <v>15</v>
      </c>
      <c r="G81539" s="16">
        <v>1.226216737522418</v>
      </c>
    </row>
    <row r="81540" spans="1:7" x14ac:dyDescent="0.3">
      <c r="A81540" s="13" t="s">
        <v>414</v>
      </c>
      <c r="B81540" s="14" t="s">
        <v>1</v>
      </c>
      <c r="C81540" s="14" t="s">
        <v>238</v>
      </c>
      <c r="D81540" s="14" t="s">
        <v>231</v>
      </c>
      <c r="E81540" s="15">
        <v>45521</v>
      </c>
      <c r="F81540" s="14" t="s">
        <v>15</v>
      </c>
      <c r="G81540" s="16">
        <v>1.226216737522418</v>
      </c>
    </row>
    <row r="81541" spans="1:7" x14ac:dyDescent="0.3">
      <c r="A81541" s="13" t="s">
        <v>414</v>
      </c>
      <c r="B81541" s="14" t="s">
        <v>1</v>
      </c>
      <c r="C81541" s="14" t="s">
        <v>238</v>
      </c>
      <c r="D81541" s="14" t="s">
        <v>231</v>
      </c>
      <c r="E81541" s="15">
        <v>45522</v>
      </c>
      <c r="F81541" s="14" t="s">
        <v>15</v>
      </c>
      <c r="G81541" s="16">
        <v>1.226216737522418</v>
      </c>
    </row>
    <row r="81542" spans="1:7" x14ac:dyDescent="0.3">
      <c r="A81542" s="13" t="s">
        <v>414</v>
      </c>
      <c r="B81542" s="14" t="s">
        <v>1</v>
      </c>
      <c r="C81542" s="14" t="s">
        <v>238</v>
      </c>
      <c r="D81542" s="14" t="s">
        <v>231</v>
      </c>
      <c r="E81542" s="15">
        <v>45523</v>
      </c>
      <c r="F81542" s="14" t="s">
        <v>15</v>
      </c>
      <c r="G81542" s="16">
        <v>1.2413114071641074</v>
      </c>
    </row>
    <row r="81543" spans="1:7" x14ac:dyDescent="0.3">
      <c r="A81543" s="13" t="s">
        <v>414</v>
      </c>
      <c r="B81543" s="14" t="s">
        <v>1</v>
      </c>
      <c r="C81543" s="14" t="s">
        <v>238</v>
      </c>
      <c r="D81543" s="14" t="s">
        <v>231</v>
      </c>
      <c r="E81543" s="15">
        <v>45524</v>
      </c>
      <c r="F81543" s="14" t="s">
        <v>15</v>
      </c>
      <c r="G81543" s="16">
        <v>1.2724667401176137</v>
      </c>
    </row>
    <row r="81544" spans="1:7" x14ac:dyDescent="0.3">
      <c r="A81544" s="13" t="s">
        <v>414</v>
      </c>
      <c r="B81544" s="14" t="s">
        <v>1</v>
      </c>
      <c r="C81544" s="14" t="s">
        <v>238</v>
      </c>
      <c r="D81544" s="14" t="s">
        <v>231</v>
      </c>
      <c r="E81544" s="15">
        <v>45525</v>
      </c>
      <c r="F81544" s="14" t="s">
        <v>15</v>
      </c>
      <c r="G81544" s="16">
        <v>1.2834205790442474</v>
      </c>
    </row>
    <row r="81545" spans="1:7" x14ac:dyDescent="0.3">
      <c r="A81545" s="13" t="s">
        <v>414</v>
      </c>
      <c r="B81545" s="14" t="s">
        <v>1</v>
      </c>
      <c r="C81545" s="14" t="s">
        <v>238</v>
      </c>
      <c r="D81545" s="14" t="s">
        <v>231</v>
      </c>
      <c r="E81545" s="15">
        <v>45526</v>
      </c>
      <c r="F81545" s="14" t="s">
        <v>15</v>
      </c>
      <c r="G81545" s="16">
        <v>1.2877501594819316</v>
      </c>
    </row>
    <row r="81546" spans="1:7" x14ac:dyDescent="0.3">
      <c r="A81546" s="13" t="s">
        <v>414</v>
      </c>
      <c r="B81546" s="14" t="s">
        <v>1</v>
      </c>
      <c r="C81546" s="14" t="s">
        <v>238</v>
      </c>
      <c r="D81546" s="14" t="s">
        <v>231</v>
      </c>
      <c r="E81546" s="15">
        <v>45527</v>
      </c>
      <c r="F81546" s="14" t="s">
        <v>15</v>
      </c>
      <c r="G81546" s="16">
        <v>1.3056193553635862</v>
      </c>
    </row>
    <row r="81547" spans="1:7" x14ac:dyDescent="0.3">
      <c r="A81547" s="13" t="s">
        <v>414</v>
      </c>
      <c r="B81547" s="14" t="s">
        <v>1</v>
      </c>
      <c r="C81547" s="14" t="s">
        <v>238</v>
      </c>
      <c r="D81547" s="14" t="s">
        <v>231</v>
      </c>
      <c r="E81547" s="15">
        <v>45528</v>
      </c>
      <c r="F81547" s="14" t="s">
        <v>15</v>
      </c>
      <c r="G81547" s="16">
        <v>1.3056193553635862</v>
      </c>
    </row>
    <row r="81548" spans="1:7" x14ac:dyDescent="0.3">
      <c r="A81548" s="13" t="s">
        <v>414</v>
      </c>
      <c r="B81548" s="14" t="s">
        <v>1</v>
      </c>
      <c r="C81548" s="14" t="s">
        <v>238</v>
      </c>
      <c r="D81548" s="14" t="s">
        <v>231</v>
      </c>
      <c r="E81548" s="15">
        <v>45529</v>
      </c>
      <c r="F81548" s="14" t="s">
        <v>15</v>
      </c>
      <c r="G81548" s="16">
        <v>1.3056193553635862</v>
      </c>
    </row>
    <row r="81549" spans="1:7" x14ac:dyDescent="0.3">
      <c r="A81549" s="13" t="s">
        <v>414</v>
      </c>
      <c r="B81549" s="14" t="s">
        <v>1</v>
      </c>
      <c r="C81549" s="14" t="s">
        <v>238</v>
      </c>
      <c r="D81549" s="14" t="s">
        <v>231</v>
      </c>
      <c r="E81549" s="15">
        <v>45530</v>
      </c>
      <c r="F81549" s="14" t="s">
        <v>15</v>
      </c>
      <c r="G81549" s="16">
        <v>1.310615875861586</v>
      </c>
    </row>
    <row r="81550" spans="1:7" x14ac:dyDescent="0.3">
      <c r="A81550" s="13" t="s">
        <v>414</v>
      </c>
      <c r="B81550" s="14" t="s">
        <v>1</v>
      </c>
      <c r="C81550" s="14" t="s">
        <v>238</v>
      </c>
      <c r="D81550" s="14" t="s">
        <v>231</v>
      </c>
      <c r="E81550" s="15">
        <v>45531</v>
      </c>
      <c r="F81550" s="14" t="s">
        <v>15</v>
      </c>
      <c r="G81550" s="16">
        <v>1.3390803999437308</v>
      </c>
    </row>
    <row r="81551" spans="1:7" x14ac:dyDescent="0.3">
      <c r="A81551" s="13" t="s">
        <v>414</v>
      </c>
      <c r="B81551" s="14" t="s">
        <v>1</v>
      </c>
      <c r="C81551" s="14" t="s">
        <v>238</v>
      </c>
      <c r="D81551" s="14" t="s">
        <v>231</v>
      </c>
      <c r="E81551" s="15">
        <v>45532</v>
      </c>
      <c r="F81551" s="14" t="s">
        <v>15</v>
      </c>
      <c r="G81551" s="16">
        <v>1.3400439499478474</v>
      </c>
    </row>
    <row r="81552" spans="1:7" x14ac:dyDescent="0.3">
      <c r="A81552" s="13" t="s">
        <v>414</v>
      </c>
      <c r="B81552" s="14" t="s">
        <v>1</v>
      </c>
      <c r="C81552" s="14" t="s">
        <v>238</v>
      </c>
      <c r="D81552" s="14" t="s">
        <v>231</v>
      </c>
      <c r="E81552" s="15">
        <v>45533</v>
      </c>
      <c r="F81552" s="14" t="s">
        <v>15</v>
      </c>
      <c r="G81552" s="16">
        <v>1.3341911013262489</v>
      </c>
    </row>
    <row r="81553" spans="1:7" x14ac:dyDescent="0.3">
      <c r="A81553" s="13" t="s">
        <v>414</v>
      </c>
      <c r="B81553" s="14" t="s">
        <v>1</v>
      </c>
      <c r="C81553" s="14" t="s">
        <v>238</v>
      </c>
      <c r="D81553" s="14" t="s">
        <v>231</v>
      </c>
      <c r="E81553" s="15">
        <v>45534</v>
      </c>
      <c r="F81553" s="14" t="s">
        <v>15</v>
      </c>
      <c r="G81553" s="16">
        <v>1.339139478957281</v>
      </c>
    </row>
    <row r="81554" spans="1:7" x14ac:dyDescent="0.3">
      <c r="A81554" s="13" t="s">
        <v>414</v>
      </c>
      <c r="B81554" s="14" t="s">
        <v>1</v>
      </c>
      <c r="C81554" s="14" t="s">
        <v>238</v>
      </c>
      <c r="D81554" s="14" t="s">
        <v>231</v>
      </c>
      <c r="E81554" s="15">
        <v>45535</v>
      </c>
      <c r="F81554" s="14" t="s">
        <v>15</v>
      </c>
      <c r="G81554" s="16">
        <v>1.339139478957281</v>
      </c>
    </row>
    <row r="81555" spans="1:7" x14ac:dyDescent="0.3">
      <c r="A81555" s="13" t="s">
        <v>414</v>
      </c>
      <c r="B81555" s="14" t="s">
        <v>1</v>
      </c>
      <c r="C81555" s="14" t="s">
        <v>238</v>
      </c>
      <c r="D81555" s="14" t="s">
        <v>231</v>
      </c>
      <c r="E81555" s="15">
        <v>45536</v>
      </c>
      <c r="F81555" s="14" t="s">
        <v>15</v>
      </c>
      <c r="G81555" s="16">
        <v>1.339139478957281</v>
      </c>
    </row>
    <row r="81556" spans="1:7" x14ac:dyDescent="0.3">
      <c r="A81556" s="13" t="s">
        <v>414</v>
      </c>
      <c r="B81556" s="14" t="s">
        <v>1</v>
      </c>
      <c r="C81556" s="14" t="s">
        <v>238</v>
      </c>
      <c r="D81556" s="14" t="s">
        <v>231</v>
      </c>
      <c r="E81556" s="15">
        <v>45537</v>
      </c>
      <c r="F81556" s="14" t="s">
        <v>15</v>
      </c>
      <c r="G81556" s="16">
        <v>1.3506647441782891</v>
      </c>
    </row>
    <row r="81557" spans="1:7" x14ac:dyDescent="0.3">
      <c r="A81557" s="13" t="s">
        <v>414</v>
      </c>
      <c r="B81557" s="14" t="s">
        <v>1</v>
      </c>
      <c r="C81557" s="14" t="s">
        <v>238</v>
      </c>
      <c r="D81557" s="14" t="s">
        <v>231</v>
      </c>
      <c r="E81557" s="15">
        <v>45538</v>
      </c>
      <c r="F81557" s="14" t="s">
        <v>15</v>
      </c>
      <c r="G81557" s="16">
        <v>1.3725893009625671</v>
      </c>
    </row>
    <row r="81558" spans="1:7" x14ac:dyDescent="0.3">
      <c r="A81558" s="13" t="s">
        <v>414</v>
      </c>
      <c r="B81558" s="14" t="s">
        <v>1</v>
      </c>
      <c r="C81558" s="14" t="s">
        <v>238</v>
      </c>
      <c r="D81558" s="14" t="s">
        <v>231</v>
      </c>
      <c r="E81558" s="15">
        <v>45539</v>
      </c>
      <c r="F81558" s="14" t="s">
        <v>15</v>
      </c>
      <c r="G81558" s="16">
        <v>1.3859758776139075</v>
      </c>
    </row>
    <row r="81559" spans="1:7" x14ac:dyDescent="0.3">
      <c r="A81559" s="13" t="s">
        <v>414</v>
      </c>
      <c r="B81559" s="14" t="s">
        <v>1</v>
      </c>
      <c r="C81559" s="14" t="s">
        <v>238</v>
      </c>
      <c r="D81559" s="14" t="s">
        <v>231</v>
      </c>
      <c r="E81559" s="15">
        <v>45540</v>
      </c>
      <c r="F81559" s="14" t="s">
        <v>15</v>
      </c>
      <c r="G81559" s="16">
        <v>1.3987871964822862</v>
      </c>
    </row>
    <row r="81560" spans="1:7" x14ac:dyDescent="0.3">
      <c r="A81560" s="13" t="s">
        <v>414</v>
      </c>
      <c r="B81560" s="14" t="s">
        <v>1</v>
      </c>
      <c r="C81560" s="14" t="s">
        <v>238</v>
      </c>
      <c r="D81560" s="14" t="s">
        <v>231</v>
      </c>
      <c r="E81560" s="15">
        <v>45541</v>
      </c>
      <c r="F81560" s="14" t="s">
        <v>15</v>
      </c>
      <c r="G81560" s="16">
        <v>1.4042763731765138</v>
      </c>
    </row>
    <row r="81561" spans="1:7" x14ac:dyDescent="0.3">
      <c r="A81561" s="13" t="s">
        <v>414</v>
      </c>
      <c r="B81561" s="14" t="s">
        <v>1</v>
      </c>
      <c r="C81561" s="14" t="s">
        <v>238</v>
      </c>
      <c r="D81561" s="14" t="s">
        <v>231</v>
      </c>
      <c r="E81561" s="15">
        <v>45542</v>
      </c>
      <c r="F81561" s="14" t="s">
        <v>15</v>
      </c>
      <c r="G81561" s="16">
        <v>1.4042763731765138</v>
      </c>
    </row>
    <row r="81562" spans="1:7" x14ac:dyDescent="0.3">
      <c r="A81562" s="13" t="s">
        <v>414</v>
      </c>
      <c r="B81562" s="14" t="s">
        <v>1</v>
      </c>
      <c r="C81562" s="14" t="s">
        <v>238</v>
      </c>
      <c r="D81562" s="14" t="s">
        <v>231</v>
      </c>
      <c r="E81562" s="15">
        <v>45543</v>
      </c>
      <c r="F81562" s="14" t="s">
        <v>15</v>
      </c>
      <c r="G81562" s="16">
        <v>1.4042763731765138</v>
      </c>
    </row>
    <row r="81563" spans="1:7" x14ac:dyDescent="0.3">
      <c r="A81563" s="13" t="s">
        <v>414</v>
      </c>
      <c r="B81563" s="14" t="s">
        <v>1</v>
      </c>
      <c r="C81563" s="14" t="s">
        <v>238</v>
      </c>
      <c r="D81563" s="14" t="s">
        <v>231</v>
      </c>
      <c r="E81563" s="15">
        <v>45544</v>
      </c>
      <c r="F81563" s="14" t="s">
        <v>15</v>
      </c>
      <c r="G81563" s="16">
        <v>1.4063984410116934</v>
      </c>
    </row>
    <row r="81564" spans="1:7" x14ac:dyDescent="0.3">
      <c r="A81564" s="13" t="s">
        <v>414</v>
      </c>
      <c r="B81564" s="14" t="s">
        <v>1</v>
      </c>
      <c r="C81564" s="14" t="s">
        <v>238</v>
      </c>
      <c r="D81564" s="14" t="s">
        <v>231</v>
      </c>
      <c r="E81564" s="15">
        <v>45545</v>
      </c>
      <c r="F81564" s="14" t="s">
        <v>15</v>
      </c>
      <c r="G81564" s="16">
        <v>1.4302728190093854</v>
      </c>
    </row>
    <row r="81565" spans="1:7" x14ac:dyDescent="0.3">
      <c r="A81565" s="13" t="s">
        <v>414</v>
      </c>
      <c r="B81565" s="14" t="s">
        <v>1</v>
      </c>
      <c r="C81565" s="14" t="s">
        <v>238</v>
      </c>
      <c r="D81565" s="14" t="s">
        <v>231</v>
      </c>
      <c r="E81565" s="15">
        <v>45546</v>
      </c>
      <c r="F81565" s="14" t="s">
        <v>15</v>
      </c>
      <c r="G81565" s="16">
        <v>1.4376784700984722</v>
      </c>
    </row>
    <row r="81566" spans="1:7" x14ac:dyDescent="0.3">
      <c r="A81566" s="13" t="s">
        <v>414</v>
      </c>
      <c r="B81566" s="14" t="s">
        <v>1</v>
      </c>
      <c r="C81566" s="14" t="s">
        <v>238</v>
      </c>
      <c r="D81566" s="14" t="s">
        <v>231</v>
      </c>
      <c r="E81566" s="15">
        <v>45547</v>
      </c>
      <c r="F81566" s="14" t="s">
        <v>15</v>
      </c>
      <c r="G81566" s="16">
        <v>1.4543303458195338</v>
      </c>
    </row>
    <row r="81567" spans="1:7" x14ac:dyDescent="0.3">
      <c r="A81567" s="13" t="s">
        <v>414</v>
      </c>
      <c r="B81567" s="14" t="s">
        <v>1</v>
      </c>
      <c r="C81567" s="14" t="s">
        <v>238</v>
      </c>
      <c r="D81567" s="14" t="s">
        <v>231</v>
      </c>
      <c r="E81567" s="15">
        <v>45548</v>
      </c>
      <c r="F81567" s="14" t="s">
        <v>15</v>
      </c>
      <c r="G81567" s="16">
        <v>1.4632132537082216</v>
      </c>
    </row>
    <row r="81568" spans="1:7" x14ac:dyDescent="0.3">
      <c r="A81568" s="13" t="s">
        <v>414</v>
      </c>
      <c r="B81568" s="14" t="s">
        <v>1</v>
      </c>
      <c r="C81568" s="14" t="s">
        <v>238</v>
      </c>
      <c r="D81568" s="14" t="s">
        <v>231</v>
      </c>
      <c r="E81568" s="15">
        <v>45549</v>
      </c>
      <c r="F81568" s="14" t="s">
        <v>15</v>
      </c>
      <c r="G81568" s="16">
        <v>1.4632132537082216</v>
      </c>
    </row>
    <row r="81569" spans="1:7" x14ac:dyDescent="0.3">
      <c r="A81569" s="13" t="s">
        <v>414</v>
      </c>
      <c r="B81569" s="14" t="s">
        <v>1</v>
      </c>
      <c r="C81569" s="14" t="s">
        <v>238</v>
      </c>
      <c r="D81569" s="14" t="s">
        <v>231</v>
      </c>
      <c r="E81569" s="15">
        <v>45550</v>
      </c>
      <c r="F81569" s="14" t="s">
        <v>15</v>
      </c>
      <c r="G81569" s="16">
        <v>1.4632132537082216</v>
      </c>
    </row>
    <row r="81570" spans="1:7" x14ac:dyDescent="0.3">
      <c r="A81570" s="13" t="s">
        <v>414</v>
      </c>
      <c r="B81570" s="14" t="s">
        <v>1</v>
      </c>
      <c r="C81570" s="14" t="s">
        <v>238</v>
      </c>
      <c r="D81570" s="14" t="s">
        <v>231</v>
      </c>
      <c r="E81570" s="15">
        <v>45551</v>
      </c>
      <c r="F81570" s="14" t="s">
        <v>15</v>
      </c>
      <c r="G81570" s="16">
        <v>1.4794702606311632</v>
      </c>
    </row>
    <row r="81571" spans="1:7" x14ac:dyDescent="0.3">
      <c r="A81571" s="13" t="s">
        <v>414</v>
      </c>
      <c r="B81571" s="14" t="s">
        <v>1</v>
      </c>
      <c r="C81571" s="14" t="s">
        <v>238</v>
      </c>
      <c r="D81571" s="14" t="s">
        <v>231</v>
      </c>
      <c r="E81571" s="15">
        <v>45552</v>
      </c>
      <c r="F81571" s="14" t="s">
        <v>15</v>
      </c>
      <c r="G81571" s="16">
        <v>1.5030736724129372</v>
      </c>
    </row>
    <row r="81572" spans="1:7" x14ac:dyDescent="0.3">
      <c r="A81572" s="13" t="s">
        <v>414</v>
      </c>
      <c r="B81572" s="14" t="s">
        <v>1</v>
      </c>
      <c r="C81572" s="14" t="s">
        <v>238</v>
      </c>
      <c r="D81572" s="14" t="s">
        <v>231</v>
      </c>
      <c r="E81572" s="15">
        <v>45553</v>
      </c>
      <c r="F81572" s="14" t="s">
        <v>15</v>
      </c>
      <c r="G81572" s="16">
        <v>1.512464325444093</v>
      </c>
    </row>
    <row r="81573" spans="1:7" x14ac:dyDescent="0.3">
      <c r="A81573" s="13" t="s">
        <v>414</v>
      </c>
      <c r="B81573" s="14" t="s">
        <v>1</v>
      </c>
      <c r="C81573" s="14" t="s">
        <v>238</v>
      </c>
      <c r="D81573" s="14" t="s">
        <v>231</v>
      </c>
      <c r="E81573" s="15">
        <v>45554</v>
      </c>
      <c r="F81573" s="14" t="s">
        <v>15</v>
      </c>
      <c r="G81573" s="16">
        <v>1.5271365738022844</v>
      </c>
    </row>
    <row r="81574" spans="1:7" x14ac:dyDescent="0.3">
      <c r="A81574" s="13" t="s">
        <v>414</v>
      </c>
      <c r="B81574" s="14" t="s">
        <v>1</v>
      </c>
      <c r="C81574" s="14" t="s">
        <v>238</v>
      </c>
      <c r="D81574" s="14" t="s">
        <v>231</v>
      </c>
      <c r="E81574" s="15">
        <v>45555</v>
      </c>
      <c r="F81574" s="14" t="s">
        <v>15</v>
      </c>
      <c r="G81574" s="16">
        <v>1.5359998290265504</v>
      </c>
    </row>
    <row r="81575" spans="1:7" x14ac:dyDescent="0.3">
      <c r="A81575" s="13" t="s">
        <v>414</v>
      </c>
      <c r="B81575" s="14" t="s">
        <v>1</v>
      </c>
      <c r="C81575" s="14" t="s">
        <v>238</v>
      </c>
      <c r="D81575" s="14" t="s">
        <v>231</v>
      </c>
      <c r="E81575" s="15">
        <v>45556</v>
      </c>
      <c r="F81575" s="14" t="s">
        <v>15</v>
      </c>
      <c r="G81575" s="16">
        <v>1.5359998290265504</v>
      </c>
    </row>
    <row r="81576" spans="1:7" x14ac:dyDescent="0.3">
      <c r="A81576" s="13" t="s">
        <v>414</v>
      </c>
      <c r="B81576" s="14" t="s">
        <v>1</v>
      </c>
      <c r="C81576" s="14" t="s">
        <v>238</v>
      </c>
      <c r="D81576" s="14" t="s">
        <v>231</v>
      </c>
      <c r="E81576" s="15">
        <v>45557</v>
      </c>
      <c r="F81576" s="14" t="s">
        <v>15</v>
      </c>
      <c r="G81576" s="16">
        <v>1.5359998290265504</v>
      </c>
    </row>
    <row r="81577" spans="1:7" x14ac:dyDescent="0.3">
      <c r="A81577" s="13" t="s">
        <v>414</v>
      </c>
      <c r="B81577" s="14" t="s">
        <v>1</v>
      </c>
      <c r="C81577" s="14" t="s">
        <v>238</v>
      </c>
      <c r="D81577" s="14" t="s">
        <v>231</v>
      </c>
      <c r="E81577" s="15">
        <v>45558</v>
      </c>
      <c r="F81577" s="14" t="s">
        <v>15</v>
      </c>
      <c r="G81577" s="16">
        <v>1.537510141884644</v>
      </c>
    </row>
    <row r="81578" spans="1:7" x14ac:dyDescent="0.3">
      <c r="A81578" s="13" t="s">
        <v>414</v>
      </c>
      <c r="B81578" s="14" t="s">
        <v>1</v>
      </c>
      <c r="C81578" s="14" t="s">
        <v>238</v>
      </c>
      <c r="D81578" s="14" t="s">
        <v>231</v>
      </c>
      <c r="E81578" s="15">
        <v>45559</v>
      </c>
      <c r="F81578" s="14" t="s">
        <v>15</v>
      </c>
      <c r="G81578" s="16">
        <v>1.5731230510757068</v>
      </c>
    </row>
    <row r="81579" spans="1:7" x14ac:dyDescent="0.3">
      <c r="A81579" s="13" t="s">
        <v>414</v>
      </c>
      <c r="B81579" s="14" t="s">
        <v>1</v>
      </c>
      <c r="C81579" s="14" t="s">
        <v>238</v>
      </c>
      <c r="D81579" s="14" t="s">
        <v>231</v>
      </c>
      <c r="E81579" s="15">
        <v>45560</v>
      </c>
      <c r="F81579" s="14" t="s">
        <v>15</v>
      </c>
      <c r="G81579" s="16">
        <v>1.5753545498865158</v>
      </c>
    </row>
    <row r="81580" spans="1:7" x14ac:dyDescent="0.3">
      <c r="A81580" s="13" t="s">
        <v>414</v>
      </c>
      <c r="B81580" s="14" t="s">
        <v>1</v>
      </c>
      <c r="C81580" s="14" t="s">
        <v>238</v>
      </c>
      <c r="D81580" s="14" t="s">
        <v>231</v>
      </c>
      <c r="E81580" s="15">
        <v>45561</v>
      </c>
      <c r="F81580" s="14" t="s">
        <v>15</v>
      </c>
      <c r="G81580" s="16">
        <v>1.5900484415026315</v>
      </c>
    </row>
    <row r="81581" spans="1:7" x14ac:dyDescent="0.3">
      <c r="A81581" s="13" t="s">
        <v>414</v>
      </c>
      <c r="B81581" s="14" t="s">
        <v>1</v>
      </c>
      <c r="C81581" s="14" t="s">
        <v>238</v>
      </c>
      <c r="D81581" s="14" t="s">
        <v>231</v>
      </c>
      <c r="E81581" s="15">
        <v>45562</v>
      </c>
      <c r="F81581" s="14" t="s">
        <v>15</v>
      </c>
      <c r="G81581" s="16">
        <v>1.5969507946153738</v>
      </c>
    </row>
    <row r="81582" spans="1:7" x14ac:dyDescent="0.3">
      <c r="A81582" s="13" t="s">
        <v>414</v>
      </c>
      <c r="B81582" s="14" t="s">
        <v>1</v>
      </c>
      <c r="C81582" s="14" t="s">
        <v>238</v>
      </c>
      <c r="D81582" s="14" t="s">
        <v>231</v>
      </c>
      <c r="E81582" s="15">
        <v>45563</v>
      </c>
      <c r="F81582" s="14" t="s">
        <v>15</v>
      </c>
      <c r="G81582" s="16">
        <v>1.5969507946153738</v>
      </c>
    </row>
    <row r="81583" spans="1:7" x14ac:dyDescent="0.3">
      <c r="A81583" s="13" t="s">
        <v>414</v>
      </c>
      <c r="B81583" s="14" t="s">
        <v>1</v>
      </c>
      <c r="C81583" s="14" t="s">
        <v>238</v>
      </c>
      <c r="D81583" s="14" t="s">
        <v>231</v>
      </c>
      <c r="E81583" s="15">
        <v>45564</v>
      </c>
      <c r="F81583" s="14" t="s">
        <v>15</v>
      </c>
      <c r="G81583" s="16">
        <v>1.5969507946153738</v>
      </c>
    </row>
    <row r="81584" spans="1:7" x14ac:dyDescent="0.3">
      <c r="A81584" s="13" t="s">
        <v>414</v>
      </c>
      <c r="B81584" s="14" t="s">
        <v>1</v>
      </c>
      <c r="C81584" s="14" t="s">
        <v>238</v>
      </c>
      <c r="D81584" s="14" t="s">
        <v>231</v>
      </c>
      <c r="E81584" s="15">
        <v>45565</v>
      </c>
      <c r="F81584" s="14" t="s">
        <v>15</v>
      </c>
      <c r="G81584" s="16">
        <v>1.6012255046292618</v>
      </c>
    </row>
    <row r="81585" spans="1:7" x14ac:dyDescent="0.3">
      <c r="A81585" s="13" t="s">
        <v>414</v>
      </c>
      <c r="B81585" s="14" t="s">
        <v>1</v>
      </c>
      <c r="C81585" s="14" t="s">
        <v>238</v>
      </c>
      <c r="D81585" s="14" t="s">
        <v>231</v>
      </c>
      <c r="E81585" s="15">
        <v>45566</v>
      </c>
      <c r="F81585" s="14" t="s">
        <v>15</v>
      </c>
      <c r="G81585" s="16">
        <v>1.6161728135204756</v>
      </c>
    </row>
    <row r="81586" spans="1:7" x14ac:dyDescent="0.3">
      <c r="A81586" s="13" t="s">
        <v>414</v>
      </c>
      <c r="B81586" s="14" t="s">
        <v>1</v>
      </c>
      <c r="C81586" s="14" t="s">
        <v>238</v>
      </c>
      <c r="D81586" s="14" t="s">
        <v>231</v>
      </c>
      <c r="E81586" s="15">
        <v>45567</v>
      </c>
      <c r="F81586" s="14" t="s">
        <v>15</v>
      </c>
      <c r="G81586" s="16">
        <v>1.6216694910896854</v>
      </c>
    </row>
    <row r="81587" spans="1:7" x14ac:dyDescent="0.3">
      <c r="A81587" s="13" t="s">
        <v>414</v>
      </c>
      <c r="B81587" s="14" t="s">
        <v>1</v>
      </c>
      <c r="C81587" s="14" t="s">
        <v>238</v>
      </c>
      <c r="D81587" s="14" t="s">
        <v>231</v>
      </c>
      <c r="E81587" s="15">
        <v>45568</v>
      </c>
      <c r="F81587" s="14" t="s">
        <v>15</v>
      </c>
      <c r="G81587" s="16">
        <v>1.6280659687433905</v>
      </c>
    </row>
    <row r="81588" spans="1:7" x14ac:dyDescent="0.3">
      <c r="A81588" s="13" t="s">
        <v>414</v>
      </c>
      <c r="B81588" s="14" t="s">
        <v>1</v>
      </c>
      <c r="C81588" s="14" t="s">
        <v>238</v>
      </c>
      <c r="D81588" s="14" t="s">
        <v>231</v>
      </c>
      <c r="E81588" s="15">
        <v>45569</v>
      </c>
      <c r="F81588" s="14" t="s">
        <v>15</v>
      </c>
      <c r="G81588" s="16">
        <v>1.6293992760200087</v>
      </c>
    </row>
    <row r="81589" spans="1:7" x14ac:dyDescent="0.3">
      <c r="A81589" s="13" t="s">
        <v>414</v>
      </c>
      <c r="B81589" s="14" t="s">
        <v>1</v>
      </c>
      <c r="C81589" s="14" t="s">
        <v>238</v>
      </c>
      <c r="D81589" s="14" t="s">
        <v>231</v>
      </c>
      <c r="E81589" s="15">
        <v>45570</v>
      </c>
      <c r="F81589" s="14" t="s">
        <v>15</v>
      </c>
      <c r="G81589" s="16">
        <v>1.6293992760200087</v>
      </c>
    </row>
    <row r="81590" spans="1:7" x14ac:dyDescent="0.3">
      <c r="A81590" s="13" t="s">
        <v>414</v>
      </c>
      <c r="B81590" s="14" t="s">
        <v>1</v>
      </c>
      <c r="C81590" s="14" t="s">
        <v>238</v>
      </c>
      <c r="D81590" s="14" t="s">
        <v>231</v>
      </c>
      <c r="E81590" s="15">
        <v>45571</v>
      </c>
      <c r="F81590" s="14" t="s">
        <v>15</v>
      </c>
      <c r="G81590" s="16">
        <v>1.6293992760200087</v>
      </c>
    </row>
    <row r="81591" spans="1:7" x14ac:dyDescent="0.3">
      <c r="A81591" s="13" t="s">
        <v>414</v>
      </c>
      <c r="B81591" s="14" t="s">
        <v>1</v>
      </c>
      <c r="C81591" s="14" t="s">
        <v>238</v>
      </c>
      <c r="D81591" s="14" t="s">
        <v>231</v>
      </c>
      <c r="E81591" s="15">
        <v>45572</v>
      </c>
      <c r="F81591" s="14" t="s">
        <v>15</v>
      </c>
      <c r="G81591" s="16">
        <v>1.633552544937654</v>
      </c>
    </row>
    <row r="81592" spans="1:7" x14ac:dyDescent="0.3">
      <c r="A81592" s="13" t="s">
        <v>414</v>
      </c>
      <c r="B81592" s="14" t="s">
        <v>1</v>
      </c>
      <c r="C81592" s="14" t="s">
        <v>238</v>
      </c>
      <c r="D81592" s="14" t="s">
        <v>231</v>
      </c>
      <c r="E81592" s="15">
        <v>45573</v>
      </c>
      <c r="F81592" s="14" t="s">
        <v>15</v>
      </c>
      <c r="G81592" s="16">
        <v>1.6648529777648422</v>
      </c>
    </row>
    <row r="81593" spans="1:7" x14ac:dyDescent="0.3">
      <c r="A81593" s="13" t="s">
        <v>414</v>
      </c>
      <c r="B81593" s="14" t="s">
        <v>1</v>
      </c>
      <c r="C81593" s="14" t="s">
        <v>238</v>
      </c>
      <c r="D81593" s="14" t="s">
        <v>231</v>
      </c>
      <c r="E81593" s="15">
        <v>45574</v>
      </c>
      <c r="F81593" s="14" t="s">
        <v>15</v>
      </c>
      <c r="G81593" s="16">
        <v>1.6670416573955533</v>
      </c>
    </row>
    <row r="81594" spans="1:7" x14ac:dyDescent="0.3">
      <c r="A81594" s="13" t="s">
        <v>414</v>
      </c>
      <c r="B81594" s="14" t="s">
        <v>1</v>
      </c>
      <c r="C81594" s="14" t="s">
        <v>238</v>
      </c>
      <c r="D81594" s="14" t="s">
        <v>231</v>
      </c>
      <c r="E81594" s="15">
        <v>45575</v>
      </c>
      <c r="F81594" s="14" t="s">
        <v>15</v>
      </c>
      <c r="G81594" s="16">
        <v>1.675242899567982</v>
      </c>
    </row>
    <row r="81595" spans="1:7" x14ac:dyDescent="0.3">
      <c r="A81595" s="13" t="s">
        <v>414</v>
      </c>
      <c r="B81595" s="14" t="s">
        <v>1</v>
      </c>
      <c r="C81595" s="14" t="s">
        <v>238</v>
      </c>
      <c r="D81595" s="14" t="s">
        <v>231</v>
      </c>
      <c r="E81595" s="15">
        <v>45576</v>
      </c>
      <c r="F81595" s="14" t="s">
        <v>15</v>
      </c>
      <c r="G81595" s="16">
        <v>1.6844575278648035</v>
      </c>
    </row>
    <row r="81596" spans="1:7" x14ac:dyDescent="0.3">
      <c r="A81596" s="13" t="s">
        <v>414</v>
      </c>
      <c r="B81596" s="14" t="s">
        <v>1</v>
      </c>
      <c r="C81596" s="14" t="s">
        <v>238</v>
      </c>
      <c r="D81596" s="14" t="s">
        <v>231</v>
      </c>
      <c r="E81596" s="15">
        <v>45577</v>
      </c>
      <c r="F81596" s="14" t="s">
        <v>15</v>
      </c>
      <c r="G81596" s="16">
        <v>1.6844575278648035</v>
      </c>
    </row>
    <row r="81597" spans="1:7" x14ac:dyDescent="0.3">
      <c r="A81597" s="13" t="s">
        <v>414</v>
      </c>
      <c r="B81597" s="14" t="s">
        <v>1</v>
      </c>
      <c r="C81597" s="14" t="s">
        <v>238</v>
      </c>
      <c r="D81597" s="14" t="s">
        <v>231</v>
      </c>
      <c r="E81597" s="15">
        <v>45578</v>
      </c>
      <c r="F81597" s="14" t="s">
        <v>15</v>
      </c>
      <c r="G81597" s="16">
        <v>1.6844575278648035</v>
      </c>
    </row>
    <row r="81598" spans="1:7" x14ac:dyDescent="0.3">
      <c r="A81598" s="13" t="s">
        <v>414</v>
      </c>
      <c r="B81598" s="14" t="s">
        <v>1</v>
      </c>
      <c r="C81598" s="14" t="s">
        <v>238</v>
      </c>
      <c r="D81598" s="14" t="s">
        <v>231</v>
      </c>
      <c r="E81598" s="15">
        <v>45579</v>
      </c>
      <c r="F81598" s="14" t="s">
        <v>15</v>
      </c>
      <c r="G81598" s="16">
        <v>1.6888291232985779</v>
      </c>
    </row>
    <row r="81599" spans="1:7" x14ac:dyDescent="0.3">
      <c r="A81599" s="13" t="s">
        <v>414</v>
      </c>
      <c r="B81599" s="14" t="s">
        <v>1</v>
      </c>
      <c r="C81599" s="14" t="s">
        <v>238</v>
      </c>
      <c r="D81599" s="14" t="s">
        <v>231</v>
      </c>
      <c r="E81599" s="15">
        <v>45580</v>
      </c>
      <c r="F81599" s="14" t="s">
        <v>15</v>
      </c>
      <c r="G81599" s="16">
        <v>1.7123251717784451</v>
      </c>
    </row>
    <row r="81600" spans="1:7" x14ac:dyDescent="0.3">
      <c r="A81600" s="13" t="s">
        <v>414</v>
      </c>
      <c r="B81600" s="14" t="s">
        <v>1</v>
      </c>
      <c r="C81600" s="14" t="s">
        <v>238</v>
      </c>
      <c r="D81600" s="14" t="s">
        <v>231</v>
      </c>
      <c r="E81600" s="15">
        <v>45581</v>
      </c>
      <c r="F81600" s="14" t="s">
        <v>15</v>
      </c>
      <c r="G81600" s="16">
        <v>1.7164307888199801</v>
      </c>
    </row>
    <row r="81601" spans="1:7" x14ac:dyDescent="0.3">
      <c r="A81601" s="13" t="s">
        <v>414</v>
      </c>
      <c r="B81601" s="14" t="s">
        <v>1</v>
      </c>
      <c r="C81601" s="14" t="s">
        <v>238</v>
      </c>
      <c r="D81601" s="14" t="s">
        <v>231</v>
      </c>
      <c r="E81601" s="15">
        <v>45582</v>
      </c>
      <c r="F81601" s="14" t="s">
        <v>15</v>
      </c>
      <c r="G81601" s="16">
        <v>1.7203249949966481</v>
      </c>
    </row>
    <row r="81602" spans="1:7" x14ac:dyDescent="0.3">
      <c r="A81602" s="13" t="s">
        <v>414</v>
      </c>
      <c r="B81602" s="14" t="s">
        <v>1</v>
      </c>
      <c r="C81602" s="14" t="s">
        <v>238</v>
      </c>
      <c r="D81602" s="14" t="s">
        <v>231</v>
      </c>
      <c r="E81602" s="15">
        <v>45583</v>
      </c>
      <c r="F81602" s="14" t="s">
        <v>15</v>
      </c>
      <c r="G81602" s="16">
        <v>1.7346990168723078</v>
      </c>
    </row>
    <row r="81603" spans="1:7" x14ac:dyDescent="0.3">
      <c r="A81603" s="13" t="s">
        <v>414</v>
      </c>
      <c r="B81603" s="14" t="s">
        <v>1</v>
      </c>
      <c r="C81603" s="14" t="s">
        <v>238</v>
      </c>
      <c r="D81603" s="14" t="s">
        <v>231</v>
      </c>
      <c r="E81603" s="15">
        <v>45584</v>
      </c>
      <c r="F81603" s="14" t="s">
        <v>15</v>
      </c>
      <c r="G81603" s="16">
        <v>1.7346990168723078</v>
      </c>
    </row>
    <row r="81604" spans="1:7" x14ac:dyDescent="0.3">
      <c r="A81604" s="13" t="s">
        <v>414</v>
      </c>
      <c r="B81604" s="14" t="s">
        <v>1</v>
      </c>
      <c r="C81604" s="14" t="s">
        <v>238</v>
      </c>
      <c r="D81604" s="14" t="s">
        <v>231</v>
      </c>
      <c r="E81604" s="15">
        <v>45585</v>
      </c>
      <c r="F81604" s="14" t="s">
        <v>15</v>
      </c>
      <c r="G81604" s="16">
        <v>1.7346990168723078</v>
      </c>
    </row>
    <row r="81605" spans="1:7" x14ac:dyDescent="0.3">
      <c r="A81605" s="13" t="s">
        <v>414</v>
      </c>
      <c r="B81605" s="14" t="s">
        <v>1</v>
      </c>
      <c r="C81605" s="14" t="s">
        <v>238</v>
      </c>
      <c r="D81605" s="14" t="s">
        <v>231</v>
      </c>
      <c r="E81605" s="15">
        <v>45586</v>
      </c>
      <c r="F81605" s="14" t="s">
        <v>15</v>
      </c>
      <c r="G81605" s="16">
        <v>1.7352069373307368</v>
      </c>
    </row>
    <row r="81606" spans="1:7" x14ac:dyDescent="0.3">
      <c r="A81606" s="13" t="s">
        <v>414</v>
      </c>
      <c r="B81606" s="14" t="s">
        <v>1</v>
      </c>
      <c r="C81606" s="14" t="s">
        <v>238</v>
      </c>
      <c r="D81606" s="14" t="s">
        <v>231</v>
      </c>
      <c r="E81606" s="15">
        <v>45587</v>
      </c>
      <c r="F81606" s="14" t="s">
        <v>15</v>
      </c>
      <c r="G81606" s="16">
        <v>1.7590971288496089</v>
      </c>
    </row>
    <row r="81607" spans="1:7" x14ac:dyDescent="0.3">
      <c r="A81607" s="13" t="s">
        <v>414</v>
      </c>
      <c r="B81607" s="14" t="s">
        <v>1</v>
      </c>
      <c r="C81607" s="14" t="s">
        <v>238</v>
      </c>
      <c r="D81607" s="14" t="s">
        <v>231</v>
      </c>
      <c r="E81607" s="15">
        <v>45588</v>
      </c>
      <c r="F81607" s="14" t="s">
        <v>15</v>
      </c>
      <c r="G81607" s="16">
        <v>1.764936404948251</v>
      </c>
    </row>
    <row r="81608" spans="1:7" x14ac:dyDescent="0.3">
      <c r="A81608" s="13" t="s">
        <v>414</v>
      </c>
      <c r="B81608" s="14" t="s">
        <v>1</v>
      </c>
      <c r="C81608" s="14" t="s">
        <v>238</v>
      </c>
      <c r="D81608" s="14" t="s">
        <v>231</v>
      </c>
      <c r="E81608" s="15">
        <v>45589</v>
      </c>
      <c r="F81608" s="14" t="s">
        <v>15</v>
      </c>
      <c r="G81608" s="16">
        <v>1.7809393119852963</v>
      </c>
    </row>
    <row r="81609" spans="1:7" x14ac:dyDescent="0.3">
      <c r="A81609" s="13" t="s">
        <v>414</v>
      </c>
      <c r="B81609" s="14" t="s">
        <v>1</v>
      </c>
      <c r="C81609" s="14" t="s">
        <v>238</v>
      </c>
      <c r="D81609" s="14" t="s">
        <v>231</v>
      </c>
      <c r="E81609" s="15">
        <v>45590</v>
      </c>
      <c r="F81609" s="14" t="s">
        <v>15</v>
      </c>
      <c r="G81609" s="16">
        <v>1.784492323867485</v>
      </c>
    </row>
    <row r="81610" spans="1:7" x14ac:dyDescent="0.3">
      <c r="A81610" s="13" t="s">
        <v>414</v>
      </c>
      <c r="B81610" s="14" t="s">
        <v>1</v>
      </c>
      <c r="C81610" s="14" t="s">
        <v>238</v>
      </c>
      <c r="D81610" s="14" t="s">
        <v>231</v>
      </c>
      <c r="E81610" s="15">
        <v>45591</v>
      </c>
      <c r="F81610" s="14" t="s">
        <v>15</v>
      </c>
      <c r="G81610" s="16">
        <v>1.784492323867485</v>
      </c>
    </row>
    <row r="81611" spans="1:7" x14ac:dyDescent="0.3">
      <c r="A81611" s="13" t="s">
        <v>414</v>
      </c>
      <c r="B81611" s="14" t="s">
        <v>1</v>
      </c>
      <c r="C81611" s="14" t="s">
        <v>238</v>
      </c>
      <c r="D81611" s="14" t="s">
        <v>231</v>
      </c>
      <c r="E81611" s="15">
        <v>45592</v>
      </c>
      <c r="F81611" s="14" t="s">
        <v>15</v>
      </c>
      <c r="G81611" s="16">
        <v>1.784492323867485</v>
      </c>
    </row>
    <row r="81612" spans="1:7" x14ac:dyDescent="0.3">
      <c r="A81612" s="13" t="s">
        <v>414</v>
      </c>
      <c r="B81612" s="14" t="s">
        <v>1</v>
      </c>
      <c r="C81612" s="14" t="s">
        <v>238</v>
      </c>
      <c r="D81612" s="14" t="s">
        <v>231</v>
      </c>
      <c r="E81612" s="15">
        <v>45593</v>
      </c>
      <c r="F81612" s="14" t="s">
        <v>15</v>
      </c>
      <c r="G81612" s="16">
        <v>1.784492323867485</v>
      </c>
    </row>
    <row r="81613" spans="1:7" x14ac:dyDescent="0.3">
      <c r="A81613" s="13" t="s">
        <v>414</v>
      </c>
      <c r="B81613" s="14" t="s">
        <v>1</v>
      </c>
      <c r="C81613" s="14" t="s">
        <v>238</v>
      </c>
      <c r="D81613" s="14" t="s">
        <v>231</v>
      </c>
      <c r="E81613" s="15">
        <v>45594</v>
      </c>
      <c r="F81613" s="14" t="s">
        <v>15</v>
      </c>
      <c r="G81613" s="16">
        <v>1.7969127942991667</v>
      </c>
    </row>
    <row r="81614" spans="1:7" x14ac:dyDescent="0.3">
      <c r="A81614" s="13" t="s">
        <v>414</v>
      </c>
      <c r="B81614" s="14" t="s">
        <v>1</v>
      </c>
      <c r="C81614" s="14" t="s">
        <v>238</v>
      </c>
      <c r="D81614" s="14" t="s">
        <v>231</v>
      </c>
      <c r="E81614" s="15">
        <v>45595</v>
      </c>
      <c r="F81614" s="14" t="s">
        <v>15</v>
      </c>
      <c r="G81614" s="16">
        <v>1.8382158144451342</v>
      </c>
    </row>
    <row r="81615" spans="1:7" x14ac:dyDescent="0.3">
      <c r="A81615" s="13" t="s">
        <v>414</v>
      </c>
      <c r="B81615" s="14" t="s">
        <v>1</v>
      </c>
      <c r="C81615" s="14" t="s">
        <v>238</v>
      </c>
      <c r="D81615" s="14" t="s">
        <v>231</v>
      </c>
      <c r="E81615" s="15">
        <v>45596</v>
      </c>
      <c r="F81615" s="14" t="s">
        <v>15</v>
      </c>
      <c r="G81615" s="16">
        <v>1.8516332860564557</v>
      </c>
    </row>
    <row r="81616" spans="1:7" x14ac:dyDescent="0.3">
      <c r="A81616" s="13" t="s">
        <v>414</v>
      </c>
      <c r="B81616" s="14" t="s">
        <v>1</v>
      </c>
      <c r="C81616" s="14" t="s">
        <v>238</v>
      </c>
      <c r="D81616" s="14" t="s">
        <v>231</v>
      </c>
      <c r="E81616" s="15">
        <v>45597</v>
      </c>
      <c r="F81616" s="14" t="s">
        <v>15</v>
      </c>
      <c r="G81616" s="16">
        <v>1.8519429356374839</v>
      </c>
    </row>
    <row r="81617" spans="1:7" x14ac:dyDescent="0.3">
      <c r="A81617" s="13" t="s">
        <v>414</v>
      </c>
      <c r="B81617" s="14" t="s">
        <v>1</v>
      </c>
      <c r="C81617" s="14" t="s">
        <v>238</v>
      </c>
      <c r="D81617" s="14" t="s">
        <v>231</v>
      </c>
      <c r="E81617" s="15">
        <v>45598</v>
      </c>
      <c r="F81617" s="14" t="s">
        <v>15</v>
      </c>
      <c r="G81617" s="16">
        <v>1.8519429356374839</v>
      </c>
    </row>
    <row r="81618" spans="1:7" x14ac:dyDescent="0.3">
      <c r="A81618" s="13" t="s">
        <v>414</v>
      </c>
      <c r="B81618" s="14" t="s">
        <v>1</v>
      </c>
      <c r="C81618" s="14" t="s">
        <v>238</v>
      </c>
      <c r="D81618" s="14" t="s">
        <v>231</v>
      </c>
      <c r="E81618" s="15">
        <v>45599</v>
      </c>
      <c r="F81618" s="14" t="s">
        <v>15</v>
      </c>
      <c r="G81618" s="16">
        <v>1.8519429356374839</v>
      </c>
    </row>
    <row r="81619" spans="1:7" x14ac:dyDescent="0.3">
      <c r="A81619" s="13" t="s">
        <v>414</v>
      </c>
      <c r="B81619" s="14" t="s">
        <v>1</v>
      </c>
      <c r="C81619" s="14" t="s">
        <v>238</v>
      </c>
      <c r="D81619" s="14" t="s">
        <v>231</v>
      </c>
      <c r="E81619" s="15">
        <v>45600</v>
      </c>
      <c r="F81619" s="14" t="s">
        <v>15</v>
      </c>
      <c r="G81619" s="16">
        <v>1.8678068751424426</v>
      </c>
    </row>
    <row r="81620" spans="1:7" x14ac:dyDescent="0.3">
      <c r="A81620" s="13" t="s">
        <v>414</v>
      </c>
      <c r="B81620" s="14" t="s">
        <v>1</v>
      </c>
      <c r="C81620" s="14" t="s">
        <v>238</v>
      </c>
      <c r="D81620" s="14" t="s">
        <v>231</v>
      </c>
      <c r="E81620" s="15">
        <v>45601</v>
      </c>
      <c r="F81620" s="14" t="s">
        <v>15</v>
      </c>
      <c r="G81620" s="16">
        <v>1.9037140531759535</v>
      </c>
    </row>
    <row r="81621" spans="1:7" x14ac:dyDescent="0.3">
      <c r="A81621" s="13" t="s">
        <v>414</v>
      </c>
      <c r="B81621" s="14" t="s">
        <v>1</v>
      </c>
      <c r="C81621" s="14" t="s">
        <v>238</v>
      </c>
      <c r="D81621" s="14" t="s">
        <v>231</v>
      </c>
      <c r="E81621" s="15">
        <v>45602</v>
      </c>
      <c r="F81621" s="14" t="s">
        <v>15</v>
      </c>
      <c r="G81621" s="16">
        <v>1.877435954241214</v>
      </c>
    </row>
    <row r="81622" spans="1:7" x14ac:dyDescent="0.3">
      <c r="A81622" s="13" t="s">
        <v>414</v>
      </c>
      <c r="B81622" s="14" t="s">
        <v>1</v>
      </c>
      <c r="C81622" s="14" t="s">
        <v>238</v>
      </c>
      <c r="D81622" s="14" t="s">
        <v>231</v>
      </c>
      <c r="E81622" s="15">
        <v>45603</v>
      </c>
      <c r="F81622" s="14" t="s">
        <v>15</v>
      </c>
      <c r="G81622" s="16">
        <v>1.8995289455048239</v>
      </c>
    </row>
    <row r="81623" spans="1:7" x14ac:dyDescent="0.3">
      <c r="A81623" s="13" t="s">
        <v>414</v>
      </c>
      <c r="B81623" s="14" t="s">
        <v>1</v>
      </c>
      <c r="C81623" s="14" t="s">
        <v>238</v>
      </c>
      <c r="D81623" s="14" t="s">
        <v>231</v>
      </c>
      <c r="E81623" s="15">
        <v>45604</v>
      </c>
      <c r="F81623" s="14" t="s">
        <v>15</v>
      </c>
      <c r="G81623" s="16">
        <v>1.9011071660527865</v>
      </c>
    </row>
    <row r="81624" spans="1:7" x14ac:dyDescent="0.3">
      <c r="A81624" s="13" t="s">
        <v>414</v>
      </c>
      <c r="B81624" s="14" t="s">
        <v>1</v>
      </c>
      <c r="C81624" s="14" t="s">
        <v>238</v>
      </c>
      <c r="D81624" s="14" t="s">
        <v>231</v>
      </c>
      <c r="E81624" s="15">
        <v>45605</v>
      </c>
      <c r="F81624" s="14" t="s">
        <v>15</v>
      </c>
      <c r="G81624" s="16">
        <v>1.9011071660527865</v>
      </c>
    </row>
    <row r="81625" spans="1:7" x14ac:dyDescent="0.3">
      <c r="A81625" s="13" t="s">
        <v>414</v>
      </c>
      <c r="B81625" s="14" t="s">
        <v>1</v>
      </c>
      <c r="C81625" s="14" t="s">
        <v>238</v>
      </c>
      <c r="D81625" s="14" t="s">
        <v>231</v>
      </c>
      <c r="E81625" s="15">
        <v>45606</v>
      </c>
      <c r="F81625" s="14" t="s">
        <v>15</v>
      </c>
      <c r="G81625" s="16">
        <v>1.9011071660527865</v>
      </c>
    </row>
    <row r="81626" spans="1:7" x14ac:dyDescent="0.3">
      <c r="A81626" s="13" t="s">
        <v>414</v>
      </c>
      <c r="B81626" s="14" t="s">
        <v>1</v>
      </c>
      <c r="C81626" s="14" t="s">
        <v>238</v>
      </c>
      <c r="D81626" s="14" t="s">
        <v>231</v>
      </c>
      <c r="E81626" s="15">
        <v>45607</v>
      </c>
      <c r="F81626" s="14" t="s">
        <v>15</v>
      </c>
      <c r="G81626" s="16">
        <v>1.8987858133073254</v>
      </c>
    </row>
    <row r="81627" spans="1:7" x14ac:dyDescent="0.3">
      <c r="A81627" s="13" t="s">
        <v>414</v>
      </c>
      <c r="B81627" s="14" t="s">
        <v>1</v>
      </c>
      <c r="C81627" s="14" t="s">
        <v>238</v>
      </c>
      <c r="D81627" s="14" t="s">
        <v>231</v>
      </c>
      <c r="E81627" s="15">
        <v>45608</v>
      </c>
      <c r="F81627" s="14" t="s">
        <v>15</v>
      </c>
      <c r="G81627" s="16">
        <v>1.9186402693728482</v>
      </c>
    </row>
    <row r="81628" spans="1:7" x14ac:dyDescent="0.3">
      <c r="A81628" s="13" t="s">
        <v>414</v>
      </c>
      <c r="B81628" s="14" t="s">
        <v>1</v>
      </c>
      <c r="C81628" s="14" t="s">
        <v>238</v>
      </c>
      <c r="D81628" s="14" t="s">
        <v>231</v>
      </c>
      <c r="E81628" s="15">
        <v>45609</v>
      </c>
      <c r="F81628" s="14" t="s">
        <v>15</v>
      </c>
      <c r="G81628" s="16">
        <v>1.9167539887610248</v>
      </c>
    </row>
    <row r="81629" spans="1:7" x14ac:dyDescent="0.3">
      <c r="A81629" s="13" t="s">
        <v>414</v>
      </c>
      <c r="B81629" s="14" t="s">
        <v>1</v>
      </c>
      <c r="C81629" s="14" t="s">
        <v>238</v>
      </c>
      <c r="D81629" s="14" t="s">
        <v>231</v>
      </c>
      <c r="E81629" s="15">
        <v>45610</v>
      </c>
      <c r="F81629" s="14" t="s">
        <v>15</v>
      </c>
      <c r="G81629" s="16">
        <v>1.9191542196593694</v>
      </c>
    </row>
    <row r="81630" spans="1:7" x14ac:dyDescent="0.3">
      <c r="A81630" s="13" t="s">
        <v>414</v>
      </c>
      <c r="B81630" s="14" t="s">
        <v>1</v>
      </c>
      <c r="C81630" s="14" t="s">
        <v>238</v>
      </c>
      <c r="D81630" s="14" t="s">
        <v>231</v>
      </c>
      <c r="E81630" s="15">
        <v>45611</v>
      </c>
      <c r="F81630" s="14" t="s">
        <v>15</v>
      </c>
      <c r="G81630" s="16">
        <v>1.9298639404416342</v>
      </c>
    </row>
    <row r="81631" spans="1:7" x14ac:dyDescent="0.3">
      <c r="A81631" s="13" t="s">
        <v>414</v>
      </c>
      <c r="B81631" s="14" t="s">
        <v>1</v>
      </c>
      <c r="C81631" s="14" t="s">
        <v>238</v>
      </c>
      <c r="D81631" s="14" t="s">
        <v>231</v>
      </c>
      <c r="E81631" s="15">
        <v>45612</v>
      </c>
      <c r="F81631" s="14" t="s">
        <v>15</v>
      </c>
      <c r="G81631" s="16">
        <v>1.9298639404416342</v>
      </c>
    </row>
    <row r="81632" spans="1:7" x14ac:dyDescent="0.3">
      <c r="A81632" s="13" t="s">
        <v>414</v>
      </c>
      <c r="B81632" s="14" t="s">
        <v>1</v>
      </c>
      <c r="C81632" s="14" t="s">
        <v>238</v>
      </c>
      <c r="D81632" s="14" t="s">
        <v>231</v>
      </c>
      <c r="E81632" s="15">
        <v>45613</v>
      </c>
      <c r="F81632" s="14" t="s">
        <v>15</v>
      </c>
      <c r="G81632" s="16">
        <v>1.9298639404416342</v>
      </c>
    </row>
    <row r="81633" spans="1:7" x14ac:dyDescent="0.3">
      <c r="A81633" s="13" t="s">
        <v>414</v>
      </c>
      <c r="B81633" s="14" t="s">
        <v>1</v>
      </c>
      <c r="C81633" s="14" t="s">
        <v>238</v>
      </c>
      <c r="D81633" s="14" t="s">
        <v>231</v>
      </c>
      <c r="E81633" s="15">
        <v>45614</v>
      </c>
      <c r="F81633" s="14" t="s">
        <v>15</v>
      </c>
      <c r="G81633" s="16">
        <v>1.9494479024558811</v>
      </c>
    </row>
    <row r="81634" spans="1:7" x14ac:dyDescent="0.3">
      <c r="A81634" s="13" t="s">
        <v>414</v>
      </c>
      <c r="B81634" s="14" t="s">
        <v>1</v>
      </c>
      <c r="C81634" s="14" t="s">
        <v>238</v>
      </c>
      <c r="D81634" s="14" t="s">
        <v>231</v>
      </c>
      <c r="E81634" s="15">
        <v>45615</v>
      </c>
      <c r="F81634" s="14" t="s">
        <v>15</v>
      </c>
      <c r="G81634" s="16">
        <v>1.9749123450288735</v>
      </c>
    </row>
    <row r="81635" spans="1:7" x14ac:dyDescent="0.3">
      <c r="A81635" s="13" t="s">
        <v>414</v>
      </c>
      <c r="B81635" s="14" t="s">
        <v>1</v>
      </c>
      <c r="C81635" s="14" t="s">
        <v>238</v>
      </c>
      <c r="D81635" s="14" t="s">
        <v>231</v>
      </c>
      <c r="E81635" s="15">
        <v>45616</v>
      </c>
      <c r="F81635" s="14" t="s">
        <v>15</v>
      </c>
      <c r="G81635" s="16">
        <v>1.9740280431119483</v>
      </c>
    </row>
    <row r="81636" spans="1:7" x14ac:dyDescent="0.3">
      <c r="A81636" s="13" t="s">
        <v>414</v>
      </c>
      <c r="B81636" s="14" t="s">
        <v>1</v>
      </c>
      <c r="C81636" s="14" t="s">
        <v>238</v>
      </c>
      <c r="D81636" s="14" t="s">
        <v>231</v>
      </c>
      <c r="E81636" s="15">
        <v>45617</v>
      </c>
      <c r="F81636" s="14" t="s">
        <v>15</v>
      </c>
      <c r="G81636" s="16">
        <v>1.9696445976611037</v>
      </c>
    </row>
    <row r="81637" spans="1:7" x14ac:dyDescent="0.3">
      <c r="A81637" s="13" t="s">
        <v>414</v>
      </c>
      <c r="B81637" s="14" t="s">
        <v>1</v>
      </c>
      <c r="C81637" s="14" t="s">
        <v>238</v>
      </c>
      <c r="D81637" s="14" t="s">
        <v>231</v>
      </c>
      <c r="E81637" s="15">
        <v>45618</v>
      </c>
      <c r="F81637" s="14" t="s">
        <v>15</v>
      </c>
      <c r="G81637" s="16">
        <v>1.9682402587436505</v>
      </c>
    </row>
    <row r="81638" spans="1:7" x14ac:dyDescent="0.3">
      <c r="A81638" s="13" t="s">
        <v>414</v>
      </c>
      <c r="B81638" s="14" t="s">
        <v>1</v>
      </c>
      <c r="C81638" s="14" t="s">
        <v>238</v>
      </c>
      <c r="D81638" s="14" t="s">
        <v>231</v>
      </c>
      <c r="E81638" s="15">
        <v>45619</v>
      </c>
      <c r="F81638" s="14" t="s">
        <v>15</v>
      </c>
      <c r="G81638" s="16">
        <v>1.9682402587436505</v>
      </c>
    </row>
    <row r="81639" spans="1:7" x14ac:dyDescent="0.3">
      <c r="A81639" s="13" t="s">
        <v>414</v>
      </c>
      <c r="B81639" s="14" t="s">
        <v>1</v>
      </c>
      <c r="C81639" s="14" t="s">
        <v>238</v>
      </c>
      <c r="D81639" s="14" t="s">
        <v>231</v>
      </c>
      <c r="E81639" s="15">
        <v>45620</v>
      </c>
      <c r="F81639" s="14" t="s">
        <v>15</v>
      </c>
      <c r="G81639" s="16">
        <v>1.9682402587436505</v>
      </c>
    </row>
    <row r="81640" spans="1:7" x14ac:dyDescent="0.3">
      <c r="A81640" s="13" t="s">
        <v>414</v>
      </c>
      <c r="B81640" s="14" t="s">
        <v>1</v>
      </c>
      <c r="C81640" s="14" t="s">
        <v>238</v>
      </c>
      <c r="D81640" s="14" t="s">
        <v>231</v>
      </c>
      <c r="E81640" s="15">
        <v>45621</v>
      </c>
      <c r="F81640" s="14" t="s">
        <v>15</v>
      </c>
      <c r="G81640" s="16">
        <v>1.9908374854818962</v>
      </c>
    </row>
    <row r="81641" spans="1:7" x14ac:dyDescent="0.3">
      <c r="A81641" s="13" t="s">
        <v>414</v>
      </c>
      <c r="B81641" s="14" t="s">
        <v>1</v>
      </c>
      <c r="C81641" s="14" t="s">
        <v>238</v>
      </c>
      <c r="D81641" s="14" t="s">
        <v>231</v>
      </c>
      <c r="E81641" s="15">
        <v>45622</v>
      </c>
      <c r="F81641" s="14" t="s">
        <v>15</v>
      </c>
      <c r="G81641" s="16">
        <v>2.0162835992488448</v>
      </c>
    </row>
    <row r="81642" spans="1:7" x14ac:dyDescent="0.3">
      <c r="A81642" s="13" t="s">
        <v>414</v>
      </c>
      <c r="B81642" s="14" t="s">
        <v>1</v>
      </c>
      <c r="C81642" s="14" t="s">
        <v>238</v>
      </c>
      <c r="D81642" s="14" t="s">
        <v>231</v>
      </c>
      <c r="E81642" s="15">
        <v>45623</v>
      </c>
      <c r="F81642" s="14" t="s">
        <v>15</v>
      </c>
      <c r="G81642" s="16">
        <v>2.0400306758755411</v>
      </c>
    </row>
    <row r="81643" spans="1:7" x14ac:dyDescent="0.3">
      <c r="A81643" s="13" t="s">
        <v>414</v>
      </c>
      <c r="B81643" s="14" t="s">
        <v>1</v>
      </c>
      <c r="C81643" s="14" t="s">
        <v>238</v>
      </c>
      <c r="D81643" s="14" t="s">
        <v>231</v>
      </c>
      <c r="E81643" s="15">
        <v>45624</v>
      </c>
      <c r="F81643" s="14" t="s">
        <v>15</v>
      </c>
      <c r="G81643" s="16">
        <v>2.047016960127106</v>
      </c>
    </row>
    <row r="81644" spans="1:7" x14ac:dyDescent="0.3">
      <c r="A81644" s="13" t="s">
        <v>414</v>
      </c>
      <c r="B81644" s="14" t="s">
        <v>1</v>
      </c>
      <c r="C81644" s="14" t="s">
        <v>238</v>
      </c>
      <c r="D81644" s="14" t="s">
        <v>231</v>
      </c>
      <c r="E81644" s="15">
        <v>45625</v>
      </c>
      <c r="F81644" s="14" t="s">
        <v>15</v>
      </c>
      <c r="G81644" s="16">
        <v>2.0597812086974621</v>
      </c>
    </row>
    <row r="81645" spans="1:7" x14ac:dyDescent="0.3">
      <c r="A81645" s="13" t="s">
        <v>414</v>
      </c>
      <c r="B81645" s="14" t="s">
        <v>1</v>
      </c>
      <c r="C81645" s="14" t="s">
        <v>238</v>
      </c>
      <c r="D81645" s="14" t="s">
        <v>231</v>
      </c>
      <c r="E81645" s="15">
        <v>45626</v>
      </c>
      <c r="F81645" s="14" t="s">
        <v>15</v>
      </c>
      <c r="G81645" s="16">
        <v>2.0597812086974621</v>
      </c>
    </row>
    <row r="81646" spans="1:7" x14ac:dyDescent="0.3">
      <c r="A81646" s="13" t="s">
        <v>414</v>
      </c>
      <c r="B81646" s="14" t="s">
        <v>1</v>
      </c>
      <c r="C81646" s="14" t="s">
        <v>238</v>
      </c>
      <c r="D81646" s="14" t="s">
        <v>231</v>
      </c>
      <c r="E81646" s="15">
        <v>45627</v>
      </c>
      <c r="F81646" s="14" t="s">
        <v>15</v>
      </c>
      <c r="G81646" s="16">
        <v>2.0597812086974621</v>
      </c>
    </row>
    <row r="81647" spans="1:7" x14ac:dyDescent="0.3">
      <c r="A81647" s="13" t="s">
        <v>414</v>
      </c>
      <c r="B81647" s="14" t="s">
        <v>1</v>
      </c>
      <c r="C81647" s="14" t="s">
        <v>238</v>
      </c>
      <c r="D81647" s="14" t="s">
        <v>231</v>
      </c>
      <c r="E81647" s="15">
        <v>45628</v>
      </c>
      <c r="F81647" s="14" t="s">
        <v>15</v>
      </c>
      <c r="G81647" s="16">
        <v>2.0530219759816717</v>
      </c>
    </row>
    <row r="81648" spans="1:7" x14ac:dyDescent="0.3">
      <c r="A81648" s="13" t="s">
        <v>414</v>
      </c>
      <c r="B81648" s="14" t="s">
        <v>1</v>
      </c>
      <c r="C81648" s="14" t="s">
        <v>238</v>
      </c>
      <c r="D81648" s="14" t="s">
        <v>231</v>
      </c>
      <c r="E81648" s="15">
        <v>45629</v>
      </c>
      <c r="F81648" s="14" t="s">
        <v>15</v>
      </c>
      <c r="G81648" s="16">
        <v>2.0817598670604722</v>
      </c>
    </row>
    <row r="81649" spans="1:7" x14ac:dyDescent="0.3">
      <c r="A81649" s="13" t="s">
        <v>414</v>
      </c>
      <c r="B81649" s="14" t="s">
        <v>1</v>
      </c>
      <c r="C81649" s="14" t="s">
        <v>238</v>
      </c>
      <c r="D81649" s="14" t="s">
        <v>231</v>
      </c>
      <c r="E81649" s="15">
        <v>45630</v>
      </c>
      <c r="F81649" s="14" t="s">
        <v>15</v>
      </c>
      <c r="G81649" s="16">
        <v>2.0911339544586816</v>
      </c>
    </row>
    <row r="81650" spans="1:7" x14ac:dyDescent="0.3">
      <c r="A81650" s="13" t="s">
        <v>414</v>
      </c>
      <c r="B81650" s="14" t="s">
        <v>1</v>
      </c>
      <c r="C81650" s="14" t="s">
        <v>238</v>
      </c>
      <c r="D81650" s="14" t="s">
        <v>231</v>
      </c>
      <c r="E81650" s="15">
        <v>45631</v>
      </c>
      <c r="F81650" s="14" t="s">
        <v>15</v>
      </c>
      <c r="G81650" s="16">
        <v>2.1154268592065901</v>
      </c>
    </row>
    <row r="81651" spans="1:7" x14ac:dyDescent="0.3">
      <c r="A81651" s="13" t="s">
        <v>414</v>
      </c>
      <c r="B81651" s="14" t="s">
        <v>1</v>
      </c>
      <c r="C81651" s="14" t="s">
        <v>238</v>
      </c>
      <c r="D81651" s="14" t="s">
        <v>231</v>
      </c>
      <c r="E81651" s="15">
        <v>45632</v>
      </c>
      <c r="F81651" s="14" t="s">
        <v>15</v>
      </c>
      <c r="G81651" s="16">
        <v>2.1216275935573452</v>
      </c>
    </row>
    <row r="81652" spans="1:7" x14ac:dyDescent="0.3">
      <c r="A81652" s="13" t="s">
        <v>414</v>
      </c>
      <c r="B81652" s="14" t="s">
        <v>1</v>
      </c>
      <c r="C81652" s="14" t="s">
        <v>238</v>
      </c>
      <c r="D81652" s="14" t="s">
        <v>231</v>
      </c>
      <c r="E81652" s="15">
        <v>45633</v>
      </c>
      <c r="F81652" s="14" t="s">
        <v>15</v>
      </c>
      <c r="G81652" s="16">
        <v>2.1216275935573452</v>
      </c>
    </row>
    <row r="81653" spans="1:7" x14ac:dyDescent="0.3">
      <c r="A81653" s="13" t="s">
        <v>414</v>
      </c>
      <c r="B81653" s="14" t="s">
        <v>1</v>
      </c>
      <c r="C81653" s="14" t="s">
        <v>238</v>
      </c>
      <c r="D81653" s="14" t="s">
        <v>231</v>
      </c>
      <c r="E81653" s="15">
        <v>45634</v>
      </c>
      <c r="F81653" s="14" t="s">
        <v>15</v>
      </c>
      <c r="G81653" s="16">
        <v>2.1216275935573452</v>
      </c>
    </row>
    <row r="81654" spans="1:7" x14ac:dyDescent="0.3">
      <c r="A81654" s="13" t="s">
        <v>414</v>
      </c>
      <c r="B81654" s="14" t="s">
        <v>1</v>
      </c>
      <c r="C81654" s="14" t="s">
        <v>238</v>
      </c>
      <c r="D81654" s="14" t="s">
        <v>231</v>
      </c>
      <c r="E81654" s="15">
        <v>45635</v>
      </c>
      <c r="F81654" s="14" t="s">
        <v>15</v>
      </c>
      <c r="G81654" s="16">
        <v>2.1273147005701456</v>
      </c>
    </row>
    <row r="81655" spans="1:7" x14ac:dyDescent="0.3">
      <c r="A81655" s="13" t="s">
        <v>414</v>
      </c>
      <c r="B81655" s="14" t="s">
        <v>1</v>
      </c>
      <c r="C81655" s="14" t="s">
        <v>238</v>
      </c>
      <c r="D81655" s="14" t="s">
        <v>231</v>
      </c>
      <c r="E81655" s="15">
        <v>45636</v>
      </c>
      <c r="F81655" s="14" t="s">
        <v>15</v>
      </c>
      <c r="G81655" s="16">
        <v>2.1482862081196594</v>
      </c>
    </row>
    <row r="81656" spans="1:7" x14ac:dyDescent="0.3">
      <c r="A81656" s="13" t="s">
        <v>414</v>
      </c>
      <c r="B81656" s="14" t="s">
        <v>1</v>
      </c>
      <c r="C81656" s="14" t="s">
        <v>238</v>
      </c>
      <c r="D81656" s="14" t="s">
        <v>231</v>
      </c>
      <c r="E81656" s="15">
        <v>45637</v>
      </c>
      <c r="F81656" s="14" t="s">
        <v>15</v>
      </c>
      <c r="G81656" s="16">
        <v>2.1504948130885793</v>
      </c>
    </row>
    <row r="81657" spans="1:7" x14ac:dyDescent="0.3">
      <c r="A81657" s="13" t="s">
        <v>414</v>
      </c>
      <c r="B81657" s="14" t="s">
        <v>1</v>
      </c>
      <c r="C81657" s="14" t="s">
        <v>238</v>
      </c>
      <c r="D81657" s="14" t="s">
        <v>231</v>
      </c>
      <c r="E81657" s="15">
        <v>45638</v>
      </c>
      <c r="F81657" s="14" t="s">
        <v>15</v>
      </c>
      <c r="G81657" s="16">
        <v>2.1534170644164683</v>
      </c>
    </row>
    <row r="81658" spans="1:7" x14ac:dyDescent="0.3">
      <c r="A81658" s="13" t="s">
        <v>414</v>
      </c>
      <c r="B81658" s="14" t="s">
        <v>1</v>
      </c>
      <c r="C81658" s="14" t="s">
        <v>238</v>
      </c>
      <c r="D81658" s="14" t="s">
        <v>231</v>
      </c>
      <c r="E81658" s="15">
        <v>45639</v>
      </c>
      <c r="F81658" s="14" t="s">
        <v>15</v>
      </c>
      <c r="G81658" s="16">
        <v>2.1690210359558439</v>
      </c>
    </row>
    <row r="81659" spans="1:7" x14ac:dyDescent="0.3">
      <c r="A81659" s="13" t="s">
        <v>414</v>
      </c>
      <c r="B81659" s="14" t="s">
        <v>1</v>
      </c>
      <c r="C81659" s="14" t="s">
        <v>238</v>
      </c>
      <c r="D81659" s="14" t="s">
        <v>231</v>
      </c>
      <c r="E81659" s="15">
        <v>45640</v>
      </c>
      <c r="F81659" s="14" t="s">
        <v>15</v>
      </c>
      <c r="G81659" s="16">
        <v>2.1690210359558439</v>
      </c>
    </row>
    <row r="81660" spans="1:7" x14ac:dyDescent="0.3">
      <c r="A81660" s="13" t="s">
        <v>414</v>
      </c>
      <c r="B81660" s="14" t="s">
        <v>1</v>
      </c>
      <c r="C81660" s="14" t="s">
        <v>238</v>
      </c>
      <c r="D81660" s="14" t="s">
        <v>231</v>
      </c>
      <c r="E81660" s="15">
        <v>45641</v>
      </c>
      <c r="F81660" s="14" t="s">
        <v>15</v>
      </c>
      <c r="G81660" s="16">
        <v>2.1690210359558439</v>
      </c>
    </row>
    <row r="81661" spans="1:7" x14ac:dyDescent="0.3">
      <c r="A81661" s="13" t="s">
        <v>414</v>
      </c>
      <c r="B81661" s="14" t="s">
        <v>1</v>
      </c>
      <c r="C81661" s="14" t="s">
        <v>238</v>
      </c>
      <c r="D81661" s="14" t="s">
        <v>231</v>
      </c>
      <c r="E81661" s="15">
        <v>45642</v>
      </c>
      <c r="F81661" s="14" t="s">
        <v>15</v>
      </c>
      <c r="G81661" s="16">
        <v>2.1801308274557987</v>
      </c>
    </row>
    <row r="81662" spans="1:7" x14ac:dyDescent="0.3">
      <c r="A81662" s="13" t="s">
        <v>414</v>
      </c>
      <c r="B81662" s="14" t="s">
        <v>1</v>
      </c>
      <c r="C81662" s="14" t="s">
        <v>238</v>
      </c>
      <c r="D81662" s="14" t="s">
        <v>231</v>
      </c>
      <c r="E81662" s="15">
        <v>45643</v>
      </c>
      <c r="F81662" s="14" t="s">
        <v>15</v>
      </c>
      <c r="G81662" s="16">
        <v>2.2022882760833236</v>
      </c>
    </row>
    <row r="81663" spans="1:7" x14ac:dyDescent="0.3">
      <c r="A81663" s="13" t="s">
        <v>414</v>
      </c>
      <c r="B81663" s="14" t="s">
        <v>1</v>
      </c>
      <c r="C81663" s="14" t="s">
        <v>238</v>
      </c>
      <c r="D81663" s="14" t="s">
        <v>231</v>
      </c>
      <c r="E81663" s="15">
        <v>45644</v>
      </c>
      <c r="F81663" s="14" t="s">
        <v>15</v>
      </c>
      <c r="G81663" s="16">
        <v>2.1815872457386378</v>
      </c>
    </row>
    <row r="81664" spans="1:7" x14ac:dyDescent="0.3">
      <c r="A81664" s="13" t="s">
        <v>414</v>
      </c>
      <c r="B81664" s="14" t="s">
        <v>1</v>
      </c>
      <c r="C81664" s="14" t="s">
        <v>238</v>
      </c>
      <c r="D81664" s="14" t="s">
        <v>231</v>
      </c>
      <c r="E81664" s="15">
        <v>45645</v>
      </c>
      <c r="F81664" s="14" t="s">
        <v>15</v>
      </c>
      <c r="G81664" s="16">
        <v>2.1925802129784193</v>
      </c>
    </row>
    <row r="81665" spans="1:7" x14ac:dyDescent="0.3">
      <c r="A81665" s="13" t="s">
        <v>414</v>
      </c>
      <c r="B81665" s="14" t="s">
        <v>1</v>
      </c>
      <c r="C81665" s="14" t="s">
        <v>238</v>
      </c>
      <c r="D81665" s="14" t="s">
        <v>231</v>
      </c>
      <c r="E81665" s="15">
        <v>45646</v>
      </c>
      <c r="F81665" s="14" t="s">
        <v>15</v>
      </c>
      <c r="G81665" s="16">
        <v>2.2155679417668361</v>
      </c>
    </row>
    <row r="81666" spans="1:7" x14ac:dyDescent="0.3">
      <c r="A81666" s="13" t="s">
        <v>414</v>
      </c>
      <c r="B81666" s="14" t="s">
        <v>1</v>
      </c>
      <c r="C81666" s="14" t="s">
        <v>238</v>
      </c>
      <c r="D81666" s="14" t="s">
        <v>231</v>
      </c>
      <c r="E81666" s="15">
        <v>45647</v>
      </c>
      <c r="F81666" s="14" t="s">
        <v>15</v>
      </c>
      <c r="G81666" s="16">
        <v>2.2155679417668361</v>
      </c>
    </row>
    <row r="81667" spans="1:7" x14ac:dyDescent="0.3">
      <c r="A81667" s="13" t="s">
        <v>414</v>
      </c>
      <c r="B81667" s="14" t="s">
        <v>1</v>
      </c>
      <c r="C81667" s="14" t="s">
        <v>238</v>
      </c>
      <c r="D81667" s="14" t="s">
        <v>231</v>
      </c>
      <c r="E81667" s="15">
        <v>45648</v>
      </c>
      <c r="F81667" s="14" t="s">
        <v>15</v>
      </c>
      <c r="G81667" s="16">
        <v>2.2155679417668361</v>
      </c>
    </row>
    <row r="81668" spans="1:7" x14ac:dyDescent="0.3">
      <c r="A81668" s="13" t="s">
        <v>414</v>
      </c>
      <c r="B81668" s="14" t="s">
        <v>1</v>
      </c>
      <c r="C81668" s="14" t="s">
        <v>238</v>
      </c>
      <c r="D81668" s="14" t="s">
        <v>231</v>
      </c>
      <c r="E81668" s="15">
        <v>45649</v>
      </c>
      <c r="F81668" s="14" t="s">
        <v>15</v>
      </c>
      <c r="G81668" s="16">
        <v>2.2191390549223842</v>
      </c>
    </row>
    <row r="81669" spans="1:7" x14ac:dyDescent="0.3">
      <c r="A81669" s="13" t="s">
        <v>414</v>
      </c>
      <c r="B81669" s="14" t="s">
        <v>1</v>
      </c>
      <c r="C81669" s="14" t="s">
        <v>238</v>
      </c>
      <c r="D81669" s="14" t="s">
        <v>231</v>
      </c>
      <c r="E81669" s="15">
        <v>45650</v>
      </c>
      <c r="F81669" s="14" t="s">
        <v>15</v>
      </c>
      <c r="G81669" s="16">
        <v>2.2443060049132519</v>
      </c>
    </row>
    <row r="81670" spans="1:7" x14ac:dyDescent="0.3">
      <c r="A81670" s="13" t="s">
        <v>414</v>
      </c>
      <c r="B81670" s="14" t="s">
        <v>1</v>
      </c>
      <c r="C81670" s="14" t="s">
        <v>238</v>
      </c>
      <c r="D81670" s="14" t="s">
        <v>231</v>
      </c>
      <c r="E81670" s="15">
        <v>45651</v>
      </c>
      <c r="F81670" s="14" t="s">
        <v>15</v>
      </c>
      <c r="G81670" s="16">
        <v>2.2443060049132519</v>
      </c>
    </row>
    <row r="81671" spans="1:7" x14ac:dyDescent="0.3">
      <c r="A81671" s="13" t="s">
        <v>414</v>
      </c>
      <c r="B81671" s="14" t="s">
        <v>1</v>
      </c>
      <c r="C81671" s="14" t="s">
        <v>238</v>
      </c>
      <c r="D81671" s="14" t="s">
        <v>231</v>
      </c>
      <c r="E81671" s="15">
        <v>45652</v>
      </c>
      <c r="F81671" s="14" t="s">
        <v>15</v>
      </c>
      <c r="G81671" s="16">
        <v>2.2443060049132519</v>
      </c>
    </row>
    <row r="81672" spans="1:7" x14ac:dyDescent="0.3">
      <c r="A81672" s="13" t="s">
        <v>414</v>
      </c>
      <c r="B81672" s="14" t="s">
        <v>1</v>
      </c>
      <c r="C81672" s="14" t="s">
        <v>238</v>
      </c>
      <c r="D81672" s="14" t="s">
        <v>231</v>
      </c>
      <c r="E81672" s="15">
        <v>45653</v>
      </c>
      <c r="F81672" s="14" t="s">
        <v>15</v>
      </c>
      <c r="G81672" s="16">
        <v>2.2443060049132519</v>
      </c>
    </row>
    <row r="81673" spans="1:7" x14ac:dyDescent="0.3">
      <c r="A81673" s="13" t="s">
        <v>414</v>
      </c>
      <c r="B81673" s="14" t="s">
        <v>1</v>
      </c>
      <c r="C81673" s="14" t="s">
        <v>238</v>
      </c>
      <c r="D81673" s="14" t="s">
        <v>231</v>
      </c>
      <c r="E81673" s="15">
        <v>45654</v>
      </c>
      <c r="F81673" s="14" t="s">
        <v>15</v>
      </c>
      <c r="G81673" s="16">
        <v>2.2443060049132519</v>
      </c>
    </row>
    <row r="81674" spans="1:7" x14ac:dyDescent="0.3">
      <c r="A81674" s="13" t="s">
        <v>414</v>
      </c>
      <c r="B81674" s="14" t="s">
        <v>1</v>
      </c>
      <c r="C81674" s="14" t="s">
        <v>238</v>
      </c>
      <c r="D81674" s="14" t="s">
        <v>231</v>
      </c>
      <c r="E81674" s="15">
        <v>45655</v>
      </c>
      <c r="F81674" s="14" t="s">
        <v>15</v>
      </c>
      <c r="G81674" s="16">
        <v>2.2443060049132519</v>
      </c>
    </row>
    <row r="81675" spans="1:7" x14ac:dyDescent="0.3">
      <c r="A81675" s="13" t="s">
        <v>414</v>
      </c>
      <c r="B81675" s="14" t="s">
        <v>1</v>
      </c>
      <c r="C81675" s="14" t="s">
        <v>238</v>
      </c>
      <c r="D81675" s="14" t="s">
        <v>231</v>
      </c>
      <c r="E81675" s="15">
        <v>45656</v>
      </c>
      <c r="F81675" s="14" t="s">
        <v>15</v>
      </c>
      <c r="G81675" s="16">
        <v>2.2550890292221255</v>
      </c>
    </row>
    <row r="81676" spans="1:7" x14ac:dyDescent="0.3">
      <c r="A81676" s="13" t="s">
        <v>414</v>
      </c>
      <c r="B81676" s="14" t="s">
        <v>1</v>
      </c>
      <c r="C81676" s="14" t="s">
        <v>238</v>
      </c>
      <c r="D81676" s="14" t="s">
        <v>231</v>
      </c>
      <c r="E81676" s="15">
        <v>45657</v>
      </c>
      <c r="F81676" s="14" t="s">
        <v>15</v>
      </c>
      <c r="G81676" s="16">
        <v>2.2966201636790564</v>
      </c>
    </row>
    <row r="81677" spans="1:7" x14ac:dyDescent="0.3">
      <c r="A81677" s="13" t="s">
        <v>414</v>
      </c>
      <c r="B81677" s="14" t="s">
        <v>1</v>
      </c>
      <c r="C81677" s="14" t="s">
        <v>238</v>
      </c>
      <c r="D81677" s="14" t="s">
        <v>231</v>
      </c>
      <c r="E81677" s="15">
        <v>45658</v>
      </c>
      <c r="F81677" s="14" t="s">
        <v>15</v>
      </c>
      <c r="G81677" s="16">
        <v>2.2966201636790564</v>
      </c>
    </row>
    <row r="81678" spans="1:7" x14ac:dyDescent="0.3">
      <c r="A81678" s="13" t="s">
        <v>414</v>
      </c>
      <c r="B81678" s="14" t="s">
        <v>1</v>
      </c>
      <c r="C81678" s="14" t="s">
        <v>238</v>
      </c>
      <c r="D81678" s="14" t="s">
        <v>231</v>
      </c>
      <c r="E81678" s="15">
        <v>45659</v>
      </c>
      <c r="F81678" s="14" t="s">
        <v>15</v>
      </c>
      <c r="G81678" s="16">
        <v>2.2966201636790564</v>
      </c>
    </row>
    <row r="81679" spans="1:7" x14ac:dyDescent="0.3">
      <c r="A81679" s="13" t="s">
        <v>414</v>
      </c>
      <c r="B81679" s="14" t="s">
        <v>1</v>
      </c>
      <c r="C81679" s="14" t="s">
        <v>238</v>
      </c>
      <c r="D81679" s="14" t="s">
        <v>231</v>
      </c>
      <c r="E81679" s="15">
        <v>45660</v>
      </c>
      <c r="F81679" s="14" t="s">
        <v>15</v>
      </c>
      <c r="G81679" s="16">
        <v>2.2954773172738419</v>
      </c>
    </row>
    <row r="81680" spans="1:7" x14ac:dyDescent="0.3">
      <c r="A81680" s="13" t="s">
        <v>414</v>
      </c>
      <c r="B81680" s="14" t="s">
        <v>1</v>
      </c>
      <c r="C81680" s="14" t="s">
        <v>238</v>
      </c>
      <c r="D81680" s="14" t="s">
        <v>231</v>
      </c>
      <c r="E81680" s="15">
        <v>45661</v>
      </c>
      <c r="F81680" s="14" t="s">
        <v>15</v>
      </c>
      <c r="G81680" s="16">
        <v>2.2954773172738419</v>
      </c>
    </row>
    <row r="81681" spans="1:7" x14ac:dyDescent="0.3">
      <c r="A81681" s="13" t="s">
        <v>414</v>
      </c>
      <c r="B81681" s="14" t="s">
        <v>1</v>
      </c>
      <c r="C81681" s="14" t="s">
        <v>238</v>
      </c>
      <c r="D81681" s="14" t="s">
        <v>231</v>
      </c>
      <c r="E81681" s="15">
        <v>45662</v>
      </c>
      <c r="F81681" s="14" t="s">
        <v>15</v>
      </c>
      <c r="G81681" s="16">
        <v>2.2954773172738419</v>
      </c>
    </row>
    <row r="81682" spans="1:7" x14ac:dyDescent="0.3">
      <c r="A81682" s="13" t="s">
        <v>414</v>
      </c>
      <c r="B81682" s="14" t="s">
        <v>1</v>
      </c>
      <c r="C81682" s="14" t="s">
        <v>238</v>
      </c>
      <c r="D81682" s="14" t="s">
        <v>231</v>
      </c>
      <c r="E81682" s="15">
        <v>45663</v>
      </c>
      <c r="F81682" s="14" t="s">
        <v>15</v>
      </c>
      <c r="G81682" s="16">
        <v>2.3399038925312077</v>
      </c>
    </row>
    <row r="81683" spans="1:7" x14ac:dyDescent="0.3">
      <c r="A81683" s="13" t="s">
        <v>414</v>
      </c>
      <c r="B81683" s="14" t="s">
        <v>1</v>
      </c>
      <c r="C81683" s="14" t="s">
        <v>238</v>
      </c>
      <c r="D81683" s="14" t="s">
        <v>231</v>
      </c>
      <c r="E81683" s="15">
        <v>45664</v>
      </c>
      <c r="F81683" s="14" t="s">
        <v>15</v>
      </c>
      <c r="G81683" s="16">
        <v>2.3559199439932925</v>
      </c>
    </row>
    <row r="81684" spans="1:7" x14ac:dyDescent="0.3">
      <c r="A81684" s="13" t="s">
        <v>414</v>
      </c>
      <c r="B81684" s="14" t="s">
        <v>1</v>
      </c>
      <c r="C81684" s="14" t="s">
        <v>238</v>
      </c>
      <c r="D81684" s="14" t="s">
        <v>231</v>
      </c>
      <c r="E81684" s="15">
        <v>45665</v>
      </c>
      <c r="F81684" s="14" t="s">
        <v>15</v>
      </c>
      <c r="G81684" s="16">
        <v>2.3598677291185832</v>
      </c>
    </row>
    <row r="81685" spans="1:7" x14ac:dyDescent="0.3">
      <c r="A81685" s="13" t="s">
        <v>414</v>
      </c>
      <c r="B81685" s="14" t="s">
        <v>1</v>
      </c>
      <c r="C81685" s="14" t="s">
        <v>238</v>
      </c>
      <c r="D81685" s="14" t="s">
        <v>231</v>
      </c>
      <c r="E81685" s="15">
        <v>45666</v>
      </c>
      <c r="F81685" s="14" t="s">
        <v>15</v>
      </c>
      <c r="G81685" s="16">
        <v>2.3643060038339474</v>
      </c>
    </row>
    <row r="81686" spans="1:7" x14ac:dyDescent="0.3">
      <c r="A81686" s="13" t="s">
        <v>414</v>
      </c>
      <c r="B81686" s="14" t="s">
        <v>1</v>
      </c>
      <c r="C81686" s="14" t="s">
        <v>238</v>
      </c>
      <c r="D81686" s="14" t="s">
        <v>231</v>
      </c>
      <c r="E81686" s="15">
        <v>45667</v>
      </c>
      <c r="F81686" s="14" t="s">
        <v>15</v>
      </c>
      <c r="G81686" s="16">
        <v>2.360767185016214</v>
      </c>
    </row>
    <row r="81687" spans="1:7" x14ac:dyDescent="0.3">
      <c r="A81687" s="13" t="s">
        <v>414</v>
      </c>
      <c r="B81687" s="14" t="s">
        <v>1</v>
      </c>
      <c r="C81687" s="14" t="s">
        <v>238</v>
      </c>
      <c r="D81687" s="14" t="s">
        <v>231</v>
      </c>
      <c r="E81687" s="15">
        <v>45668</v>
      </c>
      <c r="F81687" s="14" t="s">
        <v>15</v>
      </c>
      <c r="G81687" s="16">
        <v>2.360767185016214</v>
      </c>
    </row>
    <row r="81688" spans="1:7" x14ac:dyDescent="0.3">
      <c r="A81688" s="13" t="s">
        <v>414</v>
      </c>
      <c r="B81688" s="14" t="s">
        <v>1</v>
      </c>
      <c r="C81688" s="14" t="s">
        <v>238</v>
      </c>
      <c r="D81688" s="14" t="s">
        <v>231</v>
      </c>
      <c r="E81688" s="15">
        <v>45669</v>
      </c>
      <c r="F81688" s="14" t="s">
        <v>15</v>
      </c>
      <c r="G81688" s="16">
        <v>2.360767185016214</v>
      </c>
    </row>
    <row r="81689" spans="1:7" x14ac:dyDescent="0.3">
      <c r="A81689" s="13" t="s">
        <v>414</v>
      </c>
      <c r="B81689" s="14" t="s">
        <v>1</v>
      </c>
      <c r="C81689" s="14" t="s">
        <v>238</v>
      </c>
      <c r="D81689" s="14" t="s">
        <v>231</v>
      </c>
      <c r="E81689" s="15">
        <v>45670</v>
      </c>
      <c r="F81689" s="14" t="s">
        <v>15</v>
      </c>
      <c r="G81689" s="16">
        <v>2.3693495750327478</v>
      </c>
    </row>
    <row r="81690" spans="1:7" x14ac:dyDescent="0.3">
      <c r="A81690" s="13" t="s">
        <v>414</v>
      </c>
      <c r="B81690" s="14" t="s">
        <v>1</v>
      </c>
      <c r="C81690" s="14" t="s">
        <v>238</v>
      </c>
      <c r="D81690" s="14" t="s">
        <v>231</v>
      </c>
      <c r="E81690" s="15">
        <v>45671</v>
      </c>
      <c r="F81690" s="14" t="s">
        <v>15</v>
      </c>
      <c r="G81690" s="16">
        <v>2.411059620156101</v>
      </c>
    </row>
    <row r="81691" spans="1:7" x14ac:dyDescent="0.3">
      <c r="A81691" s="13" t="s">
        <v>414</v>
      </c>
      <c r="B81691" s="14" t="s">
        <v>1</v>
      </c>
      <c r="C81691" s="14" t="s">
        <v>238</v>
      </c>
      <c r="D81691" s="14" t="s">
        <v>231</v>
      </c>
      <c r="E81691" s="15">
        <v>45672</v>
      </c>
      <c r="F81691" s="14" t="s">
        <v>15</v>
      </c>
      <c r="G81691" s="16">
        <v>2.4152835368708767</v>
      </c>
    </row>
    <row r="81692" spans="1:7" x14ac:dyDescent="0.3">
      <c r="A81692" s="13" t="s">
        <v>414</v>
      </c>
      <c r="B81692" s="14" t="s">
        <v>1</v>
      </c>
      <c r="C81692" s="14" t="s">
        <v>238</v>
      </c>
      <c r="D81692" s="14" t="s">
        <v>231</v>
      </c>
      <c r="E81692" s="15">
        <v>45673</v>
      </c>
      <c r="F81692" s="14" t="s">
        <v>15</v>
      </c>
      <c r="G81692" s="16">
        <v>2.4263887192633473</v>
      </c>
    </row>
    <row r="81693" spans="1:7" x14ac:dyDescent="0.3">
      <c r="A81693" s="13" t="s">
        <v>414</v>
      </c>
      <c r="B81693" s="14" t="s">
        <v>1</v>
      </c>
      <c r="C81693" s="14" t="s">
        <v>238</v>
      </c>
      <c r="D81693" s="14" t="s">
        <v>231</v>
      </c>
      <c r="E81693" s="15">
        <v>45674</v>
      </c>
      <c r="F81693" s="14" t="s">
        <v>15</v>
      </c>
      <c r="G81693" s="16">
        <v>2.4287312569108934</v>
      </c>
    </row>
    <row r="81694" spans="1:7" x14ac:dyDescent="0.3">
      <c r="A81694" s="13" t="s">
        <v>414</v>
      </c>
      <c r="B81694" s="14" t="s">
        <v>1</v>
      </c>
      <c r="C81694" s="14" t="s">
        <v>238</v>
      </c>
      <c r="D81694" s="14" t="s">
        <v>231</v>
      </c>
      <c r="E81694" s="15">
        <v>45675</v>
      </c>
      <c r="F81694" s="14" t="s">
        <v>15</v>
      </c>
      <c r="G81694" s="16">
        <v>2.4287312569108934</v>
      </c>
    </row>
    <row r="81695" spans="1:7" x14ac:dyDescent="0.3">
      <c r="A81695" s="13" t="s">
        <v>414</v>
      </c>
      <c r="B81695" s="14" t="s">
        <v>1</v>
      </c>
      <c r="C81695" s="14" t="s">
        <v>238</v>
      </c>
      <c r="D81695" s="14" t="s">
        <v>231</v>
      </c>
      <c r="E81695" s="15">
        <v>45676</v>
      </c>
      <c r="F81695" s="14" t="s">
        <v>15</v>
      </c>
      <c r="G81695" s="16">
        <v>2.4287312569108934</v>
      </c>
    </row>
    <row r="81696" spans="1:7" x14ac:dyDescent="0.3">
      <c r="A81696" s="13" t="s">
        <v>414</v>
      </c>
      <c r="B81696" s="14" t="s">
        <v>1</v>
      </c>
      <c r="C81696" s="14" t="s">
        <v>238</v>
      </c>
      <c r="D81696" s="14" t="s">
        <v>231</v>
      </c>
      <c r="E81696" s="15">
        <v>45677</v>
      </c>
      <c r="F81696" s="14" t="s">
        <v>15</v>
      </c>
      <c r="G81696" s="16">
        <v>2.4725764809315449</v>
      </c>
    </row>
    <row r="81697" spans="1:7" x14ac:dyDescent="0.3">
      <c r="A81697" s="13" t="s">
        <v>414</v>
      </c>
      <c r="B81697" s="14" t="s">
        <v>1</v>
      </c>
      <c r="C81697" s="14" t="s">
        <v>238</v>
      </c>
      <c r="D81697" s="14" t="s">
        <v>231</v>
      </c>
      <c r="E81697" s="15">
        <v>45678</v>
      </c>
      <c r="F81697" s="14" t="s">
        <v>15</v>
      </c>
      <c r="G81697" s="16">
        <v>2.5022537435263503</v>
      </c>
    </row>
    <row r="81698" spans="1:7" x14ac:dyDescent="0.3">
      <c r="A81698" s="13" t="s">
        <v>414</v>
      </c>
      <c r="B81698" s="14" t="s">
        <v>1</v>
      </c>
      <c r="C81698" s="14" t="s">
        <v>238</v>
      </c>
      <c r="D81698" s="14" t="s">
        <v>231</v>
      </c>
      <c r="E81698" s="15">
        <v>45679</v>
      </c>
      <c r="F81698" s="14" t="s">
        <v>15</v>
      </c>
      <c r="G81698" s="16">
        <v>2.5064043974301367</v>
      </c>
    </row>
    <row r="81699" spans="1:7" x14ac:dyDescent="0.3">
      <c r="A81699" s="13" t="s">
        <v>414</v>
      </c>
      <c r="B81699" s="14" t="s">
        <v>1</v>
      </c>
      <c r="C81699" s="14" t="s">
        <v>238</v>
      </c>
      <c r="D81699" s="14" t="s">
        <v>231</v>
      </c>
      <c r="E81699" s="15">
        <v>45680</v>
      </c>
      <c r="F81699" s="14" t="s">
        <v>15</v>
      </c>
      <c r="G81699" s="16">
        <v>2.5168194731348117</v>
      </c>
    </row>
    <row r="81700" spans="1:7" x14ac:dyDescent="0.3">
      <c r="A81700" s="13" t="s">
        <v>414</v>
      </c>
      <c r="B81700" s="14" t="s">
        <v>1</v>
      </c>
      <c r="C81700" s="14" t="s">
        <v>238</v>
      </c>
      <c r="D81700" s="14" t="s">
        <v>231</v>
      </c>
      <c r="E81700" s="15">
        <v>45681</v>
      </c>
      <c r="F81700" s="14" t="s">
        <v>15</v>
      </c>
      <c r="G81700" s="16">
        <v>2.544746446188118</v>
      </c>
    </row>
    <row r="81701" spans="1:7" x14ac:dyDescent="0.3">
      <c r="A81701" s="13" t="s">
        <v>414</v>
      </c>
      <c r="B81701" s="14" t="s">
        <v>1</v>
      </c>
      <c r="C81701" s="14" t="s">
        <v>238</v>
      </c>
      <c r="D81701" s="14" t="s">
        <v>231</v>
      </c>
      <c r="E81701" s="15">
        <v>45682</v>
      </c>
      <c r="F81701" s="14" t="s">
        <v>15</v>
      </c>
      <c r="G81701" s="16">
        <v>2.544746446188118</v>
      </c>
    </row>
    <row r="81702" spans="1:7" x14ac:dyDescent="0.3">
      <c r="A81702" s="13" t="s">
        <v>414</v>
      </c>
      <c r="B81702" s="14" t="s">
        <v>1</v>
      </c>
      <c r="C81702" s="14" t="s">
        <v>238</v>
      </c>
      <c r="D81702" s="14" t="s">
        <v>231</v>
      </c>
      <c r="E81702" s="15">
        <v>45683</v>
      </c>
      <c r="F81702" s="14" t="s">
        <v>15</v>
      </c>
      <c r="G81702" s="16">
        <v>2.544746446188118</v>
      </c>
    </row>
    <row r="81703" spans="1:7" x14ac:dyDescent="0.3">
      <c r="A81703" s="13" t="s">
        <v>414</v>
      </c>
      <c r="B81703" s="14" t="s">
        <v>1</v>
      </c>
      <c r="C81703" s="14" t="s">
        <v>238</v>
      </c>
      <c r="D81703" s="14" t="s">
        <v>231</v>
      </c>
      <c r="E81703" s="15">
        <v>45684</v>
      </c>
      <c r="F81703" s="14" t="s">
        <v>15</v>
      </c>
      <c r="G81703" s="16">
        <v>2.5531348267702145</v>
      </c>
    </row>
    <row r="81704" spans="1:7" x14ac:dyDescent="0.3">
      <c r="A81704" s="13" t="s">
        <v>414</v>
      </c>
      <c r="B81704" s="14" t="s">
        <v>1</v>
      </c>
      <c r="C81704" s="14" t="s">
        <v>238</v>
      </c>
      <c r="D81704" s="14" t="s">
        <v>231</v>
      </c>
      <c r="E81704" s="15">
        <v>45685</v>
      </c>
      <c r="F81704" s="14" t="s">
        <v>15</v>
      </c>
      <c r="G81704" s="16">
        <v>2.5647007013444258</v>
      </c>
    </row>
    <row r="81705" spans="1:7" x14ac:dyDescent="0.3">
      <c r="A81705" s="13" t="s">
        <v>414</v>
      </c>
      <c r="B81705" s="14" t="s">
        <v>1</v>
      </c>
      <c r="C81705" s="14" t="s">
        <v>238</v>
      </c>
      <c r="D81705" s="14" t="s">
        <v>231</v>
      </c>
      <c r="E81705" s="15">
        <v>45686</v>
      </c>
      <c r="F81705" s="14" t="s">
        <v>15</v>
      </c>
      <c r="G81705" s="16">
        <v>2.5708466800641396</v>
      </c>
    </row>
    <row r="81706" spans="1:7" x14ac:dyDescent="0.3">
      <c r="A81706" s="13" t="s">
        <v>414</v>
      </c>
      <c r="B81706" s="14" t="s">
        <v>1</v>
      </c>
      <c r="C81706" s="14" t="s">
        <v>238</v>
      </c>
      <c r="D81706" s="14" t="s">
        <v>231</v>
      </c>
      <c r="E81706" s="15">
        <v>45687</v>
      </c>
      <c r="F81706" s="14" t="s">
        <v>15</v>
      </c>
      <c r="G81706" s="16">
        <v>2.5632652804940563</v>
      </c>
    </row>
    <row r="81707" spans="1:7" x14ac:dyDescent="0.3">
      <c r="A81707" s="13" t="s">
        <v>414</v>
      </c>
      <c r="B81707" s="14" t="s">
        <v>1</v>
      </c>
      <c r="C81707" s="14" t="s">
        <v>238</v>
      </c>
      <c r="D81707" s="14" t="s">
        <v>231</v>
      </c>
      <c r="E81707" s="15">
        <v>45688</v>
      </c>
      <c r="F81707" s="14" t="s">
        <v>15</v>
      </c>
      <c r="G81707" s="16">
        <v>2.5656859885566599</v>
      </c>
    </row>
    <row r="81708" spans="1:7" x14ac:dyDescent="0.3">
      <c r="A81708" s="13" t="s">
        <v>414</v>
      </c>
      <c r="B81708" s="14" t="s">
        <v>1</v>
      </c>
      <c r="C81708" s="14" t="s">
        <v>238</v>
      </c>
      <c r="D81708" s="14" t="s">
        <v>231</v>
      </c>
      <c r="E81708" s="15">
        <v>45689</v>
      </c>
      <c r="F81708" s="14" t="s">
        <v>15</v>
      </c>
      <c r="G81708" s="16">
        <v>2.5656859885566599</v>
      </c>
    </row>
    <row r="81709" spans="1:7" x14ac:dyDescent="0.3">
      <c r="A81709" s="13" t="s">
        <v>414</v>
      </c>
      <c r="B81709" s="14" t="s">
        <v>1</v>
      </c>
      <c r="C81709" s="14" t="s">
        <v>238</v>
      </c>
      <c r="D81709" s="14" t="s">
        <v>231</v>
      </c>
      <c r="E81709" s="15">
        <v>45690</v>
      </c>
      <c r="F81709" s="14" t="s">
        <v>15</v>
      </c>
      <c r="G81709" s="16">
        <v>2.5656859885566599</v>
      </c>
    </row>
    <row r="81710" spans="1:7" x14ac:dyDescent="0.3">
      <c r="A81710" s="13" t="s">
        <v>414</v>
      </c>
      <c r="B81710" s="14" t="s">
        <v>1</v>
      </c>
      <c r="C81710" s="14" t="s">
        <v>238</v>
      </c>
      <c r="D81710" s="14" t="s">
        <v>231</v>
      </c>
      <c r="E81710" s="15">
        <v>45691</v>
      </c>
      <c r="F81710" s="14" t="s">
        <v>15</v>
      </c>
      <c r="G81710" s="16">
        <v>2.5656859885566599</v>
      </c>
    </row>
    <row r="81711" spans="1:7" x14ac:dyDescent="0.3">
      <c r="A81711" s="13" t="s">
        <v>414</v>
      </c>
      <c r="B81711" s="14" t="s">
        <v>1</v>
      </c>
      <c r="C81711" s="14" t="s">
        <v>238</v>
      </c>
      <c r="D81711" s="14" t="s">
        <v>231</v>
      </c>
      <c r="E81711" s="15">
        <v>45692</v>
      </c>
      <c r="F81711" s="14" t="s">
        <v>15</v>
      </c>
      <c r="G81711" s="16">
        <v>2.5784966100395073</v>
      </c>
    </row>
    <row r="81712" spans="1:7" x14ac:dyDescent="0.3">
      <c r="A81712" s="13" t="s">
        <v>414</v>
      </c>
      <c r="B81712" s="14" t="s">
        <v>1</v>
      </c>
      <c r="C81712" s="14" t="s">
        <v>238</v>
      </c>
      <c r="D81712" s="14" t="s">
        <v>231</v>
      </c>
      <c r="E81712" s="15">
        <v>45693</v>
      </c>
      <c r="F81712" s="14" t="s">
        <v>15</v>
      </c>
      <c r="G81712" s="16">
        <v>2.6182889333088784</v>
      </c>
    </row>
    <row r="81713" spans="1:7" x14ac:dyDescent="0.3">
      <c r="A81713" s="13" t="s">
        <v>414</v>
      </c>
      <c r="B81713" s="14" t="s">
        <v>1</v>
      </c>
      <c r="C81713" s="14" t="s">
        <v>238</v>
      </c>
      <c r="D81713" s="14" t="s">
        <v>231</v>
      </c>
      <c r="E81713" s="15">
        <v>45694</v>
      </c>
      <c r="F81713" s="14" t="s">
        <v>15</v>
      </c>
      <c r="G81713" s="16">
        <v>2.6228211853181458</v>
      </c>
    </row>
    <row r="81714" spans="1:7" x14ac:dyDescent="0.3">
      <c r="A81714" s="13" t="s">
        <v>414</v>
      </c>
      <c r="B81714" s="14" t="s">
        <v>1</v>
      </c>
      <c r="C81714" s="14" t="s">
        <v>238</v>
      </c>
      <c r="D81714" s="14" t="s">
        <v>231</v>
      </c>
      <c r="E81714" s="15">
        <v>45695</v>
      </c>
      <c r="F81714" s="14" t="s">
        <v>15</v>
      </c>
      <c r="G81714" s="16">
        <v>2.6175822641524182</v>
      </c>
    </row>
    <row r="81715" spans="1:7" x14ac:dyDescent="0.3">
      <c r="A81715" s="13" t="s">
        <v>414</v>
      </c>
      <c r="B81715" s="14" t="s">
        <v>1</v>
      </c>
      <c r="C81715" s="14" t="s">
        <v>238</v>
      </c>
      <c r="D81715" s="14" t="s">
        <v>231</v>
      </c>
      <c r="E81715" s="15">
        <v>45696</v>
      </c>
      <c r="F81715" s="14" t="s">
        <v>15</v>
      </c>
      <c r="G81715" s="16">
        <v>2.6175822641524182</v>
      </c>
    </row>
    <row r="81716" spans="1:7" x14ac:dyDescent="0.3">
      <c r="A81716" s="13" t="s">
        <v>414</v>
      </c>
      <c r="B81716" s="14" t="s">
        <v>1</v>
      </c>
      <c r="C81716" s="14" t="s">
        <v>238</v>
      </c>
      <c r="D81716" s="14" t="s">
        <v>231</v>
      </c>
      <c r="E81716" s="15">
        <v>45697</v>
      </c>
      <c r="F81716" s="14" t="s">
        <v>15</v>
      </c>
      <c r="G81716" s="16">
        <v>2.6175822641524182</v>
      </c>
    </row>
    <row r="81717" spans="1:7" x14ac:dyDescent="0.3">
      <c r="A81717" s="13" t="s">
        <v>414</v>
      </c>
      <c r="B81717" s="14" t="s">
        <v>1</v>
      </c>
      <c r="C81717" s="14" t="s">
        <v>238</v>
      </c>
      <c r="D81717" s="14" t="s">
        <v>231</v>
      </c>
      <c r="E81717" s="15">
        <v>45698</v>
      </c>
      <c r="F81717" s="14" t="s">
        <v>15</v>
      </c>
      <c r="G81717" s="16">
        <v>2.621513512179876</v>
      </c>
    </row>
    <row r="81718" spans="1:7" x14ac:dyDescent="0.3">
      <c r="A81718" s="13" t="s">
        <v>414</v>
      </c>
      <c r="B81718" s="14" t="s">
        <v>1</v>
      </c>
      <c r="C81718" s="14" t="s">
        <v>238</v>
      </c>
      <c r="D81718" s="14" t="s">
        <v>231</v>
      </c>
      <c r="E81718" s="15">
        <v>45699</v>
      </c>
      <c r="F81718" s="14" t="s">
        <v>15</v>
      </c>
      <c r="G81718" s="16">
        <v>2.6616850266679513</v>
      </c>
    </row>
    <row r="81719" spans="1:7" x14ac:dyDescent="0.3">
      <c r="A81719" s="13" t="s">
        <v>414</v>
      </c>
      <c r="B81719" s="14" t="s">
        <v>1</v>
      </c>
      <c r="C81719" s="14" t="s">
        <v>238</v>
      </c>
      <c r="D81719" s="14" t="s">
        <v>231</v>
      </c>
      <c r="E81719" s="15">
        <v>45700</v>
      </c>
      <c r="F81719" s="14" t="s">
        <v>15</v>
      </c>
      <c r="G81719" s="16">
        <v>2.6757716261357336</v>
      </c>
    </row>
    <row r="81720" spans="1:7" x14ac:dyDescent="0.3">
      <c r="A81720" s="13" t="s">
        <v>414</v>
      </c>
      <c r="B81720" s="14" t="s">
        <v>1</v>
      </c>
      <c r="C81720" s="14" t="s">
        <v>238</v>
      </c>
      <c r="D81720" s="14" t="s">
        <v>231</v>
      </c>
      <c r="E81720" s="15">
        <v>45701</v>
      </c>
      <c r="F81720" s="14" t="s">
        <v>15</v>
      </c>
      <c r="G81720" s="16">
        <v>2.7057303591500137</v>
      </c>
    </row>
    <row r="81721" spans="1:7" x14ac:dyDescent="0.3">
      <c r="A81721" s="13" t="s">
        <v>414</v>
      </c>
      <c r="B81721" s="14" t="s">
        <v>1</v>
      </c>
      <c r="C81721" s="14" t="s">
        <v>238</v>
      </c>
      <c r="D81721" s="14" t="s">
        <v>231</v>
      </c>
      <c r="E81721" s="15">
        <v>45702</v>
      </c>
      <c r="F81721" s="14" t="s">
        <v>15</v>
      </c>
      <c r="G81721" s="16">
        <v>2.7226503326169795</v>
      </c>
    </row>
    <row r="81722" spans="1:7" x14ac:dyDescent="0.3">
      <c r="A81722" s="13" t="s">
        <v>414</v>
      </c>
      <c r="B81722" s="14" t="s">
        <v>1</v>
      </c>
      <c r="C81722" s="14" t="s">
        <v>238</v>
      </c>
      <c r="D81722" s="14" t="s">
        <v>231</v>
      </c>
      <c r="E81722" s="15">
        <v>45703</v>
      </c>
      <c r="F81722" s="14" t="s">
        <v>15</v>
      </c>
      <c r="G81722" s="16">
        <v>2.7226503326169795</v>
      </c>
    </row>
    <row r="81723" spans="1:7" x14ac:dyDescent="0.3">
      <c r="A81723" s="13" t="s">
        <v>414</v>
      </c>
      <c r="B81723" s="14" t="s">
        <v>1</v>
      </c>
      <c r="C81723" s="14" t="s">
        <v>238</v>
      </c>
      <c r="D81723" s="14" t="s">
        <v>231</v>
      </c>
      <c r="E81723" s="15">
        <v>45704</v>
      </c>
      <c r="F81723" s="14" t="s">
        <v>15</v>
      </c>
      <c r="G81723" s="16">
        <v>2.7226503326169795</v>
      </c>
    </row>
    <row r="81724" spans="1:7" x14ac:dyDescent="0.3">
      <c r="A81724" s="13" t="s">
        <v>414</v>
      </c>
      <c r="B81724" s="14" t="s">
        <v>1</v>
      </c>
      <c r="C81724" s="14" t="s">
        <v>238</v>
      </c>
      <c r="D81724" s="14" t="s">
        <v>231</v>
      </c>
      <c r="E81724" s="15">
        <v>45705</v>
      </c>
      <c r="F81724" s="14" t="s">
        <v>15</v>
      </c>
      <c r="G81724" s="16">
        <v>2.7289763381179668</v>
      </c>
    </row>
    <row r="81725" spans="1:7" x14ac:dyDescent="0.3">
      <c r="A81725" s="13" t="s">
        <v>414</v>
      </c>
      <c r="B81725" s="14" t="s">
        <v>1</v>
      </c>
      <c r="C81725" s="14" t="s">
        <v>238</v>
      </c>
      <c r="D81725" s="14" t="s">
        <v>231</v>
      </c>
      <c r="E81725" s="15">
        <v>45706</v>
      </c>
      <c r="F81725" s="14" t="s">
        <v>15</v>
      </c>
      <c r="G81725" s="16">
        <v>2.7456739801523748</v>
      </c>
    </row>
    <row r="81726" spans="1:7" x14ac:dyDescent="0.3">
      <c r="A81726" s="13" t="s">
        <v>414</v>
      </c>
      <c r="B81726" s="14" t="s">
        <v>1</v>
      </c>
      <c r="C81726" s="14" t="s">
        <v>238</v>
      </c>
      <c r="D81726" s="14" t="s">
        <v>231</v>
      </c>
      <c r="E81726" s="15">
        <v>45707</v>
      </c>
      <c r="F81726" s="14" t="s">
        <v>15</v>
      </c>
      <c r="G81726" s="16">
        <v>2.7479145838278325</v>
      </c>
    </row>
    <row r="81727" spans="1:7" x14ac:dyDescent="0.3">
      <c r="A81727" s="13" t="s">
        <v>414</v>
      </c>
      <c r="B81727" s="14" t="s">
        <v>1</v>
      </c>
      <c r="C81727" s="14" t="s">
        <v>238</v>
      </c>
      <c r="D81727" s="14" t="s">
        <v>231</v>
      </c>
      <c r="E81727" s="15">
        <v>45708</v>
      </c>
      <c r="F81727" s="14" t="s">
        <v>15</v>
      </c>
      <c r="G81727" s="16">
        <v>2.777871284212341</v>
      </c>
    </row>
    <row r="81728" spans="1:7" x14ac:dyDescent="0.3">
      <c r="A81728" s="13" t="s">
        <v>414</v>
      </c>
      <c r="B81728" s="14" t="s">
        <v>1</v>
      </c>
      <c r="C81728" s="14" t="s">
        <v>238</v>
      </c>
      <c r="D81728" s="14" t="s">
        <v>231</v>
      </c>
      <c r="E81728" s="15">
        <v>45709</v>
      </c>
      <c r="F81728" s="14" t="s">
        <v>15</v>
      </c>
      <c r="G81728" s="16">
        <v>2.7754117099626723</v>
      </c>
    </row>
    <row r="81729" spans="1:7" x14ac:dyDescent="0.3">
      <c r="A81729" s="13" t="s">
        <v>414</v>
      </c>
      <c r="B81729" s="14" t="s">
        <v>1</v>
      </c>
      <c r="C81729" s="14" t="s">
        <v>238</v>
      </c>
      <c r="D81729" s="14" t="s">
        <v>231</v>
      </c>
      <c r="E81729" s="15">
        <v>45710</v>
      </c>
      <c r="F81729" s="14" t="s">
        <v>15</v>
      </c>
      <c r="G81729" s="16">
        <v>2.7754117099626723</v>
      </c>
    </row>
    <row r="81730" spans="1:7" x14ac:dyDescent="0.3">
      <c r="A81730" s="13" t="s">
        <v>414</v>
      </c>
      <c r="B81730" s="14" t="s">
        <v>1</v>
      </c>
      <c r="C81730" s="14" t="s">
        <v>238</v>
      </c>
      <c r="D81730" s="14" t="s">
        <v>231</v>
      </c>
      <c r="E81730" s="15">
        <v>45711</v>
      </c>
      <c r="F81730" s="14" t="s">
        <v>15</v>
      </c>
      <c r="G81730" s="16">
        <v>2.7754117099626723</v>
      </c>
    </row>
    <row r="81731" spans="1:7" x14ac:dyDescent="0.3">
      <c r="A81731" s="13" t="s">
        <v>414</v>
      </c>
      <c r="B81731" s="14" t="s">
        <v>1</v>
      </c>
      <c r="C81731" s="14" t="s">
        <v>238</v>
      </c>
      <c r="D81731" s="14" t="s">
        <v>231</v>
      </c>
      <c r="E81731" s="15">
        <v>45712</v>
      </c>
      <c r="F81731" s="14" t="s">
        <v>15</v>
      </c>
      <c r="G81731" s="16">
        <v>2.7866239886684498</v>
      </c>
    </row>
    <row r="81732" spans="1:7" x14ac:dyDescent="0.3">
      <c r="A81732" s="13" t="s">
        <v>414</v>
      </c>
      <c r="B81732" s="14" t="s">
        <v>1</v>
      </c>
      <c r="C81732" s="14" t="s">
        <v>238</v>
      </c>
      <c r="D81732" s="14" t="s">
        <v>231</v>
      </c>
      <c r="E81732" s="15">
        <v>45713</v>
      </c>
      <c r="F81732" s="14" t="s">
        <v>15</v>
      </c>
      <c r="G81732" s="16">
        <v>2.8253953153267317</v>
      </c>
    </row>
    <row r="81733" spans="1:7" x14ac:dyDescent="0.3">
      <c r="A81733" s="13" t="s">
        <v>414</v>
      </c>
      <c r="B81733" s="14" t="s">
        <v>1</v>
      </c>
      <c r="C81733" s="14" t="s">
        <v>238</v>
      </c>
      <c r="D81733" s="14" t="s">
        <v>231</v>
      </c>
      <c r="E81733" s="15">
        <v>45714</v>
      </c>
      <c r="F81733" s="14" t="s">
        <v>15</v>
      </c>
      <c r="G81733" s="16">
        <v>2.8265489590116513</v>
      </c>
    </row>
    <row r="81734" spans="1:7" x14ac:dyDescent="0.3">
      <c r="A81734" s="13" t="s">
        <v>414</v>
      </c>
      <c r="B81734" s="14" t="s">
        <v>1</v>
      </c>
      <c r="C81734" s="14" t="s">
        <v>238</v>
      </c>
      <c r="D81734" s="14" t="s">
        <v>231</v>
      </c>
      <c r="E81734" s="15">
        <v>45715</v>
      </c>
      <c r="F81734" s="14" t="s">
        <v>15</v>
      </c>
      <c r="G81734" s="16">
        <v>2.8123492342271019</v>
      </c>
    </row>
    <row r="81735" spans="1:7" x14ac:dyDescent="0.3">
      <c r="A81735" s="13" t="s">
        <v>414</v>
      </c>
      <c r="B81735" s="14" t="s">
        <v>1</v>
      </c>
      <c r="C81735" s="14" t="s">
        <v>238</v>
      </c>
      <c r="D81735" s="14" t="s">
        <v>231</v>
      </c>
      <c r="E81735" s="15">
        <v>45716</v>
      </c>
      <c r="F81735" s="14" t="s">
        <v>15</v>
      </c>
      <c r="G81735" s="16">
        <v>2.8146507922607533</v>
      </c>
    </row>
    <row r="81736" spans="1:7" x14ac:dyDescent="0.3">
      <c r="A81736" s="13" t="s">
        <v>414</v>
      </c>
      <c r="B81736" s="14" t="s">
        <v>1</v>
      </c>
      <c r="C81736" s="14" t="s">
        <v>238</v>
      </c>
      <c r="D81736" s="14" t="s">
        <v>231</v>
      </c>
      <c r="E81736" s="15">
        <v>45717</v>
      </c>
      <c r="F81736" s="14" t="s">
        <v>15</v>
      </c>
      <c r="G81736" s="16">
        <v>2.8146507922607533</v>
      </c>
    </row>
    <row r="81737" spans="1:7" x14ac:dyDescent="0.3">
      <c r="A81737" s="13" t="s">
        <v>414</v>
      </c>
      <c r="B81737" s="14" t="s">
        <v>1</v>
      </c>
      <c r="C81737" s="14" t="s">
        <v>238</v>
      </c>
      <c r="D81737" s="14" t="s">
        <v>231</v>
      </c>
      <c r="E81737" s="15">
        <v>45718</v>
      </c>
      <c r="F81737" s="14" t="s">
        <v>15</v>
      </c>
      <c r="G81737" s="16">
        <v>2.8146507922607533</v>
      </c>
    </row>
    <row r="81738" spans="1:7" x14ac:dyDescent="0.3">
      <c r="A81738" s="13" t="s">
        <v>414</v>
      </c>
      <c r="B81738" s="14" t="s">
        <v>1</v>
      </c>
      <c r="C81738" s="14" t="s">
        <v>238</v>
      </c>
      <c r="D81738" s="14" t="s">
        <v>231</v>
      </c>
      <c r="E81738" s="15">
        <v>45719</v>
      </c>
      <c r="F81738" s="14" t="s">
        <v>15</v>
      </c>
      <c r="G81738" s="16">
        <v>2.8534657049459513</v>
      </c>
    </row>
    <row r="81739" spans="1:7" x14ac:dyDescent="0.3">
      <c r="A81739" s="13" t="s">
        <v>414</v>
      </c>
      <c r="B81739" s="14" t="s">
        <v>1</v>
      </c>
      <c r="C81739" s="14" t="s">
        <v>238</v>
      </c>
      <c r="D81739" s="14" t="s">
        <v>231</v>
      </c>
      <c r="E81739" s="15">
        <v>45720</v>
      </c>
      <c r="F81739" s="14" t="s">
        <v>15</v>
      </c>
      <c r="G81739" s="16">
        <v>2.9182779028838857</v>
      </c>
    </row>
    <row r="81740" spans="1:7" x14ac:dyDescent="0.3">
      <c r="A81740" s="13" t="s">
        <v>414</v>
      </c>
      <c r="B81740" s="14" t="s">
        <v>1</v>
      </c>
      <c r="C81740" s="14" t="s">
        <v>238</v>
      </c>
      <c r="D81740" s="14" t="s">
        <v>231</v>
      </c>
      <c r="E81740" s="15">
        <v>45721</v>
      </c>
      <c r="F81740" s="14" t="s">
        <v>15</v>
      </c>
      <c r="G81740" s="16">
        <v>2.973187505867088</v>
      </c>
    </row>
    <row r="81741" spans="1:7" x14ac:dyDescent="0.3">
      <c r="A81741" s="13" t="s">
        <v>414</v>
      </c>
      <c r="B81741" s="14" t="s">
        <v>1</v>
      </c>
      <c r="C81741" s="14" t="s">
        <v>238</v>
      </c>
      <c r="D81741" s="14" t="s">
        <v>231</v>
      </c>
      <c r="E81741" s="15">
        <v>45722</v>
      </c>
      <c r="F81741" s="14" t="s">
        <v>15</v>
      </c>
      <c r="G81741" s="16">
        <v>2.975761205568296</v>
      </c>
    </row>
    <row r="81742" spans="1:7" x14ac:dyDescent="0.3">
      <c r="A81742" s="13" t="s">
        <v>414</v>
      </c>
      <c r="B81742" s="14" t="s">
        <v>1</v>
      </c>
      <c r="C81742" s="14" t="s">
        <v>238</v>
      </c>
      <c r="D81742" s="14" t="s">
        <v>231</v>
      </c>
      <c r="E81742" s="15">
        <v>45723</v>
      </c>
      <c r="F81742" s="14" t="s">
        <v>15</v>
      </c>
      <c r="G81742" s="16">
        <v>3.0085888839747512</v>
      </c>
    </row>
    <row r="81743" spans="1:7" x14ac:dyDescent="0.3">
      <c r="A81743" s="13" t="s">
        <v>414</v>
      </c>
      <c r="B81743" s="14" t="s">
        <v>1</v>
      </c>
      <c r="C81743" s="14" t="s">
        <v>238</v>
      </c>
      <c r="D81743" s="14" t="s">
        <v>231</v>
      </c>
      <c r="E81743" s="15">
        <v>45724</v>
      </c>
      <c r="F81743" s="14" t="s">
        <v>15</v>
      </c>
      <c r="G81743" s="16">
        <v>3.0085888839747512</v>
      </c>
    </row>
    <row r="81744" spans="1:7" x14ac:dyDescent="0.3">
      <c r="A81744" s="13" t="s">
        <v>414</v>
      </c>
      <c r="B81744" s="14" t="s">
        <v>1</v>
      </c>
      <c r="C81744" s="14" t="s">
        <v>238</v>
      </c>
      <c r="D81744" s="14" t="s">
        <v>231</v>
      </c>
      <c r="E81744" s="15">
        <v>45725</v>
      </c>
      <c r="F81744" s="14" t="s">
        <v>15</v>
      </c>
      <c r="G81744" s="16">
        <v>3.0085888839747512</v>
      </c>
    </row>
    <row r="81745" spans="1:7" x14ac:dyDescent="0.3">
      <c r="A81745" s="13" t="s">
        <v>414</v>
      </c>
      <c r="B81745" s="14" t="s">
        <v>1</v>
      </c>
      <c r="C81745" s="14" t="s">
        <v>238</v>
      </c>
      <c r="D81745" s="14" t="s">
        <v>231</v>
      </c>
      <c r="E81745" s="15">
        <v>45726</v>
      </c>
      <c r="F81745" s="14" t="s">
        <v>15</v>
      </c>
      <c r="G81745" s="16">
        <v>3.0179082928861964</v>
      </c>
    </row>
    <row r="81746" spans="1:7" x14ac:dyDescent="0.3">
      <c r="A81746" s="13" t="s">
        <v>414</v>
      </c>
      <c r="B81746" s="14" t="s">
        <v>1</v>
      </c>
      <c r="C81746" s="14" t="s">
        <v>238</v>
      </c>
      <c r="D81746" s="14" t="s">
        <v>231</v>
      </c>
      <c r="E81746" s="15">
        <v>45727</v>
      </c>
      <c r="F81746" s="14" t="s">
        <v>15</v>
      </c>
      <c r="G81746" s="16">
        <v>3.0679212317640574</v>
      </c>
    </row>
    <row r="81747" spans="1:7" x14ac:dyDescent="0.3">
      <c r="A81747" s="13" t="s">
        <v>414</v>
      </c>
      <c r="B81747" s="14" t="s">
        <v>1</v>
      </c>
      <c r="C81747" s="14" t="s">
        <v>238</v>
      </c>
      <c r="D81747" s="14" t="s">
        <v>231</v>
      </c>
      <c r="E81747" s="15">
        <v>45728</v>
      </c>
      <c r="F81747" s="14" t="s">
        <v>15</v>
      </c>
      <c r="G81747" s="16">
        <v>3.068213750381263</v>
      </c>
    </row>
    <row r="81748" spans="1:7" x14ac:dyDescent="0.3">
      <c r="A81748" s="13" t="s">
        <v>414</v>
      </c>
      <c r="B81748" s="14" t="s">
        <v>1</v>
      </c>
      <c r="C81748" s="14" t="s">
        <v>238</v>
      </c>
      <c r="D81748" s="14" t="s">
        <v>231</v>
      </c>
      <c r="E81748" s="15">
        <v>45729</v>
      </c>
      <c r="F81748" s="14" t="s">
        <v>15</v>
      </c>
      <c r="G81748" s="16">
        <v>3.0667430992565596</v>
      </c>
    </row>
    <row r="81749" spans="1:7" x14ac:dyDescent="0.3">
      <c r="A81749" s="13" t="s">
        <v>414</v>
      </c>
      <c r="B81749" s="14" t="s">
        <v>1</v>
      </c>
      <c r="C81749" s="14" t="s">
        <v>238</v>
      </c>
      <c r="D81749" s="14" t="s">
        <v>231</v>
      </c>
      <c r="E81749" s="15">
        <v>45730</v>
      </c>
      <c r="F81749" s="14" t="s">
        <v>15</v>
      </c>
      <c r="G81749" s="16">
        <v>3.0840213495655231</v>
      </c>
    </row>
    <row r="81750" spans="1:7" x14ac:dyDescent="0.3">
      <c r="A81750" s="13" t="s">
        <v>414</v>
      </c>
      <c r="B81750" s="14" t="s">
        <v>1</v>
      </c>
      <c r="C81750" s="14" t="s">
        <v>238</v>
      </c>
      <c r="D81750" s="14" t="s">
        <v>231</v>
      </c>
      <c r="E81750" s="15">
        <v>45731</v>
      </c>
      <c r="F81750" s="14" t="s">
        <v>15</v>
      </c>
      <c r="G81750" s="16">
        <v>3.0840213495655231</v>
      </c>
    </row>
    <row r="81751" spans="1:7" x14ac:dyDescent="0.3">
      <c r="A81751" s="13" t="s">
        <v>414</v>
      </c>
      <c r="B81751" s="14" t="s">
        <v>1</v>
      </c>
      <c r="C81751" s="14" t="s">
        <v>238</v>
      </c>
      <c r="D81751" s="14" t="s">
        <v>231</v>
      </c>
      <c r="E81751" s="15">
        <v>45732</v>
      </c>
      <c r="F81751" s="14" t="s">
        <v>15</v>
      </c>
      <c r="G81751" s="16">
        <v>3.0840213495655231</v>
      </c>
    </row>
    <row r="81752" spans="1:7" x14ac:dyDescent="0.3">
      <c r="A81752" s="13" t="s">
        <v>414</v>
      </c>
      <c r="B81752" s="14" t="s">
        <v>1</v>
      </c>
      <c r="C81752" s="14" t="s">
        <v>238</v>
      </c>
      <c r="D81752" s="14" t="s">
        <v>231</v>
      </c>
      <c r="E81752" s="15">
        <v>45733</v>
      </c>
      <c r="F81752" s="14" t="s">
        <v>15</v>
      </c>
      <c r="G81752" s="16">
        <v>3.0840213495655231</v>
      </c>
    </row>
    <row r="81753" spans="1:7" x14ac:dyDescent="0.3">
      <c r="A81753" s="13" t="s">
        <v>414</v>
      </c>
      <c r="B81753" s="14" t="s">
        <v>1</v>
      </c>
      <c r="C81753" s="14" t="s">
        <v>238</v>
      </c>
      <c r="D81753" s="14" t="s">
        <v>231</v>
      </c>
      <c r="E81753" s="15">
        <v>45734</v>
      </c>
      <c r="F81753" s="14" t="s">
        <v>15</v>
      </c>
      <c r="G81753" s="16">
        <v>3.1109592409431288</v>
      </c>
    </row>
    <row r="81754" spans="1:7" x14ac:dyDescent="0.3">
      <c r="A81754" s="13" t="s">
        <v>414</v>
      </c>
      <c r="B81754" s="14" t="s">
        <v>1</v>
      </c>
      <c r="C81754" s="14" t="s">
        <v>238</v>
      </c>
      <c r="D81754" s="14" t="s">
        <v>231</v>
      </c>
      <c r="E81754" s="15">
        <v>45735</v>
      </c>
      <c r="F81754" s="14" t="s">
        <v>15</v>
      </c>
      <c r="G81754" s="16">
        <v>3.1315720671369869</v>
      </c>
    </row>
    <row r="81755" spans="1:7" x14ac:dyDescent="0.3">
      <c r="A81755" s="13" t="s">
        <v>414</v>
      </c>
      <c r="B81755" s="14" t="s">
        <v>1</v>
      </c>
      <c r="C81755" s="14" t="s">
        <v>238</v>
      </c>
      <c r="D81755" s="14" t="s">
        <v>231</v>
      </c>
      <c r="E81755" s="15">
        <v>45736</v>
      </c>
      <c r="F81755" s="14" t="s">
        <v>15</v>
      </c>
      <c r="G81755" s="16">
        <v>3.1261743555528949</v>
      </c>
    </row>
    <row r="81756" spans="1:7" x14ac:dyDescent="0.3">
      <c r="A81756" s="13" t="s">
        <v>414</v>
      </c>
      <c r="B81756" s="14" t="s">
        <v>1</v>
      </c>
      <c r="C81756" s="14" t="s">
        <v>238</v>
      </c>
      <c r="D81756" s="14" t="s">
        <v>231</v>
      </c>
      <c r="E81756" s="15">
        <v>45737</v>
      </c>
      <c r="F81756" s="14" t="s">
        <v>15</v>
      </c>
      <c r="G81756" s="16">
        <v>3.1243242712821044</v>
      </c>
    </row>
    <row r="81757" spans="1:7" x14ac:dyDescent="0.3">
      <c r="A81757" s="13" t="s">
        <v>414</v>
      </c>
      <c r="B81757" s="14" t="s">
        <v>1</v>
      </c>
      <c r="C81757" s="14" t="s">
        <v>238</v>
      </c>
      <c r="D81757" s="14" t="s">
        <v>231</v>
      </c>
      <c r="E81757" s="15">
        <v>45738</v>
      </c>
      <c r="F81757" s="14" t="s">
        <v>15</v>
      </c>
      <c r="G81757" s="16">
        <v>3.1243242712821044</v>
      </c>
    </row>
    <row r="81758" spans="1:7" x14ac:dyDescent="0.3">
      <c r="A81758" s="13" t="s">
        <v>414</v>
      </c>
      <c r="B81758" s="14" t="s">
        <v>1</v>
      </c>
      <c r="C81758" s="14" t="s">
        <v>238</v>
      </c>
      <c r="D81758" s="14" t="s">
        <v>231</v>
      </c>
      <c r="E81758" s="15">
        <v>45739</v>
      </c>
      <c r="F81758" s="14" t="s">
        <v>15</v>
      </c>
      <c r="G81758" s="16">
        <v>3.1243242712821044</v>
      </c>
    </row>
    <row r="81759" spans="1:7" x14ac:dyDescent="0.3">
      <c r="A81759" s="13" t="s">
        <v>414</v>
      </c>
      <c r="B81759" s="14" t="s">
        <v>1</v>
      </c>
      <c r="C81759" s="14" t="s">
        <v>238</v>
      </c>
      <c r="D81759" s="14" t="s">
        <v>231</v>
      </c>
      <c r="E81759" s="15">
        <v>45740</v>
      </c>
      <c r="F81759" s="14" t="s">
        <v>15</v>
      </c>
      <c r="G81759" s="16">
        <v>3.129192051069368</v>
      </c>
    </row>
    <row r="81760" spans="1:7" x14ac:dyDescent="0.3">
      <c r="A81760" s="13" t="s">
        <v>414</v>
      </c>
      <c r="B81760" s="14" t="s">
        <v>1</v>
      </c>
      <c r="C81760" s="14" t="s">
        <v>238</v>
      </c>
      <c r="D81760" s="14" t="s">
        <v>231</v>
      </c>
      <c r="E81760" s="15">
        <v>45741</v>
      </c>
      <c r="F81760" s="14" t="s">
        <v>15</v>
      </c>
      <c r="G81760" s="16">
        <v>3.1533153285513511</v>
      </c>
    </row>
    <row r="81761" spans="1:7" x14ac:dyDescent="0.3">
      <c r="A81761" s="13" t="s">
        <v>414</v>
      </c>
      <c r="B81761" s="14" t="s">
        <v>1</v>
      </c>
      <c r="C81761" s="14" t="s">
        <v>238</v>
      </c>
      <c r="D81761" s="14" t="s">
        <v>231</v>
      </c>
      <c r="E81761" s="15">
        <v>45742</v>
      </c>
      <c r="F81761" s="14" t="s">
        <v>15</v>
      </c>
      <c r="G81761" s="16">
        <v>3.1546090086431362</v>
      </c>
    </row>
    <row r="81762" spans="1:7" x14ac:dyDescent="0.3">
      <c r="A81762" s="13" t="s">
        <v>414</v>
      </c>
      <c r="B81762" s="14" t="s">
        <v>1</v>
      </c>
      <c r="C81762" s="14" t="s">
        <v>238</v>
      </c>
      <c r="D81762" s="14" t="s">
        <v>231</v>
      </c>
      <c r="E81762" s="15">
        <v>45743</v>
      </c>
      <c r="F81762" s="14" t="s">
        <v>15</v>
      </c>
      <c r="G81762" s="16">
        <v>3.1771895242475803</v>
      </c>
    </row>
    <row r="81763" spans="1:7" x14ac:dyDescent="0.3">
      <c r="A81763" s="13" t="s">
        <v>414</v>
      </c>
      <c r="B81763" s="14" t="s">
        <v>1</v>
      </c>
      <c r="C81763" s="14" t="s">
        <v>238</v>
      </c>
      <c r="D81763" s="14" t="s">
        <v>231</v>
      </c>
      <c r="E81763" s="15">
        <v>45744</v>
      </c>
      <c r="F81763" s="14" t="s">
        <v>15</v>
      </c>
      <c r="G81763" s="16">
        <v>3.1944416248375838</v>
      </c>
    </row>
    <row r="81764" spans="1:7" x14ac:dyDescent="0.3">
      <c r="A81764" s="13" t="s">
        <v>414</v>
      </c>
      <c r="B81764" s="14" t="s">
        <v>1</v>
      </c>
      <c r="C81764" s="14" t="s">
        <v>238</v>
      </c>
      <c r="D81764" s="14" t="s">
        <v>231</v>
      </c>
      <c r="E81764" s="15">
        <v>45745</v>
      </c>
      <c r="F81764" s="14" t="s">
        <v>15</v>
      </c>
      <c r="G81764" s="16">
        <v>3.1944416248375838</v>
      </c>
    </row>
    <row r="81765" spans="1:7" x14ac:dyDescent="0.3">
      <c r="A81765" s="13" t="s">
        <v>414</v>
      </c>
      <c r="B81765" s="14" t="s">
        <v>1</v>
      </c>
      <c r="C81765" s="14" t="s">
        <v>238</v>
      </c>
      <c r="D81765" s="14" t="s">
        <v>231</v>
      </c>
      <c r="E81765" s="15">
        <v>45746</v>
      </c>
      <c r="F81765" s="14" t="s">
        <v>15</v>
      </c>
      <c r="G81765" s="16">
        <v>3.1944416248375838</v>
      </c>
    </row>
    <row r="81766" spans="1:7" x14ac:dyDescent="0.3">
      <c r="A81766" s="13" t="s">
        <v>414</v>
      </c>
      <c r="B81766" s="14" t="s">
        <v>1</v>
      </c>
      <c r="C81766" s="14" t="s">
        <v>238</v>
      </c>
      <c r="D81766" s="14" t="s">
        <v>231</v>
      </c>
      <c r="E81766" s="15">
        <v>45747</v>
      </c>
      <c r="F81766" s="14" t="s">
        <v>15</v>
      </c>
      <c r="G81766" s="16">
        <v>3.1999557272435277</v>
      </c>
    </row>
    <row r="81767" spans="1:7" x14ac:dyDescent="0.3">
      <c r="A81767" s="13" t="s">
        <v>415</v>
      </c>
      <c r="B81767" s="14" t="s">
        <v>1</v>
      </c>
      <c r="C81767" s="14" t="s">
        <v>23</v>
      </c>
      <c r="D81767" s="14" t="s">
        <v>400</v>
      </c>
      <c r="E81767" s="15">
        <v>45383</v>
      </c>
      <c r="F81767" s="14" t="s">
        <v>15</v>
      </c>
      <c r="G81767" s="16">
        <v>0</v>
      </c>
    </row>
    <row r="81768" spans="1:7" x14ac:dyDescent="0.3">
      <c r="A81768" s="13" t="s">
        <v>415</v>
      </c>
      <c r="B81768" s="14" t="s">
        <v>1</v>
      </c>
      <c r="C81768" s="14" t="s">
        <v>23</v>
      </c>
      <c r="D81768" s="14" t="s">
        <v>400</v>
      </c>
      <c r="E81768" s="15">
        <v>45384</v>
      </c>
      <c r="F81768" s="14" t="s">
        <v>15</v>
      </c>
      <c r="G81768" s="16">
        <v>0</v>
      </c>
    </row>
    <row r="81769" spans="1:7" x14ac:dyDescent="0.3">
      <c r="A81769" s="13" t="s">
        <v>415</v>
      </c>
      <c r="B81769" s="14" t="s">
        <v>1</v>
      </c>
      <c r="C81769" s="14" t="s">
        <v>23</v>
      </c>
      <c r="D81769" s="14" t="s">
        <v>400</v>
      </c>
      <c r="E81769" s="15">
        <v>45385</v>
      </c>
      <c r="F81769" s="14" t="s">
        <v>15</v>
      </c>
      <c r="G81769" s="16">
        <v>6.3591355423581894E-2</v>
      </c>
    </row>
    <row r="81770" spans="1:7" x14ac:dyDescent="0.3">
      <c r="A81770" s="13" t="s">
        <v>415</v>
      </c>
      <c r="B81770" s="14" t="s">
        <v>1</v>
      </c>
      <c r="C81770" s="14" t="s">
        <v>23</v>
      </c>
      <c r="D81770" s="14" t="s">
        <v>400</v>
      </c>
      <c r="E81770" s="15">
        <v>45386</v>
      </c>
      <c r="F81770" s="14" t="s">
        <v>15</v>
      </c>
      <c r="G81770" s="16">
        <v>7.9251207937696772E-2</v>
      </c>
    </row>
    <row r="81771" spans="1:7" x14ac:dyDescent="0.3">
      <c r="A81771" s="13" t="s">
        <v>415</v>
      </c>
      <c r="B81771" s="14" t="s">
        <v>1</v>
      </c>
      <c r="C81771" s="14" t="s">
        <v>23</v>
      </c>
      <c r="D81771" s="14" t="s">
        <v>400</v>
      </c>
      <c r="E81771" s="15">
        <v>45387</v>
      </c>
      <c r="F81771" s="14" t="s">
        <v>15</v>
      </c>
      <c r="G81771" s="16">
        <v>0.10484479046015101</v>
      </c>
    </row>
    <row r="81772" spans="1:7" x14ac:dyDescent="0.3">
      <c r="A81772" s="13" t="s">
        <v>415</v>
      </c>
      <c r="B81772" s="14" t="s">
        <v>1</v>
      </c>
      <c r="C81772" s="14" t="s">
        <v>23</v>
      </c>
      <c r="D81772" s="14" t="s">
        <v>400</v>
      </c>
      <c r="E81772" s="15">
        <v>45388</v>
      </c>
      <c r="F81772" s="14" t="s">
        <v>15</v>
      </c>
      <c r="G81772" s="16">
        <v>0.10484479046015101</v>
      </c>
    </row>
    <row r="81773" spans="1:7" x14ac:dyDescent="0.3">
      <c r="A81773" s="13" t="s">
        <v>415</v>
      </c>
      <c r="B81773" s="14" t="s">
        <v>1</v>
      </c>
      <c r="C81773" s="14" t="s">
        <v>23</v>
      </c>
      <c r="D81773" s="14" t="s">
        <v>400</v>
      </c>
      <c r="E81773" s="15">
        <v>45389</v>
      </c>
      <c r="F81773" s="14" t="s">
        <v>15</v>
      </c>
      <c r="G81773" s="16">
        <v>0.10484479046015101</v>
      </c>
    </row>
    <row r="81774" spans="1:7" x14ac:dyDescent="0.3">
      <c r="A81774" s="13" t="s">
        <v>415</v>
      </c>
      <c r="B81774" s="14" t="s">
        <v>1</v>
      </c>
      <c r="C81774" s="14" t="s">
        <v>23</v>
      </c>
      <c r="D81774" s="14" t="s">
        <v>400</v>
      </c>
      <c r="E81774" s="15">
        <v>45390</v>
      </c>
      <c r="F81774" s="14" t="s">
        <v>15</v>
      </c>
      <c r="G81774" s="16">
        <v>0.118588974137703</v>
      </c>
    </row>
    <row r="81775" spans="1:7" x14ac:dyDescent="0.3">
      <c r="A81775" s="13" t="s">
        <v>415</v>
      </c>
      <c r="B81775" s="14" t="s">
        <v>1</v>
      </c>
      <c r="C81775" s="14" t="s">
        <v>23</v>
      </c>
      <c r="D81775" s="14" t="s">
        <v>400</v>
      </c>
      <c r="E81775" s="15">
        <v>45391</v>
      </c>
      <c r="F81775" s="14" t="s">
        <v>15</v>
      </c>
      <c r="G81775" s="16">
        <v>0.15977560703000304</v>
      </c>
    </row>
    <row r="81776" spans="1:7" x14ac:dyDescent="0.3">
      <c r="A81776" s="13" t="s">
        <v>415</v>
      </c>
      <c r="B81776" s="14" t="s">
        <v>1</v>
      </c>
      <c r="C81776" s="14" t="s">
        <v>23</v>
      </c>
      <c r="D81776" s="14" t="s">
        <v>400</v>
      </c>
      <c r="E81776" s="15">
        <v>45392</v>
      </c>
      <c r="F81776" s="14" t="s">
        <v>15</v>
      </c>
      <c r="G81776" s="16">
        <v>0.17628613121230527</v>
      </c>
    </row>
    <row r="81777" spans="1:7" x14ac:dyDescent="0.3">
      <c r="A81777" s="13" t="s">
        <v>415</v>
      </c>
      <c r="B81777" s="14" t="s">
        <v>1</v>
      </c>
      <c r="C81777" s="14" t="s">
        <v>23</v>
      </c>
      <c r="D81777" s="14" t="s">
        <v>400</v>
      </c>
      <c r="E81777" s="15">
        <v>45393</v>
      </c>
      <c r="F81777" s="14" t="s">
        <v>15</v>
      </c>
      <c r="G81777" s="16">
        <v>0.19126587736348707</v>
      </c>
    </row>
    <row r="81778" spans="1:7" x14ac:dyDescent="0.3">
      <c r="A81778" s="13" t="s">
        <v>415</v>
      </c>
      <c r="B81778" s="14" t="s">
        <v>1</v>
      </c>
      <c r="C81778" s="14" t="s">
        <v>23</v>
      </c>
      <c r="D81778" s="14" t="s">
        <v>400</v>
      </c>
      <c r="E81778" s="15">
        <v>45394</v>
      </c>
      <c r="F81778" s="14" t="s">
        <v>15</v>
      </c>
      <c r="G81778" s="16">
        <v>0.20500442525835813</v>
      </c>
    </row>
    <row r="81779" spans="1:7" x14ac:dyDescent="0.3">
      <c r="A81779" s="13" t="s">
        <v>415</v>
      </c>
      <c r="B81779" s="14" t="s">
        <v>1</v>
      </c>
      <c r="C81779" s="14" t="s">
        <v>23</v>
      </c>
      <c r="D81779" s="14" t="s">
        <v>400</v>
      </c>
      <c r="E81779" s="15">
        <v>45395</v>
      </c>
      <c r="F81779" s="14" t="s">
        <v>15</v>
      </c>
      <c r="G81779" s="16">
        <v>0.20500442525835813</v>
      </c>
    </row>
    <row r="81780" spans="1:7" x14ac:dyDescent="0.3">
      <c r="A81780" s="13" t="s">
        <v>415</v>
      </c>
      <c r="B81780" s="14" t="s">
        <v>1</v>
      </c>
      <c r="C81780" s="14" t="s">
        <v>23</v>
      </c>
      <c r="D81780" s="14" t="s">
        <v>400</v>
      </c>
      <c r="E81780" s="15">
        <v>45396</v>
      </c>
      <c r="F81780" s="14" t="s">
        <v>15</v>
      </c>
      <c r="G81780" s="16">
        <v>0.20500442525835813</v>
      </c>
    </row>
    <row r="81781" spans="1:7" x14ac:dyDescent="0.3">
      <c r="A81781" s="13" t="s">
        <v>415</v>
      </c>
      <c r="B81781" s="14" t="s">
        <v>1</v>
      </c>
      <c r="C81781" s="14" t="s">
        <v>23</v>
      </c>
      <c r="D81781" s="14" t="s">
        <v>400</v>
      </c>
      <c r="E81781" s="15">
        <v>45397</v>
      </c>
      <c r="F81781" s="14" t="s">
        <v>15</v>
      </c>
      <c r="G81781" s="16">
        <v>0.21998980719222086</v>
      </c>
    </row>
    <row r="81782" spans="1:7" x14ac:dyDescent="0.3">
      <c r="A81782" s="13" t="s">
        <v>415</v>
      </c>
      <c r="B81782" s="14" t="s">
        <v>1</v>
      </c>
      <c r="C81782" s="14" t="s">
        <v>23</v>
      </c>
      <c r="D81782" s="14" t="s">
        <v>400</v>
      </c>
      <c r="E81782" s="15">
        <v>45398</v>
      </c>
      <c r="F81782" s="14" t="s">
        <v>15</v>
      </c>
      <c r="G81782" s="16">
        <v>0.26051771654411243</v>
      </c>
    </row>
    <row r="81783" spans="1:7" x14ac:dyDescent="0.3">
      <c r="A81783" s="13" t="s">
        <v>415</v>
      </c>
      <c r="B81783" s="14" t="s">
        <v>1</v>
      </c>
      <c r="C81783" s="14" t="s">
        <v>23</v>
      </c>
      <c r="D81783" s="14" t="s">
        <v>400</v>
      </c>
      <c r="E81783" s="15">
        <v>45399</v>
      </c>
      <c r="F81783" s="14" t="s">
        <v>15</v>
      </c>
      <c r="G81783" s="16">
        <v>0.27403066737343346</v>
      </c>
    </row>
    <row r="81784" spans="1:7" x14ac:dyDescent="0.3">
      <c r="A81784" s="13" t="s">
        <v>415</v>
      </c>
      <c r="B81784" s="14" t="s">
        <v>1</v>
      </c>
      <c r="C81784" s="14" t="s">
        <v>23</v>
      </c>
      <c r="D81784" s="14" t="s">
        <v>400</v>
      </c>
      <c r="E81784" s="15">
        <v>45400</v>
      </c>
      <c r="F81784" s="14" t="s">
        <v>15</v>
      </c>
      <c r="G81784" s="16">
        <v>0.28757129984121654</v>
      </c>
    </row>
    <row r="81785" spans="1:7" x14ac:dyDescent="0.3">
      <c r="A81785" s="13" t="s">
        <v>415</v>
      </c>
      <c r="B81785" s="14" t="s">
        <v>1</v>
      </c>
      <c r="C81785" s="14" t="s">
        <v>23</v>
      </c>
      <c r="D81785" s="14" t="s">
        <v>400</v>
      </c>
      <c r="E81785" s="15">
        <v>45401</v>
      </c>
      <c r="F81785" s="14" t="s">
        <v>15</v>
      </c>
      <c r="G81785" s="16">
        <v>0.30116215707818528</v>
      </c>
    </row>
    <row r="81786" spans="1:7" x14ac:dyDescent="0.3">
      <c r="A81786" s="13" t="s">
        <v>415</v>
      </c>
      <c r="B81786" s="14" t="s">
        <v>1</v>
      </c>
      <c r="C81786" s="14" t="s">
        <v>23</v>
      </c>
      <c r="D81786" s="14" t="s">
        <v>400</v>
      </c>
      <c r="E81786" s="15">
        <v>45402</v>
      </c>
      <c r="F81786" s="14" t="s">
        <v>15</v>
      </c>
      <c r="G81786" s="16">
        <v>0.30116215707818528</v>
      </c>
    </row>
    <row r="81787" spans="1:7" x14ac:dyDescent="0.3">
      <c r="A81787" s="13" t="s">
        <v>415</v>
      </c>
      <c r="B81787" s="14" t="s">
        <v>1</v>
      </c>
      <c r="C81787" s="14" t="s">
        <v>23</v>
      </c>
      <c r="D81787" s="14" t="s">
        <v>400</v>
      </c>
      <c r="E81787" s="15">
        <v>45403</v>
      </c>
      <c r="F81787" s="14" t="s">
        <v>15</v>
      </c>
      <c r="G81787" s="16">
        <v>0.30116215707818528</v>
      </c>
    </row>
    <row r="81788" spans="1:7" x14ac:dyDescent="0.3">
      <c r="A81788" s="13" t="s">
        <v>415</v>
      </c>
      <c r="B81788" s="14" t="s">
        <v>1</v>
      </c>
      <c r="C81788" s="14" t="s">
        <v>23</v>
      </c>
      <c r="D81788" s="14" t="s">
        <v>400</v>
      </c>
      <c r="E81788" s="15">
        <v>45404</v>
      </c>
      <c r="F81788" s="14" t="s">
        <v>15</v>
      </c>
      <c r="G81788" s="16">
        <v>0.32155308339459987</v>
      </c>
    </row>
    <row r="81789" spans="1:7" x14ac:dyDescent="0.3">
      <c r="A81789" s="13" t="s">
        <v>415</v>
      </c>
      <c r="B81789" s="14" t="s">
        <v>1</v>
      </c>
      <c r="C81789" s="14" t="s">
        <v>23</v>
      </c>
      <c r="D81789" s="14" t="s">
        <v>400</v>
      </c>
      <c r="E81789" s="15">
        <v>45405</v>
      </c>
      <c r="F81789" s="14" t="s">
        <v>15</v>
      </c>
      <c r="G81789" s="16">
        <v>0.35593185656668924</v>
      </c>
    </row>
    <row r="81790" spans="1:7" x14ac:dyDescent="0.3">
      <c r="A81790" s="13" t="s">
        <v>415</v>
      </c>
      <c r="B81790" s="14" t="s">
        <v>1</v>
      </c>
      <c r="C81790" s="14" t="s">
        <v>23</v>
      </c>
      <c r="D81790" s="14" t="s">
        <v>400</v>
      </c>
      <c r="E81790" s="15">
        <v>45406</v>
      </c>
      <c r="F81790" s="14" t="s">
        <v>15</v>
      </c>
      <c r="G81790" s="16">
        <v>0.36684173883069193</v>
      </c>
    </row>
    <row r="81791" spans="1:7" x14ac:dyDescent="0.3">
      <c r="A81791" s="13" t="s">
        <v>415</v>
      </c>
      <c r="B81791" s="14" t="s">
        <v>1</v>
      </c>
      <c r="C81791" s="14" t="s">
        <v>23</v>
      </c>
      <c r="D81791" s="14" t="s">
        <v>400</v>
      </c>
      <c r="E81791" s="15">
        <v>45407</v>
      </c>
      <c r="F81791" s="14" t="s">
        <v>15</v>
      </c>
      <c r="G81791" s="16">
        <v>0.33291681501006698</v>
      </c>
    </row>
    <row r="81792" spans="1:7" x14ac:dyDescent="0.3">
      <c r="A81792" s="13" t="s">
        <v>415</v>
      </c>
      <c r="B81792" s="14" t="s">
        <v>1</v>
      </c>
      <c r="C81792" s="14" t="s">
        <v>23</v>
      </c>
      <c r="D81792" s="14" t="s">
        <v>400</v>
      </c>
      <c r="E81792" s="15">
        <v>45408</v>
      </c>
      <c r="F81792" s="14" t="s">
        <v>15</v>
      </c>
      <c r="G81792" s="16">
        <v>0.34534536055382375</v>
      </c>
    </row>
    <row r="81793" spans="1:7" x14ac:dyDescent="0.3">
      <c r="A81793" s="13" t="s">
        <v>415</v>
      </c>
      <c r="B81793" s="14" t="s">
        <v>1</v>
      </c>
      <c r="C81793" s="14" t="s">
        <v>23</v>
      </c>
      <c r="D81793" s="14" t="s">
        <v>400</v>
      </c>
      <c r="E81793" s="15">
        <v>45409</v>
      </c>
      <c r="F81793" s="14" t="s">
        <v>15</v>
      </c>
      <c r="G81793" s="16">
        <v>0.34534536055382375</v>
      </c>
    </row>
    <row r="81794" spans="1:7" x14ac:dyDescent="0.3">
      <c r="A81794" s="13" t="s">
        <v>415</v>
      </c>
      <c r="B81794" s="14" t="s">
        <v>1</v>
      </c>
      <c r="C81794" s="14" t="s">
        <v>23</v>
      </c>
      <c r="D81794" s="14" t="s">
        <v>400</v>
      </c>
      <c r="E81794" s="15">
        <v>45410</v>
      </c>
      <c r="F81794" s="14" t="s">
        <v>15</v>
      </c>
      <c r="G81794" s="16">
        <v>0.34534536055382375</v>
      </c>
    </row>
    <row r="81795" spans="1:7" x14ac:dyDescent="0.3">
      <c r="A81795" s="13" t="s">
        <v>415</v>
      </c>
      <c r="B81795" s="14" t="s">
        <v>1</v>
      </c>
      <c r="C81795" s="14" t="s">
        <v>23</v>
      </c>
      <c r="D81795" s="14" t="s">
        <v>400</v>
      </c>
      <c r="E81795" s="15">
        <v>45411</v>
      </c>
      <c r="F81795" s="14" t="s">
        <v>15</v>
      </c>
      <c r="G81795" s="16">
        <v>0.35932699825288628</v>
      </c>
    </row>
    <row r="81796" spans="1:7" x14ac:dyDescent="0.3">
      <c r="A81796" s="13" t="s">
        <v>415</v>
      </c>
      <c r="B81796" s="14" t="s">
        <v>1</v>
      </c>
      <c r="C81796" s="14" t="s">
        <v>23</v>
      </c>
      <c r="D81796" s="14" t="s">
        <v>400</v>
      </c>
      <c r="E81796" s="15">
        <v>45412</v>
      </c>
      <c r="F81796" s="14" t="s">
        <v>15</v>
      </c>
      <c r="G81796" s="16">
        <v>0.40142135752775654</v>
      </c>
    </row>
    <row r="81797" spans="1:7" x14ac:dyDescent="0.3">
      <c r="A81797" s="13" t="s">
        <v>415</v>
      </c>
      <c r="B81797" s="14" t="s">
        <v>1</v>
      </c>
      <c r="C81797" s="14" t="s">
        <v>23</v>
      </c>
      <c r="D81797" s="14" t="s">
        <v>400</v>
      </c>
      <c r="E81797" s="15">
        <v>45413</v>
      </c>
      <c r="F81797" s="14" t="s">
        <v>15</v>
      </c>
      <c r="G81797" s="16">
        <v>0.41532130186348198</v>
      </c>
    </row>
    <row r="81798" spans="1:7" x14ac:dyDescent="0.3">
      <c r="A81798" s="13" t="s">
        <v>415</v>
      </c>
      <c r="B81798" s="14" t="s">
        <v>1</v>
      </c>
      <c r="C81798" s="14" t="s">
        <v>23</v>
      </c>
      <c r="D81798" s="14" t="s">
        <v>400</v>
      </c>
      <c r="E81798" s="15">
        <v>45414</v>
      </c>
      <c r="F81798" s="14" t="s">
        <v>15</v>
      </c>
      <c r="G81798" s="16">
        <v>0.42961413649754193</v>
      </c>
    </row>
    <row r="81799" spans="1:7" x14ac:dyDescent="0.3">
      <c r="A81799" s="13" t="s">
        <v>415</v>
      </c>
      <c r="B81799" s="14" t="s">
        <v>1</v>
      </c>
      <c r="C81799" s="14" t="s">
        <v>23</v>
      </c>
      <c r="D81799" s="14" t="s">
        <v>400</v>
      </c>
      <c r="E81799" s="15">
        <v>45415</v>
      </c>
      <c r="F81799" s="14" t="s">
        <v>15</v>
      </c>
      <c r="G81799" s="16">
        <v>0.44362992415391306</v>
      </c>
    </row>
    <row r="81800" spans="1:7" x14ac:dyDescent="0.3">
      <c r="A81800" s="13" t="s">
        <v>415</v>
      </c>
      <c r="B81800" s="14" t="s">
        <v>1</v>
      </c>
      <c r="C81800" s="14" t="s">
        <v>23</v>
      </c>
      <c r="D81800" s="14" t="s">
        <v>400</v>
      </c>
      <c r="E81800" s="15">
        <v>45416</v>
      </c>
      <c r="F81800" s="14" t="s">
        <v>15</v>
      </c>
      <c r="G81800" s="16">
        <v>0.44362992415391306</v>
      </c>
    </row>
    <row r="81801" spans="1:7" x14ac:dyDescent="0.3">
      <c r="A81801" s="13" t="s">
        <v>415</v>
      </c>
      <c r="B81801" s="14" t="s">
        <v>1</v>
      </c>
      <c r="C81801" s="14" t="s">
        <v>23</v>
      </c>
      <c r="D81801" s="14" t="s">
        <v>400</v>
      </c>
      <c r="E81801" s="15">
        <v>45417</v>
      </c>
      <c r="F81801" s="14" t="s">
        <v>15</v>
      </c>
      <c r="G81801" s="16">
        <v>0.44362992415391306</v>
      </c>
    </row>
    <row r="81802" spans="1:7" x14ac:dyDescent="0.3">
      <c r="A81802" s="13" t="s">
        <v>415</v>
      </c>
      <c r="B81802" s="14" t="s">
        <v>1</v>
      </c>
      <c r="C81802" s="14" t="s">
        <v>23</v>
      </c>
      <c r="D81802" s="14" t="s">
        <v>400</v>
      </c>
      <c r="E81802" s="15">
        <v>45418</v>
      </c>
      <c r="F81802" s="14" t="s">
        <v>15</v>
      </c>
      <c r="G81802" s="16">
        <v>0.44362992415391306</v>
      </c>
    </row>
    <row r="81803" spans="1:7" x14ac:dyDescent="0.3">
      <c r="A81803" s="13" t="s">
        <v>415</v>
      </c>
      <c r="B81803" s="14" t="s">
        <v>1</v>
      </c>
      <c r="C81803" s="14" t="s">
        <v>23</v>
      </c>
      <c r="D81803" s="14" t="s">
        <v>400</v>
      </c>
      <c r="E81803" s="15">
        <v>45419</v>
      </c>
      <c r="F81803" s="14" t="s">
        <v>15</v>
      </c>
      <c r="G81803" s="16">
        <v>0.45706754198404942</v>
      </c>
    </row>
    <row r="81804" spans="1:7" x14ac:dyDescent="0.3">
      <c r="A81804" s="13" t="s">
        <v>415</v>
      </c>
      <c r="B81804" s="14" t="s">
        <v>1</v>
      </c>
      <c r="C81804" s="14" t="s">
        <v>23</v>
      </c>
      <c r="D81804" s="14" t="s">
        <v>400</v>
      </c>
      <c r="E81804" s="15">
        <v>45420</v>
      </c>
      <c r="F81804" s="14" t="s">
        <v>15</v>
      </c>
      <c r="G81804" s="16">
        <v>0.5271288166647482</v>
      </c>
    </row>
    <row r="81805" spans="1:7" x14ac:dyDescent="0.3">
      <c r="A81805" s="13" t="s">
        <v>415</v>
      </c>
      <c r="B81805" s="14" t="s">
        <v>1</v>
      </c>
      <c r="C81805" s="14" t="s">
        <v>23</v>
      </c>
      <c r="D81805" s="14" t="s">
        <v>400</v>
      </c>
      <c r="E81805" s="15">
        <v>45421</v>
      </c>
      <c r="F81805" s="14" t="s">
        <v>15</v>
      </c>
      <c r="G81805" s="16">
        <v>0.54112750696355416</v>
      </c>
    </row>
    <row r="81806" spans="1:7" x14ac:dyDescent="0.3">
      <c r="A81806" s="13" t="s">
        <v>415</v>
      </c>
      <c r="B81806" s="14" t="s">
        <v>1</v>
      </c>
      <c r="C81806" s="14" t="s">
        <v>23</v>
      </c>
      <c r="D81806" s="14" t="s">
        <v>400</v>
      </c>
      <c r="E81806" s="15">
        <v>45422</v>
      </c>
      <c r="F81806" s="14" t="s">
        <v>15</v>
      </c>
      <c r="G81806" s="16">
        <v>0.55499203534432318</v>
      </c>
    </row>
    <row r="81807" spans="1:7" x14ac:dyDescent="0.3">
      <c r="A81807" s="13" t="s">
        <v>415</v>
      </c>
      <c r="B81807" s="14" t="s">
        <v>1</v>
      </c>
      <c r="C81807" s="14" t="s">
        <v>23</v>
      </c>
      <c r="D81807" s="14" t="s">
        <v>400</v>
      </c>
      <c r="E81807" s="15">
        <v>45423</v>
      </c>
      <c r="F81807" s="14" t="s">
        <v>15</v>
      </c>
      <c r="G81807" s="16">
        <v>0.55499203534432318</v>
      </c>
    </row>
    <row r="81808" spans="1:7" x14ac:dyDescent="0.3">
      <c r="A81808" s="13" t="s">
        <v>415</v>
      </c>
      <c r="B81808" s="14" t="s">
        <v>1</v>
      </c>
      <c r="C81808" s="14" t="s">
        <v>23</v>
      </c>
      <c r="D81808" s="14" t="s">
        <v>400</v>
      </c>
      <c r="E81808" s="15">
        <v>45424</v>
      </c>
      <c r="F81808" s="14" t="s">
        <v>15</v>
      </c>
      <c r="G81808" s="16">
        <v>0.55499203534432318</v>
      </c>
    </row>
    <row r="81809" spans="1:7" x14ac:dyDescent="0.3">
      <c r="A81809" s="13" t="s">
        <v>415</v>
      </c>
      <c r="B81809" s="14" t="s">
        <v>1</v>
      </c>
      <c r="C81809" s="14" t="s">
        <v>23</v>
      </c>
      <c r="D81809" s="14" t="s">
        <v>400</v>
      </c>
      <c r="E81809" s="15">
        <v>45425</v>
      </c>
      <c r="F81809" s="14" t="s">
        <v>15</v>
      </c>
      <c r="G81809" s="16">
        <v>0.56947416215142621</v>
      </c>
    </row>
    <row r="81810" spans="1:7" x14ac:dyDescent="0.3">
      <c r="A81810" s="13" t="s">
        <v>415</v>
      </c>
      <c r="B81810" s="14" t="s">
        <v>1</v>
      </c>
      <c r="C81810" s="14" t="s">
        <v>23</v>
      </c>
      <c r="D81810" s="14" t="s">
        <v>400</v>
      </c>
      <c r="E81810" s="15">
        <v>45426</v>
      </c>
      <c r="F81810" s="14" t="s">
        <v>15</v>
      </c>
      <c r="G81810" s="16">
        <v>0.61272835033541206</v>
      </c>
    </row>
    <row r="81811" spans="1:7" x14ac:dyDescent="0.3">
      <c r="A81811" s="13" t="s">
        <v>415</v>
      </c>
      <c r="B81811" s="14" t="s">
        <v>1</v>
      </c>
      <c r="C81811" s="14" t="s">
        <v>23</v>
      </c>
      <c r="D81811" s="14" t="s">
        <v>400</v>
      </c>
      <c r="E81811" s="15">
        <v>45427</v>
      </c>
      <c r="F81811" s="14" t="s">
        <v>15</v>
      </c>
      <c r="G81811" s="16">
        <v>0.62657508350728663</v>
      </c>
    </row>
    <row r="81812" spans="1:7" x14ac:dyDescent="0.3">
      <c r="A81812" s="13" t="s">
        <v>415</v>
      </c>
      <c r="B81812" s="14" t="s">
        <v>1</v>
      </c>
      <c r="C81812" s="14" t="s">
        <v>23</v>
      </c>
      <c r="D81812" s="14" t="s">
        <v>400</v>
      </c>
      <c r="E81812" s="15">
        <v>45428</v>
      </c>
      <c r="F81812" s="14" t="s">
        <v>15</v>
      </c>
      <c r="G81812" s="16">
        <v>0.64064652480716078</v>
      </c>
    </row>
    <row r="81813" spans="1:7" x14ac:dyDescent="0.3">
      <c r="A81813" s="13" t="s">
        <v>415</v>
      </c>
      <c r="B81813" s="14" t="s">
        <v>1</v>
      </c>
      <c r="C81813" s="14" t="s">
        <v>23</v>
      </c>
      <c r="D81813" s="14" t="s">
        <v>400</v>
      </c>
      <c r="E81813" s="15">
        <v>45429</v>
      </c>
      <c r="F81813" s="14" t="s">
        <v>15</v>
      </c>
      <c r="G81813" s="16">
        <v>0.65470313676628966</v>
      </c>
    </row>
    <row r="81814" spans="1:7" x14ac:dyDescent="0.3">
      <c r="A81814" s="13" t="s">
        <v>415</v>
      </c>
      <c r="B81814" s="14" t="s">
        <v>1</v>
      </c>
      <c r="C81814" s="14" t="s">
        <v>23</v>
      </c>
      <c r="D81814" s="14" t="s">
        <v>400</v>
      </c>
      <c r="E81814" s="15">
        <v>45430</v>
      </c>
      <c r="F81814" s="14" t="s">
        <v>15</v>
      </c>
      <c r="G81814" s="16">
        <v>0.65470313676628966</v>
      </c>
    </row>
    <row r="81815" spans="1:7" x14ac:dyDescent="0.3">
      <c r="A81815" s="13" t="s">
        <v>415</v>
      </c>
      <c r="B81815" s="14" t="s">
        <v>1</v>
      </c>
      <c r="C81815" s="14" t="s">
        <v>23</v>
      </c>
      <c r="D81815" s="14" t="s">
        <v>400</v>
      </c>
      <c r="E81815" s="15">
        <v>45431</v>
      </c>
      <c r="F81815" s="14" t="s">
        <v>15</v>
      </c>
      <c r="G81815" s="16">
        <v>0.65470313676628966</v>
      </c>
    </row>
    <row r="81816" spans="1:7" x14ac:dyDescent="0.3">
      <c r="A81816" s="13" t="s">
        <v>415</v>
      </c>
      <c r="B81816" s="14" t="s">
        <v>1</v>
      </c>
      <c r="C81816" s="14" t="s">
        <v>23</v>
      </c>
      <c r="D81816" s="14" t="s">
        <v>400</v>
      </c>
      <c r="E81816" s="15">
        <v>45432</v>
      </c>
      <c r="F81816" s="14" t="s">
        <v>15</v>
      </c>
      <c r="G81816" s="16">
        <v>0.66893785575538323</v>
      </c>
    </row>
    <row r="81817" spans="1:7" x14ac:dyDescent="0.3">
      <c r="A81817" s="13" t="s">
        <v>415</v>
      </c>
      <c r="B81817" s="14" t="s">
        <v>1</v>
      </c>
      <c r="C81817" s="14" t="s">
        <v>23</v>
      </c>
      <c r="D81817" s="14" t="s">
        <v>400</v>
      </c>
      <c r="E81817" s="15">
        <v>45433</v>
      </c>
      <c r="F81817" s="14" t="s">
        <v>15</v>
      </c>
      <c r="G81817" s="16">
        <v>0.71127543402353766</v>
      </c>
    </row>
    <row r="81818" spans="1:7" x14ac:dyDescent="0.3">
      <c r="A81818" s="13" t="s">
        <v>415</v>
      </c>
      <c r="B81818" s="14" t="s">
        <v>1</v>
      </c>
      <c r="C81818" s="14" t="s">
        <v>23</v>
      </c>
      <c r="D81818" s="14" t="s">
        <v>400</v>
      </c>
      <c r="E81818" s="15">
        <v>45434</v>
      </c>
      <c r="F81818" s="14" t="s">
        <v>15</v>
      </c>
      <c r="G81818" s="16">
        <v>0.72532943447799192</v>
      </c>
    </row>
    <row r="81819" spans="1:7" x14ac:dyDescent="0.3">
      <c r="A81819" s="13" t="s">
        <v>415</v>
      </c>
      <c r="B81819" s="14" t="s">
        <v>1</v>
      </c>
      <c r="C81819" s="14" t="s">
        <v>23</v>
      </c>
      <c r="D81819" s="14" t="s">
        <v>400</v>
      </c>
      <c r="E81819" s="15">
        <v>45435</v>
      </c>
      <c r="F81819" s="14" t="s">
        <v>15</v>
      </c>
      <c r="G81819" s="16">
        <v>0.74176978373236802</v>
      </c>
    </row>
    <row r="81820" spans="1:7" x14ac:dyDescent="0.3">
      <c r="A81820" s="13" t="s">
        <v>415</v>
      </c>
      <c r="B81820" s="14" t="s">
        <v>1</v>
      </c>
      <c r="C81820" s="14" t="s">
        <v>23</v>
      </c>
      <c r="D81820" s="14" t="s">
        <v>400</v>
      </c>
      <c r="E81820" s="15">
        <v>45436</v>
      </c>
      <c r="F81820" s="14" t="s">
        <v>15</v>
      </c>
      <c r="G81820" s="16">
        <v>0.75555514852722305</v>
      </c>
    </row>
    <row r="81821" spans="1:7" x14ac:dyDescent="0.3">
      <c r="A81821" s="13" t="s">
        <v>415</v>
      </c>
      <c r="B81821" s="14" t="s">
        <v>1</v>
      </c>
      <c r="C81821" s="14" t="s">
        <v>23</v>
      </c>
      <c r="D81821" s="14" t="s">
        <v>400</v>
      </c>
      <c r="E81821" s="15">
        <v>45437</v>
      </c>
      <c r="F81821" s="14" t="s">
        <v>15</v>
      </c>
      <c r="G81821" s="16">
        <v>0.75555514852722305</v>
      </c>
    </row>
    <row r="81822" spans="1:7" x14ac:dyDescent="0.3">
      <c r="A81822" s="13" t="s">
        <v>415</v>
      </c>
      <c r="B81822" s="14" t="s">
        <v>1</v>
      </c>
      <c r="C81822" s="14" t="s">
        <v>23</v>
      </c>
      <c r="D81822" s="14" t="s">
        <v>400</v>
      </c>
      <c r="E81822" s="15">
        <v>45438</v>
      </c>
      <c r="F81822" s="14" t="s">
        <v>15</v>
      </c>
      <c r="G81822" s="16">
        <v>0.75555514852722305</v>
      </c>
    </row>
    <row r="81823" spans="1:7" x14ac:dyDescent="0.3">
      <c r="A81823" s="13" t="s">
        <v>415</v>
      </c>
      <c r="B81823" s="14" t="s">
        <v>1</v>
      </c>
      <c r="C81823" s="14" t="s">
        <v>23</v>
      </c>
      <c r="D81823" s="14" t="s">
        <v>400</v>
      </c>
      <c r="E81823" s="15">
        <v>45439</v>
      </c>
      <c r="F81823" s="14" t="s">
        <v>15</v>
      </c>
      <c r="G81823" s="16">
        <v>0.75555514852722305</v>
      </c>
    </row>
    <row r="81824" spans="1:7" x14ac:dyDescent="0.3">
      <c r="A81824" s="13" t="s">
        <v>415</v>
      </c>
      <c r="B81824" s="14" t="s">
        <v>1</v>
      </c>
      <c r="C81824" s="14" t="s">
        <v>23</v>
      </c>
      <c r="D81824" s="14" t="s">
        <v>400</v>
      </c>
      <c r="E81824" s="15">
        <v>45440</v>
      </c>
      <c r="F81824" s="14" t="s">
        <v>15</v>
      </c>
      <c r="G81824" s="16">
        <v>0.76928284119096135</v>
      </c>
    </row>
    <row r="81825" spans="1:7" x14ac:dyDescent="0.3">
      <c r="A81825" s="13" t="s">
        <v>415</v>
      </c>
      <c r="B81825" s="14" t="s">
        <v>1</v>
      </c>
      <c r="C81825" s="14" t="s">
        <v>23</v>
      </c>
      <c r="D81825" s="14" t="s">
        <v>400</v>
      </c>
      <c r="E81825" s="15">
        <v>45441</v>
      </c>
      <c r="F81825" s="14" t="s">
        <v>15</v>
      </c>
      <c r="G81825" s="16">
        <v>0.81997536418685912</v>
      </c>
    </row>
    <row r="81826" spans="1:7" x14ac:dyDescent="0.3">
      <c r="A81826" s="13" t="s">
        <v>415</v>
      </c>
      <c r="B81826" s="14" t="s">
        <v>1</v>
      </c>
      <c r="C81826" s="14" t="s">
        <v>23</v>
      </c>
      <c r="D81826" s="14" t="s">
        <v>400</v>
      </c>
      <c r="E81826" s="15">
        <v>45442</v>
      </c>
      <c r="F81826" s="14" t="s">
        <v>15</v>
      </c>
      <c r="G81826" s="16">
        <v>0.83549821934229651</v>
      </c>
    </row>
    <row r="81827" spans="1:7" x14ac:dyDescent="0.3">
      <c r="A81827" s="13" t="s">
        <v>415</v>
      </c>
      <c r="B81827" s="14" t="s">
        <v>1</v>
      </c>
      <c r="C81827" s="14" t="s">
        <v>23</v>
      </c>
      <c r="D81827" s="14" t="s">
        <v>400</v>
      </c>
      <c r="E81827" s="15">
        <v>45443</v>
      </c>
      <c r="F81827" s="14" t="s">
        <v>15</v>
      </c>
      <c r="G81827" s="16">
        <v>0.84448590154239411</v>
      </c>
    </row>
    <row r="81828" spans="1:7" x14ac:dyDescent="0.3">
      <c r="A81828" s="13" t="s">
        <v>415</v>
      </c>
      <c r="B81828" s="14" t="s">
        <v>1</v>
      </c>
      <c r="C81828" s="14" t="s">
        <v>23</v>
      </c>
      <c r="D81828" s="14" t="s">
        <v>400</v>
      </c>
      <c r="E81828" s="15">
        <v>45444</v>
      </c>
      <c r="F81828" s="14" t="s">
        <v>15</v>
      </c>
      <c r="G81828" s="16">
        <v>0.84448590154239411</v>
      </c>
    </row>
    <row r="81829" spans="1:7" x14ac:dyDescent="0.3">
      <c r="A81829" s="13" t="s">
        <v>415</v>
      </c>
      <c r="B81829" s="14" t="s">
        <v>1</v>
      </c>
      <c r="C81829" s="14" t="s">
        <v>23</v>
      </c>
      <c r="D81829" s="14" t="s">
        <v>400</v>
      </c>
      <c r="E81829" s="15">
        <v>45445</v>
      </c>
      <c r="F81829" s="14" t="s">
        <v>15</v>
      </c>
      <c r="G81829" s="16">
        <v>0.84448590154239411</v>
      </c>
    </row>
    <row r="81830" spans="1:7" x14ac:dyDescent="0.3">
      <c r="A81830" s="13" t="s">
        <v>415</v>
      </c>
      <c r="B81830" s="14" t="s">
        <v>1</v>
      </c>
      <c r="C81830" s="14" t="s">
        <v>23</v>
      </c>
      <c r="D81830" s="14" t="s">
        <v>400</v>
      </c>
      <c r="E81830" s="15">
        <v>45446</v>
      </c>
      <c r="F81830" s="14" t="s">
        <v>15</v>
      </c>
      <c r="G81830" s="16">
        <v>0.84448590154239411</v>
      </c>
    </row>
    <row r="81831" spans="1:7" x14ac:dyDescent="0.3">
      <c r="A81831" s="13" t="s">
        <v>415</v>
      </c>
      <c r="B81831" s="14" t="s">
        <v>1</v>
      </c>
      <c r="C81831" s="14" t="s">
        <v>23</v>
      </c>
      <c r="D81831" s="14" t="s">
        <v>400</v>
      </c>
      <c r="E81831" s="15">
        <v>45447</v>
      </c>
      <c r="F81831" s="14" t="s">
        <v>15</v>
      </c>
      <c r="G81831" s="16">
        <v>0.86112500361345268</v>
      </c>
    </row>
    <row r="81832" spans="1:7" x14ac:dyDescent="0.3">
      <c r="A81832" s="13" t="s">
        <v>415</v>
      </c>
      <c r="B81832" s="14" t="s">
        <v>1</v>
      </c>
      <c r="C81832" s="14" t="s">
        <v>23</v>
      </c>
      <c r="D81832" s="14" t="s">
        <v>400</v>
      </c>
      <c r="E81832" s="15">
        <v>45448</v>
      </c>
      <c r="F81832" s="14" t="s">
        <v>15</v>
      </c>
      <c r="G81832" s="16">
        <v>0.92078018907052284</v>
      </c>
    </row>
    <row r="81833" spans="1:7" x14ac:dyDescent="0.3">
      <c r="A81833" s="13" t="s">
        <v>415</v>
      </c>
      <c r="B81833" s="14" t="s">
        <v>1</v>
      </c>
      <c r="C81833" s="14" t="s">
        <v>23</v>
      </c>
      <c r="D81833" s="14" t="s">
        <v>400</v>
      </c>
      <c r="E81833" s="15">
        <v>45449</v>
      </c>
      <c r="F81833" s="14" t="s">
        <v>15</v>
      </c>
      <c r="G81833" s="16">
        <v>0.93411695109955784</v>
      </c>
    </row>
    <row r="81834" spans="1:7" x14ac:dyDescent="0.3">
      <c r="A81834" s="13" t="s">
        <v>415</v>
      </c>
      <c r="B81834" s="14" t="s">
        <v>1</v>
      </c>
      <c r="C81834" s="14" t="s">
        <v>23</v>
      </c>
      <c r="D81834" s="14" t="s">
        <v>400</v>
      </c>
      <c r="E81834" s="15">
        <v>45450</v>
      </c>
      <c r="F81834" s="14" t="s">
        <v>15</v>
      </c>
      <c r="G81834" s="16">
        <v>0.96690669202566482</v>
      </c>
    </row>
    <row r="81835" spans="1:7" x14ac:dyDescent="0.3">
      <c r="A81835" s="13" t="s">
        <v>415</v>
      </c>
      <c r="B81835" s="14" t="s">
        <v>1</v>
      </c>
      <c r="C81835" s="14" t="s">
        <v>23</v>
      </c>
      <c r="D81835" s="14" t="s">
        <v>400</v>
      </c>
      <c r="E81835" s="15">
        <v>45451</v>
      </c>
      <c r="F81835" s="14" t="s">
        <v>15</v>
      </c>
      <c r="G81835" s="16">
        <v>0.96690669202566482</v>
      </c>
    </row>
    <row r="81836" spans="1:7" x14ac:dyDescent="0.3">
      <c r="A81836" s="13" t="s">
        <v>415</v>
      </c>
      <c r="B81836" s="14" t="s">
        <v>1</v>
      </c>
      <c r="C81836" s="14" t="s">
        <v>23</v>
      </c>
      <c r="D81836" s="14" t="s">
        <v>400</v>
      </c>
      <c r="E81836" s="15">
        <v>45452</v>
      </c>
      <c r="F81836" s="14" t="s">
        <v>15</v>
      </c>
      <c r="G81836" s="16">
        <v>0.96690669202566482</v>
      </c>
    </row>
    <row r="81837" spans="1:7" x14ac:dyDescent="0.3">
      <c r="A81837" s="13" t="s">
        <v>415</v>
      </c>
      <c r="B81837" s="14" t="s">
        <v>1</v>
      </c>
      <c r="C81837" s="14" t="s">
        <v>23</v>
      </c>
      <c r="D81837" s="14" t="s">
        <v>400</v>
      </c>
      <c r="E81837" s="15">
        <v>45453</v>
      </c>
      <c r="F81837" s="14" t="s">
        <v>15</v>
      </c>
      <c r="G81837" s="16">
        <v>0.98020268906299834</v>
      </c>
    </row>
    <row r="81838" spans="1:7" x14ac:dyDescent="0.3">
      <c r="A81838" s="13" t="s">
        <v>415</v>
      </c>
      <c r="B81838" s="14" t="s">
        <v>1</v>
      </c>
      <c r="C81838" s="14" t="s">
        <v>23</v>
      </c>
      <c r="D81838" s="14" t="s">
        <v>400</v>
      </c>
      <c r="E81838" s="15">
        <v>45454</v>
      </c>
      <c r="F81838" s="14" t="s">
        <v>15</v>
      </c>
      <c r="G81838" s="16">
        <v>1.0201396413912802</v>
      </c>
    </row>
    <row r="81839" spans="1:7" x14ac:dyDescent="0.3">
      <c r="A81839" s="13" t="s">
        <v>415</v>
      </c>
      <c r="B81839" s="14" t="s">
        <v>1</v>
      </c>
      <c r="C81839" s="14" t="s">
        <v>23</v>
      </c>
      <c r="D81839" s="14" t="s">
        <v>400</v>
      </c>
      <c r="E81839" s="15">
        <v>45455</v>
      </c>
      <c r="F81839" s="14" t="s">
        <v>15</v>
      </c>
      <c r="G81839" s="16">
        <v>1.0334795969910935</v>
      </c>
    </row>
    <row r="81840" spans="1:7" x14ac:dyDescent="0.3">
      <c r="A81840" s="13" t="s">
        <v>415</v>
      </c>
      <c r="B81840" s="14" t="s">
        <v>1</v>
      </c>
      <c r="C81840" s="14" t="s">
        <v>23</v>
      </c>
      <c r="D81840" s="14" t="s">
        <v>400</v>
      </c>
      <c r="E81840" s="15">
        <v>45456</v>
      </c>
      <c r="F81840" s="14" t="s">
        <v>15</v>
      </c>
      <c r="G81840" s="16">
        <v>1.0462640591325609</v>
      </c>
    </row>
    <row r="81841" spans="1:7" x14ac:dyDescent="0.3">
      <c r="A81841" s="13" t="s">
        <v>415</v>
      </c>
      <c r="B81841" s="14" t="s">
        <v>1</v>
      </c>
      <c r="C81841" s="14" t="s">
        <v>23</v>
      </c>
      <c r="D81841" s="14" t="s">
        <v>400</v>
      </c>
      <c r="E81841" s="15">
        <v>45457</v>
      </c>
      <c r="F81841" s="14" t="s">
        <v>15</v>
      </c>
      <c r="G81841" s="16">
        <v>1.0610343587269113</v>
      </c>
    </row>
    <row r="81842" spans="1:7" x14ac:dyDescent="0.3">
      <c r="A81842" s="13" t="s">
        <v>415</v>
      </c>
      <c r="B81842" s="14" t="s">
        <v>1</v>
      </c>
      <c r="C81842" s="14" t="s">
        <v>23</v>
      </c>
      <c r="D81842" s="14" t="s">
        <v>400</v>
      </c>
      <c r="E81842" s="15">
        <v>45458</v>
      </c>
      <c r="F81842" s="14" t="s">
        <v>15</v>
      </c>
      <c r="G81842" s="16">
        <v>1.0610343587269113</v>
      </c>
    </row>
    <row r="81843" spans="1:7" x14ac:dyDescent="0.3">
      <c r="A81843" s="13" t="s">
        <v>415</v>
      </c>
      <c r="B81843" s="14" t="s">
        <v>1</v>
      </c>
      <c r="C81843" s="14" t="s">
        <v>23</v>
      </c>
      <c r="D81843" s="14" t="s">
        <v>400</v>
      </c>
      <c r="E81843" s="15">
        <v>45459</v>
      </c>
      <c r="F81843" s="14" t="s">
        <v>15</v>
      </c>
      <c r="G81843" s="16">
        <v>1.0610343587269113</v>
      </c>
    </row>
    <row r="81844" spans="1:7" x14ac:dyDescent="0.3">
      <c r="A81844" s="13" t="s">
        <v>415</v>
      </c>
      <c r="B81844" s="14" t="s">
        <v>1</v>
      </c>
      <c r="C81844" s="14" t="s">
        <v>23</v>
      </c>
      <c r="D81844" s="14" t="s">
        <v>400</v>
      </c>
      <c r="E81844" s="15">
        <v>45460</v>
      </c>
      <c r="F81844" s="14" t="s">
        <v>15</v>
      </c>
      <c r="G81844" s="16">
        <v>1.0744592257380108</v>
      </c>
    </row>
    <row r="81845" spans="1:7" x14ac:dyDescent="0.3">
      <c r="A81845" s="13" t="s">
        <v>415</v>
      </c>
      <c r="B81845" s="14" t="s">
        <v>1</v>
      </c>
      <c r="C81845" s="14" t="s">
        <v>23</v>
      </c>
      <c r="D81845" s="14" t="s">
        <v>400</v>
      </c>
      <c r="E81845" s="15">
        <v>45461</v>
      </c>
      <c r="F81845" s="14" t="s">
        <v>15</v>
      </c>
      <c r="G81845" s="16">
        <v>1.1147643779913377</v>
      </c>
    </row>
    <row r="81846" spans="1:7" x14ac:dyDescent="0.3">
      <c r="A81846" s="13" t="s">
        <v>415</v>
      </c>
      <c r="B81846" s="14" t="s">
        <v>1</v>
      </c>
      <c r="C81846" s="14" t="s">
        <v>23</v>
      </c>
      <c r="D81846" s="14" t="s">
        <v>400</v>
      </c>
      <c r="E81846" s="15">
        <v>45462</v>
      </c>
      <c r="F81846" s="14" t="s">
        <v>15</v>
      </c>
      <c r="G81846" s="16">
        <v>1.1147643779913377</v>
      </c>
    </row>
    <row r="81847" spans="1:7" x14ac:dyDescent="0.3">
      <c r="A81847" s="13" t="s">
        <v>415</v>
      </c>
      <c r="B81847" s="14" t="s">
        <v>1</v>
      </c>
      <c r="C81847" s="14" t="s">
        <v>23</v>
      </c>
      <c r="D81847" s="14" t="s">
        <v>400</v>
      </c>
      <c r="E81847" s="15">
        <v>45463</v>
      </c>
      <c r="F81847" s="14" t="s">
        <v>15</v>
      </c>
      <c r="G81847" s="16">
        <v>1.1282213685673261</v>
      </c>
    </row>
    <row r="81848" spans="1:7" x14ac:dyDescent="0.3">
      <c r="A81848" s="13" t="s">
        <v>415</v>
      </c>
      <c r="B81848" s="14" t="s">
        <v>1</v>
      </c>
      <c r="C81848" s="14" t="s">
        <v>23</v>
      </c>
      <c r="D81848" s="14" t="s">
        <v>400</v>
      </c>
      <c r="E81848" s="15">
        <v>45464</v>
      </c>
      <c r="F81848" s="14" t="s">
        <v>15</v>
      </c>
      <c r="G81848" s="16">
        <v>1.1565851961087084</v>
      </c>
    </row>
    <row r="81849" spans="1:7" x14ac:dyDescent="0.3">
      <c r="A81849" s="13" t="s">
        <v>415</v>
      </c>
      <c r="B81849" s="14" t="s">
        <v>1</v>
      </c>
      <c r="C81849" s="14" t="s">
        <v>23</v>
      </c>
      <c r="D81849" s="14" t="s">
        <v>400</v>
      </c>
      <c r="E81849" s="15">
        <v>45465</v>
      </c>
      <c r="F81849" s="14" t="s">
        <v>15</v>
      </c>
      <c r="G81849" s="16">
        <v>1.1565851961087084</v>
      </c>
    </row>
    <row r="81850" spans="1:7" x14ac:dyDescent="0.3">
      <c r="A81850" s="13" t="s">
        <v>415</v>
      </c>
      <c r="B81850" s="14" t="s">
        <v>1</v>
      </c>
      <c r="C81850" s="14" t="s">
        <v>23</v>
      </c>
      <c r="D81850" s="14" t="s">
        <v>400</v>
      </c>
      <c r="E81850" s="15">
        <v>45466</v>
      </c>
      <c r="F81850" s="14" t="s">
        <v>15</v>
      </c>
      <c r="G81850" s="16">
        <v>1.1565851961087084</v>
      </c>
    </row>
    <row r="81851" spans="1:7" x14ac:dyDescent="0.3">
      <c r="A81851" s="13" t="s">
        <v>415</v>
      </c>
      <c r="B81851" s="14" t="s">
        <v>1</v>
      </c>
      <c r="C81851" s="14" t="s">
        <v>23</v>
      </c>
      <c r="D81851" s="14" t="s">
        <v>400</v>
      </c>
      <c r="E81851" s="15">
        <v>45467</v>
      </c>
      <c r="F81851" s="14" t="s">
        <v>15</v>
      </c>
      <c r="G81851" s="16">
        <v>1.1699550209881555</v>
      </c>
    </row>
    <row r="81852" spans="1:7" x14ac:dyDescent="0.3">
      <c r="A81852" s="13" t="s">
        <v>415</v>
      </c>
      <c r="B81852" s="14" t="s">
        <v>1</v>
      </c>
      <c r="C81852" s="14" t="s">
        <v>23</v>
      </c>
      <c r="D81852" s="14" t="s">
        <v>400</v>
      </c>
      <c r="E81852" s="15">
        <v>45468</v>
      </c>
      <c r="F81852" s="14" t="s">
        <v>15</v>
      </c>
      <c r="G81852" s="16">
        <v>1.2125880984818691</v>
      </c>
    </row>
    <row r="81853" spans="1:7" x14ac:dyDescent="0.3">
      <c r="A81853" s="13" t="s">
        <v>415</v>
      </c>
      <c r="B81853" s="14" t="s">
        <v>1</v>
      </c>
      <c r="C81853" s="14" t="s">
        <v>23</v>
      </c>
      <c r="D81853" s="14" t="s">
        <v>400</v>
      </c>
      <c r="E81853" s="15">
        <v>45469</v>
      </c>
      <c r="F81853" s="14" t="s">
        <v>15</v>
      </c>
      <c r="G81853" s="16">
        <v>1.224849002872775</v>
      </c>
    </row>
    <row r="81854" spans="1:7" x14ac:dyDescent="0.3">
      <c r="A81854" s="13" t="s">
        <v>415</v>
      </c>
      <c r="B81854" s="14" t="s">
        <v>1</v>
      </c>
      <c r="C81854" s="14" t="s">
        <v>23</v>
      </c>
      <c r="D81854" s="14" t="s">
        <v>400</v>
      </c>
      <c r="E81854" s="15">
        <v>45470</v>
      </c>
      <c r="F81854" s="14" t="s">
        <v>15</v>
      </c>
      <c r="G81854" s="16">
        <v>1.2381053620610349</v>
      </c>
    </row>
    <row r="81855" spans="1:7" x14ac:dyDescent="0.3">
      <c r="A81855" s="13" t="s">
        <v>415</v>
      </c>
      <c r="B81855" s="14" t="s">
        <v>1</v>
      </c>
      <c r="C81855" s="14" t="s">
        <v>23</v>
      </c>
      <c r="D81855" s="14" t="s">
        <v>400</v>
      </c>
      <c r="E81855" s="15">
        <v>45471</v>
      </c>
      <c r="F81855" s="14" t="s">
        <v>15</v>
      </c>
      <c r="G81855" s="16">
        <v>1.2514227748082942</v>
      </c>
    </row>
    <row r="81856" spans="1:7" x14ac:dyDescent="0.3">
      <c r="A81856" s="13" t="s">
        <v>415</v>
      </c>
      <c r="B81856" s="14" t="s">
        <v>1</v>
      </c>
      <c r="C81856" s="14" t="s">
        <v>23</v>
      </c>
      <c r="D81856" s="14" t="s">
        <v>400</v>
      </c>
      <c r="E81856" s="15">
        <v>45472</v>
      </c>
      <c r="F81856" s="14" t="s">
        <v>15</v>
      </c>
      <c r="G81856" s="16">
        <v>1.2514227748082942</v>
      </c>
    </row>
    <row r="81857" spans="1:7" x14ac:dyDescent="0.3">
      <c r="A81857" s="13" t="s">
        <v>415</v>
      </c>
      <c r="B81857" s="14" t="s">
        <v>1</v>
      </c>
      <c r="C81857" s="14" t="s">
        <v>23</v>
      </c>
      <c r="D81857" s="14" t="s">
        <v>400</v>
      </c>
      <c r="E81857" s="15">
        <v>45473</v>
      </c>
      <c r="F81857" s="14" t="s">
        <v>15</v>
      </c>
      <c r="G81857" s="16">
        <v>1.2514227748082942</v>
      </c>
    </row>
    <row r="81858" spans="1:7" x14ac:dyDescent="0.3">
      <c r="A81858" s="13" t="s">
        <v>415</v>
      </c>
      <c r="B81858" s="14" t="s">
        <v>1</v>
      </c>
      <c r="C81858" s="14" t="s">
        <v>23</v>
      </c>
      <c r="D81858" s="14" t="s">
        <v>400</v>
      </c>
      <c r="E81858" s="15">
        <v>45474</v>
      </c>
      <c r="F81858" s="14" t="s">
        <v>15</v>
      </c>
      <c r="G81858" s="16">
        <v>1.2648658639585415</v>
      </c>
    </row>
    <row r="81859" spans="1:7" x14ac:dyDescent="0.3">
      <c r="A81859" s="13" t="s">
        <v>415</v>
      </c>
      <c r="B81859" s="14" t="s">
        <v>1</v>
      </c>
      <c r="C81859" s="14" t="s">
        <v>23</v>
      </c>
      <c r="D81859" s="14" t="s">
        <v>400</v>
      </c>
      <c r="E81859" s="15">
        <v>45475</v>
      </c>
      <c r="F81859" s="14" t="s">
        <v>15</v>
      </c>
      <c r="G81859" s="16">
        <v>1.3058317096487984</v>
      </c>
    </row>
    <row r="81860" spans="1:7" x14ac:dyDescent="0.3">
      <c r="A81860" s="13" t="s">
        <v>415</v>
      </c>
      <c r="B81860" s="14" t="s">
        <v>1</v>
      </c>
      <c r="C81860" s="14" t="s">
        <v>23</v>
      </c>
      <c r="D81860" s="14" t="s">
        <v>400</v>
      </c>
      <c r="E81860" s="15">
        <v>45476</v>
      </c>
      <c r="F81860" s="14" t="s">
        <v>15</v>
      </c>
      <c r="G81860" s="16">
        <v>1.3193805623489434</v>
      </c>
    </row>
    <row r="81861" spans="1:7" x14ac:dyDescent="0.3">
      <c r="A81861" s="13" t="s">
        <v>415</v>
      </c>
      <c r="B81861" s="14" t="s">
        <v>1</v>
      </c>
      <c r="C81861" s="14" t="s">
        <v>23</v>
      </c>
      <c r="D81861" s="14" t="s">
        <v>400</v>
      </c>
      <c r="E81861" s="15">
        <v>45477</v>
      </c>
      <c r="F81861" s="14" t="s">
        <v>15</v>
      </c>
      <c r="G81861" s="16">
        <v>1.3193805623489434</v>
      </c>
    </row>
    <row r="81862" spans="1:7" x14ac:dyDescent="0.3">
      <c r="A81862" s="13" t="s">
        <v>415</v>
      </c>
      <c r="B81862" s="14" t="s">
        <v>1</v>
      </c>
      <c r="C81862" s="14" t="s">
        <v>23</v>
      </c>
      <c r="D81862" s="14" t="s">
        <v>400</v>
      </c>
      <c r="E81862" s="15">
        <v>45478</v>
      </c>
      <c r="F81862" s="14" t="s">
        <v>15</v>
      </c>
      <c r="G81862" s="16">
        <v>1.3330565943089128</v>
      </c>
    </row>
    <row r="81863" spans="1:7" x14ac:dyDescent="0.3">
      <c r="A81863" s="13" t="s">
        <v>415</v>
      </c>
      <c r="B81863" s="14" t="s">
        <v>1</v>
      </c>
      <c r="C81863" s="14" t="s">
        <v>23</v>
      </c>
      <c r="D81863" s="14" t="s">
        <v>400</v>
      </c>
      <c r="E81863" s="15">
        <v>45479</v>
      </c>
      <c r="F81863" s="14" t="s">
        <v>15</v>
      </c>
      <c r="G81863" s="16">
        <v>1.3330565943089128</v>
      </c>
    </row>
    <row r="81864" spans="1:7" x14ac:dyDescent="0.3">
      <c r="A81864" s="13" t="s">
        <v>415</v>
      </c>
      <c r="B81864" s="14" t="s">
        <v>1</v>
      </c>
      <c r="C81864" s="14" t="s">
        <v>23</v>
      </c>
      <c r="D81864" s="14" t="s">
        <v>400</v>
      </c>
      <c r="E81864" s="15">
        <v>45480</v>
      </c>
      <c r="F81864" s="14" t="s">
        <v>15</v>
      </c>
      <c r="G81864" s="16">
        <v>1.3330565943089128</v>
      </c>
    </row>
    <row r="81865" spans="1:7" x14ac:dyDescent="0.3">
      <c r="A81865" s="13" t="s">
        <v>415</v>
      </c>
      <c r="B81865" s="14" t="s">
        <v>1</v>
      </c>
      <c r="C81865" s="14" t="s">
        <v>23</v>
      </c>
      <c r="D81865" s="14" t="s">
        <v>400</v>
      </c>
      <c r="E81865" s="15">
        <v>45481</v>
      </c>
      <c r="F81865" s="14" t="s">
        <v>15</v>
      </c>
      <c r="G81865" s="16">
        <v>1.3848135156595578</v>
      </c>
    </row>
    <row r="81866" spans="1:7" x14ac:dyDescent="0.3">
      <c r="A81866" s="13" t="s">
        <v>415</v>
      </c>
      <c r="B81866" s="14" t="s">
        <v>1</v>
      </c>
      <c r="C81866" s="14" t="s">
        <v>23</v>
      </c>
      <c r="D81866" s="14" t="s">
        <v>400</v>
      </c>
      <c r="E81866" s="15">
        <v>45482</v>
      </c>
      <c r="F81866" s="14" t="s">
        <v>15</v>
      </c>
      <c r="G81866" s="16">
        <v>1.4262739891062659</v>
      </c>
    </row>
    <row r="81867" spans="1:7" x14ac:dyDescent="0.3">
      <c r="A81867" s="13" t="s">
        <v>415</v>
      </c>
      <c r="B81867" s="14" t="s">
        <v>1</v>
      </c>
      <c r="C81867" s="14" t="s">
        <v>23</v>
      </c>
      <c r="D81867" s="14" t="s">
        <v>400</v>
      </c>
      <c r="E81867" s="15">
        <v>45483</v>
      </c>
      <c r="F81867" s="14" t="s">
        <v>15</v>
      </c>
      <c r="G81867" s="16">
        <v>1.441015170849401</v>
      </c>
    </row>
    <row r="81868" spans="1:7" x14ac:dyDescent="0.3">
      <c r="A81868" s="13" t="s">
        <v>415</v>
      </c>
      <c r="B81868" s="14" t="s">
        <v>1</v>
      </c>
      <c r="C81868" s="14" t="s">
        <v>23</v>
      </c>
      <c r="D81868" s="14" t="s">
        <v>400</v>
      </c>
      <c r="E81868" s="15">
        <v>45484</v>
      </c>
      <c r="F81868" s="14" t="s">
        <v>15</v>
      </c>
      <c r="G81868" s="16">
        <v>1.4548611262810345</v>
      </c>
    </row>
    <row r="81869" spans="1:7" x14ac:dyDescent="0.3">
      <c r="A81869" s="13" t="s">
        <v>415</v>
      </c>
      <c r="B81869" s="14" t="s">
        <v>1</v>
      </c>
      <c r="C81869" s="14" t="s">
        <v>23</v>
      </c>
      <c r="D81869" s="14" t="s">
        <v>400</v>
      </c>
      <c r="E81869" s="15">
        <v>45485</v>
      </c>
      <c r="F81869" s="14" t="s">
        <v>15</v>
      </c>
      <c r="G81869" s="16">
        <v>1.4693099138934915</v>
      </c>
    </row>
    <row r="81870" spans="1:7" x14ac:dyDescent="0.3">
      <c r="A81870" s="13" t="s">
        <v>415</v>
      </c>
      <c r="B81870" s="14" t="s">
        <v>1</v>
      </c>
      <c r="C81870" s="14" t="s">
        <v>23</v>
      </c>
      <c r="D81870" s="14" t="s">
        <v>400</v>
      </c>
      <c r="E81870" s="15">
        <v>45486</v>
      </c>
      <c r="F81870" s="14" t="s">
        <v>15</v>
      </c>
      <c r="G81870" s="16">
        <v>1.4693099138934915</v>
      </c>
    </row>
    <row r="81871" spans="1:7" x14ac:dyDescent="0.3">
      <c r="A81871" s="13" t="s">
        <v>415</v>
      </c>
      <c r="B81871" s="14" t="s">
        <v>1</v>
      </c>
      <c r="C81871" s="14" t="s">
        <v>23</v>
      </c>
      <c r="D81871" s="14" t="s">
        <v>400</v>
      </c>
      <c r="E81871" s="15">
        <v>45487</v>
      </c>
      <c r="F81871" s="14" t="s">
        <v>15</v>
      </c>
      <c r="G81871" s="16">
        <v>1.4693099138934915</v>
      </c>
    </row>
    <row r="81872" spans="1:7" x14ac:dyDescent="0.3">
      <c r="A81872" s="13" t="s">
        <v>415</v>
      </c>
      <c r="B81872" s="14" t="s">
        <v>1</v>
      </c>
      <c r="C81872" s="14" t="s">
        <v>23</v>
      </c>
      <c r="D81872" s="14" t="s">
        <v>400</v>
      </c>
      <c r="E81872" s="15">
        <v>45488</v>
      </c>
      <c r="F81872" s="14" t="s">
        <v>15</v>
      </c>
      <c r="G81872" s="16">
        <v>1.4826459568098487</v>
      </c>
    </row>
    <row r="81873" spans="1:7" x14ac:dyDescent="0.3">
      <c r="A81873" s="13" t="s">
        <v>415</v>
      </c>
      <c r="B81873" s="14" t="s">
        <v>1</v>
      </c>
      <c r="C81873" s="14" t="s">
        <v>23</v>
      </c>
      <c r="D81873" s="14" t="s">
        <v>400</v>
      </c>
      <c r="E81873" s="15">
        <v>45489</v>
      </c>
      <c r="F81873" s="14" t="s">
        <v>15</v>
      </c>
      <c r="G81873" s="16">
        <v>1.5229802166907349</v>
      </c>
    </row>
    <row r="81874" spans="1:7" x14ac:dyDescent="0.3">
      <c r="A81874" s="13" t="s">
        <v>415</v>
      </c>
      <c r="B81874" s="14" t="s">
        <v>1</v>
      </c>
      <c r="C81874" s="14" t="s">
        <v>23</v>
      </c>
      <c r="D81874" s="14" t="s">
        <v>400</v>
      </c>
      <c r="E81874" s="15">
        <v>45490</v>
      </c>
      <c r="F81874" s="14" t="s">
        <v>15</v>
      </c>
      <c r="G81874" s="16">
        <v>1.5363720696758056</v>
      </c>
    </row>
    <row r="81875" spans="1:7" x14ac:dyDescent="0.3">
      <c r="A81875" s="13" t="s">
        <v>415</v>
      </c>
      <c r="B81875" s="14" t="s">
        <v>1</v>
      </c>
      <c r="C81875" s="14" t="s">
        <v>23</v>
      </c>
      <c r="D81875" s="14" t="s">
        <v>400</v>
      </c>
      <c r="E81875" s="15">
        <v>45491</v>
      </c>
      <c r="F81875" s="14" t="s">
        <v>15</v>
      </c>
      <c r="G81875" s="16">
        <v>1.5497591114480564</v>
      </c>
    </row>
    <row r="81876" spans="1:7" x14ac:dyDescent="0.3">
      <c r="A81876" s="13" t="s">
        <v>415</v>
      </c>
      <c r="B81876" s="14" t="s">
        <v>1</v>
      </c>
      <c r="C81876" s="14" t="s">
        <v>23</v>
      </c>
      <c r="D81876" s="14" t="s">
        <v>400</v>
      </c>
      <c r="E81876" s="15">
        <v>45492</v>
      </c>
      <c r="F81876" s="14" t="s">
        <v>15</v>
      </c>
      <c r="G81876" s="16">
        <v>1.563122674501745</v>
      </c>
    </row>
    <row r="81877" spans="1:7" x14ac:dyDescent="0.3">
      <c r="A81877" s="13" t="s">
        <v>415</v>
      </c>
      <c r="B81877" s="14" t="s">
        <v>1</v>
      </c>
      <c r="C81877" s="14" t="s">
        <v>23</v>
      </c>
      <c r="D81877" s="14" t="s">
        <v>400</v>
      </c>
      <c r="E81877" s="15">
        <v>45493</v>
      </c>
      <c r="F81877" s="14" t="s">
        <v>15</v>
      </c>
      <c r="G81877" s="16">
        <v>1.563122674501745</v>
      </c>
    </row>
    <row r="81878" spans="1:7" x14ac:dyDescent="0.3">
      <c r="A81878" s="13" t="s">
        <v>415</v>
      </c>
      <c r="B81878" s="14" t="s">
        <v>1</v>
      </c>
      <c r="C81878" s="14" t="s">
        <v>23</v>
      </c>
      <c r="D81878" s="14" t="s">
        <v>400</v>
      </c>
      <c r="E81878" s="15">
        <v>45494</v>
      </c>
      <c r="F81878" s="14" t="s">
        <v>15</v>
      </c>
      <c r="G81878" s="16">
        <v>1.563122674501745</v>
      </c>
    </row>
    <row r="81879" spans="1:7" x14ac:dyDescent="0.3">
      <c r="A81879" s="13" t="s">
        <v>415</v>
      </c>
      <c r="B81879" s="14" t="s">
        <v>1</v>
      </c>
      <c r="C81879" s="14" t="s">
        <v>23</v>
      </c>
      <c r="D81879" s="14" t="s">
        <v>400</v>
      </c>
      <c r="E81879" s="15">
        <v>45495</v>
      </c>
      <c r="F81879" s="14" t="s">
        <v>15</v>
      </c>
      <c r="G81879" s="16">
        <v>1.5764223446491821</v>
      </c>
    </row>
    <row r="81880" spans="1:7" x14ac:dyDescent="0.3">
      <c r="A81880" s="13" t="s">
        <v>415</v>
      </c>
      <c r="B81880" s="14" t="s">
        <v>1</v>
      </c>
      <c r="C81880" s="14" t="s">
        <v>23</v>
      </c>
      <c r="D81880" s="14" t="s">
        <v>400</v>
      </c>
      <c r="E81880" s="15">
        <v>45496</v>
      </c>
      <c r="F81880" s="14" t="s">
        <v>15</v>
      </c>
      <c r="G81880" s="16">
        <v>1.6160308811882766</v>
      </c>
    </row>
    <row r="81881" spans="1:7" x14ac:dyDescent="0.3">
      <c r="A81881" s="13" t="s">
        <v>415</v>
      </c>
      <c r="B81881" s="14" t="s">
        <v>1</v>
      </c>
      <c r="C81881" s="14" t="s">
        <v>23</v>
      </c>
      <c r="D81881" s="14" t="s">
        <v>400</v>
      </c>
      <c r="E81881" s="15">
        <v>45497</v>
      </c>
      <c r="F81881" s="14" t="s">
        <v>15</v>
      </c>
      <c r="G81881" s="16">
        <v>1.6310818328022483</v>
      </c>
    </row>
    <row r="81882" spans="1:7" x14ac:dyDescent="0.3">
      <c r="A81882" s="13" t="s">
        <v>415</v>
      </c>
      <c r="B81882" s="14" t="s">
        <v>1</v>
      </c>
      <c r="C81882" s="14" t="s">
        <v>23</v>
      </c>
      <c r="D81882" s="14" t="s">
        <v>400</v>
      </c>
      <c r="E81882" s="15">
        <v>45498</v>
      </c>
      <c r="F81882" s="14" t="s">
        <v>15</v>
      </c>
      <c r="G81882" s="16">
        <v>1.6437571999741425</v>
      </c>
    </row>
    <row r="81883" spans="1:7" x14ac:dyDescent="0.3">
      <c r="A81883" s="13" t="s">
        <v>415</v>
      </c>
      <c r="B81883" s="14" t="s">
        <v>1</v>
      </c>
      <c r="C81883" s="14" t="s">
        <v>23</v>
      </c>
      <c r="D81883" s="14" t="s">
        <v>400</v>
      </c>
      <c r="E81883" s="15">
        <v>45499</v>
      </c>
      <c r="F81883" s="14" t="s">
        <v>15</v>
      </c>
      <c r="G81883" s="16">
        <v>1.6564881847662376</v>
      </c>
    </row>
    <row r="81884" spans="1:7" x14ac:dyDescent="0.3">
      <c r="A81884" s="13" t="s">
        <v>415</v>
      </c>
      <c r="B81884" s="14" t="s">
        <v>1</v>
      </c>
      <c r="C81884" s="14" t="s">
        <v>23</v>
      </c>
      <c r="D81884" s="14" t="s">
        <v>400</v>
      </c>
      <c r="E81884" s="15">
        <v>45500</v>
      </c>
      <c r="F81884" s="14" t="s">
        <v>15</v>
      </c>
      <c r="G81884" s="16">
        <v>1.6564881847662376</v>
      </c>
    </row>
    <row r="81885" spans="1:7" x14ac:dyDescent="0.3">
      <c r="A81885" s="13" t="s">
        <v>415</v>
      </c>
      <c r="B81885" s="14" t="s">
        <v>1</v>
      </c>
      <c r="C81885" s="14" t="s">
        <v>23</v>
      </c>
      <c r="D81885" s="14" t="s">
        <v>400</v>
      </c>
      <c r="E81885" s="15">
        <v>45501</v>
      </c>
      <c r="F81885" s="14" t="s">
        <v>15</v>
      </c>
      <c r="G81885" s="16">
        <v>1.6564881847662376</v>
      </c>
    </row>
    <row r="81886" spans="1:7" x14ac:dyDescent="0.3">
      <c r="A81886" s="13" t="s">
        <v>415</v>
      </c>
      <c r="B81886" s="14" t="s">
        <v>1</v>
      </c>
      <c r="C81886" s="14" t="s">
        <v>23</v>
      </c>
      <c r="D81886" s="14" t="s">
        <v>400</v>
      </c>
      <c r="E81886" s="15">
        <v>45502</v>
      </c>
      <c r="F81886" s="14" t="s">
        <v>15</v>
      </c>
      <c r="G81886" s="16">
        <v>1.6692336031967931</v>
      </c>
    </row>
    <row r="81887" spans="1:7" x14ac:dyDescent="0.3">
      <c r="A81887" s="13" t="s">
        <v>415</v>
      </c>
      <c r="B81887" s="14" t="s">
        <v>1</v>
      </c>
      <c r="C81887" s="14" t="s">
        <v>23</v>
      </c>
      <c r="D81887" s="14" t="s">
        <v>400</v>
      </c>
      <c r="E81887" s="15">
        <v>45503</v>
      </c>
      <c r="F81887" s="14" t="s">
        <v>15</v>
      </c>
      <c r="G81887" s="16">
        <v>1.7074522765764029</v>
      </c>
    </row>
    <row r="81888" spans="1:7" x14ac:dyDescent="0.3">
      <c r="A81888" s="13" t="s">
        <v>415</v>
      </c>
      <c r="B81888" s="14" t="s">
        <v>1</v>
      </c>
      <c r="C81888" s="14" t="s">
        <v>23</v>
      </c>
      <c r="D81888" s="14" t="s">
        <v>400</v>
      </c>
      <c r="E81888" s="15">
        <v>45504</v>
      </c>
      <c r="F81888" s="14" t="s">
        <v>15</v>
      </c>
      <c r="G81888" s="16">
        <v>1.721508654276193</v>
      </c>
    </row>
    <row r="81889" spans="1:7" x14ac:dyDescent="0.3">
      <c r="A81889" s="13" t="s">
        <v>415</v>
      </c>
      <c r="B81889" s="14" t="s">
        <v>1</v>
      </c>
      <c r="C81889" s="14" t="s">
        <v>23</v>
      </c>
      <c r="D81889" s="14" t="s">
        <v>400</v>
      </c>
      <c r="E81889" s="15">
        <v>45505</v>
      </c>
      <c r="F81889" s="14" t="s">
        <v>15</v>
      </c>
      <c r="G81889" s="16">
        <v>1.7264595230410797</v>
      </c>
    </row>
    <row r="81890" spans="1:7" x14ac:dyDescent="0.3">
      <c r="A81890" s="13" t="s">
        <v>415</v>
      </c>
      <c r="B81890" s="14" t="s">
        <v>1</v>
      </c>
      <c r="C81890" s="14" t="s">
        <v>23</v>
      </c>
      <c r="D81890" s="14" t="s">
        <v>400</v>
      </c>
      <c r="E81890" s="15">
        <v>45506</v>
      </c>
      <c r="F81890" s="14" t="s">
        <v>15</v>
      </c>
      <c r="G81890" s="16">
        <v>1.731423863201863</v>
      </c>
    </row>
    <row r="81891" spans="1:7" x14ac:dyDescent="0.3">
      <c r="A81891" s="13" t="s">
        <v>415</v>
      </c>
      <c r="B81891" s="14" t="s">
        <v>1</v>
      </c>
      <c r="C81891" s="14" t="s">
        <v>23</v>
      </c>
      <c r="D81891" s="14" t="s">
        <v>400</v>
      </c>
      <c r="E81891" s="15">
        <v>45507</v>
      </c>
      <c r="F81891" s="14" t="s">
        <v>15</v>
      </c>
      <c r="G81891" s="16">
        <v>1.731423863201863</v>
      </c>
    </row>
    <row r="81892" spans="1:7" x14ac:dyDescent="0.3">
      <c r="A81892" s="13" t="s">
        <v>415</v>
      </c>
      <c r="B81892" s="14" t="s">
        <v>1</v>
      </c>
      <c r="C81892" s="14" t="s">
        <v>23</v>
      </c>
      <c r="D81892" s="14" t="s">
        <v>400</v>
      </c>
      <c r="E81892" s="15">
        <v>45508</v>
      </c>
      <c r="F81892" s="14" t="s">
        <v>15</v>
      </c>
      <c r="G81892" s="16">
        <v>1.731423863201863</v>
      </c>
    </row>
    <row r="81893" spans="1:7" x14ac:dyDescent="0.3">
      <c r="A81893" s="13" t="s">
        <v>415</v>
      </c>
      <c r="B81893" s="14" t="s">
        <v>1</v>
      </c>
      <c r="C81893" s="14" t="s">
        <v>23</v>
      </c>
      <c r="D81893" s="14" t="s">
        <v>400</v>
      </c>
      <c r="E81893" s="15">
        <v>45509</v>
      </c>
      <c r="F81893" s="14" t="s">
        <v>15</v>
      </c>
      <c r="G81893" s="16">
        <v>1.731423863201863</v>
      </c>
    </row>
    <row r="81894" spans="1:7" x14ac:dyDescent="0.3">
      <c r="A81894" s="13" t="s">
        <v>415</v>
      </c>
      <c r="B81894" s="14" t="s">
        <v>1</v>
      </c>
      <c r="C81894" s="14" t="s">
        <v>23</v>
      </c>
      <c r="D81894" s="14" t="s">
        <v>400</v>
      </c>
      <c r="E81894" s="15">
        <v>45510</v>
      </c>
      <c r="F81894" s="14" t="s">
        <v>15</v>
      </c>
      <c r="G81894" s="16">
        <v>1.7435014852929818</v>
      </c>
    </row>
    <row r="81895" spans="1:7" x14ac:dyDescent="0.3">
      <c r="A81895" s="13" t="s">
        <v>415</v>
      </c>
      <c r="B81895" s="14" t="s">
        <v>1</v>
      </c>
      <c r="C81895" s="14" t="s">
        <v>23</v>
      </c>
      <c r="D81895" s="14" t="s">
        <v>400</v>
      </c>
      <c r="E81895" s="15">
        <v>45511</v>
      </c>
      <c r="F81895" s="14" t="s">
        <v>15</v>
      </c>
      <c r="G81895" s="16">
        <v>1.809971600352513</v>
      </c>
    </row>
    <row r="81896" spans="1:7" x14ac:dyDescent="0.3">
      <c r="A81896" s="13" t="s">
        <v>415</v>
      </c>
      <c r="B81896" s="14" t="s">
        <v>1</v>
      </c>
      <c r="C81896" s="14" t="s">
        <v>23</v>
      </c>
      <c r="D81896" s="14" t="s">
        <v>400</v>
      </c>
      <c r="E81896" s="15">
        <v>45512</v>
      </c>
      <c r="F81896" s="14" t="s">
        <v>15</v>
      </c>
      <c r="G81896" s="16">
        <v>1.8174933168068161</v>
      </c>
    </row>
    <row r="81897" spans="1:7" x14ac:dyDescent="0.3">
      <c r="A81897" s="13" t="s">
        <v>415</v>
      </c>
      <c r="B81897" s="14" t="s">
        <v>1</v>
      </c>
      <c r="C81897" s="14" t="s">
        <v>23</v>
      </c>
      <c r="D81897" s="14" t="s">
        <v>400</v>
      </c>
      <c r="E81897" s="15">
        <v>45513</v>
      </c>
      <c r="F81897" s="14" t="s">
        <v>15</v>
      </c>
      <c r="G81897" s="16">
        <v>1.8293951322789899</v>
      </c>
    </row>
    <row r="81898" spans="1:7" x14ac:dyDescent="0.3">
      <c r="A81898" s="13" t="s">
        <v>415</v>
      </c>
      <c r="B81898" s="14" t="s">
        <v>1</v>
      </c>
      <c r="C81898" s="14" t="s">
        <v>23</v>
      </c>
      <c r="D81898" s="14" t="s">
        <v>400</v>
      </c>
      <c r="E81898" s="15">
        <v>45514</v>
      </c>
      <c r="F81898" s="14" t="s">
        <v>15</v>
      </c>
      <c r="G81898" s="16">
        <v>1.8293951322789899</v>
      </c>
    </row>
    <row r="81899" spans="1:7" x14ac:dyDescent="0.3">
      <c r="A81899" s="13" t="s">
        <v>415</v>
      </c>
      <c r="B81899" s="14" t="s">
        <v>1</v>
      </c>
      <c r="C81899" s="14" t="s">
        <v>23</v>
      </c>
      <c r="D81899" s="14" t="s">
        <v>400</v>
      </c>
      <c r="E81899" s="15">
        <v>45515</v>
      </c>
      <c r="F81899" s="14" t="s">
        <v>15</v>
      </c>
      <c r="G81899" s="16">
        <v>1.8293951322789899</v>
      </c>
    </row>
    <row r="81900" spans="1:7" x14ac:dyDescent="0.3">
      <c r="A81900" s="13" t="s">
        <v>415</v>
      </c>
      <c r="B81900" s="14" t="s">
        <v>1</v>
      </c>
      <c r="C81900" s="14" t="s">
        <v>23</v>
      </c>
      <c r="D81900" s="14" t="s">
        <v>400</v>
      </c>
      <c r="E81900" s="15">
        <v>45516</v>
      </c>
      <c r="F81900" s="14" t="s">
        <v>15</v>
      </c>
      <c r="G81900" s="16">
        <v>1.8421391804319518</v>
      </c>
    </row>
    <row r="81901" spans="1:7" x14ac:dyDescent="0.3">
      <c r="A81901" s="13" t="s">
        <v>415</v>
      </c>
      <c r="B81901" s="14" t="s">
        <v>1</v>
      </c>
      <c r="C81901" s="14" t="s">
        <v>23</v>
      </c>
      <c r="D81901" s="14" t="s">
        <v>400</v>
      </c>
      <c r="E81901" s="15">
        <v>45517</v>
      </c>
      <c r="F81901" s="14" t="s">
        <v>15</v>
      </c>
      <c r="G81901" s="16">
        <v>1.8806305241376682</v>
      </c>
    </row>
    <row r="81902" spans="1:7" x14ac:dyDescent="0.3">
      <c r="A81902" s="13" t="s">
        <v>415</v>
      </c>
      <c r="B81902" s="14" t="s">
        <v>1</v>
      </c>
      <c r="C81902" s="14" t="s">
        <v>23</v>
      </c>
      <c r="D81902" s="14" t="s">
        <v>400</v>
      </c>
      <c r="E81902" s="15">
        <v>45518</v>
      </c>
      <c r="F81902" s="14" t="s">
        <v>15</v>
      </c>
      <c r="G81902" s="16">
        <v>1.8932657524862406</v>
      </c>
    </row>
    <row r="81903" spans="1:7" x14ac:dyDescent="0.3">
      <c r="A81903" s="13" t="s">
        <v>415</v>
      </c>
      <c r="B81903" s="14" t="s">
        <v>1</v>
      </c>
      <c r="C81903" s="14" t="s">
        <v>23</v>
      </c>
      <c r="D81903" s="14" t="s">
        <v>400</v>
      </c>
      <c r="E81903" s="15">
        <v>45519</v>
      </c>
      <c r="F81903" s="14" t="s">
        <v>15</v>
      </c>
      <c r="G81903" s="16">
        <v>1.9007544561908976</v>
      </c>
    </row>
    <row r="81904" spans="1:7" x14ac:dyDescent="0.3">
      <c r="A81904" s="13" t="s">
        <v>415</v>
      </c>
      <c r="B81904" s="14" t="s">
        <v>1</v>
      </c>
      <c r="C81904" s="14" t="s">
        <v>23</v>
      </c>
      <c r="D81904" s="14" t="s">
        <v>400</v>
      </c>
      <c r="E81904" s="15">
        <v>45520</v>
      </c>
      <c r="F81904" s="14" t="s">
        <v>15</v>
      </c>
      <c r="G81904" s="16">
        <v>1.9136676437401947</v>
      </c>
    </row>
    <row r="81905" spans="1:7" x14ac:dyDescent="0.3">
      <c r="A81905" s="13" t="s">
        <v>415</v>
      </c>
      <c r="B81905" s="14" t="s">
        <v>1</v>
      </c>
      <c r="C81905" s="14" t="s">
        <v>23</v>
      </c>
      <c r="D81905" s="14" t="s">
        <v>400</v>
      </c>
      <c r="E81905" s="15">
        <v>45521</v>
      </c>
      <c r="F81905" s="14" t="s">
        <v>15</v>
      </c>
      <c r="G81905" s="16">
        <v>1.9136676437401947</v>
      </c>
    </row>
    <row r="81906" spans="1:7" x14ac:dyDescent="0.3">
      <c r="A81906" s="13" t="s">
        <v>415</v>
      </c>
      <c r="B81906" s="14" t="s">
        <v>1</v>
      </c>
      <c r="C81906" s="14" t="s">
        <v>23</v>
      </c>
      <c r="D81906" s="14" t="s">
        <v>400</v>
      </c>
      <c r="E81906" s="15">
        <v>45522</v>
      </c>
      <c r="F81906" s="14" t="s">
        <v>15</v>
      </c>
      <c r="G81906" s="16">
        <v>1.9136676437401947</v>
      </c>
    </row>
    <row r="81907" spans="1:7" x14ac:dyDescent="0.3">
      <c r="A81907" s="13" t="s">
        <v>415</v>
      </c>
      <c r="B81907" s="14" t="s">
        <v>1</v>
      </c>
      <c r="C81907" s="14" t="s">
        <v>23</v>
      </c>
      <c r="D81907" s="14" t="s">
        <v>400</v>
      </c>
      <c r="E81907" s="15">
        <v>45523</v>
      </c>
      <c r="F81907" s="14" t="s">
        <v>15</v>
      </c>
      <c r="G81907" s="16">
        <v>1.9266075267845761</v>
      </c>
    </row>
    <row r="81908" spans="1:7" x14ac:dyDescent="0.3">
      <c r="A81908" s="13" t="s">
        <v>415</v>
      </c>
      <c r="B81908" s="14" t="s">
        <v>1</v>
      </c>
      <c r="C81908" s="14" t="s">
        <v>23</v>
      </c>
      <c r="D81908" s="14" t="s">
        <v>400</v>
      </c>
      <c r="E81908" s="15">
        <v>45524</v>
      </c>
      <c r="F81908" s="14" t="s">
        <v>15</v>
      </c>
      <c r="G81908" s="16">
        <v>1.9660586856188946</v>
      </c>
    </row>
    <row r="81909" spans="1:7" x14ac:dyDescent="0.3">
      <c r="A81909" s="13" t="s">
        <v>415</v>
      </c>
      <c r="B81909" s="14" t="s">
        <v>1</v>
      </c>
      <c r="C81909" s="14" t="s">
        <v>23</v>
      </c>
      <c r="D81909" s="14" t="s">
        <v>400</v>
      </c>
      <c r="E81909" s="15">
        <v>45525</v>
      </c>
      <c r="F81909" s="14" t="s">
        <v>15</v>
      </c>
      <c r="G81909" s="16">
        <v>1.974628047418451</v>
      </c>
    </row>
    <row r="81910" spans="1:7" x14ac:dyDescent="0.3">
      <c r="A81910" s="13" t="s">
        <v>415</v>
      </c>
      <c r="B81910" s="14" t="s">
        <v>1</v>
      </c>
      <c r="C81910" s="14" t="s">
        <v>23</v>
      </c>
      <c r="D81910" s="14" t="s">
        <v>400</v>
      </c>
      <c r="E81910" s="15">
        <v>45526</v>
      </c>
      <c r="F81910" s="14" t="s">
        <v>15</v>
      </c>
      <c r="G81910" s="16">
        <v>1.987566300203591</v>
      </c>
    </row>
    <row r="81911" spans="1:7" x14ac:dyDescent="0.3">
      <c r="A81911" s="13" t="s">
        <v>415</v>
      </c>
      <c r="B81911" s="14" t="s">
        <v>1</v>
      </c>
      <c r="C81911" s="14" t="s">
        <v>23</v>
      </c>
      <c r="D81911" s="14" t="s">
        <v>400</v>
      </c>
      <c r="E81911" s="15">
        <v>45527</v>
      </c>
      <c r="F81911" s="14" t="s">
        <v>15</v>
      </c>
      <c r="G81911" s="16">
        <v>2.0004491241745099</v>
      </c>
    </row>
    <row r="81912" spans="1:7" x14ac:dyDescent="0.3">
      <c r="A81912" s="13" t="s">
        <v>415</v>
      </c>
      <c r="B81912" s="14" t="s">
        <v>1</v>
      </c>
      <c r="C81912" s="14" t="s">
        <v>23</v>
      </c>
      <c r="D81912" s="14" t="s">
        <v>400</v>
      </c>
      <c r="E81912" s="15">
        <v>45528</v>
      </c>
      <c r="F81912" s="14" t="s">
        <v>15</v>
      </c>
      <c r="G81912" s="16">
        <v>2.0004491241745099</v>
      </c>
    </row>
    <row r="81913" spans="1:7" x14ac:dyDescent="0.3">
      <c r="A81913" s="13" t="s">
        <v>415</v>
      </c>
      <c r="B81913" s="14" t="s">
        <v>1</v>
      </c>
      <c r="C81913" s="14" t="s">
        <v>23</v>
      </c>
      <c r="D81913" s="14" t="s">
        <v>400</v>
      </c>
      <c r="E81913" s="15">
        <v>45529</v>
      </c>
      <c r="F81913" s="14" t="s">
        <v>15</v>
      </c>
      <c r="G81913" s="16">
        <v>2.0004491241745099</v>
      </c>
    </row>
    <row r="81914" spans="1:7" x14ac:dyDescent="0.3">
      <c r="A81914" s="13" t="s">
        <v>415</v>
      </c>
      <c r="B81914" s="14" t="s">
        <v>1</v>
      </c>
      <c r="C81914" s="14" t="s">
        <v>23</v>
      </c>
      <c r="D81914" s="14" t="s">
        <v>400</v>
      </c>
      <c r="E81914" s="15">
        <v>45530</v>
      </c>
      <c r="F81914" s="14" t="s">
        <v>15</v>
      </c>
      <c r="G81914" s="16">
        <v>2.0137289162708041</v>
      </c>
    </row>
    <row r="81915" spans="1:7" x14ac:dyDescent="0.3">
      <c r="A81915" s="13" t="s">
        <v>415</v>
      </c>
      <c r="B81915" s="14" t="s">
        <v>1</v>
      </c>
      <c r="C81915" s="14" t="s">
        <v>23</v>
      </c>
      <c r="D81915" s="14" t="s">
        <v>400</v>
      </c>
      <c r="E81915" s="15">
        <v>45531</v>
      </c>
      <c r="F81915" s="14" t="s">
        <v>15</v>
      </c>
      <c r="G81915" s="16">
        <v>2.0526408668609015</v>
      </c>
    </row>
    <row r="81916" spans="1:7" x14ac:dyDescent="0.3">
      <c r="A81916" s="13" t="s">
        <v>415</v>
      </c>
      <c r="B81916" s="14" t="s">
        <v>1</v>
      </c>
      <c r="C81916" s="14" t="s">
        <v>23</v>
      </c>
      <c r="D81916" s="14" t="s">
        <v>400</v>
      </c>
      <c r="E81916" s="15">
        <v>45532</v>
      </c>
      <c r="F81916" s="14" t="s">
        <v>15</v>
      </c>
      <c r="G81916" s="16">
        <v>2.0661596957185226</v>
      </c>
    </row>
    <row r="81917" spans="1:7" x14ac:dyDescent="0.3">
      <c r="A81917" s="13" t="s">
        <v>415</v>
      </c>
      <c r="B81917" s="14" t="s">
        <v>1</v>
      </c>
      <c r="C81917" s="14" t="s">
        <v>23</v>
      </c>
      <c r="D81917" s="14" t="s">
        <v>400</v>
      </c>
      <c r="E81917" s="15">
        <v>45533</v>
      </c>
      <c r="F81917" s="14" t="s">
        <v>15</v>
      </c>
      <c r="G81917" s="16">
        <v>2.0787305288270446</v>
      </c>
    </row>
    <row r="81918" spans="1:7" x14ac:dyDescent="0.3">
      <c r="A81918" s="13" t="s">
        <v>415</v>
      </c>
      <c r="B81918" s="14" t="s">
        <v>1</v>
      </c>
      <c r="C81918" s="14" t="s">
        <v>23</v>
      </c>
      <c r="D81918" s="14" t="s">
        <v>400</v>
      </c>
      <c r="E81918" s="15">
        <v>45534</v>
      </c>
      <c r="F81918" s="14" t="s">
        <v>15</v>
      </c>
      <c r="G81918" s="16">
        <v>2.0916213003117674</v>
      </c>
    </row>
    <row r="81919" spans="1:7" x14ac:dyDescent="0.3">
      <c r="A81919" s="13" t="s">
        <v>415</v>
      </c>
      <c r="B81919" s="14" t="s">
        <v>1</v>
      </c>
      <c r="C81919" s="14" t="s">
        <v>23</v>
      </c>
      <c r="D81919" s="14" t="s">
        <v>400</v>
      </c>
      <c r="E81919" s="15">
        <v>45535</v>
      </c>
      <c r="F81919" s="14" t="s">
        <v>15</v>
      </c>
      <c r="G81919" s="16">
        <v>2.0916213003117674</v>
      </c>
    </row>
    <row r="81920" spans="1:7" x14ac:dyDescent="0.3">
      <c r="A81920" s="13" t="s">
        <v>415</v>
      </c>
      <c r="B81920" s="14" t="s">
        <v>1</v>
      </c>
      <c r="C81920" s="14" t="s">
        <v>23</v>
      </c>
      <c r="D81920" s="14" t="s">
        <v>400</v>
      </c>
      <c r="E81920" s="15">
        <v>45536</v>
      </c>
      <c r="F81920" s="14" t="s">
        <v>15</v>
      </c>
      <c r="G81920" s="16">
        <v>2.0916213003117674</v>
      </c>
    </row>
    <row r="81921" spans="1:7" x14ac:dyDescent="0.3">
      <c r="A81921" s="13" t="s">
        <v>415</v>
      </c>
      <c r="B81921" s="14" t="s">
        <v>1</v>
      </c>
      <c r="C81921" s="14" t="s">
        <v>23</v>
      </c>
      <c r="D81921" s="14" t="s">
        <v>400</v>
      </c>
      <c r="E81921" s="15">
        <v>45537</v>
      </c>
      <c r="F81921" s="14" t="s">
        <v>15</v>
      </c>
      <c r="G81921" s="16">
        <v>2.0916213003117674</v>
      </c>
    </row>
    <row r="81922" spans="1:7" x14ac:dyDescent="0.3">
      <c r="A81922" s="13" t="s">
        <v>415</v>
      </c>
      <c r="B81922" s="14" t="s">
        <v>1</v>
      </c>
      <c r="C81922" s="14" t="s">
        <v>23</v>
      </c>
      <c r="D81922" s="14" t="s">
        <v>400</v>
      </c>
      <c r="E81922" s="15">
        <v>45538</v>
      </c>
      <c r="F81922" s="14" t="s">
        <v>15</v>
      </c>
      <c r="G81922" s="16">
        <v>2.1047295076228631</v>
      </c>
    </row>
    <row r="81923" spans="1:7" x14ac:dyDescent="0.3">
      <c r="A81923" s="13" t="s">
        <v>415</v>
      </c>
      <c r="B81923" s="14" t="s">
        <v>1</v>
      </c>
      <c r="C81923" s="14" t="s">
        <v>23</v>
      </c>
      <c r="D81923" s="14" t="s">
        <v>400</v>
      </c>
      <c r="E81923" s="15">
        <v>45539</v>
      </c>
      <c r="F81923" s="14" t="s">
        <v>15</v>
      </c>
      <c r="G81923" s="16">
        <v>2.1478367265892939</v>
      </c>
    </row>
    <row r="81924" spans="1:7" x14ac:dyDescent="0.3">
      <c r="A81924" s="13" t="s">
        <v>415</v>
      </c>
      <c r="B81924" s="14" t="s">
        <v>1</v>
      </c>
      <c r="C81924" s="14" t="s">
        <v>23</v>
      </c>
      <c r="D81924" s="14" t="s">
        <v>400</v>
      </c>
      <c r="E81924" s="15">
        <v>45540</v>
      </c>
      <c r="F81924" s="14" t="s">
        <v>15</v>
      </c>
      <c r="G81924" s="16">
        <v>2.1609551230206514</v>
      </c>
    </row>
    <row r="81925" spans="1:7" x14ac:dyDescent="0.3">
      <c r="A81925" s="13" t="s">
        <v>415</v>
      </c>
      <c r="B81925" s="14" t="s">
        <v>1</v>
      </c>
      <c r="C81925" s="14" t="s">
        <v>23</v>
      </c>
      <c r="D81925" s="14" t="s">
        <v>400</v>
      </c>
      <c r="E81925" s="15">
        <v>45541</v>
      </c>
      <c r="F81925" s="14" t="s">
        <v>15</v>
      </c>
      <c r="G81925" s="16">
        <v>2.1745161348361539</v>
      </c>
    </row>
    <row r="81926" spans="1:7" x14ac:dyDescent="0.3">
      <c r="A81926" s="13" t="s">
        <v>415</v>
      </c>
      <c r="B81926" s="14" t="s">
        <v>1</v>
      </c>
      <c r="C81926" s="14" t="s">
        <v>23</v>
      </c>
      <c r="D81926" s="14" t="s">
        <v>400</v>
      </c>
      <c r="E81926" s="15">
        <v>45542</v>
      </c>
      <c r="F81926" s="14" t="s">
        <v>15</v>
      </c>
      <c r="G81926" s="16">
        <v>2.1745161348361539</v>
      </c>
    </row>
    <row r="81927" spans="1:7" x14ac:dyDescent="0.3">
      <c r="A81927" s="13" t="s">
        <v>415</v>
      </c>
      <c r="B81927" s="14" t="s">
        <v>1</v>
      </c>
      <c r="C81927" s="14" t="s">
        <v>23</v>
      </c>
      <c r="D81927" s="14" t="s">
        <v>400</v>
      </c>
      <c r="E81927" s="15">
        <v>45543</v>
      </c>
      <c r="F81927" s="14" t="s">
        <v>15</v>
      </c>
      <c r="G81927" s="16">
        <v>2.1745161348361539</v>
      </c>
    </row>
    <row r="81928" spans="1:7" x14ac:dyDescent="0.3">
      <c r="A81928" s="13" t="s">
        <v>415</v>
      </c>
      <c r="B81928" s="14" t="s">
        <v>1</v>
      </c>
      <c r="C81928" s="14" t="s">
        <v>23</v>
      </c>
      <c r="D81928" s="14" t="s">
        <v>400</v>
      </c>
      <c r="E81928" s="15">
        <v>45544</v>
      </c>
      <c r="F81928" s="14" t="s">
        <v>15</v>
      </c>
      <c r="G81928" s="16">
        <v>2.2147086540606749</v>
      </c>
    </row>
    <row r="81929" spans="1:7" x14ac:dyDescent="0.3">
      <c r="A81929" s="13" t="s">
        <v>415</v>
      </c>
      <c r="B81929" s="14" t="s">
        <v>1</v>
      </c>
      <c r="C81929" s="14" t="s">
        <v>23</v>
      </c>
      <c r="D81929" s="14" t="s">
        <v>400</v>
      </c>
      <c r="E81929" s="15">
        <v>45545</v>
      </c>
      <c r="F81929" s="14" t="s">
        <v>15</v>
      </c>
      <c r="G81929" s="16">
        <v>2.2503680336810024</v>
      </c>
    </row>
    <row r="81930" spans="1:7" x14ac:dyDescent="0.3">
      <c r="A81930" s="13" t="s">
        <v>415</v>
      </c>
      <c r="B81930" s="14" t="s">
        <v>1</v>
      </c>
      <c r="C81930" s="14" t="s">
        <v>23</v>
      </c>
      <c r="D81930" s="14" t="s">
        <v>400</v>
      </c>
      <c r="E81930" s="15">
        <v>45546</v>
      </c>
      <c r="F81930" s="14" t="s">
        <v>15</v>
      </c>
      <c r="G81930" s="16">
        <v>2.261818674908012</v>
      </c>
    </row>
    <row r="81931" spans="1:7" x14ac:dyDescent="0.3">
      <c r="A81931" s="13" t="s">
        <v>415</v>
      </c>
      <c r="B81931" s="14" t="s">
        <v>1</v>
      </c>
      <c r="C81931" s="14" t="s">
        <v>23</v>
      </c>
      <c r="D81931" s="14" t="s">
        <v>400</v>
      </c>
      <c r="E81931" s="15">
        <v>45547</v>
      </c>
      <c r="F81931" s="14" t="s">
        <v>15</v>
      </c>
      <c r="G81931" s="16">
        <v>2.2750104330052494</v>
      </c>
    </row>
    <row r="81932" spans="1:7" x14ac:dyDescent="0.3">
      <c r="A81932" s="13" t="s">
        <v>415</v>
      </c>
      <c r="B81932" s="14" t="s">
        <v>1</v>
      </c>
      <c r="C81932" s="14" t="s">
        <v>23</v>
      </c>
      <c r="D81932" s="14" t="s">
        <v>400</v>
      </c>
      <c r="E81932" s="15">
        <v>45548</v>
      </c>
      <c r="F81932" s="14" t="s">
        <v>15</v>
      </c>
      <c r="G81932" s="16">
        <v>2.2881377958624363</v>
      </c>
    </row>
    <row r="81933" spans="1:7" x14ac:dyDescent="0.3">
      <c r="A81933" s="13" t="s">
        <v>415</v>
      </c>
      <c r="B81933" s="14" t="s">
        <v>1</v>
      </c>
      <c r="C81933" s="14" t="s">
        <v>23</v>
      </c>
      <c r="D81933" s="14" t="s">
        <v>400</v>
      </c>
      <c r="E81933" s="15">
        <v>45549</v>
      </c>
      <c r="F81933" s="14" t="s">
        <v>15</v>
      </c>
      <c r="G81933" s="16">
        <v>2.2881377958624363</v>
      </c>
    </row>
    <row r="81934" spans="1:7" x14ac:dyDescent="0.3">
      <c r="A81934" s="13" t="s">
        <v>415</v>
      </c>
      <c r="B81934" s="14" t="s">
        <v>1</v>
      </c>
      <c r="C81934" s="14" t="s">
        <v>23</v>
      </c>
      <c r="D81934" s="14" t="s">
        <v>400</v>
      </c>
      <c r="E81934" s="15">
        <v>45550</v>
      </c>
      <c r="F81934" s="14" t="s">
        <v>15</v>
      </c>
      <c r="G81934" s="16">
        <v>2.2881377958624363</v>
      </c>
    </row>
    <row r="81935" spans="1:7" x14ac:dyDescent="0.3">
      <c r="A81935" s="13" t="s">
        <v>415</v>
      </c>
      <c r="B81935" s="14" t="s">
        <v>1</v>
      </c>
      <c r="C81935" s="14" t="s">
        <v>23</v>
      </c>
      <c r="D81935" s="14" t="s">
        <v>400</v>
      </c>
      <c r="E81935" s="15">
        <v>45551</v>
      </c>
      <c r="F81935" s="14" t="s">
        <v>15</v>
      </c>
      <c r="G81935" s="16">
        <v>2.3013986361950445</v>
      </c>
    </row>
    <row r="81936" spans="1:7" x14ac:dyDescent="0.3">
      <c r="A81936" s="13" t="s">
        <v>415</v>
      </c>
      <c r="B81936" s="14" t="s">
        <v>1</v>
      </c>
      <c r="C81936" s="14" t="s">
        <v>23</v>
      </c>
      <c r="D81936" s="14" t="s">
        <v>400</v>
      </c>
      <c r="E81936" s="15">
        <v>45552</v>
      </c>
      <c r="F81936" s="14" t="s">
        <v>15</v>
      </c>
      <c r="G81936" s="16">
        <v>2.3420975546965455</v>
      </c>
    </row>
    <row r="81937" spans="1:7" x14ac:dyDescent="0.3">
      <c r="A81937" s="13" t="s">
        <v>415</v>
      </c>
      <c r="B81937" s="14" t="s">
        <v>1</v>
      </c>
      <c r="C81937" s="14" t="s">
        <v>23</v>
      </c>
      <c r="D81937" s="14" t="s">
        <v>400</v>
      </c>
      <c r="E81937" s="15">
        <v>45553</v>
      </c>
      <c r="F81937" s="14" t="s">
        <v>15</v>
      </c>
      <c r="G81937" s="16">
        <v>2.3556632535073683</v>
      </c>
    </row>
    <row r="81938" spans="1:7" x14ac:dyDescent="0.3">
      <c r="A81938" s="13" t="s">
        <v>415</v>
      </c>
      <c r="B81938" s="14" t="s">
        <v>1</v>
      </c>
      <c r="C81938" s="14" t="s">
        <v>23</v>
      </c>
      <c r="D81938" s="14" t="s">
        <v>400</v>
      </c>
      <c r="E81938" s="15">
        <v>45554</v>
      </c>
      <c r="F81938" s="14" t="s">
        <v>15</v>
      </c>
      <c r="G81938" s="16">
        <v>2.3686114916303636</v>
      </c>
    </row>
    <row r="81939" spans="1:7" x14ac:dyDescent="0.3">
      <c r="A81939" s="13" t="s">
        <v>415</v>
      </c>
      <c r="B81939" s="14" t="s">
        <v>1</v>
      </c>
      <c r="C81939" s="14" t="s">
        <v>23</v>
      </c>
      <c r="D81939" s="14" t="s">
        <v>400</v>
      </c>
      <c r="E81939" s="15">
        <v>45555</v>
      </c>
      <c r="F81939" s="14" t="s">
        <v>15</v>
      </c>
      <c r="G81939" s="16">
        <v>2.3825238243124711</v>
      </c>
    </row>
    <row r="81940" spans="1:7" x14ac:dyDescent="0.3">
      <c r="A81940" s="13" t="s">
        <v>415</v>
      </c>
      <c r="B81940" s="14" t="s">
        <v>1</v>
      </c>
      <c r="C81940" s="14" t="s">
        <v>23</v>
      </c>
      <c r="D81940" s="14" t="s">
        <v>400</v>
      </c>
      <c r="E81940" s="15">
        <v>45556</v>
      </c>
      <c r="F81940" s="14" t="s">
        <v>15</v>
      </c>
      <c r="G81940" s="16">
        <v>2.3825238243124711</v>
      </c>
    </row>
    <row r="81941" spans="1:7" x14ac:dyDescent="0.3">
      <c r="A81941" s="13" t="s">
        <v>415</v>
      </c>
      <c r="B81941" s="14" t="s">
        <v>1</v>
      </c>
      <c r="C81941" s="14" t="s">
        <v>23</v>
      </c>
      <c r="D81941" s="14" t="s">
        <v>400</v>
      </c>
      <c r="E81941" s="15">
        <v>45557</v>
      </c>
      <c r="F81941" s="14" t="s">
        <v>15</v>
      </c>
      <c r="G81941" s="16">
        <v>2.3825238243124711</v>
      </c>
    </row>
    <row r="81942" spans="1:7" x14ac:dyDescent="0.3">
      <c r="A81942" s="13" t="s">
        <v>415</v>
      </c>
      <c r="B81942" s="14" t="s">
        <v>1</v>
      </c>
      <c r="C81942" s="14" t="s">
        <v>23</v>
      </c>
      <c r="D81942" s="14" t="s">
        <v>400</v>
      </c>
      <c r="E81942" s="15">
        <v>45558</v>
      </c>
      <c r="F81942" s="14" t="s">
        <v>15</v>
      </c>
      <c r="G81942" s="16">
        <v>2.3964041631569581</v>
      </c>
    </row>
    <row r="81943" spans="1:7" x14ac:dyDescent="0.3">
      <c r="A81943" s="13" t="s">
        <v>415</v>
      </c>
      <c r="B81943" s="14" t="s">
        <v>1</v>
      </c>
      <c r="C81943" s="14" t="s">
        <v>23</v>
      </c>
      <c r="D81943" s="14" t="s">
        <v>400</v>
      </c>
      <c r="E81943" s="15">
        <v>45559</v>
      </c>
      <c r="F81943" s="14" t="s">
        <v>15</v>
      </c>
      <c r="G81943" s="16">
        <v>2.4497447231664902</v>
      </c>
    </row>
    <row r="81944" spans="1:7" x14ac:dyDescent="0.3">
      <c r="A81944" s="13" t="s">
        <v>415</v>
      </c>
      <c r="B81944" s="14" t="s">
        <v>1</v>
      </c>
      <c r="C81944" s="14" t="s">
        <v>23</v>
      </c>
      <c r="D81944" s="14" t="s">
        <v>400</v>
      </c>
      <c r="E81944" s="15">
        <v>45560</v>
      </c>
      <c r="F81944" s="14" t="s">
        <v>15</v>
      </c>
      <c r="G81944" s="16">
        <v>2.4638109115645412</v>
      </c>
    </row>
    <row r="81945" spans="1:7" x14ac:dyDescent="0.3">
      <c r="A81945" s="13" t="s">
        <v>415</v>
      </c>
      <c r="B81945" s="14" t="s">
        <v>1</v>
      </c>
      <c r="C81945" s="14" t="s">
        <v>23</v>
      </c>
      <c r="D81945" s="14" t="s">
        <v>400</v>
      </c>
      <c r="E81945" s="15">
        <v>45561</v>
      </c>
      <c r="F81945" s="14" t="s">
        <v>15</v>
      </c>
      <c r="G81945" s="16">
        <v>2.4778335666419653</v>
      </c>
    </row>
    <row r="81946" spans="1:7" x14ac:dyDescent="0.3">
      <c r="A81946" s="13" t="s">
        <v>415</v>
      </c>
      <c r="B81946" s="14" t="s">
        <v>1</v>
      </c>
      <c r="C81946" s="14" t="s">
        <v>23</v>
      </c>
      <c r="D81946" s="14" t="s">
        <v>400</v>
      </c>
      <c r="E81946" s="15">
        <v>45562</v>
      </c>
      <c r="F81946" s="14" t="s">
        <v>15</v>
      </c>
      <c r="G81946" s="16">
        <v>2.4945004788034626</v>
      </c>
    </row>
    <row r="81947" spans="1:7" x14ac:dyDescent="0.3">
      <c r="A81947" s="13" t="s">
        <v>415</v>
      </c>
      <c r="B81947" s="14" t="s">
        <v>1</v>
      </c>
      <c r="C81947" s="14" t="s">
        <v>23</v>
      </c>
      <c r="D81947" s="14" t="s">
        <v>400</v>
      </c>
      <c r="E81947" s="15">
        <v>45563</v>
      </c>
      <c r="F81947" s="14" t="s">
        <v>15</v>
      </c>
      <c r="G81947" s="16">
        <v>2.4945004788034626</v>
      </c>
    </row>
    <row r="81948" spans="1:7" x14ac:dyDescent="0.3">
      <c r="A81948" s="13" t="s">
        <v>415</v>
      </c>
      <c r="B81948" s="14" t="s">
        <v>1</v>
      </c>
      <c r="C81948" s="14" t="s">
        <v>23</v>
      </c>
      <c r="D81948" s="14" t="s">
        <v>400</v>
      </c>
      <c r="E81948" s="15">
        <v>45564</v>
      </c>
      <c r="F81948" s="14" t="s">
        <v>15</v>
      </c>
      <c r="G81948" s="16">
        <v>2.4945004788034626</v>
      </c>
    </row>
    <row r="81949" spans="1:7" x14ac:dyDescent="0.3">
      <c r="A81949" s="13" t="s">
        <v>415</v>
      </c>
      <c r="B81949" s="14" t="s">
        <v>1</v>
      </c>
      <c r="C81949" s="14" t="s">
        <v>23</v>
      </c>
      <c r="D81949" s="14" t="s">
        <v>400</v>
      </c>
      <c r="E81949" s="15">
        <v>45565</v>
      </c>
      <c r="F81949" s="14" t="s">
        <v>15</v>
      </c>
      <c r="G81949" s="16">
        <v>2.5084727982589188</v>
      </c>
    </row>
    <row r="81950" spans="1:7" x14ac:dyDescent="0.3">
      <c r="A81950" s="13" t="s">
        <v>415</v>
      </c>
      <c r="B81950" s="14" t="s">
        <v>1</v>
      </c>
      <c r="C81950" s="14" t="s">
        <v>23</v>
      </c>
      <c r="D81950" s="14" t="s">
        <v>400</v>
      </c>
      <c r="E81950" s="15">
        <v>45566</v>
      </c>
      <c r="F81950" s="14" t="s">
        <v>15</v>
      </c>
      <c r="G81950" s="16">
        <v>2.5502510472915669</v>
      </c>
    </row>
    <row r="81951" spans="1:7" x14ac:dyDescent="0.3">
      <c r="A81951" s="13" t="s">
        <v>415</v>
      </c>
      <c r="B81951" s="14" t="s">
        <v>1</v>
      </c>
      <c r="C81951" s="14" t="s">
        <v>23</v>
      </c>
      <c r="D81951" s="14" t="s">
        <v>400</v>
      </c>
      <c r="E81951" s="15">
        <v>45567</v>
      </c>
      <c r="F81951" s="14" t="s">
        <v>15</v>
      </c>
      <c r="G81951" s="16">
        <v>2.56398191945466</v>
      </c>
    </row>
    <row r="81952" spans="1:7" x14ac:dyDescent="0.3">
      <c r="A81952" s="13" t="s">
        <v>415</v>
      </c>
      <c r="B81952" s="14" t="s">
        <v>1</v>
      </c>
      <c r="C81952" s="14" t="s">
        <v>23</v>
      </c>
      <c r="D81952" s="14" t="s">
        <v>400</v>
      </c>
      <c r="E81952" s="15">
        <v>45568</v>
      </c>
      <c r="F81952" s="14" t="s">
        <v>15</v>
      </c>
      <c r="G81952" s="16">
        <v>2.5688449236484994</v>
      </c>
    </row>
    <row r="81953" spans="1:7" x14ac:dyDescent="0.3">
      <c r="A81953" s="13" t="s">
        <v>415</v>
      </c>
      <c r="B81953" s="14" t="s">
        <v>1</v>
      </c>
      <c r="C81953" s="14" t="s">
        <v>23</v>
      </c>
      <c r="D81953" s="14" t="s">
        <v>400</v>
      </c>
      <c r="E81953" s="15">
        <v>45569</v>
      </c>
      <c r="F81953" s="14" t="s">
        <v>15</v>
      </c>
      <c r="G81953" s="16">
        <v>2.5830940890247751</v>
      </c>
    </row>
    <row r="81954" spans="1:7" x14ac:dyDescent="0.3">
      <c r="A81954" s="13" t="s">
        <v>415</v>
      </c>
      <c r="B81954" s="14" t="s">
        <v>1</v>
      </c>
      <c r="C81954" s="14" t="s">
        <v>23</v>
      </c>
      <c r="D81954" s="14" t="s">
        <v>400</v>
      </c>
      <c r="E81954" s="15">
        <v>45570</v>
      </c>
      <c r="F81954" s="14" t="s">
        <v>15</v>
      </c>
      <c r="G81954" s="16">
        <v>2.5830940890247751</v>
      </c>
    </row>
    <row r="81955" spans="1:7" x14ac:dyDescent="0.3">
      <c r="A81955" s="13" t="s">
        <v>415</v>
      </c>
      <c r="B81955" s="14" t="s">
        <v>1</v>
      </c>
      <c r="C81955" s="14" t="s">
        <v>23</v>
      </c>
      <c r="D81955" s="14" t="s">
        <v>400</v>
      </c>
      <c r="E81955" s="15">
        <v>45571</v>
      </c>
      <c r="F81955" s="14" t="s">
        <v>15</v>
      </c>
      <c r="G81955" s="16">
        <v>2.5830940890247751</v>
      </c>
    </row>
    <row r="81956" spans="1:7" x14ac:dyDescent="0.3">
      <c r="A81956" s="13" t="s">
        <v>415</v>
      </c>
      <c r="B81956" s="14" t="s">
        <v>1</v>
      </c>
      <c r="C81956" s="14" t="s">
        <v>23</v>
      </c>
      <c r="D81956" s="14" t="s">
        <v>400</v>
      </c>
      <c r="E81956" s="15">
        <v>45572</v>
      </c>
      <c r="F81956" s="14" t="s">
        <v>15</v>
      </c>
      <c r="G81956" s="16">
        <v>2.6198144265151169</v>
      </c>
    </row>
    <row r="81957" spans="1:7" x14ac:dyDescent="0.3">
      <c r="A81957" s="13" t="s">
        <v>415</v>
      </c>
      <c r="B81957" s="14" t="s">
        <v>1</v>
      </c>
      <c r="C81957" s="14" t="s">
        <v>23</v>
      </c>
      <c r="D81957" s="14" t="s">
        <v>400</v>
      </c>
      <c r="E81957" s="15">
        <v>45573</v>
      </c>
      <c r="F81957" s="14" t="s">
        <v>15</v>
      </c>
      <c r="G81957" s="16">
        <v>2.6649571821819382</v>
      </c>
    </row>
    <row r="81958" spans="1:7" x14ac:dyDescent="0.3">
      <c r="A81958" s="13" t="s">
        <v>415</v>
      </c>
      <c r="B81958" s="14" t="s">
        <v>1</v>
      </c>
      <c r="C81958" s="14" t="s">
        <v>23</v>
      </c>
      <c r="D81958" s="14" t="s">
        <v>400</v>
      </c>
      <c r="E81958" s="15">
        <v>45574</v>
      </c>
      <c r="F81958" s="14" t="s">
        <v>15</v>
      </c>
      <c r="G81958" s="16">
        <v>2.6793575590404655</v>
      </c>
    </row>
    <row r="81959" spans="1:7" x14ac:dyDescent="0.3">
      <c r="A81959" s="13" t="s">
        <v>415</v>
      </c>
      <c r="B81959" s="14" t="s">
        <v>1</v>
      </c>
      <c r="C81959" s="14" t="s">
        <v>23</v>
      </c>
      <c r="D81959" s="14" t="s">
        <v>400</v>
      </c>
      <c r="E81959" s="15">
        <v>45575</v>
      </c>
      <c r="F81959" s="14" t="s">
        <v>15</v>
      </c>
      <c r="G81959" s="16">
        <v>2.6937497512450141</v>
      </c>
    </row>
    <row r="81960" spans="1:7" x14ac:dyDescent="0.3">
      <c r="A81960" s="13" t="s">
        <v>415</v>
      </c>
      <c r="B81960" s="14" t="s">
        <v>1</v>
      </c>
      <c r="C81960" s="14" t="s">
        <v>23</v>
      </c>
      <c r="D81960" s="14" t="s">
        <v>400</v>
      </c>
      <c r="E81960" s="15">
        <v>45576</v>
      </c>
      <c r="F81960" s="14" t="s">
        <v>15</v>
      </c>
      <c r="G81960" s="16">
        <v>2.7080023950992311</v>
      </c>
    </row>
    <row r="81961" spans="1:7" x14ac:dyDescent="0.3">
      <c r="A81961" s="13" t="s">
        <v>415</v>
      </c>
      <c r="B81961" s="14" t="s">
        <v>1</v>
      </c>
      <c r="C81961" s="14" t="s">
        <v>23</v>
      </c>
      <c r="D81961" s="14" t="s">
        <v>400</v>
      </c>
      <c r="E81961" s="15">
        <v>45577</v>
      </c>
      <c r="F81961" s="14" t="s">
        <v>15</v>
      </c>
      <c r="G81961" s="16">
        <v>2.7080023950992311</v>
      </c>
    </row>
    <row r="81962" spans="1:7" x14ac:dyDescent="0.3">
      <c r="A81962" s="13" t="s">
        <v>415</v>
      </c>
      <c r="B81962" s="14" t="s">
        <v>1</v>
      </c>
      <c r="C81962" s="14" t="s">
        <v>23</v>
      </c>
      <c r="D81962" s="14" t="s">
        <v>400</v>
      </c>
      <c r="E81962" s="15">
        <v>45578</v>
      </c>
      <c r="F81962" s="14" t="s">
        <v>15</v>
      </c>
      <c r="G81962" s="16">
        <v>2.7080023950992311</v>
      </c>
    </row>
    <row r="81963" spans="1:7" x14ac:dyDescent="0.3">
      <c r="A81963" s="13" t="s">
        <v>415</v>
      </c>
      <c r="B81963" s="14" t="s">
        <v>1</v>
      </c>
      <c r="C81963" s="14" t="s">
        <v>23</v>
      </c>
      <c r="D81963" s="14" t="s">
        <v>400</v>
      </c>
      <c r="E81963" s="15">
        <v>45579</v>
      </c>
      <c r="F81963" s="14" t="s">
        <v>15</v>
      </c>
      <c r="G81963" s="16">
        <v>2.7080023950992311</v>
      </c>
    </row>
    <row r="81964" spans="1:7" x14ac:dyDescent="0.3">
      <c r="A81964" s="13" t="s">
        <v>415</v>
      </c>
      <c r="B81964" s="14" t="s">
        <v>1</v>
      </c>
      <c r="C81964" s="14" t="s">
        <v>23</v>
      </c>
      <c r="D81964" s="14" t="s">
        <v>400</v>
      </c>
      <c r="E81964" s="15">
        <v>45580</v>
      </c>
      <c r="F81964" s="14" t="s">
        <v>15</v>
      </c>
      <c r="G81964" s="16">
        <v>2.7223340208643396</v>
      </c>
    </row>
    <row r="81965" spans="1:7" x14ac:dyDescent="0.3">
      <c r="A81965" s="13" t="s">
        <v>415</v>
      </c>
      <c r="B81965" s="14" t="s">
        <v>1</v>
      </c>
      <c r="C81965" s="14" t="s">
        <v>23</v>
      </c>
      <c r="D81965" s="14" t="s">
        <v>400</v>
      </c>
      <c r="E81965" s="15">
        <v>45581</v>
      </c>
      <c r="F81965" s="14" t="s">
        <v>15</v>
      </c>
      <c r="G81965" s="16">
        <v>2.7796162553119337</v>
      </c>
    </row>
    <row r="81966" spans="1:7" x14ac:dyDescent="0.3">
      <c r="A81966" s="13" t="s">
        <v>415</v>
      </c>
      <c r="B81966" s="14" t="s">
        <v>1</v>
      </c>
      <c r="C81966" s="14" t="s">
        <v>23</v>
      </c>
      <c r="D81966" s="14" t="s">
        <v>400</v>
      </c>
      <c r="E81966" s="15">
        <v>45582</v>
      </c>
      <c r="F81966" s="14" t="s">
        <v>15</v>
      </c>
      <c r="G81966" s="16">
        <v>2.7936943614200613</v>
      </c>
    </row>
    <row r="81967" spans="1:7" x14ac:dyDescent="0.3">
      <c r="A81967" s="13" t="s">
        <v>415</v>
      </c>
      <c r="B81967" s="14" t="s">
        <v>1</v>
      </c>
      <c r="C81967" s="14" t="s">
        <v>23</v>
      </c>
      <c r="D81967" s="14" t="s">
        <v>400</v>
      </c>
      <c r="E81967" s="15">
        <v>45583</v>
      </c>
      <c r="F81967" s="14" t="s">
        <v>15</v>
      </c>
      <c r="G81967" s="16">
        <v>2.8078354893638222</v>
      </c>
    </row>
    <row r="81968" spans="1:7" x14ac:dyDescent="0.3">
      <c r="A81968" s="13" t="s">
        <v>415</v>
      </c>
      <c r="B81968" s="14" t="s">
        <v>1</v>
      </c>
      <c r="C81968" s="14" t="s">
        <v>23</v>
      </c>
      <c r="D81968" s="14" t="s">
        <v>400</v>
      </c>
      <c r="E81968" s="15">
        <v>45584</v>
      </c>
      <c r="F81968" s="14" t="s">
        <v>15</v>
      </c>
      <c r="G81968" s="16">
        <v>2.8078354893638222</v>
      </c>
    </row>
    <row r="81969" spans="1:7" x14ac:dyDescent="0.3">
      <c r="A81969" s="13" t="s">
        <v>415</v>
      </c>
      <c r="B81969" s="14" t="s">
        <v>1</v>
      </c>
      <c r="C81969" s="14" t="s">
        <v>23</v>
      </c>
      <c r="D81969" s="14" t="s">
        <v>400</v>
      </c>
      <c r="E81969" s="15">
        <v>45585</v>
      </c>
      <c r="F81969" s="14" t="s">
        <v>15</v>
      </c>
      <c r="G81969" s="16">
        <v>2.8078354893638222</v>
      </c>
    </row>
    <row r="81970" spans="1:7" x14ac:dyDescent="0.3">
      <c r="A81970" s="13" t="s">
        <v>415</v>
      </c>
      <c r="B81970" s="14" t="s">
        <v>1</v>
      </c>
      <c r="C81970" s="14" t="s">
        <v>23</v>
      </c>
      <c r="D81970" s="14" t="s">
        <v>400</v>
      </c>
      <c r="E81970" s="15">
        <v>45586</v>
      </c>
      <c r="F81970" s="14" t="s">
        <v>15</v>
      </c>
      <c r="G81970" s="16">
        <v>2.8210335405529214</v>
      </c>
    </row>
    <row r="81971" spans="1:7" x14ac:dyDescent="0.3">
      <c r="A81971" s="13" t="s">
        <v>415</v>
      </c>
      <c r="B81971" s="14" t="s">
        <v>1</v>
      </c>
      <c r="C81971" s="14" t="s">
        <v>23</v>
      </c>
      <c r="D81971" s="14" t="s">
        <v>400</v>
      </c>
      <c r="E81971" s="15">
        <v>45587</v>
      </c>
      <c r="F81971" s="14" t="s">
        <v>15</v>
      </c>
      <c r="G81971" s="16">
        <v>2.863438529463965</v>
      </c>
    </row>
    <row r="81972" spans="1:7" x14ac:dyDescent="0.3">
      <c r="A81972" s="13" t="s">
        <v>415</v>
      </c>
      <c r="B81972" s="14" t="s">
        <v>1</v>
      </c>
      <c r="C81972" s="14" t="s">
        <v>23</v>
      </c>
      <c r="D81972" s="14" t="s">
        <v>400</v>
      </c>
      <c r="E81972" s="15">
        <v>45588</v>
      </c>
      <c r="F81972" s="14" t="s">
        <v>15</v>
      </c>
      <c r="G81972" s="16">
        <v>2.8776287653315968</v>
      </c>
    </row>
    <row r="81973" spans="1:7" x14ac:dyDescent="0.3">
      <c r="A81973" s="13" t="s">
        <v>415</v>
      </c>
      <c r="B81973" s="14" t="s">
        <v>1</v>
      </c>
      <c r="C81973" s="14" t="s">
        <v>23</v>
      </c>
      <c r="D81973" s="14" t="s">
        <v>400</v>
      </c>
      <c r="E81973" s="15">
        <v>45589</v>
      </c>
      <c r="F81973" s="14" t="s">
        <v>15</v>
      </c>
      <c r="G81973" s="16">
        <v>2.8915020504739144</v>
      </c>
    </row>
    <row r="81974" spans="1:7" x14ac:dyDescent="0.3">
      <c r="A81974" s="13" t="s">
        <v>415</v>
      </c>
      <c r="B81974" s="14" t="s">
        <v>1</v>
      </c>
      <c r="C81974" s="14" t="s">
        <v>23</v>
      </c>
      <c r="D81974" s="14" t="s">
        <v>400</v>
      </c>
      <c r="E81974" s="15">
        <v>45590</v>
      </c>
      <c r="F81974" s="14" t="s">
        <v>15</v>
      </c>
      <c r="G81974" s="16">
        <v>2.9054747791620703</v>
      </c>
    </row>
    <row r="81975" spans="1:7" x14ac:dyDescent="0.3">
      <c r="A81975" s="13" t="s">
        <v>415</v>
      </c>
      <c r="B81975" s="14" t="s">
        <v>1</v>
      </c>
      <c r="C81975" s="14" t="s">
        <v>23</v>
      </c>
      <c r="D81975" s="14" t="s">
        <v>400</v>
      </c>
      <c r="E81975" s="15">
        <v>45591</v>
      </c>
      <c r="F81975" s="14" t="s">
        <v>15</v>
      </c>
      <c r="G81975" s="16">
        <v>2.9054747791620703</v>
      </c>
    </row>
    <row r="81976" spans="1:7" x14ac:dyDescent="0.3">
      <c r="A81976" s="13" t="s">
        <v>415</v>
      </c>
      <c r="B81976" s="14" t="s">
        <v>1</v>
      </c>
      <c r="C81976" s="14" t="s">
        <v>23</v>
      </c>
      <c r="D81976" s="14" t="s">
        <v>400</v>
      </c>
      <c r="E81976" s="15">
        <v>45592</v>
      </c>
      <c r="F81976" s="14" t="s">
        <v>15</v>
      </c>
      <c r="G81976" s="16">
        <v>2.9054747791620703</v>
      </c>
    </row>
    <row r="81977" spans="1:7" x14ac:dyDescent="0.3">
      <c r="A81977" s="13" t="s">
        <v>415</v>
      </c>
      <c r="B81977" s="14" t="s">
        <v>1</v>
      </c>
      <c r="C81977" s="14" t="s">
        <v>23</v>
      </c>
      <c r="D81977" s="14" t="s">
        <v>400</v>
      </c>
      <c r="E81977" s="15">
        <v>45593</v>
      </c>
      <c r="F81977" s="14" t="s">
        <v>15</v>
      </c>
      <c r="G81977" s="16">
        <v>2.9054747791620703</v>
      </c>
    </row>
    <row r="81978" spans="1:7" x14ac:dyDescent="0.3">
      <c r="A81978" s="13" t="s">
        <v>415</v>
      </c>
      <c r="B81978" s="14" t="s">
        <v>1</v>
      </c>
      <c r="C81978" s="14" t="s">
        <v>23</v>
      </c>
      <c r="D81978" s="14" t="s">
        <v>400</v>
      </c>
      <c r="E81978" s="15">
        <v>45594</v>
      </c>
      <c r="F81978" s="14" t="s">
        <v>15</v>
      </c>
      <c r="G81978" s="16">
        <v>2.9222675303784853</v>
      </c>
    </row>
    <row r="81979" spans="1:7" x14ac:dyDescent="0.3">
      <c r="A81979" s="13" t="s">
        <v>415</v>
      </c>
      <c r="B81979" s="14" t="s">
        <v>1</v>
      </c>
      <c r="C81979" s="14" t="s">
        <v>23</v>
      </c>
      <c r="D81979" s="14" t="s">
        <v>400</v>
      </c>
      <c r="E81979" s="15">
        <v>45595</v>
      </c>
      <c r="F81979" s="14" t="s">
        <v>15</v>
      </c>
      <c r="G81979" s="16">
        <v>2.9769229001317097</v>
      </c>
    </row>
    <row r="81980" spans="1:7" x14ac:dyDescent="0.3">
      <c r="A81980" s="13" t="s">
        <v>415</v>
      </c>
      <c r="B81980" s="14" t="s">
        <v>1</v>
      </c>
      <c r="C81980" s="14" t="s">
        <v>23</v>
      </c>
      <c r="D81980" s="14" t="s">
        <v>400</v>
      </c>
      <c r="E81980" s="15">
        <v>45596</v>
      </c>
      <c r="F81980" s="14" t="s">
        <v>15</v>
      </c>
      <c r="G81980" s="16">
        <v>2.9787604082680694</v>
      </c>
    </row>
    <row r="81981" spans="1:7" x14ac:dyDescent="0.3">
      <c r="A81981" s="13" t="s">
        <v>415</v>
      </c>
      <c r="B81981" s="14" t="s">
        <v>1</v>
      </c>
      <c r="C81981" s="14" t="s">
        <v>23</v>
      </c>
      <c r="D81981" s="14" t="s">
        <v>400</v>
      </c>
      <c r="E81981" s="15">
        <v>45597</v>
      </c>
      <c r="F81981" s="14" t="s">
        <v>15</v>
      </c>
      <c r="G81981" s="16">
        <v>2.9919869016086929</v>
      </c>
    </row>
    <row r="81982" spans="1:7" x14ac:dyDescent="0.3">
      <c r="A81982" s="13" t="s">
        <v>415</v>
      </c>
      <c r="B81982" s="14" t="s">
        <v>1</v>
      </c>
      <c r="C81982" s="14" t="s">
        <v>23</v>
      </c>
      <c r="D81982" s="14" t="s">
        <v>400</v>
      </c>
      <c r="E81982" s="15">
        <v>45598</v>
      </c>
      <c r="F81982" s="14" t="s">
        <v>15</v>
      </c>
      <c r="G81982" s="16">
        <v>2.9919869016086929</v>
      </c>
    </row>
    <row r="81983" spans="1:7" x14ac:dyDescent="0.3">
      <c r="A81983" s="13" t="s">
        <v>415</v>
      </c>
      <c r="B81983" s="14" t="s">
        <v>1</v>
      </c>
      <c r="C81983" s="14" t="s">
        <v>23</v>
      </c>
      <c r="D81983" s="14" t="s">
        <v>400</v>
      </c>
      <c r="E81983" s="15">
        <v>45599</v>
      </c>
      <c r="F81983" s="14" t="s">
        <v>15</v>
      </c>
      <c r="G81983" s="16">
        <v>2.9919869016086929</v>
      </c>
    </row>
    <row r="81984" spans="1:7" x14ac:dyDescent="0.3">
      <c r="A81984" s="13" t="s">
        <v>415</v>
      </c>
      <c r="B81984" s="14" t="s">
        <v>1</v>
      </c>
      <c r="C81984" s="14" t="s">
        <v>23</v>
      </c>
      <c r="D81984" s="14" t="s">
        <v>400</v>
      </c>
      <c r="E81984" s="15">
        <v>45600</v>
      </c>
      <c r="F81984" s="14" t="s">
        <v>15</v>
      </c>
      <c r="G81984" s="16">
        <v>2.9972120446134096</v>
      </c>
    </row>
    <row r="81985" spans="1:7" x14ac:dyDescent="0.3">
      <c r="A81985" s="13" t="s">
        <v>415</v>
      </c>
      <c r="B81985" s="14" t="s">
        <v>1</v>
      </c>
      <c r="C81985" s="14" t="s">
        <v>23</v>
      </c>
      <c r="D81985" s="14" t="s">
        <v>400</v>
      </c>
      <c r="E81985" s="15">
        <v>45601</v>
      </c>
      <c r="F81985" s="14" t="s">
        <v>15</v>
      </c>
      <c r="G81985" s="16">
        <v>3.0397217109180303</v>
      </c>
    </row>
    <row r="81986" spans="1:7" x14ac:dyDescent="0.3">
      <c r="A81986" s="13" t="s">
        <v>415</v>
      </c>
      <c r="B81986" s="14" t="s">
        <v>1</v>
      </c>
      <c r="C81986" s="14" t="s">
        <v>23</v>
      </c>
      <c r="D81986" s="14" t="s">
        <v>400</v>
      </c>
      <c r="E81986" s="15">
        <v>45602</v>
      </c>
      <c r="F81986" s="14" t="s">
        <v>15</v>
      </c>
      <c r="G81986" s="16">
        <v>3.0537543385255623</v>
      </c>
    </row>
    <row r="81987" spans="1:7" x14ac:dyDescent="0.3">
      <c r="A81987" s="13" t="s">
        <v>415</v>
      </c>
      <c r="B81987" s="14" t="s">
        <v>1</v>
      </c>
      <c r="C81987" s="14" t="s">
        <v>23</v>
      </c>
      <c r="D81987" s="14" t="s">
        <v>400</v>
      </c>
      <c r="E81987" s="15">
        <v>45603</v>
      </c>
      <c r="F81987" s="14" t="s">
        <v>15</v>
      </c>
      <c r="G81987" s="16">
        <v>3.0693077209383279</v>
      </c>
    </row>
    <row r="81988" spans="1:7" x14ac:dyDescent="0.3">
      <c r="A81988" s="13" t="s">
        <v>415</v>
      </c>
      <c r="B81988" s="14" t="s">
        <v>1</v>
      </c>
      <c r="C81988" s="14" t="s">
        <v>23</v>
      </c>
      <c r="D81988" s="14" t="s">
        <v>400</v>
      </c>
      <c r="E81988" s="15">
        <v>45604</v>
      </c>
      <c r="F81988" s="14" t="s">
        <v>15</v>
      </c>
      <c r="G81988" s="16">
        <v>3.0839004125647973</v>
      </c>
    </row>
    <row r="81989" spans="1:7" x14ac:dyDescent="0.3">
      <c r="A81989" s="13" t="s">
        <v>415</v>
      </c>
      <c r="B81989" s="14" t="s">
        <v>1</v>
      </c>
      <c r="C81989" s="14" t="s">
        <v>23</v>
      </c>
      <c r="D81989" s="14" t="s">
        <v>400</v>
      </c>
      <c r="E81989" s="15">
        <v>45605</v>
      </c>
      <c r="F81989" s="14" t="s">
        <v>15</v>
      </c>
      <c r="G81989" s="16">
        <v>3.0839004125647973</v>
      </c>
    </row>
    <row r="81990" spans="1:7" x14ac:dyDescent="0.3">
      <c r="A81990" s="13" t="s">
        <v>415</v>
      </c>
      <c r="B81990" s="14" t="s">
        <v>1</v>
      </c>
      <c r="C81990" s="14" t="s">
        <v>23</v>
      </c>
      <c r="D81990" s="14" t="s">
        <v>400</v>
      </c>
      <c r="E81990" s="15">
        <v>45606</v>
      </c>
      <c r="F81990" s="14" t="s">
        <v>15</v>
      </c>
      <c r="G81990" s="16">
        <v>3.0839004125647973</v>
      </c>
    </row>
    <row r="81991" spans="1:7" x14ac:dyDescent="0.3">
      <c r="A81991" s="13" t="s">
        <v>415</v>
      </c>
      <c r="B81991" s="14" t="s">
        <v>1</v>
      </c>
      <c r="C81991" s="14" t="s">
        <v>23</v>
      </c>
      <c r="D81991" s="14" t="s">
        <v>400</v>
      </c>
      <c r="E81991" s="15">
        <v>45607</v>
      </c>
      <c r="F81991" s="14" t="s">
        <v>15</v>
      </c>
      <c r="G81991" s="16">
        <v>3.0839004125647973</v>
      </c>
    </row>
    <row r="81992" spans="1:7" x14ac:dyDescent="0.3">
      <c r="A81992" s="13" t="s">
        <v>415</v>
      </c>
      <c r="B81992" s="14" t="s">
        <v>1</v>
      </c>
      <c r="C81992" s="14" t="s">
        <v>23</v>
      </c>
      <c r="D81992" s="14" t="s">
        <v>400</v>
      </c>
      <c r="E81992" s="15">
        <v>45608</v>
      </c>
      <c r="F81992" s="14" t="s">
        <v>15</v>
      </c>
      <c r="G81992" s="16">
        <v>3.0973918889906331</v>
      </c>
    </row>
    <row r="81993" spans="1:7" x14ac:dyDescent="0.3">
      <c r="A81993" s="13" t="s">
        <v>415</v>
      </c>
      <c r="B81993" s="14" t="s">
        <v>1</v>
      </c>
      <c r="C81993" s="14" t="s">
        <v>23</v>
      </c>
      <c r="D81993" s="14" t="s">
        <v>400</v>
      </c>
      <c r="E81993" s="15">
        <v>45609</v>
      </c>
      <c r="F81993" s="14" t="s">
        <v>15</v>
      </c>
      <c r="G81993" s="16">
        <v>3.1656734481753839</v>
      </c>
    </row>
    <row r="81994" spans="1:7" x14ac:dyDescent="0.3">
      <c r="A81994" s="13" t="s">
        <v>415</v>
      </c>
      <c r="B81994" s="14" t="s">
        <v>1</v>
      </c>
      <c r="C81994" s="14" t="s">
        <v>23</v>
      </c>
      <c r="D81994" s="14" t="s">
        <v>400</v>
      </c>
      <c r="E81994" s="15">
        <v>45610</v>
      </c>
      <c r="F81994" s="14" t="s">
        <v>15</v>
      </c>
      <c r="G81994" s="16">
        <v>3.1793117532946376</v>
      </c>
    </row>
    <row r="81995" spans="1:7" x14ac:dyDescent="0.3">
      <c r="A81995" s="13" t="s">
        <v>415</v>
      </c>
      <c r="B81995" s="14" t="s">
        <v>1</v>
      </c>
      <c r="C81995" s="14" t="s">
        <v>23</v>
      </c>
      <c r="D81995" s="14" t="s">
        <v>400</v>
      </c>
      <c r="E81995" s="15">
        <v>45611</v>
      </c>
      <c r="F81995" s="14" t="s">
        <v>15</v>
      </c>
      <c r="G81995" s="16">
        <v>3.1929730385279584</v>
      </c>
    </row>
    <row r="81996" spans="1:7" x14ac:dyDescent="0.3">
      <c r="A81996" s="13" t="s">
        <v>415</v>
      </c>
      <c r="B81996" s="14" t="s">
        <v>1</v>
      </c>
      <c r="C81996" s="14" t="s">
        <v>23</v>
      </c>
      <c r="D81996" s="14" t="s">
        <v>400</v>
      </c>
      <c r="E81996" s="15">
        <v>45612</v>
      </c>
      <c r="F81996" s="14" t="s">
        <v>15</v>
      </c>
      <c r="G81996" s="16">
        <v>3.1929730385279584</v>
      </c>
    </row>
    <row r="81997" spans="1:7" x14ac:dyDescent="0.3">
      <c r="A81997" s="13" t="s">
        <v>415</v>
      </c>
      <c r="B81997" s="14" t="s">
        <v>1</v>
      </c>
      <c r="C81997" s="14" t="s">
        <v>23</v>
      </c>
      <c r="D81997" s="14" t="s">
        <v>400</v>
      </c>
      <c r="E81997" s="15">
        <v>45613</v>
      </c>
      <c r="F81997" s="14" t="s">
        <v>15</v>
      </c>
      <c r="G81997" s="16">
        <v>3.1929730385279584</v>
      </c>
    </row>
    <row r="81998" spans="1:7" x14ac:dyDescent="0.3">
      <c r="A81998" s="13" t="s">
        <v>415</v>
      </c>
      <c r="B81998" s="14" t="s">
        <v>1</v>
      </c>
      <c r="C81998" s="14" t="s">
        <v>23</v>
      </c>
      <c r="D81998" s="14" t="s">
        <v>400</v>
      </c>
      <c r="E81998" s="15">
        <v>45614</v>
      </c>
      <c r="F81998" s="14" t="s">
        <v>15</v>
      </c>
      <c r="G81998" s="16">
        <v>3.2066436784979784</v>
      </c>
    </row>
    <row r="81999" spans="1:7" x14ac:dyDescent="0.3">
      <c r="A81999" s="13" t="s">
        <v>415</v>
      </c>
      <c r="B81999" s="14" t="s">
        <v>1</v>
      </c>
      <c r="C81999" s="14" t="s">
        <v>23</v>
      </c>
      <c r="D81999" s="14" t="s">
        <v>400</v>
      </c>
      <c r="E81999" s="15">
        <v>45615</v>
      </c>
      <c r="F81999" s="14" t="s">
        <v>15</v>
      </c>
      <c r="G81999" s="16">
        <v>3.2470595106925857</v>
      </c>
    </row>
    <row r="82000" spans="1:7" x14ac:dyDescent="0.3">
      <c r="A82000" s="13" t="s">
        <v>415</v>
      </c>
      <c r="B82000" s="14" t="s">
        <v>1</v>
      </c>
      <c r="C82000" s="14" t="s">
        <v>23</v>
      </c>
      <c r="D82000" s="14" t="s">
        <v>400</v>
      </c>
      <c r="E82000" s="15">
        <v>45616</v>
      </c>
      <c r="F82000" s="14" t="s">
        <v>15</v>
      </c>
      <c r="G82000" s="16">
        <v>3.2609355481423177</v>
      </c>
    </row>
    <row r="82001" spans="1:7" x14ac:dyDescent="0.3">
      <c r="A82001" s="13" t="s">
        <v>415</v>
      </c>
      <c r="B82001" s="14" t="s">
        <v>1</v>
      </c>
      <c r="C82001" s="14" t="s">
        <v>23</v>
      </c>
      <c r="D82001" s="14" t="s">
        <v>400</v>
      </c>
      <c r="E82001" s="15">
        <v>45617</v>
      </c>
      <c r="F82001" s="14" t="s">
        <v>15</v>
      </c>
      <c r="G82001" s="16">
        <v>3.2750889738715814</v>
      </c>
    </row>
    <row r="82002" spans="1:7" x14ac:dyDescent="0.3">
      <c r="A82002" s="13" t="s">
        <v>415</v>
      </c>
      <c r="B82002" s="14" t="s">
        <v>1</v>
      </c>
      <c r="C82002" s="14" t="s">
        <v>23</v>
      </c>
      <c r="D82002" s="14" t="s">
        <v>400</v>
      </c>
      <c r="E82002" s="15">
        <v>45618</v>
      </c>
      <c r="F82002" s="14" t="s">
        <v>15</v>
      </c>
      <c r="G82002" s="16">
        <v>3.2889155939078782</v>
      </c>
    </row>
    <row r="82003" spans="1:7" x14ac:dyDescent="0.3">
      <c r="A82003" s="13" t="s">
        <v>415</v>
      </c>
      <c r="B82003" s="14" t="s">
        <v>1</v>
      </c>
      <c r="C82003" s="14" t="s">
        <v>23</v>
      </c>
      <c r="D82003" s="14" t="s">
        <v>400</v>
      </c>
      <c r="E82003" s="15">
        <v>45619</v>
      </c>
      <c r="F82003" s="14" t="s">
        <v>15</v>
      </c>
      <c r="G82003" s="16">
        <v>3.2889155939078782</v>
      </c>
    </row>
    <row r="82004" spans="1:7" x14ac:dyDescent="0.3">
      <c r="A82004" s="13" t="s">
        <v>415</v>
      </c>
      <c r="B82004" s="14" t="s">
        <v>1</v>
      </c>
      <c r="C82004" s="14" t="s">
        <v>23</v>
      </c>
      <c r="D82004" s="14" t="s">
        <v>400</v>
      </c>
      <c r="E82004" s="15">
        <v>45620</v>
      </c>
      <c r="F82004" s="14" t="s">
        <v>15</v>
      </c>
      <c r="G82004" s="16">
        <v>3.2889155939078782</v>
      </c>
    </row>
    <row r="82005" spans="1:7" x14ac:dyDescent="0.3">
      <c r="A82005" s="13" t="s">
        <v>415</v>
      </c>
      <c r="B82005" s="14" t="s">
        <v>1</v>
      </c>
      <c r="C82005" s="14" t="s">
        <v>23</v>
      </c>
      <c r="D82005" s="14" t="s">
        <v>400</v>
      </c>
      <c r="E82005" s="15">
        <v>45621</v>
      </c>
      <c r="F82005" s="14" t="s">
        <v>15</v>
      </c>
      <c r="G82005" s="16">
        <v>3.3026667659590525</v>
      </c>
    </row>
    <row r="82006" spans="1:7" x14ac:dyDescent="0.3">
      <c r="A82006" s="13" t="s">
        <v>415</v>
      </c>
      <c r="B82006" s="14" t="s">
        <v>1</v>
      </c>
      <c r="C82006" s="14" t="s">
        <v>23</v>
      </c>
      <c r="D82006" s="14" t="s">
        <v>400</v>
      </c>
      <c r="E82006" s="15">
        <v>45622</v>
      </c>
      <c r="F82006" s="14" t="s">
        <v>15</v>
      </c>
      <c r="G82006" s="16">
        <v>3.3437746453055999</v>
      </c>
    </row>
    <row r="82007" spans="1:7" x14ac:dyDescent="0.3">
      <c r="A82007" s="13" t="s">
        <v>415</v>
      </c>
      <c r="B82007" s="14" t="s">
        <v>1</v>
      </c>
      <c r="C82007" s="14" t="s">
        <v>23</v>
      </c>
      <c r="D82007" s="14" t="s">
        <v>400</v>
      </c>
      <c r="E82007" s="15">
        <v>45623</v>
      </c>
      <c r="F82007" s="14" t="s">
        <v>15</v>
      </c>
      <c r="G82007" s="16">
        <v>3.3575634396674148</v>
      </c>
    </row>
    <row r="82008" spans="1:7" x14ac:dyDescent="0.3">
      <c r="A82008" s="13" t="s">
        <v>415</v>
      </c>
      <c r="B82008" s="14" t="s">
        <v>1</v>
      </c>
      <c r="C82008" s="14" t="s">
        <v>23</v>
      </c>
      <c r="D82008" s="14" t="s">
        <v>400</v>
      </c>
      <c r="E82008" s="15">
        <v>45624</v>
      </c>
      <c r="F82008" s="14" t="s">
        <v>15</v>
      </c>
      <c r="G82008" s="16">
        <v>3.3575634396674148</v>
      </c>
    </row>
    <row r="82009" spans="1:7" x14ac:dyDescent="0.3">
      <c r="A82009" s="13" t="s">
        <v>415</v>
      </c>
      <c r="B82009" s="14" t="s">
        <v>1</v>
      </c>
      <c r="C82009" s="14" t="s">
        <v>23</v>
      </c>
      <c r="D82009" s="14" t="s">
        <v>400</v>
      </c>
      <c r="E82009" s="15">
        <v>45625</v>
      </c>
      <c r="F82009" s="14" t="s">
        <v>15</v>
      </c>
      <c r="G82009" s="16">
        <v>3.3754597768957852</v>
      </c>
    </row>
    <row r="82010" spans="1:7" x14ac:dyDescent="0.3">
      <c r="A82010" s="13" t="s">
        <v>415</v>
      </c>
      <c r="B82010" s="14" t="s">
        <v>1</v>
      </c>
      <c r="C82010" s="14" t="s">
        <v>23</v>
      </c>
      <c r="D82010" s="14" t="s">
        <v>400</v>
      </c>
      <c r="E82010" s="15">
        <v>45626</v>
      </c>
      <c r="F82010" s="14" t="s">
        <v>15</v>
      </c>
      <c r="G82010" s="16">
        <v>3.3754597768957852</v>
      </c>
    </row>
    <row r="82011" spans="1:7" x14ac:dyDescent="0.3">
      <c r="A82011" s="13" t="s">
        <v>415</v>
      </c>
      <c r="B82011" s="14" t="s">
        <v>1</v>
      </c>
      <c r="C82011" s="14" t="s">
        <v>23</v>
      </c>
      <c r="D82011" s="14" t="s">
        <v>400</v>
      </c>
      <c r="E82011" s="15">
        <v>45627</v>
      </c>
      <c r="F82011" s="14" t="s">
        <v>15</v>
      </c>
      <c r="G82011" s="16">
        <v>3.3754597768957852</v>
      </c>
    </row>
    <row r="82012" spans="1:7" x14ac:dyDescent="0.3">
      <c r="A82012" s="13" t="s">
        <v>415</v>
      </c>
      <c r="B82012" s="14" t="s">
        <v>1</v>
      </c>
      <c r="C82012" s="14" t="s">
        <v>23</v>
      </c>
      <c r="D82012" s="14" t="s">
        <v>400</v>
      </c>
      <c r="E82012" s="15">
        <v>45628</v>
      </c>
      <c r="F82012" s="14" t="s">
        <v>15</v>
      </c>
      <c r="G82012" s="16">
        <v>3.4028202605705258</v>
      </c>
    </row>
    <row r="82013" spans="1:7" x14ac:dyDescent="0.3">
      <c r="A82013" s="13" t="s">
        <v>415</v>
      </c>
      <c r="B82013" s="14" t="s">
        <v>1</v>
      </c>
      <c r="C82013" s="14" t="s">
        <v>23</v>
      </c>
      <c r="D82013" s="14" t="s">
        <v>400</v>
      </c>
      <c r="E82013" s="15">
        <v>45629</v>
      </c>
      <c r="F82013" s="14" t="s">
        <v>15</v>
      </c>
      <c r="G82013" s="16">
        <v>3.4319927160712389</v>
      </c>
    </row>
    <row r="82014" spans="1:7" x14ac:dyDescent="0.3">
      <c r="A82014" s="13" t="s">
        <v>415</v>
      </c>
      <c r="B82014" s="14" t="s">
        <v>1</v>
      </c>
      <c r="C82014" s="14" t="s">
        <v>23</v>
      </c>
      <c r="D82014" s="14" t="s">
        <v>400</v>
      </c>
      <c r="E82014" s="15">
        <v>45630</v>
      </c>
      <c r="F82014" s="14" t="s">
        <v>15</v>
      </c>
      <c r="G82014" s="16">
        <v>3.4439282557472963</v>
      </c>
    </row>
    <row r="82015" spans="1:7" x14ac:dyDescent="0.3">
      <c r="A82015" s="13" t="s">
        <v>415</v>
      </c>
      <c r="B82015" s="14" t="s">
        <v>1</v>
      </c>
      <c r="C82015" s="14" t="s">
        <v>23</v>
      </c>
      <c r="D82015" s="14" t="s">
        <v>400</v>
      </c>
      <c r="E82015" s="15">
        <v>45631</v>
      </c>
      <c r="F82015" s="14" t="s">
        <v>15</v>
      </c>
      <c r="G82015" s="16">
        <v>3.4577646372479749</v>
      </c>
    </row>
    <row r="82016" spans="1:7" x14ac:dyDescent="0.3">
      <c r="A82016" s="13" t="s">
        <v>415</v>
      </c>
      <c r="B82016" s="14" t="s">
        <v>1</v>
      </c>
      <c r="C82016" s="14" t="s">
        <v>23</v>
      </c>
      <c r="D82016" s="14" t="s">
        <v>400</v>
      </c>
      <c r="E82016" s="15">
        <v>45632</v>
      </c>
      <c r="F82016" s="14" t="s">
        <v>15</v>
      </c>
      <c r="G82016" s="16">
        <v>3.4715377725940098</v>
      </c>
    </row>
    <row r="82017" spans="1:7" x14ac:dyDescent="0.3">
      <c r="A82017" s="13" t="s">
        <v>415</v>
      </c>
      <c r="B82017" s="14" t="s">
        <v>1</v>
      </c>
      <c r="C82017" s="14" t="s">
        <v>23</v>
      </c>
      <c r="D82017" s="14" t="s">
        <v>400</v>
      </c>
      <c r="E82017" s="15">
        <v>45633</v>
      </c>
      <c r="F82017" s="14" t="s">
        <v>15</v>
      </c>
      <c r="G82017" s="16">
        <v>3.4715377725940098</v>
      </c>
    </row>
    <row r="82018" spans="1:7" x14ac:dyDescent="0.3">
      <c r="A82018" s="13" t="s">
        <v>415</v>
      </c>
      <c r="B82018" s="14" t="s">
        <v>1</v>
      </c>
      <c r="C82018" s="14" t="s">
        <v>23</v>
      </c>
      <c r="D82018" s="14" t="s">
        <v>400</v>
      </c>
      <c r="E82018" s="15">
        <v>45634</v>
      </c>
      <c r="F82018" s="14" t="s">
        <v>15</v>
      </c>
      <c r="G82018" s="16">
        <v>3.4715377725940098</v>
      </c>
    </row>
    <row r="82019" spans="1:7" x14ac:dyDescent="0.3">
      <c r="A82019" s="13" t="s">
        <v>415</v>
      </c>
      <c r="B82019" s="14" t="s">
        <v>1</v>
      </c>
      <c r="C82019" s="14" t="s">
        <v>23</v>
      </c>
      <c r="D82019" s="14" t="s">
        <v>400</v>
      </c>
      <c r="E82019" s="15">
        <v>45635</v>
      </c>
      <c r="F82019" s="14" t="s">
        <v>15</v>
      </c>
      <c r="G82019" s="16">
        <v>3.4922948289779323</v>
      </c>
    </row>
    <row r="82020" spans="1:7" x14ac:dyDescent="0.3">
      <c r="A82020" s="13" t="s">
        <v>415</v>
      </c>
      <c r="B82020" s="14" t="s">
        <v>1</v>
      </c>
      <c r="C82020" s="14" t="s">
        <v>23</v>
      </c>
      <c r="D82020" s="14" t="s">
        <v>400</v>
      </c>
      <c r="E82020" s="15">
        <v>45636</v>
      </c>
      <c r="F82020" s="14" t="s">
        <v>15</v>
      </c>
      <c r="G82020" s="16">
        <v>3.5331774222815397</v>
      </c>
    </row>
    <row r="82021" spans="1:7" x14ac:dyDescent="0.3">
      <c r="A82021" s="13" t="s">
        <v>415</v>
      </c>
      <c r="B82021" s="14" t="s">
        <v>1</v>
      </c>
      <c r="C82021" s="14" t="s">
        <v>23</v>
      </c>
      <c r="D82021" s="14" t="s">
        <v>400</v>
      </c>
      <c r="E82021" s="15">
        <v>45637</v>
      </c>
      <c r="F82021" s="14" t="s">
        <v>15</v>
      </c>
      <c r="G82021" s="16">
        <v>3.5469006170874633</v>
      </c>
    </row>
    <row r="82022" spans="1:7" x14ac:dyDescent="0.3">
      <c r="A82022" s="13" t="s">
        <v>415</v>
      </c>
      <c r="B82022" s="14" t="s">
        <v>1</v>
      </c>
      <c r="C82022" s="14" t="s">
        <v>23</v>
      </c>
      <c r="D82022" s="14" t="s">
        <v>400</v>
      </c>
      <c r="E82022" s="15">
        <v>45638</v>
      </c>
      <c r="F82022" s="14" t="s">
        <v>15</v>
      </c>
      <c r="G82022" s="16">
        <v>3.5606647160480391</v>
      </c>
    </row>
    <row r="82023" spans="1:7" x14ac:dyDescent="0.3">
      <c r="A82023" s="13" t="s">
        <v>415</v>
      </c>
      <c r="B82023" s="14" t="s">
        <v>1</v>
      </c>
      <c r="C82023" s="14" t="s">
        <v>23</v>
      </c>
      <c r="D82023" s="14" t="s">
        <v>400</v>
      </c>
      <c r="E82023" s="15">
        <v>45639</v>
      </c>
      <c r="F82023" s="14" t="s">
        <v>15</v>
      </c>
      <c r="G82023" s="16">
        <v>3.5744176767880989</v>
      </c>
    </row>
    <row r="82024" spans="1:7" x14ac:dyDescent="0.3">
      <c r="A82024" s="13" t="s">
        <v>415</v>
      </c>
      <c r="B82024" s="14" t="s">
        <v>1</v>
      </c>
      <c r="C82024" s="14" t="s">
        <v>23</v>
      </c>
      <c r="D82024" s="14" t="s">
        <v>400</v>
      </c>
      <c r="E82024" s="15">
        <v>45640</v>
      </c>
      <c r="F82024" s="14" t="s">
        <v>15</v>
      </c>
      <c r="G82024" s="16">
        <v>3.5744176767880989</v>
      </c>
    </row>
    <row r="82025" spans="1:7" x14ac:dyDescent="0.3">
      <c r="A82025" s="13" t="s">
        <v>415</v>
      </c>
      <c r="B82025" s="14" t="s">
        <v>1</v>
      </c>
      <c r="C82025" s="14" t="s">
        <v>23</v>
      </c>
      <c r="D82025" s="14" t="s">
        <v>400</v>
      </c>
      <c r="E82025" s="15">
        <v>45641</v>
      </c>
      <c r="F82025" s="14" t="s">
        <v>15</v>
      </c>
      <c r="G82025" s="16">
        <v>3.5744176767880989</v>
      </c>
    </row>
    <row r="82026" spans="1:7" x14ac:dyDescent="0.3">
      <c r="A82026" s="13" t="s">
        <v>415</v>
      </c>
      <c r="B82026" s="14" t="s">
        <v>1</v>
      </c>
      <c r="C82026" s="14" t="s">
        <v>23</v>
      </c>
      <c r="D82026" s="14" t="s">
        <v>400</v>
      </c>
      <c r="E82026" s="15">
        <v>45642</v>
      </c>
      <c r="F82026" s="14" t="s">
        <v>15</v>
      </c>
      <c r="G82026" s="16">
        <v>3.5882722257807931</v>
      </c>
    </row>
    <row r="82027" spans="1:7" x14ac:dyDescent="0.3">
      <c r="A82027" s="13" t="s">
        <v>415</v>
      </c>
      <c r="B82027" s="14" t="s">
        <v>1</v>
      </c>
      <c r="C82027" s="14" t="s">
        <v>23</v>
      </c>
      <c r="D82027" s="14" t="s">
        <v>400</v>
      </c>
      <c r="E82027" s="15">
        <v>45643</v>
      </c>
      <c r="F82027" s="14" t="s">
        <v>15</v>
      </c>
      <c r="G82027" s="16">
        <v>3.6292669694426962</v>
      </c>
    </row>
    <row r="82028" spans="1:7" x14ac:dyDescent="0.3">
      <c r="A82028" s="13" t="s">
        <v>415</v>
      </c>
      <c r="B82028" s="14" t="s">
        <v>1</v>
      </c>
      <c r="C82028" s="14" t="s">
        <v>23</v>
      </c>
      <c r="D82028" s="14" t="s">
        <v>400</v>
      </c>
      <c r="E82028" s="15">
        <v>45644</v>
      </c>
      <c r="F82028" s="14" t="s">
        <v>15</v>
      </c>
      <c r="G82028" s="16">
        <v>3.6433763532392565</v>
      </c>
    </row>
    <row r="82029" spans="1:7" x14ac:dyDescent="0.3">
      <c r="A82029" s="13" t="s">
        <v>415</v>
      </c>
      <c r="B82029" s="14" t="s">
        <v>1</v>
      </c>
      <c r="C82029" s="14" t="s">
        <v>23</v>
      </c>
      <c r="D82029" s="14" t="s">
        <v>400</v>
      </c>
      <c r="E82029" s="15">
        <v>45645</v>
      </c>
      <c r="F82029" s="14" t="s">
        <v>15</v>
      </c>
      <c r="G82029" s="16">
        <v>3.656514599429824</v>
      </c>
    </row>
    <row r="82030" spans="1:7" x14ac:dyDescent="0.3">
      <c r="A82030" s="13" t="s">
        <v>415</v>
      </c>
      <c r="B82030" s="14" t="s">
        <v>1</v>
      </c>
      <c r="C82030" s="14" t="s">
        <v>23</v>
      </c>
      <c r="D82030" s="14" t="s">
        <v>400</v>
      </c>
      <c r="E82030" s="15">
        <v>45646</v>
      </c>
      <c r="F82030" s="14" t="s">
        <v>15</v>
      </c>
      <c r="G82030" s="16">
        <v>3.6695986908240914</v>
      </c>
    </row>
    <row r="82031" spans="1:7" x14ac:dyDescent="0.3">
      <c r="A82031" s="13" t="s">
        <v>415</v>
      </c>
      <c r="B82031" s="14" t="s">
        <v>1</v>
      </c>
      <c r="C82031" s="14" t="s">
        <v>23</v>
      </c>
      <c r="D82031" s="14" t="s">
        <v>400</v>
      </c>
      <c r="E82031" s="15">
        <v>45647</v>
      </c>
      <c r="F82031" s="14" t="s">
        <v>15</v>
      </c>
      <c r="G82031" s="16">
        <v>3.6695986908240914</v>
      </c>
    </row>
    <row r="82032" spans="1:7" x14ac:dyDescent="0.3">
      <c r="A82032" s="13" t="s">
        <v>415</v>
      </c>
      <c r="B82032" s="14" t="s">
        <v>1</v>
      </c>
      <c r="C82032" s="14" t="s">
        <v>23</v>
      </c>
      <c r="D82032" s="14" t="s">
        <v>400</v>
      </c>
      <c r="E82032" s="15">
        <v>45648</v>
      </c>
      <c r="F82032" s="14" t="s">
        <v>15</v>
      </c>
      <c r="G82032" s="16">
        <v>3.6695986908240914</v>
      </c>
    </row>
    <row r="82033" spans="1:7" x14ac:dyDescent="0.3">
      <c r="A82033" s="13" t="s">
        <v>415</v>
      </c>
      <c r="B82033" s="14" t="s">
        <v>1</v>
      </c>
      <c r="C82033" s="14" t="s">
        <v>23</v>
      </c>
      <c r="D82033" s="14" t="s">
        <v>400</v>
      </c>
      <c r="E82033" s="15">
        <v>45649</v>
      </c>
      <c r="F82033" s="14" t="s">
        <v>15</v>
      </c>
      <c r="G82033" s="16">
        <v>3.6459466264983544</v>
      </c>
    </row>
    <row r="82034" spans="1:7" x14ac:dyDescent="0.3">
      <c r="A82034" s="13" t="s">
        <v>415</v>
      </c>
      <c r="B82034" s="14" t="s">
        <v>1</v>
      </c>
      <c r="C82034" s="14" t="s">
        <v>23</v>
      </c>
      <c r="D82034" s="14" t="s">
        <v>400</v>
      </c>
      <c r="E82034" s="15">
        <v>45650</v>
      </c>
      <c r="F82034" s="14" t="s">
        <v>15</v>
      </c>
      <c r="G82034" s="16">
        <v>3.6825362039463214</v>
      </c>
    </row>
    <row r="82035" spans="1:7" x14ac:dyDescent="0.3">
      <c r="A82035" s="13" t="s">
        <v>415</v>
      </c>
      <c r="B82035" s="14" t="s">
        <v>1</v>
      </c>
      <c r="C82035" s="14" t="s">
        <v>23</v>
      </c>
      <c r="D82035" s="14" t="s">
        <v>400</v>
      </c>
      <c r="E82035" s="15">
        <v>45651</v>
      </c>
      <c r="F82035" s="14" t="s">
        <v>15</v>
      </c>
      <c r="G82035" s="16">
        <v>3.6825362039463214</v>
      </c>
    </row>
    <row r="82036" spans="1:7" x14ac:dyDescent="0.3">
      <c r="A82036" s="13" t="s">
        <v>415</v>
      </c>
      <c r="B82036" s="14" t="s">
        <v>1</v>
      </c>
      <c r="C82036" s="14" t="s">
        <v>23</v>
      </c>
      <c r="D82036" s="14" t="s">
        <v>400</v>
      </c>
      <c r="E82036" s="15">
        <v>45652</v>
      </c>
      <c r="F82036" s="14" t="s">
        <v>15</v>
      </c>
      <c r="G82036" s="16">
        <v>3.6825362039463214</v>
      </c>
    </row>
    <row r="82037" spans="1:7" x14ac:dyDescent="0.3">
      <c r="A82037" s="13" t="s">
        <v>415</v>
      </c>
      <c r="B82037" s="14" t="s">
        <v>1</v>
      </c>
      <c r="C82037" s="14" t="s">
        <v>23</v>
      </c>
      <c r="D82037" s="14" t="s">
        <v>400</v>
      </c>
      <c r="E82037" s="15">
        <v>45653</v>
      </c>
      <c r="F82037" s="14" t="s">
        <v>15</v>
      </c>
      <c r="G82037" s="16">
        <v>3.6825362039463214</v>
      </c>
    </row>
    <row r="82038" spans="1:7" x14ac:dyDescent="0.3">
      <c r="A82038" s="13" t="s">
        <v>415</v>
      </c>
      <c r="B82038" s="14" t="s">
        <v>1</v>
      </c>
      <c r="C82038" s="14" t="s">
        <v>23</v>
      </c>
      <c r="D82038" s="14" t="s">
        <v>400</v>
      </c>
      <c r="E82038" s="15">
        <v>45654</v>
      </c>
      <c r="F82038" s="14" t="s">
        <v>15</v>
      </c>
      <c r="G82038" s="16">
        <v>3.6825362039463214</v>
      </c>
    </row>
    <row r="82039" spans="1:7" x14ac:dyDescent="0.3">
      <c r="A82039" s="13" t="s">
        <v>415</v>
      </c>
      <c r="B82039" s="14" t="s">
        <v>1</v>
      </c>
      <c r="C82039" s="14" t="s">
        <v>23</v>
      </c>
      <c r="D82039" s="14" t="s">
        <v>400</v>
      </c>
      <c r="E82039" s="15">
        <v>45655</v>
      </c>
      <c r="F82039" s="14" t="s">
        <v>15</v>
      </c>
      <c r="G82039" s="16">
        <v>3.6825362039463214</v>
      </c>
    </row>
    <row r="82040" spans="1:7" x14ac:dyDescent="0.3">
      <c r="A82040" s="13" t="s">
        <v>415</v>
      </c>
      <c r="B82040" s="14" t="s">
        <v>1</v>
      </c>
      <c r="C82040" s="14" t="s">
        <v>23</v>
      </c>
      <c r="D82040" s="14" t="s">
        <v>400</v>
      </c>
      <c r="E82040" s="15">
        <v>45656</v>
      </c>
      <c r="F82040" s="14" t="s">
        <v>15</v>
      </c>
      <c r="G82040" s="16">
        <v>3.6965632033187235</v>
      </c>
    </row>
    <row r="82041" spans="1:7" x14ac:dyDescent="0.3">
      <c r="A82041" s="13" t="s">
        <v>415</v>
      </c>
      <c r="B82041" s="14" t="s">
        <v>1</v>
      </c>
      <c r="C82041" s="14" t="s">
        <v>23</v>
      </c>
      <c r="D82041" s="14" t="s">
        <v>400</v>
      </c>
      <c r="E82041" s="15">
        <v>45657</v>
      </c>
      <c r="F82041" s="14" t="s">
        <v>15</v>
      </c>
      <c r="G82041" s="16">
        <v>3.784066354896829</v>
      </c>
    </row>
    <row r="82042" spans="1:7" x14ac:dyDescent="0.3">
      <c r="A82042" s="13" t="s">
        <v>415</v>
      </c>
      <c r="B82042" s="14" t="s">
        <v>1</v>
      </c>
      <c r="C82042" s="14" t="s">
        <v>23</v>
      </c>
      <c r="D82042" s="14" t="s">
        <v>400</v>
      </c>
      <c r="E82042" s="15">
        <v>45658</v>
      </c>
      <c r="F82042" s="14" t="s">
        <v>15</v>
      </c>
      <c r="G82042" s="16">
        <v>3.784066354896829</v>
      </c>
    </row>
    <row r="82043" spans="1:7" x14ac:dyDescent="0.3">
      <c r="A82043" s="13" t="s">
        <v>415</v>
      </c>
      <c r="B82043" s="14" t="s">
        <v>1</v>
      </c>
      <c r="C82043" s="14" t="s">
        <v>23</v>
      </c>
      <c r="D82043" s="14" t="s">
        <v>400</v>
      </c>
      <c r="E82043" s="15">
        <v>45659</v>
      </c>
      <c r="F82043" s="14" t="s">
        <v>15</v>
      </c>
      <c r="G82043" s="16">
        <v>3.7966916668288224</v>
      </c>
    </row>
    <row r="82044" spans="1:7" x14ac:dyDescent="0.3">
      <c r="A82044" s="13" t="s">
        <v>415</v>
      </c>
      <c r="B82044" s="14" t="s">
        <v>1</v>
      </c>
      <c r="C82044" s="14" t="s">
        <v>23</v>
      </c>
      <c r="D82044" s="14" t="s">
        <v>400</v>
      </c>
      <c r="E82044" s="15">
        <v>45660</v>
      </c>
      <c r="F82044" s="14" t="s">
        <v>15</v>
      </c>
      <c r="G82044" s="16">
        <v>3.815327392996998</v>
      </c>
    </row>
    <row r="82045" spans="1:7" x14ac:dyDescent="0.3">
      <c r="A82045" s="13" t="s">
        <v>415</v>
      </c>
      <c r="B82045" s="14" t="s">
        <v>1</v>
      </c>
      <c r="C82045" s="14" t="s">
        <v>23</v>
      </c>
      <c r="D82045" s="14" t="s">
        <v>400</v>
      </c>
      <c r="E82045" s="15">
        <v>45661</v>
      </c>
      <c r="F82045" s="14" t="s">
        <v>15</v>
      </c>
      <c r="G82045" s="16">
        <v>3.815327392996998</v>
      </c>
    </row>
    <row r="82046" spans="1:7" x14ac:dyDescent="0.3">
      <c r="A82046" s="13" t="s">
        <v>415</v>
      </c>
      <c r="B82046" s="14" t="s">
        <v>1</v>
      </c>
      <c r="C82046" s="14" t="s">
        <v>23</v>
      </c>
      <c r="D82046" s="14" t="s">
        <v>400</v>
      </c>
      <c r="E82046" s="15">
        <v>45662</v>
      </c>
      <c r="F82046" s="14" t="s">
        <v>15</v>
      </c>
      <c r="G82046" s="16">
        <v>3.815327392996998</v>
      </c>
    </row>
    <row r="82047" spans="1:7" x14ac:dyDescent="0.3">
      <c r="A82047" s="13" t="s">
        <v>415</v>
      </c>
      <c r="B82047" s="14" t="s">
        <v>1</v>
      </c>
      <c r="C82047" s="14" t="s">
        <v>23</v>
      </c>
      <c r="D82047" s="14" t="s">
        <v>400</v>
      </c>
      <c r="E82047" s="15">
        <v>45663</v>
      </c>
      <c r="F82047" s="14" t="s">
        <v>15</v>
      </c>
      <c r="G82047" s="16">
        <v>3.8292625980692883</v>
      </c>
    </row>
    <row r="82048" spans="1:7" x14ac:dyDescent="0.3">
      <c r="A82048" s="13" t="s">
        <v>415</v>
      </c>
      <c r="B82048" s="14" t="s">
        <v>1</v>
      </c>
      <c r="C82048" s="14" t="s">
        <v>23</v>
      </c>
      <c r="D82048" s="14" t="s">
        <v>400</v>
      </c>
      <c r="E82048" s="15">
        <v>45664</v>
      </c>
      <c r="F82048" s="14" t="s">
        <v>15</v>
      </c>
      <c r="G82048" s="16">
        <v>3.8722971223552887</v>
      </c>
    </row>
    <row r="82049" spans="1:7" x14ac:dyDescent="0.3">
      <c r="A82049" s="13" t="s">
        <v>415</v>
      </c>
      <c r="B82049" s="14" t="s">
        <v>1</v>
      </c>
      <c r="C82049" s="14" t="s">
        <v>23</v>
      </c>
      <c r="D82049" s="14" t="s">
        <v>400</v>
      </c>
      <c r="E82049" s="15">
        <v>45665</v>
      </c>
      <c r="F82049" s="14" t="s">
        <v>15</v>
      </c>
      <c r="G82049" s="16">
        <v>3.888004931631579</v>
      </c>
    </row>
    <row r="82050" spans="1:7" x14ac:dyDescent="0.3">
      <c r="A82050" s="13" t="s">
        <v>415</v>
      </c>
      <c r="B82050" s="14" t="s">
        <v>1</v>
      </c>
      <c r="C82050" s="14" t="s">
        <v>23</v>
      </c>
      <c r="D82050" s="14" t="s">
        <v>400</v>
      </c>
      <c r="E82050" s="15">
        <v>45666</v>
      </c>
      <c r="F82050" s="14" t="s">
        <v>15</v>
      </c>
      <c r="G82050" s="16">
        <v>3.888004931631579</v>
      </c>
    </row>
    <row r="82051" spans="1:7" x14ac:dyDescent="0.3">
      <c r="A82051" s="13" t="s">
        <v>415</v>
      </c>
      <c r="B82051" s="14" t="s">
        <v>1</v>
      </c>
      <c r="C82051" s="14" t="s">
        <v>23</v>
      </c>
      <c r="D82051" s="14" t="s">
        <v>400</v>
      </c>
      <c r="E82051" s="15">
        <v>45667</v>
      </c>
      <c r="F82051" s="14" t="s">
        <v>15</v>
      </c>
      <c r="G82051" s="16">
        <v>3.9074025581331568</v>
      </c>
    </row>
    <row r="82052" spans="1:7" x14ac:dyDescent="0.3">
      <c r="A82052" s="13" t="s">
        <v>415</v>
      </c>
      <c r="B82052" s="14" t="s">
        <v>1</v>
      </c>
      <c r="C82052" s="14" t="s">
        <v>23</v>
      </c>
      <c r="D82052" s="14" t="s">
        <v>400</v>
      </c>
      <c r="E82052" s="15">
        <v>45668</v>
      </c>
      <c r="F82052" s="14" t="s">
        <v>15</v>
      </c>
      <c r="G82052" s="16">
        <v>3.9074025581331568</v>
      </c>
    </row>
    <row r="82053" spans="1:7" x14ac:dyDescent="0.3">
      <c r="A82053" s="13" t="s">
        <v>415</v>
      </c>
      <c r="B82053" s="14" t="s">
        <v>1</v>
      </c>
      <c r="C82053" s="14" t="s">
        <v>23</v>
      </c>
      <c r="D82053" s="14" t="s">
        <v>400</v>
      </c>
      <c r="E82053" s="15">
        <v>45669</v>
      </c>
      <c r="F82053" s="14" t="s">
        <v>15</v>
      </c>
      <c r="G82053" s="16">
        <v>3.9074025581331568</v>
      </c>
    </row>
    <row r="82054" spans="1:7" x14ac:dyDescent="0.3">
      <c r="A82054" s="13" t="s">
        <v>415</v>
      </c>
      <c r="B82054" s="14" t="s">
        <v>1</v>
      </c>
      <c r="C82054" s="14" t="s">
        <v>23</v>
      </c>
      <c r="D82054" s="14" t="s">
        <v>400</v>
      </c>
      <c r="E82054" s="15">
        <v>45670</v>
      </c>
      <c r="F82054" s="14" t="s">
        <v>15</v>
      </c>
      <c r="G82054" s="16">
        <v>3.9376243336623955</v>
      </c>
    </row>
    <row r="82055" spans="1:7" x14ac:dyDescent="0.3">
      <c r="A82055" s="13" t="s">
        <v>415</v>
      </c>
      <c r="B82055" s="14" t="s">
        <v>1</v>
      </c>
      <c r="C82055" s="14" t="s">
        <v>23</v>
      </c>
      <c r="D82055" s="14" t="s">
        <v>400</v>
      </c>
      <c r="E82055" s="15">
        <v>45671</v>
      </c>
      <c r="F82055" s="14" t="s">
        <v>15</v>
      </c>
      <c r="G82055" s="16">
        <v>3.9748675823843209</v>
      </c>
    </row>
    <row r="82056" spans="1:7" x14ac:dyDescent="0.3">
      <c r="A82056" s="13" t="s">
        <v>415</v>
      </c>
      <c r="B82056" s="14" t="s">
        <v>1</v>
      </c>
      <c r="C82056" s="14" t="s">
        <v>23</v>
      </c>
      <c r="D82056" s="14" t="s">
        <v>400</v>
      </c>
      <c r="E82056" s="15">
        <v>45672</v>
      </c>
      <c r="F82056" s="14" t="s">
        <v>15</v>
      </c>
      <c r="G82056" s="16">
        <v>3.9890262036317679</v>
      </c>
    </row>
    <row r="82057" spans="1:7" x14ac:dyDescent="0.3">
      <c r="A82057" s="13" t="s">
        <v>415</v>
      </c>
      <c r="B82057" s="14" t="s">
        <v>1</v>
      </c>
      <c r="C82057" s="14" t="s">
        <v>23</v>
      </c>
      <c r="D82057" s="14" t="s">
        <v>400</v>
      </c>
      <c r="E82057" s="15">
        <v>45673</v>
      </c>
      <c r="F82057" s="14" t="s">
        <v>15</v>
      </c>
      <c r="G82057" s="16">
        <v>4.0031865701154468</v>
      </c>
    </row>
    <row r="82058" spans="1:7" x14ac:dyDescent="0.3">
      <c r="A82058" s="13" t="s">
        <v>415</v>
      </c>
      <c r="B82058" s="14" t="s">
        <v>1</v>
      </c>
      <c r="C82058" s="14" t="s">
        <v>23</v>
      </c>
      <c r="D82058" s="14" t="s">
        <v>400</v>
      </c>
      <c r="E82058" s="15">
        <v>45674</v>
      </c>
      <c r="F82058" s="14" t="s">
        <v>15</v>
      </c>
      <c r="G82058" s="16">
        <v>4.0089409093288406</v>
      </c>
    </row>
    <row r="82059" spans="1:7" x14ac:dyDescent="0.3">
      <c r="A82059" s="13" t="s">
        <v>415</v>
      </c>
      <c r="B82059" s="14" t="s">
        <v>1</v>
      </c>
      <c r="C82059" s="14" t="s">
        <v>23</v>
      </c>
      <c r="D82059" s="14" t="s">
        <v>400</v>
      </c>
      <c r="E82059" s="15">
        <v>45675</v>
      </c>
      <c r="F82059" s="14" t="s">
        <v>15</v>
      </c>
      <c r="G82059" s="16">
        <v>4.0089409093288406</v>
      </c>
    </row>
    <row r="82060" spans="1:7" x14ac:dyDescent="0.3">
      <c r="A82060" s="13" t="s">
        <v>415</v>
      </c>
      <c r="B82060" s="14" t="s">
        <v>1</v>
      </c>
      <c r="C82060" s="14" t="s">
        <v>23</v>
      </c>
      <c r="D82060" s="14" t="s">
        <v>400</v>
      </c>
      <c r="E82060" s="15">
        <v>45676</v>
      </c>
      <c r="F82060" s="14" t="s">
        <v>15</v>
      </c>
      <c r="G82060" s="16">
        <v>4.0089409093288406</v>
      </c>
    </row>
    <row r="82061" spans="1:7" x14ac:dyDescent="0.3">
      <c r="A82061" s="13" t="s">
        <v>415</v>
      </c>
      <c r="B82061" s="14" t="s">
        <v>1</v>
      </c>
      <c r="C82061" s="14" t="s">
        <v>23</v>
      </c>
      <c r="D82061" s="14" t="s">
        <v>400</v>
      </c>
      <c r="E82061" s="15">
        <v>45677</v>
      </c>
      <c r="F82061" s="14" t="s">
        <v>15</v>
      </c>
      <c r="G82061" s="16">
        <v>4.0089409093288406</v>
      </c>
    </row>
    <row r="82062" spans="1:7" x14ac:dyDescent="0.3">
      <c r="A82062" s="13" t="s">
        <v>415</v>
      </c>
      <c r="B82062" s="14" t="s">
        <v>1</v>
      </c>
      <c r="C82062" s="14" t="s">
        <v>23</v>
      </c>
      <c r="D82062" s="14" t="s">
        <v>400</v>
      </c>
      <c r="E82062" s="15">
        <v>45678</v>
      </c>
      <c r="F82062" s="14" t="s">
        <v>15</v>
      </c>
      <c r="G82062" s="16">
        <v>4.023971179116737</v>
      </c>
    </row>
    <row r="82063" spans="1:7" x14ac:dyDescent="0.3">
      <c r="A82063" s="13" t="s">
        <v>415</v>
      </c>
      <c r="B82063" s="14" t="s">
        <v>1</v>
      </c>
      <c r="C82063" s="14" t="s">
        <v>23</v>
      </c>
      <c r="D82063" s="14" t="s">
        <v>400</v>
      </c>
      <c r="E82063" s="15">
        <v>45679</v>
      </c>
      <c r="F82063" s="14" t="s">
        <v>15</v>
      </c>
      <c r="G82063" s="16">
        <v>4.0764076788162367</v>
      </c>
    </row>
    <row r="82064" spans="1:7" x14ac:dyDescent="0.3">
      <c r="A82064" s="13" t="s">
        <v>415</v>
      </c>
      <c r="B82064" s="14" t="s">
        <v>1</v>
      </c>
      <c r="C82064" s="14" t="s">
        <v>23</v>
      </c>
      <c r="D82064" s="14" t="s">
        <v>400</v>
      </c>
      <c r="E82064" s="15">
        <v>45680</v>
      </c>
      <c r="F82064" s="14" t="s">
        <v>15</v>
      </c>
      <c r="G82064" s="16">
        <v>4.0895542569641057</v>
      </c>
    </row>
    <row r="82065" spans="1:7" x14ac:dyDescent="0.3">
      <c r="A82065" s="13" t="s">
        <v>415</v>
      </c>
      <c r="B82065" s="14" t="s">
        <v>1</v>
      </c>
      <c r="C82065" s="14" t="s">
        <v>23</v>
      </c>
      <c r="D82065" s="14" t="s">
        <v>400</v>
      </c>
      <c r="E82065" s="15">
        <v>45681</v>
      </c>
      <c r="F82065" s="14" t="s">
        <v>15</v>
      </c>
      <c r="G82065" s="16">
        <v>4.1027460173388759</v>
      </c>
    </row>
    <row r="82066" spans="1:7" x14ac:dyDescent="0.3">
      <c r="A82066" s="13" t="s">
        <v>415</v>
      </c>
      <c r="B82066" s="14" t="s">
        <v>1</v>
      </c>
      <c r="C82066" s="14" t="s">
        <v>23</v>
      </c>
      <c r="D82066" s="14" t="s">
        <v>400</v>
      </c>
      <c r="E82066" s="15">
        <v>45682</v>
      </c>
      <c r="F82066" s="14" t="s">
        <v>15</v>
      </c>
      <c r="G82066" s="16">
        <v>4.1027460173388759</v>
      </c>
    </row>
    <row r="82067" spans="1:7" x14ac:dyDescent="0.3">
      <c r="A82067" s="13" t="s">
        <v>415</v>
      </c>
      <c r="B82067" s="14" t="s">
        <v>1</v>
      </c>
      <c r="C82067" s="14" t="s">
        <v>23</v>
      </c>
      <c r="D82067" s="14" t="s">
        <v>400</v>
      </c>
      <c r="E82067" s="15">
        <v>45683</v>
      </c>
      <c r="F82067" s="14" t="s">
        <v>15</v>
      </c>
      <c r="G82067" s="16">
        <v>4.1027460173388759</v>
      </c>
    </row>
    <row r="82068" spans="1:7" x14ac:dyDescent="0.3">
      <c r="A82068" s="13" t="s">
        <v>415</v>
      </c>
      <c r="B82068" s="14" t="s">
        <v>1</v>
      </c>
      <c r="C82068" s="14" t="s">
        <v>23</v>
      </c>
      <c r="D82068" s="14" t="s">
        <v>400</v>
      </c>
      <c r="E82068" s="15">
        <v>45684</v>
      </c>
      <c r="F82068" s="14" t="s">
        <v>15</v>
      </c>
      <c r="G82068" s="16">
        <v>4.1174792091370129</v>
      </c>
    </row>
    <row r="82069" spans="1:7" x14ac:dyDescent="0.3">
      <c r="A82069" s="13" t="s">
        <v>415</v>
      </c>
      <c r="B82069" s="14" t="s">
        <v>1</v>
      </c>
      <c r="C82069" s="14" t="s">
        <v>23</v>
      </c>
      <c r="D82069" s="14" t="s">
        <v>400</v>
      </c>
      <c r="E82069" s="15">
        <v>45685</v>
      </c>
      <c r="F82069" s="14" t="s">
        <v>15</v>
      </c>
      <c r="G82069" s="16">
        <v>4.1572580921892861</v>
      </c>
    </row>
    <row r="82070" spans="1:7" x14ac:dyDescent="0.3">
      <c r="A82070" s="13" t="s">
        <v>415</v>
      </c>
      <c r="B82070" s="14" t="s">
        <v>1</v>
      </c>
      <c r="C82070" s="14" t="s">
        <v>23</v>
      </c>
      <c r="D82070" s="14" t="s">
        <v>400</v>
      </c>
      <c r="E82070" s="15">
        <v>45686</v>
      </c>
      <c r="F82070" s="14" t="s">
        <v>15</v>
      </c>
      <c r="G82070" s="16">
        <v>4.1705532093320343</v>
      </c>
    </row>
    <row r="82071" spans="1:7" x14ac:dyDescent="0.3">
      <c r="A82071" s="13" t="s">
        <v>415</v>
      </c>
      <c r="B82071" s="14" t="s">
        <v>1</v>
      </c>
      <c r="C82071" s="14" t="s">
        <v>23</v>
      </c>
      <c r="D82071" s="14" t="s">
        <v>400</v>
      </c>
      <c r="E82071" s="15">
        <v>45687</v>
      </c>
      <c r="F82071" s="14" t="s">
        <v>15</v>
      </c>
      <c r="G82071" s="16">
        <v>4.1846924390657891</v>
      </c>
    </row>
    <row r="82072" spans="1:7" x14ac:dyDescent="0.3">
      <c r="A82072" s="13" t="s">
        <v>415</v>
      </c>
      <c r="B82072" s="14" t="s">
        <v>1</v>
      </c>
      <c r="C82072" s="14" t="s">
        <v>23</v>
      </c>
      <c r="D82072" s="14" t="s">
        <v>400</v>
      </c>
      <c r="E82072" s="15">
        <v>45688</v>
      </c>
      <c r="F82072" s="14" t="s">
        <v>15</v>
      </c>
      <c r="G82072" s="16">
        <v>4.1978758610896723</v>
      </c>
    </row>
    <row r="82073" spans="1:7" x14ac:dyDescent="0.3">
      <c r="A82073" s="13" t="s">
        <v>415</v>
      </c>
      <c r="B82073" s="14" t="s">
        <v>1</v>
      </c>
      <c r="C82073" s="14" t="s">
        <v>23</v>
      </c>
      <c r="D82073" s="14" t="s">
        <v>400</v>
      </c>
      <c r="E82073" s="15">
        <v>45689</v>
      </c>
      <c r="F82073" s="14" t="s">
        <v>15</v>
      </c>
      <c r="G82073" s="16">
        <v>4.1978758610896723</v>
      </c>
    </row>
    <row r="82074" spans="1:7" x14ac:dyDescent="0.3">
      <c r="A82074" s="13" t="s">
        <v>415</v>
      </c>
      <c r="B82074" s="14" t="s">
        <v>1</v>
      </c>
      <c r="C82074" s="14" t="s">
        <v>23</v>
      </c>
      <c r="D82074" s="14" t="s">
        <v>400</v>
      </c>
      <c r="E82074" s="15">
        <v>45690</v>
      </c>
      <c r="F82074" s="14" t="s">
        <v>15</v>
      </c>
      <c r="G82074" s="16">
        <v>4.1978758610896723</v>
      </c>
    </row>
    <row r="82075" spans="1:7" x14ac:dyDescent="0.3">
      <c r="A82075" s="13" t="s">
        <v>415</v>
      </c>
      <c r="B82075" s="14" t="s">
        <v>1</v>
      </c>
      <c r="C82075" s="14" t="s">
        <v>23</v>
      </c>
      <c r="D82075" s="14" t="s">
        <v>400</v>
      </c>
      <c r="E82075" s="15">
        <v>45691</v>
      </c>
      <c r="F82075" s="14" t="s">
        <v>15</v>
      </c>
      <c r="G82075" s="16">
        <v>4.1978758610896723</v>
      </c>
    </row>
    <row r="82076" spans="1:7" x14ac:dyDescent="0.3">
      <c r="A82076" s="13" t="s">
        <v>415</v>
      </c>
      <c r="B82076" s="14" t="s">
        <v>1</v>
      </c>
      <c r="C82076" s="14" t="s">
        <v>23</v>
      </c>
      <c r="D82076" s="14" t="s">
        <v>400</v>
      </c>
      <c r="E82076" s="15">
        <v>45692</v>
      </c>
      <c r="F82076" s="14" t="s">
        <v>15</v>
      </c>
      <c r="G82076" s="16">
        <v>4.2099838297642043</v>
      </c>
    </row>
    <row r="82077" spans="1:7" x14ac:dyDescent="0.3">
      <c r="A82077" s="13" t="s">
        <v>415</v>
      </c>
      <c r="B82077" s="14" t="s">
        <v>1</v>
      </c>
      <c r="C82077" s="14" t="s">
        <v>23</v>
      </c>
      <c r="D82077" s="14" t="s">
        <v>400</v>
      </c>
      <c r="E82077" s="15">
        <v>45693</v>
      </c>
      <c r="F82077" s="14" t="s">
        <v>15</v>
      </c>
      <c r="G82077" s="16">
        <v>4.2536982205202412</v>
      </c>
    </row>
    <row r="82078" spans="1:7" x14ac:dyDescent="0.3">
      <c r="A82078" s="13" t="s">
        <v>415</v>
      </c>
      <c r="B82078" s="14" t="s">
        <v>1</v>
      </c>
      <c r="C82078" s="14" t="s">
        <v>23</v>
      </c>
      <c r="D82078" s="14" t="s">
        <v>400</v>
      </c>
      <c r="E82078" s="15">
        <v>45694</v>
      </c>
      <c r="F82078" s="14" t="s">
        <v>15</v>
      </c>
      <c r="G82078" s="16">
        <v>4.2670701280572096</v>
      </c>
    </row>
    <row r="82079" spans="1:7" x14ac:dyDescent="0.3">
      <c r="A82079" s="13" t="s">
        <v>415</v>
      </c>
      <c r="B82079" s="14" t="s">
        <v>1</v>
      </c>
      <c r="C82079" s="14" t="s">
        <v>23</v>
      </c>
      <c r="D82079" s="14" t="s">
        <v>400</v>
      </c>
      <c r="E82079" s="15">
        <v>45695</v>
      </c>
      <c r="F82079" s="14" t="s">
        <v>15</v>
      </c>
      <c r="G82079" s="16">
        <v>4.2805153355159327</v>
      </c>
    </row>
    <row r="82080" spans="1:7" x14ac:dyDescent="0.3">
      <c r="A82080" s="13" t="s">
        <v>415</v>
      </c>
      <c r="B82080" s="14" t="s">
        <v>1</v>
      </c>
      <c r="C82080" s="14" t="s">
        <v>23</v>
      </c>
      <c r="D82080" s="14" t="s">
        <v>400</v>
      </c>
      <c r="E82080" s="15">
        <v>45696</v>
      </c>
      <c r="F82080" s="14" t="s">
        <v>15</v>
      </c>
      <c r="G82080" s="16">
        <v>4.2805153355159327</v>
      </c>
    </row>
    <row r="82081" spans="1:7" x14ac:dyDescent="0.3">
      <c r="A82081" s="13" t="s">
        <v>415</v>
      </c>
      <c r="B82081" s="14" t="s">
        <v>1</v>
      </c>
      <c r="C82081" s="14" t="s">
        <v>23</v>
      </c>
      <c r="D82081" s="14" t="s">
        <v>400</v>
      </c>
      <c r="E82081" s="15">
        <v>45697</v>
      </c>
      <c r="F82081" s="14" t="s">
        <v>15</v>
      </c>
      <c r="G82081" s="16">
        <v>4.2805153355159327</v>
      </c>
    </row>
    <row r="82082" spans="1:7" x14ac:dyDescent="0.3">
      <c r="A82082" s="13" t="s">
        <v>415</v>
      </c>
      <c r="B82082" s="14" t="s">
        <v>1</v>
      </c>
      <c r="C82082" s="14" t="s">
        <v>23</v>
      </c>
      <c r="D82082" s="14" t="s">
        <v>400</v>
      </c>
      <c r="E82082" s="15">
        <v>45698</v>
      </c>
      <c r="F82082" s="14" t="s">
        <v>15</v>
      </c>
      <c r="G82082" s="16">
        <v>4.3022779510273699</v>
      </c>
    </row>
    <row r="82083" spans="1:7" x14ac:dyDescent="0.3">
      <c r="A82083" s="13" t="s">
        <v>415</v>
      </c>
      <c r="B82083" s="14" t="s">
        <v>1</v>
      </c>
      <c r="C82083" s="14" t="s">
        <v>23</v>
      </c>
      <c r="D82083" s="14" t="s">
        <v>400</v>
      </c>
      <c r="E82083" s="15">
        <v>45699</v>
      </c>
      <c r="F82083" s="14" t="s">
        <v>15</v>
      </c>
      <c r="G82083" s="16">
        <v>4.3423292848470139</v>
      </c>
    </row>
    <row r="82084" spans="1:7" x14ac:dyDescent="0.3">
      <c r="A82084" s="13" t="s">
        <v>415</v>
      </c>
      <c r="B82084" s="14" t="s">
        <v>1</v>
      </c>
      <c r="C82084" s="14" t="s">
        <v>23</v>
      </c>
      <c r="D82084" s="14" t="s">
        <v>400</v>
      </c>
      <c r="E82084" s="15">
        <v>45700</v>
      </c>
      <c r="F82084" s="14" t="s">
        <v>15</v>
      </c>
      <c r="G82084" s="16">
        <v>4.3556286681227743</v>
      </c>
    </row>
    <row r="82085" spans="1:7" x14ac:dyDescent="0.3">
      <c r="A82085" s="13" t="s">
        <v>415</v>
      </c>
      <c r="B82085" s="14" t="s">
        <v>1</v>
      </c>
      <c r="C82085" s="14" t="s">
        <v>23</v>
      </c>
      <c r="D82085" s="14" t="s">
        <v>400</v>
      </c>
      <c r="E82085" s="15">
        <v>45701</v>
      </c>
      <c r="F82085" s="14" t="s">
        <v>15</v>
      </c>
      <c r="G82085" s="16">
        <v>4.3704615323012872</v>
      </c>
    </row>
    <row r="82086" spans="1:7" x14ac:dyDescent="0.3">
      <c r="A82086" s="13" t="s">
        <v>415</v>
      </c>
      <c r="B82086" s="14" t="s">
        <v>1</v>
      </c>
      <c r="C82086" s="14" t="s">
        <v>23</v>
      </c>
      <c r="D82086" s="14" t="s">
        <v>400</v>
      </c>
      <c r="E82086" s="15">
        <v>45702</v>
      </c>
      <c r="F82086" s="14" t="s">
        <v>15</v>
      </c>
      <c r="G82086" s="16">
        <v>4.3836253688963422</v>
      </c>
    </row>
    <row r="82087" spans="1:7" x14ac:dyDescent="0.3">
      <c r="A82087" s="13" t="s">
        <v>415</v>
      </c>
      <c r="B82087" s="14" t="s">
        <v>1</v>
      </c>
      <c r="C82087" s="14" t="s">
        <v>23</v>
      </c>
      <c r="D82087" s="14" t="s">
        <v>400</v>
      </c>
      <c r="E82087" s="15">
        <v>45703</v>
      </c>
      <c r="F82087" s="14" t="s">
        <v>15</v>
      </c>
      <c r="G82087" s="16">
        <v>4.3836253688963422</v>
      </c>
    </row>
    <row r="82088" spans="1:7" x14ac:dyDescent="0.3">
      <c r="A82088" s="13" t="s">
        <v>415</v>
      </c>
      <c r="B82088" s="14" t="s">
        <v>1</v>
      </c>
      <c r="C82088" s="14" t="s">
        <v>23</v>
      </c>
      <c r="D82088" s="14" t="s">
        <v>400</v>
      </c>
      <c r="E82088" s="15">
        <v>45704</v>
      </c>
      <c r="F82088" s="14" t="s">
        <v>15</v>
      </c>
      <c r="G82088" s="16">
        <v>4.3836253688963422</v>
      </c>
    </row>
    <row r="82089" spans="1:7" x14ac:dyDescent="0.3">
      <c r="A82089" s="13" t="s">
        <v>415</v>
      </c>
      <c r="B82089" s="14" t="s">
        <v>1</v>
      </c>
      <c r="C82089" s="14" t="s">
        <v>23</v>
      </c>
      <c r="D82089" s="14" t="s">
        <v>400</v>
      </c>
      <c r="E82089" s="15">
        <v>45705</v>
      </c>
      <c r="F82089" s="14" t="s">
        <v>15</v>
      </c>
      <c r="G82089" s="16">
        <v>4.3836253688963422</v>
      </c>
    </row>
    <row r="82090" spans="1:7" x14ac:dyDescent="0.3">
      <c r="A82090" s="13" t="s">
        <v>415</v>
      </c>
      <c r="B82090" s="14" t="s">
        <v>1</v>
      </c>
      <c r="C82090" s="14" t="s">
        <v>23</v>
      </c>
      <c r="D82090" s="14" t="s">
        <v>400</v>
      </c>
      <c r="E82090" s="15">
        <v>45706</v>
      </c>
      <c r="F82090" s="14" t="s">
        <v>15</v>
      </c>
      <c r="G82090" s="16">
        <v>4.3969672195870881</v>
      </c>
    </row>
    <row r="82091" spans="1:7" x14ac:dyDescent="0.3">
      <c r="A82091" s="13" t="s">
        <v>415</v>
      </c>
      <c r="B82091" s="14" t="s">
        <v>1</v>
      </c>
      <c r="C82091" s="14" t="s">
        <v>23</v>
      </c>
      <c r="D82091" s="14" t="s">
        <v>400</v>
      </c>
      <c r="E82091" s="15">
        <v>45707</v>
      </c>
      <c r="F82091" s="14" t="s">
        <v>15</v>
      </c>
      <c r="G82091" s="16">
        <v>4.449951917378657</v>
      </c>
    </row>
    <row r="82092" spans="1:7" x14ac:dyDescent="0.3">
      <c r="A82092" s="13" t="s">
        <v>415</v>
      </c>
      <c r="B82092" s="14" t="s">
        <v>1</v>
      </c>
      <c r="C82092" s="14" t="s">
        <v>23</v>
      </c>
      <c r="D82092" s="14" t="s">
        <v>400</v>
      </c>
      <c r="E82092" s="15">
        <v>45708</v>
      </c>
      <c r="F82092" s="14" t="s">
        <v>15</v>
      </c>
      <c r="G82092" s="16">
        <v>4.4631995253128602</v>
      </c>
    </row>
    <row r="82093" spans="1:7" x14ac:dyDescent="0.3">
      <c r="A82093" s="13" t="s">
        <v>415</v>
      </c>
      <c r="B82093" s="14" t="s">
        <v>1</v>
      </c>
      <c r="C82093" s="14" t="s">
        <v>23</v>
      </c>
      <c r="D82093" s="14" t="s">
        <v>400</v>
      </c>
      <c r="E82093" s="15">
        <v>45709</v>
      </c>
      <c r="F82093" s="14" t="s">
        <v>15</v>
      </c>
      <c r="G82093" s="16">
        <v>4.4705001438280423</v>
      </c>
    </row>
    <row r="82094" spans="1:7" x14ac:dyDescent="0.3">
      <c r="A82094" s="13" t="s">
        <v>415</v>
      </c>
      <c r="B82094" s="14" t="s">
        <v>1</v>
      </c>
      <c r="C82094" s="14" t="s">
        <v>23</v>
      </c>
      <c r="D82094" s="14" t="s">
        <v>400</v>
      </c>
      <c r="E82094" s="15">
        <v>45710</v>
      </c>
      <c r="F82094" s="14" t="s">
        <v>15</v>
      </c>
      <c r="G82094" s="16">
        <v>4.4705001438280423</v>
      </c>
    </row>
    <row r="82095" spans="1:7" x14ac:dyDescent="0.3">
      <c r="A82095" s="13" t="s">
        <v>415</v>
      </c>
      <c r="B82095" s="14" t="s">
        <v>1</v>
      </c>
      <c r="C82095" s="14" t="s">
        <v>23</v>
      </c>
      <c r="D82095" s="14" t="s">
        <v>400</v>
      </c>
      <c r="E82095" s="15">
        <v>45711</v>
      </c>
      <c r="F82095" s="14" t="s">
        <v>15</v>
      </c>
      <c r="G82095" s="16">
        <v>4.4705001438280423</v>
      </c>
    </row>
    <row r="82096" spans="1:7" x14ac:dyDescent="0.3">
      <c r="A82096" s="13" t="s">
        <v>415</v>
      </c>
      <c r="B82096" s="14" t="s">
        <v>1</v>
      </c>
      <c r="C82096" s="14" t="s">
        <v>23</v>
      </c>
      <c r="D82096" s="14" t="s">
        <v>400</v>
      </c>
      <c r="E82096" s="15">
        <v>45712</v>
      </c>
      <c r="F82096" s="14" t="s">
        <v>15</v>
      </c>
      <c r="G82096" s="16">
        <v>4.4807922911604692</v>
      </c>
    </row>
    <row r="82097" spans="1:7" x14ac:dyDescent="0.3">
      <c r="A82097" s="13" t="s">
        <v>415</v>
      </c>
      <c r="B82097" s="14" t="s">
        <v>1</v>
      </c>
      <c r="C82097" s="14" t="s">
        <v>23</v>
      </c>
      <c r="D82097" s="14" t="s">
        <v>400</v>
      </c>
      <c r="E82097" s="15">
        <v>45713</v>
      </c>
      <c r="F82097" s="14" t="s">
        <v>15</v>
      </c>
      <c r="G82097" s="16">
        <v>4.5205870752539701</v>
      </c>
    </row>
    <row r="82098" spans="1:7" x14ac:dyDescent="0.3">
      <c r="A82098" s="13" t="s">
        <v>415</v>
      </c>
      <c r="B82098" s="14" t="s">
        <v>1</v>
      </c>
      <c r="C82098" s="14" t="s">
        <v>23</v>
      </c>
      <c r="D82098" s="14" t="s">
        <v>400</v>
      </c>
      <c r="E82098" s="15">
        <v>45714</v>
      </c>
      <c r="F82098" s="14" t="s">
        <v>15</v>
      </c>
      <c r="G82098" s="16">
        <v>4.5314464243618833</v>
      </c>
    </row>
    <row r="82099" spans="1:7" x14ac:dyDescent="0.3">
      <c r="A82099" s="13" t="s">
        <v>415</v>
      </c>
      <c r="B82099" s="14" t="s">
        <v>1</v>
      </c>
      <c r="C82099" s="14" t="s">
        <v>23</v>
      </c>
      <c r="D82099" s="14" t="s">
        <v>400</v>
      </c>
      <c r="E82099" s="15">
        <v>45715</v>
      </c>
      <c r="F82099" s="14" t="s">
        <v>15</v>
      </c>
      <c r="G82099" s="16">
        <v>4.545016326965567</v>
      </c>
    </row>
    <row r="82100" spans="1:7" x14ac:dyDescent="0.3">
      <c r="A82100" s="13" t="s">
        <v>415</v>
      </c>
      <c r="B82100" s="14" t="s">
        <v>1</v>
      </c>
      <c r="C82100" s="14" t="s">
        <v>23</v>
      </c>
      <c r="D82100" s="14" t="s">
        <v>400</v>
      </c>
      <c r="E82100" s="15">
        <v>45716</v>
      </c>
      <c r="F82100" s="14" t="s">
        <v>15</v>
      </c>
      <c r="G82100" s="16">
        <v>4.5583492466430044</v>
      </c>
    </row>
    <row r="82101" spans="1:7" x14ac:dyDescent="0.3">
      <c r="A82101" s="13" t="s">
        <v>415</v>
      </c>
      <c r="B82101" s="14" t="s">
        <v>1</v>
      </c>
      <c r="C82101" s="14" t="s">
        <v>23</v>
      </c>
      <c r="D82101" s="14" t="s">
        <v>400</v>
      </c>
      <c r="E82101" s="15">
        <v>45717</v>
      </c>
      <c r="F82101" s="14" t="s">
        <v>15</v>
      </c>
      <c r="G82101" s="16">
        <v>4.5583492466430044</v>
      </c>
    </row>
    <row r="82102" spans="1:7" x14ac:dyDescent="0.3">
      <c r="A82102" s="13" t="s">
        <v>415</v>
      </c>
      <c r="B82102" s="14" t="s">
        <v>1</v>
      </c>
      <c r="C82102" s="14" t="s">
        <v>23</v>
      </c>
      <c r="D82102" s="14" t="s">
        <v>400</v>
      </c>
      <c r="E82102" s="15">
        <v>45718</v>
      </c>
      <c r="F82102" s="14" t="s">
        <v>15</v>
      </c>
      <c r="G82102" s="16">
        <v>4.5583492466430044</v>
      </c>
    </row>
    <row r="82103" spans="1:7" x14ac:dyDescent="0.3">
      <c r="A82103" s="13" t="s">
        <v>415</v>
      </c>
      <c r="B82103" s="14" t="s">
        <v>1</v>
      </c>
      <c r="C82103" s="14" t="s">
        <v>23</v>
      </c>
      <c r="D82103" s="14" t="s">
        <v>400</v>
      </c>
      <c r="E82103" s="15">
        <v>45719</v>
      </c>
      <c r="F82103" s="14" t="s">
        <v>15</v>
      </c>
      <c r="G82103" s="16">
        <v>4.5921178016273609</v>
      </c>
    </row>
    <row r="82104" spans="1:7" x14ac:dyDescent="0.3">
      <c r="A82104" s="13" t="s">
        <v>415</v>
      </c>
      <c r="B82104" s="14" t="s">
        <v>1</v>
      </c>
      <c r="C82104" s="14" t="s">
        <v>23</v>
      </c>
      <c r="D82104" s="14" t="s">
        <v>400</v>
      </c>
      <c r="E82104" s="15">
        <v>45720</v>
      </c>
      <c r="F82104" s="14" t="s">
        <v>15</v>
      </c>
      <c r="G82104" s="16">
        <v>4.6320486573380251</v>
      </c>
    </row>
    <row r="82105" spans="1:7" x14ac:dyDescent="0.3">
      <c r="A82105" s="13" t="s">
        <v>415</v>
      </c>
      <c r="B82105" s="14" t="s">
        <v>1</v>
      </c>
      <c r="C82105" s="14" t="s">
        <v>23</v>
      </c>
      <c r="D82105" s="14" t="s">
        <v>400</v>
      </c>
      <c r="E82105" s="15">
        <v>45721</v>
      </c>
      <c r="F82105" s="14" t="s">
        <v>15</v>
      </c>
      <c r="G82105" s="16">
        <v>4.6456706850158245</v>
      </c>
    </row>
    <row r="82106" spans="1:7" x14ac:dyDescent="0.3">
      <c r="A82106" s="13" t="s">
        <v>415</v>
      </c>
      <c r="B82106" s="14" t="s">
        <v>1</v>
      </c>
      <c r="C82106" s="14" t="s">
        <v>23</v>
      </c>
      <c r="D82106" s="14" t="s">
        <v>400</v>
      </c>
      <c r="E82106" s="15">
        <v>45722</v>
      </c>
      <c r="F82106" s="14" t="s">
        <v>15</v>
      </c>
      <c r="G82106" s="16">
        <v>4.6596642900076741</v>
      </c>
    </row>
    <row r="82107" spans="1:7" x14ac:dyDescent="0.3">
      <c r="A82107" s="13" t="s">
        <v>415</v>
      </c>
      <c r="B82107" s="14" t="s">
        <v>1</v>
      </c>
      <c r="C82107" s="14" t="s">
        <v>23</v>
      </c>
      <c r="D82107" s="14" t="s">
        <v>400</v>
      </c>
      <c r="E82107" s="15">
        <v>45723</v>
      </c>
      <c r="F82107" s="14" t="s">
        <v>15</v>
      </c>
      <c r="G82107" s="16">
        <v>4.6730703974873071</v>
      </c>
    </row>
    <row r="82108" spans="1:7" x14ac:dyDescent="0.3">
      <c r="A82108" s="13" t="s">
        <v>415</v>
      </c>
      <c r="B82108" s="14" t="s">
        <v>1</v>
      </c>
      <c r="C82108" s="14" t="s">
        <v>23</v>
      </c>
      <c r="D82108" s="14" t="s">
        <v>400</v>
      </c>
      <c r="E82108" s="15">
        <v>45724</v>
      </c>
      <c r="F82108" s="14" t="s">
        <v>15</v>
      </c>
      <c r="G82108" s="16">
        <v>4.6730703974873071</v>
      </c>
    </row>
    <row r="82109" spans="1:7" x14ac:dyDescent="0.3">
      <c r="A82109" s="13" t="s">
        <v>415</v>
      </c>
      <c r="B82109" s="14" t="s">
        <v>1</v>
      </c>
      <c r="C82109" s="14" t="s">
        <v>23</v>
      </c>
      <c r="D82109" s="14" t="s">
        <v>400</v>
      </c>
      <c r="E82109" s="15">
        <v>45725</v>
      </c>
      <c r="F82109" s="14" t="s">
        <v>15</v>
      </c>
      <c r="G82109" s="16">
        <v>4.6730703974873071</v>
      </c>
    </row>
    <row r="82110" spans="1:7" x14ac:dyDescent="0.3">
      <c r="A82110" s="13" t="s">
        <v>415</v>
      </c>
      <c r="B82110" s="14" t="s">
        <v>1</v>
      </c>
      <c r="C82110" s="14" t="s">
        <v>23</v>
      </c>
      <c r="D82110" s="14" t="s">
        <v>400</v>
      </c>
      <c r="E82110" s="15">
        <v>45726</v>
      </c>
      <c r="F82110" s="14" t="s">
        <v>15</v>
      </c>
      <c r="G82110" s="16">
        <v>4.6946223624380519</v>
      </c>
    </row>
    <row r="82111" spans="1:7" x14ac:dyDescent="0.3">
      <c r="A82111" s="13" t="s">
        <v>415</v>
      </c>
      <c r="B82111" s="14" t="s">
        <v>1</v>
      </c>
      <c r="C82111" s="14" t="s">
        <v>23</v>
      </c>
      <c r="D82111" s="14" t="s">
        <v>400</v>
      </c>
      <c r="E82111" s="15">
        <v>45727</v>
      </c>
      <c r="F82111" s="14" t="s">
        <v>15</v>
      </c>
      <c r="G82111" s="16">
        <v>4.7344585608933754</v>
      </c>
    </row>
    <row r="82112" spans="1:7" x14ac:dyDescent="0.3">
      <c r="A82112" s="13" t="s">
        <v>415</v>
      </c>
      <c r="B82112" s="14" t="s">
        <v>1</v>
      </c>
      <c r="C82112" s="14" t="s">
        <v>23</v>
      </c>
      <c r="D82112" s="14" t="s">
        <v>400</v>
      </c>
      <c r="E82112" s="15">
        <v>45728</v>
      </c>
      <c r="F82112" s="14" t="s">
        <v>15</v>
      </c>
      <c r="G82112" s="16">
        <v>4.7491323821445777</v>
      </c>
    </row>
    <row r="82113" spans="1:7" x14ac:dyDescent="0.3">
      <c r="A82113" s="13" t="s">
        <v>415</v>
      </c>
      <c r="B82113" s="14" t="s">
        <v>1</v>
      </c>
      <c r="C82113" s="14" t="s">
        <v>23</v>
      </c>
      <c r="D82113" s="14" t="s">
        <v>400</v>
      </c>
      <c r="E82113" s="15">
        <v>45729</v>
      </c>
      <c r="F82113" s="14" t="s">
        <v>15</v>
      </c>
      <c r="G82113" s="16">
        <v>4.7606132095333749</v>
      </c>
    </row>
    <row r="82114" spans="1:7" x14ac:dyDescent="0.3">
      <c r="A82114" s="13" t="s">
        <v>415</v>
      </c>
      <c r="B82114" s="14" t="s">
        <v>1</v>
      </c>
      <c r="C82114" s="14" t="s">
        <v>23</v>
      </c>
      <c r="D82114" s="14" t="s">
        <v>400</v>
      </c>
      <c r="E82114" s="15">
        <v>45730</v>
      </c>
      <c r="F82114" s="14" t="s">
        <v>15</v>
      </c>
      <c r="G82114" s="16">
        <v>4.67612176955015</v>
      </c>
    </row>
    <row r="82115" spans="1:7" x14ac:dyDescent="0.3">
      <c r="A82115" s="13" t="s">
        <v>415</v>
      </c>
      <c r="B82115" s="14" t="s">
        <v>1</v>
      </c>
      <c r="C82115" s="14" t="s">
        <v>23</v>
      </c>
      <c r="D82115" s="14" t="s">
        <v>400</v>
      </c>
      <c r="E82115" s="15">
        <v>45731</v>
      </c>
      <c r="F82115" s="14" t="s">
        <v>15</v>
      </c>
      <c r="G82115" s="16">
        <v>4.67612176955015</v>
      </c>
    </row>
    <row r="82116" spans="1:7" x14ac:dyDescent="0.3">
      <c r="A82116" s="13" t="s">
        <v>415</v>
      </c>
      <c r="B82116" s="14" t="s">
        <v>1</v>
      </c>
      <c r="C82116" s="14" t="s">
        <v>23</v>
      </c>
      <c r="D82116" s="14" t="s">
        <v>400</v>
      </c>
      <c r="E82116" s="15">
        <v>45732</v>
      </c>
      <c r="F82116" s="14" t="s">
        <v>15</v>
      </c>
      <c r="G82116" s="16">
        <v>4.67612176955015</v>
      </c>
    </row>
    <row r="82117" spans="1:7" x14ac:dyDescent="0.3">
      <c r="A82117" s="13" t="s">
        <v>415</v>
      </c>
      <c r="B82117" s="14" t="s">
        <v>1</v>
      </c>
      <c r="C82117" s="14" t="s">
        <v>23</v>
      </c>
      <c r="D82117" s="14" t="s">
        <v>400</v>
      </c>
      <c r="E82117" s="15">
        <v>45733</v>
      </c>
      <c r="F82117" s="14" t="s">
        <v>15</v>
      </c>
      <c r="G82117" s="16">
        <v>4.67612176955015</v>
      </c>
    </row>
    <row r="82118" spans="1:7" x14ac:dyDescent="0.3">
      <c r="A82118" s="13" t="s">
        <v>415</v>
      </c>
      <c r="B82118" s="14" t="s">
        <v>1</v>
      </c>
      <c r="C82118" s="14" t="s">
        <v>23</v>
      </c>
      <c r="D82118" s="14" t="s">
        <v>400</v>
      </c>
      <c r="E82118" s="15">
        <v>45734</v>
      </c>
      <c r="F82118" s="14" t="s">
        <v>15</v>
      </c>
      <c r="G82118" s="16">
        <v>4.6876718729399061</v>
      </c>
    </row>
    <row r="82119" spans="1:7" x14ac:dyDescent="0.3">
      <c r="A82119" s="13" t="s">
        <v>415</v>
      </c>
      <c r="B82119" s="14" t="s">
        <v>1</v>
      </c>
      <c r="C82119" s="14" t="s">
        <v>23</v>
      </c>
      <c r="D82119" s="14" t="s">
        <v>400</v>
      </c>
      <c r="E82119" s="15">
        <v>45735</v>
      </c>
      <c r="F82119" s="14" t="s">
        <v>15</v>
      </c>
      <c r="G82119" s="16">
        <v>4.7341935759477183</v>
      </c>
    </row>
    <row r="82120" spans="1:7" x14ac:dyDescent="0.3">
      <c r="A82120" s="13" t="s">
        <v>415</v>
      </c>
      <c r="B82120" s="14" t="s">
        <v>1</v>
      </c>
      <c r="C82120" s="14" t="s">
        <v>23</v>
      </c>
      <c r="D82120" s="14" t="s">
        <v>400</v>
      </c>
      <c r="E82120" s="15">
        <v>45736</v>
      </c>
      <c r="F82120" s="14" t="s">
        <v>15</v>
      </c>
      <c r="G82120" s="16">
        <v>4.7476817402947988</v>
      </c>
    </row>
    <row r="82121" spans="1:7" x14ac:dyDescent="0.3">
      <c r="A82121" s="13" t="s">
        <v>415</v>
      </c>
      <c r="B82121" s="14" t="s">
        <v>1</v>
      </c>
      <c r="C82121" s="14" t="s">
        <v>23</v>
      </c>
      <c r="D82121" s="14" t="s">
        <v>400</v>
      </c>
      <c r="E82121" s="15">
        <v>45737</v>
      </c>
      <c r="F82121" s="14" t="s">
        <v>15</v>
      </c>
      <c r="G82121" s="16">
        <v>4.760203745227428</v>
      </c>
    </row>
    <row r="82122" spans="1:7" x14ac:dyDescent="0.3">
      <c r="A82122" s="13" t="s">
        <v>415</v>
      </c>
      <c r="B82122" s="14" t="s">
        <v>1</v>
      </c>
      <c r="C82122" s="14" t="s">
        <v>23</v>
      </c>
      <c r="D82122" s="14" t="s">
        <v>400</v>
      </c>
      <c r="E82122" s="15">
        <v>45738</v>
      </c>
      <c r="F82122" s="14" t="s">
        <v>15</v>
      </c>
      <c r="G82122" s="16">
        <v>4.760203745227428</v>
      </c>
    </row>
    <row r="82123" spans="1:7" x14ac:dyDescent="0.3">
      <c r="A82123" s="13" t="s">
        <v>415</v>
      </c>
      <c r="B82123" s="14" t="s">
        <v>1</v>
      </c>
      <c r="C82123" s="14" t="s">
        <v>23</v>
      </c>
      <c r="D82123" s="14" t="s">
        <v>400</v>
      </c>
      <c r="E82123" s="15">
        <v>45739</v>
      </c>
      <c r="F82123" s="14" t="s">
        <v>15</v>
      </c>
      <c r="G82123" s="16">
        <v>4.760203745227428</v>
      </c>
    </row>
    <row r="82124" spans="1:7" x14ac:dyDescent="0.3">
      <c r="A82124" s="13" t="s">
        <v>415</v>
      </c>
      <c r="B82124" s="14" t="s">
        <v>1</v>
      </c>
      <c r="C82124" s="14" t="s">
        <v>23</v>
      </c>
      <c r="D82124" s="14" t="s">
        <v>400</v>
      </c>
      <c r="E82124" s="15">
        <v>45740</v>
      </c>
      <c r="F82124" s="14" t="s">
        <v>15</v>
      </c>
      <c r="G82124" s="16">
        <v>4.7737424773506092</v>
      </c>
    </row>
    <row r="82125" spans="1:7" x14ac:dyDescent="0.3">
      <c r="A82125" s="13" t="s">
        <v>415</v>
      </c>
      <c r="B82125" s="14" t="s">
        <v>1</v>
      </c>
      <c r="C82125" s="14" t="s">
        <v>23</v>
      </c>
      <c r="D82125" s="14" t="s">
        <v>400</v>
      </c>
      <c r="E82125" s="15">
        <v>45741</v>
      </c>
      <c r="F82125" s="14" t="s">
        <v>15</v>
      </c>
      <c r="G82125" s="16">
        <v>4.8144601851336501</v>
      </c>
    </row>
    <row r="82126" spans="1:7" x14ac:dyDescent="0.3">
      <c r="A82126" s="13" t="s">
        <v>415</v>
      </c>
      <c r="B82126" s="14" t="s">
        <v>1</v>
      </c>
      <c r="C82126" s="14" t="s">
        <v>23</v>
      </c>
      <c r="D82126" s="14" t="s">
        <v>400</v>
      </c>
      <c r="E82126" s="15">
        <v>45742</v>
      </c>
      <c r="F82126" s="14" t="s">
        <v>15</v>
      </c>
      <c r="G82126" s="16">
        <v>4.8279716884543156</v>
      </c>
    </row>
    <row r="82127" spans="1:7" x14ac:dyDescent="0.3">
      <c r="A82127" s="13" t="s">
        <v>415</v>
      </c>
      <c r="B82127" s="14" t="s">
        <v>1</v>
      </c>
      <c r="C82127" s="14" t="s">
        <v>23</v>
      </c>
      <c r="D82127" s="14" t="s">
        <v>400</v>
      </c>
      <c r="E82127" s="15">
        <v>45743</v>
      </c>
      <c r="F82127" s="14" t="s">
        <v>15</v>
      </c>
      <c r="G82127" s="16">
        <v>4.8416858333392856</v>
      </c>
    </row>
    <row r="82128" spans="1:7" x14ac:dyDescent="0.3">
      <c r="A82128" s="13" t="s">
        <v>415</v>
      </c>
      <c r="B82128" s="14" t="s">
        <v>1</v>
      </c>
      <c r="C82128" s="14" t="s">
        <v>23</v>
      </c>
      <c r="D82128" s="14" t="s">
        <v>400</v>
      </c>
      <c r="E82128" s="15">
        <v>45744</v>
      </c>
      <c r="F82128" s="14" t="s">
        <v>15</v>
      </c>
      <c r="G82128" s="16">
        <v>4.8551719601569259</v>
      </c>
    </row>
    <row r="82129" spans="1:7" x14ac:dyDescent="0.3">
      <c r="A82129" s="13" t="s">
        <v>415</v>
      </c>
      <c r="B82129" s="14" t="s">
        <v>1</v>
      </c>
      <c r="C82129" s="14" t="s">
        <v>23</v>
      </c>
      <c r="D82129" s="14" t="s">
        <v>400</v>
      </c>
      <c r="E82129" s="15">
        <v>45745</v>
      </c>
      <c r="F82129" s="14" t="s">
        <v>15</v>
      </c>
      <c r="G82129" s="16">
        <v>4.8551719601569259</v>
      </c>
    </row>
    <row r="82130" spans="1:7" x14ac:dyDescent="0.3">
      <c r="A82130" s="13" t="s">
        <v>415</v>
      </c>
      <c r="B82130" s="14" t="s">
        <v>1</v>
      </c>
      <c r="C82130" s="14" t="s">
        <v>23</v>
      </c>
      <c r="D82130" s="14" t="s">
        <v>400</v>
      </c>
      <c r="E82130" s="15">
        <v>45746</v>
      </c>
      <c r="F82130" s="14" t="s">
        <v>15</v>
      </c>
      <c r="G82130" s="16">
        <v>4.8551719601569259</v>
      </c>
    </row>
    <row r="82131" spans="1:7" x14ac:dyDescent="0.3">
      <c r="A82131" s="13" t="s">
        <v>415</v>
      </c>
      <c r="B82131" s="14" t="s">
        <v>1</v>
      </c>
      <c r="C82131" s="14" t="s">
        <v>23</v>
      </c>
      <c r="D82131" s="14" t="s">
        <v>400</v>
      </c>
      <c r="E82131" s="15">
        <v>45747</v>
      </c>
      <c r="F82131" s="14" t="s">
        <v>15</v>
      </c>
      <c r="G82131" s="16">
        <v>4.8685473194650113</v>
      </c>
    </row>
    <row r="82132" spans="1:7" x14ac:dyDescent="0.3">
      <c r="A82132" s="13" t="s">
        <v>416</v>
      </c>
      <c r="B82132" s="14" t="s">
        <v>1</v>
      </c>
      <c r="C82132" s="14" t="s">
        <v>51</v>
      </c>
      <c r="D82132" s="14" t="s">
        <v>14</v>
      </c>
      <c r="E82132" s="15">
        <v>45383</v>
      </c>
      <c r="F82132" s="14" t="s">
        <v>15</v>
      </c>
      <c r="G82132" s="16">
        <v>0</v>
      </c>
    </row>
    <row r="82133" spans="1:7" x14ac:dyDescent="0.3">
      <c r="A82133" s="13" t="s">
        <v>416</v>
      </c>
      <c r="B82133" s="14" t="s">
        <v>1</v>
      </c>
      <c r="C82133" s="14" t="s">
        <v>51</v>
      </c>
      <c r="D82133" s="14" t="s">
        <v>14</v>
      </c>
      <c r="E82133" s="15">
        <v>45384</v>
      </c>
      <c r="F82133" s="14" t="s">
        <v>15</v>
      </c>
      <c r="G82133" s="16">
        <v>0</v>
      </c>
    </row>
    <row r="82134" spans="1:7" x14ac:dyDescent="0.3">
      <c r="A82134" s="13" t="s">
        <v>416</v>
      </c>
      <c r="B82134" s="14" t="s">
        <v>1</v>
      </c>
      <c r="C82134" s="14" t="s">
        <v>51</v>
      </c>
      <c r="D82134" s="14" t="s">
        <v>14</v>
      </c>
      <c r="E82134" s="15">
        <v>45385</v>
      </c>
      <c r="F82134" s="14" t="s">
        <v>15</v>
      </c>
      <c r="G82134" s="16">
        <v>0</v>
      </c>
    </row>
    <row r="82135" spans="1:7" x14ac:dyDescent="0.3">
      <c r="A82135" s="13" t="s">
        <v>416</v>
      </c>
      <c r="B82135" s="14" t="s">
        <v>1</v>
      </c>
      <c r="C82135" s="14" t="s">
        <v>51</v>
      </c>
      <c r="D82135" s="14" t="s">
        <v>14</v>
      </c>
      <c r="E82135" s="15">
        <v>45386</v>
      </c>
      <c r="F82135" s="14" t="s">
        <v>15</v>
      </c>
      <c r="G82135" s="16">
        <v>0</v>
      </c>
    </row>
    <row r="82136" spans="1:7" x14ac:dyDescent="0.3">
      <c r="A82136" s="13" t="s">
        <v>416</v>
      </c>
      <c r="B82136" s="14" t="s">
        <v>1</v>
      </c>
      <c r="C82136" s="14" t="s">
        <v>51</v>
      </c>
      <c r="D82136" s="14" t="s">
        <v>14</v>
      </c>
      <c r="E82136" s="15">
        <v>45387</v>
      </c>
      <c r="F82136" s="14" t="s">
        <v>15</v>
      </c>
      <c r="G82136" s="16">
        <v>0</v>
      </c>
    </row>
    <row r="82137" spans="1:7" x14ac:dyDescent="0.3">
      <c r="A82137" s="13" t="s">
        <v>416</v>
      </c>
      <c r="B82137" s="14" t="s">
        <v>1</v>
      </c>
      <c r="C82137" s="14" t="s">
        <v>51</v>
      </c>
      <c r="D82137" s="14" t="s">
        <v>14</v>
      </c>
      <c r="E82137" s="15">
        <v>45388</v>
      </c>
      <c r="F82137" s="14" t="s">
        <v>15</v>
      </c>
      <c r="G82137" s="16">
        <v>0</v>
      </c>
    </row>
    <row r="82138" spans="1:7" x14ac:dyDescent="0.3">
      <c r="A82138" s="13" t="s">
        <v>416</v>
      </c>
      <c r="B82138" s="14" t="s">
        <v>1</v>
      </c>
      <c r="C82138" s="14" t="s">
        <v>51</v>
      </c>
      <c r="D82138" s="14" t="s">
        <v>14</v>
      </c>
      <c r="E82138" s="15">
        <v>45389</v>
      </c>
      <c r="F82138" s="14" t="s">
        <v>15</v>
      </c>
      <c r="G82138" s="16">
        <v>0</v>
      </c>
    </row>
    <row r="82139" spans="1:7" x14ac:dyDescent="0.3">
      <c r="A82139" s="13" t="s">
        <v>416</v>
      </c>
      <c r="B82139" s="14" t="s">
        <v>1</v>
      </c>
      <c r="C82139" s="14" t="s">
        <v>51</v>
      </c>
      <c r="D82139" s="14" t="s">
        <v>14</v>
      </c>
      <c r="E82139" s="15">
        <v>45390</v>
      </c>
      <c r="F82139" s="14" t="s">
        <v>15</v>
      </c>
      <c r="G82139" s="16">
        <v>0</v>
      </c>
    </row>
    <row r="82140" spans="1:7" x14ac:dyDescent="0.3">
      <c r="A82140" s="13" t="s">
        <v>416</v>
      </c>
      <c r="B82140" s="14" t="s">
        <v>1</v>
      </c>
      <c r="C82140" s="14" t="s">
        <v>51</v>
      </c>
      <c r="D82140" s="14" t="s">
        <v>14</v>
      </c>
      <c r="E82140" s="15">
        <v>45391</v>
      </c>
      <c r="F82140" s="14" t="s">
        <v>15</v>
      </c>
      <c r="G82140" s="16">
        <v>0</v>
      </c>
    </row>
    <row r="82141" spans="1:7" x14ac:dyDescent="0.3">
      <c r="A82141" s="13" t="s">
        <v>416</v>
      </c>
      <c r="B82141" s="14" t="s">
        <v>1</v>
      </c>
      <c r="C82141" s="14" t="s">
        <v>51</v>
      </c>
      <c r="D82141" s="14" t="s">
        <v>14</v>
      </c>
      <c r="E82141" s="15">
        <v>45392</v>
      </c>
      <c r="F82141" s="14" t="s">
        <v>15</v>
      </c>
      <c r="G82141" s="16">
        <v>0</v>
      </c>
    </row>
    <row r="82142" spans="1:7" x14ac:dyDescent="0.3">
      <c r="A82142" s="13" t="s">
        <v>416</v>
      </c>
      <c r="B82142" s="14" t="s">
        <v>1</v>
      </c>
      <c r="C82142" s="14" t="s">
        <v>51</v>
      </c>
      <c r="D82142" s="14" t="s">
        <v>14</v>
      </c>
      <c r="E82142" s="15">
        <v>45393</v>
      </c>
      <c r="F82142" s="14" t="s">
        <v>15</v>
      </c>
      <c r="G82142" s="16">
        <v>0</v>
      </c>
    </row>
    <row r="82143" spans="1:7" x14ac:dyDescent="0.3">
      <c r="A82143" s="13" t="s">
        <v>416</v>
      </c>
      <c r="B82143" s="14" t="s">
        <v>1</v>
      </c>
      <c r="C82143" s="14" t="s">
        <v>51</v>
      </c>
      <c r="D82143" s="14" t="s">
        <v>14</v>
      </c>
      <c r="E82143" s="15">
        <v>45394</v>
      </c>
      <c r="F82143" s="14" t="s">
        <v>15</v>
      </c>
      <c r="G82143" s="16">
        <v>0</v>
      </c>
    </row>
    <row r="82144" spans="1:7" x14ac:dyDescent="0.3">
      <c r="A82144" s="13" t="s">
        <v>416</v>
      </c>
      <c r="B82144" s="14" t="s">
        <v>1</v>
      </c>
      <c r="C82144" s="14" t="s">
        <v>51</v>
      </c>
      <c r="D82144" s="14" t="s">
        <v>14</v>
      </c>
      <c r="E82144" s="15">
        <v>45395</v>
      </c>
      <c r="F82144" s="14" t="s">
        <v>15</v>
      </c>
      <c r="G82144" s="16">
        <v>0</v>
      </c>
    </row>
    <row r="82145" spans="1:7" x14ac:dyDescent="0.3">
      <c r="A82145" s="13" t="s">
        <v>416</v>
      </c>
      <c r="B82145" s="14" t="s">
        <v>1</v>
      </c>
      <c r="C82145" s="14" t="s">
        <v>51</v>
      </c>
      <c r="D82145" s="14" t="s">
        <v>14</v>
      </c>
      <c r="E82145" s="15">
        <v>45396</v>
      </c>
      <c r="F82145" s="14" t="s">
        <v>15</v>
      </c>
      <c r="G82145" s="16">
        <v>0</v>
      </c>
    </row>
    <row r="82146" spans="1:7" x14ac:dyDescent="0.3">
      <c r="A82146" s="13" t="s">
        <v>416</v>
      </c>
      <c r="B82146" s="14" t="s">
        <v>1</v>
      </c>
      <c r="C82146" s="14" t="s">
        <v>51</v>
      </c>
      <c r="D82146" s="14" t="s">
        <v>14</v>
      </c>
      <c r="E82146" s="15">
        <v>45397</v>
      </c>
      <c r="F82146" s="14" t="s">
        <v>15</v>
      </c>
      <c r="G82146" s="16">
        <v>0</v>
      </c>
    </row>
    <row r="82147" spans="1:7" x14ac:dyDescent="0.3">
      <c r="A82147" s="13" t="s">
        <v>416</v>
      </c>
      <c r="B82147" s="14" t="s">
        <v>1</v>
      </c>
      <c r="C82147" s="14" t="s">
        <v>51</v>
      </c>
      <c r="D82147" s="14" t="s">
        <v>14</v>
      </c>
      <c r="E82147" s="15">
        <v>45398</v>
      </c>
      <c r="F82147" s="14" t="s">
        <v>15</v>
      </c>
      <c r="G82147" s="16">
        <v>0</v>
      </c>
    </row>
    <row r="82148" spans="1:7" x14ac:dyDescent="0.3">
      <c r="A82148" s="13" t="s">
        <v>416</v>
      </c>
      <c r="B82148" s="14" t="s">
        <v>1</v>
      </c>
      <c r="C82148" s="14" t="s">
        <v>51</v>
      </c>
      <c r="D82148" s="14" t="s">
        <v>14</v>
      </c>
      <c r="E82148" s="15">
        <v>45399</v>
      </c>
      <c r="F82148" s="14" t="s">
        <v>15</v>
      </c>
      <c r="G82148" s="16">
        <v>0</v>
      </c>
    </row>
    <row r="82149" spans="1:7" x14ac:dyDescent="0.3">
      <c r="A82149" s="13" t="s">
        <v>416</v>
      </c>
      <c r="B82149" s="14" t="s">
        <v>1</v>
      </c>
      <c r="C82149" s="14" t="s">
        <v>51</v>
      </c>
      <c r="D82149" s="14" t="s">
        <v>14</v>
      </c>
      <c r="E82149" s="15">
        <v>45400</v>
      </c>
      <c r="F82149" s="14" t="s">
        <v>15</v>
      </c>
      <c r="G82149" s="16">
        <v>0</v>
      </c>
    </row>
    <row r="82150" spans="1:7" x14ac:dyDescent="0.3">
      <c r="A82150" s="13" t="s">
        <v>416</v>
      </c>
      <c r="B82150" s="14" t="s">
        <v>1</v>
      </c>
      <c r="C82150" s="14" t="s">
        <v>51</v>
      </c>
      <c r="D82150" s="14" t="s">
        <v>14</v>
      </c>
      <c r="E82150" s="15">
        <v>45401</v>
      </c>
      <c r="F82150" s="14" t="s">
        <v>15</v>
      </c>
      <c r="G82150" s="16">
        <v>0</v>
      </c>
    </row>
    <row r="82151" spans="1:7" x14ac:dyDescent="0.3">
      <c r="A82151" s="13" t="s">
        <v>416</v>
      </c>
      <c r="B82151" s="14" t="s">
        <v>1</v>
      </c>
      <c r="C82151" s="14" t="s">
        <v>51</v>
      </c>
      <c r="D82151" s="14" t="s">
        <v>14</v>
      </c>
      <c r="E82151" s="15">
        <v>45402</v>
      </c>
      <c r="F82151" s="14" t="s">
        <v>15</v>
      </c>
      <c r="G82151" s="16">
        <v>0</v>
      </c>
    </row>
    <row r="82152" spans="1:7" x14ac:dyDescent="0.3">
      <c r="A82152" s="13" t="s">
        <v>416</v>
      </c>
      <c r="B82152" s="14" t="s">
        <v>1</v>
      </c>
      <c r="C82152" s="14" t="s">
        <v>51</v>
      </c>
      <c r="D82152" s="14" t="s">
        <v>14</v>
      </c>
      <c r="E82152" s="15">
        <v>45403</v>
      </c>
      <c r="F82152" s="14" t="s">
        <v>15</v>
      </c>
      <c r="G82152" s="16">
        <v>0</v>
      </c>
    </row>
    <row r="82153" spans="1:7" x14ac:dyDescent="0.3">
      <c r="A82153" s="13" t="s">
        <v>416</v>
      </c>
      <c r="B82153" s="14" t="s">
        <v>1</v>
      </c>
      <c r="C82153" s="14" t="s">
        <v>51</v>
      </c>
      <c r="D82153" s="14" t="s">
        <v>14</v>
      </c>
      <c r="E82153" s="15">
        <v>45404</v>
      </c>
      <c r="F82153" s="14" t="s">
        <v>15</v>
      </c>
      <c r="G82153" s="16">
        <v>0</v>
      </c>
    </row>
    <row r="82154" spans="1:7" x14ac:dyDescent="0.3">
      <c r="A82154" s="13" t="s">
        <v>416</v>
      </c>
      <c r="B82154" s="14" t="s">
        <v>1</v>
      </c>
      <c r="C82154" s="14" t="s">
        <v>51</v>
      </c>
      <c r="D82154" s="14" t="s">
        <v>14</v>
      </c>
      <c r="E82154" s="15">
        <v>45405</v>
      </c>
      <c r="F82154" s="14" t="s">
        <v>15</v>
      </c>
      <c r="G82154" s="16">
        <v>0</v>
      </c>
    </row>
    <row r="82155" spans="1:7" x14ac:dyDescent="0.3">
      <c r="A82155" s="13" t="s">
        <v>416</v>
      </c>
      <c r="B82155" s="14" t="s">
        <v>1</v>
      </c>
      <c r="C82155" s="14" t="s">
        <v>51</v>
      </c>
      <c r="D82155" s="14" t="s">
        <v>14</v>
      </c>
      <c r="E82155" s="15">
        <v>45406</v>
      </c>
      <c r="F82155" s="14" t="s">
        <v>15</v>
      </c>
      <c r="G82155" s="16">
        <v>0</v>
      </c>
    </row>
    <row r="82156" spans="1:7" x14ac:dyDescent="0.3">
      <c r="A82156" s="13" t="s">
        <v>416</v>
      </c>
      <c r="B82156" s="14" t="s">
        <v>1</v>
      </c>
      <c r="C82156" s="14" t="s">
        <v>51</v>
      </c>
      <c r="D82156" s="14" t="s">
        <v>14</v>
      </c>
      <c r="E82156" s="15">
        <v>45407</v>
      </c>
      <c r="F82156" s="14" t="s">
        <v>15</v>
      </c>
      <c r="G82156" s="16">
        <v>0</v>
      </c>
    </row>
    <row r="82157" spans="1:7" x14ac:dyDescent="0.3">
      <c r="A82157" s="13" t="s">
        <v>416</v>
      </c>
      <c r="B82157" s="14" t="s">
        <v>1</v>
      </c>
      <c r="C82157" s="14" t="s">
        <v>51</v>
      </c>
      <c r="D82157" s="14" t="s">
        <v>14</v>
      </c>
      <c r="E82157" s="15">
        <v>45408</v>
      </c>
      <c r="F82157" s="14" t="s">
        <v>15</v>
      </c>
      <c r="G82157" s="16">
        <v>0</v>
      </c>
    </row>
    <row r="82158" spans="1:7" x14ac:dyDescent="0.3">
      <c r="A82158" s="13" t="s">
        <v>416</v>
      </c>
      <c r="B82158" s="14" t="s">
        <v>1</v>
      </c>
      <c r="C82158" s="14" t="s">
        <v>51</v>
      </c>
      <c r="D82158" s="14" t="s">
        <v>14</v>
      </c>
      <c r="E82158" s="15">
        <v>45409</v>
      </c>
      <c r="F82158" s="14" t="s">
        <v>15</v>
      </c>
      <c r="G82158" s="16">
        <v>0</v>
      </c>
    </row>
    <row r="82159" spans="1:7" x14ac:dyDescent="0.3">
      <c r="A82159" s="13" t="s">
        <v>416</v>
      </c>
      <c r="B82159" s="14" t="s">
        <v>1</v>
      </c>
      <c r="C82159" s="14" t="s">
        <v>51</v>
      </c>
      <c r="D82159" s="14" t="s">
        <v>14</v>
      </c>
      <c r="E82159" s="15">
        <v>45410</v>
      </c>
      <c r="F82159" s="14" t="s">
        <v>15</v>
      </c>
      <c r="G82159" s="16">
        <v>0</v>
      </c>
    </row>
    <row r="82160" spans="1:7" x14ac:dyDescent="0.3">
      <c r="A82160" s="13" t="s">
        <v>416</v>
      </c>
      <c r="B82160" s="14" t="s">
        <v>1</v>
      </c>
      <c r="C82160" s="14" t="s">
        <v>51</v>
      </c>
      <c r="D82160" s="14" t="s">
        <v>14</v>
      </c>
      <c r="E82160" s="15">
        <v>45411</v>
      </c>
      <c r="F82160" s="14" t="s">
        <v>15</v>
      </c>
      <c r="G82160" s="16">
        <v>0</v>
      </c>
    </row>
    <row r="82161" spans="1:7" x14ac:dyDescent="0.3">
      <c r="A82161" s="13" t="s">
        <v>416</v>
      </c>
      <c r="B82161" s="14" t="s">
        <v>1</v>
      </c>
      <c r="C82161" s="14" t="s">
        <v>51</v>
      </c>
      <c r="D82161" s="14" t="s">
        <v>14</v>
      </c>
      <c r="E82161" s="15">
        <v>45412</v>
      </c>
      <c r="F82161" s="14" t="s">
        <v>15</v>
      </c>
      <c r="G82161" s="16">
        <v>0</v>
      </c>
    </row>
    <row r="82162" spans="1:7" x14ac:dyDescent="0.3">
      <c r="A82162" s="13" t="s">
        <v>416</v>
      </c>
      <c r="B82162" s="14" t="s">
        <v>1</v>
      </c>
      <c r="C82162" s="14" t="s">
        <v>51</v>
      </c>
      <c r="D82162" s="14" t="s">
        <v>14</v>
      </c>
      <c r="E82162" s="15">
        <v>45413</v>
      </c>
      <c r="F82162" s="14" t="s">
        <v>15</v>
      </c>
      <c r="G82162" s="16">
        <v>0</v>
      </c>
    </row>
    <row r="82163" spans="1:7" x14ac:dyDescent="0.3">
      <c r="A82163" s="13" t="s">
        <v>416</v>
      </c>
      <c r="B82163" s="14" t="s">
        <v>1</v>
      </c>
      <c r="C82163" s="14" t="s">
        <v>51</v>
      </c>
      <c r="D82163" s="14" t="s">
        <v>14</v>
      </c>
      <c r="E82163" s="15">
        <v>45414</v>
      </c>
      <c r="F82163" s="14" t="s">
        <v>15</v>
      </c>
      <c r="G82163" s="16">
        <v>0</v>
      </c>
    </row>
    <row r="82164" spans="1:7" x14ac:dyDescent="0.3">
      <c r="A82164" s="13" t="s">
        <v>416</v>
      </c>
      <c r="B82164" s="14" t="s">
        <v>1</v>
      </c>
      <c r="C82164" s="14" t="s">
        <v>51</v>
      </c>
      <c r="D82164" s="14" t="s">
        <v>14</v>
      </c>
      <c r="E82164" s="15">
        <v>45415</v>
      </c>
      <c r="F82164" s="14" t="s">
        <v>15</v>
      </c>
      <c r="G82164" s="16">
        <v>0</v>
      </c>
    </row>
    <row r="82165" spans="1:7" x14ac:dyDescent="0.3">
      <c r="A82165" s="13" t="s">
        <v>416</v>
      </c>
      <c r="B82165" s="14" t="s">
        <v>1</v>
      </c>
      <c r="C82165" s="14" t="s">
        <v>51</v>
      </c>
      <c r="D82165" s="14" t="s">
        <v>14</v>
      </c>
      <c r="E82165" s="15">
        <v>45416</v>
      </c>
      <c r="F82165" s="14" t="s">
        <v>15</v>
      </c>
      <c r="G82165" s="16">
        <v>0</v>
      </c>
    </row>
    <row r="82166" spans="1:7" x14ac:dyDescent="0.3">
      <c r="A82166" s="13" t="s">
        <v>416</v>
      </c>
      <c r="B82166" s="14" t="s">
        <v>1</v>
      </c>
      <c r="C82166" s="14" t="s">
        <v>51</v>
      </c>
      <c r="D82166" s="14" t="s">
        <v>14</v>
      </c>
      <c r="E82166" s="15">
        <v>45417</v>
      </c>
      <c r="F82166" s="14" t="s">
        <v>15</v>
      </c>
      <c r="G82166" s="16">
        <v>0</v>
      </c>
    </row>
    <row r="82167" spans="1:7" x14ac:dyDescent="0.3">
      <c r="A82167" s="13" t="s">
        <v>416</v>
      </c>
      <c r="B82167" s="14" t="s">
        <v>1</v>
      </c>
      <c r="C82167" s="14" t="s">
        <v>51</v>
      </c>
      <c r="D82167" s="14" t="s">
        <v>14</v>
      </c>
      <c r="E82167" s="15">
        <v>45418</v>
      </c>
      <c r="F82167" s="14" t="s">
        <v>15</v>
      </c>
      <c r="G82167" s="16">
        <v>0</v>
      </c>
    </row>
    <row r="82168" spans="1:7" x14ac:dyDescent="0.3">
      <c r="A82168" s="13" t="s">
        <v>416</v>
      </c>
      <c r="B82168" s="14" t="s">
        <v>1</v>
      </c>
      <c r="C82168" s="14" t="s">
        <v>51</v>
      </c>
      <c r="D82168" s="14" t="s">
        <v>14</v>
      </c>
      <c r="E82168" s="15">
        <v>45419</v>
      </c>
      <c r="F82168" s="14" t="s">
        <v>15</v>
      </c>
      <c r="G82168" s="16">
        <v>0</v>
      </c>
    </row>
    <row r="82169" spans="1:7" x14ac:dyDescent="0.3">
      <c r="A82169" s="13" t="s">
        <v>416</v>
      </c>
      <c r="B82169" s="14" t="s">
        <v>1</v>
      </c>
      <c r="C82169" s="14" t="s">
        <v>51</v>
      </c>
      <c r="D82169" s="14" t="s">
        <v>14</v>
      </c>
      <c r="E82169" s="15">
        <v>45420</v>
      </c>
      <c r="F82169" s="14" t="s">
        <v>15</v>
      </c>
      <c r="G82169" s="16">
        <v>0</v>
      </c>
    </row>
    <row r="82170" spans="1:7" x14ac:dyDescent="0.3">
      <c r="A82170" s="13" t="s">
        <v>416</v>
      </c>
      <c r="B82170" s="14" t="s">
        <v>1</v>
      </c>
      <c r="C82170" s="14" t="s">
        <v>51</v>
      </c>
      <c r="D82170" s="14" t="s">
        <v>14</v>
      </c>
      <c r="E82170" s="15">
        <v>45421</v>
      </c>
      <c r="F82170" s="14" t="s">
        <v>15</v>
      </c>
      <c r="G82170" s="16">
        <v>0</v>
      </c>
    </row>
    <row r="82171" spans="1:7" x14ac:dyDescent="0.3">
      <c r="A82171" s="13" t="s">
        <v>416</v>
      </c>
      <c r="B82171" s="14" t="s">
        <v>1</v>
      </c>
      <c r="C82171" s="14" t="s">
        <v>51</v>
      </c>
      <c r="D82171" s="14" t="s">
        <v>14</v>
      </c>
      <c r="E82171" s="15">
        <v>45422</v>
      </c>
      <c r="F82171" s="14" t="s">
        <v>15</v>
      </c>
      <c r="G82171" s="16">
        <v>0</v>
      </c>
    </row>
    <row r="82172" spans="1:7" x14ac:dyDescent="0.3">
      <c r="A82172" s="13" t="s">
        <v>416</v>
      </c>
      <c r="B82172" s="14" t="s">
        <v>1</v>
      </c>
      <c r="C82172" s="14" t="s">
        <v>51</v>
      </c>
      <c r="D82172" s="14" t="s">
        <v>14</v>
      </c>
      <c r="E82172" s="15">
        <v>45423</v>
      </c>
      <c r="F82172" s="14" t="s">
        <v>15</v>
      </c>
      <c r="G82172" s="16">
        <v>0</v>
      </c>
    </row>
    <row r="82173" spans="1:7" x14ac:dyDescent="0.3">
      <c r="A82173" s="13" t="s">
        <v>416</v>
      </c>
      <c r="B82173" s="14" t="s">
        <v>1</v>
      </c>
      <c r="C82173" s="14" t="s">
        <v>51</v>
      </c>
      <c r="D82173" s="14" t="s">
        <v>14</v>
      </c>
      <c r="E82173" s="15">
        <v>45424</v>
      </c>
      <c r="F82173" s="14" t="s">
        <v>15</v>
      </c>
      <c r="G82173" s="16">
        <v>0</v>
      </c>
    </row>
    <row r="82174" spans="1:7" x14ac:dyDescent="0.3">
      <c r="A82174" s="13" t="s">
        <v>416</v>
      </c>
      <c r="B82174" s="14" t="s">
        <v>1</v>
      </c>
      <c r="C82174" s="14" t="s">
        <v>51</v>
      </c>
      <c r="D82174" s="14" t="s">
        <v>14</v>
      </c>
      <c r="E82174" s="15">
        <v>45425</v>
      </c>
      <c r="F82174" s="14" t="s">
        <v>15</v>
      </c>
      <c r="G82174" s="16">
        <v>0</v>
      </c>
    </row>
    <row r="82175" spans="1:7" x14ac:dyDescent="0.3">
      <c r="A82175" s="13" t="s">
        <v>416</v>
      </c>
      <c r="B82175" s="14" t="s">
        <v>1</v>
      </c>
      <c r="C82175" s="14" t="s">
        <v>51</v>
      </c>
      <c r="D82175" s="14" t="s">
        <v>14</v>
      </c>
      <c r="E82175" s="15">
        <v>45426</v>
      </c>
      <c r="F82175" s="14" t="s">
        <v>15</v>
      </c>
      <c r="G82175" s="16">
        <v>0</v>
      </c>
    </row>
    <row r="82176" spans="1:7" x14ac:dyDescent="0.3">
      <c r="A82176" s="13" t="s">
        <v>416</v>
      </c>
      <c r="B82176" s="14" t="s">
        <v>1</v>
      </c>
      <c r="C82176" s="14" t="s">
        <v>51</v>
      </c>
      <c r="D82176" s="14" t="s">
        <v>14</v>
      </c>
      <c r="E82176" s="15">
        <v>45427</v>
      </c>
      <c r="F82176" s="14" t="s">
        <v>15</v>
      </c>
      <c r="G82176" s="16">
        <v>0</v>
      </c>
    </row>
    <row r="82177" spans="1:7" x14ac:dyDescent="0.3">
      <c r="A82177" s="13" t="s">
        <v>416</v>
      </c>
      <c r="B82177" s="14" t="s">
        <v>1</v>
      </c>
      <c r="C82177" s="14" t="s">
        <v>51</v>
      </c>
      <c r="D82177" s="14" t="s">
        <v>14</v>
      </c>
      <c r="E82177" s="15">
        <v>45428</v>
      </c>
      <c r="F82177" s="14" t="s">
        <v>15</v>
      </c>
      <c r="G82177" s="16">
        <v>0</v>
      </c>
    </row>
    <row r="82178" spans="1:7" x14ac:dyDescent="0.3">
      <c r="A82178" s="13" t="s">
        <v>416</v>
      </c>
      <c r="B82178" s="14" t="s">
        <v>1</v>
      </c>
      <c r="C82178" s="14" t="s">
        <v>51</v>
      </c>
      <c r="D82178" s="14" t="s">
        <v>14</v>
      </c>
      <c r="E82178" s="15">
        <v>45429</v>
      </c>
      <c r="F82178" s="14" t="s">
        <v>15</v>
      </c>
      <c r="G82178" s="16">
        <v>0</v>
      </c>
    </row>
    <row r="82179" spans="1:7" x14ac:dyDescent="0.3">
      <c r="A82179" s="13" t="s">
        <v>416</v>
      </c>
      <c r="B82179" s="14" t="s">
        <v>1</v>
      </c>
      <c r="C82179" s="14" t="s">
        <v>51</v>
      </c>
      <c r="D82179" s="14" t="s">
        <v>14</v>
      </c>
      <c r="E82179" s="15">
        <v>45430</v>
      </c>
      <c r="F82179" s="14" t="s">
        <v>15</v>
      </c>
      <c r="G82179" s="16">
        <v>0</v>
      </c>
    </row>
    <row r="82180" spans="1:7" x14ac:dyDescent="0.3">
      <c r="A82180" s="13" t="s">
        <v>416</v>
      </c>
      <c r="B82180" s="14" t="s">
        <v>1</v>
      </c>
      <c r="C82180" s="14" t="s">
        <v>51</v>
      </c>
      <c r="D82180" s="14" t="s">
        <v>14</v>
      </c>
      <c r="E82180" s="15">
        <v>45431</v>
      </c>
      <c r="F82180" s="14" t="s">
        <v>15</v>
      </c>
      <c r="G82180" s="16">
        <v>0</v>
      </c>
    </row>
    <row r="82181" spans="1:7" x14ac:dyDescent="0.3">
      <c r="A82181" s="13" t="s">
        <v>416</v>
      </c>
      <c r="B82181" s="14" t="s">
        <v>1</v>
      </c>
      <c r="C82181" s="14" t="s">
        <v>51</v>
      </c>
      <c r="D82181" s="14" t="s">
        <v>14</v>
      </c>
      <c r="E82181" s="15">
        <v>45432</v>
      </c>
      <c r="F82181" s="14" t="s">
        <v>15</v>
      </c>
      <c r="G82181" s="16">
        <v>0</v>
      </c>
    </row>
    <row r="82182" spans="1:7" x14ac:dyDescent="0.3">
      <c r="A82182" s="13" t="s">
        <v>416</v>
      </c>
      <c r="B82182" s="14" t="s">
        <v>1</v>
      </c>
      <c r="C82182" s="14" t="s">
        <v>51</v>
      </c>
      <c r="D82182" s="14" t="s">
        <v>14</v>
      </c>
      <c r="E82182" s="15">
        <v>45433</v>
      </c>
      <c r="F82182" s="14" t="s">
        <v>15</v>
      </c>
      <c r="G82182" s="16">
        <v>0</v>
      </c>
    </row>
    <row r="82183" spans="1:7" x14ac:dyDescent="0.3">
      <c r="A82183" s="13" t="s">
        <v>416</v>
      </c>
      <c r="B82183" s="14" t="s">
        <v>1</v>
      </c>
      <c r="C82183" s="14" t="s">
        <v>51</v>
      </c>
      <c r="D82183" s="14" t="s">
        <v>14</v>
      </c>
      <c r="E82183" s="15">
        <v>45434</v>
      </c>
      <c r="F82183" s="14" t="s">
        <v>15</v>
      </c>
      <c r="G82183" s="16">
        <v>0</v>
      </c>
    </row>
    <row r="82184" spans="1:7" x14ac:dyDescent="0.3">
      <c r="A82184" s="13" t="s">
        <v>416</v>
      </c>
      <c r="B82184" s="14" t="s">
        <v>1</v>
      </c>
      <c r="C82184" s="14" t="s">
        <v>51</v>
      </c>
      <c r="D82184" s="14" t="s">
        <v>14</v>
      </c>
      <c r="E82184" s="15">
        <v>45435</v>
      </c>
      <c r="F82184" s="14" t="s">
        <v>15</v>
      </c>
      <c r="G82184" s="16">
        <v>0</v>
      </c>
    </row>
    <row r="82185" spans="1:7" x14ac:dyDescent="0.3">
      <c r="A82185" s="13" t="s">
        <v>416</v>
      </c>
      <c r="B82185" s="14" t="s">
        <v>1</v>
      </c>
      <c r="C82185" s="14" t="s">
        <v>51</v>
      </c>
      <c r="D82185" s="14" t="s">
        <v>14</v>
      </c>
      <c r="E82185" s="15">
        <v>45436</v>
      </c>
      <c r="F82185" s="14" t="s">
        <v>15</v>
      </c>
      <c r="G82185" s="16">
        <v>0</v>
      </c>
    </row>
    <row r="82186" spans="1:7" x14ac:dyDescent="0.3">
      <c r="A82186" s="13" t="s">
        <v>416</v>
      </c>
      <c r="B82186" s="14" t="s">
        <v>1</v>
      </c>
      <c r="C82186" s="14" t="s">
        <v>51</v>
      </c>
      <c r="D82186" s="14" t="s">
        <v>14</v>
      </c>
      <c r="E82186" s="15">
        <v>45437</v>
      </c>
      <c r="F82186" s="14" t="s">
        <v>15</v>
      </c>
      <c r="G82186" s="16">
        <v>0</v>
      </c>
    </row>
    <row r="82187" spans="1:7" x14ac:dyDescent="0.3">
      <c r="A82187" s="13" t="s">
        <v>416</v>
      </c>
      <c r="B82187" s="14" t="s">
        <v>1</v>
      </c>
      <c r="C82187" s="14" t="s">
        <v>51</v>
      </c>
      <c r="D82187" s="14" t="s">
        <v>14</v>
      </c>
      <c r="E82187" s="15">
        <v>45438</v>
      </c>
      <c r="F82187" s="14" t="s">
        <v>15</v>
      </c>
      <c r="G82187" s="16">
        <v>0</v>
      </c>
    </row>
    <row r="82188" spans="1:7" x14ac:dyDescent="0.3">
      <c r="A82188" s="13" t="s">
        <v>416</v>
      </c>
      <c r="B82188" s="14" t="s">
        <v>1</v>
      </c>
      <c r="C82188" s="14" t="s">
        <v>51</v>
      </c>
      <c r="D82188" s="14" t="s">
        <v>14</v>
      </c>
      <c r="E82188" s="15">
        <v>45439</v>
      </c>
      <c r="F82188" s="14" t="s">
        <v>15</v>
      </c>
      <c r="G82188" s="16">
        <v>0</v>
      </c>
    </row>
    <row r="82189" spans="1:7" x14ac:dyDescent="0.3">
      <c r="A82189" s="13" t="s">
        <v>416</v>
      </c>
      <c r="B82189" s="14" t="s">
        <v>1</v>
      </c>
      <c r="C82189" s="14" t="s">
        <v>51</v>
      </c>
      <c r="D82189" s="14" t="s">
        <v>14</v>
      </c>
      <c r="E82189" s="15">
        <v>45440</v>
      </c>
      <c r="F82189" s="14" t="s">
        <v>15</v>
      </c>
      <c r="G82189" s="16">
        <v>0</v>
      </c>
    </row>
    <row r="82190" spans="1:7" x14ac:dyDescent="0.3">
      <c r="A82190" s="13" t="s">
        <v>416</v>
      </c>
      <c r="B82190" s="14" t="s">
        <v>1</v>
      </c>
      <c r="C82190" s="14" t="s">
        <v>51</v>
      </c>
      <c r="D82190" s="14" t="s">
        <v>14</v>
      </c>
      <c r="E82190" s="15">
        <v>45441</v>
      </c>
      <c r="F82190" s="14" t="s">
        <v>15</v>
      </c>
      <c r="G82190" s="16">
        <v>0</v>
      </c>
    </row>
    <row r="82191" spans="1:7" x14ac:dyDescent="0.3">
      <c r="A82191" s="13" t="s">
        <v>416</v>
      </c>
      <c r="B82191" s="14" t="s">
        <v>1</v>
      </c>
      <c r="C82191" s="14" t="s">
        <v>51</v>
      </c>
      <c r="D82191" s="14" t="s">
        <v>14</v>
      </c>
      <c r="E82191" s="15">
        <v>45442</v>
      </c>
      <c r="F82191" s="14" t="s">
        <v>15</v>
      </c>
      <c r="G82191" s="16">
        <v>0</v>
      </c>
    </row>
    <row r="82192" spans="1:7" x14ac:dyDescent="0.3">
      <c r="A82192" s="13" t="s">
        <v>416</v>
      </c>
      <c r="B82192" s="14" t="s">
        <v>1</v>
      </c>
      <c r="C82192" s="14" t="s">
        <v>51</v>
      </c>
      <c r="D82192" s="14" t="s">
        <v>14</v>
      </c>
      <c r="E82192" s="15">
        <v>45443</v>
      </c>
      <c r="F82192" s="14" t="s">
        <v>15</v>
      </c>
      <c r="G82192" s="16">
        <v>0</v>
      </c>
    </row>
    <row r="82193" spans="1:7" x14ac:dyDescent="0.3">
      <c r="A82193" s="13" t="s">
        <v>416</v>
      </c>
      <c r="B82193" s="14" t="s">
        <v>1</v>
      </c>
      <c r="C82193" s="14" t="s">
        <v>51</v>
      </c>
      <c r="D82193" s="14" t="s">
        <v>14</v>
      </c>
      <c r="E82193" s="15">
        <v>45444</v>
      </c>
      <c r="F82193" s="14" t="s">
        <v>15</v>
      </c>
      <c r="G82193" s="16">
        <v>0</v>
      </c>
    </row>
    <row r="82194" spans="1:7" x14ac:dyDescent="0.3">
      <c r="A82194" s="13" t="s">
        <v>416</v>
      </c>
      <c r="B82194" s="14" t="s">
        <v>1</v>
      </c>
      <c r="C82194" s="14" t="s">
        <v>51</v>
      </c>
      <c r="D82194" s="14" t="s">
        <v>14</v>
      </c>
      <c r="E82194" s="15">
        <v>45445</v>
      </c>
      <c r="F82194" s="14" t="s">
        <v>15</v>
      </c>
      <c r="G82194" s="16">
        <v>0</v>
      </c>
    </row>
    <row r="82195" spans="1:7" x14ac:dyDescent="0.3">
      <c r="A82195" s="13" t="s">
        <v>416</v>
      </c>
      <c r="B82195" s="14" t="s">
        <v>1</v>
      </c>
      <c r="C82195" s="14" t="s">
        <v>51</v>
      </c>
      <c r="D82195" s="14" t="s">
        <v>14</v>
      </c>
      <c r="E82195" s="15">
        <v>45446</v>
      </c>
      <c r="F82195" s="14" t="s">
        <v>15</v>
      </c>
      <c r="G82195" s="16">
        <v>0</v>
      </c>
    </row>
    <row r="82196" spans="1:7" x14ac:dyDescent="0.3">
      <c r="A82196" s="13" t="s">
        <v>416</v>
      </c>
      <c r="B82196" s="14" t="s">
        <v>1</v>
      </c>
      <c r="C82196" s="14" t="s">
        <v>51</v>
      </c>
      <c r="D82196" s="14" t="s">
        <v>14</v>
      </c>
      <c r="E82196" s="15">
        <v>45447</v>
      </c>
      <c r="F82196" s="14" t="s">
        <v>15</v>
      </c>
      <c r="G82196" s="16">
        <v>0</v>
      </c>
    </row>
    <row r="82197" spans="1:7" x14ac:dyDescent="0.3">
      <c r="A82197" s="13" t="s">
        <v>416</v>
      </c>
      <c r="B82197" s="14" t="s">
        <v>1</v>
      </c>
      <c r="C82197" s="14" t="s">
        <v>51</v>
      </c>
      <c r="D82197" s="14" t="s">
        <v>14</v>
      </c>
      <c r="E82197" s="15">
        <v>45448</v>
      </c>
      <c r="F82197" s="14" t="s">
        <v>15</v>
      </c>
      <c r="G82197" s="16">
        <v>0</v>
      </c>
    </row>
    <row r="82198" spans="1:7" x14ac:dyDescent="0.3">
      <c r="A82198" s="13" t="s">
        <v>416</v>
      </c>
      <c r="B82198" s="14" t="s">
        <v>1</v>
      </c>
      <c r="C82198" s="14" t="s">
        <v>51</v>
      </c>
      <c r="D82198" s="14" t="s">
        <v>14</v>
      </c>
      <c r="E82198" s="15">
        <v>45449</v>
      </c>
      <c r="F82198" s="14" t="s">
        <v>15</v>
      </c>
      <c r="G82198" s="16">
        <v>0</v>
      </c>
    </row>
    <row r="82199" spans="1:7" x14ac:dyDescent="0.3">
      <c r="A82199" s="13" t="s">
        <v>416</v>
      </c>
      <c r="B82199" s="14" t="s">
        <v>1</v>
      </c>
      <c r="C82199" s="14" t="s">
        <v>51</v>
      </c>
      <c r="D82199" s="14" t="s">
        <v>14</v>
      </c>
      <c r="E82199" s="15">
        <v>45450</v>
      </c>
      <c r="F82199" s="14" t="s">
        <v>15</v>
      </c>
      <c r="G82199" s="16">
        <v>0</v>
      </c>
    </row>
    <row r="82200" spans="1:7" x14ac:dyDescent="0.3">
      <c r="A82200" s="13" t="s">
        <v>416</v>
      </c>
      <c r="B82200" s="14" t="s">
        <v>1</v>
      </c>
      <c r="C82200" s="14" t="s">
        <v>51</v>
      </c>
      <c r="D82200" s="14" t="s">
        <v>14</v>
      </c>
      <c r="E82200" s="15">
        <v>45451</v>
      </c>
      <c r="F82200" s="14" t="s">
        <v>15</v>
      </c>
      <c r="G82200" s="16">
        <v>0</v>
      </c>
    </row>
    <row r="82201" spans="1:7" x14ac:dyDescent="0.3">
      <c r="A82201" s="13" t="s">
        <v>416</v>
      </c>
      <c r="B82201" s="14" t="s">
        <v>1</v>
      </c>
      <c r="C82201" s="14" t="s">
        <v>51</v>
      </c>
      <c r="D82201" s="14" t="s">
        <v>14</v>
      </c>
      <c r="E82201" s="15">
        <v>45452</v>
      </c>
      <c r="F82201" s="14" t="s">
        <v>15</v>
      </c>
      <c r="G82201" s="16">
        <v>0</v>
      </c>
    </row>
    <row r="82202" spans="1:7" x14ac:dyDescent="0.3">
      <c r="A82202" s="13" t="s">
        <v>416</v>
      </c>
      <c r="B82202" s="14" t="s">
        <v>1</v>
      </c>
      <c r="C82202" s="14" t="s">
        <v>51</v>
      </c>
      <c r="D82202" s="14" t="s">
        <v>14</v>
      </c>
      <c r="E82202" s="15">
        <v>45453</v>
      </c>
      <c r="F82202" s="14" t="s">
        <v>15</v>
      </c>
      <c r="G82202" s="16">
        <v>0</v>
      </c>
    </row>
    <row r="82203" spans="1:7" x14ac:dyDescent="0.3">
      <c r="A82203" s="13" t="s">
        <v>416</v>
      </c>
      <c r="B82203" s="14" t="s">
        <v>1</v>
      </c>
      <c r="C82203" s="14" t="s">
        <v>51</v>
      </c>
      <c r="D82203" s="14" t="s">
        <v>14</v>
      </c>
      <c r="E82203" s="15">
        <v>45454</v>
      </c>
      <c r="F82203" s="14" t="s">
        <v>15</v>
      </c>
      <c r="G82203" s="16">
        <v>0</v>
      </c>
    </row>
    <row r="82204" spans="1:7" x14ac:dyDescent="0.3">
      <c r="A82204" s="13" t="s">
        <v>416</v>
      </c>
      <c r="B82204" s="14" t="s">
        <v>1</v>
      </c>
      <c r="C82204" s="14" t="s">
        <v>51</v>
      </c>
      <c r="D82204" s="14" t="s">
        <v>14</v>
      </c>
      <c r="E82204" s="15">
        <v>45455</v>
      </c>
      <c r="F82204" s="14" t="s">
        <v>15</v>
      </c>
      <c r="G82204" s="16">
        <v>0</v>
      </c>
    </row>
    <row r="82205" spans="1:7" x14ac:dyDescent="0.3">
      <c r="A82205" s="13" t="s">
        <v>416</v>
      </c>
      <c r="B82205" s="14" t="s">
        <v>1</v>
      </c>
      <c r="C82205" s="14" t="s">
        <v>51</v>
      </c>
      <c r="D82205" s="14" t="s">
        <v>14</v>
      </c>
      <c r="E82205" s="15">
        <v>45456</v>
      </c>
      <c r="F82205" s="14" t="s">
        <v>15</v>
      </c>
      <c r="G82205" s="16">
        <v>0</v>
      </c>
    </row>
    <row r="82206" spans="1:7" x14ac:dyDescent="0.3">
      <c r="A82206" s="13" t="s">
        <v>416</v>
      </c>
      <c r="B82206" s="14" t="s">
        <v>1</v>
      </c>
      <c r="C82206" s="14" t="s">
        <v>51</v>
      </c>
      <c r="D82206" s="14" t="s">
        <v>14</v>
      </c>
      <c r="E82206" s="15">
        <v>45457</v>
      </c>
      <c r="F82206" s="14" t="s">
        <v>15</v>
      </c>
      <c r="G82206" s="16">
        <v>0</v>
      </c>
    </row>
    <row r="82207" spans="1:7" x14ac:dyDescent="0.3">
      <c r="A82207" s="13" t="s">
        <v>416</v>
      </c>
      <c r="B82207" s="14" t="s">
        <v>1</v>
      </c>
      <c r="C82207" s="14" t="s">
        <v>51</v>
      </c>
      <c r="D82207" s="14" t="s">
        <v>14</v>
      </c>
      <c r="E82207" s="15">
        <v>45458</v>
      </c>
      <c r="F82207" s="14" t="s">
        <v>15</v>
      </c>
      <c r="G82207" s="16">
        <v>0</v>
      </c>
    </row>
    <row r="82208" spans="1:7" x14ac:dyDescent="0.3">
      <c r="A82208" s="13" t="s">
        <v>416</v>
      </c>
      <c r="B82208" s="14" t="s">
        <v>1</v>
      </c>
      <c r="C82208" s="14" t="s">
        <v>51</v>
      </c>
      <c r="D82208" s="14" t="s">
        <v>14</v>
      </c>
      <c r="E82208" s="15">
        <v>45459</v>
      </c>
      <c r="F82208" s="14" t="s">
        <v>15</v>
      </c>
      <c r="G82208" s="16">
        <v>0</v>
      </c>
    </row>
    <row r="82209" spans="1:7" x14ac:dyDescent="0.3">
      <c r="A82209" s="13" t="s">
        <v>416</v>
      </c>
      <c r="B82209" s="14" t="s">
        <v>1</v>
      </c>
      <c r="C82209" s="14" t="s">
        <v>51</v>
      </c>
      <c r="D82209" s="14" t="s">
        <v>14</v>
      </c>
      <c r="E82209" s="15">
        <v>45460</v>
      </c>
      <c r="F82209" s="14" t="s">
        <v>15</v>
      </c>
      <c r="G82209" s="16">
        <v>0</v>
      </c>
    </row>
    <row r="82210" spans="1:7" x14ac:dyDescent="0.3">
      <c r="A82210" s="13" t="s">
        <v>416</v>
      </c>
      <c r="B82210" s="14" t="s">
        <v>1</v>
      </c>
      <c r="C82210" s="14" t="s">
        <v>51</v>
      </c>
      <c r="D82210" s="14" t="s">
        <v>14</v>
      </c>
      <c r="E82210" s="15">
        <v>45461</v>
      </c>
      <c r="F82210" s="14" t="s">
        <v>15</v>
      </c>
      <c r="G82210" s="16">
        <v>0</v>
      </c>
    </row>
    <row r="82211" spans="1:7" x14ac:dyDescent="0.3">
      <c r="A82211" s="13" t="s">
        <v>416</v>
      </c>
      <c r="B82211" s="14" t="s">
        <v>1</v>
      </c>
      <c r="C82211" s="14" t="s">
        <v>51</v>
      </c>
      <c r="D82211" s="14" t="s">
        <v>14</v>
      </c>
      <c r="E82211" s="15">
        <v>45462</v>
      </c>
      <c r="F82211" s="14" t="s">
        <v>15</v>
      </c>
      <c r="G82211" s="16">
        <v>0</v>
      </c>
    </row>
    <row r="82212" spans="1:7" x14ac:dyDescent="0.3">
      <c r="A82212" s="13" t="s">
        <v>416</v>
      </c>
      <c r="B82212" s="14" t="s">
        <v>1</v>
      </c>
      <c r="C82212" s="14" t="s">
        <v>51</v>
      </c>
      <c r="D82212" s="14" t="s">
        <v>14</v>
      </c>
      <c r="E82212" s="15">
        <v>45463</v>
      </c>
      <c r="F82212" s="14" t="s">
        <v>15</v>
      </c>
      <c r="G82212" s="16">
        <v>0</v>
      </c>
    </row>
    <row r="82213" spans="1:7" x14ac:dyDescent="0.3">
      <c r="A82213" s="13" t="s">
        <v>416</v>
      </c>
      <c r="B82213" s="14" t="s">
        <v>1</v>
      </c>
      <c r="C82213" s="14" t="s">
        <v>51</v>
      </c>
      <c r="D82213" s="14" t="s">
        <v>14</v>
      </c>
      <c r="E82213" s="15">
        <v>45464</v>
      </c>
      <c r="F82213" s="14" t="s">
        <v>15</v>
      </c>
      <c r="G82213" s="16">
        <v>0</v>
      </c>
    </row>
    <row r="82214" spans="1:7" x14ac:dyDescent="0.3">
      <c r="A82214" s="13" t="s">
        <v>416</v>
      </c>
      <c r="B82214" s="14" t="s">
        <v>1</v>
      </c>
      <c r="C82214" s="14" t="s">
        <v>51</v>
      </c>
      <c r="D82214" s="14" t="s">
        <v>14</v>
      </c>
      <c r="E82214" s="15">
        <v>45465</v>
      </c>
      <c r="F82214" s="14" t="s">
        <v>15</v>
      </c>
      <c r="G82214" s="16">
        <v>0</v>
      </c>
    </row>
    <row r="82215" spans="1:7" x14ac:dyDescent="0.3">
      <c r="A82215" s="13" t="s">
        <v>416</v>
      </c>
      <c r="B82215" s="14" t="s">
        <v>1</v>
      </c>
      <c r="C82215" s="14" t="s">
        <v>51</v>
      </c>
      <c r="D82215" s="14" t="s">
        <v>14</v>
      </c>
      <c r="E82215" s="15">
        <v>45466</v>
      </c>
      <c r="F82215" s="14" t="s">
        <v>15</v>
      </c>
      <c r="G82215" s="16">
        <v>0</v>
      </c>
    </row>
    <row r="82216" spans="1:7" x14ac:dyDescent="0.3">
      <c r="A82216" s="13" t="s">
        <v>416</v>
      </c>
      <c r="B82216" s="14" t="s">
        <v>1</v>
      </c>
      <c r="C82216" s="14" t="s">
        <v>51</v>
      </c>
      <c r="D82216" s="14" t="s">
        <v>14</v>
      </c>
      <c r="E82216" s="15">
        <v>45467</v>
      </c>
      <c r="F82216" s="14" t="s">
        <v>15</v>
      </c>
      <c r="G82216" s="16">
        <v>0</v>
      </c>
    </row>
    <row r="82217" spans="1:7" x14ac:dyDescent="0.3">
      <c r="A82217" s="13" t="s">
        <v>416</v>
      </c>
      <c r="B82217" s="14" t="s">
        <v>1</v>
      </c>
      <c r="C82217" s="14" t="s">
        <v>51</v>
      </c>
      <c r="D82217" s="14" t="s">
        <v>14</v>
      </c>
      <c r="E82217" s="15">
        <v>45468</v>
      </c>
      <c r="F82217" s="14" t="s">
        <v>15</v>
      </c>
      <c r="G82217" s="16">
        <v>0</v>
      </c>
    </row>
    <row r="82218" spans="1:7" x14ac:dyDescent="0.3">
      <c r="A82218" s="13" t="s">
        <v>416</v>
      </c>
      <c r="B82218" s="14" t="s">
        <v>1</v>
      </c>
      <c r="C82218" s="14" t="s">
        <v>51</v>
      </c>
      <c r="D82218" s="14" t="s">
        <v>14</v>
      </c>
      <c r="E82218" s="15">
        <v>45469</v>
      </c>
      <c r="F82218" s="14" t="s">
        <v>15</v>
      </c>
      <c r="G82218" s="16">
        <v>0</v>
      </c>
    </row>
    <row r="82219" spans="1:7" x14ac:dyDescent="0.3">
      <c r="A82219" s="13" t="s">
        <v>416</v>
      </c>
      <c r="B82219" s="14" t="s">
        <v>1</v>
      </c>
      <c r="C82219" s="14" t="s">
        <v>51</v>
      </c>
      <c r="D82219" s="14" t="s">
        <v>14</v>
      </c>
      <c r="E82219" s="15">
        <v>45470</v>
      </c>
      <c r="F82219" s="14" t="s">
        <v>15</v>
      </c>
      <c r="G82219" s="16">
        <v>0</v>
      </c>
    </row>
    <row r="82220" spans="1:7" x14ac:dyDescent="0.3">
      <c r="A82220" s="13" t="s">
        <v>416</v>
      </c>
      <c r="B82220" s="14" t="s">
        <v>1</v>
      </c>
      <c r="C82220" s="14" t="s">
        <v>51</v>
      </c>
      <c r="D82220" s="14" t="s">
        <v>14</v>
      </c>
      <c r="E82220" s="15">
        <v>45471</v>
      </c>
      <c r="F82220" s="14" t="s">
        <v>15</v>
      </c>
      <c r="G82220" s="16">
        <v>0</v>
      </c>
    </row>
    <row r="82221" spans="1:7" x14ac:dyDescent="0.3">
      <c r="A82221" s="13" t="s">
        <v>416</v>
      </c>
      <c r="B82221" s="14" t="s">
        <v>1</v>
      </c>
      <c r="C82221" s="14" t="s">
        <v>51</v>
      </c>
      <c r="D82221" s="14" t="s">
        <v>14</v>
      </c>
      <c r="E82221" s="15">
        <v>45472</v>
      </c>
      <c r="F82221" s="14" t="s">
        <v>15</v>
      </c>
      <c r="G82221" s="16">
        <v>0</v>
      </c>
    </row>
    <row r="82222" spans="1:7" x14ac:dyDescent="0.3">
      <c r="A82222" s="13" t="s">
        <v>416</v>
      </c>
      <c r="B82222" s="14" t="s">
        <v>1</v>
      </c>
      <c r="C82222" s="14" t="s">
        <v>51</v>
      </c>
      <c r="D82222" s="14" t="s">
        <v>14</v>
      </c>
      <c r="E82222" s="15">
        <v>45473</v>
      </c>
      <c r="F82222" s="14" t="s">
        <v>15</v>
      </c>
      <c r="G82222" s="16">
        <v>0</v>
      </c>
    </row>
    <row r="82223" spans="1:7" x14ac:dyDescent="0.3">
      <c r="A82223" s="13" t="s">
        <v>416</v>
      </c>
      <c r="B82223" s="14" t="s">
        <v>1</v>
      </c>
      <c r="C82223" s="14" t="s">
        <v>51</v>
      </c>
      <c r="D82223" s="14" t="s">
        <v>14</v>
      </c>
      <c r="E82223" s="15">
        <v>45474</v>
      </c>
      <c r="F82223" s="14" t="s">
        <v>15</v>
      </c>
      <c r="G82223" s="16">
        <v>0</v>
      </c>
    </row>
    <row r="82224" spans="1:7" x14ac:dyDescent="0.3">
      <c r="A82224" s="13" t="s">
        <v>416</v>
      </c>
      <c r="B82224" s="14" t="s">
        <v>1</v>
      </c>
      <c r="C82224" s="14" t="s">
        <v>51</v>
      </c>
      <c r="D82224" s="14" t="s">
        <v>14</v>
      </c>
      <c r="E82224" s="15">
        <v>45475</v>
      </c>
      <c r="F82224" s="14" t="s">
        <v>15</v>
      </c>
      <c r="G82224" s="16">
        <v>0</v>
      </c>
    </row>
    <row r="82225" spans="1:7" x14ac:dyDescent="0.3">
      <c r="A82225" s="13" t="s">
        <v>416</v>
      </c>
      <c r="B82225" s="14" t="s">
        <v>1</v>
      </c>
      <c r="C82225" s="14" t="s">
        <v>51</v>
      </c>
      <c r="D82225" s="14" t="s">
        <v>14</v>
      </c>
      <c r="E82225" s="15">
        <v>45476</v>
      </c>
      <c r="F82225" s="14" t="s">
        <v>15</v>
      </c>
      <c r="G82225" s="16">
        <v>0</v>
      </c>
    </row>
    <row r="82226" spans="1:7" x14ac:dyDescent="0.3">
      <c r="A82226" s="13" t="s">
        <v>416</v>
      </c>
      <c r="B82226" s="14" t="s">
        <v>1</v>
      </c>
      <c r="C82226" s="14" t="s">
        <v>51</v>
      </c>
      <c r="D82226" s="14" t="s">
        <v>14</v>
      </c>
      <c r="E82226" s="15">
        <v>45477</v>
      </c>
      <c r="F82226" s="14" t="s">
        <v>15</v>
      </c>
      <c r="G82226" s="16">
        <v>0</v>
      </c>
    </row>
    <row r="82227" spans="1:7" x14ac:dyDescent="0.3">
      <c r="A82227" s="13" t="s">
        <v>416</v>
      </c>
      <c r="B82227" s="14" t="s">
        <v>1</v>
      </c>
      <c r="C82227" s="14" t="s">
        <v>51</v>
      </c>
      <c r="D82227" s="14" t="s">
        <v>14</v>
      </c>
      <c r="E82227" s="15">
        <v>45478</v>
      </c>
      <c r="F82227" s="14" t="s">
        <v>15</v>
      </c>
      <c r="G82227" s="16">
        <v>0</v>
      </c>
    </row>
    <row r="82228" spans="1:7" x14ac:dyDescent="0.3">
      <c r="A82228" s="13" t="s">
        <v>416</v>
      </c>
      <c r="B82228" s="14" t="s">
        <v>1</v>
      </c>
      <c r="C82228" s="14" t="s">
        <v>51</v>
      </c>
      <c r="D82228" s="14" t="s">
        <v>14</v>
      </c>
      <c r="E82228" s="15">
        <v>45479</v>
      </c>
      <c r="F82228" s="14" t="s">
        <v>15</v>
      </c>
      <c r="G82228" s="16">
        <v>0</v>
      </c>
    </row>
    <row r="82229" spans="1:7" x14ac:dyDescent="0.3">
      <c r="A82229" s="13" t="s">
        <v>416</v>
      </c>
      <c r="B82229" s="14" t="s">
        <v>1</v>
      </c>
      <c r="C82229" s="14" t="s">
        <v>51</v>
      </c>
      <c r="D82229" s="14" t="s">
        <v>14</v>
      </c>
      <c r="E82229" s="15">
        <v>45480</v>
      </c>
      <c r="F82229" s="14" t="s">
        <v>15</v>
      </c>
      <c r="G82229" s="16">
        <v>0</v>
      </c>
    </row>
    <row r="82230" spans="1:7" x14ac:dyDescent="0.3">
      <c r="A82230" s="13" t="s">
        <v>416</v>
      </c>
      <c r="B82230" s="14" t="s">
        <v>1</v>
      </c>
      <c r="C82230" s="14" t="s">
        <v>51</v>
      </c>
      <c r="D82230" s="14" t="s">
        <v>14</v>
      </c>
      <c r="E82230" s="15">
        <v>45481</v>
      </c>
      <c r="F82230" s="14" t="s">
        <v>15</v>
      </c>
      <c r="G82230" s="16">
        <v>0</v>
      </c>
    </row>
    <row r="82231" spans="1:7" x14ac:dyDescent="0.3">
      <c r="A82231" s="13" t="s">
        <v>416</v>
      </c>
      <c r="B82231" s="14" t="s">
        <v>1</v>
      </c>
      <c r="C82231" s="14" t="s">
        <v>51</v>
      </c>
      <c r="D82231" s="14" t="s">
        <v>14</v>
      </c>
      <c r="E82231" s="15">
        <v>45482</v>
      </c>
      <c r="F82231" s="14" t="s">
        <v>15</v>
      </c>
      <c r="G82231" s="16">
        <v>0</v>
      </c>
    </row>
    <row r="82232" spans="1:7" x14ac:dyDescent="0.3">
      <c r="A82232" s="13" t="s">
        <v>416</v>
      </c>
      <c r="B82232" s="14" t="s">
        <v>1</v>
      </c>
      <c r="C82232" s="14" t="s">
        <v>51</v>
      </c>
      <c r="D82232" s="14" t="s">
        <v>14</v>
      </c>
      <c r="E82232" s="15">
        <v>45483</v>
      </c>
      <c r="F82232" s="14" t="s">
        <v>15</v>
      </c>
      <c r="G82232" s="16">
        <v>0</v>
      </c>
    </row>
    <row r="82233" spans="1:7" x14ac:dyDescent="0.3">
      <c r="A82233" s="13" t="s">
        <v>416</v>
      </c>
      <c r="B82233" s="14" t="s">
        <v>1</v>
      </c>
      <c r="C82233" s="14" t="s">
        <v>51</v>
      </c>
      <c r="D82233" s="14" t="s">
        <v>14</v>
      </c>
      <c r="E82233" s="15">
        <v>45484</v>
      </c>
      <c r="F82233" s="14" t="s">
        <v>15</v>
      </c>
      <c r="G82233" s="16">
        <v>0</v>
      </c>
    </row>
    <row r="82234" spans="1:7" x14ac:dyDescent="0.3">
      <c r="A82234" s="13" t="s">
        <v>416</v>
      </c>
      <c r="B82234" s="14" t="s">
        <v>1</v>
      </c>
      <c r="C82234" s="14" t="s">
        <v>51</v>
      </c>
      <c r="D82234" s="14" t="s">
        <v>14</v>
      </c>
      <c r="E82234" s="15">
        <v>45485</v>
      </c>
      <c r="F82234" s="14" t="s">
        <v>15</v>
      </c>
      <c r="G82234" s="16">
        <v>0</v>
      </c>
    </row>
    <row r="82235" spans="1:7" x14ac:dyDescent="0.3">
      <c r="A82235" s="13" t="s">
        <v>416</v>
      </c>
      <c r="B82235" s="14" t="s">
        <v>1</v>
      </c>
      <c r="C82235" s="14" t="s">
        <v>51</v>
      </c>
      <c r="D82235" s="14" t="s">
        <v>14</v>
      </c>
      <c r="E82235" s="15">
        <v>45486</v>
      </c>
      <c r="F82235" s="14" t="s">
        <v>15</v>
      </c>
      <c r="G82235" s="16">
        <v>0</v>
      </c>
    </row>
    <row r="82236" spans="1:7" x14ac:dyDescent="0.3">
      <c r="A82236" s="13" t="s">
        <v>416</v>
      </c>
      <c r="B82236" s="14" t="s">
        <v>1</v>
      </c>
      <c r="C82236" s="14" t="s">
        <v>51</v>
      </c>
      <c r="D82236" s="14" t="s">
        <v>14</v>
      </c>
      <c r="E82236" s="15">
        <v>45487</v>
      </c>
      <c r="F82236" s="14" t="s">
        <v>15</v>
      </c>
      <c r="G82236" s="16">
        <v>0</v>
      </c>
    </row>
    <row r="82237" spans="1:7" x14ac:dyDescent="0.3">
      <c r="A82237" s="13" t="s">
        <v>416</v>
      </c>
      <c r="B82237" s="14" t="s">
        <v>1</v>
      </c>
      <c r="C82237" s="14" t="s">
        <v>51</v>
      </c>
      <c r="D82237" s="14" t="s">
        <v>14</v>
      </c>
      <c r="E82237" s="15">
        <v>45488</v>
      </c>
      <c r="F82237" s="14" t="s">
        <v>15</v>
      </c>
      <c r="G82237" s="16">
        <v>0</v>
      </c>
    </row>
    <row r="82238" spans="1:7" x14ac:dyDescent="0.3">
      <c r="A82238" s="13" t="s">
        <v>416</v>
      </c>
      <c r="B82238" s="14" t="s">
        <v>1</v>
      </c>
      <c r="C82238" s="14" t="s">
        <v>51</v>
      </c>
      <c r="D82238" s="14" t="s">
        <v>14</v>
      </c>
      <c r="E82238" s="15">
        <v>45489</v>
      </c>
      <c r="F82238" s="14" t="s">
        <v>15</v>
      </c>
      <c r="G82238" s="16">
        <v>0</v>
      </c>
    </row>
    <row r="82239" spans="1:7" x14ac:dyDescent="0.3">
      <c r="A82239" s="13" t="s">
        <v>416</v>
      </c>
      <c r="B82239" s="14" t="s">
        <v>1</v>
      </c>
      <c r="C82239" s="14" t="s">
        <v>51</v>
      </c>
      <c r="D82239" s="14" t="s">
        <v>14</v>
      </c>
      <c r="E82239" s="15">
        <v>45490</v>
      </c>
      <c r="F82239" s="14" t="s">
        <v>15</v>
      </c>
      <c r="G82239" s="16">
        <v>0</v>
      </c>
    </row>
    <row r="82240" spans="1:7" x14ac:dyDescent="0.3">
      <c r="A82240" s="13" t="s">
        <v>416</v>
      </c>
      <c r="B82240" s="14" t="s">
        <v>1</v>
      </c>
      <c r="C82240" s="14" t="s">
        <v>51</v>
      </c>
      <c r="D82240" s="14" t="s">
        <v>14</v>
      </c>
      <c r="E82240" s="15">
        <v>45491</v>
      </c>
      <c r="F82240" s="14" t="s">
        <v>15</v>
      </c>
      <c r="G82240" s="16">
        <v>0</v>
      </c>
    </row>
    <row r="82241" spans="1:7" x14ac:dyDescent="0.3">
      <c r="A82241" s="13" t="s">
        <v>416</v>
      </c>
      <c r="B82241" s="14" t="s">
        <v>1</v>
      </c>
      <c r="C82241" s="14" t="s">
        <v>51</v>
      </c>
      <c r="D82241" s="14" t="s">
        <v>14</v>
      </c>
      <c r="E82241" s="15">
        <v>45492</v>
      </c>
      <c r="F82241" s="14" t="s">
        <v>15</v>
      </c>
      <c r="G82241" s="16">
        <v>0</v>
      </c>
    </row>
    <row r="82242" spans="1:7" x14ac:dyDescent="0.3">
      <c r="A82242" s="13" t="s">
        <v>416</v>
      </c>
      <c r="B82242" s="14" t="s">
        <v>1</v>
      </c>
      <c r="C82242" s="14" t="s">
        <v>51</v>
      </c>
      <c r="D82242" s="14" t="s">
        <v>14</v>
      </c>
      <c r="E82242" s="15">
        <v>45493</v>
      </c>
      <c r="F82242" s="14" t="s">
        <v>15</v>
      </c>
      <c r="G82242" s="16">
        <v>0</v>
      </c>
    </row>
    <row r="82243" spans="1:7" x14ac:dyDescent="0.3">
      <c r="A82243" s="13" t="s">
        <v>416</v>
      </c>
      <c r="B82243" s="14" t="s">
        <v>1</v>
      </c>
      <c r="C82243" s="14" t="s">
        <v>51</v>
      </c>
      <c r="D82243" s="14" t="s">
        <v>14</v>
      </c>
      <c r="E82243" s="15">
        <v>45494</v>
      </c>
      <c r="F82243" s="14" t="s">
        <v>15</v>
      </c>
      <c r="G82243" s="16">
        <v>0</v>
      </c>
    </row>
    <row r="82244" spans="1:7" x14ac:dyDescent="0.3">
      <c r="A82244" s="13" t="s">
        <v>416</v>
      </c>
      <c r="B82244" s="14" t="s">
        <v>1</v>
      </c>
      <c r="C82244" s="14" t="s">
        <v>51</v>
      </c>
      <c r="D82244" s="14" t="s">
        <v>14</v>
      </c>
      <c r="E82244" s="15">
        <v>45495</v>
      </c>
      <c r="F82244" s="14" t="s">
        <v>15</v>
      </c>
      <c r="G82244" s="16">
        <v>0</v>
      </c>
    </row>
    <row r="82245" spans="1:7" x14ac:dyDescent="0.3">
      <c r="A82245" s="13" t="s">
        <v>416</v>
      </c>
      <c r="B82245" s="14" t="s">
        <v>1</v>
      </c>
      <c r="C82245" s="14" t="s">
        <v>51</v>
      </c>
      <c r="D82245" s="14" t="s">
        <v>14</v>
      </c>
      <c r="E82245" s="15">
        <v>45496</v>
      </c>
      <c r="F82245" s="14" t="s">
        <v>15</v>
      </c>
      <c r="G82245" s="16">
        <v>0</v>
      </c>
    </row>
    <row r="82246" spans="1:7" x14ac:dyDescent="0.3">
      <c r="A82246" s="13" t="s">
        <v>416</v>
      </c>
      <c r="B82246" s="14" t="s">
        <v>1</v>
      </c>
      <c r="C82246" s="14" t="s">
        <v>51</v>
      </c>
      <c r="D82246" s="14" t="s">
        <v>14</v>
      </c>
      <c r="E82246" s="15">
        <v>45497</v>
      </c>
      <c r="F82246" s="14" t="s">
        <v>15</v>
      </c>
      <c r="G82246" s="16">
        <v>0</v>
      </c>
    </row>
    <row r="82247" spans="1:7" x14ac:dyDescent="0.3">
      <c r="A82247" s="13" t="s">
        <v>416</v>
      </c>
      <c r="B82247" s="14" t="s">
        <v>1</v>
      </c>
      <c r="C82247" s="14" t="s">
        <v>51</v>
      </c>
      <c r="D82247" s="14" t="s">
        <v>14</v>
      </c>
      <c r="E82247" s="15">
        <v>45498</v>
      </c>
      <c r="F82247" s="14" t="s">
        <v>15</v>
      </c>
      <c r="G82247" s="16">
        <v>0</v>
      </c>
    </row>
    <row r="82248" spans="1:7" x14ac:dyDescent="0.3">
      <c r="A82248" s="13" t="s">
        <v>416</v>
      </c>
      <c r="B82248" s="14" t="s">
        <v>1</v>
      </c>
      <c r="C82248" s="14" t="s">
        <v>51</v>
      </c>
      <c r="D82248" s="14" t="s">
        <v>14</v>
      </c>
      <c r="E82248" s="15">
        <v>45499</v>
      </c>
      <c r="F82248" s="14" t="s">
        <v>15</v>
      </c>
      <c r="G82248" s="16">
        <v>0</v>
      </c>
    </row>
    <row r="82249" spans="1:7" x14ac:dyDescent="0.3">
      <c r="A82249" s="13" t="s">
        <v>416</v>
      </c>
      <c r="B82249" s="14" t="s">
        <v>1</v>
      </c>
      <c r="C82249" s="14" t="s">
        <v>51</v>
      </c>
      <c r="D82249" s="14" t="s">
        <v>14</v>
      </c>
      <c r="E82249" s="15">
        <v>45500</v>
      </c>
      <c r="F82249" s="14" t="s">
        <v>15</v>
      </c>
      <c r="G82249" s="16">
        <v>0</v>
      </c>
    </row>
    <row r="82250" spans="1:7" x14ac:dyDescent="0.3">
      <c r="A82250" s="13" t="s">
        <v>416</v>
      </c>
      <c r="B82250" s="14" t="s">
        <v>1</v>
      </c>
      <c r="C82250" s="14" t="s">
        <v>51</v>
      </c>
      <c r="D82250" s="14" t="s">
        <v>14</v>
      </c>
      <c r="E82250" s="15">
        <v>45501</v>
      </c>
      <c r="F82250" s="14" t="s">
        <v>15</v>
      </c>
      <c r="G82250" s="16">
        <v>0</v>
      </c>
    </row>
    <row r="82251" spans="1:7" x14ac:dyDescent="0.3">
      <c r="A82251" s="13" t="s">
        <v>416</v>
      </c>
      <c r="B82251" s="14" t="s">
        <v>1</v>
      </c>
      <c r="C82251" s="14" t="s">
        <v>51</v>
      </c>
      <c r="D82251" s="14" t="s">
        <v>14</v>
      </c>
      <c r="E82251" s="15">
        <v>45502</v>
      </c>
      <c r="F82251" s="14" t="s">
        <v>15</v>
      </c>
      <c r="G82251" s="16">
        <v>0</v>
      </c>
    </row>
    <row r="82252" spans="1:7" x14ac:dyDescent="0.3">
      <c r="A82252" s="13" t="s">
        <v>416</v>
      </c>
      <c r="B82252" s="14" t="s">
        <v>1</v>
      </c>
      <c r="C82252" s="14" t="s">
        <v>51</v>
      </c>
      <c r="D82252" s="14" t="s">
        <v>14</v>
      </c>
      <c r="E82252" s="15">
        <v>45503</v>
      </c>
      <c r="F82252" s="14" t="s">
        <v>15</v>
      </c>
      <c r="G82252" s="16">
        <v>0</v>
      </c>
    </row>
    <row r="82253" spans="1:7" x14ac:dyDescent="0.3">
      <c r="A82253" s="13" t="s">
        <v>416</v>
      </c>
      <c r="B82253" s="14" t="s">
        <v>1</v>
      </c>
      <c r="C82253" s="14" t="s">
        <v>51</v>
      </c>
      <c r="D82253" s="14" t="s">
        <v>14</v>
      </c>
      <c r="E82253" s="15">
        <v>45504</v>
      </c>
      <c r="F82253" s="14" t="s">
        <v>15</v>
      </c>
      <c r="G82253" s="16">
        <v>0</v>
      </c>
    </row>
    <row r="82254" spans="1:7" x14ac:dyDescent="0.3">
      <c r="A82254" s="13" t="s">
        <v>416</v>
      </c>
      <c r="B82254" s="14" t="s">
        <v>1</v>
      </c>
      <c r="C82254" s="14" t="s">
        <v>51</v>
      </c>
      <c r="D82254" s="14" t="s">
        <v>14</v>
      </c>
      <c r="E82254" s="15">
        <v>45505</v>
      </c>
      <c r="F82254" s="14" t="s">
        <v>15</v>
      </c>
      <c r="G82254" s="16">
        <v>0</v>
      </c>
    </row>
    <row r="82255" spans="1:7" x14ac:dyDescent="0.3">
      <c r="A82255" s="13" t="s">
        <v>416</v>
      </c>
      <c r="B82255" s="14" t="s">
        <v>1</v>
      </c>
      <c r="C82255" s="14" t="s">
        <v>51</v>
      </c>
      <c r="D82255" s="14" t="s">
        <v>14</v>
      </c>
      <c r="E82255" s="15">
        <v>45506</v>
      </c>
      <c r="F82255" s="14" t="s">
        <v>15</v>
      </c>
      <c r="G82255" s="16">
        <v>0</v>
      </c>
    </row>
    <row r="82256" spans="1:7" x14ac:dyDescent="0.3">
      <c r="A82256" s="13" t="s">
        <v>416</v>
      </c>
      <c r="B82256" s="14" t="s">
        <v>1</v>
      </c>
      <c r="C82256" s="14" t="s">
        <v>51</v>
      </c>
      <c r="D82256" s="14" t="s">
        <v>14</v>
      </c>
      <c r="E82256" s="15">
        <v>45507</v>
      </c>
      <c r="F82256" s="14" t="s">
        <v>15</v>
      </c>
      <c r="G82256" s="16">
        <v>0</v>
      </c>
    </row>
    <row r="82257" spans="1:7" x14ac:dyDescent="0.3">
      <c r="A82257" s="13" t="s">
        <v>416</v>
      </c>
      <c r="B82257" s="14" t="s">
        <v>1</v>
      </c>
      <c r="C82257" s="14" t="s">
        <v>51</v>
      </c>
      <c r="D82257" s="14" t="s">
        <v>14</v>
      </c>
      <c r="E82257" s="15">
        <v>45508</v>
      </c>
      <c r="F82257" s="14" t="s">
        <v>15</v>
      </c>
      <c r="G82257" s="16">
        <v>0</v>
      </c>
    </row>
    <row r="82258" spans="1:7" x14ac:dyDescent="0.3">
      <c r="A82258" s="13" t="s">
        <v>416</v>
      </c>
      <c r="B82258" s="14" t="s">
        <v>1</v>
      </c>
      <c r="C82258" s="14" t="s">
        <v>51</v>
      </c>
      <c r="D82258" s="14" t="s">
        <v>14</v>
      </c>
      <c r="E82258" s="15">
        <v>45509</v>
      </c>
      <c r="F82258" s="14" t="s">
        <v>15</v>
      </c>
      <c r="G82258" s="16">
        <v>0</v>
      </c>
    </row>
    <row r="82259" spans="1:7" x14ac:dyDescent="0.3">
      <c r="A82259" s="13" t="s">
        <v>416</v>
      </c>
      <c r="B82259" s="14" t="s">
        <v>1</v>
      </c>
      <c r="C82259" s="14" t="s">
        <v>51</v>
      </c>
      <c r="D82259" s="14" t="s">
        <v>14</v>
      </c>
      <c r="E82259" s="15">
        <v>45510</v>
      </c>
      <c r="F82259" s="14" t="s">
        <v>15</v>
      </c>
      <c r="G82259" s="16">
        <v>0</v>
      </c>
    </row>
    <row r="82260" spans="1:7" x14ac:dyDescent="0.3">
      <c r="A82260" s="13" t="s">
        <v>416</v>
      </c>
      <c r="B82260" s="14" t="s">
        <v>1</v>
      </c>
      <c r="C82260" s="14" t="s">
        <v>51</v>
      </c>
      <c r="D82260" s="14" t="s">
        <v>14</v>
      </c>
      <c r="E82260" s="15">
        <v>45511</v>
      </c>
      <c r="F82260" s="14" t="s">
        <v>15</v>
      </c>
      <c r="G82260" s="16">
        <v>0</v>
      </c>
    </row>
    <row r="82261" spans="1:7" x14ac:dyDescent="0.3">
      <c r="A82261" s="13" t="s">
        <v>416</v>
      </c>
      <c r="B82261" s="14" t="s">
        <v>1</v>
      </c>
      <c r="C82261" s="14" t="s">
        <v>51</v>
      </c>
      <c r="D82261" s="14" t="s">
        <v>14</v>
      </c>
      <c r="E82261" s="15">
        <v>45512</v>
      </c>
      <c r="F82261" s="14" t="s">
        <v>15</v>
      </c>
      <c r="G82261" s="16">
        <v>0</v>
      </c>
    </row>
    <row r="82262" spans="1:7" x14ac:dyDescent="0.3">
      <c r="A82262" s="13" t="s">
        <v>416</v>
      </c>
      <c r="B82262" s="14" t="s">
        <v>1</v>
      </c>
      <c r="C82262" s="14" t="s">
        <v>51</v>
      </c>
      <c r="D82262" s="14" t="s">
        <v>14</v>
      </c>
      <c r="E82262" s="15">
        <v>45513</v>
      </c>
      <c r="F82262" s="14" t="s">
        <v>15</v>
      </c>
      <c r="G82262" s="16">
        <v>0</v>
      </c>
    </row>
    <row r="82263" spans="1:7" x14ac:dyDescent="0.3">
      <c r="A82263" s="13" t="s">
        <v>416</v>
      </c>
      <c r="B82263" s="14" t="s">
        <v>1</v>
      </c>
      <c r="C82263" s="14" t="s">
        <v>51</v>
      </c>
      <c r="D82263" s="14" t="s">
        <v>14</v>
      </c>
      <c r="E82263" s="15">
        <v>45514</v>
      </c>
      <c r="F82263" s="14" t="s">
        <v>15</v>
      </c>
      <c r="G82263" s="16">
        <v>0</v>
      </c>
    </row>
    <row r="82264" spans="1:7" x14ac:dyDescent="0.3">
      <c r="A82264" s="13" t="s">
        <v>416</v>
      </c>
      <c r="B82264" s="14" t="s">
        <v>1</v>
      </c>
      <c r="C82264" s="14" t="s">
        <v>51</v>
      </c>
      <c r="D82264" s="14" t="s">
        <v>14</v>
      </c>
      <c r="E82264" s="15">
        <v>45515</v>
      </c>
      <c r="F82264" s="14" t="s">
        <v>15</v>
      </c>
      <c r="G82264" s="16">
        <v>0</v>
      </c>
    </row>
    <row r="82265" spans="1:7" x14ac:dyDescent="0.3">
      <c r="A82265" s="13" t="s">
        <v>416</v>
      </c>
      <c r="B82265" s="14" t="s">
        <v>1</v>
      </c>
      <c r="C82265" s="14" t="s">
        <v>51</v>
      </c>
      <c r="D82265" s="14" t="s">
        <v>14</v>
      </c>
      <c r="E82265" s="15">
        <v>45516</v>
      </c>
      <c r="F82265" s="14" t="s">
        <v>15</v>
      </c>
      <c r="G82265" s="16">
        <v>0</v>
      </c>
    </row>
    <row r="82266" spans="1:7" x14ac:dyDescent="0.3">
      <c r="A82266" s="13" t="s">
        <v>416</v>
      </c>
      <c r="B82266" s="14" t="s">
        <v>1</v>
      </c>
      <c r="C82266" s="14" t="s">
        <v>51</v>
      </c>
      <c r="D82266" s="14" t="s">
        <v>14</v>
      </c>
      <c r="E82266" s="15">
        <v>45517</v>
      </c>
      <c r="F82266" s="14" t="s">
        <v>15</v>
      </c>
      <c r="G82266" s="16">
        <v>0</v>
      </c>
    </row>
    <row r="82267" spans="1:7" x14ac:dyDescent="0.3">
      <c r="A82267" s="13" t="s">
        <v>416</v>
      </c>
      <c r="B82267" s="14" t="s">
        <v>1</v>
      </c>
      <c r="C82267" s="14" t="s">
        <v>51</v>
      </c>
      <c r="D82267" s="14" t="s">
        <v>14</v>
      </c>
      <c r="E82267" s="15">
        <v>45518</v>
      </c>
      <c r="F82267" s="14" t="s">
        <v>15</v>
      </c>
      <c r="G82267" s="16">
        <v>0</v>
      </c>
    </row>
    <row r="82268" spans="1:7" x14ac:dyDescent="0.3">
      <c r="A82268" s="13" t="s">
        <v>416</v>
      </c>
      <c r="B82268" s="14" t="s">
        <v>1</v>
      </c>
      <c r="C82268" s="14" t="s">
        <v>51</v>
      </c>
      <c r="D82268" s="14" t="s">
        <v>14</v>
      </c>
      <c r="E82268" s="15">
        <v>45519</v>
      </c>
      <c r="F82268" s="14" t="s">
        <v>15</v>
      </c>
      <c r="G82268" s="16">
        <v>0</v>
      </c>
    </row>
    <row r="82269" spans="1:7" x14ac:dyDescent="0.3">
      <c r="A82269" s="13" t="s">
        <v>416</v>
      </c>
      <c r="B82269" s="14" t="s">
        <v>1</v>
      </c>
      <c r="C82269" s="14" t="s">
        <v>51</v>
      </c>
      <c r="D82269" s="14" t="s">
        <v>14</v>
      </c>
      <c r="E82269" s="15">
        <v>45520</v>
      </c>
      <c r="F82269" s="14" t="s">
        <v>15</v>
      </c>
      <c r="G82269" s="16">
        <v>0</v>
      </c>
    </row>
    <row r="82270" spans="1:7" x14ac:dyDescent="0.3">
      <c r="A82270" s="13" t="s">
        <v>416</v>
      </c>
      <c r="B82270" s="14" t="s">
        <v>1</v>
      </c>
      <c r="C82270" s="14" t="s">
        <v>51</v>
      </c>
      <c r="D82270" s="14" t="s">
        <v>14</v>
      </c>
      <c r="E82270" s="15">
        <v>45521</v>
      </c>
      <c r="F82270" s="14" t="s">
        <v>15</v>
      </c>
      <c r="G82270" s="16">
        <v>0</v>
      </c>
    </row>
    <row r="82271" spans="1:7" x14ac:dyDescent="0.3">
      <c r="A82271" s="13" t="s">
        <v>416</v>
      </c>
      <c r="B82271" s="14" t="s">
        <v>1</v>
      </c>
      <c r="C82271" s="14" t="s">
        <v>51</v>
      </c>
      <c r="D82271" s="14" t="s">
        <v>14</v>
      </c>
      <c r="E82271" s="15">
        <v>45522</v>
      </c>
      <c r="F82271" s="14" t="s">
        <v>15</v>
      </c>
      <c r="G82271" s="16">
        <v>0</v>
      </c>
    </row>
    <row r="82272" spans="1:7" x14ac:dyDescent="0.3">
      <c r="A82272" s="13" t="s">
        <v>416</v>
      </c>
      <c r="B82272" s="14" t="s">
        <v>1</v>
      </c>
      <c r="C82272" s="14" t="s">
        <v>51</v>
      </c>
      <c r="D82272" s="14" t="s">
        <v>14</v>
      </c>
      <c r="E82272" s="15">
        <v>45523</v>
      </c>
      <c r="F82272" s="14" t="s">
        <v>15</v>
      </c>
      <c r="G82272" s="16">
        <v>0</v>
      </c>
    </row>
    <row r="82273" spans="1:7" x14ac:dyDescent="0.3">
      <c r="A82273" s="13" t="s">
        <v>416</v>
      </c>
      <c r="B82273" s="14" t="s">
        <v>1</v>
      </c>
      <c r="C82273" s="14" t="s">
        <v>51</v>
      </c>
      <c r="D82273" s="14" t="s">
        <v>14</v>
      </c>
      <c r="E82273" s="15">
        <v>45524</v>
      </c>
      <c r="F82273" s="14" t="s">
        <v>15</v>
      </c>
      <c r="G82273" s="16">
        <v>0</v>
      </c>
    </row>
    <row r="82274" spans="1:7" x14ac:dyDescent="0.3">
      <c r="A82274" s="13" t="s">
        <v>416</v>
      </c>
      <c r="B82274" s="14" t="s">
        <v>1</v>
      </c>
      <c r="C82274" s="14" t="s">
        <v>51</v>
      </c>
      <c r="D82274" s="14" t="s">
        <v>14</v>
      </c>
      <c r="E82274" s="15">
        <v>45525</v>
      </c>
      <c r="F82274" s="14" t="s">
        <v>15</v>
      </c>
      <c r="G82274" s="16">
        <v>0</v>
      </c>
    </row>
    <row r="82275" spans="1:7" x14ac:dyDescent="0.3">
      <c r="A82275" s="13" t="s">
        <v>416</v>
      </c>
      <c r="B82275" s="14" t="s">
        <v>1</v>
      </c>
      <c r="C82275" s="14" t="s">
        <v>51</v>
      </c>
      <c r="D82275" s="14" t="s">
        <v>14</v>
      </c>
      <c r="E82275" s="15">
        <v>45526</v>
      </c>
      <c r="F82275" s="14" t="s">
        <v>15</v>
      </c>
      <c r="G82275" s="16">
        <v>0</v>
      </c>
    </row>
    <row r="82276" spans="1:7" x14ac:dyDescent="0.3">
      <c r="A82276" s="13" t="s">
        <v>416</v>
      </c>
      <c r="B82276" s="14" t="s">
        <v>1</v>
      </c>
      <c r="C82276" s="14" t="s">
        <v>51</v>
      </c>
      <c r="D82276" s="14" t="s">
        <v>14</v>
      </c>
      <c r="E82276" s="15">
        <v>45527</v>
      </c>
      <c r="F82276" s="14" t="s">
        <v>15</v>
      </c>
      <c r="G82276" s="16">
        <v>0</v>
      </c>
    </row>
    <row r="82277" spans="1:7" x14ac:dyDescent="0.3">
      <c r="A82277" s="13" t="s">
        <v>416</v>
      </c>
      <c r="B82277" s="14" t="s">
        <v>1</v>
      </c>
      <c r="C82277" s="14" t="s">
        <v>51</v>
      </c>
      <c r="D82277" s="14" t="s">
        <v>14</v>
      </c>
      <c r="E82277" s="15">
        <v>45528</v>
      </c>
      <c r="F82277" s="14" t="s">
        <v>15</v>
      </c>
      <c r="G82277" s="16">
        <v>0</v>
      </c>
    </row>
    <row r="82278" spans="1:7" x14ac:dyDescent="0.3">
      <c r="A82278" s="13" t="s">
        <v>416</v>
      </c>
      <c r="B82278" s="14" t="s">
        <v>1</v>
      </c>
      <c r="C82278" s="14" t="s">
        <v>51</v>
      </c>
      <c r="D82278" s="14" t="s">
        <v>14</v>
      </c>
      <c r="E82278" s="15">
        <v>45529</v>
      </c>
      <c r="F82278" s="14" t="s">
        <v>15</v>
      </c>
      <c r="G82278" s="16">
        <v>0</v>
      </c>
    </row>
    <row r="82279" spans="1:7" x14ac:dyDescent="0.3">
      <c r="A82279" s="13" t="s">
        <v>416</v>
      </c>
      <c r="B82279" s="14" t="s">
        <v>1</v>
      </c>
      <c r="C82279" s="14" t="s">
        <v>51</v>
      </c>
      <c r="D82279" s="14" t="s">
        <v>14</v>
      </c>
      <c r="E82279" s="15">
        <v>45530</v>
      </c>
      <c r="F82279" s="14" t="s">
        <v>15</v>
      </c>
      <c r="G82279" s="16">
        <v>0</v>
      </c>
    </row>
    <row r="82280" spans="1:7" x14ac:dyDescent="0.3">
      <c r="A82280" s="13" t="s">
        <v>416</v>
      </c>
      <c r="B82280" s="14" t="s">
        <v>1</v>
      </c>
      <c r="C82280" s="14" t="s">
        <v>51</v>
      </c>
      <c r="D82280" s="14" t="s">
        <v>14</v>
      </c>
      <c r="E82280" s="15">
        <v>45531</v>
      </c>
      <c r="F82280" s="14" t="s">
        <v>15</v>
      </c>
      <c r="G82280" s="16">
        <v>0</v>
      </c>
    </row>
    <row r="82281" spans="1:7" x14ac:dyDescent="0.3">
      <c r="A82281" s="13" t="s">
        <v>416</v>
      </c>
      <c r="B82281" s="14" t="s">
        <v>1</v>
      </c>
      <c r="C82281" s="14" t="s">
        <v>51</v>
      </c>
      <c r="D82281" s="14" t="s">
        <v>14</v>
      </c>
      <c r="E82281" s="15">
        <v>45532</v>
      </c>
      <c r="F82281" s="14" t="s">
        <v>15</v>
      </c>
      <c r="G82281" s="16">
        <v>0</v>
      </c>
    </row>
    <row r="82282" spans="1:7" x14ac:dyDescent="0.3">
      <c r="A82282" s="13" t="s">
        <v>416</v>
      </c>
      <c r="B82282" s="14" t="s">
        <v>1</v>
      </c>
      <c r="C82282" s="14" t="s">
        <v>51</v>
      </c>
      <c r="D82282" s="14" t="s">
        <v>14</v>
      </c>
      <c r="E82282" s="15">
        <v>45533</v>
      </c>
      <c r="F82282" s="14" t="s">
        <v>15</v>
      </c>
      <c r="G82282" s="16">
        <v>0</v>
      </c>
    </row>
    <row r="82283" spans="1:7" x14ac:dyDescent="0.3">
      <c r="A82283" s="13" t="s">
        <v>416</v>
      </c>
      <c r="B82283" s="14" t="s">
        <v>1</v>
      </c>
      <c r="C82283" s="14" t="s">
        <v>51</v>
      </c>
      <c r="D82283" s="14" t="s">
        <v>14</v>
      </c>
      <c r="E82283" s="15">
        <v>45534</v>
      </c>
      <c r="F82283" s="14" t="s">
        <v>15</v>
      </c>
      <c r="G82283" s="16">
        <v>0</v>
      </c>
    </row>
    <row r="82284" spans="1:7" x14ac:dyDescent="0.3">
      <c r="A82284" s="13" t="s">
        <v>416</v>
      </c>
      <c r="B82284" s="14" t="s">
        <v>1</v>
      </c>
      <c r="C82284" s="14" t="s">
        <v>51</v>
      </c>
      <c r="D82284" s="14" t="s">
        <v>14</v>
      </c>
      <c r="E82284" s="15">
        <v>45535</v>
      </c>
      <c r="F82284" s="14" t="s">
        <v>15</v>
      </c>
      <c r="G82284" s="16">
        <v>0</v>
      </c>
    </row>
    <row r="82285" spans="1:7" x14ac:dyDescent="0.3">
      <c r="A82285" s="13" t="s">
        <v>416</v>
      </c>
      <c r="B82285" s="14" t="s">
        <v>1</v>
      </c>
      <c r="C82285" s="14" t="s">
        <v>51</v>
      </c>
      <c r="D82285" s="14" t="s">
        <v>14</v>
      </c>
      <c r="E82285" s="15">
        <v>45536</v>
      </c>
      <c r="F82285" s="14" t="s">
        <v>15</v>
      </c>
      <c r="G82285" s="16">
        <v>0</v>
      </c>
    </row>
    <row r="82286" spans="1:7" x14ac:dyDescent="0.3">
      <c r="A82286" s="13" t="s">
        <v>416</v>
      </c>
      <c r="B82286" s="14" t="s">
        <v>1</v>
      </c>
      <c r="C82286" s="14" t="s">
        <v>51</v>
      </c>
      <c r="D82286" s="14" t="s">
        <v>14</v>
      </c>
      <c r="E82286" s="15">
        <v>45537</v>
      </c>
      <c r="F82286" s="14" t="s">
        <v>15</v>
      </c>
      <c r="G82286" s="16">
        <v>0</v>
      </c>
    </row>
    <row r="82287" spans="1:7" x14ac:dyDescent="0.3">
      <c r="A82287" s="13" t="s">
        <v>416</v>
      </c>
      <c r="B82287" s="14" t="s">
        <v>1</v>
      </c>
      <c r="C82287" s="14" t="s">
        <v>51</v>
      </c>
      <c r="D82287" s="14" t="s">
        <v>14</v>
      </c>
      <c r="E82287" s="15">
        <v>45538</v>
      </c>
      <c r="F82287" s="14" t="s">
        <v>15</v>
      </c>
      <c r="G82287" s="16">
        <v>0</v>
      </c>
    </row>
    <row r="82288" spans="1:7" x14ac:dyDescent="0.3">
      <c r="A82288" s="13" t="s">
        <v>416</v>
      </c>
      <c r="B82288" s="14" t="s">
        <v>1</v>
      </c>
      <c r="C82288" s="14" t="s">
        <v>51</v>
      </c>
      <c r="D82288" s="14" t="s">
        <v>14</v>
      </c>
      <c r="E82288" s="15">
        <v>45539</v>
      </c>
      <c r="F82288" s="14" t="s">
        <v>15</v>
      </c>
      <c r="G82288" s="16">
        <v>0</v>
      </c>
    </row>
    <row r="82289" spans="1:7" x14ac:dyDescent="0.3">
      <c r="A82289" s="13" t="s">
        <v>416</v>
      </c>
      <c r="B82289" s="14" t="s">
        <v>1</v>
      </c>
      <c r="C82289" s="14" t="s">
        <v>51</v>
      </c>
      <c r="D82289" s="14" t="s">
        <v>14</v>
      </c>
      <c r="E82289" s="15">
        <v>45540</v>
      </c>
      <c r="F82289" s="14" t="s">
        <v>15</v>
      </c>
      <c r="G82289" s="16">
        <v>0</v>
      </c>
    </row>
    <row r="82290" spans="1:7" x14ac:dyDescent="0.3">
      <c r="A82290" s="13" t="s">
        <v>416</v>
      </c>
      <c r="B82290" s="14" t="s">
        <v>1</v>
      </c>
      <c r="C82290" s="14" t="s">
        <v>51</v>
      </c>
      <c r="D82290" s="14" t="s">
        <v>14</v>
      </c>
      <c r="E82290" s="15">
        <v>45541</v>
      </c>
      <c r="F82290" s="14" t="s">
        <v>15</v>
      </c>
      <c r="G82290" s="16">
        <v>0</v>
      </c>
    </row>
    <row r="82291" spans="1:7" x14ac:dyDescent="0.3">
      <c r="A82291" s="13" t="s">
        <v>416</v>
      </c>
      <c r="B82291" s="14" t="s">
        <v>1</v>
      </c>
      <c r="C82291" s="14" t="s">
        <v>51</v>
      </c>
      <c r="D82291" s="14" t="s">
        <v>14</v>
      </c>
      <c r="E82291" s="15">
        <v>45542</v>
      </c>
      <c r="F82291" s="14" t="s">
        <v>15</v>
      </c>
      <c r="G82291" s="16">
        <v>0</v>
      </c>
    </row>
    <row r="82292" spans="1:7" x14ac:dyDescent="0.3">
      <c r="A82292" s="13" t="s">
        <v>416</v>
      </c>
      <c r="B82292" s="14" t="s">
        <v>1</v>
      </c>
      <c r="C82292" s="14" t="s">
        <v>51</v>
      </c>
      <c r="D82292" s="14" t="s">
        <v>14</v>
      </c>
      <c r="E82292" s="15">
        <v>45543</v>
      </c>
      <c r="F82292" s="14" t="s">
        <v>15</v>
      </c>
      <c r="G82292" s="16">
        <v>0</v>
      </c>
    </row>
    <row r="82293" spans="1:7" x14ac:dyDescent="0.3">
      <c r="A82293" s="13" t="s">
        <v>416</v>
      </c>
      <c r="B82293" s="14" t="s">
        <v>1</v>
      </c>
      <c r="C82293" s="14" t="s">
        <v>51</v>
      </c>
      <c r="D82293" s="14" t="s">
        <v>14</v>
      </c>
      <c r="E82293" s="15">
        <v>45544</v>
      </c>
      <c r="F82293" s="14" t="s">
        <v>15</v>
      </c>
      <c r="G82293" s="16">
        <v>0</v>
      </c>
    </row>
    <row r="82294" spans="1:7" x14ac:dyDescent="0.3">
      <c r="A82294" s="13" t="s">
        <v>416</v>
      </c>
      <c r="B82294" s="14" t="s">
        <v>1</v>
      </c>
      <c r="C82294" s="14" t="s">
        <v>51</v>
      </c>
      <c r="D82294" s="14" t="s">
        <v>14</v>
      </c>
      <c r="E82294" s="15">
        <v>45545</v>
      </c>
      <c r="F82294" s="14" t="s">
        <v>15</v>
      </c>
      <c r="G82294" s="16">
        <v>0</v>
      </c>
    </row>
    <row r="82295" spans="1:7" x14ac:dyDescent="0.3">
      <c r="A82295" s="13" t="s">
        <v>416</v>
      </c>
      <c r="B82295" s="14" t="s">
        <v>1</v>
      </c>
      <c r="C82295" s="14" t="s">
        <v>51</v>
      </c>
      <c r="D82295" s="14" t="s">
        <v>14</v>
      </c>
      <c r="E82295" s="15">
        <v>45546</v>
      </c>
      <c r="F82295" s="14" t="s">
        <v>15</v>
      </c>
      <c r="G82295" s="16">
        <v>0</v>
      </c>
    </row>
    <row r="82296" spans="1:7" x14ac:dyDescent="0.3">
      <c r="A82296" s="13" t="s">
        <v>416</v>
      </c>
      <c r="B82296" s="14" t="s">
        <v>1</v>
      </c>
      <c r="C82296" s="14" t="s">
        <v>51</v>
      </c>
      <c r="D82296" s="14" t="s">
        <v>14</v>
      </c>
      <c r="E82296" s="15">
        <v>45547</v>
      </c>
      <c r="F82296" s="14" t="s">
        <v>15</v>
      </c>
      <c r="G82296" s="16">
        <v>0</v>
      </c>
    </row>
    <row r="82297" spans="1:7" x14ac:dyDescent="0.3">
      <c r="A82297" s="13" t="s">
        <v>416</v>
      </c>
      <c r="B82297" s="14" t="s">
        <v>1</v>
      </c>
      <c r="C82297" s="14" t="s">
        <v>51</v>
      </c>
      <c r="D82297" s="14" t="s">
        <v>14</v>
      </c>
      <c r="E82297" s="15">
        <v>45548</v>
      </c>
      <c r="F82297" s="14" t="s">
        <v>15</v>
      </c>
      <c r="G82297" s="16">
        <v>0</v>
      </c>
    </row>
    <row r="82298" spans="1:7" x14ac:dyDescent="0.3">
      <c r="A82298" s="13" t="s">
        <v>416</v>
      </c>
      <c r="B82298" s="14" t="s">
        <v>1</v>
      </c>
      <c r="C82298" s="14" t="s">
        <v>51</v>
      </c>
      <c r="D82298" s="14" t="s">
        <v>14</v>
      </c>
      <c r="E82298" s="15">
        <v>45549</v>
      </c>
      <c r="F82298" s="14" t="s">
        <v>15</v>
      </c>
      <c r="G82298" s="16">
        <v>0</v>
      </c>
    </row>
    <row r="82299" spans="1:7" x14ac:dyDescent="0.3">
      <c r="A82299" s="13" t="s">
        <v>416</v>
      </c>
      <c r="B82299" s="14" t="s">
        <v>1</v>
      </c>
      <c r="C82299" s="14" t="s">
        <v>51</v>
      </c>
      <c r="D82299" s="14" t="s">
        <v>14</v>
      </c>
      <c r="E82299" s="15">
        <v>45550</v>
      </c>
      <c r="F82299" s="14" t="s">
        <v>15</v>
      </c>
      <c r="G82299" s="16">
        <v>0</v>
      </c>
    </row>
    <row r="82300" spans="1:7" x14ac:dyDescent="0.3">
      <c r="A82300" s="13" t="s">
        <v>416</v>
      </c>
      <c r="B82300" s="14" t="s">
        <v>1</v>
      </c>
      <c r="C82300" s="14" t="s">
        <v>51</v>
      </c>
      <c r="D82300" s="14" t="s">
        <v>14</v>
      </c>
      <c r="E82300" s="15">
        <v>45551</v>
      </c>
      <c r="F82300" s="14" t="s">
        <v>15</v>
      </c>
      <c r="G82300" s="16">
        <v>0</v>
      </c>
    </row>
    <row r="82301" spans="1:7" x14ac:dyDescent="0.3">
      <c r="A82301" s="13" t="s">
        <v>416</v>
      </c>
      <c r="B82301" s="14" t="s">
        <v>1</v>
      </c>
      <c r="C82301" s="14" t="s">
        <v>51</v>
      </c>
      <c r="D82301" s="14" t="s">
        <v>14</v>
      </c>
      <c r="E82301" s="15">
        <v>45552</v>
      </c>
      <c r="F82301" s="14" t="s">
        <v>15</v>
      </c>
      <c r="G82301" s="16">
        <v>0</v>
      </c>
    </row>
    <row r="82302" spans="1:7" x14ac:dyDescent="0.3">
      <c r="A82302" s="13" t="s">
        <v>416</v>
      </c>
      <c r="B82302" s="14" t="s">
        <v>1</v>
      </c>
      <c r="C82302" s="14" t="s">
        <v>51</v>
      </c>
      <c r="D82302" s="14" t="s">
        <v>14</v>
      </c>
      <c r="E82302" s="15">
        <v>45553</v>
      </c>
      <c r="F82302" s="14" t="s">
        <v>15</v>
      </c>
      <c r="G82302" s="16">
        <v>0</v>
      </c>
    </row>
    <row r="82303" spans="1:7" x14ac:dyDescent="0.3">
      <c r="A82303" s="13" t="s">
        <v>416</v>
      </c>
      <c r="B82303" s="14" t="s">
        <v>1</v>
      </c>
      <c r="C82303" s="14" t="s">
        <v>51</v>
      </c>
      <c r="D82303" s="14" t="s">
        <v>14</v>
      </c>
      <c r="E82303" s="15">
        <v>45554</v>
      </c>
      <c r="F82303" s="14" t="s">
        <v>15</v>
      </c>
      <c r="G82303" s="16">
        <v>0</v>
      </c>
    </row>
    <row r="82304" spans="1:7" x14ac:dyDescent="0.3">
      <c r="A82304" s="13" t="s">
        <v>416</v>
      </c>
      <c r="B82304" s="14" t="s">
        <v>1</v>
      </c>
      <c r="C82304" s="14" t="s">
        <v>51</v>
      </c>
      <c r="D82304" s="14" t="s">
        <v>14</v>
      </c>
      <c r="E82304" s="15">
        <v>45555</v>
      </c>
      <c r="F82304" s="14" t="s">
        <v>15</v>
      </c>
      <c r="G82304" s="16">
        <v>0</v>
      </c>
    </row>
    <row r="82305" spans="1:7" x14ac:dyDescent="0.3">
      <c r="A82305" s="13" t="s">
        <v>416</v>
      </c>
      <c r="B82305" s="14" t="s">
        <v>1</v>
      </c>
      <c r="C82305" s="14" t="s">
        <v>51</v>
      </c>
      <c r="D82305" s="14" t="s">
        <v>14</v>
      </c>
      <c r="E82305" s="15">
        <v>45556</v>
      </c>
      <c r="F82305" s="14" t="s">
        <v>15</v>
      </c>
      <c r="G82305" s="16">
        <v>0</v>
      </c>
    </row>
    <row r="82306" spans="1:7" x14ac:dyDescent="0.3">
      <c r="A82306" s="13" t="s">
        <v>416</v>
      </c>
      <c r="B82306" s="14" t="s">
        <v>1</v>
      </c>
      <c r="C82306" s="14" t="s">
        <v>51</v>
      </c>
      <c r="D82306" s="14" t="s">
        <v>14</v>
      </c>
      <c r="E82306" s="15">
        <v>45557</v>
      </c>
      <c r="F82306" s="14" t="s">
        <v>15</v>
      </c>
      <c r="G82306" s="16">
        <v>0</v>
      </c>
    </row>
    <row r="82307" spans="1:7" x14ac:dyDescent="0.3">
      <c r="A82307" s="13" t="s">
        <v>416</v>
      </c>
      <c r="B82307" s="14" t="s">
        <v>1</v>
      </c>
      <c r="C82307" s="14" t="s">
        <v>51</v>
      </c>
      <c r="D82307" s="14" t="s">
        <v>14</v>
      </c>
      <c r="E82307" s="15">
        <v>45558</v>
      </c>
      <c r="F82307" s="14" t="s">
        <v>15</v>
      </c>
      <c r="G82307" s="16">
        <v>0</v>
      </c>
    </row>
    <row r="82308" spans="1:7" x14ac:dyDescent="0.3">
      <c r="A82308" s="13" t="s">
        <v>416</v>
      </c>
      <c r="B82308" s="14" t="s">
        <v>1</v>
      </c>
      <c r="C82308" s="14" t="s">
        <v>51</v>
      </c>
      <c r="D82308" s="14" t="s">
        <v>14</v>
      </c>
      <c r="E82308" s="15">
        <v>45559</v>
      </c>
      <c r="F82308" s="14" t="s">
        <v>15</v>
      </c>
      <c r="G82308" s="16">
        <v>0</v>
      </c>
    </row>
    <row r="82309" spans="1:7" x14ac:dyDescent="0.3">
      <c r="A82309" s="13" t="s">
        <v>416</v>
      </c>
      <c r="B82309" s="14" t="s">
        <v>1</v>
      </c>
      <c r="C82309" s="14" t="s">
        <v>51</v>
      </c>
      <c r="D82309" s="14" t="s">
        <v>14</v>
      </c>
      <c r="E82309" s="15">
        <v>45560</v>
      </c>
      <c r="F82309" s="14" t="s">
        <v>15</v>
      </c>
      <c r="G82309" s="16">
        <v>0</v>
      </c>
    </row>
    <row r="82310" spans="1:7" x14ac:dyDescent="0.3">
      <c r="A82310" s="13" t="s">
        <v>416</v>
      </c>
      <c r="B82310" s="14" t="s">
        <v>1</v>
      </c>
      <c r="C82310" s="14" t="s">
        <v>51</v>
      </c>
      <c r="D82310" s="14" t="s">
        <v>14</v>
      </c>
      <c r="E82310" s="15">
        <v>45561</v>
      </c>
      <c r="F82310" s="14" t="s">
        <v>15</v>
      </c>
      <c r="G82310" s="16">
        <v>0</v>
      </c>
    </row>
    <row r="82311" spans="1:7" x14ac:dyDescent="0.3">
      <c r="A82311" s="13" t="s">
        <v>416</v>
      </c>
      <c r="B82311" s="14" t="s">
        <v>1</v>
      </c>
      <c r="C82311" s="14" t="s">
        <v>51</v>
      </c>
      <c r="D82311" s="14" t="s">
        <v>14</v>
      </c>
      <c r="E82311" s="15">
        <v>45562</v>
      </c>
      <c r="F82311" s="14" t="s">
        <v>15</v>
      </c>
      <c r="G82311" s="16">
        <v>0</v>
      </c>
    </row>
    <row r="82312" spans="1:7" x14ac:dyDescent="0.3">
      <c r="A82312" s="13" t="s">
        <v>416</v>
      </c>
      <c r="B82312" s="14" t="s">
        <v>1</v>
      </c>
      <c r="C82312" s="14" t="s">
        <v>51</v>
      </c>
      <c r="D82312" s="14" t="s">
        <v>14</v>
      </c>
      <c r="E82312" s="15">
        <v>45563</v>
      </c>
      <c r="F82312" s="14" t="s">
        <v>15</v>
      </c>
      <c r="G82312" s="16">
        <v>0</v>
      </c>
    </row>
    <row r="82313" spans="1:7" x14ac:dyDescent="0.3">
      <c r="A82313" s="13" t="s">
        <v>416</v>
      </c>
      <c r="B82313" s="14" t="s">
        <v>1</v>
      </c>
      <c r="C82313" s="14" t="s">
        <v>51</v>
      </c>
      <c r="D82313" s="14" t="s">
        <v>14</v>
      </c>
      <c r="E82313" s="15">
        <v>45564</v>
      </c>
      <c r="F82313" s="14" t="s">
        <v>15</v>
      </c>
      <c r="G82313" s="16">
        <v>0</v>
      </c>
    </row>
    <row r="82314" spans="1:7" x14ac:dyDescent="0.3">
      <c r="A82314" s="13" t="s">
        <v>416</v>
      </c>
      <c r="B82314" s="14" t="s">
        <v>1</v>
      </c>
      <c r="C82314" s="14" t="s">
        <v>51</v>
      </c>
      <c r="D82314" s="14" t="s">
        <v>14</v>
      </c>
      <c r="E82314" s="15">
        <v>45565</v>
      </c>
      <c r="F82314" s="14" t="s">
        <v>15</v>
      </c>
      <c r="G82314" s="16">
        <v>0</v>
      </c>
    </row>
    <row r="82315" spans="1:7" x14ac:dyDescent="0.3">
      <c r="A82315" s="13" t="s">
        <v>416</v>
      </c>
      <c r="B82315" s="14" t="s">
        <v>1</v>
      </c>
      <c r="C82315" s="14" t="s">
        <v>51</v>
      </c>
      <c r="D82315" s="14" t="s">
        <v>14</v>
      </c>
      <c r="E82315" s="15">
        <v>45566</v>
      </c>
      <c r="F82315" s="14" t="s">
        <v>15</v>
      </c>
      <c r="G82315" s="16">
        <v>0</v>
      </c>
    </row>
    <row r="82316" spans="1:7" x14ac:dyDescent="0.3">
      <c r="A82316" s="13" t="s">
        <v>416</v>
      </c>
      <c r="B82316" s="14" t="s">
        <v>1</v>
      </c>
      <c r="C82316" s="14" t="s">
        <v>51</v>
      </c>
      <c r="D82316" s="14" t="s">
        <v>14</v>
      </c>
      <c r="E82316" s="15">
        <v>45567</v>
      </c>
      <c r="F82316" s="14" t="s">
        <v>15</v>
      </c>
      <c r="G82316" s="16">
        <v>0</v>
      </c>
    </row>
    <row r="82317" spans="1:7" x14ac:dyDescent="0.3">
      <c r="A82317" s="13" t="s">
        <v>416</v>
      </c>
      <c r="B82317" s="14" t="s">
        <v>1</v>
      </c>
      <c r="C82317" s="14" t="s">
        <v>51</v>
      </c>
      <c r="D82317" s="14" t="s">
        <v>14</v>
      </c>
      <c r="E82317" s="15">
        <v>45568</v>
      </c>
      <c r="F82317" s="14" t="s">
        <v>15</v>
      </c>
      <c r="G82317" s="16">
        <v>0</v>
      </c>
    </row>
    <row r="82318" spans="1:7" x14ac:dyDescent="0.3">
      <c r="A82318" s="13" t="s">
        <v>416</v>
      </c>
      <c r="B82318" s="14" t="s">
        <v>1</v>
      </c>
      <c r="C82318" s="14" t="s">
        <v>51</v>
      </c>
      <c r="D82318" s="14" t="s">
        <v>14</v>
      </c>
      <c r="E82318" s="15">
        <v>45569</v>
      </c>
      <c r="F82318" s="14" t="s">
        <v>15</v>
      </c>
      <c r="G82318" s="16">
        <v>0</v>
      </c>
    </row>
    <row r="82319" spans="1:7" x14ac:dyDescent="0.3">
      <c r="A82319" s="13" t="s">
        <v>416</v>
      </c>
      <c r="B82319" s="14" t="s">
        <v>1</v>
      </c>
      <c r="C82319" s="14" t="s">
        <v>51</v>
      </c>
      <c r="D82319" s="14" t="s">
        <v>14</v>
      </c>
      <c r="E82319" s="15">
        <v>45570</v>
      </c>
      <c r="F82319" s="14" t="s">
        <v>15</v>
      </c>
      <c r="G82319" s="16">
        <v>0</v>
      </c>
    </row>
    <row r="82320" spans="1:7" x14ac:dyDescent="0.3">
      <c r="A82320" s="13" t="s">
        <v>416</v>
      </c>
      <c r="B82320" s="14" t="s">
        <v>1</v>
      </c>
      <c r="C82320" s="14" t="s">
        <v>51</v>
      </c>
      <c r="D82320" s="14" t="s">
        <v>14</v>
      </c>
      <c r="E82320" s="15">
        <v>45571</v>
      </c>
      <c r="F82320" s="14" t="s">
        <v>15</v>
      </c>
      <c r="G82320" s="16">
        <v>0</v>
      </c>
    </row>
    <row r="82321" spans="1:7" x14ac:dyDescent="0.3">
      <c r="A82321" s="13" t="s">
        <v>416</v>
      </c>
      <c r="B82321" s="14" t="s">
        <v>1</v>
      </c>
      <c r="C82321" s="14" t="s">
        <v>51</v>
      </c>
      <c r="D82321" s="14" t="s">
        <v>14</v>
      </c>
      <c r="E82321" s="15">
        <v>45572</v>
      </c>
      <c r="F82321" s="14" t="s">
        <v>15</v>
      </c>
      <c r="G82321" s="16">
        <v>0</v>
      </c>
    </row>
    <row r="82322" spans="1:7" x14ac:dyDescent="0.3">
      <c r="A82322" s="13" t="s">
        <v>416</v>
      </c>
      <c r="B82322" s="14" t="s">
        <v>1</v>
      </c>
      <c r="C82322" s="14" t="s">
        <v>51</v>
      </c>
      <c r="D82322" s="14" t="s">
        <v>14</v>
      </c>
      <c r="E82322" s="15">
        <v>45573</v>
      </c>
      <c r="F82322" s="14" t="s">
        <v>15</v>
      </c>
      <c r="G82322" s="16">
        <v>0</v>
      </c>
    </row>
    <row r="82323" spans="1:7" x14ac:dyDescent="0.3">
      <c r="A82323" s="13" t="s">
        <v>416</v>
      </c>
      <c r="B82323" s="14" t="s">
        <v>1</v>
      </c>
      <c r="C82323" s="14" t="s">
        <v>51</v>
      </c>
      <c r="D82323" s="14" t="s">
        <v>14</v>
      </c>
      <c r="E82323" s="15">
        <v>45574</v>
      </c>
      <c r="F82323" s="14" t="s">
        <v>15</v>
      </c>
      <c r="G82323" s="16">
        <v>0</v>
      </c>
    </row>
    <row r="82324" spans="1:7" x14ac:dyDescent="0.3">
      <c r="A82324" s="13" t="s">
        <v>416</v>
      </c>
      <c r="B82324" s="14" t="s">
        <v>1</v>
      </c>
      <c r="C82324" s="14" t="s">
        <v>51</v>
      </c>
      <c r="D82324" s="14" t="s">
        <v>14</v>
      </c>
      <c r="E82324" s="15">
        <v>45575</v>
      </c>
      <c r="F82324" s="14" t="s">
        <v>15</v>
      </c>
      <c r="G82324" s="16">
        <v>0</v>
      </c>
    </row>
    <row r="82325" spans="1:7" x14ac:dyDescent="0.3">
      <c r="A82325" s="13" t="s">
        <v>416</v>
      </c>
      <c r="B82325" s="14" t="s">
        <v>1</v>
      </c>
      <c r="C82325" s="14" t="s">
        <v>51</v>
      </c>
      <c r="D82325" s="14" t="s">
        <v>14</v>
      </c>
      <c r="E82325" s="15">
        <v>45576</v>
      </c>
      <c r="F82325" s="14" t="s">
        <v>15</v>
      </c>
      <c r="G82325" s="16">
        <v>0</v>
      </c>
    </row>
    <row r="82326" spans="1:7" x14ac:dyDescent="0.3">
      <c r="A82326" s="13" t="s">
        <v>416</v>
      </c>
      <c r="B82326" s="14" t="s">
        <v>1</v>
      </c>
      <c r="C82326" s="14" t="s">
        <v>51</v>
      </c>
      <c r="D82326" s="14" t="s">
        <v>14</v>
      </c>
      <c r="E82326" s="15">
        <v>45577</v>
      </c>
      <c r="F82326" s="14" t="s">
        <v>15</v>
      </c>
      <c r="G82326" s="16">
        <v>0</v>
      </c>
    </row>
    <row r="82327" spans="1:7" x14ac:dyDescent="0.3">
      <c r="A82327" s="13" t="s">
        <v>416</v>
      </c>
      <c r="B82327" s="14" t="s">
        <v>1</v>
      </c>
      <c r="C82327" s="14" t="s">
        <v>51</v>
      </c>
      <c r="D82327" s="14" t="s">
        <v>14</v>
      </c>
      <c r="E82327" s="15">
        <v>45578</v>
      </c>
      <c r="F82327" s="14" t="s">
        <v>15</v>
      </c>
      <c r="G82327" s="16">
        <v>0</v>
      </c>
    </row>
    <row r="82328" spans="1:7" x14ac:dyDescent="0.3">
      <c r="A82328" s="13" t="s">
        <v>416</v>
      </c>
      <c r="B82328" s="14" t="s">
        <v>1</v>
      </c>
      <c r="C82328" s="14" t="s">
        <v>51</v>
      </c>
      <c r="D82328" s="14" t="s">
        <v>14</v>
      </c>
      <c r="E82328" s="15">
        <v>45579</v>
      </c>
      <c r="F82328" s="14" t="s">
        <v>15</v>
      </c>
      <c r="G82328" s="16">
        <v>0</v>
      </c>
    </row>
    <row r="82329" spans="1:7" x14ac:dyDescent="0.3">
      <c r="A82329" s="13" t="s">
        <v>416</v>
      </c>
      <c r="B82329" s="14" t="s">
        <v>1</v>
      </c>
      <c r="C82329" s="14" t="s">
        <v>51</v>
      </c>
      <c r="D82329" s="14" t="s">
        <v>14</v>
      </c>
      <c r="E82329" s="15">
        <v>45580</v>
      </c>
      <c r="F82329" s="14" t="s">
        <v>15</v>
      </c>
      <c r="G82329" s="16">
        <v>0</v>
      </c>
    </row>
    <row r="82330" spans="1:7" x14ac:dyDescent="0.3">
      <c r="A82330" s="13" t="s">
        <v>416</v>
      </c>
      <c r="B82330" s="14" t="s">
        <v>1</v>
      </c>
      <c r="C82330" s="14" t="s">
        <v>51</v>
      </c>
      <c r="D82330" s="14" t="s">
        <v>14</v>
      </c>
      <c r="E82330" s="15">
        <v>45581</v>
      </c>
      <c r="F82330" s="14" t="s">
        <v>15</v>
      </c>
      <c r="G82330" s="16">
        <v>0</v>
      </c>
    </row>
    <row r="82331" spans="1:7" x14ac:dyDescent="0.3">
      <c r="A82331" s="13" t="s">
        <v>416</v>
      </c>
      <c r="B82331" s="14" t="s">
        <v>1</v>
      </c>
      <c r="C82331" s="14" t="s">
        <v>51</v>
      </c>
      <c r="D82331" s="14" t="s">
        <v>14</v>
      </c>
      <c r="E82331" s="15">
        <v>45582</v>
      </c>
      <c r="F82331" s="14" t="s">
        <v>15</v>
      </c>
      <c r="G82331" s="16">
        <v>0</v>
      </c>
    </row>
    <row r="82332" spans="1:7" x14ac:dyDescent="0.3">
      <c r="A82332" s="13" t="s">
        <v>416</v>
      </c>
      <c r="B82332" s="14" t="s">
        <v>1</v>
      </c>
      <c r="C82332" s="14" t="s">
        <v>51</v>
      </c>
      <c r="D82332" s="14" t="s">
        <v>14</v>
      </c>
      <c r="E82332" s="15">
        <v>45583</v>
      </c>
      <c r="F82332" s="14" t="s">
        <v>15</v>
      </c>
      <c r="G82332" s="16">
        <v>0</v>
      </c>
    </row>
    <row r="82333" spans="1:7" x14ac:dyDescent="0.3">
      <c r="A82333" s="13" t="s">
        <v>416</v>
      </c>
      <c r="B82333" s="14" t="s">
        <v>1</v>
      </c>
      <c r="C82333" s="14" t="s">
        <v>51</v>
      </c>
      <c r="D82333" s="14" t="s">
        <v>14</v>
      </c>
      <c r="E82333" s="15">
        <v>45584</v>
      </c>
      <c r="F82333" s="14" t="s">
        <v>15</v>
      </c>
      <c r="G82333" s="16">
        <v>0</v>
      </c>
    </row>
    <row r="82334" spans="1:7" x14ac:dyDescent="0.3">
      <c r="A82334" s="13" t="s">
        <v>416</v>
      </c>
      <c r="B82334" s="14" t="s">
        <v>1</v>
      </c>
      <c r="C82334" s="14" t="s">
        <v>51</v>
      </c>
      <c r="D82334" s="14" t="s">
        <v>14</v>
      </c>
      <c r="E82334" s="15">
        <v>45585</v>
      </c>
      <c r="F82334" s="14" t="s">
        <v>15</v>
      </c>
      <c r="G82334" s="16">
        <v>0</v>
      </c>
    </row>
    <row r="82335" spans="1:7" x14ac:dyDescent="0.3">
      <c r="A82335" s="13" t="s">
        <v>416</v>
      </c>
      <c r="B82335" s="14" t="s">
        <v>1</v>
      </c>
      <c r="C82335" s="14" t="s">
        <v>51</v>
      </c>
      <c r="D82335" s="14" t="s">
        <v>14</v>
      </c>
      <c r="E82335" s="15">
        <v>45586</v>
      </c>
      <c r="F82335" s="14" t="s">
        <v>15</v>
      </c>
      <c r="G82335" s="16">
        <v>0</v>
      </c>
    </row>
    <row r="82336" spans="1:7" x14ac:dyDescent="0.3">
      <c r="A82336" s="13" t="s">
        <v>416</v>
      </c>
      <c r="B82336" s="14" t="s">
        <v>1</v>
      </c>
      <c r="C82336" s="14" t="s">
        <v>51</v>
      </c>
      <c r="D82336" s="14" t="s">
        <v>14</v>
      </c>
      <c r="E82336" s="15">
        <v>45587</v>
      </c>
      <c r="F82336" s="14" t="s">
        <v>15</v>
      </c>
      <c r="G82336" s="16">
        <v>0</v>
      </c>
    </row>
    <row r="82337" spans="1:7" x14ac:dyDescent="0.3">
      <c r="A82337" s="13" t="s">
        <v>416</v>
      </c>
      <c r="B82337" s="14" t="s">
        <v>1</v>
      </c>
      <c r="C82337" s="14" t="s">
        <v>51</v>
      </c>
      <c r="D82337" s="14" t="s">
        <v>14</v>
      </c>
      <c r="E82337" s="15">
        <v>45588</v>
      </c>
      <c r="F82337" s="14" t="s">
        <v>15</v>
      </c>
      <c r="G82337" s="16">
        <v>0</v>
      </c>
    </row>
    <row r="82338" spans="1:7" x14ac:dyDescent="0.3">
      <c r="A82338" s="13" t="s">
        <v>416</v>
      </c>
      <c r="B82338" s="14" t="s">
        <v>1</v>
      </c>
      <c r="C82338" s="14" t="s">
        <v>51</v>
      </c>
      <c r="D82338" s="14" t="s">
        <v>14</v>
      </c>
      <c r="E82338" s="15">
        <v>45589</v>
      </c>
      <c r="F82338" s="14" t="s">
        <v>15</v>
      </c>
      <c r="G82338" s="16">
        <v>0</v>
      </c>
    </row>
    <row r="82339" spans="1:7" x14ac:dyDescent="0.3">
      <c r="A82339" s="13" t="s">
        <v>416</v>
      </c>
      <c r="B82339" s="14" t="s">
        <v>1</v>
      </c>
      <c r="C82339" s="14" t="s">
        <v>51</v>
      </c>
      <c r="D82339" s="14" t="s">
        <v>14</v>
      </c>
      <c r="E82339" s="15">
        <v>45590</v>
      </c>
      <c r="F82339" s="14" t="s">
        <v>15</v>
      </c>
      <c r="G82339" s="16">
        <v>0</v>
      </c>
    </row>
    <row r="82340" spans="1:7" x14ac:dyDescent="0.3">
      <c r="A82340" s="13" t="s">
        <v>416</v>
      </c>
      <c r="B82340" s="14" t="s">
        <v>1</v>
      </c>
      <c r="C82340" s="14" t="s">
        <v>51</v>
      </c>
      <c r="D82340" s="14" t="s">
        <v>14</v>
      </c>
      <c r="E82340" s="15">
        <v>45591</v>
      </c>
      <c r="F82340" s="14" t="s">
        <v>15</v>
      </c>
      <c r="G82340" s="16">
        <v>0</v>
      </c>
    </row>
    <row r="82341" spans="1:7" x14ac:dyDescent="0.3">
      <c r="A82341" s="13" t="s">
        <v>416</v>
      </c>
      <c r="B82341" s="14" t="s">
        <v>1</v>
      </c>
      <c r="C82341" s="14" t="s">
        <v>51</v>
      </c>
      <c r="D82341" s="14" t="s">
        <v>14</v>
      </c>
      <c r="E82341" s="15">
        <v>45592</v>
      </c>
      <c r="F82341" s="14" t="s">
        <v>15</v>
      </c>
      <c r="G82341" s="16">
        <v>0</v>
      </c>
    </row>
    <row r="82342" spans="1:7" x14ac:dyDescent="0.3">
      <c r="A82342" s="13" t="s">
        <v>416</v>
      </c>
      <c r="B82342" s="14" t="s">
        <v>1</v>
      </c>
      <c r="C82342" s="14" t="s">
        <v>51</v>
      </c>
      <c r="D82342" s="14" t="s">
        <v>14</v>
      </c>
      <c r="E82342" s="15">
        <v>45593</v>
      </c>
      <c r="F82342" s="14" t="s">
        <v>15</v>
      </c>
      <c r="G82342" s="16">
        <v>0</v>
      </c>
    </row>
    <row r="82343" spans="1:7" x14ac:dyDescent="0.3">
      <c r="A82343" s="13" t="s">
        <v>416</v>
      </c>
      <c r="B82343" s="14" t="s">
        <v>1</v>
      </c>
      <c r="C82343" s="14" t="s">
        <v>51</v>
      </c>
      <c r="D82343" s="14" t="s">
        <v>14</v>
      </c>
      <c r="E82343" s="15">
        <v>45594</v>
      </c>
      <c r="F82343" s="14" t="s">
        <v>15</v>
      </c>
      <c r="G82343" s="16">
        <v>0</v>
      </c>
    </row>
    <row r="82344" spans="1:7" x14ac:dyDescent="0.3">
      <c r="A82344" s="13" t="s">
        <v>416</v>
      </c>
      <c r="B82344" s="14" t="s">
        <v>1</v>
      </c>
      <c r="C82344" s="14" t="s">
        <v>51</v>
      </c>
      <c r="D82344" s="14" t="s">
        <v>14</v>
      </c>
      <c r="E82344" s="15">
        <v>45595</v>
      </c>
      <c r="F82344" s="14" t="s">
        <v>15</v>
      </c>
      <c r="G82344" s="16">
        <v>0</v>
      </c>
    </row>
    <row r="82345" spans="1:7" x14ac:dyDescent="0.3">
      <c r="A82345" s="13" t="s">
        <v>416</v>
      </c>
      <c r="B82345" s="14" t="s">
        <v>1</v>
      </c>
      <c r="C82345" s="14" t="s">
        <v>51</v>
      </c>
      <c r="D82345" s="14" t="s">
        <v>14</v>
      </c>
      <c r="E82345" s="15">
        <v>45596</v>
      </c>
      <c r="F82345" s="14" t="s">
        <v>15</v>
      </c>
      <c r="G82345" s="16">
        <v>0</v>
      </c>
    </row>
    <row r="82346" spans="1:7" x14ac:dyDescent="0.3">
      <c r="A82346" s="13" t="s">
        <v>416</v>
      </c>
      <c r="B82346" s="14" t="s">
        <v>1</v>
      </c>
      <c r="C82346" s="14" t="s">
        <v>51</v>
      </c>
      <c r="D82346" s="14" t="s">
        <v>14</v>
      </c>
      <c r="E82346" s="15">
        <v>45597</v>
      </c>
      <c r="F82346" s="14" t="s">
        <v>15</v>
      </c>
      <c r="G82346" s="16">
        <v>0</v>
      </c>
    </row>
    <row r="82347" spans="1:7" x14ac:dyDescent="0.3">
      <c r="A82347" s="13" t="s">
        <v>416</v>
      </c>
      <c r="B82347" s="14" t="s">
        <v>1</v>
      </c>
      <c r="C82347" s="14" t="s">
        <v>51</v>
      </c>
      <c r="D82347" s="14" t="s">
        <v>14</v>
      </c>
      <c r="E82347" s="15">
        <v>45598</v>
      </c>
      <c r="F82347" s="14" t="s">
        <v>15</v>
      </c>
      <c r="G82347" s="16">
        <v>0</v>
      </c>
    </row>
    <row r="82348" spans="1:7" x14ac:dyDescent="0.3">
      <c r="A82348" s="13" t="s">
        <v>416</v>
      </c>
      <c r="B82348" s="14" t="s">
        <v>1</v>
      </c>
      <c r="C82348" s="14" t="s">
        <v>51</v>
      </c>
      <c r="D82348" s="14" t="s">
        <v>14</v>
      </c>
      <c r="E82348" s="15">
        <v>45599</v>
      </c>
      <c r="F82348" s="14" t="s">
        <v>15</v>
      </c>
      <c r="G82348" s="16">
        <v>0</v>
      </c>
    </row>
    <row r="82349" spans="1:7" x14ac:dyDescent="0.3">
      <c r="A82349" s="13" t="s">
        <v>416</v>
      </c>
      <c r="B82349" s="14" t="s">
        <v>1</v>
      </c>
      <c r="C82349" s="14" t="s">
        <v>51</v>
      </c>
      <c r="D82349" s="14" t="s">
        <v>14</v>
      </c>
      <c r="E82349" s="15">
        <v>45600</v>
      </c>
      <c r="F82349" s="14" t="s">
        <v>15</v>
      </c>
      <c r="G82349" s="16">
        <v>0</v>
      </c>
    </row>
    <row r="82350" spans="1:7" x14ac:dyDescent="0.3">
      <c r="A82350" s="13" t="s">
        <v>416</v>
      </c>
      <c r="B82350" s="14" t="s">
        <v>1</v>
      </c>
      <c r="C82350" s="14" t="s">
        <v>51</v>
      </c>
      <c r="D82350" s="14" t="s">
        <v>14</v>
      </c>
      <c r="E82350" s="15">
        <v>45601</v>
      </c>
      <c r="F82350" s="14" t="s">
        <v>15</v>
      </c>
      <c r="G82350" s="16">
        <v>0</v>
      </c>
    </row>
    <row r="82351" spans="1:7" x14ac:dyDescent="0.3">
      <c r="A82351" s="13" t="s">
        <v>416</v>
      </c>
      <c r="B82351" s="14" t="s">
        <v>1</v>
      </c>
      <c r="C82351" s="14" t="s">
        <v>51</v>
      </c>
      <c r="D82351" s="14" t="s">
        <v>14</v>
      </c>
      <c r="E82351" s="15">
        <v>45602</v>
      </c>
      <c r="F82351" s="14" t="s">
        <v>15</v>
      </c>
      <c r="G82351" s="16">
        <v>0</v>
      </c>
    </row>
    <row r="82352" spans="1:7" x14ac:dyDescent="0.3">
      <c r="A82352" s="13" t="s">
        <v>416</v>
      </c>
      <c r="B82352" s="14" t="s">
        <v>1</v>
      </c>
      <c r="C82352" s="14" t="s">
        <v>51</v>
      </c>
      <c r="D82352" s="14" t="s">
        <v>14</v>
      </c>
      <c r="E82352" s="15">
        <v>45603</v>
      </c>
      <c r="F82352" s="14" t="s">
        <v>15</v>
      </c>
      <c r="G82352" s="16">
        <v>0</v>
      </c>
    </row>
    <row r="82353" spans="1:7" x14ac:dyDescent="0.3">
      <c r="A82353" s="13" t="s">
        <v>416</v>
      </c>
      <c r="B82353" s="14" t="s">
        <v>1</v>
      </c>
      <c r="C82353" s="14" t="s">
        <v>51</v>
      </c>
      <c r="D82353" s="14" t="s">
        <v>14</v>
      </c>
      <c r="E82353" s="15">
        <v>45604</v>
      </c>
      <c r="F82353" s="14" t="s">
        <v>15</v>
      </c>
      <c r="G82353" s="16">
        <v>0</v>
      </c>
    </row>
    <row r="82354" spans="1:7" x14ac:dyDescent="0.3">
      <c r="A82354" s="13" t="s">
        <v>416</v>
      </c>
      <c r="B82354" s="14" t="s">
        <v>1</v>
      </c>
      <c r="C82354" s="14" t="s">
        <v>51</v>
      </c>
      <c r="D82354" s="14" t="s">
        <v>14</v>
      </c>
      <c r="E82354" s="15">
        <v>45605</v>
      </c>
      <c r="F82354" s="14" t="s">
        <v>15</v>
      </c>
      <c r="G82354" s="16">
        <v>0</v>
      </c>
    </row>
    <row r="82355" spans="1:7" x14ac:dyDescent="0.3">
      <c r="A82355" s="13" t="s">
        <v>416</v>
      </c>
      <c r="B82355" s="14" t="s">
        <v>1</v>
      </c>
      <c r="C82355" s="14" t="s">
        <v>51</v>
      </c>
      <c r="D82355" s="14" t="s">
        <v>14</v>
      </c>
      <c r="E82355" s="15">
        <v>45606</v>
      </c>
      <c r="F82355" s="14" t="s">
        <v>15</v>
      </c>
      <c r="G82355" s="16">
        <v>0</v>
      </c>
    </row>
    <row r="82356" spans="1:7" x14ac:dyDescent="0.3">
      <c r="A82356" s="13" t="s">
        <v>416</v>
      </c>
      <c r="B82356" s="14" t="s">
        <v>1</v>
      </c>
      <c r="C82356" s="14" t="s">
        <v>51</v>
      </c>
      <c r="D82356" s="14" t="s">
        <v>14</v>
      </c>
      <c r="E82356" s="15">
        <v>45607</v>
      </c>
      <c r="F82356" s="14" t="s">
        <v>15</v>
      </c>
      <c r="G82356" s="16">
        <v>0</v>
      </c>
    </row>
    <row r="82357" spans="1:7" x14ac:dyDescent="0.3">
      <c r="A82357" s="13" t="s">
        <v>416</v>
      </c>
      <c r="B82357" s="14" t="s">
        <v>1</v>
      </c>
      <c r="C82357" s="14" t="s">
        <v>51</v>
      </c>
      <c r="D82357" s="14" t="s">
        <v>14</v>
      </c>
      <c r="E82357" s="15">
        <v>45608</v>
      </c>
      <c r="F82357" s="14" t="s">
        <v>15</v>
      </c>
      <c r="G82357" s="16">
        <v>0</v>
      </c>
    </row>
    <row r="82358" spans="1:7" x14ac:dyDescent="0.3">
      <c r="A82358" s="13" t="s">
        <v>416</v>
      </c>
      <c r="B82358" s="14" t="s">
        <v>1</v>
      </c>
      <c r="C82358" s="14" t="s">
        <v>51</v>
      </c>
      <c r="D82358" s="14" t="s">
        <v>14</v>
      </c>
      <c r="E82358" s="15">
        <v>45609</v>
      </c>
      <c r="F82358" s="14" t="s">
        <v>15</v>
      </c>
      <c r="G82358" s="16">
        <v>0</v>
      </c>
    </row>
    <row r="82359" spans="1:7" x14ac:dyDescent="0.3">
      <c r="A82359" s="13" t="s">
        <v>416</v>
      </c>
      <c r="B82359" s="14" t="s">
        <v>1</v>
      </c>
      <c r="C82359" s="14" t="s">
        <v>51</v>
      </c>
      <c r="D82359" s="14" t="s">
        <v>14</v>
      </c>
      <c r="E82359" s="15">
        <v>45610</v>
      </c>
      <c r="F82359" s="14" t="s">
        <v>15</v>
      </c>
      <c r="G82359" s="16">
        <v>0</v>
      </c>
    </row>
    <row r="82360" spans="1:7" x14ac:dyDescent="0.3">
      <c r="A82360" s="13" t="s">
        <v>416</v>
      </c>
      <c r="B82360" s="14" t="s">
        <v>1</v>
      </c>
      <c r="C82360" s="14" t="s">
        <v>51</v>
      </c>
      <c r="D82360" s="14" t="s">
        <v>14</v>
      </c>
      <c r="E82360" s="15">
        <v>45611</v>
      </c>
      <c r="F82360" s="14" t="s">
        <v>15</v>
      </c>
      <c r="G82360" s="16">
        <v>0</v>
      </c>
    </row>
    <row r="82361" spans="1:7" x14ac:dyDescent="0.3">
      <c r="A82361" s="13" t="s">
        <v>416</v>
      </c>
      <c r="B82361" s="14" t="s">
        <v>1</v>
      </c>
      <c r="C82361" s="14" t="s">
        <v>51</v>
      </c>
      <c r="D82361" s="14" t="s">
        <v>14</v>
      </c>
      <c r="E82361" s="15">
        <v>45612</v>
      </c>
      <c r="F82361" s="14" t="s">
        <v>15</v>
      </c>
      <c r="G82361" s="16">
        <v>0</v>
      </c>
    </row>
    <row r="82362" spans="1:7" x14ac:dyDescent="0.3">
      <c r="A82362" s="13" t="s">
        <v>416</v>
      </c>
      <c r="B82362" s="14" t="s">
        <v>1</v>
      </c>
      <c r="C82362" s="14" t="s">
        <v>51</v>
      </c>
      <c r="D82362" s="14" t="s">
        <v>14</v>
      </c>
      <c r="E82362" s="15">
        <v>45613</v>
      </c>
      <c r="F82362" s="14" t="s">
        <v>15</v>
      </c>
      <c r="G82362" s="16">
        <v>0</v>
      </c>
    </row>
    <row r="82363" spans="1:7" x14ac:dyDescent="0.3">
      <c r="A82363" s="13" t="s">
        <v>416</v>
      </c>
      <c r="B82363" s="14" t="s">
        <v>1</v>
      </c>
      <c r="C82363" s="14" t="s">
        <v>51</v>
      </c>
      <c r="D82363" s="14" t="s">
        <v>14</v>
      </c>
      <c r="E82363" s="15">
        <v>45614</v>
      </c>
      <c r="F82363" s="14" t="s">
        <v>15</v>
      </c>
      <c r="G82363" s="16">
        <v>0</v>
      </c>
    </row>
    <row r="82364" spans="1:7" x14ac:dyDescent="0.3">
      <c r="A82364" s="13" t="s">
        <v>416</v>
      </c>
      <c r="B82364" s="14" t="s">
        <v>1</v>
      </c>
      <c r="C82364" s="14" t="s">
        <v>51</v>
      </c>
      <c r="D82364" s="14" t="s">
        <v>14</v>
      </c>
      <c r="E82364" s="15">
        <v>45615</v>
      </c>
      <c r="F82364" s="14" t="s">
        <v>15</v>
      </c>
      <c r="G82364" s="16">
        <v>0</v>
      </c>
    </row>
    <row r="82365" spans="1:7" x14ac:dyDescent="0.3">
      <c r="A82365" s="13" t="s">
        <v>416</v>
      </c>
      <c r="B82365" s="14" t="s">
        <v>1</v>
      </c>
      <c r="C82365" s="14" t="s">
        <v>51</v>
      </c>
      <c r="D82365" s="14" t="s">
        <v>14</v>
      </c>
      <c r="E82365" s="15">
        <v>45616</v>
      </c>
      <c r="F82365" s="14" t="s">
        <v>15</v>
      </c>
      <c r="G82365" s="16">
        <v>0</v>
      </c>
    </row>
    <row r="82366" spans="1:7" x14ac:dyDescent="0.3">
      <c r="A82366" s="13" t="s">
        <v>416</v>
      </c>
      <c r="B82366" s="14" t="s">
        <v>1</v>
      </c>
      <c r="C82366" s="14" t="s">
        <v>51</v>
      </c>
      <c r="D82366" s="14" t="s">
        <v>14</v>
      </c>
      <c r="E82366" s="15">
        <v>45617</v>
      </c>
      <c r="F82366" s="14" t="s">
        <v>15</v>
      </c>
      <c r="G82366" s="16">
        <v>0</v>
      </c>
    </row>
    <row r="82367" spans="1:7" x14ac:dyDescent="0.3">
      <c r="A82367" s="13" t="s">
        <v>416</v>
      </c>
      <c r="B82367" s="14" t="s">
        <v>1</v>
      </c>
      <c r="C82367" s="14" t="s">
        <v>51</v>
      </c>
      <c r="D82367" s="14" t="s">
        <v>14</v>
      </c>
      <c r="E82367" s="15">
        <v>45618</v>
      </c>
      <c r="F82367" s="14" t="s">
        <v>15</v>
      </c>
      <c r="G82367" s="16">
        <v>0</v>
      </c>
    </row>
    <row r="82368" spans="1:7" x14ac:dyDescent="0.3">
      <c r="A82368" s="13" t="s">
        <v>416</v>
      </c>
      <c r="B82368" s="14" t="s">
        <v>1</v>
      </c>
      <c r="C82368" s="14" t="s">
        <v>51</v>
      </c>
      <c r="D82368" s="14" t="s">
        <v>14</v>
      </c>
      <c r="E82368" s="15">
        <v>45619</v>
      </c>
      <c r="F82368" s="14" t="s">
        <v>15</v>
      </c>
      <c r="G82368" s="16">
        <v>0</v>
      </c>
    </row>
    <row r="82369" spans="1:7" x14ac:dyDescent="0.3">
      <c r="A82369" s="13" t="s">
        <v>416</v>
      </c>
      <c r="B82369" s="14" t="s">
        <v>1</v>
      </c>
      <c r="C82369" s="14" t="s">
        <v>51</v>
      </c>
      <c r="D82369" s="14" t="s">
        <v>14</v>
      </c>
      <c r="E82369" s="15">
        <v>45620</v>
      </c>
      <c r="F82369" s="14" t="s">
        <v>15</v>
      </c>
      <c r="G82369" s="16">
        <v>0</v>
      </c>
    </row>
    <row r="82370" spans="1:7" x14ac:dyDescent="0.3">
      <c r="A82370" s="13" t="s">
        <v>416</v>
      </c>
      <c r="B82370" s="14" t="s">
        <v>1</v>
      </c>
      <c r="C82370" s="14" t="s">
        <v>51</v>
      </c>
      <c r="D82370" s="14" t="s">
        <v>14</v>
      </c>
      <c r="E82370" s="15">
        <v>45621</v>
      </c>
      <c r="F82370" s="14" t="s">
        <v>15</v>
      </c>
      <c r="G82370" s="16">
        <v>0</v>
      </c>
    </row>
    <row r="82371" spans="1:7" x14ac:dyDescent="0.3">
      <c r="A82371" s="13" t="s">
        <v>416</v>
      </c>
      <c r="B82371" s="14" t="s">
        <v>1</v>
      </c>
      <c r="C82371" s="14" t="s">
        <v>51</v>
      </c>
      <c r="D82371" s="14" t="s">
        <v>14</v>
      </c>
      <c r="E82371" s="15">
        <v>45622</v>
      </c>
      <c r="F82371" s="14" t="s">
        <v>15</v>
      </c>
      <c r="G82371" s="16">
        <v>0</v>
      </c>
    </row>
    <row r="82372" spans="1:7" x14ac:dyDescent="0.3">
      <c r="A82372" s="13" t="s">
        <v>416</v>
      </c>
      <c r="B82372" s="14" t="s">
        <v>1</v>
      </c>
      <c r="C82372" s="14" t="s">
        <v>51</v>
      </c>
      <c r="D82372" s="14" t="s">
        <v>14</v>
      </c>
      <c r="E82372" s="15">
        <v>45623</v>
      </c>
      <c r="F82372" s="14" t="s">
        <v>15</v>
      </c>
      <c r="G82372" s="16">
        <v>0</v>
      </c>
    </row>
    <row r="82373" spans="1:7" x14ac:dyDescent="0.3">
      <c r="A82373" s="13" t="s">
        <v>416</v>
      </c>
      <c r="B82373" s="14" t="s">
        <v>1</v>
      </c>
      <c r="C82373" s="14" t="s">
        <v>51</v>
      </c>
      <c r="D82373" s="14" t="s">
        <v>14</v>
      </c>
      <c r="E82373" s="15">
        <v>45624</v>
      </c>
      <c r="F82373" s="14" t="s">
        <v>15</v>
      </c>
      <c r="G82373" s="16">
        <v>0</v>
      </c>
    </row>
    <row r="82374" spans="1:7" x14ac:dyDescent="0.3">
      <c r="A82374" s="13" t="s">
        <v>416</v>
      </c>
      <c r="B82374" s="14" t="s">
        <v>1</v>
      </c>
      <c r="C82374" s="14" t="s">
        <v>51</v>
      </c>
      <c r="D82374" s="14" t="s">
        <v>14</v>
      </c>
      <c r="E82374" s="15">
        <v>45625</v>
      </c>
      <c r="F82374" s="14" t="s">
        <v>15</v>
      </c>
      <c r="G82374" s="16">
        <v>0</v>
      </c>
    </row>
    <row r="82375" spans="1:7" x14ac:dyDescent="0.3">
      <c r="A82375" s="13" t="s">
        <v>416</v>
      </c>
      <c r="B82375" s="14" t="s">
        <v>1</v>
      </c>
      <c r="C82375" s="14" t="s">
        <v>51</v>
      </c>
      <c r="D82375" s="14" t="s">
        <v>14</v>
      </c>
      <c r="E82375" s="15">
        <v>45626</v>
      </c>
      <c r="F82375" s="14" t="s">
        <v>15</v>
      </c>
      <c r="G82375" s="16">
        <v>0</v>
      </c>
    </row>
    <row r="82376" spans="1:7" x14ac:dyDescent="0.3">
      <c r="A82376" s="13" t="s">
        <v>416</v>
      </c>
      <c r="B82376" s="14" t="s">
        <v>1</v>
      </c>
      <c r="C82376" s="14" t="s">
        <v>51</v>
      </c>
      <c r="D82376" s="14" t="s">
        <v>14</v>
      </c>
      <c r="E82376" s="15">
        <v>45627</v>
      </c>
      <c r="F82376" s="14" t="s">
        <v>15</v>
      </c>
      <c r="G82376" s="16">
        <v>0</v>
      </c>
    </row>
    <row r="82377" spans="1:7" x14ac:dyDescent="0.3">
      <c r="A82377" s="13" t="s">
        <v>416</v>
      </c>
      <c r="B82377" s="14" t="s">
        <v>1</v>
      </c>
      <c r="C82377" s="14" t="s">
        <v>51</v>
      </c>
      <c r="D82377" s="14" t="s">
        <v>14</v>
      </c>
      <c r="E82377" s="15">
        <v>45628</v>
      </c>
      <c r="F82377" s="14" t="s">
        <v>15</v>
      </c>
      <c r="G82377" s="16">
        <v>0</v>
      </c>
    </row>
    <row r="82378" spans="1:7" x14ac:dyDescent="0.3">
      <c r="A82378" s="13" t="s">
        <v>416</v>
      </c>
      <c r="B82378" s="14" t="s">
        <v>1</v>
      </c>
      <c r="C82378" s="14" t="s">
        <v>51</v>
      </c>
      <c r="D82378" s="14" t="s">
        <v>14</v>
      </c>
      <c r="E82378" s="15">
        <v>45629</v>
      </c>
      <c r="F82378" s="14" t="s">
        <v>15</v>
      </c>
      <c r="G82378" s="16">
        <v>0</v>
      </c>
    </row>
    <row r="82379" spans="1:7" x14ac:dyDescent="0.3">
      <c r="A82379" s="13" t="s">
        <v>416</v>
      </c>
      <c r="B82379" s="14" t="s">
        <v>1</v>
      </c>
      <c r="C82379" s="14" t="s">
        <v>51</v>
      </c>
      <c r="D82379" s="14" t="s">
        <v>14</v>
      </c>
      <c r="E82379" s="15">
        <v>45630</v>
      </c>
      <c r="F82379" s="14" t="s">
        <v>15</v>
      </c>
      <c r="G82379" s="16">
        <v>0</v>
      </c>
    </row>
    <row r="82380" spans="1:7" x14ac:dyDescent="0.3">
      <c r="A82380" s="13" t="s">
        <v>416</v>
      </c>
      <c r="B82380" s="14" t="s">
        <v>1</v>
      </c>
      <c r="C82380" s="14" t="s">
        <v>51</v>
      </c>
      <c r="D82380" s="14" t="s">
        <v>14</v>
      </c>
      <c r="E82380" s="15">
        <v>45631</v>
      </c>
      <c r="F82380" s="14" t="s">
        <v>15</v>
      </c>
      <c r="G82380" s="16">
        <v>0</v>
      </c>
    </row>
    <row r="82381" spans="1:7" x14ac:dyDescent="0.3">
      <c r="A82381" s="13" t="s">
        <v>416</v>
      </c>
      <c r="B82381" s="14" t="s">
        <v>1</v>
      </c>
      <c r="C82381" s="14" t="s">
        <v>51</v>
      </c>
      <c r="D82381" s="14" t="s">
        <v>14</v>
      </c>
      <c r="E82381" s="15">
        <v>45632</v>
      </c>
      <c r="F82381" s="14" t="s">
        <v>15</v>
      </c>
      <c r="G82381" s="16">
        <v>0</v>
      </c>
    </row>
    <row r="82382" spans="1:7" x14ac:dyDescent="0.3">
      <c r="A82382" s="13" t="s">
        <v>416</v>
      </c>
      <c r="B82382" s="14" t="s">
        <v>1</v>
      </c>
      <c r="C82382" s="14" t="s">
        <v>51</v>
      </c>
      <c r="D82382" s="14" t="s">
        <v>14</v>
      </c>
      <c r="E82382" s="15">
        <v>45633</v>
      </c>
      <c r="F82382" s="14" t="s">
        <v>15</v>
      </c>
      <c r="G82382" s="16">
        <v>0</v>
      </c>
    </row>
    <row r="82383" spans="1:7" x14ac:dyDescent="0.3">
      <c r="A82383" s="13" t="s">
        <v>416</v>
      </c>
      <c r="B82383" s="14" t="s">
        <v>1</v>
      </c>
      <c r="C82383" s="14" t="s">
        <v>51</v>
      </c>
      <c r="D82383" s="14" t="s">
        <v>14</v>
      </c>
      <c r="E82383" s="15">
        <v>45634</v>
      </c>
      <c r="F82383" s="14" t="s">
        <v>15</v>
      </c>
      <c r="G82383" s="16">
        <v>0</v>
      </c>
    </row>
    <row r="82384" spans="1:7" x14ac:dyDescent="0.3">
      <c r="A82384" s="13" t="s">
        <v>416</v>
      </c>
      <c r="B82384" s="14" t="s">
        <v>1</v>
      </c>
      <c r="C82384" s="14" t="s">
        <v>51</v>
      </c>
      <c r="D82384" s="14" t="s">
        <v>14</v>
      </c>
      <c r="E82384" s="15">
        <v>45635</v>
      </c>
      <c r="F82384" s="14" t="s">
        <v>15</v>
      </c>
      <c r="G82384" s="16">
        <v>0</v>
      </c>
    </row>
    <row r="82385" spans="1:7" x14ac:dyDescent="0.3">
      <c r="A82385" s="13" t="s">
        <v>416</v>
      </c>
      <c r="B82385" s="14" t="s">
        <v>1</v>
      </c>
      <c r="C82385" s="14" t="s">
        <v>51</v>
      </c>
      <c r="D82385" s="14" t="s">
        <v>14</v>
      </c>
      <c r="E82385" s="15">
        <v>45636</v>
      </c>
      <c r="F82385" s="14" t="s">
        <v>15</v>
      </c>
      <c r="G82385" s="16">
        <v>0</v>
      </c>
    </row>
    <row r="82386" spans="1:7" x14ac:dyDescent="0.3">
      <c r="A82386" s="13" t="s">
        <v>416</v>
      </c>
      <c r="B82386" s="14" t="s">
        <v>1</v>
      </c>
      <c r="C82386" s="14" t="s">
        <v>51</v>
      </c>
      <c r="D82386" s="14" t="s">
        <v>14</v>
      </c>
      <c r="E82386" s="15">
        <v>45637</v>
      </c>
      <c r="F82386" s="14" t="s">
        <v>15</v>
      </c>
      <c r="G82386" s="16">
        <v>0</v>
      </c>
    </row>
    <row r="82387" spans="1:7" x14ac:dyDescent="0.3">
      <c r="A82387" s="13" t="s">
        <v>416</v>
      </c>
      <c r="B82387" s="14" t="s">
        <v>1</v>
      </c>
      <c r="C82387" s="14" t="s">
        <v>51</v>
      </c>
      <c r="D82387" s="14" t="s">
        <v>14</v>
      </c>
      <c r="E82387" s="15">
        <v>45638</v>
      </c>
      <c r="F82387" s="14" t="s">
        <v>15</v>
      </c>
      <c r="G82387" s="16">
        <v>0</v>
      </c>
    </row>
    <row r="82388" spans="1:7" x14ac:dyDescent="0.3">
      <c r="A82388" s="13" t="s">
        <v>416</v>
      </c>
      <c r="B82388" s="14" t="s">
        <v>1</v>
      </c>
      <c r="C82388" s="14" t="s">
        <v>51</v>
      </c>
      <c r="D82388" s="14" t="s">
        <v>14</v>
      </c>
      <c r="E82388" s="15">
        <v>45639</v>
      </c>
      <c r="F82388" s="14" t="s">
        <v>15</v>
      </c>
      <c r="G82388" s="16">
        <v>0</v>
      </c>
    </row>
    <row r="82389" spans="1:7" x14ac:dyDescent="0.3">
      <c r="A82389" s="13" t="s">
        <v>416</v>
      </c>
      <c r="B82389" s="14" t="s">
        <v>1</v>
      </c>
      <c r="C82389" s="14" t="s">
        <v>51</v>
      </c>
      <c r="D82389" s="14" t="s">
        <v>14</v>
      </c>
      <c r="E82389" s="15">
        <v>45640</v>
      </c>
      <c r="F82389" s="14" t="s">
        <v>15</v>
      </c>
      <c r="G82389" s="16">
        <v>0</v>
      </c>
    </row>
    <row r="82390" spans="1:7" x14ac:dyDescent="0.3">
      <c r="A82390" s="13" t="s">
        <v>416</v>
      </c>
      <c r="B82390" s="14" t="s">
        <v>1</v>
      </c>
      <c r="C82390" s="14" t="s">
        <v>51</v>
      </c>
      <c r="D82390" s="14" t="s">
        <v>14</v>
      </c>
      <c r="E82390" s="15">
        <v>45641</v>
      </c>
      <c r="F82390" s="14" t="s">
        <v>15</v>
      </c>
      <c r="G82390" s="16">
        <v>0</v>
      </c>
    </row>
    <row r="82391" spans="1:7" x14ac:dyDescent="0.3">
      <c r="A82391" s="13" t="s">
        <v>416</v>
      </c>
      <c r="B82391" s="14" t="s">
        <v>1</v>
      </c>
      <c r="C82391" s="14" t="s">
        <v>51</v>
      </c>
      <c r="D82391" s="14" t="s">
        <v>14</v>
      </c>
      <c r="E82391" s="15">
        <v>45642</v>
      </c>
      <c r="F82391" s="14" t="s">
        <v>15</v>
      </c>
      <c r="G82391" s="16">
        <v>0</v>
      </c>
    </row>
    <row r="82392" spans="1:7" x14ac:dyDescent="0.3">
      <c r="A82392" s="13" t="s">
        <v>416</v>
      </c>
      <c r="B82392" s="14" t="s">
        <v>1</v>
      </c>
      <c r="C82392" s="14" t="s">
        <v>51</v>
      </c>
      <c r="D82392" s="14" t="s">
        <v>14</v>
      </c>
      <c r="E82392" s="15">
        <v>45643</v>
      </c>
      <c r="F82392" s="14" t="s">
        <v>15</v>
      </c>
      <c r="G82392" s="16">
        <v>0</v>
      </c>
    </row>
    <row r="82393" spans="1:7" x14ac:dyDescent="0.3">
      <c r="A82393" s="13" t="s">
        <v>416</v>
      </c>
      <c r="B82393" s="14" t="s">
        <v>1</v>
      </c>
      <c r="C82393" s="14" t="s">
        <v>51</v>
      </c>
      <c r="D82393" s="14" t="s">
        <v>14</v>
      </c>
      <c r="E82393" s="15">
        <v>45644</v>
      </c>
      <c r="F82393" s="14" t="s">
        <v>15</v>
      </c>
      <c r="G82393" s="16">
        <v>0</v>
      </c>
    </row>
    <row r="82394" spans="1:7" x14ac:dyDescent="0.3">
      <c r="A82394" s="13" t="s">
        <v>416</v>
      </c>
      <c r="B82394" s="14" t="s">
        <v>1</v>
      </c>
      <c r="C82394" s="14" t="s">
        <v>51</v>
      </c>
      <c r="D82394" s="14" t="s">
        <v>14</v>
      </c>
      <c r="E82394" s="15">
        <v>45645</v>
      </c>
      <c r="F82394" s="14" t="s">
        <v>15</v>
      </c>
      <c r="G82394" s="16">
        <v>0</v>
      </c>
    </row>
    <row r="82395" spans="1:7" x14ac:dyDescent="0.3">
      <c r="A82395" s="13" t="s">
        <v>416</v>
      </c>
      <c r="B82395" s="14" t="s">
        <v>1</v>
      </c>
      <c r="C82395" s="14" t="s">
        <v>51</v>
      </c>
      <c r="D82395" s="14" t="s">
        <v>14</v>
      </c>
      <c r="E82395" s="15">
        <v>45646</v>
      </c>
      <c r="F82395" s="14" t="s">
        <v>15</v>
      </c>
      <c r="G82395" s="16">
        <v>0</v>
      </c>
    </row>
    <row r="82396" spans="1:7" x14ac:dyDescent="0.3">
      <c r="A82396" s="13" t="s">
        <v>416</v>
      </c>
      <c r="B82396" s="14" t="s">
        <v>1</v>
      </c>
      <c r="C82396" s="14" t="s">
        <v>51</v>
      </c>
      <c r="D82396" s="14" t="s">
        <v>14</v>
      </c>
      <c r="E82396" s="15">
        <v>45647</v>
      </c>
      <c r="F82396" s="14" t="s">
        <v>15</v>
      </c>
      <c r="G82396" s="16">
        <v>0</v>
      </c>
    </row>
    <row r="82397" spans="1:7" x14ac:dyDescent="0.3">
      <c r="A82397" s="13" t="s">
        <v>416</v>
      </c>
      <c r="B82397" s="14" t="s">
        <v>1</v>
      </c>
      <c r="C82397" s="14" t="s">
        <v>51</v>
      </c>
      <c r="D82397" s="14" t="s">
        <v>14</v>
      </c>
      <c r="E82397" s="15">
        <v>45648</v>
      </c>
      <c r="F82397" s="14" t="s">
        <v>15</v>
      </c>
      <c r="G82397" s="16">
        <v>0</v>
      </c>
    </row>
    <row r="82398" spans="1:7" x14ac:dyDescent="0.3">
      <c r="A82398" s="13" t="s">
        <v>416</v>
      </c>
      <c r="B82398" s="14" t="s">
        <v>1</v>
      </c>
      <c r="C82398" s="14" t="s">
        <v>51</v>
      </c>
      <c r="D82398" s="14" t="s">
        <v>14</v>
      </c>
      <c r="E82398" s="15">
        <v>45649</v>
      </c>
      <c r="F82398" s="14" t="s">
        <v>15</v>
      </c>
      <c r="G82398" s="16">
        <v>0</v>
      </c>
    </row>
    <row r="82399" spans="1:7" x14ac:dyDescent="0.3">
      <c r="A82399" s="13" t="s">
        <v>416</v>
      </c>
      <c r="B82399" s="14" t="s">
        <v>1</v>
      </c>
      <c r="C82399" s="14" t="s">
        <v>51</v>
      </c>
      <c r="D82399" s="14" t="s">
        <v>14</v>
      </c>
      <c r="E82399" s="15">
        <v>45650</v>
      </c>
      <c r="F82399" s="14" t="s">
        <v>15</v>
      </c>
      <c r="G82399" s="16">
        <v>0</v>
      </c>
    </row>
    <row r="82400" spans="1:7" x14ac:dyDescent="0.3">
      <c r="A82400" s="13" t="s">
        <v>416</v>
      </c>
      <c r="B82400" s="14" t="s">
        <v>1</v>
      </c>
      <c r="C82400" s="14" t="s">
        <v>51</v>
      </c>
      <c r="D82400" s="14" t="s">
        <v>14</v>
      </c>
      <c r="E82400" s="15">
        <v>45651</v>
      </c>
      <c r="F82400" s="14" t="s">
        <v>15</v>
      </c>
      <c r="G82400" s="16">
        <v>0</v>
      </c>
    </row>
    <row r="82401" spans="1:7" x14ac:dyDescent="0.3">
      <c r="A82401" s="13" t="s">
        <v>416</v>
      </c>
      <c r="B82401" s="14" t="s">
        <v>1</v>
      </c>
      <c r="C82401" s="14" t="s">
        <v>51</v>
      </c>
      <c r="D82401" s="14" t="s">
        <v>14</v>
      </c>
      <c r="E82401" s="15">
        <v>45652</v>
      </c>
      <c r="F82401" s="14" t="s">
        <v>15</v>
      </c>
      <c r="G82401" s="16">
        <v>0</v>
      </c>
    </row>
    <row r="82402" spans="1:7" x14ac:dyDescent="0.3">
      <c r="A82402" s="13" t="s">
        <v>416</v>
      </c>
      <c r="B82402" s="14" t="s">
        <v>1</v>
      </c>
      <c r="C82402" s="14" t="s">
        <v>51</v>
      </c>
      <c r="D82402" s="14" t="s">
        <v>14</v>
      </c>
      <c r="E82402" s="15">
        <v>45653</v>
      </c>
      <c r="F82402" s="14" t="s">
        <v>15</v>
      </c>
      <c r="G82402" s="16">
        <v>0</v>
      </c>
    </row>
    <row r="82403" spans="1:7" x14ac:dyDescent="0.3">
      <c r="A82403" s="13" t="s">
        <v>416</v>
      </c>
      <c r="B82403" s="14" t="s">
        <v>1</v>
      </c>
      <c r="C82403" s="14" t="s">
        <v>51</v>
      </c>
      <c r="D82403" s="14" t="s">
        <v>14</v>
      </c>
      <c r="E82403" s="15">
        <v>45654</v>
      </c>
      <c r="F82403" s="14" t="s">
        <v>15</v>
      </c>
      <c r="G82403" s="16">
        <v>0</v>
      </c>
    </row>
    <row r="82404" spans="1:7" x14ac:dyDescent="0.3">
      <c r="A82404" s="13" t="s">
        <v>416</v>
      </c>
      <c r="B82404" s="14" t="s">
        <v>1</v>
      </c>
      <c r="C82404" s="14" t="s">
        <v>51</v>
      </c>
      <c r="D82404" s="14" t="s">
        <v>14</v>
      </c>
      <c r="E82404" s="15">
        <v>45655</v>
      </c>
      <c r="F82404" s="14" t="s">
        <v>15</v>
      </c>
      <c r="G82404" s="16">
        <v>0</v>
      </c>
    </row>
    <row r="82405" spans="1:7" x14ac:dyDescent="0.3">
      <c r="A82405" s="13" t="s">
        <v>416</v>
      </c>
      <c r="B82405" s="14" t="s">
        <v>1</v>
      </c>
      <c r="C82405" s="14" t="s">
        <v>51</v>
      </c>
      <c r="D82405" s="14" t="s">
        <v>14</v>
      </c>
      <c r="E82405" s="15">
        <v>45656</v>
      </c>
      <c r="F82405" s="14" t="s">
        <v>15</v>
      </c>
      <c r="G82405" s="16">
        <v>0</v>
      </c>
    </row>
    <row r="82406" spans="1:7" x14ac:dyDescent="0.3">
      <c r="A82406" s="13" t="s">
        <v>416</v>
      </c>
      <c r="B82406" s="14" t="s">
        <v>1</v>
      </c>
      <c r="C82406" s="14" t="s">
        <v>51</v>
      </c>
      <c r="D82406" s="14" t="s">
        <v>14</v>
      </c>
      <c r="E82406" s="15">
        <v>45657</v>
      </c>
      <c r="F82406" s="14" t="s">
        <v>15</v>
      </c>
      <c r="G82406" s="16">
        <v>0</v>
      </c>
    </row>
    <row r="82407" spans="1:7" x14ac:dyDescent="0.3">
      <c r="A82407" s="13" t="s">
        <v>416</v>
      </c>
      <c r="B82407" s="14" t="s">
        <v>1</v>
      </c>
      <c r="C82407" s="14" t="s">
        <v>51</v>
      </c>
      <c r="D82407" s="14" t="s">
        <v>14</v>
      </c>
      <c r="E82407" s="15">
        <v>45658</v>
      </c>
      <c r="F82407" s="14" t="s">
        <v>15</v>
      </c>
      <c r="G82407" s="16">
        <v>0</v>
      </c>
    </row>
    <row r="82408" spans="1:7" x14ac:dyDescent="0.3">
      <c r="A82408" s="13" t="s">
        <v>416</v>
      </c>
      <c r="B82408" s="14" t="s">
        <v>1</v>
      </c>
      <c r="C82408" s="14" t="s">
        <v>51</v>
      </c>
      <c r="D82408" s="14" t="s">
        <v>14</v>
      </c>
      <c r="E82408" s="15">
        <v>45659</v>
      </c>
      <c r="F82408" s="14" t="s">
        <v>15</v>
      </c>
      <c r="G82408" s="16">
        <v>0</v>
      </c>
    </row>
    <row r="82409" spans="1:7" x14ac:dyDescent="0.3">
      <c r="A82409" s="13" t="s">
        <v>416</v>
      </c>
      <c r="B82409" s="14" t="s">
        <v>1</v>
      </c>
      <c r="C82409" s="14" t="s">
        <v>51</v>
      </c>
      <c r="D82409" s="14" t="s">
        <v>14</v>
      </c>
      <c r="E82409" s="15">
        <v>45660</v>
      </c>
      <c r="F82409" s="14" t="s">
        <v>15</v>
      </c>
      <c r="G82409" s="16">
        <v>0</v>
      </c>
    </row>
    <row r="82410" spans="1:7" x14ac:dyDescent="0.3">
      <c r="A82410" s="13" t="s">
        <v>416</v>
      </c>
      <c r="B82410" s="14" t="s">
        <v>1</v>
      </c>
      <c r="C82410" s="14" t="s">
        <v>51</v>
      </c>
      <c r="D82410" s="14" t="s">
        <v>14</v>
      </c>
      <c r="E82410" s="15">
        <v>45661</v>
      </c>
      <c r="F82410" s="14" t="s">
        <v>15</v>
      </c>
      <c r="G82410" s="16">
        <v>0</v>
      </c>
    </row>
    <row r="82411" spans="1:7" x14ac:dyDescent="0.3">
      <c r="A82411" s="13" t="s">
        <v>416</v>
      </c>
      <c r="B82411" s="14" t="s">
        <v>1</v>
      </c>
      <c r="C82411" s="14" t="s">
        <v>51</v>
      </c>
      <c r="D82411" s="14" t="s">
        <v>14</v>
      </c>
      <c r="E82411" s="15">
        <v>45662</v>
      </c>
      <c r="F82411" s="14" t="s">
        <v>15</v>
      </c>
      <c r="G82411" s="16">
        <v>0</v>
      </c>
    </row>
    <row r="82412" spans="1:7" x14ac:dyDescent="0.3">
      <c r="A82412" s="13" t="s">
        <v>416</v>
      </c>
      <c r="B82412" s="14" t="s">
        <v>1</v>
      </c>
      <c r="C82412" s="14" t="s">
        <v>51</v>
      </c>
      <c r="D82412" s="14" t="s">
        <v>14</v>
      </c>
      <c r="E82412" s="15">
        <v>45663</v>
      </c>
      <c r="F82412" s="14" t="s">
        <v>15</v>
      </c>
      <c r="G82412" s="16">
        <v>0</v>
      </c>
    </row>
    <row r="82413" spans="1:7" x14ac:dyDescent="0.3">
      <c r="A82413" s="13" t="s">
        <v>416</v>
      </c>
      <c r="B82413" s="14" t="s">
        <v>1</v>
      </c>
      <c r="C82413" s="14" t="s">
        <v>51</v>
      </c>
      <c r="D82413" s="14" t="s">
        <v>14</v>
      </c>
      <c r="E82413" s="15">
        <v>45664</v>
      </c>
      <c r="F82413" s="14" t="s">
        <v>15</v>
      </c>
      <c r="G82413" s="16">
        <v>0</v>
      </c>
    </row>
    <row r="82414" spans="1:7" x14ac:dyDescent="0.3">
      <c r="A82414" s="13" t="s">
        <v>416</v>
      </c>
      <c r="B82414" s="14" t="s">
        <v>1</v>
      </c>
      <c r="C82414" s="14" t="s">
        <v>51</v>
      </c>
      <c r="D82414" s="14" t="s">
        <v>14</v>
      </c>
      <c r="E82414" s="15">
        <v>45665</v>
      </c>
      <c r="F82414" s="14" t="s">
        <v>15</v>
      </c>
      <c r="G82414" s="16">
        <v>0</v>
      </c>
    </row>
    <row r="82415" spans="1:7" x14ac:dyDescent="0.3">
      <c r="A82415" s="13" t="s">
        <v>416</v>
      </c>
      <c r="B82415" s="14" t="s">
        <v>1</v>
      </c>
      <c r="C82415" s="14" t="s">
        <v>51</v>
      </c>
      <c r="D82415" s="14" t="s">
        <v>14</v>
      </c>
      <c r="E82415" s="15">
        <v>45666</v>
      </c>
      <c r="F82415" s="14" t="s">
        <v>15</v>
      </c>
      <c r="G82415" s="16">
        <v>0</v>
      </c>
    </row>
    <row r="82416" spans="1:7" x14ac:dyDescent="0.3">
      <c r="A82416" s="13" t="s">
        <v>416</v>
      </c>
      <c r="B82416" s="14" t="s">
        <v>1</v>
      </c>
      <c r="C82416" s="14" t="s">
        <v>51</v>
      </c>
      <c r="D82416" s="14" t="s">
        <v>14</v>
      </c>
      <c r="E82416" s="15">
        <v>45667</v>
      </c>
      <c r="F82416" s="14" t="s">
        <v>15</v>
      </c>
      <c r="G82416" s="16">
        <v>0</v>
      </c>
    </row>
    <row r="82417" spans="1:7" x14ac:dyDescent="0.3">
      <c r="A82417" s="13" t="s">
        <v>416</v>
      </c>
      <c r="B82417" s="14" t="s">
        <v>1</v>
      </c>
      <c r="C82417" s="14" t="s">
        <v>51</v>
      </c>
      <c r="D82417" s="14" t="s">
        <v>14</v>
      </c>
      <c r="E82417" s="15">
        <v>45668</v>
      </c>
      <c r="F82417" s="14" t="s">
        <v>15</v>
      </c>
      <c r="G82417" s="16">
        <v>0</v>
      </c>
    </row>
    <row r="82418" spans="1:7" x14ac:dyDescent="0.3">
      <c r="A82418" s="13" t="s">
        <v>416</v>
      </c>
      <c r="B82418" s="14" t="s">
        <v>1</v>
      </c>
      <c r="C82418" s="14" t="s">
        <v>51</v>
      </c>
      <c r="D82418" s="14" t="s">
        <v>14</v>
      </c>
      <c r="E82418" s="15">
        <v>45669</v>
      </c>
      <c r="F82418" s="14" t="s">
        <v>15</v>
      </c>
      <c r="G82418" s="16">
        <v>0</v>
      </c>
    </row>
    <row r="82419" spans="1:7" x14ac:dyDescent="0.3">
      <c r="A82419" s="13" t="s">
        <v>416</v>
      </c>
      <c r="B82419" s="14" t="s">
        <v>1</v>
      </c>
      <c r="C82419" s="14" t="s">
        <v>51</v>
      </c>
      <c r="D82419" s="14" t="s">
        <v>14</v>
      </c>
      <c r="E82419" s="15">
        <v>45670</v>
      </c>
      <c r="F82419" s="14" t="s">
        <v>15</v>
      </c>
      <c r="G82419" s="16">
        <v>0</v>
      </c>
    </row>
    <row r="82420" spans="1:7" x14ac:dyDescent="0.3">
      <c r="A82420" s="13" t="s">
        <v>416</v>
      </c>
      <c r="B82420" s="14" t="s">
        <v>1</v>
      </c>
      <c r="C82420" s="14" t="s">
        <v>51</v>
      </c>
      <c r="D82420" s="14" t="s">
        <v>14</v>
      </c>
      <c r="E82420" s="15">
        <v>45671</v>
      </c>
      <c r="F82420" s="14" t="s">
        <v>15</v>
      </c>
      <c r="G82420" s="16">
        <v>0</v>
      </c>
    </row>
    <row r="82421" spans="1:7" x14ac:dyDescent="0.3">
      <c r="A82421" s="13" t="s">
        <v>416</v>
      </c>
      <c r="B82421" s="14" t="s">
        <v>1</v>
      </c>
      <c r="C82421" s="14" t="s">
        <v>51</v>
      </c>
      <c r="D82421" s="14" t="s">
        <v>14</v>
      </c>
      <c r="E82421" s="15">
        <v>45672</v>
      </c>
      <c r="F82421" s="14" t="s">
        <v>15</v>
      </c>
      <c r="G82421" s="16">
        <v>0</v>
      </c>
    </row>
    <row r="82422" spans="1:7" x14ac:dyDescent="0.3">
      <c r="A82422" s="13" t="s">
        <v>416</v>
      </c>
      <c r="B82422" s="14" t="s">
        <v>1</v>
      </c>
      <c r="C82422" s="14" t="s">
        <v>51</v>
      </c>
      <c r="D82422" s="14" t="s">
        <v>14</v>
      </c>
      <c r="E82422" s="15">
        <v>45673</v>
      </c>
      <c r="F82422" s="14" t="s">
        <v>15</v>
      </c>
      <c r="G82422" s="16">
        <v>0</v>
      </c>
    </row>
    <row r="82423" spans="1:7" x14ac:dyDescent="0.3">
      <c r="A82423" s="13" t="s">
        <v>416</v>
      </c>
      <c r="B82423" s="14" t="s">
        <v>1</v>
      </c>
      <c r="C82423" s="14" t="s">
        <v>51</v>
      </c>
      <c r="D82423" s="14" t="s">
        <v>14</v>
      </c>
      <c r="E82423" s="15">
        <v>45674</v>
      </c>
      <c r="F82423" s="14" t="s">
        <v>15</v>
      </c>
      <c r="G82423" s="16">
        <v>0</v>
      </c>
    </row>
    <row r="82424" spans="1:7" x14ac:dyDescent="0.3">
      <c r="A82424" s="13" t="s">
        <v>416</v>
      </c>
      <c r="B82424" s="14" t="s">
        <v>1</v>
      </c>
      <c r="C82424" s="14" t="s">
        <v>51</v>
      </c>
      <c r="D82424" s="14" t="s">
        <v>14</v>
      </c>
      <c r="E82424" s="15">
        <v>45675</v>
      </c>
      <c r="F82424" s="14" t="s">
        <v>15</v>
      </c>
      <c r="G82424" s="16">
        <v>0</v>
      </c>
    </row>
    <row r="82425" spans="1:7" x14ac:dyDescent="0.3">
      <c r="A82425" s="13" t="s">
        <v>416</v>
      </c>
      <c r="B82425" s="14" t="s">
        <v>1</v>
      </c>
      <c r="C82425" s="14" t="s">
        <v>51</v>
      </c>
      <c r="D82425" s="14" t="s">
        <v>14</v>
      </c>
      <c r="E82425" s="15">
        <v>45676</v>
      </c>
      <c r="F82425" s="14" t="s">
        <v>15</v>
      </c>
      <c r="G82425" s="16">
        <v>0</v>
      </c>
    </row>
    <row r="82426" spans="1:7" x14ac:dyDescent="0.3">
      <c r="A82426" s="13" t="s">
        <v>416</v>
      </c>
      <c r="B82426" s="14" t="s">
        <v>1</v>
      </c>
      <c r="C82426" s="14" t="s">
        <v>51</v>
      </c>
      <c r="D82426" s="14" t="s">
        <v>14</v>
      </c>
      <c r="E82426" s="15">
        <v>45677</v>
      </c>
      <c r="F82426" s="14" t="s">
        <v>15</v>
      </c>
      <c r="G82426" s="16">
        <v>0</v>
      </c>
    </row>
    <row r="82427" spans="1:7" x14ac:dyDescent="0.3">
      <c r="A82427" s="13" t="s">
        <v>416</v>
      </c>
      <c r="B82427" s="14" t="s">
        <v>1</v>
      </c>
      <c r="C82427" s="14" t="s">
        <v>51</v>
      </c>
      <c r="D82427" s="14" t="s">
        <v>14</v>
      </c>
      <c r="E82427" s="15">
        <v>45678</v>
      </c>
      <c r="F82427" s="14" t="s">
        <v>15</v>
      </c>
      <c r="G82427" s="16">
        <v>0</v>
      </c>
    </row>
    <row r="82428" spans="1:7" x14ac:dyDescent="0.3">
      <c r="A82428" s="13" t="s">
        <v>416</v>
      </c>
      <c r="B82428" s="14" t="s">
        <v>1</v>
      </c>
      <c r="C82428" s="14" t="s">
        <v>51</v>
      </c>
      <c r="D82428" s="14" t="s">
        <v>14</v>
      </c>
      <c r="E82428" s="15">
        <v>45679</v>
      </c>
      <c r="F82428" s="14" t="s">
        <v>15</v>
      </c>
      <c r="G82428" s="16">
        <v>0</v>
      </c>
    </row>
    <row r="82429" spans="1:7" x14ac:dyDescent="0.3">
      <c r="A82429" s="13" t="s">
        <v>416</v>
      </c>
      <c r="B82429" s="14" t="s">
        <v>1</v>
      </c>
      <c r="C82429" s="14" t="s">
        <v>51</v>
      </c>
      <c r="D82429" s="14" t="s">
        <v>14</v>
      </c>
      <c r="E82429" s="15">
        <v>45680</v>
      </c>
      <c r="F82429" s="14" t="s">
        <v>15</v>
      </c>
      <c r="G82429" s="16">
        <v>0</v>
      </c>
    </row>
    <row r="82430" spans="1:7" x14ac:dyDescent="0.3">
      <c r="A82430" s="13" t="s">
        <v>416</v>
      </c>
      <c r="B82430" s="14" t="s">
        <v>1</v>
      </c>
      <c r="C82430" s="14" t="s">
        <v>51</v>
      </c>
      <c r="D82430" s="14" t="s">
        <v>14</v>
      </c>
      <c r="E82430" s="15">
        <v>45681</v>
      </c>
      <c r="F82430" s="14" t="s">
        <v>15</v>
      </c>
      <c r="G82430" s="16">
        <v>0</v>
      </c>
    </row>
    <row r="82431" spans="1:7" x14ac:dyDescent="0.3">
      <c r="A82431" s="13" t="s">
        <v>416</v>
      </c>
      <c r="B82431" s="14" t="s">
        <v>1</v>
      </c>
      <c r="C82431" s="14" t="s">
        <v>51</v>
      </c>
      <c r="D82431" s="14" t="s">
        <v>14</v>
      </c>
      <c r="E82431" s="15">
        <v>45682</v>
      </c>
      <c r="F82431" s="14" t="s">
        <v>15</v>
      </c>
      <c r="G82431" s="16">
        <v>0</v>
      </c>
    </row>
    <row r="82432" spans="1:7" x14ac:dyDescent="0.3">
      <c r="A82432" s="13" t="s">
        <v>416</v>
      </c>
      <c r="B82432" s="14" t="s">
        <v>1</v>
      </c>
      <c r="C82432" s="14" t="s">
        <v>51</v>
      </c>
      <c r="D82432" s="14" t="s">
        <v>14</v>
      </c>
      <c r="E82432" s="15">
        <v>45683</v>
      </c>
      <c r="F82432" s="14" t="s">
        <v>15</v>
      </c>
      <c r="G82432" s="16">
        <v>0</v>
      </c>
    </row>
    <row r="82433" spans="1:7" x14ac:dyDescent="0.3">
      <c r="A82433" s="13" t="s">
        <v>416</v>
      </c>
      <c r="B82433" s="14" t="s">
        <v>1</v>
      </c>
      <c r="C82433" s="14" t="s">
        <v>51</v>
      </c>
      <c r="D82433" s="14" t="s">
        <v>14</v>
      </c>
      <c r="E82433" s="15">
        <v>45684</v>
      </c>
      <c r="F82433" s="14" t="s">
        <v>15</v>
      </c>
      <c r="G82433" s="16">
        <v>0</v>
      </c>
    </row>
    <row r="82434" spans="1:7" x14ac:dyDescent="0.3">
      <c r="A82434" s="13" t="s">
        <v>416</v>
      </c>
      <c r="B82434" s="14" t="s">
        <v>1</v>
      </c>
      <c r="C82434" s="14" t="s">
        <v>51</v>
      </c>
      <c r="D82434" s="14" t="s">
        <v>14</v>
      </c>
      <c r="E82434" s="15">
        <v>45685</v>
      </c>
      <c r="F82434" s="14" t="s">
        <v>15</v>
      </c>
      <c r="G82434" s="16">
        <v>0</v>
      </c>
    </row>
    <row r="82435" spans="1:7" x14ac:dyDescent="0.3">
      <c r="A82435" s="13" t="s">
        <v>416</v>
      </c>
      <c r="B82435" s="14" t="s">
        <v>1</v>
      </c>
      <c r="C82435" s="14" t="s">
        <v>51</v>
      </c>
      <c r="D82435" s="14" t="s">
        <v>14</v>
      </c>
      <c r="E82435" s="15">
        <v>45686</v>
      </c>
      <c r="F82435" s="14" t="s">
        <v>15</v>
      </c>
      <c r="G82435" s="16">
        <v>0</v>
      </c>
    </row>
    <row r="82436" spans="1:7" x14ac:dyDescent="0.3">
      <c r="A82436" s="13" t="s">
        <v>416</v>
      </c>
      <c r="B82436" s="14" t="s">
        <v>1</v>
      </c>
      <c r="C82436" s="14" t="s">
        <v>51</v>
      </c>
      <c r="D82436" s="14" t="s">
        <v>14</v>
      </c>
      <c r="E82436" s="15">
        <v>45687</v>
      </c>
      <c r="F82436" s="14" t="s">
        <v>15</v>
      </c>
      <c r="G82436" s="16">
        <v>0</v>
      </c>
    </row>
    <row r="82437" spans="1:7" x14ac:dyDescent="0.3">
      <c r="A82437" s="13" t="s">
        <v>416</v>
      </c>
      <c r="B82437" s="14" t="s">
        <v>1</v>
      </c>
      <c r="C82437" s="14" t="s">
        <v>51</v>
      </c>
      <c r="D82437" s="14" t="s">
        <v>14</v>
      </c>
      <c r="E82437" s="15">
        <v>45688</v>
      </c>
      <c r="F82437" s="14" t="s">
        <v>15</v>
      </c>
      <c r="G82437" s="16">
        <v>0</v>
      </c>
    </row>
    <row r="82438" spans="1:7" x14ac:dyDescent="0.3">
      <c r="A82438" s="13" t="s">
        <v>416</v>
      </c>
      <c r="B82438" s="14" t="s">
        <v>1</v>
      </c>
      <c r="C82438" s="14" t="s">
        <v>51</v>
      </c>
      <c r="D82438" s="14" t="s">
        <v>14</v>
      </c>
      <c r="E82438" s="15">
        <v>45689</v>
      </c>
      <c r="F82438" s="14" t="s">
        <v>15</v>
      </c>
      <c r="G82438" s="16">
        <v>0</v>
      </c>
    </row>
    <row r="82439" spans="1:7" x14ac:dyDescent="0.3">
      <c r="A82439" s="13" t="s">
        <v>416</v>
      </c>
      <c r="B82439" s="14" t="s">
        <v>1</v>
      </c>
      <c r="C82439" s="14" t="s">
        <v>51</v>
      </c>
      <c r="D82439" s="14" t="s">
        <v>14</v>
      </c>
      <c r="E82439" s="15">
        <v>45690</v>
      </c>
      <c r="F82439" s="14" t="s">
        <v>15</v>
      </c>
      <c r="G82439" s="16">
        <v>0</v>
      </c>
    </row>
    <row r="82440" spans="1:7" x14ac:dyDescent="0.3">
      <c r="A82440" s="13" t="s">
        <v>416</v>
      </c>
      <c r="B82440" s="14" t="s">
        <v>1</v>
      </c>
      <c r="C82440" s="14" t="s">
        <v>51</v>
      </c>
      <c r="D82440" s="14" t="s">
        <v>14</v>
      </c>
      <c r="E82440" s="15">
        <v>45691</v>
      </c>
      <c r="F82440" s="14" t="s">
        <v>15</v>
      </c>
      <c r="G82440" s="16">
        <v>0</v>
      </c>
    </row>
    <row r="82441" spans="1:7" x14ac:dyDescent="0.3">
      <c r="A82441" s="13" t="s">
        <v>416</v>
      </c>
      <c r="B82441" s="14" t="s">
        <v>1</v>
      </c>
      <c r="C82441" s="14" t="s">
        <v>51</v>
      </c>
      <c r="D82441" s="14" t="s">
        <v>14</v>
      </c>
      <c r="E82441" s="15">
        <v>45692</v>
      </c>
      <c r="F82441" s="14" t="s">
        <v>15</v>
      </c>
      <c r="G82441" s="16">
        <v>0</v>
      </c>
    </row>
    <row r="82442" spans="1:7" x14ac:dyDescent="0.3">
      <c r="A82442" s="13" t="s">
        <v>416</v>
      </c>
      <c r="B82442" s="14" t="s">
        <v>1</v>
      </c>
      <c r="C82442" s="14" t="s">
        <v>51</v>
      </c>
      <c r="D82442" s="14" t="s">
        <v>14</v>
      </c>
      <c r="E82442" s="15">
        <v>45693</v>
      </c>
      <c r="F82442" s="14" t="s">
        <v>15</v>
      </c>
      <c r="G82442" s="16">
        <v>0</v>
      </c>
    </row>
    <row r="82443" spans="1:7" x14ac:dyDescent="0.3">
      <c r="A82443" s="13" t="s">
        <v>416</v>
      </c>
      <c r="B82443" s="14" t="s">
        <v>1</v>
      </c>
      <c r="C82443" s="14" t="s">
        <v>51</v>
      </c>
      <c r="D82443" s="14" t="s">
        <v>14</v>
      </c>
      <c r="E82443" s="15">
        <v>45694</v>
      </c>
      <c r="F82443" s="14" t="s">
        <v>15</v>
      </c>
      <c r="G82443" s="16">
        <v>0</v>
      </c>
    </row>
    <row r="82444" spans="1:7" x14ac:dyDescent="0.3">
      <c r="A82444" s="13" t="s">
        <v>416</v>
      </c>
      <c r="B82444" s="14" t="s">
        <v>1</v>
      </c>
      <c r="C82444" s="14" t="s">
        <v>51</v>
      </c>
      <c r="D82444" s="14" t="s">
        <v>14</v>
      </c>
      <c r="E82444" s="15">
        <v>45695</v>
      </c>
      <c r="F82444" s="14" t="s">
        <v>15</v>
      </c>
      <c r="G82444" s="16">
        <v>0</v>
      </c>
    </row>
    <row r="82445" spans="1:7" x14ac:dyDescent="0.3">
      <c r="A82445" s="13" t="s">
        <v>416</v>
      </c>
      <c r="B82445" s="14" t="s">
        <v>1</v>
      </c>
      <c r="C82445" s="14" t="s">
        <v>51</v>
      </c>
      <c r="D82445" s="14" t="s">
        <v>14</v>
      </c>
      <c r="E82445" s="15">
        <v>45696</v>
      </c>
      <c r="F82445" s="14" t="s">
        <v>15</v>
      </c>
      <c r="G82445" s="16">
        <v>0</v>
      </c>
    </row>
    <row r="82446" spans="1:7" x14ac:dyDescent="0.3">
      <c r="A82446" s="13" t="s">
        <v>416</v>
      </c>
      <c r="B82446" s="14" t="s">
        <v>1</v>
      </c>
      <c r="C82446" s="14" t="s">
        <v>51</v>
      </c>
      <c r="D82446" s="14" t="s">
        <v>14</v>
      </c>
      <c r="E82446" s="15">
        <v>45697</v>
      </c>
      <c r="F82446" s="14" t="s">
        <v>15</v>
      </c>
      <c r="G82446" s="16">
        <v>0</v>
      </c>
    </row>
    <row r="82447" spans="1:7" x14ac:dyDescent="0.3">
      <c r="A82447" s="13" t="s">
        <v>416</v>
      </c>
      <c r="B82447" s="14" t="s">
        <v>1</v>
      </c>
      <c r="C82447" s="14" t="s">
        <v>51</v>
      </c>
      <c r="D82447" s="14" t="s">
        <v>14</v>
      </c>
      <c r="E82447" s="15">
        <v>45698</v>
      </c>
      <c r="F82447" s="14" t="s">
        <v>15</v>
      </c>
      <c r="G82447" s="16">
        <v>0</v>
      </c>
    </row>
    <row r="82448" spans="1:7" x14ac:dyDescent="0.3">
      <c r="A82448" s="13" t="s">
        <v>416</v>
      </c>
      <c r="B82448" s="14" t="s">
        <v>1</v>
      </c>
      <c r="C82448" s="14" t="s">
        <v>51</v>
      </c>
      <c r="D82448" s="14" t="s">
        <v>14</v>
      </c>
      <c r="E82448" s="15">
        <v>45699</v>
      </c>
      <c r="F82448" s="14" t="s">
        <v>15</v>
      </c>
      <c r="G82448" s="16">
        <v>0</v>
      </c>
    </row>
    <row r="82449" spans="1:7" x14ac:dyDescent="0.3">
      <c r="A82449" s="13" t="s">
        <v>416</v>
      </c>
      <c r="B82449" s="14" t="s">
        <v>1</v>
      </c>
      <c r="C82449" s="14" t="s">
        <v>51</v>
      </c>
      <c r="D82449" s="14" t="s">
        <v>14</v>
      </c>
      <c r="E82449" s="15">
        <v>45700</v>
      </c>
      <c r="F82449" s="14" t="s">
        <v>15</v>
      </c>
      <c r="G82449" s="16">
        <v>0</v>
      </c>
    </row>
    <row r="82450" spans="1:7" x14ac:dyDescent="0.3">
      <c r="A82450" s="13" t="s">
        <v>416</v>
      </c>
      <c r="B82450" s="14" t="s">
        <v>1</v>
      </c>
      <c r="C82450" s="14" t="s">
        <v>51</v>
      </c>
      <c r="D82450" s="14" t="s">
        <v>14</v>
      </c>
      <c r="E82450" s="15">
        <v>45701</v>
      </c>
      <c r="F82450" s="14" t="s">
        <v>15</v>
      </c>
      <c r="G82450" s="16">
        <v>0</v>
      </c>
    </row>
    <row r="82451" spans="1:7" x14ac:dyDescent="0.3">
      <c r="A82451" s="13" t="s">
        <v>416</v>
      </c>
      <c r="B82451" s="14" t="s">
        <v>1</v>
      </c>
      <c r="C82451" s="14" t="s">
        <v>51</v>
      </c>
      <c r="D82451" s="14" t="s">
        <v>14</v>
      </c>
      <c r="E82451" s="15">
        <v>45702</v>
      </c>
      <c r="F82451" s="14" t="s">
        <v>15</v>
      </c>
      <c r="G82451" s="16">
        <v>0</v>
      </c>
    </row>
    <row r="82452" spans="1:7" x14ac:dyDescent="0.3">
      <c r="A82452" s="13" t="s">
        <v>416</v>
      </c>
      <c r="B82452" s="14" t="s">
        <v>1</v>
      </c>
      <c r="C82452" s="14" t="s">
        <v>51</v>
      </c>
      <c r="D82452" s="14" t="s">
        <v>14</v>
      </c>
      <c r="E82452" s="15">
        <v>45703</v>
      </c>
      <c r="F82452" s="14" t="s">
        <v>15</v>
      </c>
      <c r="G82452" s="16">
        <v>0</v>
      </c>
    </row>
    <row r="82453" spans="1:7" x14ac:dyDescent="0.3">
      <c r="A82453" s="13" t="s">
        <v>416</v>
      </c>
      <c r="B82453" s="14" t="s">
        <v>1</v>
      </c>
      <c r="C82453" s="14" t="s">
        <v>51</v>
      </c>
      <c r="D82453" s="14" t="s">
        <v>14</v>
      </c>
      <c r="E82453" s="15">
        <v>45704</v>
      </c>
      <c r="F82453" s="14" t="s">
        <v>15</v>
      </c>
      <c r="G82453" s="16">
        <v>0</v>
      </c>
    </row>
    <row r="82454" spans="1:7" x14ac:dyDescent="0.3">
      <c r="A82454" s="13" t="s">
        <v>416</v>
      </c>
      <c r="B82454" s="14" t="s">
        <v>1</v>
      </c>
      <c r="C82454" s="14" t="s">
        <v>51</v>
      </c>
      <c r="D82454" s="14" t="s">
        <v>14</v>
      </c>
      <c r="E82454" s="15">
        <v>45705</v>
      </c>
      <c r="F82454" s="14" t="s">
        <v>15</v>
      </c>
      <c r="G82454" s="16">
        <v>0</v>
      </c>
    </row>
    <row r="82455" spans="1:7" x14ac:dyDescent="0.3">
      <c r="A82455" s="13" t="s">
        <v>416</v>
      </c>
      <c r="B82455" s="14" t="s">
        <v>1</v>
      </c>
      <c r="C82455" s="14" t="s">
        <v>51</v>
      </c>
      <c r="D82455" s="14" t="s">
        <v>14</v>
      </c>
      <c r="E82455" s="15">
        <v>45706</v>
      </c>
      <c r="F82455" s="14" t="s">
        <v>15</v>
      </c>
      <c r="G82455" s="16">
        <v>0</v>
      </c>
    </row>
    <row r="82456" spans="1:7" x14ac:dyDescent="0.3">
      <c r="A82456" s="13" t="s">
        <v>416</v>
      </c>
      <c r="B82456" s="14" t="s">
        <v>1</v>
      </c>
      <c r="C82456" s="14" t="s">
        <v>51</v>
      </c>
      <c r="D82456" s="14" t="s">
        <v>14</v>
      </c>
      <c r="E82456" s="15">
        <v>45707</v>
      </c>
      <c r="F82456" s="14" t="s">
        <v>15</v>
      </c>
      <c r="G82456" s="16">
        <v>0</v>
      </c>
    </row>
    <row r="82457" spans="1:7" x14ac:dyDescent="0.3">
      <c r="A82457" s="13" t="s">
        <v>416</v>
      </c>
      <c r="B82457" s="14" t="s">
        <v>1</v>
      </c>
      <c r="C82457" s="14" t="s">
        <v>51</v>
      </c>
      <c r="D82457" s="14" t="s">
        <v>14</v>
      </c>
      <c r="E82457" s="15">
        <v>45708</v>
      </c>
      <c r="F82457" s="14" t="s">
        <v>15</v>
      </c>
      <c r="G82457" s="16">
        <v>0</v>
      </c>
    </row>
    <row r="82458" spans="1:7" x14ac:dyDescent="0.3">
      <c r="A82458" s="13" t="s">
        <v>416</v>
      </c>
      <c r="B82458" s="14" t="s">
        <v>1</v>
      </c>
      <c r="C82458" s="14" t="s">
        <v>51</v>
      </c>
      <c r="D82458" s="14" t="s">
        <v>14</v>
      </c>
      <c r="E82458" s="15">
        <v>45709</v>
      </c>
      <c r="F82458" s="14" t="s">
        <v>15</v>
      </c>
      <c r="G82458" s="16">
        <v>0</v>
      </c>
    </row>
    <row r="82459" spans="1:7" x14ac:dyDescent="0.3">
      <c r="A82459" s="13" t="s">
        <v>416</v>
      </c>
      <c r="B82459" s="14" t="s">
        <v>1</v>
      </c>
      <c r="C82459" s="14" t="s">
        <v>51</v>
      </c>
      <c r="D82459" s="14" t="s">
        <v>14</v>
      </c>
      <c r="E82459" s="15">
        <v>45710</v>
      </c>
      <c r="F82459" s="14" t="s">
        <v>15</v>
      </c>
      <c r="G82459" s="16">
        <v>0</v>
      </c>
    </row>
    <row r="82460" spans="1:7" x14ac:dyDescent="0.3">
      <c r="A82460" s="13" t="s">
        <v>416</v>
      </c>
      <c r="B82460" s="14" t="s">
        <v>1</v>
      </c>
      <c r="C82460" s="14" t="s">
        <v>51</v>
      </c>
      <c r="D82460" s="14" t="s">
        <v>14</v>
      </c>
      <c r="E82460" s="15">
        <v>45711</v>
      </c>
      <c r="F82460" s="14" t="s">
        <v>15</v>
      </c>
      <c r="G82460" s="16">
        <v>0</v>
      </c>
    </row>
    <row r="82461" spans="1:7" x14ac:dyDescent="0.3">
      <c r="A82461" s="13" t="s">
        <v>416</v>
      </c>
      <c r="B82461" s="14" t="s">
        <v>1</v>
      </c>
      <c r="C82461" s="14" t="s">
        <v>51</v>
      </c>
      <c r="D82461" s="14" t="s">
        <v>14</v>
      </c>
      <c r="E82461" s="15">
        <v>45712</v>
      </c>
      <c r="F82461" s="14" t="s">
        <v>15</v>
      </c>
      <c r="G82461" s="16">
        <v>0</v>
      </c>
    </row>
    <row r="82462" spans="1:7" x14ac:dyDescent="0.3">
      <c r="A82462" s="13" t="s">
        <v>416</v>
      </c>
      <c r="B82462" s="14" t="s">
        <v>1</v>
      </c>
      <c r="C82462" s="14" t="s">
        <v>51</v>
      </c>
      <c r="D82462" s="14" t="s">
        <v>14</v>
      </c>
      <c r="E82462" s="15">
        <v>45713</v>
      </c>
      <c r="F82462" s="14" t="s">
        <v>15</v>
      </c>
      <c r="G82462" s="16">
        <v>0</v>
      </c>
    </row>
    <row r="82463" spans="1:7" x14ac:dyDescent="0.3">
      <c r="A82463" s="13" t="s">
        <v>416</v>
      </c>
      <c r="B82463" s="14" t="s">
        <v>1</v>
      </c>
      <c r="C82463" s="14" t="s">
        <v>51</v>
      </c>
      <c r="D82463" s="14" t="s">
        <v>14</v>
      </c>
      <c r="E82463" s="15">
        <v>45714</v>
      </c>
      <c r="F82463" s="14" t="s">
        <v>15</v>
      </c>
      <c r="G82463" s="16">
        <v>0</v>
      </c>
    </row>
    <row r="82464" spans="1:7" x14ac:dyDescent="0.3">
      <c r="A82464" s="13" t="s">
        <v>416</v>
      </c>
      <c r="B82464" s="14" t="s">
        <v>1</v>
      </c>
      <c r="C82464" s="14" t="s">
        <v>51</v>
      </c>
      <c r="D82464" s="14" t="s">
        <v>14</v>
      </c>
      <c r="E82464" s="15">
        <v>45715</v>
      </c>
      <c r="F82464" s="14" t="s">
        <v>15</v>
      </c>
      <c r="G82464" s="16">
        <v>0</v>
      </c>
    </row>
    <row r="82465" spans="1:7" x14ac:dyDescent="0.3">
      <c r="A82465" s="13" t="s">
        <v>416</v>
      </c>
      <c r="B82465" s="14" t="s">
        <v>1</v>
      </c>
      <c r="C82465" s="14" t="s">
        <v>51</v>
      </c>
      <c r="D82465" s="14" t="s">
        <v>14</v>
      </c>
      <c r="E82465" s="15">
        <v>45716</v>
      </c>
      <c r="F82465" s="14" t="s">
        <v>15</v>
      </c>
      <c r="G82465" s="16">
        <v>0</v>
      </c>
    </row>
    <row r="82466" spans="1:7" x14ac:dyDescent="0.3">
      <c r="A82466" s="13" t="s">
        <v>416</v>
      </c>
      <c r="B82466" s="14" t="s">
        <v>1</v>
      </c>
      <c r="C82466" s="14" t="s">
        <v>51</v>
      </c>
      <c r="D82466" s="14" t="s">
        <v>14</v>
      </c>
      <c r="E82466" s="15">
        <v>45717</v>
      </c>
      <c r="F82466" s="14" t="s">
        <v>15</v>
      </c>
      <c r="G82466" s="16">
        <v>0</v>
      </c>
    </row>
    <row r="82467" spans="1:7" x14ac:dyDescent="0.3">
      <c r="A82467" s="13" t="s">
        <v>416</v>
      </c>
      <c r="B82467" s="14" t="s">
        <v>1</v>
      </c>
      <c r="C82467" s="14" t="s">
        <v>51</v>
      </c>
      <c r="D82467" s="14" t="s">
        <v>14</v>
      </c>
      <c r="E82467" s="15">
        <v>45718</v>
      </c>
      <c r="F82467" s="14" t="s">
        <v>15</v>
      </c>
      <c r="G82467" s="16">
        <v>0</v>
      </c>
    </row>
    <row r="82468" spans="1:7" x14ac:dyDescent="0.3">
      <c r="A82468" s="13" t="s">
        <v>416</v>
      </c>
      <c r="B82468" s="14" t="s">
        <v>1</v>
      </c>
      <c r="C82468" s="14" t="s">
        <v>51</v>
      </c>
      <c r="D82468" s="14" t="s">
        <v>14</v>
      </c>
      <c r="E82468" s="15">
        <v>45719</v>
      </c>
      <c r="F82468" s="14" t="s">
        <v>15</v>
      </c>
      <c r="G82468" s="16">
        <v>0</v>
      </c>
    </row>
    <row r="82469" spans="1:7" x14ac:dyDescent="0.3">
      <c r="A82469" s="13" t="s">
        <v>416</v>
      </c>
      <c r="B82469" s="14" t="s">
        <v>1</v>
      </c>
      <c r="C82469" s="14" t="s">
        <v>51</v>
      </c>
      <c r="D82469" s="14" t="s">
        <v>14</v>
      </c>
      <c r="E82469" s="15">
        <v>45720</v>
      </c>
      <c r="F82469" s="14" t="s">
        <v>15</v>
      </c>
      <c r="G82469" s="16">
        <v>0</v>
      </c>
    </row>
    <row r="82470" spans="1:7" x14ac:dyDescent="0.3">
      <c r="A82470" s="13" t="s">
        <v>416</v>
      </c>
      <c r="B82470" s="14" t="s">
        <v>1</v>
      </c>
      <c r="C82470" s="14" t="s">
        <v>51</v>
      </c>
      <c r="D82470" s="14" t="s">
        <v>14</v>
      </c>
      <c r="E82470" s="15">
        <v>45721</v>
      </c>
      <c r="F82470" s="14" t="s">
        <v>15</v>
      </c>
      <c r="G82470" s="16">
        <v>0</v>
      </c>
    </row>
    <row r="82471" spans="1:7" x14ac:dyDescent="0.3">
      <c r="A82471" s="13" t="s">
        <v>416</v>
      </c>
      <c r="B82471" s="14" t="s">
        <v>1</v>
      </c>
      <c r="C82471" s="14" t="s">
        <v>51</v>
      </c>
      <c r="D82471" s="14" t="s">
        <v>14</v>
      </c>
      <c r="E82471" s="15">
        <v>45722</v>
      </c>
      <c r="F82471" s="14" t="s">
        <v>15</v>
      </c>
      <c r="G82471" s="16">
        <v>0</v>
      </c>
    </row>
    <row r="82472" spans="1:7" x14ac:dyDescent="0.3">
      <c r="A82472" s="13" t="s">
        <v>416</v>
      </c>
      <c r="B82472" s="14" t="s">
        <v>1</v>
      </c>
      <c r="C82472" s="14" t="s">
        <v>51</v>
      </c>
      <c r="D82472" s="14" t="s">
        <v>14</v>
      </c>
      <c r="E82472" s="15">
        <v>45723</v>
      </c>
      <c r="F82472" s="14" t="s">
        <v>15</v>
      </c>
      <c r="G82472" s="16">
        <v>0</v>
      </c>
    </row>
    <row r="82473" spans="1:7" x14ac:dyDescent="0.3">
      <c r="A82473" s="13" t="s">
        <v>416</v>
      </c>
      <c r="B82473" s="14" t="s">
        <v>1</v>
      </c>
      <c r="C82473" s="14" t="s">
        <v>51</v>
      </c>
      <c r="D82473" s="14" t="s">
        <v>14</v>
      </c>
      <c r="E82473" s="15">
        <v>45724</v>
      </c>
      <c r="F82473" s="14" t="s">
        <v>15</v>
      </c>
      <c r="G82473" s="16">
        <v>0</v>
      </c>
    </row>
    <row r="82474" spans="1:7" x14ac:dyDescent="0.3">
      <c r="A82474" s="13" t="s">
        <v>416</v>
      </c>
      <c r="B82474" s="14" t="s">
        <v>1</v>
      </c>
      <c r="C82474" s="14" t="s">
        <v>51</v>
      </c>
      <c r="D82474" s="14" t="s">
        <v>14</v>
      </c>
      <c r="E82474" s="15">
        <v>45725</v>
      </c>
      <c r="F82474" s="14" t="s">
        <v>15</v>
      </c>
      <c r="G82474" s="16">
        <v>0</v>
      </c>
    </row>
    <row r="82475" spans="1:7" x14ac:dyDescent="0.3">
      <c r="A82475" s="13" t="s">
        <v>416</v>
      </c>
      <c r="B82475" s="14" t="s">
        <v>1</v>
      </c>
      <c r="C82475" s="14" t="s">
        <v>51</v>
      </c>
      <c r="D82475" s="14" t="s">
        <v>14</v>
      </c>
      <c r="E82475" s="15">
        <v>45726</v>
      </c>
      <c r="F82475" s="14" t="s">
        <v>15</v>
      </c>
      <c r="G82475" s="16">
        <v>0</v>
      </c>
    </row>
    <row r="82476" spans="1:7" x14ac:dyDescent="0.3">
      <c r="A82476" s="13" t="s">
        <v>416</v>
      </c>
      <c r="B82476" s="14" t="s">
        <v>1</v>
      </c>
      <c r="C82476" s="14" t="s">
        <v>51</v>
      </c>
      <c r="D82476" s="14" t="s">
        <v>14</v>
      </c>
      <c r="E82476" s="15">
        <v>45727</v>
      </c>
      <c r="F82476" s="14" t="s">
        <v>15</v>
      </c>
      <c r="G82476" s="16">
        <v>0</v>
      </c>
    </row>
    <row r="82477" spans="1:7" x14ac:dyDescent="0.3">
      <c r="A82477" s="13" t="s">
        <v>416</v>
      </c>
      <c r="B82477" s="14" t="s">
        <v>1</v>
      </c>
      <c r="C82477" s="14" t="s">
        <v>51</v>
      </c>
      <c r="D82477" s="14" t="s">
        <v>14</v>
      </c>
      <c r="E82477" s="15">
        <v>45728</v>
      </c>
      <c r="F82477" s="14" t="s">
        <v>15</v>
      </c>
      <c r="G82477" s="16">
        <v>0</v>
      </c>
    </row>
    <row r="82478" spans="1:7" x14ac:dyDescent="0.3">
      <c r="A82478" s="13" t="s">
        <v>416</v>
      </c>
      <c r="B82478" s="14" t="s">
        <v>1</v>
      </c>
      <c r="C82478" s="14" t="s">
        <v>51</v>
      </c>
      <c r="D82478" s="14" t="s">
        <v>14</v>
      </c>
      <c r="E82478" s="15">
        <v>45729</v>
      </c>
      <c r="F82478" s="14" t="s">
        <v>15</v>
      </c>
      <c r="G82478" s="16">
        <v>0</v>
      </c>
    </row>
    <row r="82479" spans="1:7" x14ac:dyDescent="0.3">
      <c r="A82479" s="13" t="s">
        <v>416</v>
      </c>
      <c r="B82479" s="14" t="s">
        <v>1</v>
      </c>
      <c r="C82479" s="14" t="s">
        <v>51</v>
      </c>
      <c r="D82479" s="14" t="s">
        <v>14</v>
      </c>
      <c r="E82479" s="15">
        <v>45730</v>
      </c>
      <c r="F82479" s="14" t="s">
        <v>15</v>
      </c>
      <c r="G82479" s="16">
        <v>0</v>
      </c>
    </row>
    <row r="82480" spans="1:7" x14ac:dyDescent="0.3">
      <c r="A82480" s="13" t="s">
        <v>416</v>
      </c>
      <c r="B82480" s="14" t="s">
        <v>1</v>
      </c>
      <c r="C82480" s="14" t="s">
        <v>51</v>
      </c>
      <c r="D82480" s="14" t="s">
        <v>14</v>
      </c>
      <c r="E82480" s="15">
        <v>45731</v>
      </c>
      <c r="F82480" s="14" t="s">
        <v>15</v>
      </c>
      <c r="G82480" s="16">
        <v>0</v>
      </c>
    </row>
    <row r="82481" spans="1:7" x14ac:dyDescent="0.3">
      <c r="A82481" s="13" t="s">
        <v>416</v>
      </c>
      <c r="B82481" s="14" t="s">
        <v>1</v>
      </c>
      <c r="C82481" s="14" t="s">
        <v>51</v>
      </c>
      <c r="D82481" s="14" t="s">
        <v>14</v>
      </c>
      <c r="E82481" s="15">
        <v>45732</v>
      </c>
      <c r="F82481" s="14" t="s">
        <v>15</v>
      </c>
      <c r="G82481" s="16">
        <v>0</v>
      </c>
    </row>
    <row r="82482" spans="1:7" x14ac:dyDescent="0.3">
      <c r="A82482" s="13" t="s">
        <v>416</v>
      </c>
      <c r="B82482" s="14" t="s">
        <v>1</v>
      </c>
      <c r="C82482" s="14" t="s">
        <v>51</v>
      </c>
      <c r="D82482" s="14" t="s">
        <v>14</v>
      </c>
      <c r="E82482" s="15">
        <v>45733</v>
      </c>
      <c r="F82482" s="14" t="s">
        <v>15</v>
      </c>
      <c r="G82482" s="16">
        <v>0</v>
      </c>
    </row>
    <row r="82483" spans="1:7" x14ac:dyDescent="0.3">
      <c r="A82483" s="13" t="s">
        <v>416</v>
      </c>
      <c r="B82483" s="14" t="s">
        <v>1</v>
      </c>
      <c r="C82483" s="14" t="s">
        <v>51</v>
      </c>
      <c r="D82483" s="14" t="s">
        <v>14</v>
      </c>
      <c r="E82483" s="15">
        <v>45734</v>
      </c>
      <c r="F82483" s="14" t="s">
        <v>15</v>
      </c>
      <c r="G82483" s="16">
        <v>0</v>
      </c>
    </row>
    <row r="82484" spans="1:7" x14ac:dyDescent="0.3">
      <c r="A82484" s="13" t="s">
        <v>416</v>
      </c>
      <c r="B82484" s="14" t="s">
        <v>1</v>
      </c>
      <c r="C82484" s="14" t="s">
        <v>51</v>
      </c>
      <c r="D82484" s="14" t="s">
        <v>14</v>
      </c>
      <c r="E82484" s="15">
        <v>45735</v>
      </c>
      <c r="F82484" s="14" t="s">
        <v>15</v>
      </c>
      <c r="G82484" s="16">
        <v>0</v>
      </c>
    </row>
    <row r="82485" spans="1:7" x14ac:dyDescent="0.3">
      <c r="A82485" s="13" t="s">
        <v>416</v>
      </c>
      <c r="B82485" s="14" t="s">
        <v>1</v>
      </c>
      <c r="C82485" s="14" t="s">
        <v>51</v>
      </c>
      <c r="D82485" s="14" t="s">
        <v>14</v>
      </c>
      <c r="E82485" s="15">
        <v>45736</v>
      </c>
      <c r="F82485" s="14" t="s">
        <v>15</v>
      </c>
      <c r="G82485" s="16">
        <v>0</v>
      </c>
    </row>
    <row r="82486" spans="1:7" x14ac:dyDescent="0.3">
      <c r="A82486" s="13" t="s">
        <v>416</v>
      </c>
      <c r="B82486" s="14" t="s">
        <v>1</v>
      </c>
      <c r="C82486" s="14" t="s">
        <v>51</v>
      </c>
      <c r="D82486" s="14" t="s">
        <v>14</v>
      </c>
      <c r="E82486" s="15">
        <v>45737</v>
      </c>
      <c r="F82486" s="14" t="s">
        <v>15</v>
      </c>
      <c r="G82486" s="16">
        <v>0</v>
      </c>
    </row>
    <row r="82487" spans="1:7" x14ac:dyDescent="0.3">
      <c r="A82487" s="13" t="s">
        <v>416</v>
      </c>
      <c r="B82487" s="14" t="s">
        <v>1</v>
      </c>
      <c r="C82487" s="14" t="s">
        <v>51</v>
      </c>
      <c r="D82487" s="14" t="s">
        <v>14</v>
      </c>
      <c r="E82487" s="15">
        <v>45738</v>
      </c>
      <c r="F82487" s="14" t="s">
        <v>15</v>
      </c>
      <c r="G82487" s="16">
        <v>0</v>
      </c>
    </row>
    <row r="82488" spans="1:7" x14ac:dyDescent="0.3">
      <c r="A82488" s="13" t="s">
        <v>416</v>
      </c>
      <c r="B82488" s="14" t="s">
        <v>1</v>
      </c>
      <c r="C82488" s="14" t="s">
        <v>51</v>
      </c>
      <c r="D82488" s="14" t="s">
        <v>14</v>
      </c>
      <c r="E82488" s="15">
        <v>45739</v>
      </c>
      <c r="F82488" s="14" t="s">
        <v>15</v>
      </c>
      <c r="G82488" s="16">
        <v>0</v>
      </c>
    </row>
    <row r="82489" spans="1:7" x14ac:dyDescent="0.3">
      <c r="A82489" s="13" t="s">
        <v>416</v>
      </c>
      <c r="B82489" s="14" t="s">
        <v>1</v>
      </c>
      <c r="C82489" s="14" t="s">
        <v>51</v>
      </c>
      <c r="D82489" s="14" t="s">
        <v>14</v>
      </c>
      <c r="E82489" s="15">
        <v>45740</v>
      </c>
      <c r="F82489" s="14" t="s">
        <v>15</v>
      </c>
      <c r="G82489" s="16">
        <v>0</v>
      </c>
    </row>
    <row r="82490" spans="1:7" x14ac:dyDescent="0.3">
      <c r="A82490" s="13" t="s">
        <v>416</v>
      </c>
      <c r="B82490" s="14" t="s">
        <v>1</v>
      </c>
      <c r="C82490" s="14" t="s">
        <v>51</v>
      </c>
      <c r="D82490" s="14" t="s">
        <v>14</v>
      </c>
      <c r="E82490" s="15">
        <v>45741</v>
      </c>
      <c r="F82490" s="14" t="s">
        <v>15</v>
      </c>
      <c r="G82490" s="16">
        <v>0</v>
      </c>
    </row>
    <row r="82491" spans="1:7" x14ac:dyDescent="0.3">
      <c r="A82491" s="13" t="s">
        <v>416</v>
      </c>
      <c r="B82491" s="14" t="s">
        <v>1</v>
      </c>
      <c r="C82491" s="14" t="s">
        <v>51</v>
      </c>
      <c r="D82491" s="14" t="s">
        <v>14</v>
      </c>
      <c r="E82491" s="15">
        <v>45742</v>
      </c>
      <c r="F82491" s="14" t="s">
        <v>15</v>
      </c>
      <c r="G82491" s="16">
        <v>0</v>
      </c>
    </row>
    <row r="82492" spans="1:7" x14ac:dyDescent="0.3">
      <c r="A82492" s="13" t="s">
        <v>416</v>
      </c>
      <c r="B82492" s="14" t="s">
        <v>1</v>
      </c>
      <c r="C82492" s="14" t="s">
        <v>51</v>
      </c>
      <c r="D82492" s="14" t="s">
        <v>14</v>
      </c>
      <c r="E82492" s="15">
        <v>45743</v>
      </c>
      <c r="F82492" s="14" t="s">
        <v>15</v>
      </c>
      <c r="G82492" s="16">
        <v>0</v>
      </c>
    </row>
    <row r="82493" spans="1:7" x14ac:dyDescent="0.3">
      <c r="A82493" s="13" t="s">
        <v>416</v>
      </c>
      <c r="B82493" s="14" t="s">
        <v>1</v>
      </c>
      <c r="C82493" s="14" t="s">
        <v>51</v>
      </c>
      <c r="D82493" s="14" t="s">
        <v>14</v>
      </c>
      <c r="E82493" s="15">
        <v>45744</v>
      </c>
      <c r="F82493" s="14" t="s">
        <v>15</v>
      </c>
      <c r="G82493" s="16">
        <v>0</v>
      </c>
    </row>
    <row r="82494" spans="1:7" x14ac:dyDescent="0.3">
      <c r="A82494" s="13" t="s">
        <v>416</v>
      </c>
      <c r="B82494" s="14" t="s">
        <v>1</v>
      </c>
      <c r="C82494" s="14" t="s">
        <v>51</v>
      </c>
      <c r="D82494" s="14" t="s">
        <v>14</v>
      </c>
      <c r="E82494" s="15">
        <v>45745</v>
      </c>
      <c r="F82494" s="14" t="s">
        <v>15</v>
      </c>
      <c r="G82494" s="16">
        <v>0</v>
      </c>
    </row>
    <row r="82495" spans="1:7" x14ac:dyDescent="0.3">
      <c r="A82495" s="13" t="s">
        <v>416</v>
      </c>
      <c r="B82495" s="14" t="s">
        <v>1</v>
      </c>
      <c r="C82495" s="14" t="s">
        <v>51</v>
      </c>
      <c r="D82495" s="14" t="s">
        <v>14</v>
      </c>
      <c r="E82495" s="15">
        <v>45746</v>
      </c>
      <c r="F82495" s="14" t="s">
        <v>15</v>
      </c>
      <c r="G82495" s="16">
        <v>0</v>
      </c>
    </row>
    <row r="82496" spans="1:7" x14ac:dyDescent="0.3">
      <c r="A82496" s="13" t="s">
        <v>416</v>
      </c>
      <c r="B82496" s="14" t="s">
        <v>1</v>
      </c>
      <c r="C82496" s="14" t="s">
        <v>51</v>
      </c>
      <c r="D82496" s="14" t="s">
        <v>14</v>
      </c>
      <c r="E82496" s="15">
        <v>45747</v>
      </c>
      <c r="F82496" s="14" t="s">
        <v>15</v>
      </c>
      <c r="G82496" s="16">
        <v>0</v>
      </c>
    </row>
    <row r="82497" spans="1:7" x14ac:dyDescent="0.3">
      <c r="A82497" s="13" t="s">
        <v>417</v>
      </c>
      <c r="B82497" s="14" t="s">
        <v>1</v>
      </c>
      <c r="C82497" s="14" t="s">
        <v>70</v>
      </c>
      <c r="D82497" s="14" t="s">
        <v>418</v>
      </c>
      <c r="E82497" s="15">
        <v>45383</v>
      </c>
      <c r="F82497" s="14" t="s">
        <v>15</v>
      </c>
      <c r="G82497" s="16">
        <v>0</v>
      </c>
    </row>
    <row r="82498" spans="1:7" x14ac:dyDescent="0.3">
      <c r="A82498" s="13" t="s">
        <v>417</v>
      </c>
      <c r="B82498" s="14" t="s">
        <v>1</v>
      </c>
      <c r="C82498" s="14" t="s">
        <v>70</v>
      </c>
      <c r="D82498" s="14" t="s">
        <v>418</v>
      </c>
      <c r="E82498" s="15">
        <v>45384</v>
      </c>
      <c r="F82498" s="14" t="s">
        <v>15</v>
      </c>
      <c r="G82498" s="16">
        <v>0</v>
      </c>
    </row>
    <row r="82499" spans="1:7" x14ac:dyDescent="0.3">
      <c r="A82499" s="13" t="s">
        <v>417</v>
      </c>
      <c r="B82499" s="14" t="s">
        <v>1</v>
      </c>
      <c r="C82499" s="14" t="s">
        <v>70</v>
      </c>
      <c r="D82499" s="14" t="s">
        <v>418</v>
      </c>
      <c r="E82499" s="15">
        <v>45385</v>
      </c>
      <c r="F82499" s="14" t="s">
        <v>15</v>
      </c>
      <c r="G82499" s="16">
        <v>3.3806640489801858E-2</v>
      </c>
    </row>
    <row r="82500" spans="1:7" x14ac:dyDescent="0.3">
      <c r="A82500" s="13" t="s">
        <v>417</v>
      </c>
      <c r="B82500" s="14" t="s">
        <v>1</v>
      </c>
      <c r="C82500" s="14" t="s">
        <v>70</v>
      </c>
      <c r="D82500" s="14" t="s">
        <v>418</v>
      </c>
      <c r="E82500" s="15">
        <v>45386</v>
      </c>
      <c r="F82500" s="14" t="s">
        <v>15</v>
      </c>
      <c r="G82500" s="16">
        <v>4.3029789471552893E-2</v>
      </c>
    </row>
    <row r="82501" spans="1:7" x14ac:dyDescent="0.3">
      <c r="A82501" s="13" t="s">
        <v>417</v>
      </c>
      <c r="B82501" s="14" t="s">
        <v>1</v>
      </c>
      <c r="C82501" s="14" t="s">
        <v>70</v>
      </c>
      <c r="D82501" s="14" t="s">
        <v>418</v>
      </c>
      <c r="E82501" s="15">
        <v>45387</v>
      </c>
      <c r="F82501" s="14" t="s">
        <v>15</v>
      </c>
      <c r="G82501" s="16">
        <v>6.1332687256126749E-2</v>
      </c>
    </row>
    <row r="82502" spans="1:7" x14ac:dyDescent="0.3">
      <c r="A82502" s="13" t="s">
        <v>417</v>
      </c>
      <c r="B82502" s="14" t="s">
        <v>1</v>
      </c>
      <c r="C82502" s="14" t="s">
        <v>70</v>
      </c>
      <c r="D82502" s="14" t="s">
        <v>418</v>
      </c>
      <c r="E82502" s="15">
        <v>45388</v>
      </c>
      <c r="F82502" s="14" t="s">
        <v>15</v>
      </c>
      <c r="G82502" s="16">
        <v>6.1332687256126749E-2</v>
      </c>
    </row>
    <row r="82503" spans="1:7" x14ac:dyDescent="0.3">
      <c r="A82503" s="13" t="s">
        <v>417</v>
      </c>
      <c r="B82503" s="14" t="s">
        <v>1</v>
      </c>
      <c r="C82503" s="14" t="s">
        <v>70</v>
      </c>
      <c r="D82503" s="14" t="s">
        <v>418</v>
      </c>
      <c r="E82503" s="15">
        <v>45389</v>
      </c>
      <c r="F82503" s="14" t="s">
        <v>15</v>
      </c>
      <c r="G82503" s="16">
        <v>6.1332687256126749E-2</v>
      </c>
    </row>
    <row r="82504" spans="1:7" x14ac:dyDescent="0.3">
      <c r="A82504" s="13" t="s">
        <v>417</v>
      </c>
      <c r="B82504" s="14" t="s">
        <v>1</v>
      </c>
      <c r="C82504" s="14" t="s">
        <v>70</v>
      </c>
      <c r="D82504" s="14" t="s">
        <v>418</v>
      </c>
      <c r="E82504" s="15">
        <v>45390</v>
      </c>
      <c r="F82504" s="14" t="s">
        <v>15</v>
      </c>
      <c r="G82504" s="16">
        <v>8.1744012087903592E-2</v>
      </c>
    </row>
    <row r="82505" spans="1:7" x14ac:dyDescent="0.3">
      <c r="A82505" s="13" t="s">
        <v>417</v>
      </c>
      <c r="B82505" s="14" t="s">
        <v>1</v>
      </c>
      <c r="C82505" s="14" t="s">
        <v>70</v>
      </c>
      <c r="D82505" s="14" t="s">
        <v>418</v>
      </c>
      <c r="E82505" s="15">
        <v>45391</v>
      </c>
      <c r="F82505" s="14" t="s">
        <v>15</v>
      </c>
      <c r="G82505" s="16">
        <v>9.7122185745087727E-2</v>
      </c>
    </row>
    <row r="82506" spans="1:7" x14ac:dyDescent="0.3">
      <c r="A82506" s="13" t="s">
        <v>417</v>
      </c>
      <c r="B82506" s="14" t="s">
        <v>1</v>
      </c>
      <c r="C82506" s="14" t="s">
        <v>70</v>
      </c>
      <c r="D82506" s="14" t="s">
        <v>418</v>
      </c>
      <c r="E82506" s="15">
        <v>45392</v>
      </c>
      <c r="F82506" s="14" t="s">
        <v>15</v>
      </c>
      <c r="G82506" s="16">
        <v>0.11517206859712885</v>
      </c>
    </row>
    <row r="82507" spans="1:7" x14ac:dyDescent="0.3">
      <c r="A82507" s="13" t="s">
        <v>417</v>
      </c>
      <c r="B82507" s="14" t="s">
        <v>1</v>
      </c>
      <c r="C82507" s="14" t="s">
        <v>70</v>
      </c>
      <c r="D82507" s="14" t="s">
        <v>418</v>
      </c>
      <c r="E82507" s="15">
        <v>45393</v>
      </c>
      <c r="F82507" s="14" t="s">
        <v>15</v>
      </c>
      <c r="G82507" s="16">
        <v>0.11907708936301661</v>
      </c>
    </row>
    <row r="82508" spans="1:7" x14ac:dyDescent="0.3">
      <c r="A82508" s="13" t="s">
        <v>417</v>
      </c>
      <c r="B82508" s="14" t="s">
        <v>1</v>
      </c>
      <c r="C82508" s="14" t="s">
        <v>70</v>
      </c>
      <c r="D82508" s="14" t="s">
        <v>418</v>
      </c>
      <c r="E82508" s="15">
        <v>45394</v>
      </c>
      <c r="F82508" s="14" t="s">
        <v>15</v>
      </c>
      <c r="G82508" s="16">
        <v>0.12331884751908076</v>
      </c>
    </row>
    <row r="82509" spans="1:7" x14ac:dyDescent="0.3">
      <c r="A82509" s="13" t="s">
        <v>417</v>
      </c>
      <c r="B82509" s="14" t="s">
        <v>1</v>
      </c>
      <c r="C82509" s="14" t="s">
        <v>70</v>
      </c>
      <c r="D82509" s="14" t="s">
        <v>418</v>
      </c>
      <c r="E82509" s="15">
        <v>45395</v>
      </c>
      <c r="F82509" s="14" t="s">
        <v>15</v>
      </c>
      <c r="G82509" s="16">
        <v>0.12331884751908076</v>
      </c>
    </row>
    <row r="82510" spans="1:7" x14ac:dyDescent="0.3">
      <c r="A82510" s="13" t="s">
        <v>417</v>
      </c>
      <c r="B82510" s="14" t="s">
        <v>1</v>
      </c>
      <c r="C82510" s="14" t="s">
        <v>70</v>
      </c>
      <c r="D82510" s="14" t="s">
        <v>418</v>
      </c>
      <c r="E82510" s="15">
        <v>45396</v>
      </c>
      <c r="F82510" s="14" t="s">
        <v>15</v>
      </c>
      <c r="G82510" s="16">
        <v>0.12331884751908076</v>
      </c>
    </row>
    <row r="82511" spans="1:7" x14ac:dyDescent="0.3">
      <c r="A82511" s="13" t="s">
        <v>417</v>
      </c>
      <c r="B82511" s="14" t="s">
        <v>1</v>
      </c>
      <c r="C82511" s="14" t="s">
        <v>70</v>
      </c>
      <c r="D82511" s="14" t="s">
        <v>418</v>
      </c>
      <c r="E82511" s="15">
        <v>45397</v>
      </c>
      <c r="F82511" s="14" t="s">
        <v>15</v>
      </c>
      <c r="G82511" s="16">
        <v>0.14951145754011963</v>
      </c>
    </row>
    <row r="82512" spans="1:7" x14ac:dyDescent="0.3">
      <c r="A82512" s="13" t="s">
        <v>417</v>
      </c>
      <c r="B82512" s="14" t="s">
        <v>1</v>
      </c>
      <c r="C82512" s="14" t="s">
        <v>70</v>
      </c>
      <c r="D82512" s="14" t="s">
        <v>418</v>
      </c>
      <c r="E82512" s="15">
        <v>45398</v>
      </c>
      <c r="F82512" s="14" t="s">
        <v>15</v>
      </c>
      <c r="G82512" s="16">
        <v>0.16496457849998156</v>
      </c>
    </row>
    <row r="82513" spans="1:7" x14ac:dyDescent="0.3">
      <c r="A82513" s="13" t="s">
        <v>417</v>
      </c>
      <c r="B82513" s="14" t="s">
        <v>1</v>
      </c>
      <c r="C82513" s="14" t="s">
        <v>70</v>
      </c>
      <c r="D82513" s="14" t="s">
        <v>418</v>
      </c>
      <c r="E82513" s="15">
        <v>45399</v>
      </c>
      <c r="F82513" s="14" t="s">
        <v>15</v>
      </c>
      <c r="G82513" s="16">
        <v>0.20875513647828606</v>
      </c>
    </row>
    <row r="82514" spans="1:7" x14ac:dyDescent="0.3">
      <c r="A82514" s="13" t="s">
        <v>417</v>
      </c>
      <c r="B82514" s="14" t="s">
        <v>1</v>
      </c>
      <c r="C82514" s="14" t="s">
        <v>70</v>
      </c>
      <c r="D82514" s="14" t="s">
        <v>418</v>
      </c>
      <c r="E82514" s="15">
        <v>45400</v>
      </c>
      <c r="F82514" s="14" t="s">
        <v>15</v>
      </c>
      <c r="G82514" s="16">
        <v>0.21303559939122188</v>
      </c>
    </row>
    <row r="82515" spans="1:7" x14ac:dyDescent="0.3">
      <c r="A82515" s="13" t="s">
        <v>417</v>
      </c>
      <c r="B82515" s="14" t="s">
        <v>1</v>
      </c>
      <c r="C82515" s="14" t="s">
        <v>70</v>
      </c>
      <c r="D82515" s="14" t="s">
        <v>418</v>
      </c>
      <c r="E82515" s="15">
        <v>45401</v>
      </c>
      <c r="F82515" s="14" t="s">
        <v>15</v>
      </c>
      <c r="G82515" s="16">
        <v>0.22245852523587037</v>
      </c>
    </row>
    <row r="82516" spans="1:7" x14ac:dyDescent="0.3">
      <c r="A82516" s="13" t="s">
        <v>417</v>
      </c>
      <c r="B82516" s="14" t="s">
        <v>1</v>
      </c>
      <c r="C82516" s="14" t="s">
        <v>70</v>
      </c>
      <c r="D82516" s="14" t="s">
        <v>418</v>
      </c>
      <c r="E82516" s="15">
        <v>45402</v>
      </c>
      <c r="F82516" s="14" t="s">
        <v>15</v>
      </c>
      <c r="G82516" s="16">
        <v>0.22245852523587037</v>
      </c>
    </row>
    <row r="82517" spans="1:7" x14ac:dyDescent="0.3">
      <c r="A82517" s="13" t="s">
        <v>417</v>
      </c>
      <c r="B82517" s="14" t="s">
        <v>1</v>
      </c>
      <c r="C82517" s="14" t="s">
        <v>70</v>
      </c>
      <c r="D82517" s="14" t="s">
        <v>418</v>
      </c>
      <c r="E82517" s="15">
        <v>45403</v>
      </c>
      <c r="F82517" s="14" t="s">
        <v>15</v>
      </c>
      <c r="G82517" s="16">
        <v>0.22245852523587037</v>
      </c>
    </row>
    <row r="82518" spans="1:7" x14ac:dyDescent="0.3">
      <c r="A82518" s="13" t="s">
        <v>417</v>
      </c>
      <c r="B82518" s="14" t="s">
        <v>1</v>
      </c>
      <c r="C82518" s="14" t="s">
        <v>70</v>
      </c>
      <c r="D82518" s="14" t="s">
        <v>418</v>
      </c>
      <c r="E82518" s="15">
        <v>45404</v>
      </c>
      <c r="F82518" s="14" t="s">
        <v>15</v>
      </c>
      <c r="G82518" s="16">
        <v>0.23152971522171764</v>
      </c>
    </row>
    <row r="82519" spans="1:7" x14ac:dyDescent="0.3">
      <c r="A82519" s="13" t="s">
        <v>417</v>
      </c>
      <c r="B82519" s="14" t="s">
        <v>1</v>
      </c>
      <c r="C82519" s="14" t="s">
        <v>70</v>
      </c>
      <c r="D82519" s="14" t="s">
        <v>418</v>
      </c>
      <c r="E82519" s="15">
        <v>45405</v>
      </c>
      <c r="F82519" s="14" t="s">
        <v>15</v>
      </c>
      <c r="G82519" s="16">
        <v>0.26380066859508688</v>
      </c>
    </row>
    <row r="82520" spans="1:7" x14ac:dyDescent="0.3">
      <c r="A82520" s="13" t="s">
        <v>417</v>
      </c>
      <c r="B82520" s="14" t="s">
        <v>1</v>
      </c>
      <c r="C82520" s="14" t="s">
        <v>70</v>
      </c>
      <c r="D82520" s="14" t="s">
        <v>418</v>
      </c>
      <c r="E82520" s="15">
        <v>45406</v>
      </c>
      <c r="F82520" s="14" t="s">
        <v>15</v>
      </c>
      <c r="G82520" s="16">
        <v>0.27195159218170767</v>
      </c>
    </row>
    <row r="82521" spans="1:7" x14ac:dyDescent="0.3">
      <c r="A82521" s="13" t="s">
        <v>417</v>
      </c>
      <c r="B82521" s="14" t="s">
        <v>1</v>
      </c>
      <c r="C82521" s="14" t="s">
        <v>70</v>
      </c>
      <c r="D82521" s="14" t="s">
        <v>418</v>
      </c>
      <c r="E82521" s="15">
        <v>45407</v>
      </c>
      <c r="F82521" s="14" t="s">
        <v>15</v>
      </c>
      <c r="G82521" s="16">
        <v>0.32086943446131477</v>
      </c>
    </row>
    <row r="82522" spans="1:7" x14ac:dyDescent="0.3">
      <c r="A82522" s="13" t="s">
        <v>417</v>
      </c>
      <c r="B82522" s="14" t="s">
        <v>1</v>
      </c>
      <c r="C82522" s="14" t="s">
        <v>70</v>
      </c>
      <c r="D82522" s="14" t="s">
        <v>418</v>
      </c>
      <c r="E82522" s="15">
        <v>45408</v>
      </c>
      <c r="F82522" s="14" t="s">
        <v>15</v>
      </c>
      <c r="G82522" s="16">
        <v>0.32616045485486816</v>
      </c>
    </row>
    <row r="82523" spans="1:7" x14ac:dyDescent="0.3">
      <c r="A82523" s="13" t="s">
        <v>417</v>
      </c>
      <c r="B82523" s="14" t="s">
        <v>1</v>
      </c>
      <c r="C82523" s="14" t="s">
        <v>70</v>
      </c>
      <c r="D82523" s="14" t="s">
        <v>418</v>
      </c>
      <c r="E82523" s="15">
        <v>45409</v>
      </c>
      <c r="F82523" s="14" t="s">
        <v>15</v>
      </c>
      <c r="G82523" s="16">
        <v>0.32616045485486816</v>
      </c>
    </row>
    <row r="82524" spans="1:7" x14ac:dyDescent="0.3">
      <c r="A82524" s="13" t="s">
        <v>417</v>
      </c>
      <c r="B82524" s="14" t="s">
        <v>1</v>
      </c>
      <c r="C82524" s="14" t="s">
        <v>70</v>
      </c>
      <c r="D82524" s="14" t="s">
        <v>418</v>
      </c>
      <c r="E82524" s="15">
        <v>45410</v>
      </c>
      <c r="F82524" s="14" t="s">
        <v>15</v>
      </c>
      <c r="G82524" s="16">
        <v>0.32616045485486816</v>
      </c>
    </row>
    <row r="82525" spans="1:7" x14ac:dyDescent="0.3">
      <c r="A82525" s="13" t="s">
        <v>417</v>
      </c>
      <c r="B82525" s="14" t="s">
        <v>1</v>
      </c>
      <c r="C82525" s="14" t="s">
        <v>70</v>
      </c>
      <c r="D82525" s="14" t="s">
        <v>418</v>
      </c>
      <c r="E82525" s="15">
        <v>45411</v>
      </c>
      <c r="F82525" s="14" t="s">
        <v>15</v>
      </c>
      <c r="G82525" s="16">
        <v>0.33042842655069099</v>
      </c>
    </row>
    <row r="82526" spans="1:7" x14ac:dyDescent="0.3">
      <c r="A82526" s="13" t="s">
        <v>417</v>
      </c>
      <c r="B82526" s="14" t="s">
        <v>1</v>
      </c>
      <c r="C82526" s="14" t="s">
        <v>70</v>
      </c>
      <c r="D82526" s="14" t="s">
        <v>418</v>
      </c>
      <c r="E82526" s="15">
        <v>45412</v>
      </c>
      <c r="F82526" s="14" t="s">
        <v>15</v>
      </c>
      <c r="G82526" s="16">
        <v>0.34494168851717688</v>
      </c>
    </row>
    <row r="82527" spans="1:7" x14ac:dyDescent="0.3">
      <c r="A82527" s="13" t="s">
        <v>417</v>
      </c>
      <c r="B82527" s="14" t="s">
        <v>1</v>
      </c>
      <c r="C82527" s="14" t="s">
        <v>70</v>
      </c>
      <c r="D82527" s="14" t="s">
        <v>418</v>
      </c>
      <c r="E82527" s="15">
        <v>45413</v>
      </c>
      <c r="F82527" s="14" t="s">
        <v>15</v>
      </c>
      <c r="G82527" s="16">
        <v>0.34494168851717688</v>
      </c>
    </row>
    <row r="82528" spans="1:7" x14ac:dyDescent="0.3">
      <c r="A82528" s="13" t="s">
        <v>417</v>
      </c>
      <c r="B82528" s="14" t="s">
        <v>1</v>
      </c>
      <c r="C82528" s="14" t="s">
        <v>70</v>
      </c>
      <c r="D82528" s="14" t="s">
        <v>418</v>
      </c>
      <c r="E82528" s="15">
        <v>45414</v>
      </c>
      <c r="F82528" s="14" t="s">
        <v>15</v>
      </c>
      <c r="G82528" s="16">
        <v>0.38661100662207509</v>
      </c>
    </row>
    <row r="82529" spans="1:7" x14ac:dyDescent="0.3">
      <c r="A82529" s="13" t="s">
        <v>417</v>
      </c>
      <c r="B82529" s="14" t="s">
        <v>1</v>
      </c>
      <c r="C82529" s="14" t="s">
        <v>70</v>
      </c>
      <c r="D82529" s="14" t="s">
        <v>418</v>
      </c>
      <c r="E82529" s="15">
        <v>45415</v>
      </c>
      <c r="F82529" s="14" t="s">
        <v>15</v>
      </c>
      <c r="G82529" s="16">
        <v>0.39673063310389584</v>
      </c>
    </row>
    <row r="82530" spans="1:7" x14ac:dyDescent="0.3">
      <c r="A82530" s="13" t="s">
        <v>417</v>
      </c>
      <c r="B82530" s="14" t="s">
        <v>1</v>
      </c>
      <c r="C82530" s="14" t="s">
        <v>70</v>
      </c>
      <c r="D82530" s="14" t="s">
        <v>418</v>
      </c>
      <c r="E82530" s="15">
        <v>45416</v>
      </c>
      <c r="F82530" s="14" t="s">
        <v>15</v>
      </c>
      <c r="G82530" s="16">
        <v>0.39673063310389584</v>
      </c>
    </row>
    <row r="82531" spans="1:7" x14ac:dyDescent="0.3">
      <c r="A82531" s="13" t="s">
        <v>417</v>
      </c>
      <c r="B82531" s="14" t="s">
        <v>1</v>
      </c>
      <c r="C82531" s="14" t="s">
        <v>70</v>
      </c>
      <c r="D82531" s="14" t="s">
        <v>418</v>
      </c>
      <c r="E82531" s="15">
        <v>45417</v>
      </c>
      <c r="F82531" s="14" t="s">
        <v>15</v>
      </c>
      <c r="G82531" s="16">
        <v>0.39673063310389584</v>
      </c>
    </row>
    <row r="82532" spans="1:7" x14ac:dyDescent="0.3">
      <c r="A82532" s="13" t="s">
        <v>417</v>
      </c>
      <c r="B82532" s="14" t="s">
        <v>1</v>
      </c>
      <c r="C82532" s="14" t="s">
        <v>70</v>
      </c>
      <c r="D82532" s="14" t="s">
        <v>418</v>
      </c>
      <c r="E82532" s="15">
        <v>45418</v>
      </c>
      <c r="F82532" s="14" t="s">
        <v>15</v>
      </c>
      <c r="G82532" s="16">
        <v>0.39673063310389584</v>
      </c>
    </row>
    <row r="82533" spans="1:7" x14ac:dyDescent="0.3">
      <c r="A82533" s="13" t="s">
        <v>417</v>
      </c>
      <c r="B82533" s="14" t="s">
        <v>1</v>
      </c>
      <c r="C82533" s="14" t="s">
        <v>70</v>
      </c>
      <c r="D82533" s="14" t="s">
        <v>418</v>
      </c>
      <c r="E82533" s="15">
        <v>45419</v>
      </c>
      <c r="F82533" s="14" t="s">
        <v>15</v>
      </c>
      <c r="G82533" s="16">
        <v>0.4245771883677627</v>
      </c>
    </row>
    <row r="82534" spans="1:7" x14ac:dyDescent="0.3">
      <c r="A82534" s="13" t="s">
        <v>417</v>
      </c>
      <c r="B82534" s="14" t="s">
        <v>1</v>
      </c>
      <c r="C82534" s="14" t="s">
        <v>70</v>
      </c>
      <c r="D82534" s="14" t="s">
        <v>418</v>
      </c>
      <c r="E82534" s="15">
        <v>45420</v>
      </c>
      <c r="F82534" s="14" t="s">
        <v>15</v>
      </c>
      <c r="G82534" s="16">
        <v>0.4479041750590515</v>
      </c>
    </row>
    <row r="82535" spans="1:7" x14ac:dyDescent="0.3">
      <c r="A82535" s="13" t="s">
        <v>417</v>
      </c>
      <c r="B82535" s="14" t="s">
        <v>1</v>
      </c>
      <c r="C82535" s="14" t="s">
        <v>70</v>
      </c>
      <c r="D82535" s="14" t="s">
        <v>418</v>
      </c>
      <c r="E82535" s="15">
        <v>45421</v>
      </c>
      <c r="F82535" s="14" t="s">
        <v>15</v>
      </c>
      <c r="G82535" s="16">
        <v>0.4479041750590515</v>
      </c>
    </row>
    <row r="82536" spans="1:7" x14ac:dyDescent="0.3">
      <c r="A82536" s="13" t="s">
        <v>417</v>
      </c>
      <c r="B82536" s="14" t="s">
        <v>1</v>
      </c>
      <c r="C82536" s="14" t="s">
        <v>70</v>
      </c>
      <c r="D82536" s="14" t="s">
        <v>418</v>
      </c>
      <c r="E82536" s="15">
        <v>45422</v>
      </c>
      <c r="F82536" s="14" t="s">
        <v>15</v>
      </c>
      <c r="G82536" s="16">
        <v>0.45213662485620937</v>
      </c>
    </row>
    <row r="82537" spans="1:7" x14ac:dyDescent="0.3">
      <c r="A82537" s="13" t="s">
        <v>417</v>
      </c>
      <c r="B82537" s="14" t="s">
        <v>1</v>
      </c>
      <c r="C82537" s="14" t="s">
        <v>70</v>
      </c>
      <c r="D82537" s="14" t="s">
        <v>418</v>
      </c>
      <c r="E82537" s="15">
        <v>45423</v>
      </c>
      <c r="F82537" s="14" t="s">
        <v>15</v>
      </c>
      <c r="G82537" s="16">
        <v>0.45213662485620937</v>
      </c>
    </row>
    <row r="82538" spans="1:7" x14ac:dyDescent="0.3">
      <c r="A82538" s="13" t="s">
        <v>417</v>
      </c>
      <c r="B82538" s="14" t="s">
        <v>1</v>
      </c>
      <c r="C82538" s="14" t="s">
        <v>70</v>
      </c>
      <c r="D82538" s="14" t="s">
        <v>418</v>
      </c>
      <c r="E82538" s="15">
        <v>45424</v>
      </c>
      <c r="F82538" s="14" t="s">
        <v>15</v>
      </c>
      <c r="G82538" s="16">
        <v>0.45213662485620937</v>
      </c>
    </row>
    <row r="82539" spans="1:7" x14ac:dyDescent="0.3">
      <c r="A82539" s="13" t="s">
        <v>417</v>
      </c>
      <c r="B82539" s="14" t="s">
        <v>1</v>
      </c>
      <c r="C82539" s="14" t="s">
        <v>70</v>
      </c>
      <c r="D82539" s="14" t="s">
        <v>418</v>
      </c>
      <c r="E82539" s="15">
        <v>45425</v>
      </c>
      <c r="F82539" s="14" t="s">
        <v>15</v>
      </c>
      <c r="G82539" s="16">
        <v>0.56845186499909761</v>
      </c>
    </row>
    <row r="82540" spans="1:7" x14ac:dyDescent="0.3">
      <c r="A82540" s="13" t="s">
        <v>417</v>
      </c>
      <c r="B82540" s="14" t="s">
        <v>1</v>
      </c>
      <c r="C82540" s="14" t="s">
        <v>70</v>
      </c>
      <c r="D82540" s="14" t="s">
        <v>418</v>
      </c>
      <c r="E82540" s="15">
        <v>45426</v>
      </c>
      <c r="F82540" s="14" t="s">
        <v>15</v>
      </c>
      <c r="G82540" s="16">
        <v>0.60635935998683665</v>
      </c>
    </row>
    <row r="82541" spans="1:7" x14ac:dyDescent="0.3">
      <c r="A82541" s="13" t="s">
        <v>417</v>
      </c>
      <c r="B82541" s="14" t="s">
        <v>1</v>
      </c>
      <c r="C82541" s="14" t="s">
        <v>70</v>
      </c>
      <c r="D82541" s="14" t="s">
        <v>418</v>
      </c>
      <c r="E82541" s="15">
        <v>45427</v>
      </c>
      <c r="F82541" s="14" t="s">
        <v>15</v>
      </c>
      <c r="G82541" s="16">
        <v>0.61676464799270581</v>
      </c>
    </row>
    <row r="82542" spans="1:7" x14ac:dyDescent="0.3">
      <c r="A82542" s="13" t="s">
        <v>417</v>
      </c>
      <c r="B82542" s="14" t="s">
        <v>1</v>
      </c>
      <c r="C82542" s="14" t="s">
        <v>70</v>
      </c>
      <c r="D82542" s="14" t="s">
        <v>418</v>
      </c>
      <c r="E82542" s="15">
        <v>45428</v>
      </c>
      <c r="F82542" s="14" t="s">
        <v>15</v>
      </c>
      <c r="G82542" s="16">
        <v>0.62295387998027063</v>
      </c>
    </row>
    <row r="82543" spans="1:7" x14ac:dyDescent="0.3">
      <c r="A82543" s="13" t="s">
        <v>417</v>
      </c>
      <c r="B82543" s="14" t="s">
        <v>1</v>
      </c>
      <c r="C82543" s="14" t="s">
        <v>70</v>
      </c>
      <c r="D82543" s="14" t="s">
        <v>418</v>
      </c>
      <c r="E82543" s="15">
        <v>45429</v>
      </c>
      <c r="F82543" s="14" t="s">
        <v>15</v>
      </c>
      <c r="G82543" s="16">
        <v>0.71420772999482374</v>
      </c>
    </row>
    <row r="82544" spans="1:7" x14ac:dyDescent="0.3">
      <c r="A82544" s="13" t="s">
        <v>417</v>
      </c>
      <c r="B82544" s="14" t="s">
        <v>1</v>
      </c>
      <c r="C82544" s="14" t="s">
        <v>70</v>
      </c>
      <c r="D82544" s="14" t="s">
        <v>418</v>
      </c>
      <c r="E82544" s="15">
        <v>45430</v>
      </c>
      <c r="F82544" s="14" t="s">
        <v>15</v>
      </c>
      <c r="G82544" s="16">
        <v>0.71420772999482374</v>
      </c>
    </row>
    <row r="82545" spans="1:7" x14ac:dyDescent="0.3">
      <c r="A82545" s="13" t="s">
        <v>417</v>
      </c>
      <c r="B82545" s="14" t="s">
        <v>1</v>
      </c>
      <c r="C82545" s="14" t="s">
        <v>70</v>
      </c>
      <c r="D82545" s="14" t="s">
        <v>418</v>
      </c>
      <c r="E82545" s="15">
        <v>45431</v>
      </c>
      <c r="F82545" s="14" t="s">
        <v>15</v>
      </c>
      <c r="G82545" s="16">
        <v>0.71420772999482374</v>
      </c>
    </row>
    <row r="82546" spans="1:7" x14ac:dyDescent="0.3">
      <c r="A82546" s="13" t="s">
        <v>417</v>
      </c>
      <c r="B82546" s="14" t="s">
        <v>1</v>
      </c>
      <c r="C82546" s="14" t="s">
        <v>70</v>
      </c>
      <c r="D82546" s="14" t="s">
        <v>418</v>
      </c>
      <c r="E82546" s="15">
        <v>45432</v>
      </c>
      <c r="F82546" s="14" t="s">
        <v>15</v>
      </c>
      <c r="G82546" s="16">
        <v>0.71420772999482374</v>
      </c>
    </row>
    <row r="82547" spans="1:7" x14ac:dyDescent="0.3">
      <c r="A82547" s="13" t="s">
        <v>417</v>
      </c>
      <c r="B82547" s="14" t="s">
        <v>1</v>
      </c>
      <c r="C82547" s="14" t="s">
        <v>70</v>
      </c>
      <c r="D82547" s="14" t="s">
        <v>418</v>
      </c>
      <c r="E82547" s="15">
        <v>45433</v>
      </c>
      <c r="F82547" s="14" t="s">
        <v>15</v>
      </c>
      <c r="G82547" s="16">
        <v>0.71817068778816207</v>
      </c>
    </row>
    <row r="82548" spans="1:7" x14ac:dyDescent="0.3">
      <c r="A82548" s="13" t="s">
        <v>417</v>
      </c>
      <c r="B82548" s="14" t="s">
        <v>1</v>
      </c>
      <c r="C82548" s="14" t="s">
        <v>70</v>
      </c>
      <c r="D82548" s="14" t="s">
        <v>418</v>
      </c>
      <c r="E82548" s="15">
        <v>45434</v>
      </c>
      <c r="F82548" s="14" t="s">
        <v>15</v>
      </c>
      <c r="G82548" s="16">
        <v>0.75511368665838752</v>
      </c>
    </row>
    <row r="82549" spans="1:7" x14ac:dyDescent="0.3">
      <c r="A82549" s="13" t="s">
        <v>417</v>
      </c>
      <c r="B82549" s="14" t="s">
        <v>1</v>
      </c>
      <c r="C82549" s="14" t="s">
        <v>70</v>
      </c>
      <c r="D82549" s="14" t="s">
        <v>418</v>
      </c>
      <c r="E82549" s="15">
        <v>45435</v>
      </c>
      <c r="F82549" s="14" t="s">
        <v>15</v>
      </c>
      <c r="G82549" s="16">
        <v>0.76019402285753435</v>
      </c>
    </row>
    <row r="82550" spans="1:7" x14ac:dyDescent="0.3">
      <c r="A82550" s="13" t="s">
        <v>417</v>
      </c>
      <c r="B82550" s="14" t="s">
        <v>1</v>
      </c>
      <c r="C82550" s="14" t="s">
        <v>70</v>
      </c>
      <c r="D82550" s="14" t="s">
        <v>418</v>
      </c>
      <c r="E82550" s="15">
        <v>45436</v>
      </c>
      <c r="F82550" s="14" t="s">
        <v>15</v>
      </c>
      <c r="G82550" s="16">
        <v>0.76441420663981086</v>
      </c>
    </row>
    <row r="82551" spans="1:7" x14ac:dyDescent="0.3">
      <c r="A82551" s="13" t="s">
        <v>417</v>
      </c>
      <c r="B82551" s="14" t="s">
        <v>1</v>
      </c>
      <c r="C82551" s="14" t="s">
        <v>70</v>
      </c>
      <c r="D82551" s="14" t="s">
        <v>418</v>
      </c>
      <c r="E82551" s="15">
        <v>45437</v>
      </c>
      <c r="F82551" s="14" t="s">
        <v>15</v>
      </c>
      <c r="G82551" s="16">
        <v>0.76441420663981086</v>
      </c>
    </row>
    <row r="82552" spans="1:7" x14ac:dyDescent="0.3">
      <c r="A82552" s="13" t="s">
        <v>417</v>
      </c>
      <c r="B82552" s="14" t="s">
        <v>1</v>
      </c>
      <c r="C82552" s="14" t="s">
        <v>70</v>
      </c>
      <c r="D82552" s="14" t="s">
        <v>418</v>
      </c>
      <c r="E82552" s="15">
        <v>45438</v>
      </c>
      <c r="F82552" s="14" t="s">
        <v>15</v>
      </c>
      <c r="G82552" s="16">
        <v>0.76441420663981086</v>
      </c>
    </row>
    <row r="82553" spans="1:7" x14ac:dyDescent="0.3">
      <c r="A82553" s="13" t="s">
        <v>417</v>
      </c>
      <c r="B82553" s="14" t="s">
        <v>1</v>
      </c>
      <c r="C82553" s="14" t="s">
        <v>70</v>
      </c>
      <c r="D82553" s="14" t="s">
        <v>418</v>
      </c>
      <c r="E82553" s="15">
        <v>45439</v>
      </c>
      <c r="F82553" s="14" t="s">
        <v>15</v>
      </c>
      <c r="G82553" s="16">
        <v>0.76036235213170267</v>
      </c>
    </row>
    <row r="82554" spans="1:7" x14ac:dyDescent="0.3">
      <c r="A82554" s="13" t="s">
        <v>417</v>
      </c>
      <c r="B82554" s="14" t="s">
        <v>1</v>
      </c>
      <c r="C82554" s="14" t="s">
        <v>70</v>
      </c>
      <c r="D82554" s="14" t="s">
        <v>418</v>
      </c>
      <c r="E82554" s="15">
        <v>45440</v>
      </c>
      <c r="F82554" s="14" t="s">
        <v>15</v>
      </c>
      <c r="G82554" s="16">
        <v>0.77304733230113487</v>
      </c>
    </row>
    <row r="82555" spans="1:7" x14ac:dyDescent="0.3">
      <c r="A82555" s="13" t="s">
        <v>417</v>
      </c>
      <c r="B82555" s="14" t="s">
        <v>1</v>
      </c>
      <c r="C82555" s="14" t="s">
        <v>70</v>
      </c>
      <c r="D82555" s="14" t="s">
        <v>418</v>
      </c>
      <c r="E82555" s="15">
        <v>45441</v>
      </c>
      <c r="F82555" s="14" t="s">
        <v>15</v>
      </c>
      <c r="G82555" s="16">
        <v>0.7790919093885994</v>
      </c>
    </row>
    <row r="82556" spans="1:7" x14ac:dyDescent="0.3">
      <c r="A82556" s="13" t="s">
        <v>417</v>
      </c>
      <c r="B82556" s="14" t="s">
        <v>1</v>
      </c>
      <c r="C82556" s="14" t="s">
        <v>70</v>
      </c>
      <c r="D82556" s="14" t="s">
        <v>418</v>
      </c>
      <c r="E82556" s="15">
        <v>45442</v>
      </c>
      <c r="F82556" s="14" t="s">
        <v>15</v>
      </c>
      <c r="G82556" s="16">
        <v>0.78009314255322115</v>
      </c>
    </row>
    <row r="82557" spans="1:7" x14ac:dyDescent="0.3">
      <c r="A82557" s="13" t="s">
        <v>417</v>
      </c>
      <c r="B82557" s="14" t="s">
        <v>1</v>
      </c>
      <c r="C82557" s="14" t="s">
        <v>70</v>
      </c>
      <c r="D82557" s="14" t="s">
        <v>418</v>
      </c>
      <c r="E82557" s="15">
        <v>45443</v>
      </c>
      <c r="F82557" s="14" t="s">
        <v>15</v>
      </c>
      <c r="G82557" s="16">
        <v>0.78827996337555939</v>
      </c>
    </row>
    <row r="82558" spans="1:7" x14ac:dyDescent="0.3">
      <c r="A82558" s="13" t="s">
        <v>417</v>
      </c>
      <c r="B82558" s="14" t="s">
        <v>1</v>
      </c>
      <c r="C82558" s="14" t="s">
        <v>70</v>
      </c>
      <c r="D82558" s="14" t="s">
        <v>418</v>
      </c>
      <c r="E82558" s="15">
        <v>45444</v>
      </c>
      <c r="F82558" s="14" t="s">
        <v>15</v>
      </c>
      <c r="G82558" s="16">
        <v>0.78827996337555939</v>
      </c>
    </row>
    <row r="82559" spans="1:7" x14ac:dyDescent="0.3">
      <c r="A82559" s="13" t="s">
        <v>417</v>
      </c>
      <c r="B82559" s="14" t="s">
        <v>1</v>
      </c>
      <c r="C82559" s="14" t="s">
        <v>70</v>
      </c>
      <c r="D82559" s="14" t="s">
        <v>418</v>
      </c>
      <c r="E82559" s="15">
        <v>45445</v>
      </c>
      <c r="F82559" s="14" t="s">
        <v>15</v>
      </c>
      <c r="G82559" s="16">
        <v>0.78827996337555939</v>
      </c>
    </row>
    <row r="82560" spans="1:7" x14ac:dyDescent="0.3">
      <c r="A82560" s="13" t="s">
        <v>417</v>
      </c>
      <c r="B82560" s="14" t="s">
        <v>1</v>
      </c>
      <c r="C82560" s="14" t="s">
        <v>70</v>
      </c>
      <c r="D82560" s="14" t="s">
        <v>418</v>
      </c>
      <c r="E82560" s="15">
        <v>45446</v>
      </c>
      <c r="F82560" s="14" t="s">
        <v>15</v>
      </c>
      <c r="G82560" s="16">
        <v>0.78827996337555939</v>
      </c>
    </row>
    <row r="82561" spans="1:7" x14ac:dyDescent="0.3">
      <c r="A82561" s="13" t="s">
        <v>417</v>
      </c>
      <c r="B82561" s="14" t="s">
        <v>1</v>
      </c>
      <c r="C82561" s="14" t="s">
        <v>70</v>
      </c>
      <c r="D82561" s="14" t="s">
        <v>418</v>
      </c>
      <c r="E82561" s="15">
        <v>45447</v>
      </c>
      <c r="F82561" s="14" t="s">
        <v>15</v>
      </c>
      <c r="G82561" s="16">
        <v>0.80448773701352627</v>
      </c>
    </row>
    <row r="82562" spans="1:7" x14ac:dyDescent="0.3">
      <c r="A82562" s="13" t="s">
        <v>417</v>
      </c>
      <c r="B82562" s="14" t="s">
        <v>1</v>
      </c>
      <c r="C82562" s="14" t="s">
        <v>70</v>
      </c>
      <c r="D82562" s="14" t="s">
        <v>418</v>
      </c>
      <c r="E82562" s="15">
        <v>45448</v>
      </c>
      <c r="F82562" s="14" t="s">
        <v>15</v>
      </c>
      <c r="G82562" s="16">
        <v>0.84112893486643814</v>
      </c>
    </row>
    <row r="82563" spans="1:7" x14ac:dyDescent="0.3">
      <c r="A82563" s="13" t="s">
        <v>417</v>
      </c>
      <c r="B82563" s="14" t="s">
        <v>1</v>
      </c>
      <c r="C82563" s="14" t="s">
        <v>70</v>
      </c>
      <c r="D82563" s="14" t="s">
        <v>418</v>
      </c>
      <c r="E82563" s="15">
        <v>45449</v>
      </c>
      <c r="F82563" s="14" t="s">
        <v>15</v>
      </c>
      <c r="G82563" s="16">
        <v>0.84535213635861806</v>
      </c>
    </row>
    <row r="82564" spans="1:7" x14ac:dyDescent="0.3">
      <c r="A82564" s="13" t="s">
        <v>417</v>
      </c>
      <c r="B82564" s="14" t="s">
        <v>1</v>
      </c>
      <c r="C82564" s="14" t="s">
        <v>70</v>
      </c>
      <c r="D82564" s="14" t="s">
        <v>418</v>
      </c>
      <c r="E82564" s="15">
        <v>45450</v>
      </c>
      <c r="F82564" s="14" t="s">
        <v>15</v>
      </c>
      <c r="G82564" s="16">
        <v>0.84953657303999797</v>
      </c>
    </row>
    <row r="82565" spans="1:7" x14ac:dyDescent="0.3">
      <c r="A82565" s="13" t="s">
        <v>417</v>
      </c>
      <c r="B82565" s="14" t="s">
        <v>1</v>
      </c>
      <c r="C82565" s="14" t="s">
        <v>70</v>
      </c>
      <c r="D82565" s="14" t="s">
        <v>418</v>
      </c>
      <c r="E82565" s="15">
        <v>45451</v>
      </c>
      <c r="F82565" s="14" t="s">
        <v>15</v>
      </c>
      <c r="G82565" s="16">
        <v>0.84953657303999797</v>
      </c>
    </row>
    <row r="82566" spans="1:7" x14ac:dyDescent="0.3">
      <c r="A82566" s="13" t="s">
        <v>417</v>
      </c>
      <c r="B82566" s="14" t="s">
        <v>1</v>
      </c>
      <c r="C82566" s="14" t="s">
        <v>70</v>
      </c>
      <c r="D82566" s="14" t="s">
        <v>418</v>
      </c>
      <c r="E82566" s="15">
        <v>45452</v>
      </c>
      <c r="F82566" s="14" t="s">
        <v>15</v>
      </c>
      <c r="G82566" s="16">
        <v>0.84953657303999797</v>
      </c>
    </row>
    <row r="82567" spans="1:7" x14ac:dyDescent="0.3">
      <c r="A82567" s="13" t="s">
        <v>417</v>
      </c>
      <c r="B82567" s="14" t="s">
        <v>1</v>
      </c>
      <c r="C82567" s="14" t="s">
        <v>70</v>
      </c>
      <c r="D82567" s="14" t="s">
        <v>418</v>
      </c>
      <c r="E82567" s="15">
        <v>45453</v>
      </c>
      <c r="F82567" s="14" t="s">
        <v>15</v>
      </c>
      <c r="G82567" s="16">
        <v>0.86305076283967808</v>
      </c>
    </row>
    <row r="82568" spans="1:7" x14ac:dyDescent="0.3">
      <c r="A82568" s="13" t="s">
        <v>417</v>
      </c>
      <c r="B82568" s="14" t="s">
        <v>1</v>
      </c>
      <c r="C82568" s="14" t="s">
        <v>70</v>
      </c>
      <c r="D82568" s="14" t="s">
        <v>418</v>
      </c>
      <c r="E82568" s="15">
        <v>45454</v>
      </c>
      <c r="F82568" s="14" t="s">
        <v>15</v>
      </c>
      <c r="G82568" s="16">
        <v>0.87694158085149265</v>
      </c>
    </row>
    <row r="82569" spans="1:7" x14ac:dyDescent="0.3">
      <c r="A82569" s="13" t="s">
        <v>417</v>
      </c>
      <c r="B82569" s="14" t="s">
        <v>1</v>
      </c>
      <c r="C82569" s="14" t="s">
        <v>70</v>
      </c>
      <c r="D82569" s="14" t="s">
        <v>418</v>
      </c>
      <c r="E82569" s="15">
        <v>45455</v>
      </c>
      <c r="F82569" s="14" t="s">
        <v>15</v>
      </c>
      <c r="G82569" s="16">
        <v>0.88947714684699652</v>
      </c>
    </row>
    <row r="82570" spans="1:7" x14ac:dyDescent="0.3">
      <c r="A82570" s="13" t="s">
        <v>417</v>
      </c>
      <c r="B82570" s="14" t="s">
        <v>1</v>
      </c>
      <c r="C82570" s="14" t="s">
        <v>70</v>
      </c>
      <c r="D82570" s="14" t="s">
        <v>418</v>
      </c>
      <c r="E82570" s="15">
        <v>45456</v>
      </c>
      <c r="F82570" s="14" t="s">
        <v>15</v>
      </c>
      <c r="G82570" s="16">
        <v>0.89797599286796337</v>
      </c>
    </row>
    <row r="82571" spans="1:7" x14ac:dyDescent="0.3">
      <c r="A82571" s="13" t="s">
        <v>417</v>
      </c>
      <c r="B82571" s="14" t="s">
        <v>1</v>
      </c>
      <c r="C82571" s="14" t="s">
        <v>70</v>
      </c>
      <c r="D82571" s="14" t="s">
        <v>418</v>
      </c>
      <c r="E82571" s="15">
        <v>45457</v>
      </c>
      <c r="F82571" s="14" t="s">
        <v>15</v>
      </c>
      <c r="G82571" s="16">
        <v>0.90744954417427648</v>
      </c>
    </row>
    <row r="82572" spans="1:7" x14ac:dyDescent="0.3">
      <c r="A82572" s="13" t="s">
        <v>417</v>
      </c>
      <c r="B82572" s="14" t="s">
        <v>1</v>
      </c>
      <c r="C82572" s="14" t="s">
        <v>70</v>
      </c>
      <c r="D82572" s="14" t="s">
        <v>418</v>
      </c>
      <c r="E82572" s="15">
        <v>45458</v>
      </c>
      <c r="F82572" s="14" t="s">
        <v>15</v>
      </c>
      <c r="G82572" s="16">
        <v>0.90744954417427648</v>
      </c>
    </row>
    <row r="82573" spans="1:7" x14ac:dyDescent="0.3">
      <c r="A82573" s="13" t="s">
        <v>417</v>
      </c>
      <c r="B82573" s="14" t="s">
        <v>1</v>
      </c>
      <c r="C82573" s="14" t="s">
        <v>70</v>
      </c>
      <c r="D82573" s="14" t="s">
        <v>418</v>
      </c>
      <c r="E82573" s="15">
        <v>45459</v>
      </c>
      <c r="F82573" s="14" t="s">
        <v>15</v>
      </c>
      <c r="G82573" s="16">
        <v>0.90744954417427648</v>
      </c>
    </row>
    <row r="82574" spans="1:7" x14ac:dyDescent="0.3">
      <c r="A82574" s="13" t="s">
        <v>417</v>
      </c>
      <c r="B82574" s="14" t="s">
        <v>1</v>
      </c>
      <c r="C82574" s="14" t="s">
        <v>70</v>
      </c>
      <c r="D82574" s="14" t="s">
        <v>418</v>
      </c>
      <c r="E82574" s="15">
        <v>45460</v>
      </c>
      <c r="F82574" s="14" t="s">
        <v>15</v>
      </c>
      <c r="G82574" s="16">
        <v>0.9289575574274177</v>
      </c>
    </row>
    <row r="82575" spans="1:7" x14ac:dyDescent="0.3">
      <c r="A82575" s="13" t="s">
        <v>417</v>
      </c>
      <c r="B82575" s="14" t="s">
        <v>1</v>
      </c>
      <c r="C82575" s="14" t="s">
        <v>70</v>
      </c>
      <c r="D82575" s="14" t="s">
        <v>418</v>
      </c>
      <c r="E82575" s="15">
        <v>45461</v>
      </c>
      <c r="F82575" s="14" t="s">
        <v>15</v>
      </c>
      <c r="G82575" s="16">
        <v>0.94034830037182182</v>
      </c>
    </row>
    <row r="82576" spans="1:7" x14ac:dyDescent="0.3">
      <c r="A82576" s="13" t="s">
        <v>417</v>
      </c>
      <c r="B82576" s="14" t="s">
        <v>1</v>
      </c>
      <c r="C82576" s="14" t="s">
        <v>70</v>
      </c>
      <c r="D82576" s="14" t="s">
        <v>418</v>
      </c>
      <c r="E82576" s="15">
        <v>45462</v>
      </c>
      <c r="F82576" s="14" t="s">
        <v>15</v>
      </c>
      <c r="G82576" s="16">
        <v>0.94552301131949279</v>
      </c>
    </row>
    <row r="82577" spans="1:7" x14ac:dyDescent="0.3">
      <c r="A82577" s="13" t="s">
        <v>417</v>
      </c>
      <c r="B82577" s="14" t="s">
        <v>1</v>
      </c>
      <c r="C82577" s="14" t="s">
        <v>70</v>
      </c>
      <c r="D82577" s="14" t="s">
        <v>418</v>
      </c>
      <c r="E82577" s="15">
        <v>45463</v>
      </c>
      <c r="F82577" s="14" t="s">
        <v>15</v>
      </c>
      <c r="G82577" s="16">
        <v>0.95675528696025824</v>
      </c>
    </row>
    <row r="82578" spans="1:7" x14ac:dyDescent="0.3">
      <c r="A82578" s="13" t="s">
        <v>417</v>
      </c>
      <c r="B82578" s="14" t="s">
        <v>1</v>
      </c>
      <c r="C82578" s="14" t="s">
        <v>70</v>
      </c>
      <c r="D82578" s="14" t="s">
        <v>418</v>
      </c>
      <c r="E82578" s="15">
        <v>45464</v>
      </c>
      <c r="F82578" s="14" t="s">
        <v>15</v>
      </c>
      <c r="G82578" s="16">
        <v>0.96084402770668853</v>
      </c>
    </row>
    <row r="82579" spans="1:7" x14ac:dyDescent="0.3">
      <c r="A82579" s="13" t="s">
        <v>417</v>
      </c>
      <c r="B82579" s="14" t="s">
        <v>1</v>
      </c>
      <c r="C82579" s="14" t="s">
        <v>70</v>
      </c>
      <c r="D82579" s="14" t="s">
        <v>418</v>
      </c>
      <c r="E82579" s="15">
        <v>45465</v>
      </c>
      <c r="F82579" s="14" t="s">
        <v>15</v>
      </c>
      <c r="G82579" s="16">
        <v>0.96084402770668853</v>
      </c>
    </row>
    <row r="82580" spans="1:7" x14ac:dyDescent="0.3">
      <c r="A82580" s="13" t="s">
        <v>417</v>
      </c>
      <c r="B82580" s="14" t="s">
        <v>1</v>
      </c>
      <c r="C82580" s="14" t="s">
        <v>70</v>
      </c>
      <c r="D82580" s="14" t="s">
        <v>418</v>
      </c>
      <c r="E82580" s="15">
        <v>45466</v>
      </c>
      <c r="F82580" s="14" t="s">
        <v>15</v>
      </c>
      <c r="G82580" s="16">
        <v>0.96084402770668853</v>
      </c>
    </row>
    <row r="82581" spans="1:7" x14ac:dyDescent="0.3">
      <c r="A82581" s="13" t="s">
        <v>417</v>
      </c>
      <c r="B82581" s="14" t="s">
        <v>1</v>
      </c>
      <c r="C82581" s="14" t="s">
        <v>70</v>
      </c>
      <c r="D82581" s="14" t="s">
        <v>418</v>
      </c>
      <c r="E82581" s="15">
        <v>45467</v>
      </c>
      <c r="F82581" s="14" t="s">
        <v>15</v>
      </c>
      <c r="G82581" s="16">
        <v>0.96522344448019115</v>
      </c>
    </row>
    <row r="82582" spans="1:7" x14ac:dyDescent="0.3">
      <c r="A82582" s="13" t="s">
        <v>417</v>
      </c>
      <c r="B82582" s="14" t="s">
        <v>1</v>
      </c>
      <c r="C82582" s="14" t="s">
        <v>70</v>
      </c>
      <c r="D82582" s="14" t="s">
        <v>418</v>
      </c>
      <c r="E82582" s="15">
        <v>45468</v>
      </c>
      <c r="F82582" s="14" t="s">
        <v>15</v>
      </c>
      <c r="G82582" s="16">
        <v>0.98402143413213861</v>
      </c>
    </row>
    <row r="82583" spans="1:7" x14ac:dyDescent="0.3">
      <c r="A82583" s="13" t="s">
        <v>417</v>
      </c>
      <c r="B82583" s="14" t="s">
        <v>1</v>
      </c>
      <c r="C82583" s="14" t="s">
        <v>70</v>
      </c>
      <c r="D82583" s="14" t="s">
        <v>418</v>
      </c>
      <c r="E82583" s="15">
        <v>45469</v>
      </c>
      <c r="F82583" s="14" t="s">
        <v>15</v>
      </c>
      <c r="G82583" s="16">
        <v>0.98819522625470468</v>
      </c>
    </row>
    <row r="82584" spans="1:7" x14ac:dyDescent="0.3">
      <c r="A82584" s="13" t="s">
        <v>417</v>
      </c>
      <c r="B82584" s="14" t="s">
        <v>1</v>
      </c>
      <c r="C82584" s="14" t="s">
        <v>70</v>
      </c>
      <c r="D82584" s="14" t="s">
        <v>418</v>
      </c>
      <c r="E82584" s="15">
        <v>45470</v>
      </c>
      <c r="F82584" s="14" t="s">
        <v>15</v>
      </c>
      <c r="G82584" s="16">
        <v>0.99243178989168668</v>
      </c>
    </row>
    <row r="82585" spans="1:7" x14ac:dyDescent="0.3">
      <c r="A82585" s="13" t="s">
        <v>417</v>
      </c>
      <c r="B82585" s="14" t="s">
        <v>1</v>
      </c>
      <c r="C82585" s="14" t="s">
        <v>70</v>
      </c>
      <c r="D82585" s="14" t="s">
        <v>418</v>
      </c>
      <c r="E82585" s="15">
        <v>45471</v>
      </c>
      <c r="F82585" s="14" t="s">
        <v>15</v>
      </c>
      <c r="G82585" s="16">
        <v>1.0217812529597978</v>
      </c>
    </row>
    <row r="82586" spans="1:7" x14ac:dyDescent="0.3">
      <c r="A82586" s="13" t="s">
        <v>417</v>
      </c>
      <c r="B82586" s="14" t="s">
        <v>1</v>
      </c>
      <c r="C82586" s="14" t="s">
        <v>70</v>
      </c>
      <c r="D82586" s="14" t="s">
        <v>418</v>
      </c>
      <c r="E82586" s="15">
        <v>45472</v>
      </c>
      <c r="F82586" s="14" t="s">
        <v>15</v>
      </c>
      <c r="G82586" s="16">
        <v>1.0217812529597978</v>
      </c>
    </row>
    <row r="82587" spans="1:7" x14ac:dyDescent="0.3">
      <c r="A82587" s="13" t="s">
        <v>417</v>
      </c>
      <c r="B82587" s="14" t="s">
        <v>1</v>
      </c>
      <c r="C82587" s="14" t="s">
        <v>70</v>
      </c>
      <c r="D82587" s="14" t="s">
        <v>418</v>
      </c>
      <c r="E82587" s="15">
        <v>45473</v>
      </c>
      <c r="F82587" s="14" t="s">
        <v>15</v>
      </c>
      <c r="G82587" s="16">
        <v>1.0217812529597978</v>
      </c>
    </row>
    <row r="82588" spans="1:7" x14ac:dyDescent="0.3">
      <c r="A82588" s="13" t="s">
        <v>417</v>
      </c>
      <c r="B82588" s="14" t="s">
        <v>1</v>
      </c>
      <c r="C82588" s="14" t="s">
        <v>70</v>
      </c>
      <c r="D82588" s="14" t="s">
        <v>418</v>
      </c>
      <c r="E82588" s="15">
        <v>45474</v>
      </c>
      <c r="F82588" s="14" t="s">
        <v>15</v>
      </c>
      <c r="G82588" s="16">
        <v>1.0312953597748551</v>
      </c>
    </row>
    <row r="82589" spans="1:7" x14ac:dyDescent="0.3">
      <c r="A82589" s="13" t="s">
        <v>417</v>
      </c>
      <c r="B82589" s="14" t="s">
        <v>1</v>
      </c>
      <c r="C82589" s="14" t="s">
        <v>70</v>
      </c>
      <c r="D82589" s="14" t="s">
        <v>418</v>
      </c>
      <c r="E82589" s="15">
        <v>45475</v>
      </c>
      <c r="F82589" s="14" t="s">
        <v>15</v>
      </c>
      <c r="G82589" s="16">
        <v>1.0462680168441847</v>
      </c>
    </row>
    <row r="82590" spans="1:7" x14ac:dyDescent="0.3">
      <c r="A82590" s="13" t="s">
        <v>417</v>
      </c>
      <c r="B82590" s="14" t="s">
        <v>1</v>
      </c>
      <c r="C82590" s="14" t="s">
        <v>70</v>
      </c>
      <c r="D82590" s="14" t="s">
        <v>418</v>
      </c>
      <c r="E82590" s="15">
        <v>45476</v>
      </c>
      <c r="F82590" s="14" t="s">
        <v>15</v>
      </c>
      <c r="G82590" s="16">
        <v>1.0842556588019421</v>
      </c>
    </row>
    <row r="82591" spans="1:7" x14ac:dyDescent="0.3">
      <c r="A82591" s="13" t="s">
        <v>417</v>
      </c>
      <c r="B82591" s="14" t="s">
        <v>1</v>
      </c>
      <c r="C82591" s="14" t="s">
        <v>70</v>
      </c>
      <c r="D82591" s="14" t="s">
        <v>418</v>
      </c>
      <c r="E82591" s="15">
        <v>45477</v>
      </c>
      <c r="F82591" s="14" t="s">
        <v>15</v>
      </c>
      <c r="G82591" s="16">
        <v>1.0884704298022714</v>
      </c>
    </row>
    <row r="82592" spans="1:7" x14ac:dyDescent="0.3">
      <c r="A82592" s="13" t="s">
        <v>417</v>
      </c>
      <c r="B82592" s="14" t="s">
        <v>1</v>
      </c>
      <c r="C82592" s="14" t="s">
        <v>70</v>
      </c>
      <c r="D82592" s="14" t="s">
        <v>418</v>
      </c>
      <c r="E82592" s="15">
        <v>45478</v>
      </c>
      <c r="F82592" s="14" t="s">
        <v>15</v>
      </c>
      <c r="G82592" s="16">
        <v>1.0927485578036926</v>
      </c>
    </row>
    <row r="82593" spans="1:7" x14ac:dyDescent="0.3">
      <c r="A82593" s="13" t="s">
        <v>417</v>
      </c>
      <c r="B82593" s="14" t="s">
        <v>1</v>
      </c>
      <c r="C82593" s="14" t="s">
        <v>70</v>
      </c>
      <c r="D82593" s="14" t="s">
        <v>418</v>
      </c>
      <c r="E82593" s="15">
        <v>45479</v>
      </c>
      <c r="F82593" s="14" t="s">
        <v>15</v>
      </c>
      <c r="G82593" s="16">
        <v>1.0927485578036926</v>
      </c>
    </row>
    <row r="82594" spans="1:7" x14ac:dyDescent="0.3">
      <c r="A82594" s="13" t="s">
        <v>417</v>
      </c>
      <c r="B82594" s="14" t="s">
        <v>1</v>
      </c>
      <c r="C82594" s="14" t="s">
        <v>70</v>
      </c>
      <c r="D82594" s="14" t="s">
        <v>418</v>
      </c>
      <c r="E82594" s="15">
        <v>45480</v>
      </c>
      <c r="F82594" s="14" t="s">
        <v>15</v>
      </c>
      <c r="G82594" s="16">
        <v>1.0927485578036926</v>
      </c>
    </row>
    <row r="82595" spans="1:7" x14ac:dyDescent="0.3">
      <c r="A82595" s="13" t="s">
        <v>417</v>
      </c>
      <c r="B82595" s="14" t="s">
        <v>1</v>
      </c>
      <c r="C82595" s="14" t="s">
        <v>70</v>
      </c>
      <c r="D82595" s="14" t="s">
        <v>418</v>
      </c>
      <c r="E82595" s="15">
        <v>45481</v>
      </c>
      <c r="F82595" s="14" t="s">
        <v>15</v>
      </c>
      <c r="G82595" s="16">
        <v>1.1163568299230624</v>
      </c>
    </row>
    <row r="82596" spans="1:7" x14ac:dyDescent="0.3">
      <c r="A82596" s="13" t="s">
        <v>417</v>
      </c>
      <c r="B82596" s="14" t="s">
        <v>1</v>
      </c>
      <c r="C82596" s="14" t="s">
        <v>70</v>
      </c>
      <c r="D82596" s="14" t="s">
        <v>418</v>
      </c>
      <c r="E82596" s="15">
        <v>45482</v>
      </c>
      <c r="F82596" s="14" t="s">
        <v>15</v>
      </c>
      <c r="G82596" s="16">
        <v>1.1286999226038226</v>
      </c>
    </row>
    <row r="82597" spans="1:7" x14ac:dyDescent="0.3">
      <c r="A82597" s="13" t="s">
        <v>417</v>
      </c>
      <c r="B82597" s="14" t="s">
        <v>1</v>
      </c>
      <c r="C82597" s="14" t="s">
        <v>70</v>
      </c>
      <c r="D82597" s="14" t="s">
        <v>418</v>
      </c>
      <c r="E82597" s="15">
        <v>45483</v>
      </c>
      <c r="F82597" s="14" t="s">
        <v>15</v>
      </c>
      <c r="G82597" s="16">
        <v>1.1359496462786891</v>
      </c>
    </row>
    <row r="82598" spans="1:7" x14ac:dyDescent="0.3">
      <c r="A82598" s="13" t="s">
        <v>417</v>
      </c>
      <c r="B82598" s="14" t="s">
        <v>1</v>
      </c>
      <c r="C82598" s="14" t="s">
        <v>70</v>
      </c>
      <c r="D82598" s="14" t="s">
        <v>418</v>
      </c>
      <c r="E82598" s="15">
        <v>45484</v>
      </c>
      <c r="F82598" s="14" t="s">
        <v>15</v>
      </c>
      <c r="G82598" s="16">
        <v>1.1535622135834698</v>
      </c>
    </row>
    <row r="82599" spans="1:7" x14ac:dyDescent="0.3">
      <c r="A82599" s="13" t="s">
        <v>417</v>
      </c>
      <c r="B82599" s="14" t="s">
        <v>1</v>
      </c>
      <c r="C82599" s="14" t="s">
        <v>70</v>
      </c>
      <c r="D82599" s="14" t="s">
        <v>418</v>
      </c>
      <c r="E82599" s="15">
        <v>45485</v>
      </c>
      <c r="F82599" s="14" t="s">
        <v>15</v>
      </c>
      <c r="G82599" s="16">
        <v>1.1603510946298277</v>
      </c>
    </row>
    <row r="82600" spans="1:7" x14ac:dyDescent="0.3">
      <c r="A82600" s="13" t="s">
        <v>417</v>
      </c>
      <c r="B82600" s="14" t="s">
        <v>1</v>
      </c>
      <c r="C82600" s="14" t="s">
        <v>70</v>
      </c>
      <c r="D82600" s="14" t="s">
        <v>418</v>
      </c>
      <c r="E82600" s="15">
        <v>45486</v>
      </c>
      <c r="F82600" s="14" t="s">
        <v>15</v>
      </c>
      <c r="G82600" s="16">
        <v>1.1603510946298277</v>
      </c>
    </row>
    <row r="82601" spans="1:7" x14ac:dyDescent="0.3">
      <c r="A82601" s="13" t="s">
        <v>417</v>
      </c>
      <c r="B82601" s="14" t="s">
        <v>1</v>
      </c>
      <c r="C82601" s="14" t="s">
        <v>70</v>
      </c>
      <c r="D82601" s="14" t="s">
        <v>418</v>
      </c>
      <c r="E82601" s="15">
        <v>45487</v>
      </c>
      <c r="F82601" s="14" t="s">
        <v>15</v>
      </c>
      <c r="G82601" s="16">
        <v>1.1603510946298277</v>
      </c>
    </row>
    <row r="82602" spans="1:7" x14ac:dyDescent="0.3">
      <c r="A82602" s="13" t="s">
        <v>417</v>
      </c>
      <c r="B82602" s="14" t="s">
        <v>1</v>
      </c>
      <c r="C82602" s="14" t="s">
        <v>70</v>
      </c>
      <c r="D82602" s="14" t="s">
        <v>418</v>
      </c>
      <c r="E82602" s="15">
        <v>45488</v>
      </c>
      <c r="F82602" s="14" t="s">
        <v>15</v>
      </c>
      <c r="G82602" s="16">
        <v>1.1633389396543528</v>
      </c>
    </row>
    <row r="82603" spans="1:7" x14ac:dyDescent="0.3">
      <c r="A82603" s="13" t="s">
        <v>417</v>
      </c>
      <c r="B82603" s="14" t="s">
        <v>1</v>
      </c>
      <c r="C82603" s="14" t="s">
        <v>70</v>
      </c>
      <c r="D82603" s="14" t="s">
        <v>418</v>
      </c>
      <c r="E82603" s="15">
        <v>45489</v>
      </c>
      <c r="F82603" s="14" t="s">
        <v>15</v>
      </c>
      <c r="G82603" s="16">
        <v>1.175357503577843</v>
      </c>
    </row>
    <row r="82604" spans="1:7" x14ac:dyDescent="0.3">
      <c r="A82604" s="13" t="s">
        <v>417</v>
      </c>
      <c r="B82604" s="14" t="s">
        <v>1</v>
      </c>
      <c r="C82604" s="14" t="s">
        <v>70</v>
      </c>
      <c r="D82604" s="14" t="s">
        <v>418</v>
      </c>
      <c r="E82604" s="15">
        <v>45490</v>
      </c>
      <c r="F82604" s="14" t="s">
        <v>15</v>
      </c>
      <c r="G82604" s="16">
        <v>1.1792518415910038</v>
      </c>
    </row>
    <row r="82605" spans="1:7" x14ac:dyDescent="0.3">
      <c r="A82605" s="13" t="s">
        <v>417</v>
      </c>
      <c r="B82605" s="14" t="s">
        <v>1</v>
      </c>
      <c r="C82605" s="14" t="s">
        <v>70</v>
      </c>
      <c r="D82605" s="14" t="s">
        <v>418</v>
      </c>
      <c r="E82605" s="15">
        <v>45491</v>
      </c>
      <c r="F82605" s="14" t="s">
        <v>15</v>
      </c>
      <c r="G82605" s="16">
        <v>1.1972497309010102</v>
      </c>
    </row>
    <row r="82606" spans="1:7" x14ac:dyDescent="0.3">
      <c r="A82606" s="13" t="s">
        <v>417</v>
      </c>
      <c r="B82606" s="14" t="s">
        <v>1</v>
      </c>
      <c r="C82606" s="14" t="s">
        <v>70</v>
      </c>
      <c r="D82606" s="14" t="s">
        <v>418</v>
      </c>
      <c r="E82606" s="15">
        <v>45492</v>
      </c>
      <c r="F82606" s="14" t="s">
        <v>15</v>
      </c>
      <c r="G82606" s="16">
        <v>1.2013364509655613</v>
      </c>
    </row>
    <row r="82607" spans="1:7" x14ac:dyDescent="0.3">
      <c r="A82607" s="13" t="s">
        <v>417</v>
      </c>
      <c r="B82607" s="14" t="s">
        <v>1</v>
      </c>
      <c r="C82607" s="14" t="s">
        <v>70</v>
      </c>
      <c r="D82607" s="14" t="s">
        <v>418</v>
      </c>
      <c r="E82607" s="15">
        <v>45493</v>
      </c>
      <c r="F82607" s="14" t="s">
        <v>15</v>
      </c>
      <c r="G82607" s="16">
        <v>1.2013364509655613</v>
      </c>
    </row>
    <row r="82608" spans="1:7" x14ac:dyDescent="0.3">
      <c r="A82608" s="13" t="s">
        <v>417</v>
      </c>
      <c r="B82608" s="14" t="s">
        <v>1</v>
      </c>
      <c r="C82608" s="14" t="s">
        <v>70</v>
      </c>
      <c r="D82608" s="14" t="s">
        <v>418</v>
      </c>
      <c r="E82608" s="15">
        <v>45494</v>
      </c>
      <c r="F82608" s="14" t="s">
        <v>15</v>
      </c>
      <c r="G82608" s="16">
        <v>1.2013364509655613</v>
      </c>
    </row>
    <row r="82609" spans="1:7" x14ac:dyDescent="0.3">
      <c r="A82609" s="13" t="s">
        <v>417</v>
      </c>
      <c r="B82609" s="14" t="s">
        <v>1</v>
      </c>
      <c r="C82609" s="14" t="s">
        <v>70</v>
      </c>
      <c r="D82609" s="14" t="s">
        <v>418</v>
      </c>
      <c r="E82609" s="15">
        <v>45495</v>
      </c>
      <c r="F82609" s="14" t="s">
        <v>15</v>
      </c>
      <c r="G82609" s="16">
        <v>1.2092133708283206</v>
      </c>
    </row>
    <row r="82610" spans="1:7" x14ac:dyDescent="0.3">
      <c r="A82610" s="13" t="s">
        <v>417</v>
      </c>
      <c r="B82610" s="14" t="s">
        <v>1</v>
      </c>
      <c r="C82610" s="14" t="s">
        <v>70</v>
      </c>
      <c r="D82610" s="14" t="s">
        <v>418</v>
      </c>
      <c r="E82610" s="15">
        <v>45496</v>
      </c>
      <c r="F82610" s="14" t="s">
        <v>15</v>
      </c>
      <c r="G82610" s="16">
        <v>1.2425003392057341</v>
      </c>
    </row>
    <row r="82611" spans="1:7" x14ac:dyDescent="0.3">
      <c r="A82611" s="13" t="s">
        <v>417</v>
      </c>
      <c r="B82611" s="14" t="s">
        <v>1</v>
      </c>
      <c r="C82611" s="14" t="s">
        <v>70</v>
      </c>
      <c r="D82611" s="14" t="s">
        <v>418</v>
      </c>
      <c r="E82611" s="15">
        <v>45497</v>
      </c>
      <c r="F82611" s="14" t="s">
        <v>15</v>
      </c>
      <c r="G82611" s="16">
        <v>1.2478172652310022</v>
      </c>
    </row>
    <row r="82612" spans="1:7" x14ac:dyDescent="0.3">
      <c r="A82612" s="13" t="s">
        <v>417</v>
      </c>
      <c r="B82612" s="14" t="s">
        <v>1</v>
      </c>
      <c r="C82612" s="14" t="s">
        <v>70</v>
      </c>
      <c r="D82612" s="14" t="s">
        <v>418</v>
      </c>
      <c r="E82612" s="15">
        <v>45498</v>
      </c>
      <c r="F82612" s="14" t="s">
        <v>15</v>
      </c>
      <c r="G82612" s="16">
        <v>1.2519402806609843</v>
      </c>
    </row>
    <row r="82613" spans="1:7" x14ac:dyDescent="0.3">
      <c r="A82613" s="13" t="s">
        <v>417</v>
      </c>
      <c r="B82613" s="14" t="s">
        <v>1</v>
      </c>
      <c r="C82613" s="14" t="s">
        <v>70</v>
      </c>
      <c r="D82613" s="14" t="s">
        <v>418</v>
      </c>
      <c r="E82613" s="15">
        <v>45499</v>
      </c>
      <c r="F82613" s="14" t="s">
        <v>15</v>
      </c>
      <c r="G82613" s="16">
        <v>1.2560524512834843</v>
      </c>
    </row>
    <row r="82614" spans="1:7" x14ac:dyDescent="0.3">
      <c r="A82614" s="13" t="s">
        <v>417</v>
      </c>
      <c r="B82614" s="14" t="s">
        <v>1</v>
      </c>
      <c r="C82614" s="14" t="s">
        <v>70</v>
      </c>
      <c r="D82614" s="14" t="s">
        <v>418</v>
      </c>
      <c r="E82614" s="15">
        <v>45500</v>
      </c>
      <c r="F82614" s="14" t="s">
        <v>15</v>
      </c>
      <c r="G82614" s="16">
        <v>1.2560524512834843</v>
      </c>
    </row>
    <row r="82615" spans="1:7" x14ac:dyDescent="0.3">
      <c r="A82615" s="13" t="s">
        <v>417</v>
      </c>
      <c r="B82615" s="14" t="s">
        <v>1</v>
      </c>
      <c r="C82615" s="14" t="s">
        <v>70</v>
      </c>
      <c r="D82615" s="14" t="s">
        <v>418</v>
      </c>
      <c r="E82615" s="15">
        <v>45501</v>
      </c>
      <c r="F82615" s="14" t="s">
        <v>15</v>
      </c>
      <c r="G82615" s="16">
        <v>1.2560524512834843</v>
      </c>
    </row>
    <row r="82616" spans="1:7" x14ac:dyDescent="0.3">
      <c r="A82616" s="13" t="s">
        <v>417</v>
      </c>
      <c r="B82616" s="14" t="s">
        <v>1</v>
      </c>
      <c r="C82616" s="14" t="s">
        <v>70</v>
      </c>
      <c r="D82616" s="14" t="s">
        <v>418</v>
      </c>
      <c r="E82616" s="15">
        <v>45502</v>
      </c>
      <c r="F82616" s="14" t="s">
        <v>15</v>
      </c>
      <c r="G82616" s="16">
        <v>1.2613983018301007</v>
      </c>
    </row>
    <row r="82617" spans="1:7" x14ac:dyDescent="0.3">
      <c r="A82617" s="13" t="s">
        <v>417</v>
      </c>
      <c r="B82617" s="14" t="s">
        <v>1</v>
      </c>
      <c r="C82617" s="14" t="s">
        <v>70</v>
      </c>
      <c r="D82617" s="14" t="s">
        <v>418</v>
      </c>
      <c r="E82617" s="15">
        <v>45503</v>
      </c>
      <c r="F82617" s="14" t="s">
        <v>15</v>
      </c>
      <c r="G82617" s="16">
        <v>1.2735937055948157</v>
      </c>
    </row>
    <row r="82618" spans="1:7" x14ac:dyDescent="0.3">
      <c r="A82618" s="13" t="s">
        <v>417</v>
      </c>
      <c r="B82618" s="14" t="s">
        <v>1</v>
      </c>
      <c r="C82618" s="14" t="s">
        <v>70</v>
      </c>
      <c r="D82618" s="14" t="s">
        <v>418</v>
      </c>
      <c r="E82618" s="15">
        <v>45504</v>
      </c>
      <c r="F82618" s="14" t="s">
        <v>15</v>
      </c>
      <c r="G82618" s="16">
        <v>1.2783529396609499</v>
      </c>
    </row>
    <row r="82619" spans="1:7" x14ac:dyDescent="0.3">
      <c r="A82619" s="13" t="s">
        <v>417</v>
      </c>
      <c r="B82619" s="14" t="s">
        <v>1</v>
      </c>
      <c r="C82619" s="14" t="s">
        <v>70</v>
      </c>
      <c r="D82619" s="14" t="s">
        <v>418</v>
      </c>
      <c r="E82619" s="15">
        <v>45505</v>
      </c>
      <c r="F82619" s="14" t="s">
        <v>15</v>
      </c>
      <c r="G82619" s="16">
        <v>1.2783529396609499</v>
      </c>
    </row>
    <row r="82620" spans="1:7" x14ac:dyDescent="0.3">
      <c r="A82620" s="13" t="s">
        <v>417</v>
      </c>
      <c r="B82620" s="14" t="s">
        <v>1</v>
      </c>
      <c r="C82620" s="14" t="s">
        <v>70</v>
      </c>
      <c r="D82620" s="14" t="s">
        <v>418</v>
      </c>
      <c r="E82620" s="15">
        <v>45506</v>
      </c>
      <c r="F82620" s="14" t="s">
        <v>15</v>
      </c>
      <c r="G82620" s="16">
        <v>1.2938080085960098</v>
      </c>
    </row>
    <row r="82621" spans="1:7" x14ac:dyDescent="0.3">
      <c r="A82621" s="13" t="s">
        <v>417</v>
      </c>
      <c r="B82621" s="14" t="s">
        <v>1</v>
      </c>
      <c r="C82621" s="14" t="s">
        <v>70</v>
      </c>
      <c r="D82621" s="14" t="s">
        <v>418</v>
      </c>
      <c r="E82621" s="15">
        <v>45507</v>
      </c>
      <c r="F82621" s="14" t="s">
        <v>15</v>
      </c>
      <c r="G82621" s="16">
        <v>1.2938080085960098</v>
      </c>
    </row>
    <row r="82622" spans="1:7" x14ac:dyDescent="0.3">
      <c r="A82622" s="13" t="s">
        <v>417</v>
      </c>
      <c r="B82622" s="14" t="s">
        <v>1</v>
      </c>
      <c r="C82622" s="14" t="s">
        <v>70</v>
      </c>
      <c r="D82622" s="14" t="s">
        <v>418</v>
      </c>
      <c r="E82622" s="15">
        <v>45508</v>
      </c>
      <c r="F82622" s="14" t="s">
        <v>15</v>
      </c>
      <c r="G82622" s="16">
        <v>1.2938080085960098</v>
      </c>
    </row>
    <row r="82623" spans="1:7" x14ac:dyDescent="0.3">
      <c r="A82623" s="13" t="s">
        <v>417</v>
      </c>
      <c r="B82623" s="14" t="s">
        <v>1</v>
      </c>
      <c r="C82623" s="14" t="s">
        <v>70</v>
      </c>
      <c r="D82623" s="14" t="s">
        <v>418</v>
      </c>
      <c r="E82623" s="15">
        <v>45509</v>
      </c>
      <c r="F82623" s="14" t="s">
        <v>15</v>
      </c>
      <c r="G82623" s="16">
        <v>1.2938080085960098</v>
      </c>
    </row>
    <row r="82624" spans="1:7" x14ac:dyDescent="0.3">
      <c r="A82624" s="13" t="s">
        <v>417</v>
      </c>
      <c r="B82624" s="14" t="s">
        <v>1</v>
      </c>
      <c r="C82624" s="14" t="s">
        <v>70</v>
      </c>
      <c r="D82624" s="14" t="s">
        <v>418</v>
      </c>
      <c r="E82624" s="15">
        <v>45510</v>
      </c>
      <c r="F82624" s="14" t="s">
        <v>15</v>
      </c>
      <c r="G82624" s="16">
        <v>1.2992352556154962</v>
      </c>
    </row>
    <row r="82625" spans="1:7" x14ac:dyDescent="0.3">
      <c r="A82625" s="13" t="s">
        <v>417</v>
      </c>
      <c r="B82625" s="14" t="s">
        <v>1</v>
      </c>
      <c r="C82625" s="14" t="s">
        <v>70</v>
      </c>
      <c r="D82625" s="14" t="s">
        <v>418</v>
      </c>
      <c r="E82625" s="15">
        <v>45511</v>
      </c>
      <c r="F82625" s="14" t="s">
        <v>15</v>
      </c>
      <c r="G82625" s="16">
        <v>1.3470130920004253</v>
      </c>
    </row>
    <row r="82626" spans="1:7" x14ac:dyDescent="0.3">
      <c r="A82626" s="13" t="s">
        <v>417</v>
      </c>
      <c r="B82626" s="14" t="s">
        <v>1</v>
      </c>
      <c r="C82626" s="14" t="s">
        <v>70</v>
      </c>
      <c r="D82626" s="14" t="s">
        <v>418</v>
      </c>
      <c r="E82626" s="15">
        <v>45512</v>
      </c>
      <c r="F82626" s="14" t="s">
        <v>15</v>
      </c>
      <c r="G82626" s="16">
        <v>1.3512740690899347</v>
      </c>
    </row>
    <row r="82627" spans="1:7" x14ac:dyDescent="0.3">
      <c r="A82627" s="13" t="s">
        <v>417</v>
      </c>
      <c r="B82627" s="14" t="s">
        <v>1</v>
      </c>
      <c r="C82627" s="14" t="s">
        <v>70</v>
      </c>
      <c r="D82627" s="14" t="s">
        <v>418</v>
      </c>
      <c r="E82627" s="15">
        <v>45513</v>
      </c>
      <c r="F82627" s="14" t="s">
        <v>15</v>
      </c>
      <c r="G82627" s="16">
        <v>1.369880838454558</v>
      </c>
    </row>
    <row r="82628" spans="1:7" x14ac:dyDescent="0.3">
      <c r="A82628" s="13" t="s">
        <v>417</v>
      </c>
      <c r="B82628" s="14" t="s">
        <v>1</v>
      </c>
      <c r="C82628" s="14" t="s">
        <v>70</v>
      </c>
      <c r="D82628" s="14" t="s">
        <v>418</v>
      </c>
      <c r="E82628" s="15">
        <v>45514</v>
      </c>
      <c r="F82628" s="14" t="s">
        <v>15</v>
      </c>
      <c r="G82628" s="16">
        <v>1.369880838454558</v>
      </c>
    </row>
    <row r="82629" spans="1:7" x14ac:dyDescent="0.3">
      <c r="A82629" s="13" t="s">
        <v>417</v>
      </c>
      <c r="B82629" s="14" t="s">
        <v>1</v>
      </c>
      <c r="C82629" s="14" t="s">
        <v>70</v>
      </c>
      <c r="D82629" s="14" t="s">
        <v>418</v>
      </c>
      <c r="E82629" s="15">
        <v>45515</v>
      </c>
      <c r="F82629" s="14" t="s">
        <v>15</v>
      </c>
      <c r="G82629" s="16">
        <v>1.369880838454558</v>
      </c>
    </row>
    <row r="82630" spans="1:7" x14ac:dyDescent="0.3">
      <c r="A82630" s="13" t="s">
        <v>417</v>
      </c>
      <c r="B82630" s="14" t="s">
        <v>1</v>
      </c>
      <c r="C82630" s="14" t="s">
        <v>70</v>
      </c>
      <c r="D82630" s="14" t="s">
        <v>418</v>
      </c>
      <c r="E82630" s="15">
        <v>45516</v>
      </c>
      <c r="F82630" s="14" t="s">
        <v>15</v>
      </c>
      <c r="G82630" s="16">
        <v>1.3883376232254536</v>
      </c>
    </row>
    <row r="82631" spans="1:7" x14ac:dyDescent="0.3">
      <c r="A82631" s="13" t="s">
        <v>417</v>
      </c>
      <c r="B82631" s="14" t="s">
        <v>1</v>
      </c>
      <c r="C82631" s="14" t="s">
        <v>70</v>
      </c>
      <c r="D82631" s="14" t="s">
        <v>418</v>
      </c>
      <c r="E82631" s="15">
        <v>45517</v>
      </c>
      <c r="F82631" s="14" t="s">
        <v>15</v>
      </c>
      <c r="G82631" s="16">
        <v>1.4044780145141089</v>
      </c>
    </row>
    <row r="82632" spans="1:7" x14ac:dyDescent="0.3">
      <c r="A82632" s="13" t="s">
        <v>417</v>
      </c>
      <c r="B82632" s="14" t="s">
        <v>1</v>
      </c>
      <c r="C82632" s="14" t="s">
        <v>70</v>
      </c>
      <c r="D82632" s="14" t="s">
        <v>418</v>
      </c>
      <c r="E82632" s="15">
        <v>45518</v>
      </c>
      <c r="F82632" s="14" t="s">
        <v>15</v>
      </c>
      <c r="G82632" s="16">
        <v>1.4079696597525093</v>
      </c>
    </row>
    <row r="82633" spans="1:7" x14ac:dyDescent="0.3">
      <c r="A82633" s="13" t="s">
        <v>417</v>
      </c>
      <c r="B82633" s="14" t="s">
        <v>1</v>
      </c>
      <c r="C82633" s="14" t="s">
        <v>70</v>
      </c>
      <c r="D82633" s="14" t="s">
        <v>418</v>
      </c>
      <c r="E82633" s="15">
        <v>45519</v>
      </c>
      <c r="F82633" s="14" t="s">
        <v>15</v>
      </c>
      <c r="G82633" s="16">
        <v>1.4121578799650816</v>
      </c>
    </row>
    <row r="82634" spans="1:7" x14ac:dyDescent="0.3">
      <c r="A82634" s="13" t="s">
        <v>417</v>
      </c>
      <c r="B82634" s="14" t="s">
        <v>1</v>
      </c>
      <c r="C82634" s="14" t="s">
        <v>70</v>
      </c>
      <c r="D82634" s="14" t="s">
        <v>418</v>
      </c>
      <c r="E82634" s="15">
        <v>45520</v>
      </c>
      <c r="F82634" s="14" t="s">
        <v>15</v>
      </c>
      <c r="G82634" s="16">
        <v>1.4711387347710794</v>
      </c>
    </row>
    <row r="82635" spans="1:7" x14ac:dyDescent="0.3">
      <c r="A82635" s="13" t="s">
        <v>417</v>
      </c>
      <c r="B82635" s="14" t="s">
        <v>1</v>
      </c>
      <c r="C82635" s="14" t="s">
        <v>70</v>
      </c>
      <c r="D82635" s="14" t="s">
        <v>418</v>
      </c>
      <c r="E82635" s="15">
        <v>45521</v>
      </c>
      <c r="F82635" s="14" t="s">
        <v>15</v>
      </c>
      <c r="G82635" s="16">
        <v>1.4711387347710794</v>
      </c>
    </row>
    <row r="82636" spans="1:7" x14ac:dyDescent="0.3">
      <c r="A82636" s="13" t="s">
        <v>417</v>
      </c>
      <c r="B82636" s="14" t="s">
        <v>1</v>
      </c>
      <c r="C82636" s="14" t="s">
        <v>70</v>
      </c>
      <c r="D82636" s="14" t="s">
        <v>418</v>
      </c>
      <c r="E82636" s="15">
        <v>45522</v>
      </c>
      <c r="F82636" s="14" t="s">
        <v>15</v>
      </c>
      <c r="G82636" s="16">
        <v>1.4711387347710794</v>
      </c>
    </row>
    <row r="82637" spans="1:7" x14ac:dyDescent="0.3">
      <c r="A82637" s="13" t="s">
        <v>417</v>
      </c>
      <c r="B82637" s="14" t="s">
        <v>1</v>
      </c>
      <c r="C82637" s="14" t="s">
        <v>70</v>
      </c>
      <c r="D82637" s="14" t="s">
        <v>418</v>
      </c>
      <c r="E82637" s="15">
        <v>45523</v>
      </c>
      <c r="F82637" s="14" t="s">
        <v>15</v>
      </c>
      <c r="G82637" s="16">
        <v>1.4884426621315581</v>
      </c>
    </row>
    <row r="82638" spans="1:7" x14ac:dyDescent="0.3">
      <c r="A82638" s="13" t="s">
        <v>417</v>
      </c>
      <c r="B82638" s="14" t="s">
        <v>1</v>
      </c>
      <c r="C82638" s="14" t="s">
        <v>70</v>
      </c>
      <c r="D82638" s="14" t="s">
        <v>418</v>
      </c>
      <c r="E82638" s="15">
        <v>45524</v>
      </c>
      <c r="F82638" s="14" t="s">
        <v>15</v>
      </c>
      <c r="G82638" s="16">
        <v>1.513503995075753</v>
      </c>
    </row>
    <row r="82639" spans="1:7" x14ac:dyDescent="0.3">
      <c r="A82639" s="13" t="s">
        <v>417</v>
      </c>
      <c r="B82639" s="14" t="s">
        <v>1</v>
      </c>
      <c r="C82639" s="14" t="s">
        <v>70</v>
      </c>
      <c r="D82639" s="14" t="s">
        <v>418</v>
      </c>
      <c r="E82639" s="15">
        <v>45525</v>
      </c>
      <c r="F82639" s="14" t="s">
        <v>15</v>
      </c>
      <c r="G82639" s="16">
        <v>1.5254114978997793</v>
      </c>
    </row>
    <row r="82640" spans="1:7" x14ac:dyDescent="0.3">
      <c r="A82640" s="13" t="s">
        <v>417</v>
      </c>
      <c r="B82640" s="14" t="s">
        <v>1</v>
      </c>
      <c r="C82640" s="14" t="s">
        <v>70</v>
      </c>
      <c r="D82640" s="14" t="s">
        <v>418</v>
      </c>
      <c r="E82640" s="15">
        <v>45526</v>
      </c>
      <c r="F82640" s="14" t="s">
        <v>15</v>
      </c>
      <c r="G82640" s="16">
        <v>1.5307468208268762</v>
      </c>
    </row>
    <row r="82641" spans="1:7" x14ac:dyDescent="0.3">
      <c r="A82641" s="13" t="s">
        <v>417</v>
      </c>
      <c r="B82641" s="14" t="s">
        <v>1</v>
      </c>
      <c r="C82641" s="14" t="s">
        <v>70</v>
      </c>
      <c r="D82641" s="14" t="s">
        <v>418</v>
      </c>
      <c r="E82641" s="15">
        <v>45527</v>
      </c>
      <c r="F82641" s="14" t="s">
        <v>15</v>
      </c>
      <c r="G82641" s="16">
        <v>1.5358097699192617</v>
      </c>
    </row>
    <row r="82642" spans="1:7" x14ac:dyDescent="0.3">
      <c r="A82642" s="13" t="s">
        <v>417</v>
      </c>
      <c r="B82642" s="14" t="s">
        <v>1</v>
      </c>
      <c r="C82642" s="14" t="s">
        <v>70</v>
      </c>
      <c r="D82642" s="14" t="s">
        <v>418</v>
      </c>
      <c r="E82642" s="15">
        <v>45528</v>
      </c>
      <c r="F82642" s="14" t="s">
        <v>15</v>
      </c>
      <c r="G82642" s="16">
        <v>1.5358097699192617</v>
      </c>
    </row>
    <row r="82643" spans="1:7" x14ac:dyDescent="0.3">
      <c r="A82643" s="13" t="s">
        <v>417</v>
      </c>
      <c r="B82643" s="14" t="s">
        <v>1</v>
      </c>
      <c r="C82643" s="14" t="s">
        <v>70</v>
      </c>
      <c r="D82643" s="14" t="s">
        <v>418</v>
      </c>
      <c r="E82643" s="15">
        <v>45529</v>
      </c>
      <c r="F82643" s="14" t="s">
        <v>15</v>
      </c>
      <c r="G82643" s="16">
        <v>1.5358097699192617</v>
      </c>
    </row>
    <row r="82644" spans="1:7" x14ac:dyDescent="0.3">
      <c r="A82644" s="13" t="s">
        <v>417</v>
      </c>
      <c r="B82644" s="14" t="s">
        <v>1</v>
      </c>
      <c r="C82644" s="14" t="s">
        <v>70</v>
      </c>
      <c r="D82644" s="14" t="s">
        <v>418</v>
      </c>
      <c r="E82644" s="15">
        <v>45530</v>
      </c>
      <c r="F82644" s="14" t="s">
        <v>15</v>
      </c>
      <c r="G82644" s="16">
        <v>1.5396048460411558</v>
      </c>
    </row>
    <row r="82645" spans="1:7" x14ac:dyDescent="0.3">
      <c r="A82645" s="13" t="s">
        <v>417</v>
      </c>
      <c r="B82645" s="14" t="s">
        <v>1</v>
      </c>
      <c r="C82645" s="14" t="s">
        <v>70</v>
      </c>
      <c r="D82645" s="14" t="s">
        <v>418</v>
      </c>
      <c r="E82645" s="15">
        <v>45531</v>
      </c>
      <c r="F82645" s="14" t="s">
        <v>15</v>
      </c>
      <c r="G82645" s="16">
        <v>1.5518624101370557</v>
      </c>
    </row>
    <row r="82646" spans="1:7" x14ac:dyDescent="0.3">
      <c r="A82646" s="13" t="s">
        <v>417</v>
      </c>
      <c r="B82646" s="14" t="s">
        <v>1</v>
      </c>
      <c r="C82646" s="14" t="s">
        <v>70</v>
      </c>
      <c r="D82646" s="14" t="s">
        <v>418</v>
      </c>
      <c r="E82646" s="15">
        <v>45532</v>
      </c>
      <c r="F82646" s="14" t="s">
        <v>15</v>
      </c>
      <c r="G82646" s="16">
        <v>1.5651946291852448</v>
      </c>
    </row>
    <row r="82647" spans="1:7" x14ac:dyDescent="0.3">
      <c r="A82647" s="13" t="s">
        <v>417</v>
      </c>
      <c r="B82647" s="14" t="s">
        <v>1</v>
      </c>
      <c r="C82647" s="14" t="s">
        <v>70</v>
      </c>
      <c r="D82647" s="14" t="s">
        <v>418</v>
      </c>
      <c r="E82647" s="15">
        <v>45533</v>
      </c>
      <c r="F82647" s="14" t="s">
        <v>15</v>
      </c>
      <c r="G82647" s="16">
        <v>1.5698233714352832</v>
      </c>
    </row>
    <row r="82648" spans="1:7" x14ac:dyDescent="0.3">
      <c r="A82648" s="13" t="s">
        <v>417</v>
      </c>
      <c r="B82648" s="14" t="s">
        <v>1</v>
      </c>
      <c r="C82648" s="14" t="s">
        <v>70</v>
      </c>
      <c r="D82648" s="14" t="s">
        <v>418</v>
      </c>
      <c r="E82648" s="15">
        <v>45534</v>
      </c>
      <c r="F82648" s="14" t="s">
        <v>15</v>
      </c>
      <c r="G82648" s="16">
        <v>1.5778774799108837</v>
      </c>
    </row>
    <row r="82649" spans="1:7" x14ac:dyDescent="0.3">
      <c r="A82649" s="13" t="s">
        <v>417</v>
      </c>
      <c r="B82649" s="14" t="s">
        <v>1</v>
      </c>
      <c r="C82649" s="14" t="s">
        <v>70</v>
      </c>
      <c r="D82649" s="14" t="s">
        <v>418</v>
      </c>
      <c r="E82649" s="15">
        <v>45535</v>
      </c>
      <c r="F82649" s="14" t="s">
        <v>15</v>
      </c>
      <c r="G82649" s="16">
        <v>1.5778774799108837</v>
      </c>
    </row>
    <row r="82650" spans="1:7" x14ac:dyDescent="0.3">
      <c r="A82650" s="13" t="s">
        <v>417</v>
      </c>
      <c r="B82650" s="14" t="s">
        <v>1</v>
      </c>
      <c r="C82650" s="14" t="s">
        <v>70</v>
      </c>
      <c r="D82650" s="14" t="s">
        <v>418</v>
      </c>
      <c r="E82650" s="15">
        <v>45536</v>
      </c>
      <c r="F82650" s="14" t="s">
        <v>15</v>
      </c>
      <c r="G82650" s="16">
        <v>1.5778774799108837</v>
      </c>
    </row>
    <row r="82651" spans="1:7" x14ac:dyDescent="0.3">
      <c r="A82651" s="13" t="s">
        <v>417</v>
      </c>
      <c r="B82651" s="14" t="s">
        <v>1</v>
      </c>
      <c r="C82651" s="14" t="s">
        <v>70</v>
      </c>
      <c r="D82651" s="14" t="s">
        <v>418</v>
      </c>
      <c r="E82651" s="15">
        <v>45537</v>
      </c>
      <c r="F82651" s="14" t="s">
        <v>15</v>
      </c>
      <c r="G82651" s="16">
        <v>1.587912231830124</v>
      </c>
    </row>
    <row r="82652" spans="1:7" x14ac:dyDescent="0.3">
      <c r="A82652" s="13" t="s">
        <v>417</v>
      </c>
      <c r="B82652" s="14" t="s">
        <v>1</v>
      </c>
      <c r="C82652" s="14" t="s">
        <v>70</v>
      </c>
      <c r="D82652" s="14" t="s">
        <v>418</v>
      </c>
      <c r="E82652" s="15">
        <v>45538</v>
      </c>
      <c r="F82652" s="14" t="s">
        <v>15</v>
      </c>
      <c r="G82652" s="16">
        <v>1.594758416158738</v>
      </c>
    </row>
    <row r="82653" spans="1:7" x14ac:dyDescent="0.3">
      <c r="A82653" s="13" t="s">
        <v>417</v>
      </c>
      <c r="B82653" s="14" t="s">
        <v>1</v>
      </c>
      <c r="C82653" s="14" t="s">
        <v>70</v>
      </c>
      <c r="D82653" s="14" t="s">
        <v>418</v>
      </c>
      <c r="E82653" s="15">
        <v>45539</v>
      </c>
      <c r="F82653" s="14" t="s">
        <v>15</v>
      </c>
      <c r="G82653" s="16">
        <v>1.5988138134578787</v>
      </c>
    </row>
    <row r="82654" spans="1:7" x14ac:dyDescent="0.3">
      <c r="A82654" s="13" t="s">
        <v>417</v>
      </c>
      <c r="B82654" s="14" t="s">
        <v>1</v>
      </c>
      <c r="C82654" s="14" t="s">
        <v>70</v>
      </c>
      <c r="D82654" s="14" t="s">
        <v>418</v>
      </c>
      <c r="E82654" s="15">
        <v>45540</v>
      </c>
      <c r="F82654" s="14" t="s">
        <v>15</v>
      </c>
      <c r="G82654" s="16">
        <v>1.6115735951773815</v>
      </c>
    </row>
    <row r="82655" spans="1:7" x14ac:dyDescent="0.3">
      <c r="A82655" s="13" t="s">
        <v>417</v>
      </c>
      <c r="B82655" s="14" t="s">
        <v>1</v>
      </c>
      <c r="C82655" s="14" t="s">
        <v>70</v>
      </c>
      <c r="D82655" s="14" t="s">
        <v>418</v>
      </c>
      <c r="E82655" s="15">
        <v>45541</v>
      </c>
      <c r="F82655" s="14" t="s">
        <v>15</v>
      </c>
      <c r="G82655" s="16">
        <v>1.6156554345369456</v>
      </c>
    </row>
    <row r="82656" spans="1:7" x14ac:dyDescent="0.3">
      <c r="A82656" s="13" t="s">
        <v>417</v>
      </c>
      <c r="B82656" s="14" t="s">
        <v>1</v>
      </c>
      <c r="C82656" s="14" t="s">
        <v>70</v>
      </c>
      <c r="D82656" s="14" t="s">
        <v>418</v>
      </c>
      <c r="E82656" s="15">
        <v>45542</v>
      </c>
      <c r="F82656" s="14" t="s">
        <v>15</v>
      </c>
      <c r="G82656" s="16">
        <v>1.6156554345369456</v>
      </c>
    </row>
    <row r="82657" spans="1:7" x14ac:dyDescent="0.3">
      <c r="A82657" s="13" t="s">
        <v>417</v>
      </c>
      <c r="B82657" s="14" t="s">
        <v>1</v>
      </c>
      <c r="C82657" s="14" t="s">
        <v>70</v>
      </c>
      <c r="D82657" s="14" t="s">
        <v>418</v>
      </c>
      <c r="E82657" s="15">
        <v>45543</v>
      </c>
      <c r="F82657" s="14" t="s">
        <v>15</v>
      </c>
      <c r="G82657" s="16">
        <v>1.6156554345369456</v>
      </c>
    </row>
    <row r="82658" spans="1:7" x14ac:dyDescent="0.3">
      <c r="A82658" s="13" t="s">
        <v>417</v>
      </c>
      <c r="B82658" s="14" t="s">
        <v>1</v>
      </c>
      <c r="C82658" s="14" t="s">
        <v>70</v>
      </c>
      <c r="D82658" s="14" t="s">
        <v>418</v>
      </c>
      <c r="E82658" s="15">
        <v>45544</v>
      </c>
      <c r="F82658" s="14" t="s">
        <v>15</v>
      </c>
      <c r="G82658" s="16">
        <v>1.6196065762980782</v>
      </c>
    </row>
    <row r="82659" spans="1:7" x14ac:dyDescent="0.3">
      <c r="A82659" s="13" t="s">
        <v>417</v>
      </c>
      <c r="B82659" s="14" t="s">
        <v>1</v>
      </c>
      <c r="C82659" s="14" t="s">
        <v>70</v>
      </c>
      <c r="D82659" s="14" t="s">
        <v>418</v>
      </c>
      <c r="E82659" s="15">
        <v>45545</v>
      </c>
      <c r="F82659" s="14" t="s">
        <v>15</v>
      </c>
      <c r="G82659" s="16">
        <v>1.6328152377092315</v>
      </c>
    </row>
    <row r="82660" spans="1:7" x14ac:dyDescent="0.3">
      <c r="A82660" s="13" t="s">
        <v>417</v>
      </c>
      <c r="B82660" s="14" t="s">
        <v>1</v>
      </c>
      <c r="C82660" s="14" t="s">
        <v>70</v>
      </c>
      <c r="D82660" s="14" t="s">
        <v>418</v>
      </c>
      <c r="E82660" s="15">
        <v>45546</v>
      </c>
      <c r="F82660" s="14" t="s">
        <v>15</v>
      </c>
      <c r="G82660" s="16">
        <v>1.6400728471862418</v>
      </c>
    </row>
    <row r="82661" spans="1:7" x14ac:dyDescent="0.3">
      <c r="A82661" s="13" t="s">
        <v>417</v>
      </c>
      <c r="B82661" s="14" t="s">
        <v>1</v>
      </c>
      <c r="C82661" s="14" t="s">
        <v>70</v>
      </c>
      <c r="D82661" s="14" t="s">
        <v>418</v>
      </c>
      <c r="E82661" s="15">
        <v>45547</v>
      </c>
      <c r="F82661" s="14" t="s">
        <v>15</v>
      </c>
      <c r="G82661" s="16">
        <v>1.6441572278879975</v>
      </c>
    </row>
    <row r="82662" spans="1:7" x14ac:dyDescent="0.3">
      <c r="A82662" s="13" t="s">
        <v>417</v>
      </c>
      <c r="B82662" s="14" t="s">
        <v>1</v>
      </c>
      <c r="C82662" s="14" t="s">
        <v>70</v>
      </c>
      <c r="D82662" s="14" t="s">
        <v>418</v>
      </c>
      <c r="E82662" s="15">
        <v>45548</v>
      </c>
      <c r="F82662" s="14" t="s">
        <v>15</v>
      </c>
      <c r="G82662" s="16">
        <v>1.6711804590559687</v>
      </c>
    </row>
    <row r="82663" spans="1:7" x14ac:dyDescent="0.3">
      <c r="A82663" s="13" t="s">
        <v>417</v>
      </c>
      <c r="B82663" s="14" t="s">
        <v>1</v>
      </c>
      <c r="C82663" s="14" t="s">
        <v>70</v>
      </c>
      <c r="D82663" s="14" t="s">
        <v>418</v>
      </c>
      <c r="E82663" s="15">
        <v>45549</v>
      </c>
      <c r="F82663" s="14" t="s">
        <v>15</v>
      </c>
      <c r="G82663" s="16">
        <v>1.6711804590559687</v>
      </c>
    </row>
    <row r="82664" spans="1:7" x14ac:dyDescent="0.3">
      <c r="A82664" s="13" t="s">
        <v>417</v>
      </c>
      <c r="B82664" s="14" t="s">
        <v>1</v>
      </c>
      <c r="C82664" s="14" t="s">
        <v>70</v>
      </c>
      <c r="D82664" s="14" t="s">
        <v>418</v>
      </c>
      <c r="E82664" s="15">
        <v>45550</v>
      </c>
      <c r="F82664" s="14" t="s">
        <v>15</v>
      </c>
      <c r="G82664" s="16">
        <v>1.6711804590559687</v>
      </c>
    </row>
    <row r="82665" spans="1:7" x14ac:dyDescent="0.3">
      <c r="A82665" s="13" t="s">
        <v>417</v>
      </c>
      <c r="B82665" s="14" t="s">
        <v>1</v>
      </c>
      <c r="C82665" s="14" t="s">
        <v>70</v>
      </c>
      <c r="D82665" s="14" t="s">
        <v>418</v>
      </c>
      <c r="E82665" s="15">
        <v>45551</v>
      </c>
      <c r="F82665" s="14" t="s">
        <v>15</v>
      </c>
      <c r="G82665" s="16">
        <v>1.6871692883167231</v>
      </c>
    </row>
    <row r="82666" spans="1:7" x14ac:dyDescent="0.3">
      <c r="A82666" s="13" t="s">
        <v>417</v>
      </c>
      <c r="B82666" s="14" t="s">
        <v>1</v>
      </c>
      <c r="C82666" s="14" t="s">
        <v>70</v>
      </c>
      <c r="D82666" s="14" t="s">
        <v>418</v>
      </c>
      <c r="E82666" s="15">
        <v>45552</v>
      </c>
      <c r="F82666" s="14" t="s">
        <v>15</v>
      </c>
      <c r="G82666" s="16">
        <v>1.7016576970458528</v>
      </c>
    </row>
    <row r="82667" spans="1:7" x14ac:dyDescent="0.3">
      <c r="A82667" s="13" t="s">
        <v>417</v>
      </c>
      <c r="B82667" s="14" t="s">
        <v>1</v>
      </c>
      <c r="C82667" s="14" t="s">
        <v>70</v>
      </c>
      <c r="D82667" s="14" t="s">
        <v>418</v>
      </c>
      <c r="E82667" s="15">
        <v>45553</v>
      </c>
      <c r="F82667" s="14" t="s">
        <v>15</v>
      </c>
      <c r="G82667" s="16">
        <v>1.706821845638355</v>
      </c>
    </row>
    <row r="82668" spans="1:7" x14ac:dyDescent="0.3">
      <c r="A82668" s="13" t="s">
        <v>417</v>
      </c>
      <c r="B82668" s="14" t="s">
        <v>1</v>
      </c>
      <c r="C82668" s="14" t="s">
        <v>70</v>
      </c>
      <c r="D82668" s="14" t="s">
        <v>418</v>
      </c>
      <c r="E82668" s="15">
        <v>45554</v>
      </c>
      <c r="F82668" s="14" t="s">
        <v>15</v>
      </c>
      <c r="G82668" s="16">
        <v>1.7107879782930115</v>
      </c>
    </row>
    <row r="82669" spans="1:7" x14ac:dyDescent="0.3">
      <c r="A82669" s="13" t="s">
        <v>417</v>
      </c>
      <c r="B82669" s="14" t="s">
        <v>1</v>
      </c>
      <c r="C82669" s="14" t="s">
        <v>70</v>
      </c>
      <c r="D82669" s="14" t="s">
        <v>418</v>
      </c>
      <c r="E82669" s="15">
        <v>45555</v>
      </c>
      <c r="F82669" s="14" t="s">
        <v>15</v>
      </c>
      <c r="G82669" s="16">
        <v>1.714775954388887</v>
      </c>
    </row>
    <row r="82670" spans="1:7" x14ac:dyDescent="0.3">
      <c r="A82670" s="13" t="s">
        <v>417</v>
      </c>
      <c r="B82670" s="14" t="s">
        <v>1</v>
      </c>
      <c r="C82670" s="14" t="s">
        <v>70</v>
      </c>
      <c r="D82670" s="14" t="s">
        <v>418</v>
      </c>
      <c r="E82670" s="15">
        <v>45556</v>
      </c>
      <c r="F82670" s="14" t="s">
        <v>15</v>
      </c>
      <c r="G82670" s="16">
        <v>1.714775954388887</v>
      </c>
    </row>
    <row r="82671" spans="1:7" x14ac:dyDescent="0.3">
      <c r="A82671" s="13" t="s">
        <v>417</v>
      </c>
      <c r="B82671" s="14" t="s">
        <v>1</v>
      </c>
      <c r="C82671" s="14" t="s">
        <v>70</v>
      </c>
      <c r="D82671" s="14" t="s">
        <v>418</v>
      </c>
      <c r="E82671" s="15">
        <v>45557</v>
      </c>
      <c r="F82671" s="14" t="s">
        <v>15</v>
      </c>
      <c r="G82671" s="16">
        <v>1.714775954388887</v>
      </c>
    </row>
    <row r="82672" spans="1:7" x14ac:dyDescent="0.3">
      <c r="A82672" s="13" t="s">
        <v>417</v>
      </c>
      <c r="B82672" s="14" t="s">
        <v>1</v>
      </c>
      <c r="C82672" s="14" t="s">
        <v>70</v>
      </c>
      <c r="D82672" s="14" t="s">
        <v>418</v>
      </c>
      <c r="E82672" s="15">
        <v>45558</v>
      </c>
      <c r="F82672" s="14" t="s">
        <v>15</v>
      </c>
      <c r="G82672" s="16">
        <v>1.7187524641908265</v>
      </c>
    </row>
    <row r="82673" spans="1:7" x14ac:dyDescent="0.3">
      <c r="A82673" s="13" t="s">
        <v>417</v>
      </c>
      <c r="B82673" s="14" t="s">
        <v>1</v>
      </c>
      <c r="C82673" s="14" t="s">
        <v>70</v>
      </c>
      <c r="D82673" s="14" t="s">
        <v>418</v>
      </c>
      <c r="E82673" s="15">
        <v>45559</v>
      </c>
      <c r="F82673" s="14" t="s">
        <v>15</v>
      </c>
      <c r="G82673" s="16">
        <v>1.732035762401825</v>
      </c>
    </row>
    <row r="82674" spans="1:7" x14ac:dyDescent="0.3">
      <c r="A82674" s="13" t="s">
        <v>417</v>
      </c>
      <c r="B82674" s="14" t="s">
        <v>1</v>
      </c>
      <c r="C82674" s="14" t="s">
        <v>70</v>
      </c>
      <c r="D82674" s="14" t="s">
        <v>418</v>
      </c>
      <c r="E82674" s="15">
        <v>45560</v>
      </c>
      <c r="F82674" s="14" t="s">
        <v>15</v>
      </c>
      <c r="G82674" s="16">
        <v>1.7360487737436965</v>
      </c>
    </row>
    <row r="82675" spans="1:7" x14ac:dyDescent="0.3">
      <c r="A82675" s="13" t="s">
        <v>417</v>
      </c>
      <c r="B82675" s="14" t="s">
        <v>1</v>
      </c>
      <c r="C82675" s="14" t="s">
        <v>70</v>
      </c>
      <c r="D82675" s="14" t="s">
        <v>418</v>
      </c>
      <c r="E82675" s="15">
        <v>45561</v>
      </c>
      <c r="F82675" s="14" t="s">
        <v>15</v>
      </c>
      <c r="G82675" s="16">
        <v>1.747209264618687</v>
      </c>
    </row>
    <row r="82676" spans="1:7" x14ac:dyDescent="0.3">
      <c r="A82676" s="13" t="s">
        <v>417</v>
      </c>
      <c r="B82676" s="14" t="s">
        <v>1</v>
      </c>
      <c r="C82676" s="14" t="s">
        <v>70</v>
      </c>
      <c r="D82676" s="14" t="s">
        <v>418</v>
      </c>
      <c r="E82676" s="15">
        <v>45562</v>
      </c>
      <c r="F82676" s="14" t="s">
        <v>15</v>
      </c>
      <c r="G82676" s="16">
        <v>1.7555036963288113</v>
      </c>
    </row>
    <row r="82677" spans="1:7" x14ac:dyDescent="0.3">
      <c r="A82677" s="13" t="s">
        <v>417</v>
      </c>
      <c r="B82677" s="14" t="s">
        <v>1</v>
      </c>
      <c r="C82677" s="14" t="s">
        <v>70</v>
      </c>
      <c r="D82677" s="14" t="s">
        <v>418</v>
      </c>
      <c r="E82677" s="15">
        <v>45563</v>
      </c>
      <c r="F82677" s="14" t="s">
        <v>15</v>
      </c>
      <c r="G82677" s="16">
        <v>1.7555036963288113</v>
      </c>
    </row>
    <row r="82678" spans="1:7" x14ac:dyDescent="0.3">
      <c r="A82678" s="13" t="s">
        <v>417</v>
      </c>
      <c r="B82678" s="14" t="s">
        <v>1</v>
      </c>
      <c r="C82678" s="14" t="s">
        <v>70</v>
      </c>
      <c r="D82678" s="14" t="s">
        <v>418</v>
      </c>
      <c r="E82678" s="15">
        <v>45564</v>
      </c>
      <c r="F82678" s="14" t="s">
        <v>15</v>
      </c>
      <c r="G82678" s="16">
        <v>1.7555036963288113</v>
      </c>
    </row>
    <row r="82679" spans="1:7" x14ac:dyDescent="0.3">
      <c r="A82679" s="13" t="s">
        <v>417</v>
      </c>
      <c r="B82679" s="14" t="s">
        <v>1</v>
      </c>
      <c r="C82679" s="14" t="s">
        <v>70</v>
      </c>
      <c r="D82679" s="14" t="s">
        <v>418</v>
      </c>
      <c r="E82679" s="15">
        <v>45565</v>
      </c>
      <c r="F82679" s="14" t="s">
        <v>15</v>
      </c>
      <c r="G82679" s="16">
        <v>1.7745520746828509</v>
      </c>
    </row>
    <row r="82680" spans="1:7" x14ac:dyDescent="0.3">
      <c r="A82680" s="13" t="s">
        <v>417</v>
      </c>
      <c r="B82680" s="14" t="s">
        <v>1</v>
      </c>
      <c r="C82680" s="14" t="s">
        <v>70</v>
      </c>
      <c r="D82680" s="14" t="s">
        <v>418</v>
      </c>
      <c r="E82680" s="15">
        <v>45566</v>
      </c>
      <c r="F82680" s="14" t="s">
        <v>15</v>
      </c>
      <c r="G82680" s="16">
        <v>1.7915876041317855</v>
      </c>
    </row>
    <row r="82681" spans="1:7" x14ac:dyDescent="0.3">
      <c r="A82681" s="13" t="s">
        <v>417</v>
      </c>
      <c r="B82681" s="14" t="s">
        <v>1</v>
      </c>
      <c r="C82681" s="14" t="s">
        <v>70</v>
      </c>
      <c r="D82681" s="14" t="s">
        <v>418</v>
      </c>
      <c r="E82681" s="15">
        <v>45567</v>
      </c>
      <c r="F82681" s="14" t="s">
        <v>15</v>
      </c>
      <c r="G82681" s="16">
        <v>1.7970164153611119</v>
      </c>
    </row>
    <row r="82682" spans="1:7" x14ac:dyDescent="0.3">
      <c r="A82682" s="13" t="s">
        <v>417</v>
      </c>
      <c r="B82682" s="14" t="s">
        <v>1</v>
      </c>
      <c r="C82682" s="14" t="s">
        <v>70</v>
      </c>
      <c r="D82682" s="14" t="s">
        <v>418</v>
      </c>
      <c r="E82682" s="15">
        <v>45568</v>
      </c>
      <c r="F82682" s="14" t="s">
        <v>15</v>
      </c>
      <c r="G82682" s="16">
        <v>1.8002169989345842</v>
      </c>
    </row>
    <row r="82683" spans="1:7" x14ac:dyDescent="0.3">
      <c r="A82683" s="13" t="s">
        <v>417</v>
      </c>
      <c r="B82683" s="14" t="s">
        <v>1</v>
      </c>
      <c r="C82683" s="14" t="s">
        <v>70</v>
      </c>
      <c r="D82683" s="14" t="s">
        <v>418</v>
      </c>
      <c r="E82683" s="15">
        <v>45569</v>
      </c>
      <c r="F82683" s="14" t="s">
        <v>15</v>
      </c>
      <c r="G82683" s="16">
        <v>1.806605302984619</v>
      </c>
    </row>
    <row r="82684" spans="1:7" x14ac:dyDescent="0.3">
      <c r="A82684" s="13" t="s">
        <v>417</v>
      </c>
      <c r="B82684" s="14" t="s">
        <v>1</v>
      </c>
      <c r="C82684" s="14" t="s">
        <v>70</v>
      </c>
      <c r="D82684" s="14" t="s">
        <v>418</v>
      </c>
      <c r="E82684" s="15">
        <v>45570</v>
      </c>
      <c r="F82684" s="14" t="s">
        <v>15</v>
      </c>
      <c r="G82684" s="16">
        <v>1.806605302984619</v>
      </c>
    </row>
    <row r="82685" spans="1:7" x14ac:dyDescent="0.3">
      <c r="A82685" s="13" t="s">
        <v>417</v>
      </c>
      <c r="B82685" s="14" t="s">
        <v>1</v>
      </c>
      <c r="C82685" s="14" t="s">
        <v>70</v>
      </c>
      <c r="D82685" s="14" t="s">
        <v>418</v>
      </c>
      <c r="E82685" s="15">
        <v>45571</v>
      </c>
      <c r="F82685" s="14" t="s">
        <v>15</v>
      </c>
      <c r="G82685" s="16">
        <v>1.806605302984619</v>
      </c>
    </row>
    <row r="82686" spans="1:7" x14ac:dyDescent="0.3">
      <c r="A82686" s="13" t="s">
        <v>417</v>
      </c>
      <c r="B82686" s="14" t="s">
        <v>1</v>
      </c>
      <c r="C82686" s="14" t="s">
        <v>70</v>
      </c>
      <c r="D82686" s="14" t="s">
        <v>418</v>
      </c>
      <c r="E82686" s="15">
        <v>45572</v>
      </c>
      <c r="F82686" s="14" t="s">
        <v>15</v>
      </c>
      <c r="G82686" s="16">
        <v>1.8269483287879376</v>
      </c>
    </row>
    <row r="82687" spans="1:7" x14ac:dyDescent="0.3">
      <c r="A82687" s="13" t="s">
        <v>417</v>
      </c>
      <c r="B82687" s="14" t="s">
        <v>1</v>
      </c>
      <c r="C82687" s="14" t="s">
        <v>70</v>
      </c>
      <c r="D82687" s="14" t="s">
        <v>418</v>
      </c>
      <c r="E82687" s="15">
        <v>45573</v>
      </c>
      <c r="F82687" s="14" t="s">
        <v>15</v>
      </c>
      <c r="G82687" s="16">
        <v>1.8391473966323173</v>
      </c>
    </row>
    <row r="82688" spans="1:7" x14ac:dyDescent="0.3">
      <c r="A82688" s="13" t="s">
        <v>417</v>
      </c>
      <c r="B82688" s="14" t="s">
        <v>1</v>
      </c>
      <c r="C82688" s="14" t="s">
        <v>70</v>
      </c>
      <c r="D82688" s="14" t="s">
        <v>418</v>
      </c>
      <c r="E82688" s="15">
        <v>45574</v>
      </c>
      <c r="F82688" s="14" t="s">
        <v>15</v>
      </c>
      <c r="G82688" s="16">
        <v>1.8431355391255984</v>
      </c>
    </row>
    <row r="82689" spans="1:7" x14ac:dyDescent="0.3">
      <c r="A82689" s="13" t="s">
        <v>417</v>
      </c>
      <c r="B82689" s="14" t="s">
        <v>1</v>
      </c>
      <c r="C82689" s="14" t="s">
        <v>70</v>
      </c>
      <c r="D82689" s="14" t="s">
        <v>418</v>
      </c>
      <c r="E82689" s="15">
        <v>45575</v>
      </c>
      <c r="F82689" s="14" t="s">
        <v>15</v>
      </c>
      <c r="G82689" s="16">
        <v>1.847183191381869</v>
      </c>
    </row>
    <row r="82690" spans="1:7" x14ac:dyDescent="0.3">
      <c r="A82690" s="13" t="s">
        <v>417</v>
      </c>
      <c r="B82690" s="14" t="s">
        <v>1</v>
      </c>
      <c r="C82690" s="14" t="s">
        <v>70</v>
      </c>
      <c r="D82690" s="14" t="s">
        <v>418</v>
      </c>
      <c r="E82690" s="15">
        <v>45576</v>
      </c>
      <c r="F82690" s="14" t="s">
        <v>15</v>
      </c>
      <c r="G82690" s="16">
        <v>1.8652757679121932</v>
      </c>
    </row>
    <row r="82691" spans="1:7" x14ac:dyDescent="0.3">
      <c r="A82691" s="13" t="s">
        <v>417</v>
      </c>
      <c r="B82691" s="14" t="s">
        <v>1</v>
      </c>
      <c r="C82691" s="14" t="s">
        <v>70</v>
      </c>
      <c r="D82691" s="14" t="s">
        <v>418</v>
      </c>
      <c r="E82691" s="15">
        <v>45577</v>
      </c>
      <c r="F82691" s="14" t="s">
        <v>15</v>
      </c>
      <c r="G82691" s="16">
        <v>1.8652757679121932</v>
      </c>
    </row>
    <row r="82692" spans="1:7" x14ac:dyDescent="0.3">
      <c r="A82692" s="13" t="s">
        <v>417</v>
      </c>
      <c r="B82692" s="14" t="s">
        <v>1</v>
      </c>
      <c r="C82692" s="14" t="s">
        <v>70</v>
      </c>
      <c r="D82692" s="14" t="s">
        <v>418</v>
      </c>
      <c r="E82692" s="15">
        <v>45578</v>
      </c>
      <c r="F82692" s="14" t="s">
        <v>15</v>
      </c>
      <c r="G82692" s="16">
        <v>1.8652757679121932</v>
      </c>
    </row>
    <row r="82693" spans="1:7" x14ac:dyDescent="0.3">
      <c r="A82693" s="13" t="s">
        <v>417</v>
      </c>
      <c r="B82693" s="14" t="s">
        <v>1</v>
      </c>
      <c r="C82693" s="14" t="s">
        <v>70</v>
      </c>
      <c r="D82693" s="14" t="s">
        <v>418</v>
      </c>
      <c r="E82693" s="15">
        <v>45579</v>
      </c>
      <c r="F82693" s="14" t="s">
        <v>15</v>
      </c>
      <c r="G82693" s="16">
        <v>1.8693252959210338</v>
      </c>
    </row>
    <row r="82694" spans="1:7" x14ac:dyDescent="0.3">
      <c r="A82694" s="13" t="s">
        <v>417</v>
      </c>
      <c r="B82694" s="14" t="s">
        <v>1</v>
      </c>
      <c r="C82694" s="14" t="s">
        <v>70</v>
      </c>
      <c r="D82694" s="14" t="s">
        <v>418</v>
      </c>
      <c r="E82694" s="15">
        <v>45580</v>
      </c>
      <c r="F82694" s="14" t="s">
        <v>15</v>
      </c>
      <c r="G82694" s="16">
        <v>1.8814293054658133</v>
      </c>
    </row>
    <row r="82695" spans="1:7" x14ac:dyDescent="0.3">
      <c r="A82695" s="13" t="s">
        <v>417</v>
      </c>
      <c r="B82695" s="14" t="s">
        <v>1</v>
      </c>
      <c r="C82695" s="14" t="s">
        <v>70</v>
      </c>
      <c r="D82695" s="14" t="s">
        <v>418</v>
      </c>
      <c r="E82695" s="15">
        <v>45581</v>
      </c>
      <c r="F82695" s="14" t="s">
        <v>15</v>
      </c>
      <c r="G82695" s="16">
        <v>1.8892491263945959</v>
      </c>
    </row>
    <row r="82696" spans="1:7" x14ac:dyDescent="0.3">
      <c r="A82696" s="13" t="s">
        <v>417</v>
      </c>
      <c r="B82696" s="14" t="s">
        <v>1</v>
      </c>
      <c r="C82696" s="14" t="s">
        <v>70</v>
      </c>
      <c r="D82696" s="14" t="s">
        <v>418</v>
      </c>
      <c r="E82696" s="15">
        <v>45582</v>
      </c>
      <c r="F82696" s="14" t="s">
        <v>15</v>
      </c>
      <c r="G82696" s="16">
        <v>1.8939497674508083</v>
      </c>
    </row>
    <row r="82697" spans="1:7" x14ac:dyDescent="0.3">
      <c r="A82697" s="13" t="s">
        <v>417</v>
      </c>
      <c r="B82697" s="14" t="s">
        <v>1</v>
      </c>
      <c r="C82697" s="14" t="s">
        <v>70</v>
      </c>
      <c r="D82697" s="14" t="s">
        <v>418</v>
      </c>
      <c r="E82697" s="15">
        <v>45583</v>
      </c>
      <c r="F82697" s="14" t="s">
        <v>15</v>
      </c>
      <c r="G82697" s="16">
        <v>1.9043795014293829</v>
      </c>
    </row>
    <row r="82698" spans="1:7" x14ac:dyDescent="0.3">
      <c r="A82698" s="13" t="s">
        <v>417</v>
      </c>
      <c r="B82698" s="14" t="s">
        <v>1</v>
      </c>
      <c r="C82698" s="14" t="s">
        <v>70</v>
      </c>
      <c r="D82698" s="14" t="s">
        <v>418</v>
      </c>
      <c r="E82698" s="15">
        <v>45584</v>
      </c>
      <c r="F82698" s="14" t="s">
        <v>15</v>
      </c>
      <c r="G82698" s="16">
        <v>1.9043795014293829</v>
      </c>
    </row>
    <row r="82699" spans="1:7" x14ac:dyDescent="0.3">
      <c r="A82699" s="13" t="s">
        <v>417</v>
      </c>
      <c r="B82699" s="14" t="s">
        <v>1</v>
      </c>
      <c r="C82699" s="14" t="s">
        <v>70</v>
      </c>
      <c r="D82699" s="14" t="s">
        <v>418</v>
      </c>
      <c r="E82699" s="15">
        <v>45585</v>
      </c>
      <c r="F82699" s="14" t="s">
        <v>15</v>
      </c>
      <c r="G82699" s="16">
        <v>1.9043795014293829</v>
      </c>
    </row>
    <row r="82700" spans="1:7" x14ac:dyDescent="0.3">
      <c r="A82700" s="13" t="s">
        <v>417</v>
      </c>
      <c r="B82700" s="14" t="s">
        <v>1</v>
      </c>
      <c r="C82700" s="14" t="s">
        <v>70</v>
      </c>
      <c r="D82700" s="14" t="s">
        <v>418</v>
      </c>
      <c r="E82700" s="15">
        <v>45586</v>
      </c>
      <c r="F82700" s="14" t="s">
        <v>15</v>
      </c>
      <c r="G82700" s="16">
        <v>1.9139593984774148</v>
      </c>
    </row>
    <row r="82701" spans="1:7" x14ac:dyDescent="0.3">
      <c r="A82701" s="13" t="s">
        <v>417</v>
      </c>
      <c r="B82701" s="14" t="s">
        <v>1</v>
      </c>
      <c r="C82701" s="14" t="s">
        <v>70</v>
      </c>
      <c r="D82701" s="14" t="s">
        <v>418</v>
      </c>
      <c r="E82701" s="15">
        <v>45587</v>
      </c>
      <c r="F82701" s="14" t="s">
        <v>15</v>
      </c>
      <c r="G82701" s="16">
        <v>1.9261174871789528</v>
      </c>
    </row>
    <row r="82702" spans="1:7" x14ac:dyDescent="0.3">
      <c r="A82702" s="13" t="s">
        <v>417</v>
      </c>
      <c r="B82702" s="14" t="s">
        <v>1</v>
      </c>
      <c r="C82702" s="14" t="s">
        <v>70</v>
      </c>
      <c r="D82702" s="14" t="s">
        <v>418</v>
      </c>
      <c r="E82702" s="15">
        <v>45588</v>
      </c>
      <c r="F82702" s="14" t="s">
        <v>15</v>
      </c>
      <c r="G82702" s="16">
        <v>1.9304173373936786</v>
      </c>
    </row>
    <row r="82703" spans="1:7" x14ac:dyDescent="0.3">
      <c r="A82703" s="13" t="s">
        <v>417</v>
      </c>
      <c r="B82703" s="14" t="s">
        <v>1</v>
      </c>
      <c r="C82703" s="14" t="s">
        <v>70</v>
      </c>
      <c r="D82703" s="14" t="s">
        <v>418</v>
      </c>
      <c r="E82703" s="15">
        <v>45589</v>
      </c>
      <c r="F82703" s="14" t="s">
        <v>15</v>
      </c>
      <c r="G82703" s="16">
        <v>1.9367804549273491</v>
      </c>
    </row>
    <row r="82704" spans="1:7" x14ac:dyDescent="0.3">
      <c r="A82704" s="13" t="s">
        <v>417</v>
      </c>
      <c r="B82704" s="14" t="s">
        <v>1</v>
      </c>
      <c r="C82704" s="14" t="s">
        <v>70</v>
      </c>
      <c r="D82704" s="14" t="s">
        <v>418</v>
      </c>
      <c r="E82704" s="15">
        <v>45590</v>
      </c>
      <c r="F82704" s="14" t="s">
        <v>15</v>
      </c>
      <c r="G82704" s="16">
        <v>1.9408670593035224</v>
      </c>
    </row>
    <row r="82705" spans="1:7" x14ac:dyDescent="0.3">
      <c r="A82705" s="13" t="s">
        <v>417</v>
      </c>
      <c r="B82705" s="14" t="s">
        <v>1</v>
      </c>
      <c r="C82705" s="14" t="s">
        <v>70</v>
      </c>
      <c r="D82705" s="14" t="s">
        <v>418</v>
      </c>
      <c r="E82705" s="15">
        <v>45591</v>
      </c>
      <c r="F82705" s="14" t="s">
        <v>15</v>
      </c>
      <c r="G82705" s="16">
        <v>1.9408670593035224</v>
      </c>
    </row>
    <row r="82706" spans="1:7" x14ac:dyDescent="0.3">
      <c r="A82706" s="13" t="s">
        <v>417</v>
      </c>
      <c r="B82706" s="14" t="s">
        <v>1</v>
      </c>
      <c r="C82706" s="14" t="s">
        <v>70</v>
      </c>
      <c r="D82706" s="14" t="s">
        <v>418</v>
      </c>
      <c r="E82706" s="15">
        <v>45592</v>
      </c>
      <c r="F82706" s="14" t="s">
        <v>15</v>
      </c>
      <c r="G82706" s="16">
        <v>1.9408670593035224</v>
      </c>
    </row>
    <row r="82707" spans="1:7" x14ac:dyDescent="0.3">
      <c r="A82707" s="13" t="s">
        <v>417</v>
      </c>
      <c r="B82707" s="14" t="s">
        <v>1</v>
      </c>
      <c r="C82707" s="14" t="s">
        <v>70</v>
      </c>
      <c r="D82707" s="14" t="s">
        <v>418</v>
      </c>
      <c r="E82707" s="15">
        <v>45593</v>
      </c>
      <c r="F82707" s="14" t="s">
        <v>15</v>
      </c>
      <c r="G82707" s="16">
        <v>1.9408670593035224</v>
      </c>
    </row>
    <row r="82708" spans="1:7" x14ac:dyDescent="0.3">
      <c r="A82708" s="13" t="s">
        <v>417</v>
      </c>
      <c r="B82708" s="14" t="s">
        <v>1</v>
      </c>
      <c r="C82708" s="14" t="s">
        <v>70</v>
      </c>
      <c r="D82708" s="14" t="s">
        <v>418</v>
      </c>
      <c r="E82708" s="15">
        <v>45594</v>
      </c>
      <c r="F82708" s="14" t="s">
        <v>15</v>
      </c>
      <c r="G82708" s="16">
        <v>1.9453993969476808</v>
      </c>
    </row>
    <row r="82709" spans="1:7" x14ac:dyDescent="0.3">
      <c r="A82709" s="13" t="s">
        <v>417</v>
      </c>
      <c r="B82709" s="14" t="s">
        <v>1</v>
      </c>
      <c r="C82709" s="14" t="s">
        <v>70</v>
      </c>
      <c r="D82709" s="14" t="s">
        <v>418</v>
      </c>
      <c r="E82709" s="15">
        <v>45595</v>
      </c>
      <c r="F82709" s="14" t="s">
        <v>15</v>
      </c>
      <c r="G82709" s="16">
        <v>1.9704475514215749</v>
      </c>
    </row>
    <row r="82710" spans="1:7" x14ac:dyDescent="0.3">
      <c r="A82710" s="13" t="s">
        <v>417</v>
      </c>
      <c r="B82710" s="14" t="s">
        <v>1</v>
      </c>
      <c r="C82710" s="14" t="s">
        <v>70</v>
      </c>
      <c r="D82710" s="14" t="s">
        <v>418</v>
      </c>
      <c r="E82710" s="15">
        <v>45596</v>
      </c>
      <c r="F82710" s="14" t="s">
        <v>15</v>
      </c>
      <c r="G82710" s="16">
        <v>1.9745637140277641</v>
      </c>
    </row>
    <row r="82711" spans="1:7" x14ac:dyDescent="0.3">
      <c r="A82711" s="13" t="s">
        <v>417</v>
      </c>
      <c r="B82711" s="14" t="s">
        <v>1</v>
      </c>
      <c r="C82711" s="14" t="s">
        <v>70</v>
      </c>
      <c r="D82711" s="14" t="s">
        <v>418</v>
      </c>
      <c r="E82711" s="15">
        <v>45597</v>
      </c>
      <c r="F82711" s="14" t="s">
        <v>15</v>
      </c>
      <c r="G82711" s="16">
        <v>1.9806652548401287</v>
      </c>
    </row>
    <row r="82712" spans="1:7" x14ac:dyDescent="0.3">
      <c r="A82712" s="13" t="s">
        <v>417</v>
      </c>
      <c r="B82712" s="14" t="s">
        <v>1</v>
      </c>
      <c r="C82712" s="14" t="s">
        <v>70</v>
      </c>
      <c r="D82712" s="14" t="s">
        <v>418</v>
      </c>
      <c r="E82712" s="15">
        <v>45598</v>
      </c>
      <c r="F82712" s="14" t="s">
        <v>15</v>
      </c>
      <c r="G82712" s="16">
        <v>1.9806652548401287</v>
      </c>
    </row>
    <row r="82713" spans="1:7" x14ac:dyDescent="0.3">
      <c r="A82713" s="13" t="s">
        <v>417</v>
      </c>
      <c r="B82713" s="14" t="s">
        <v>1</v>
      </c>
      <c r="C82713" s="14" t="s">
        <v>70</v>
      </c>
      <c r="D82713" s="14" t="s">
        <v>418</v>
      </c>
      <c r="E82713" s="15">
        <v>45599</v>
      </c>
      <c r="F82713" s="14" t="s">
        <v>15</v>
      </c>
      <c r="G82713" s="16">
        <v>1.9806652548401287</v>
      </c>
    </row>
    <row r="82714" spans="1:7" x14ac:dyDescent="0.3">
      <c r="A82714" s="13" t="s">
        <v>417</v>
      </c>
      <c r="B82714" s="14" t="s">
        <v>1</v>
      </c>
      <c r="C82714" s="14" t="s">
        <v>70</v>
      </c>
      <c r="D82714" s="14" t="s">
        <v>418</v>
      </c>
      <c r="E82714" s="15">
        <v>45600</v>
      </c>
      <c r="F82714" s="14" t="s">
        <v>15</v>
      </c>
      <c r="G82714" s="16">
        <v>1.9790835921091363</v>
      </c>
    </row>
    <row r="82715" spans="1:7" x14ac:dyDescent="0.3">
      <c r="A82715" s="13" t="s">
        <v>417</v>
      </c>
      <c r="B82715" s="14" t="s">
        <v>1</v>
      </c>
      <c r="C82715" s="14" t="s">
        <v>70</v>
      </c>
      <c r="D82715" s="14" t="s">
        <v>418</v>
      </c>
      <c r="E82715" s="15">
        <v>45601</v>
      </c>
      <c r="F82715" s="14" t="s">
        <v>15</v>
      </c>
      <c r="G82715" s="16">
        <v>1.990806929771447</v>
      </c>
    </row>
    <row r="82716" spans="1:7" x14ac:dyDescent="0.3">
      <c r="A82716" s="13" t="s">
        <v>417</v>
      </c>
      <c r="B82716" s="14" t="s">
        <v>1</v>
      </c>
      <c r="C82716" s="14" t="s">
        <v>70</v>
      </c>
      <c r="D82716" s="14" t="s">
        <v>418</v>
      </c>
      <c r="E82716" s="15">
        <v>45602</v>
      </c>
      <c r="F82716" s="14" t="s">
        <v>15</v>
      </c>
      <c r="G82716" s="16">
        <v>1.9967070389610437</v>
      </c>
    </row>
    <row r="82717" spans="1:7" x14ac:dyDescent="0.3">
      <c r="A82717" s="13" t="s">
        <v>417</v>
      </c>
      <c r="B82717" s="14" t="s">
        <v>1</v>
      </c>
      <c r="C82717" s="14" t="s">
        <v>70</v>
      </c>
      <c r="D82717" s="14" t="s">
        <v>418</v>
      </c>
      <c r="E82717" s="15">
        <v>45603</v>
      </c>
      <c r="F82717" s="14" t="s">
        <v>15</v>
      </c>
      <c r="G82717" s="16">
        <v>2.0007372346167833</v>
      </c>
    </row>
    <row r="82718" spans="1:7" x14ac:dyDescent="0.3">
      <c r="A82718" s="13" t="s">
        <v>417</v>
      </c>
      <c r="B82718" s="14" t="s">
        <v>1</v>
      </c>
      <c r="C82718" s="14" t="s">
        <v>70</v>
      </c>
      <c r="D82718" s="14" t="s">
        <v>418</v>
      </c>
      <c r="E82718" s="15">
        <v>45604</v>
      </c>
      <c r="F82718" s="14" t="s">
        <v>15</v>
      </c>
      <c r="G82718" s="16">
        <v>2.0184042724733251</v>
      </c>
    </row>
    <row r="82719" spans="1:7" x14ac:dyDescent="0.3">
      <c r="A82719" s="13" t="s">
        <v>417</v>
      </c>
      <c r="B82719" s="14" t="s">
        <v>1</v>
      </c>
      <c r="C82719" s="14" t="s">
        <v>70</v>
      </c>
      <c r="D82719" s="14" t="s">
        <v>418</v>
      </c>
      <c r="E82719" s="15">
        <v>45605</v>
      </c>
      <c r="F82719" s="14" t="s">
        <v>15</v>
      </c>
      <c r="G82719" s="16">
        <v>2.0184042724733251</v>
      </c>
    </row>
    <row r="82720" spans="1:7" x14ac:dyDescent="0.3">
      <c r="A82720" s="13" t="s">
        <v>417</v>
      </c>
      <c r="B82720" s="14" t="s">
        <v>1</v>
      </c>
      <c r="C82720" s="14" t="s">
        <v>70</v>
      </c>
      <c r="D82720" s="14" t="s">
        <v>418</v>
      </c>
      <c r="E82720" s="15">
        <v>45606</v>
      </c>
      <c r="F82720" s="14" t="s">
        <v>15</v>
      </c>
      <c r="G82720" s="16">
        <v>2.0184042724733251</v>
      </c>
    </row>
    <row r="82721" spans="1:7" x14ac:dyDescent="0.3">
      <c r="A82721" s="13" t="s">
        <v>417</v>
      </c>
      <c r="B82721" s="14" t="s">
        <v>1</v>
      </c>
      <c r="C82721" s="14" t="s">
        <v>70</v>
      </c>
      <c r="D82721" s="14" t="s">
        <v>418</v>
      </c>
      <c r="E82721" s="15">
        <v>45607</v>
      </c>
      <c r="F82721" s="14" t="s">
        <v>15</v>
      </c>
      <c r="G82721" s="16">
        <v>2.0283312745090436</v>
      </c>
    </row>
    <row r="82722" spans="1:7" x14ac:dyDescent="0.3">
      <c r="A82722" s="13" t="s">
        <v>417</v>
      </c>
      <c r="B82722" s="14" t="s">
        <v>1</v>
      </c>
      <c r="C82722" s="14" t="s">
        <v>70</v>
      </c>
      <c r="D82722" s="14" t="s">
        <v>418</v>
      </c>
      <c r="E82722" s="15">
        <v>45608</v>
      </c>
      <c r="F82722" s="14" t="s">
        <v>15</v>
      </c>
      <c r="G82722" s="16">
        <v>2.0402600978399992</v>
      </c>
    </row>
    <row r="82723" spans="1:7" x14ac:dyDescent="0.3">
      <c r="A82723" s="13" t="s">
        <v>417</v>
      </c>
      <c r="B82723" s="14" t="s">
        <v>1</v>
      </c>
      <c r="C82723" s="14" t="s">
        <v>70</v>
      </c>
      <c r="D82723" s="14" t="s">
        <v>418</v>
      </c>
      <c r="E82723" s="15">
        <v>45609</v>
      </c>
      <c r="F82723" s="14" t="s">
        <v>15</v>
      </c>
      <c r="G82723" s="16">
        <v>2.0433229194888289</v>
      </c>
    </row>
    <row r="82724" spans="1:7" x14ac:dyDescent="0.3">
      <c r="A82724" s="13" t="s">
        <v>417</v>
      </c>
      <c r="B82724" s="14" t="s">
        <v>1</v>
      </c>
      <c r="C82724" s="14" t="s">
        <v>70</v>
      </c>
      <c r="D82724" s="14" t="s">
        <v>418</v>
      </c>
      <c r="E82724" s="15">
        <v>45610</v>
      </c>
      <c r="F82724" s="14" t="s">
        <v>15</v>
      </c>
      <c r="G82724" s="16">
        <v>2.0472067761900279</v>
      </c>
    </row>
    <row r="82725" spans="1:7" x14ac:dyDescent="0.3">
      <c r="A82725" s="13" t="s">
        <v>417</v>
      </c>
      <c r="B82725" s="14" t="s">
        <v>1</v>
      </c>
      <c r="C82725" s="14" t="s">
        <v>70</v>
      </c>
      <c r="D82725" s="14" t="s">
        <v>418</v>
      </c>
      <c r="E82725" s="15">
        <v>45611</v>
      </c>
      <c r="F82725" s="14" t="s">
        <v>15</v>
      </c>
      <c r="G82725" s="16">
        <v>2.0859711159001786</v>
      </c>
    </row>
    <row r="82726" spans="1:7" x14ac:dyDescent="0.3">
      <c r="A82726" s="13" t="s">
        <v>417</v>
      </c>
      <c r="B82726" s="14" t="s">
        <v>1</v>
      </c>
      <c r="C82726" s="14" t="s">
        <v>70</v>
      </c>
      <c r="D82726" s="14" t="s">
        <v>418</v>
      </c>
      <c r="E82726" s="15">
        <v>45612</v>
      </c>
      <c r="F82726" s="14" t="s">
        <v>15</v>
      </c>
      <c r="G82726" s="16">
        <v>2.0859711159001786</v>
      </c>
    </row>
    <row r="82727" spans="1:7" x14ac:dyDescent="0.3">
      <c r="A82727" s="13" t="s">
        <v>417</v>
      </c>
      <c r="B82727" s="14" t="s">
        <v>1</v>
      </c>
      <c r="C82727" s="14" t="s">
        <v>70</v>
      </c>
      <c r="D82727" s="14" t="s">
        <v>418</v>
      </c>
      <c r="E82727" s="15">
        <v>45613</v>
      </c>
      <c r="F82727" s="14" t="s">
        <v>15</v>
      </c>
      <c r="G82727" s="16">
        <v>2.0859711159001786</v>
      </c>
    </row>
    <row r="82728" spans="1:7" x14ac:dyDescent="0.3">
      <c r="A82728" s="13" t="s">
        <v>417</v>
      </c>
      <c r="B82728" s="14" t="s">
        <v>1</v>
      </c>
      <c r="C82728" s="14" t="s">
        <v>70</v>
      </c>
      <c r="D82728" s="14" t="s">
        <v>418</v>
      </c>
      <c r="E82728" s="15">
        <v>45614</v>
      </c>
      <c r="F82728" s="14" t="s">
        <v>15</v>
      </c>
      <c r="G82728" s="16">
        <v>2.0959208789303503</v>
      </c>
    </row>
    <row r="82729" spans="1:7" x14ac:dyDescent="0.3">
      <c r="A82729" s="13" t="s">
        <v>417</v>
      </c>
      <c r="B82729" s="14" t="s">
        <v>1</v>
      </c>
      <c r="C82729" s="14" t="s">
        <v>70</v>
      </c>
      <c r="D82729" s="14" t="s">
        <v>418</v>
      </c>
      <c r="E82729" s="15">
        <v>45615</v>
      </c>
      <c r="F82729" s="14" t="s">
        <v>15</v>
      </c>
      <c r="G82729" s="16">
        <v>2.1298545951289833</v>
      </c>
    </row>
    <row r="82730" spans="1:7" x14ac:dyDescent="0.3">
      <c r="A82730" s="13" t="s">
        <v>417</v>
      </c>
      <c r="B82730" s="14" t="s">
        <v>1</v>
      </c>
      <c r="C82730" s="14" t="s">
        <v>70</v>
      </c>
      <c r="D82730" s="14" t="s">
        <v>418</v>
      </c>
      <c r="E82730" s="15">
        <v>45616</v>
      </c>
      <c r="F82730" s="14" t="s">
        <v>15</v>
      </c>
      <c r="G82730" s="16">
        <v>2.1336820863527266</v>
      </c>
    </row>
    <row r="82731" spans="1:7" x14ac:dyDescent="0.3">
      <c r="A82731" s="13" t="s">
        <v>417</v>
      </c>
      <c r="B82731" s="14" t="s">
        <v>1</v>
      </c>
      <c r="C82731" s="14" t="s">
        <v>70</v>
      </c>
      <c r="D82731" s="14" t="s">
        <v>418</v>
      </c>
      <c r="E82731" s="15">
        <v>45617</v>
      </c>
      <c r="F82731" s="14" t="s">
        <v>15</v>
      </c>
      <c r="G82731" s="16">
        <v>2.1404801511743385</v>
      </c>
    </row>
    <row r="82732" spans="1:7" x14ac:dyDescent="0.3">
      <c r="A82732" s="13" t="s">
        <v>417</v>
      </c>
      <c r="B82732" s="14" t="s">
        <v>1</v>
      </c>
      <c r="C82732" s="14" t="s">
        <v>70</v>
      </c>
      <c r="D82732" s="14" t="s">
        <v>418</v>
      </c>
      <c r="E82732" s="15">
        <v>45618</v>
      </c>
      <c r="F82732" s="14" t="s">
        <v>15</v>
      </c>
      <c r="G82732" s="16">
        <v>2.147571812407854</v>
      </c>
    </row>
    <row r="82733" spans="1:7" x14ac:dyDescent="0.3">
      <c r="A82733" s="13" t="s">
        <v>417</v>
      </c>
      <c r="B82733" s="14" t="s">
        <v>1</v>
      </c>
      <c r="C82733" s="14" t="s">
        <v>70</v>
      </c>
      <c r="D82733" s="14" t="s">
        <v>418</v>
      </c>
      <c r="E82733" s="15">
        <v>45619</v>
      </c>
      <c r="F82733" s="14" t="s">
        <v>15</v>
      </c>
      <c r="G82733" s="16">
        <v>2.147571812407854</v>
      </c>
    </row>
    <row r="82734" spans="1:7" x14ac:dyDescent="0.3">
      <c r="A82734" s="13" t="s">
        <v>417</v>
      </c>
      <c r="B82734" s="14" t="s">
        <v>1</v>
      </c>
      <c r="C82734" s="14" t="s">
        <v>70</v>
      </c>
      <c r="D82734" s="14" t="s">
        <v>418</v>
      </c>
      <c r="E82734" s="15">
        <v>45620</v>
      </c>
      <c r="F82734" s="14" t="s">
        <v>15</v>
      </c>
      <c r="G82734" s="16">
        <v>2.147571812407854</v>
      </c>
    </row>
    <row r="82735" spans="1:7" x14ac:dyDescent="0.3">
      <c r="A82735" s="13" t="s">
        <v>417</v>
      </c>
      <c r="B82735" s="14" t="s">
        <v>1</v>
      </c>
      <c r="C82735" s="14" t="s">
        <v>70</v>
      </c>
      <c r="D82735" s="14" t="s">
        <v>418</v>
      </c>
      <c r="E82735" s="15">
        <v>45621</v>
      </c>
      <c r="F82735" s="14" t="s">
        <v>15</v>
      </c>
      <c r="G82735" s="16">
        <v>2.151508670191649</v>
      </c>
    </row>
    <row r="82736" spans="1:7" x14ac:dyDescent="0.3">
      <c r="A82736" s="13" t="s">
        <v>417</v>
      </c>
      <c r="B82736" s="14" t="s">
        <v>1</v>
      </c>
      <c r="C82736" s="14" t="s">
        <v>70</v>
      </c>
      <c r="D82736" s="14" t="s">
        <v>418</v>
      </c>
      <c r="E82736" s="15">
        <v>45622</v>
      </c>
      <c r="F82736" s="14" t="s">
        <v>15</v>
      </c>
      <c r="G82736" s="16">
        <v>2.1734070433274262</v>
      </c>
    </row>
    <row r="82737" spans="1:7" x14ac:dyDescent="0.3">
      <c r="A82737" s="13" t="s">
        <v>417</v>
      </c>
      <c r="B82737" s="14" t="s">
        <v>1</v>
      </c>
      <c r="C82737" s="14" t="s">
        <v>70</v>
      </c>
      <c r="D82737" s="14" t="s">
        <v>418</v>
      </c>
      <c r="E82737" s="15">
        <v>45623</v>
      </c>
      <c r="F82737" s="14" t="s">
        <v>15</v>
      </c>
      <c r="G82737" s="16">
        <v>2.1832698601928335</v>
      </c>
    </row>
    <row r="82738" spans="1:7" x14ac:dyDescent="0.3">
      <c r="A82738" s="13" t="s">
        <v>417</v>
      </c>
      <c r="B82738" s="14" t="s">
        <v>1</v>
      </c>
      <c r="C82738" s="14" t="s">
        <v>70</v>
      </c>
      <c r="D82738" s="14" t="s">
        <v>418</v>
      </c>
      <c r="E82738" s="15">
        <v>45624</v>
      </c>
      <c r="F82738" s="14" t="s">
        <v>15</v>
      </c>
      <c r="G82738" s="16">
        <v>2.1919548016341572</v>
      </c>
    </row>
    <row r="82739" spans="1:7" x14ac:dyDescent="0.3">
      <c r="A82739" s="13" t="s">
        <v>417</v>
      </c>
      <c r="B82739" s="14" t="s">
        <v>1</v>
      </c>
      <c r="C82739" s="14" t="s">
        <v>70</v>
      </c>
      <c r="D82739" s="14" t="s">
        <v>418</v>
      </c>
      <c r="E82739" s="15">
        <v>45625</v>
      </c>
      <c r="F82739" s="14" t="s">
        <v>15</v>
      </c>
      <c r="G82739" s="16">
        <v>2.1958653343649992</v>
      </c>
    </row>
    <row r="82740" spans="1:7" x14ac:dyDescent="0.3">
      <c r="A82740" s="13" t="s">
        <v>417</v>
      </c>
      <c r="B82740" s="14" t="s">
        <v>1</v>
      </c>
      <c r="C82740" s="14" t="s">
        <v>70</v>
      </c>
      <c r="D82740" s="14" t="s">
        <v>418</v>
      </c>
      <c r="E82740" s="15">
        <v>45626</v>
      </c>
      <c r="F82740" s="14" t="s">
        <v>15</v>
      </c>
      <c r="G82740" s="16">
        <v>2.1958653343649992</v>
      </c>
    </row>
    <row r="82741" spans="1:7" x14ac:dyDescent="0.3">
      <c r="A82741" s="13" t="s">
        <v>417</v>
      </c>
      <c r="B82741" s="14" t="s">
        <v>1</v>
      </c>
      <c r="C82741" s="14" t="s">
        <v>70</v>
      </c>
      <c r="D82741" s="14" t="s">
        <v>418</v>
      </c>
      <c r="E82741" s="15">
        <v>45627</v>
      </c>
      <c r="F82741" s="14" t="s">
        <v>15</v>
      </c>
      <c r="G82741" s="16">
        <v>2.1958653343649992</v>
      </c>
    </row>
    <row r="82742" spans="1:7" x14ac:dyDescent="0.3">
      <c r="A82742" s="13" t="s">
        <v>417</v>
      </c>
      <c r="B82742" s="14" t="s">
        <v>1</v>
      </c>
      <c r="C82742" s="14" t="s">
        <v>70</v>
      </c>
      <c r="D82742" s="14" t="s">
        <v>418</v>
      </c>
      <c r="E82742" s="15">
        <v>45628</v>
      </c>
      <c r="F82742" s="14" t="s">
        <v>15</v>
      </c>
      <c r="G82742" s="16">
        <v>2.2080365928479635</v>
      </c>
    </row>
    <row r="82743" spans="1:7" x14ac:dyDescent="0.3">
      <c r="A82743" s="13" t="s">
        <v>417</v>
      </c>
      <c r="B82743" s="14" t="s">
        <v>1</v>
      </c>
      <c r="C82743" s="14" t="s">
        <v>70</v>
      </c>
      <c r="D82743" s="14" t="s">
        <v>418</v>
      </c>
      <c r="E82743" s="15">
        <v>45629</v>
      </c>
      <c r="F82743" s="14" t="s">
        <v>15</v>
      </c>
      <c r="G82743" s="16">
        <v>2.2267385735022365</v>
      </c>
    </row>
    <row r="82744" spans="1:7" x14ac:dyDescent="0.3">
      <c r="A82744" s="13" t="s">
        <v>417</v>
      </c>
      <c r="B82744" s="14" t="s">
        <v>1</v>
      </c>
      <c r="C82744" s="14" t="s">
        <v>70</v>
      </c>
      <c r="D82744" s="14" t="s">
        <v>418</v>
      </c>
      <c r="E82744" s="15">
        <v>45630</v>
      </c>
      <c r="F82744" s="14" t="s">
        <v>15</v>
      </c>
      <c r="G82744" s="16">
        <v>2.2335987715179959</v>
      </c>
    </row>
    <row r="82745" spans="1:7" x14ac:dyDescent="0.3">
      <c r="A82745" s="13" t="s">
        <v>417</v>
      </c>
      <c r="B82745" s="14" t="s">
        <v>1</v>
      </c>
      <c r="C82745" s="14" t="s">
        <v>70</v>
      </c>
      <c r="D82745" s="14" t="s">
        <v>418</v>
      </c>
      <c r="E82745" s="15">
        <v>45631</v>
      </c>
      <c r="F82745" s="14" t="s">
        <v>15</v>
      </c>
      <c r="G82745" s="16">
        <v>2.2386254864940685</v>
      </c>
    </row>
    <row r="82746" spans="1:7" x14ac:dyDescent="0.3">
      <c r="A82746" s="13" t="s">
        <v>417</v>
      </c>
      <c r="B82746" s="14" t="s">
        <v>1</v>
      </c>
      <c r="C82746" s="14" t="s">
        <v>70</v>
      </c>
      <c r="D82746" s="14" t="s">
        <v>418</v>
      </c>
      <c r="E82746" s="15">
        <v>45632</v>
      </c>
      <c r="F82746" s="14" t="s">
        <v>15</v>
      </c>
      <c r="G82746" s="16">
        <v>2.2470291064329069</v>
      </c>
    </row>
    <row r="82747" spans="1:7" x14ac:dyDescent="0.3">
      <c r="A82747" s="13" t="s">
        <v>417</v>
      </c>
      <c r="B82747" s="14" t="s">
        <v>1</v>
      </c>
      <c r="C82747" s="14" t="s">
        <v>70</v>
      </c>
      <c r="D82747" s="14" t="s">
        <v>418</v>
      </c>
      <c r="E82747" s="15">
        <v>45633</v>
      </c>
      <c r="F82747" s="14" t="s">
        <v>15</v>
      </c>
      <c r="G82747" s="16">
        <v>2.2470291064329069</v>
      </c>
    </row>
    <row r="82748" spans="1:7" x14ac:dyDescent="0.3">
      <c r="A82748" s="13" t="s">
        <v>417</v>
      </c>
      <c r="B82748" s="14" t="s">
        <v>1</v>
      </c>
      <c r="C82748" s="14" t="s">
        <v>70</v>
      </c>
      <c r="D82748" s="14" t="s">
        <v>418</v>
      </c>
      <c r="E82748" s="15">
        <v>45634</v>
      </c>
      <c r="F82748" s="14" t="s">
        <v>15</v>
      </c>
      <c r="G82748" s="16">
        <v>2.2470291064329069</v>
      </c>
    </row>
    <row r="82749" spans="1:7" x14ac:dyDescent="0.3">
      <c r="A82749" s="13" t="s">
        <v>417</v>
      </c>
      <c r="B82749" s="14" t="s">
        <v>1</v>
      </c>
      <c r="C82749" s="14" t="s">
        <v>70</v>
      </c>
      <c r="D82749" s="14" t="s">
        <v>418</v>
      </c>
      <c r="E82749" s="15">
        <v>45635</v>
      </c>
      <c r="F82749" s="14" t="s">
        <v>15</v>
      </c>
      <c r="G82749" s="16">
        <v>2.250866004880185</v>
      </c>
    </row>
    <row r="82750" spans="1:7" x14ac:dyDescent="0.3">
      <c r="A82750" s="13" t="s">
        <v>417</v>
      </c>
      <c r="B82750" s="14" t="s">
        <v>1</v>
      </c>
      <c r="C82750" s="14" t="s">
        <v>70</v>
      </c>
      <c r="D82750" s="14" t="s">
        <v>418</v>
      </c>
      <c r="E82750" s="15">
        <v>45636</v>
      </c>
      <c r="F82750" s="14" t="s">
        <v>15</v>
      </c>
      <c r="G82750" s="16">
        <v>2.268082463554935</v>
      </c>
    </row>
    <row r="82751" spans="1:7" x14ac:dyDescent="0.3">
      <c r="A82751" s="13" t="s">
        <v>417</v>
      </c>
      <c r="B82751" s="14" t="s">
        <v>1</v>
      </c>
      <c r="C82751" s="14" t="s">
        <v>70</v>
      </c>
      <c r="D82751" s="14" t="s">
        <v>418</v>
      </c>
      <c r="E82751" s="15">
        <v>45637</v>
      </c>
      <c r="F82751" s="14" t="s">
        <v>15</v>
      </c>
      <c r="G82751" s="16">
        <v>2.2733031949299223</v>
      </c>
    </row>
    <row r="82752" spans="1:7" x14ac:dyDescent="0.3">
      <c r="A82752" s="13" t="s">
        <v>417</v>
      </c>
      <c r="B82752" s="14" t="s">
        <v>1</v>
      </c>
      <c r="C82752" s="14" t="s">
        <v>70</v>
      </c>
      <c r="D82752" s="14" t="s">
        <v>418</v>
      </c>
      <c r="E82752" s="15">
        <v>45638</v>
      </c>
      <c r="F82752" s="14" t="s">
        <v>15</v>
      </c>
      <c r="G82752" s="16">
        <v>2.2783766122189584</v>
      </c>
    </row>
    <row r="82753" spans="1:7" x14ac:dyDescent="0.3">
      <c r="A82753" s="13" t="s">
        <v>417</v>
      </c>
      <c r="B82753" s="14" t="s">
        <v>1</v>
      </c>
      <c r="C82753" s="14" t="s">
        <v>70</v>
      </c>
      <c r="D82753" s="14" t="s">
        <v>418</v>
      </c>
      <c r="E82753" s="15">
        <v>45639</v>
      </c>
      <c r="F82753" s="14" t="s">
        <v>15</v>
      </c>
      <c r="G82753" s="16">
        <v>2.2843993397460878</v>
      </c>
    </row>
    <row r="82754" spans="1:7" x14ac:dyDescent="0.3">
      <c r="A82754" s="13" t="s">
        <v>417</v>
      </c>
      <c r="B82754" s="14" t="s">
        <v>1</v>
      </c>
      <c r="C82754" s="14" t="s">
        <v>70</v>
      </c>
      <c r="D82754" s="14" t="s">
        <v>418</v>
      </c>
      <c r="E82754" s="15">
        <v>45640</v>
      </c>
      <c r="F82754" s="14" t="s">
        <v>15</v>
      </c>
      <c r="G82754" s="16">
        <v>2.2843993397460878</v>
      </c>
    </row>
    <row r="82755" spans="1:7" x14ac:dyDescent="0.3">
      <c r="A82755" s="13" t="s">
        <v>417</v>
      </c>
      <c r="B82755" s="14" t="s">
        <v>1</v>
      </c>
      <c r="C82755" s="14" t="s">
        <v>70</v>
      </c>
      <c r="D82755" s="14" t="s">
        <v>418</v>
      </c>
      <c r="E82755" s="15">
        <v>45641</v>
      </c>
      <c r="F82755" s="14" t="s">
        <v>15</v>
      </c>
      <c r="G82755" s="16">
        <v>2.2843993397460878</v>
      </c>
    </row>
    <row r="82756" spans="1:7" x14ac:dyDescent="0.3">
      <c r="A82756" s="13" t="s">
        <v>417</v>
      </c>
      <c r="B82756" s="14" t="s">
        <v>1</v>
      </c>
      <c r="C82756" s="14" t="s">
        <v>70</v>
      </c>
      <c r="D82756" s="14" t="s">
        <v>418</v>
      </c>
      <c r="E82756" s="15">
        <v>45642</v>
      </c>
      <c r="F82756" s="14" t="s">
        <v>15</v>
      </c>
      <c r="G82756" s="16">
        <v>2.2922500880540779</v>
      </c>
    </row>
    <row r="82757" spans="1:7" x14ac:dyDescent="0.3">
      <c r="A82757" s="13" t="s">
        <v>417</v>
      </c>
      <c r="B82757" s="14" t="s">
        <v>1</v>
      </c>
      <c r="C82757" s="14" t="s">
        <v>70</v>
      </c>
      <c r="D82757" s="14" t="s">
        <v>418</v>
      </c>
      <c r="E82757" s="15">
        <v>45643</v>
      </c>
      <c r="F82757" s="14" t="s">
        <v>15</v>
      </c>
      <c r="G82757" s="16">
        <v>2.3090480163192195</v>
      </c>
    </row>
    <row r="82758" spans="1:7" x14ac:dyDescent="0.3">
      <c r="A82758" s="13" t="s">
        <v>417</v>
      </c>
      <c r="B82758" s="14" t="s">
        <v>1</v>
      </c>
      <c r="C82758" s="14" t="s">
        <v>70</v>
      </c>
      <c r="D82758" s="14" t="s">
        <v>418</v>
      </c>
      <c r="E82758" s="15">
        <v>45644</v>
      </c>
      <c r="F82758" s="14" t="s">
        <v>15</v>
      </c>
      <c r="G82758" s="16">
        <v>2.3096111706308387</v>
      </c>
    </row>
    <row r="82759" spans="1:7" x14ac:dyDescent="0.3">
      <c r="A82759" s="13" t="s">
        <v>417</v>
      </c>
      <c r="B82759" s="14" t="s">
        <v>1</v>
      </c>
      <c r="C82759" s="14" t="s">
        <v>70</v>
      </c>
      <c r="D82759" s="14" t="s">
        <v>418</v>
      </c>
      <c r="E82759" s="15">
        <v>45645</v>
      </c>
      <c r="F82759" s="14" t="s">
        <v>15</v>
      </c>
      <c r="G82759" s="16">
        <v>2.3136905175052891</v>
      </c>
    </row>
    <row r="82760" spans="1:7" x14ac:dyDescent="0.3">
      <c r="A82760" s="13" t="s">
        <v>417</v>
      </c>
      <c r="B82760" s="14" t="s">
        <v>1</v>
      </c>
      <c r="C82760" s="14" t="s">
        <v>70</v>
      </c>
      <c r="D82760" s="14" t="s">
        <v>418</v>
      </c>
      <c r="E82760" s="15">
        <v>45646</v>
      </c>
      <c r="F82760" s="14" t="s">
        <v>15</v>
      </c>
      <c r="G82760" s="16">
        <v>2.3210059341024389</v>
      </c>
    </row>
    <row r="82761" spans="1:7" x14ac:dyDescent="0.3">
      <c r="A82761" s="13" t="s">
        <v>417</v>
      </c>
      <c r="B82761" s="14" t="s">
        <v>1</v>
      </c>
      <c r="C82761" s="14" t="s">
        <v>70</v>
      </c>
      <c r="D82761" s="14" t="s">
        <v>418</v>
      </c>
      <c r="E82761" s="15">
        <v>45647</v>
      </c>
      <c r="F82761" s="14" t="s">
        <v>15</v>
      </c>
      <c r="G82761" s="16">
        <v>2.3210059341024389</v>
      </c>
    </row>
    <row r="82762" spans="1:7" x14ac:dyDescent="0.3">
      <c r="A82762" s="13" t="s">
        <v>417</v>
      </c>
      <c r="B82762" s="14" t="s">
        <v>1</v>
      </c>
      <c r="C82762" s="14" t="s">
        <v>70</v>
      </c>
      <c r="D82762" s="14" t="s">
        <v>418</v>
      </c>
      <c r="E82762" s="15">
        <v>45648</v>
      </c>
      <c r="F82762" s="14" t="s">
        <v>15</v>
      </c>
      <c r="G82762" s="16">
        <v>2.3210059341024389</v>
      </c>
    </row>
    <row r="82763" spans="1:7" x14ac:dyDescent="0.3">
      <c r="A82763" s="13" t="s">
        <v>417</v>
      </c>
      <c r="B82763" s="14" t="s">
        <v>1</v>
      </c>
      <c r="C82763" s="14" t="s">
        <v>70</v>
      </c>
      <c r="D82763" s="14" t="s">
        <v>418</v>
      </c>
      <c r="E82763" s="15">
        <v>45649</v>
      </c>
      <c r="F82763" s="14" t="s">
        <v>15</v>
      </c>
      <c r="G82763" s="16">
        <v>2.3250064272015578</v>
      </c>
    </row>
    <row r="82764" spans="1:7" x14ac:dyDescent="0.3">
      <c r="A82764" s="13" t="s">
        <v>417</v>
      </c>
      <c r="B82764" s="14" t="s">
        <v>1</v>
      </c>
      <c r="C82764" s="14" t="s">
        <v>70</v>
      </c>
      <c r="D82764" s="14" t="s">
        <v>418</v>
      </c>
      <c r="E82764" s="15">
        <v>45650</v>
      </c>
      <c r="F82764" s="14" t="s">
        <v>15</v>
      </c>
      <c r="G82764" s="16">
        <v>2.3388828208147365</v>
      </c>
    </row>
    <row r="82765" spans="1:7" x14ac:dyDescent="0.3">
      <c r="A82765" s="13" t="s">
        <v>417</v>
      </c>
      <c r="B82765" s="14" t="s">
        <v>1</v>
      </c>
      <c r="C82765" s="14" t="s">
        <v>70</v>
      </c>
      <c r="D82765" s="14" t="s">
        <v>418</v>
      </c>
      <c r="E82765" s="15">
        <v>45651</v>
      </c>
      <c r="F82765" s="14" t="s">
        <v>15</v>
      </c>
      <c r="G82765" s="16">
        <v>2.3388828208147365</v>
      </c>
    </row>
    <row r="82766" spans="1:7" x14ac:dyDescent="0.3">
      <c r="A82766" s="13" t="s">
        <v>417</v>
      </c>
      <c r="B82766" s="14" t="s">
        <v>1</v>
      </c>
      <c r="C82766" s="14" t="s">
        <v>70</v>
      </c>
      <c r="D82766" s="14" t="s">
        <v>418</v>
      </c>
      <c r="E82766" s="15">
        <v>45652</v>
      </c>
      <c r="F82766" s="14" t="s">
        <v>15</v>
      </c>
      <c r="G82766" s="16">
        <v>2.3388828208147365</v>
      </c>
    </row>
    <row r="82767" spans="1:7" x14ac:dyDescent="0.3">
      <c r="A82767" s="13" t="s">
        <v>417</v>
      </c>
      <c r="B82767" s="14" t="s">
        <v>1</v>
      </c>
      <c r="C82767" s="14" t="s">
        <v>70</v>
      </c>
      <c r="D82767" s="14" t="s">
        <v>418</v>
      </c>
      <c r="E82767" s="15">
        <v>45653</v>
      </c>
      <c r="F82767" s="14" t="s">
        <v>15</v>
      </c>
      <c r="G82767" s="16">
        <v>2.3388828208147365</v>
      </c>
    </row>
    <row r="82768" spans="1:7" x14ac:dyDescent="0.3">
      <c r="A82768" s="13" t="s">
        <v>417</v>
      </c>
      <c r="B82768" s="14" t="s">
        <v>1</v>
      </c>
      <c r="C82768" s="14" t="s">
        <v>70</v>
      </c>
      <c r="D82768" s="14" t="s">
        <v>418</v>
      </c>
      <c r="E82768" s="15">
        <v>45654</v>
      </c>
      <c r="F82768" s="14" t="s">
        <v>15</v>
      </c>
      <c r="G82768" s="16">
        <v>2.3388828208147365</v>
      </c>
    </row>
    <row r="82769" spans="1:7" x14ac:dyDescent="0.3">
      <c r="A82769" s="13" t="s">
        <v>417</v>
      </c>
      <c r="B82769" s="14" t="s">
        <v>1</v>
      </c>
      <c r="C82769" s="14" t="s">
        <v>70</v>
      </c>
      <c r="D82769" s="14" t="s">
        <v>418</v>
      </c>
      <c r="E82769" s="15">
        <v>45655</v>
      </c>
      <c r="F82769" s="14" t="s">
        <v>15</v>
      </c>
      <c r="G82769" s="16">
        <v>2.3388828208147365</v>
      </c>
    </row>
    <row r="82770" spans="1:7" x14ac:dyDescent="0.3">
      <c r="A82770" s="13" t="s">
        <v>417</v>
      </c>
      <c r="B82770" s="14" t="s">
        <v>1</v>
      </c>
      <c r="C82770" s="14" t="s">
        <v>70</v>
      </c>
      <c r="D82770" s="14" t="s">
        <v>418</v>
      </c>
      <c r="E82770" s="15">
        <v>45656</v>
      </c>
      <c r="F82770" s="14" t="s">
        <v>15</v>
      </c>
      <c r="G82770" s="16">
        <v>2.3430268802833352</v>
      </c>
    </row>
    <row r="82771" spans="1:7" x14ac:dyDescent="0.3">
      <c r="A82771" s="13" t="s">
        <v>417</v>
      </c>
      <c r="B82771" s="14" t="s">
        <v>1</v>
      </c>
      <c r="C82771" s="14" t="s">
        <v>70</v>
      </c>
      <c r="D82771" s="14" t="s">
        <v>418</v>
      </c>
      <c r="E82771" s="15">
        <v>45657</v>
      </c>
      <c r="F82771" s="14" t="s">
        <v>15</v>
      </c>
      <c r="G82771" s="16">
        <v>2.3684331160372336</v>
      </c>
    </row>
    <row r="82772" spans="1:7" x14ac:dyDescent="0.3">
      <c r="A82772" s="13" t="s">
        <v>417</v>
      </c>
      <c r="B82772" s="14" t="s">
        <v>1</v>
      </c>
      <c r="C82772" s="14" t="s">
        <v>70</v>
      </c>
      <c r="D82772" s="14" t="s">
        <v>418</v>
      </c>
      <c r="E82772" s="15">
        <v>45658</v>
      </c>
      <c r="F82772" s="14" t="s">
        <v>15</v>
      </c>
      <c r="G82772" s="16">
        <v>2.3684331160372336</v>
      </c>
    </row>
    <row r="82773" spans="1:7" x14ac:dyDescent="0.3">
      <c r="A82773" s="13" t="s">
        <v>417</v>
      </c>
      <c r="B82773" s="14" t="s">
        <v>1</v>
      </c>
      <c r="C82773" s="14" t="s">
        <v>70</v>
      </c>
      <c r="D82773" s="14" t="s">
        <v>418</v>
      </c>
      <c r="E82773" s="15">
        <v>45659</v>
      </c>
      <c r="F82773" s="14" t="s">
        <v>15</v>
      </c>
      <c r="G82773" s="16">
        <v>2.3684331160372336</v>
      </c>
    </row>
    <row r="82774" spans="1:7" x14ac:dyDescent="0.3">
      <c r="A82774" s="13" t="s">
        <v>417</v>
      </c>
      <c r="B82774" s="14" t="s">
        <v>1</v>
      </c>
      <c r="C82774" s="14" t="s">
        <v>70</v>
      </c>
      <c r="D82774" s="14" t="s">
        <v>418</v>
      </c>
      <c r="E82774" s="15">
        <v>45660</v>
      </c>
      <c r="F82774" s="14" t="s">
        <v>15</v>
      </c>
      <c r="G82774" s="16">
        <v>2.3798325876939526</v>
      </c>
    </row>
    <row r="82775" spans="1:7" x14ac:dyDescent="0.3">
      <c r="A82775" s="13" t="s">
        <v>417</v>
      </c>
      <c r="B82775" s="14" t="s">
        <v>1</v>
      </c>
      <c r="C82775" s="14" t="s">
        <v>70</v>
      </c>
      <c r="D82775" s="14" t="s">
        <v>418</v>
      </c>
      <c r="E82775" s="15">
        <v>45661</v>
      </c>
      <c r="F82775" s="14" t="s">
        <v>15</v>
      </c>
      <c r="G82775" s="16">
        <v>2.3798325876939526</v>
      </c>
    </row>
    <row r="82776" spans="1:7" x14ac:dyDescent="0.3">
      <c r="A82776" s="13" t="s">
        <v>417</v>
      </c>
      <c r="B82776" s="14" t="s">
        <v>1</v>
      </c>
      <c r="C82776" s="14" t="s">
        <v>70</v>
      </c>
      <c r="D82776" s="14" t="s">
        <v>418</v>
      </c>
      <c r="E82776" s="15">
        <v>45662</v>
      </c>
      <c r="F82776" s="14" t="s">
        <v>15</v>
      </c>
      <c r="G82776" s="16">
        <v>2.3798325876939526</v>
      </c>
    </row>
    <row r="82777" spans="1:7" x14ac:dyDescent="0.3">
      <c r="A82777" s="13" t="s">
        <v>417</v>
      </c>
      <c r="B82777" s="14" t="s">
        <v>1</v>
      </c>
      <c r="C82777" s="14" t="s">
        <v>70</v>
      </c>
      <c r="D82777" s="14" t="s">
        <v>418</v>
      </c>
      <c r="E82777" s="15">
        <v>45663</v>
      </c>
      <c r="F82777" s="14" t="s">
        <v>15</v>
      </c>
      <c r="G82777" s="16">
        <v>2.4087732235401025</v>
      </c>
    </row>
    <row r="82778" spans="1:7" x14ac:dyDescent="0.3">
      <c r="A82778" s="13" t="s">
        <v>417</v>
      </c>
      <c r="B82778" s="14" t="s">
        <v>1</v>
      </c>
      <c r="C82778" s="14" t="s">
        <v>70</v>
      </c>
      <c r="D82778" s="14" t="s">
        <v>418</v>
      </c>
      <c r="E82778" s="15">
        <v>45664</v>
      </c>
      <c r="F82778" s="14" t="s">
        <v>15</v>
      </c>
      <c r="G82778" s="16">
        <v>2.4291411627904531</v>
      </c>
    </row>
    <row r="82779" spans="1:7" x14ac:dyDescent="0.3">
      <c r="A82779" s="13" t="s">
        <v>417</v>
      </c>
      <c r="B82779" s="14" t="s">
        <v>1</v>
      </c>
      <c r="C82779" s="14" t="s">
        <v>70</v>
      </c>
      <c r="D82779" s="14" t="s">
        <v>418</v>
      </c>
      <c r="E82779" s="15">
        <v>45665</v>
      </c>
      <c r="F82779" s="14" t="s">
        <v>15</v>
      </c>
      <c r="G82779" s="16">
        <v>2.4332332094166746</v>
      </c>
    </row>
    <row r="82780" spans="1:7" x14ac:dyDescent="0.3">
      <c r="A82780" s="13" t="s">
        <v>417</v>
      </c>
      <c r="B82780" s="14" t="s">
        <v>1</v>
      </c>
      <c r="C82780" s="14" t="s">
        <v>70</v>
      </c>
      <c r="D82780" s="14" t="s">
        <v>418</v>
      </c>
      <c r="E82780" s="15">
        <v>45666</v>
      </c>
      <c r="F82780" s="14" t="s">
        <v>15</v>
      </c>
      <c r="G82780" s="16">
        <v>2.4466884325284783</v>
      </c>
    </row>
    <row r="82781" spans="1:7" x14ac:dyDescent="0.3">
      <c r="A82781" s="13" t="s">
        <v>417</v>
      </c>
      <c r="B82781" s="14" t="s">
        <v>1</v>
      </c>
      <c r="C82781" s="14" t="s">
        <v>70</v>
      </c>
      <c r="D82781" s="14" t="s">
        <v>418</v>
      </c>
      <c r="E82781" s="15">
        <v>45667</v>
      </c>
      <c r="F82781" s="14" t="s">
        <v>15</v>
      </c>
      <c r="G82781" s="16">
        <v>2.4508002950158851</v>
      </c>
    </row>
    <row r="82782" spans="1:7" x14ac:dyDescent="0.3">
      <c r="A82782" s="13" t="s">
        <v>417</v>
      </c>
      <c r="B82782" s="14" t="s">
        <v>1</v>
      </c>
      <c r="C82782" s="14" t="s">
        <v>70</v>
      </c>
      <c r="D82782" s="14" t="s">
        <v>418</v>
      </c>
      <c r="E82782" s="15">
        <v>45668</v>
      </c>
      <c r="F82782" s="14" t="s">
        <v>15</v>
      </c>
      <c r="G82782" s="16">
        <v>2.4508002950158851</v>
      </c>
    </row>
    <row r="82783" spans="1:7" x14ac:dyDescent="0.3">
      <c r="A82783" s="13" t="s">
        <v>417</v>
      </c>
      <c r="B82783" s="14" t="s">
        <v>1</v>
      </c>
      <c r="C82783" s="14" t="s">
        <v>70</v>
      </c>
      <c r="D82783" s="14" t="s">
        <v>418</v>
      </c>
      <c r="E82783" s="15">
        <v>45669</v>
      </c>
      <c r="F82783" s="14" t="s">
        <v>15</v>
      </c>
      <c r="G82783" s="16">
        <v>2.4508002950158851</v>
      </c>
    </row>
    <row r="82784" spans="1:7" x14ac:dyDescent="0.3">
      <c r="A82784" s="13" t="s">
        <v>417</v>
      </c>
      <c r="B82784" s="14" t="s">
        <v>1</v>
      </c>
      <c r="C82784" s="14" t="s">
        <v>70</v>
      </c>
      <c r="D82784" s="14" t="s">
        <v>418</v>
      </c>
      <c r="E82784" s="15">
        <v>45670</v>
      </c>
      <c r="F82784" s="14" t="s">
        <v>15</v>
      </c>
      <c r="G82784" s="16">
        <v>2.4703959315599904</v>
      </c>
    </row>
    <row r="82785" spans="1:7" x14ac:dyDescent="0.3">
      <c r="A82785" s="13" t="s">
        <v>417</v>
      </c>
      <c r="B82785" s="14" t="s">
        <v>1</v>
      </c>
      <c r="C82785" s="14" t="s">
        <v>70</v>
      </c>
      <c r="D82785" s="14" t="s">
        <v>418</v>
      </c>
      <c r="E82785" s="15">
        <v>45671</v>
      </c>
      <c r="F82785" s="14" t="s">
        <v>15</v>
      </c>
      <c r="G82785" s="16">
        <v>2.4830968167279099</v>
      </c>
    </row>
    <row r="82786" spans="1:7" x14ac:dyDescent="0.3">
      <c r="A82786" s="13" t="s">
        <v>417</v>
      </c>
      <c r="B82786" s="14" t="s">
        <v>1</v>
      </c>
      <c r="C82786" s="14" t="s">
        <v>70</v>
      </c>
      <c r="D82786" s="14" t="s">
        <v>418</v>
      </c>
      <c r="E82786" s="15">
        <v>45672</v>
      </c>
      <c r="F82786" s="14" t="s">
        <v>15</v>
      </c>
      <c r="G82786" s="16">
        <v>2.4872964845781196</v>
      </c>
    </row>
    <row r="82787" spans="1:7" x14ac:dyDescent="0.3">
      <c r="A82787" s="13" t="s">
        <v>417</v>
      </c>
      <c r="B82787" s="14" t="s">
        <v>1</v>
      </c>
      <c r="C82787" s="14" t="s">
        <v>70</v>
      </c>
      <c r="D82787" s="14" t="s">
        <v>418</v>
      </c>
      <c r="E82787" s="15">
        <v>45673</v>
      </c>
      <c r="F82787" s="14" t="s">
        <v>15</v>
      </c>
      <c r="G82787" s="16">
        <v>2.495571886997817</v>
      </c>
    </row>
    <row r="82788" spans="1:7" x14ac:dyDescent="0.3">
      <c r="A82788" s="13" t="s">
        <v>417</v>
      </c>
      <c r="B82788" s="14" t="s">
        <v>1</v>
      </c>
      <c r="C82788" s="14" t="s">
        <v>70</v>
      </c>
      <c r="D82788" s="14" t="s">
        <v>418</v>
      </c>
      <c r="E82788" s="15">
        <v>45674</v>
      </c>
      <c r="F82788" s="14" t="s">
        <v>15</v>
      </c>
      <c r="G82788" s="16">
        <v>2.4993330644667915</v>
      </c>
    </row>
    <row r="82789" spans="1:7" x14ac:dyDescent="0.3">
      <c r="A82789" s="13" t="s">
        <v>417</v>
      </c>
      <c r="B82789" s="14" t="s">
        <v>1</v>
      </c>
      <c r="C82789" s="14" t="s">
        <v>70</v>
      </c>
      <c r="D82789" s="14" t="s">
        <v>418</v>
      </c>
      <c r="E82789" s="15">
        <v>45675</v>
      </c>
      <c r="F82789" s="14" t="s">
        <v>15</v>
      </c>
      <c r="G82789" s="16">
        <v>2.4993330644667915</v>
      </c>
    </row>
    <row r="82790" spans="1:7" x14ac:dyDescent="0.3">
      <c r="A82790" s="13" t="s">
        <v>417</v>
      </c>
      <c r="B82790" s="14" t="s">
        <v>1</v>
      </c>
      <c r="C82790" s="14" t="s">
        <v>70</v>
      </c>
      <c r="D82790" s="14" t="s">
        <v>418</v>
      </c>
      <c r="E82790" s="15">
        <v>45676</v>
      </c>
      <c r="F82790" s="14" t="s">
        <v>15</v>
      </c>
      <c r="G82790" s="16">
        <v>2.4993330644667915</v>
      </c>
    </row>
    <row r="82791" spans="1:7" x14ac:dyDescent="0.3">
      <c r="A82791" s="13" t="s">
        <v>417</v>
      </c>
      <c r="B82791" s="14" t="s">
        <v>1</v>
      </c>
      <c r="C82791" s="14" t="s">
        <v>70</v>
      </c>
      <c r="D82791" s="14" t="s">
        <v>418</v>
      </c>
      <c r="E82791" s="15">
        <v>45677</v>
      </c>
      <c r="F82791" s="14" t="s">
        <v>15</v>
      </c>
      <c r="G82791" s="16">
        <v>2.5087563795229562</v>
      </c>
    </row>
    <row r="82792" spans="1:7" x14ac:dyDescent="0.3">
      <c r="A82792" s="13" t="s">
        <v>417</v>
      </c>
      <c r="B82792" s="14" t="s">
        <v>1</v>
      </c>
      <c r="C82792" s="14" t="s">
        <v>70</v>
      </c>
      <c r="D82792" s="14" t="s">
        <v>418</v>
      </c>
      <c r="E82792" s="15">
        <v>45678</v>
      </c>
      <c r="F82792" s="14" t="s">
        <v>15</v>
      </c>
      <c r="G82792" s="16">
        <v>2.5398801894926786</v>
      </c>
    </row>
    <row r="82793" spans="1:7" x14ac:dyDescent="0.3">
      <c r="A82793" s="13" t="s">
        <v>417</v>
      </c>
      <c r="B82793" s="14" t="s">
        <v>1</v>
      </c>
      <c r="C82793" s="14" t="s">
        <v>70</v>
      </c>
      <c r="D82793" s="14" t="s">
        <v>418</v>
      </c>
      <c r="E82793" s="15">
        <v>45679</v>
      </c>
      <c r="F82793" s="14" t="s">
        <v>15</v>
      </c>
      <c r="G82793" s="16">
        <v>2.543934256927296</v>
      </c>
    </row>
    <row r="82794" spans="1:7" x14ac:dyDescent="0.3">
      <c r="A82794" s="13" t="s">
        <v>417</v>
      </c>
      <c r="B82794" s="14" t="s">
        <v>1</v>
      </c>
      <c r="C82794" s="14" t="s">
        <v>70</v>
      </c>
      <c r="D82794" s="14" t="s">
        <v>418</v>
      </c>
      <c r="E82794" s="15">
        <v>45680</v>
      </c>
      <c r="F82794" s="14" t="s">
        <v>15</v>
      </c>
      <c r="G82794" s="16">
        <v>2.5479069626478408</v>
      </c>
    </row>
    <row r="82795" spans="1:7" x14ac:dyDescent="0.3">
      <c r="A82795" s="13" t="s">
        <v>417</v>
      </c>
      <c r="B82795" s="14" t="s">
        <v>1</v>
      </c>
      <c r="C82795" s="14" t="s">
        <v>70</v>
      </c>
      <c r="D82795" s="14" t="s">
        <v>418</v>
      </c>
      <c r="E82795" s="15">
        <v>45681</v>
      </c>
      <c r="F82795" s="14" t="s">
        <v>15</v>
      </c>
      <c r="G82795" s="16">
        <v>2.5516384819183981</v>
      </c>
    </row>
    <row r="82796" spans="1:7" x14ac:dyDescent="0.3">
      <c r="A82796" s="13" t="s">
        <v>417</v>
      </c>
      <c r="B82796" s="14" t="s">
        <v>1</v>
      </c>
      <c r="C82796" s="14" t="s">
        <v>70</v>
      </c>
      <c r="D82796" s="14" t="s">
        <v>418</v>
      </c>
      <c r="E82796" s="15">
        <v>45682</v>
      </c>
      <c r="F82796" s="14" t="s">
        <v>15</v>
      </c>
      <c r="G82796" s="16">
        <v>2.5516384819183981</v>
      </c>
    </row>
    <row r="82797" spans="1:7" x14ac:dyDescent="0.3">
      <c r="A82797" s="13" t="s">
        <v>417</v>
      </c>
      <c r="B82797" s="14" t="s">
        <v>1</v>
      </c>
      <c r="C82797" s="14" t="s">
        <v>70</v>
      </c>
      <c r="D82797" s="14" t="s">
        <v>418</v>
      </c>
      <c r="E82797" s="15">
        <v>45683</v>
      </c>
      <c r="F82797" s="14" t="s">
        <v>15</v>
      </c>
      <c r="G82797" s="16">
        <v>2.5516384819183981</v>
      </c>
    </row>
    <row r="82798" spans="1:7" x14ac:dyDescent="0.3">
      <c r="A82798" s="13" t="s">
        <v>417</v>
      </c>
      <c r="B82798" s="14" t="s">
        <v>1</v>
      </c>
      <c r="C82798" s="14" t="s">
        <v>70</v>
      </c>
      <c r="D82798" s="14" t="s">
        <v>418</v>
      </c>
      <c r="E82798" s="15">
        <v>45684</v>
      </c>
      <c r="F82798" s="14" t="s">
        <v>15</v>
      </c>
      <c r="G82798" s="16">
        <v>2.5626349019926566</v>
      </c>
    </row>
    <row r="82799" spans="1:7" x14ac:dyDescent="0.3">
      <c r="A82799" s="13" t="s">
        <v>417</v>
      </c>
      <c r="B82799" s="14" t="s">
        <v>1</v>
      </c>
      <c r="C82799" s="14" t="s">
        <v>70</v>
      </c>
      <c r="D82799" s="14" t="s">
        <v>418</v>
      </c>
      <c r="E82799" s="15">
        <v>45685</v>
      </c>
      <c r="F82799" s="14" t="s">
        <v>15</v>
      </c>
      <c r="G82799" s="16">
        <v>2.5720653264729267</v>
      </c>
    </row>
    <row r="82800" spans="1:7" x14ac:dyDescent="0.3">
      <c r="A82800" s="13" t="s">
        <v>417</v>
      </c>
      <c r="B82800" s="14" t="s">
        <v>1</v>
      </c>
      <c r="C82800" s="14" t="s">
        <v>70</v>
      </c>
      <c r="D82800" s="14" t="s">
        <v>418</v>
      </c>
      <c r="E82800" s="15">
        <v>45686</v>
      </c>
      <c r="F82800" s="14" t="s">
        <v>15</v>
      </c>
      <c r="G82800" s="16">
        <v>2.5762819342603915</v>
      </c>
    </row>
    <row r="82801" spans="1:7" x14ac:dyDescent="0.3">
      <c r="A82801" s="13" t="s">
        <v>417</v>
      </c>
      <c r="B82801" s="14" t="s">
        <v>1</v>
      </c>
      <c r="C82801" s="14" t="s">
        <v>70</v>
      </c>
      <c r="D82801" s="14" t="s">
        <v>418</v>
      </c>
      <c r="E82801" s="15">
        <v>45687</v>
      </c>
      <c r="F82801" s="14" t="s">
        <v>15</v>
      </c>
      <c r="G82801" s="16">
        <v>2.5815199801653539</v>
      </c>
    </row>
    <row r="82802" spans="1:7" x14ac:dyDescent="0.3">
      <c r="A82802" s="13" t="s">
        <v>417</v>
      </c>
      <c r="B82802" s="14" t="s">
        <v>1</v>
      </c>
      <c r="C82802" s="14" t="s">
        <v>70</v>
      </c>
      <c r="D82802" s="14" t="s">
        <v>418</v>
      </c>
      <c r="E82802" s="15">
        <v>45688</v>
      </c>
      <c r="F82802" s="14" t="s">
        <v>15</v>
      </c>
      <c r="G82802" s="16">
        <v>2.5857540411313109</v>
      </c>
    </row>
    <row r="82803" spans="1:7" x14ac:dyDescent="0.3">
      <c r="A82803" s="13" t="s">
        <v>417</v>
      </c>
      <c r="B82803" s="14" t="s">
        <v>1</v>
      </c>
      <c r="C82803" s="14" t="s">
        <v>70</v>
      </c>
      <c r="D82803" s="14" t="s">
        <v>418</v>
      </c>
      <c r="E82803" s="15">
        <v>45689</v>
      </c>
      <c r="F82803" s="14" t="s">
        <v>15</v>
      </c>
      <c r="G82803" s="16">
        <v>2.5857540411313109</v>
      </c>
    </row>
    <row r="82804" spans="1:7" x14ac:dyDescent="0.3">
      <c r="A82804" s="13" t="s">
        <v>417</v>
      </c>
      <c r="B82804" s="14" t="s">
        <v>1</v>
      </c>
      <c r="C82804" s="14" t="s">
        <v>70</v>
      </c>
      <c r="D82804" s="14" t="s">
        <v>418</v>
      </c>
      <c r="E82804" s="15">
        <v>45690</v>
      </c>
      <c r="F82804" s="14" t="s">
        <v>15</v>
      </c>
      <c r="G82804" s="16">
        <v>2.5857540411313109</v>
      </c>
    </row>
    <row r="82805" spans="1:7" x14ac:dyDescent="0.3">
      <c r="A82805" s="13" t="s">
        <v>417</v>
      </c>
      <c r="B82805" s="14" t="s">
        <v>1</v>
      </c>
      <c r="C82805" s="14" t="s">
        <v>70</v>
      </c>
      <c r="D82805" s="14" t="s">
        <v>418</v>
      </c>
      <c r="E82805" s="15">
        <v>45691</v>
      </c>
      <c r="F82805" s="14" t="s">
        <v>15</v>
      </c>
      <c r="G82805" s="16">
        <v>2.5857540411313109</v>
      </c>
    </row>
    <row r="82806" spans="1:7" x14ac:dyDescent="0.3">
      <c r="A82806" s="13" t="s">
        <v>417</v>
      </c>
      <c r="B82806" s="14" t="s">
        <v>1</v>
      </c>
      <c r="C82806" s="14" t="s">
        <v>70</v>
      </c>
      <c r="D82806" s="14" t="s">
        <v>418</v>
      </c>
      <c r="E82806" s="15">
        <v>45692</v>
      </c>
      <c r="F82806" s="14" t="s">
        <v>15</v>
      </c>
      <c r="G82806" s="16">
        <v>2.5919058311092105</v>
      </c>
    </row>
    <row r="82807" spans="1:7" x14ac:dyDescent="0.3">
      <c r="A82807" s="13" t="s">
        <v>417</v>
      </c>
      <c r="B82807" s="14" t="s">
        <v>1</v>
      </c>
      <c r="C82807" s="14" t="s">
        <v>70</v>
      </c>
      <c r="D82807" s="14" t="s">
        <v>418</v>
      </c>
      <c r="E82807" s="15">
        <v>45693</v>
      </c>
      <c r="F82807" s="14" t="s">
        <v>15</v>
      </c>
      <c r="G82807" s="16">
        <v>2.6034862461305903</v>
      </c>
    </row>
    <row r="82808" spans="1:7" x14ac:dyDescent="0.3">
      <c r="A82808" s="13" t="s">
        <v>417</v>
      </c>
      <c r="B82808" s="14" t="s">
        <v>1</v>
      </c>
      <c r="C82808" s="14" t="s">
        <v>70</v>
      </c>
      <c r="D82808" s="14" t="s">
        <v>418</v>
      </c>
      <c r="E82808" s="15">
        <v>45694</v>
      </c>
      <c r="F82808" s="14" t="s">
        <v>15</v>
      </c>
      <c r="G82808" s="16">
        <v>2.6076656896323844</v>
      </c>
    </row>
    <row r="82809" spans="1:7" x14ac:dyDescent="0.3">
      <c r="A82809" s="13" t="s">
        <v>417</v>
      </c>
      <c r="B82809" s="14" t="s">
        <v>1</v>
      </c>
      <c r="C82809" s="14" t="s">
        <v>70</v>
      </c>
      <c r="D82809" s="14" t="s">
        <v>418</v>
      </c>
      <c r="E82809" s="15">
        <v>45695</v>
      </c>
      <c r="F82809" s="14" t="s">
        <v>15</v>
      </c>
      <c r="G82809" s="16">
        <v>2.6141298976078065</v>
      </c>
    </row>
    <row r="82810" spans="1:7" x14ac:dyDescent="0.3">
      <c r="A82810" s="13" t="s">
        <v>417</v>
      </c>
      <c r="B82810" s="14" t="s">
        <v>1</v>
      </c>
      <c r="C82810" s="14" t="s">
        <v>70</v>
      </c>
      <c r="D82810" s="14" t="s">
        <v>418</v>
      </c>
      <c r="E82810" s="15">
        <v>45696</v>
      </c>
      <c r="F82810" s="14" t="s">
        <v>15</v>
      </c>
      <c r="G82810" s="16">
        <v>2.6141298976078065</v>
      </c>
    </row>
    <row r="82811" spans="1:7" x14ac:dyDescent="0.3">
      <c r="A82811" s="13" t="s">
        <v>417</v>
      </c>
      <c r="B82811" s="14" t="s">
        <v>1</v>
      </c>
      <c r="C82811" s="14" t="s">
        <v>70</v>
      </c>
      <c r="D82811" s="14" t="s">
        <v>418</v>
      </c>
      <c r="E82811" s="15">
        <v>45697</v>
      </c>
      <c r="F82811" s="14" t="s">
        <v>15</v>
      </c>
      <c r="G82811" s="16">
        <v>2.6141298976078065</v>
      </c>
    </row>
    <row r="82812" spans="1:7" x14ac:dyDescent="0.3">
      <c r="A82812" s="13" t="s">
        <v>417</v>
      </c>
      <c r="B82812" s="14" t="s">
        <v>1</v>
      </c>
      <c r="C82812" s="14" t="s">
        <v>70</v>
      </c>
      <c r="D82812" s="14" t="s">
        <v>418</v>
      </c>
      <c r="E82812" s="15">
        <v>45698</v>
      </c>
      <c r="F82812" s="14" t="s">
        <v>15</v>
      </c>
      <c r="G82812" s="16">
        <v>2.6182918269060087</v>
      </c>
    </row>
    <row r="82813" spans="1:7" x14ac:dyDescent="0.3">
      <c r="A82813" s="13" t="s">
        <v>417</v>
      </c>
      <c r="B82813" s="14" t="s">
        <v>1</v>
      </c>
      <c r="C82813" s="14" t="s">
        <v>70</v>
      </c>
      <c r="D82813" s="14" t="s">
        <v>418</v>
      </c>
      <c r="E82813" s="15">
        <v>45699</v>
      </c>
      <c r="F82813" s="14" t="s">
        <v>15</v>
      </c>
      <c r="G82813" s="16">
        <v>2.6314465216786509</v>
      </c>
    </row>
    <row r="82814" spans="1:7" x14ac:dyDescent="0.3">
      <c r="A82814" s="13" t="s">
        <v>417</v>
      </c>
      <c r="B82814" s="14" t="s">
        <v>1</v>
      </c>
      <c r="C82814" s="14" t="s">
        <v>70</v>
      </c>
      <c r="D82814" s="14" t="s">
        <v>418</v>
      </c>
      <c r="E82814" s="15">
        <v>45700</v>
      </c>
      <c r="F82814" s="14" t="s">
        <v>15</v>
      </c>
      <c r="G82814" s="16">
        <v>2.6355848190070237</v>
      </c>
    </row>
    <row r="82815" spans="1:7" x14ac:dyDescent="0.3">
      <c r="A82815" s="13" t="s">
        <v>417</v>
      </c>
      <c r="B82815" s="14" t="s">
        <v>1</v>
      </c>
      <c r="C82815" s="14" t="s">
        <v>70</v>
      </c>
      <c r="D82815" s="14" t="s">
        <v>418</v>
      </c>
      <c r="E82815" s="15">
        <v>45701</v>
      </c>
      <c r="F82815" s="14" t="s">
        <v>15</v>
      </c>
      <c r="G82815" s="16">
        <v>2.6469191808267221</v>
      </c>
    </row>
    <row r="82816" spans="1:7" x14ac:dyDescent="0.3">
      <c r="A82816" s="13" t="s">
        <v>417</v>
      </c>
      <c r="B82816" s="14" t="s">
        <v>1</v>
      </c>
      <c r="C82816" s="14" t="s">
        <v>70</v>
      </c>
      <c r="D82816" s="14" t="s">
        <v>418</v>
      </c>
      <c r="E82816" s="15">
        <v>45702</v>
      </c>
      <c r="F82816" s="14" t="s">
        <v>15</v>
      </c>
      <c r="G82816" s="16">
        <v>2.6617393421057378</v>
      </c>
    </row>
    <row r="82817" spans="1:7" x14ac:dyDescent="0.3">
      <c r="A82817" s="13" t="s">
        <v>417</v>
      </c>
      <c r="B82817" s="14" t="s">
        <v>1</v>
      </c>
      <c r="C82817" s="14" t="s">
        <v>70</v>
      </c>
      <c r="D82817" s="14" t="s">
        <v>418</v>
      </c>
      <c r="E82817" s="15">
        <v>45703</v>
      </c>
      <c r="F82817" s="14" t="s">
        <v>15</v>
      </c>
      <c r="G82817" s="16">
        <v>2.6617393421057378</v>
      </c>
    </row>
    <row r="82818" spans="1:7" x14ac:dyDescent="0.3">
      <c r="A82818" s="13" t="s">
        <v>417</v>
      </c>
      <c r="B82818" s="14" t="s">
        <v>1</v>
      </c>
      <c r="C82818" s="14" t="s">
        <v>70</v>
      </c>
      <c r="D82818" s="14" t="s">
        <v>418</v>
      </c>
      <c r="E82818" s="15">
        <v>45704</v>
      </c>
      <c r="F82818" s="14" t="s">
        <v>15</v>
      </c>
      <c r="G82818" s="16">
        <v>2.6617393421057378</v>
      </c>
    </row>
    <row r="82819" spans="1:7" x14ac:dyDescent="0.3">
      <c r="A82819" s="13" t="s">
        <v>417</v>
      </c>
      <c r="B82819" s="14" t="s">
        <v>1</v>
      </c>
      <c r="C82819" s="14" t="s">
        <v>70</v>
      </c>
      <c r="D82819" s="14" t="s">
        <v>418</v>
      </c>
      <c r="E82819" s="15">
        <v>45705</v>
      </c>
      <c r="F82819" s="14" t="s">
        <v>15</v>
      </c>
      <c r="G82819" s="16">
        <v>2.7106368715261047</v>
      </c>
    </row>
    <row r="82820" spans="1:7" x14ac:dyDescent="0.3">
      <c r="A82820" s="13" t="s">
        <v>417</v>
      </c>
      <c r="B82820" s="14" t="s">
        <v>1</v>
      </c>
      <c r="C82820" s="14" t="s">
        <v>70</v>
      </c>
      <c r="D82820" s="14" t="s">
        <v>418</v>
      </c>
      <c r="E82820" s="15">
        <v>45706</v>
      </c>
      <c r="F82820" s="14" t="s">
        <v>15</v>
      </c>
      <c r="G82820" s="16">
        <v>2.7229206213930688</v>
      </c>
    </row>
    <row r="82821" spans="1:7" x14ac:dyDescent="0.3">
      <c r="A82821" s="13" t="s">
        <v>417</v>
      </c>
      <c r="B82821" s="14" t="s">
        <v>1</v>
      </c>
      <c r="C82821" s="14" t="s">
        <v>70</v>
      </c>
      <c r="D82821" s="14" t="s">
        <v>418</v>
      </c>
      <c r="E82821" s="15">
        <v>45707</v>
      </c>
      <c r="F82821" s="14" t="s">
        <v>15</v>
      </c>
      <c r="G82821" s="16">
        <v>2.7403494075400938</v>
      </c>
    </row>
    <row r="82822" spans="1:7" x14ac:dyDescent="0.3">
      <c r="A82822" s="13" t="s">
        <v>417</v>
      </c>
      <c r="B82822" s="14" t="s">
        <v>1</v>
      </c>
      <c r="C82822" s="14" t="s">
        <v>70</v>
      </c>
      <c r="D82822" s="14" t="s">
        <v>418</v>
      </c>
      <c r="E82822" s="15">
        <v>45708</v>
      </c>
      <c r="F82822" s="14" t="s">
        <v>15</v>
      </c>
      <c r="G82822" s="16">
        <v>2.744113564036851</v>
      </c>
    </row>
    <row r="82823" spans="1:7" x14ac:dyDescent="0.3">
      <c r="A82823" s="13" t="s">
        <v>417</v>
      </c>
      <c r="B82823" s="14" t="s">
        <v>1</v>
      </c>
      <c r="C82823" s="14" t="s">
        <v>70</v>
      </c>
      <c r="D82823" s="14" t="s">
        <v>418</v>
      </c>
      <c r="E82823" s="15">
        <v>45709</v>
      </c>
      <c r="F82823" s="14" t="s">
        <v>15</v>
      </c>
      <c r="G82823" s="16">
        <v>2.7486926441340445</v>
      </c>
    </row>
    <row r="82824" spans="1:7" x14ac:dyDescent="0.3">
      <c r="A82824" s="13" t="s">
        <v>417</v>
      </c>
      <c r="B82824" s="14" t="s">
        <v>1</v>
      </c>
      <c r="C82824" s="14" t="s">
        <v>70</v>
      </c>
      <c r="D82824" s="14" t="s">
        <v>418</v>
      </c>
      <c r="E82824" s="15">
        <v>45710</v>
      </c>
      <c r="F82824" s="14" t="s">
        <v>15</v>
      </c>
      <c r="G82824" s="16">
        <v>2.7486926441340445</v>
      </c>
    </row>
    <row r="82825" spans="1:7" x14ac:dyDescent="0.3">
      <c r="A82825" s="13" t="s">
        <v>417</v>
      </c>
      <c r="B82825" s="14" t="s">
        <v>1</v>
      </c>
      <c r="C82825" s="14" t="s">
        <v>70</v>
      </c>
      <c r="D82825" s="14" t="s">
        <v>418</v>
      </c>
      <c r="E82825" s="15">
        <v>45711</v>
      </c>
      <c r="F82825" s="14" t="s">
        <v>15</v>
      </c>
      <c r="G82825" s="16">
        <v>2.7486926441340445</v>
      </c>
    </row>
    <row r="82826" spans="1:7" x14ac:dyDescent="0.3">
      <c r="A82826" s="13" t="s">
        <v>417</v>
      </c>
      <c r="B82826" s="14" t="s">
        <v>1</v>
      </c>
      <c r="C82826" s="14" t="s">
        <v>70</v>
      </c>
      <c r="D82826" s="14" t="s">
        <v>418</v>
      </c>
      <c r="E82826" s="15">
        <v>45712</v>
      </c>
      <c r="F82826" s="14" t="s">
        <v>15</v>
      </c>
      <c r="G82826" s="16">
        <v>2.752715347031415</v>
      </c>
    </row>
    <row r="82827" spans="1:7" x14ac:dyDescent="0.3">
      <c r="A82827" s="13" t="s">
        <v>417</v>
      </c>
      <c r="B82827" s="14" t="s">
        <v>1</v>
      </c>
      <c r="C82827" s="14" t="s">
        <v>70</v>
      </c>
      <c r="D82827" s="14" t="s">
        <v>418</v>
      </c>
      <c r="E82827" s="15">
        <v>45713</v>
      </c>
      <c r="F82827" s="14" t="s">
        <v>15</v>
      </c>
      <c r="G82827" s="16">
        <v>2.7647898780626141</v>
      </c>
    </row>
    <row r="82828" spans="1:7" x14ac:dyDescent="0.3">
      <c r="A82828" s="13" t="s">
        <v>417</v>
      </c>
      <c r="B82828" s="14" t="s">
        <v>1</v>
      </c>
      <c r="C82828" s="14" t="s">
        <v>70</v>
      </c>
      <c r="D82828" s="14" t="s">
        <v>418</v>
      </c>
      <c r="E82828" s="15">
        <v>45714</v>
      </c>
      <c r="F82828" s="14" t="s">
        <v>15</v>
      </c>
      <c r="G82828" s="16">
        <v>2.7687269051315937</v>
      </c>
    </row>
    <row r="82829" spans="1:7" x14ac:dyDescent="0.3">
      <c r="A82829" s="13" t="s">
        <v>417</v>
      </c>
      <c r="B82829" s="14" t="s">
        <v>1</v>
      </c>
      <c r="C82829" s="14" t="s">
        <v>70</v>
      </c>
      <c r="D82829" s="14" t="s">
        <v>418</v>
      </c>
      <c r="E82829" s="15">
        <v>45715</v>
      </c>
      <c r="F82829" s="14" t="s">
        <v>15</v>
      </c>
      <c r="G82829" s="16">
        <v>2.774393297648178</v>
      </c>
    </row>
    <row r="82830" spans="1:7" x14ac:dyDescent="0.3">
      <c r="A82830" s="13" t="s">
        <v>417</v>
      </c>
      <c r="B82830" s="14" t="s">
        <v>1</v>
      </c>
      <c r="C82830" s="14" t="s">
        <v>70</v>
      </c>
      <c r="D82830" s="14" t="s">
        <v>418</v>
      </c>
      <c r="E82830" s="15">
        <v>45716</v>
      </c>
      <c r="F82830" s="14" t="s">
        <v>15</v>
      </c>
      <c r="G82830" s="16">
        <v>2.7830161264178113</v>
      </c>
    </row>
    <row r="82831" spans="1:7" x14ac:dyDescent="0.3">
      <c r="A82831" s="13" t="s">
        <v>417</v>
      </c>
      <c r="B82831" s="14" t="s">
        <v>1</v>
      </c>
      <c r="C82831" s="14" t="s">
        <v>70</v>
      </c>
      <c r="D82831" s="14" t="s">
        <v>418</v>
      </c>
      <c r="E82831" s="15">
        <v>45717</v>
      </c>
      <c r="F82831" s="14" t="s">
        <v>15</v>
      </c>
      <c r="G82831" s="16">
        <v>2.7830161264178113</v>
      </c>
    </row>
    <row r="82832" spans="1:7" x14ac:dyDescent="0.3">
      <c r="A82832" s="13" t="s">
        <v>417</v>
      </c>
      <c r="B82832" s="14" t="s">
        <v>1</v>
      </c>
      <c r="C82832" s="14" t="s">
        <v>70</v>
      </c>
      <c r="D82832" s="14" t="s">
        <v>418</v>
      </c>
      <c r="E82832" s="15">
        <v>45718</v>
      </c>
      <c r="F82832" s="14" t="s">
        <v>15</v>
      </c>
      <c r="G82832" s="16">
        <v>2.7830161264178113</v>
      </c>
    </row>
    <row r="82833" spans="1:7" x14ac:dyDescent="0.3">
      <c r="A82833" s="13" t="s">
        <v>417</v>
      </c>
      <c r="B82833" s="14" t="s">
        <v>1</v>
      </c>
      <c r="C82833" s="14" t="s">
        <v>70</v>
      </c>
      <c r="D82833" s="14" t="s">
        <v>418</v>
      </c>
      <c r="E82833" s="15">
        <v>45719</v>
      </c>
      <c r="F82833" s="14" t="s">
        <v>15</v>
      </c>
      <c r="G82833" s="16">
        <v>2.8115435250243466</v>
      </c>
    </row>
    <row r="82834" spans="1:7" x14ac:dyDescent="0.3">
      <c r="A82834" s="13" t="s">
        <v>417</v>
      </c>
      <c r="B82834" s="14" t="s">
        <v>1</v>
      </c>
      <c r="C82834" s="14" t="s">
        <v>70</v>
      </c>
      <c r="D82834" s="14" t="s">
        <v>418</v>
      </c>
      <c r="E82834" s="15">
        <v>45720</v>
      </c>
      <c r="F82834" s="14" t="s">
        <v>15</v>
      </c>
      <c r="G82834" s="16">
        <v>2.8249621482516192</v>
      </c>
    </row>
    <row r="82835" spans="1:7" x14ac:dyDescent="0.3">
      <c r="A82835" s="13" t="s">
        <v>417</v>
      </c>
      <c r="B82835" s="14" t="s">
        <v>1</v>
      </c>
      <c r="C82835" s="14" t="s">
        <v>70</v>
      </c>
      <c r="D82835" s="14" t="s">
        <v>418</v>
      </c>
      <c r="E82835" s="15">
        <v>45721</v>
      </c>
      <c r="F82835" s="14" t="s">
        <v>15</v>
      </c>
      <c r="G82835" s="16">
        <v>2.8289405661631619</v>
      </c>
    </row>
    <row r="82836" spans="1:7" x14ac:dyDescent="0.3">
      <c r="A82836" s="13" t="s">
        <v>417</v>
      </c>
      <c r="B82836" s="14" t="s">
        <v>1</v>
      </c>
      <c r="C82836" s="14" t="s">
        <v>70</v>
      </c>
      <c r="D82836" s="14" t="s">
        <v>418</v>
      </c>
      <c r="E82836" s="15">
        <v>45722</v>
      </c>
      <c r="F82836" s="14" t="s">
        <v>15</v>
      </c>
      <c r="G82836" s="16">
        <v>2.8359159383334593</v>
      </c>
    </row>
    <row r="82837" spans="1:7" x14ac:dyDescent="0.3">
      <c r="A82837" s="13" t="s">
        <v>417</v>
      </c>
      <c r="B82837" s="14" t="s">
        <v>1</v>
      </c>
      <c r="C82837" s="14" t="s">
        <v>70</v>
      </c>
      <c r="D82837" s="14" t="s">
        <v>418</v>
      </c>
      <c r="E82837" s="15">
        <v>45723</v>
      </c>
      <c r="F82837" s="14" t="s">
        <v>15</v>
      </c>
      <c r="G82837" s="16">
        <v>2.8828103357440553</v>
      </c>
    </row>
    <row r="82838" spans="1:7" x14ac:dyDescent="0.3">
      <c r="A82838" s="13" t="s">
        <v>417</v>
      </c>
      <c r="B82838" s="14" t="s">
        <v>1</v>
      </c>
      <c r="C82838" s="14" t="s">
        <v>70</v>
      </c>
      <c r="D82838" s="14" t="s">
        <v>418</v>
      </c>
      <c r="E82838" s="15">
        <v>45724</v>
      </c>
      <c r="F82838" s="14" t="s">
        <v>15</v>
      </c>
      <c r="G82838" s="16">
        <v>2.8828103357440553</v>
      </c>
    </row>
    <row r="82839" spans="1:7" x14ac:dyDescent="0.3">
      <c r="A82839" s="13" t="s">
        <v>417</v>
      </c>
      <c r="B82839" s="14" t="s">
        <v>1</v>
      </c>
      <c r="C82839" s="14" t="s">
        <v>70</v>
      </c>
      <c r="D82839" s="14" t="s">
        <v>418</v>
      </c>
      <c r="E82839" s="15">
        <v>45725</v>
      </c>
      <c r="F82839" s="14" t="s">
        <v>15</v>
      </c>
      <c r="G82839" s="16">
        <v>2.8828103357440553</v>
      </c>
    </row>
    <row r="82840" spans="1:7" x14ac:dyDescent="0.3">
      <c r="A82840" s="13" t="s">
        <v>417</v>
      </c>
      <c r="B82840" s="14" t="s">
        <v>1</v>
      </c>
      <c r="C82840" s="14" t="s">
        <v>70</v>
      </c>
      <c r="D82840" s="14" t="s">
        <v>418</v>
      </c>
      <c r="E82840" s="15">
        <v>45726</v>
      </c>
      <c r="F82840" s="14" t="s">
        <v>15</v>
      </c>
      <c r="G82840" s="16">
        <v>2.8912686730483488</v>
      </c>
    </row>
    <row r="82841" spans="1:7" x14ac:dyDescent="0.3">
      <c r="A82841" s="13" t="s">
        <v>417</v>
      </c>
      <c r="B82841" s="14" t="s">
        <v>1</v>
      </c>
      <c r="C82841" s="14" t="s">
        <v>70</v>
      </c>
      <c r="D82841" s="14" t="s">
        <v>418</v>
      </c>
      <c r="E82841" s="15">
        <v>45727</v>
      </c>
      <c r="F82841" s="14" t="s">
        <v>15</v>
      </c>
      <c r="G82841" s="16">
        <v>2.9065429014961039</v>
      </c>
    </row>
    <row r="82842" spans="1:7" x14ac:dyDescent="0.3">
      <c r="A82842" s="13" t="s">
        <v>417</v>
      </c>
      <c r="B82842" s="14" t="s">
        <v>1</v>
      </c>
      <c r="C82842" s="14" t="s">
        <v>70</v>
      </c>
      <c r="D82842" s="14" t="s">
        <v>418</v>
      </c>
      <c r="E82842" s="15">
        <v>45728</v>
      </c>
      <c r="F82842" s="14" t="s">
        <v>15</v>
      </c>
      <c r="G82842" s="16">
        <v>2.9218919489067763</v>
      </c>
    </row>
    <row r="82843" spans="1:7" x14ac:dyDescent="0.3">
      <c r="A82843" s="13" t="s">
        <v>417</v>
      </c>
      <c r="B82843" s="14" t="s">
        <v>1</v>
      </c>
      <c r="C82843" s="14" t="s">
        <v>70</v>
      </c>
      <c r="D82843" s="14" t="s">
        <v>418</v>
      </c>
      <c r="E82843" s="15">
        <v>45729</v>
      </c>
      <c r="F82843" s="14" t="s">
        <v>15</v>
      </c>
      <c r="G82843" s="16">
        <v>2.9261108716549074</v>
      </c>
    </row>
    <row r="82844" spans="1:7" x14ac:dyDescent="0.3">
      <c r="A82844" s="13" t="s">
        <v>417</v>
      </c>
      <c r="B82844" s="14" t="s">
        <v>1</v>
      </c>
      <c r="C82844" s="14" t="s">
        <v>70</v>
      </c>
      <c r="D82844" s="14" t="s">
        <v>418</v>
      </c>
      <c r="E82844" s="15">
        <v>45730</v>
      </c>
      <c r="F82844" s="14" t="s">
        <v>15</v>
      </c>
      <c r="G82844" s="16">
        <v>2.9397515476413396</v>
      </c>
    </row>
    <row r="82845" spans="1:7" x14ac:dyDescent="0.3">
      <c r="A82845" s="13" t="s">
        <v>417</v>
      </c>
      <c r="B82845" s="14" t="s">
        <v>1</v>
      </c>
      <c r="C82845" s="14" t="s">
        <v>70</v>
      </c>
      <c r="D82845" s="14" t="s">
        <v>418</v>
      </c>
      <c r="E82845" s="15">
        <v>45731</v>
      </c>
      <c r="F82845" s="14" t="s">
        <v>15</v>
      </c>
      <c r="G82845" s="16">
        <v>2.9397515476413396</v>
      </c>
    </row>
    <row r="82846" spans="1:7" x14ac:dyDescent="0.3">
      <c r="A82846" s="13" t="s">
        <v>417</v>
      </c>
      <c r="B82846" s="14" t="s">
        <v>1</v>
      </c>
      <c r="C82846" s="14" t="s">
        <v>70</v>
      </c>
      <c r="D82846" s="14" t="s">
        <v>418</v>
      </c>
      <c r="E82846" s="15">
        <v>45732</v>
      </c>
      <c r="F82846" s="14" t="s">
        <v>15</v>
      </c>
      <c r="G82846" s="16">
        <v>2.9397515476413396</v>
      </c>
    </row>
    <row r="82847" spans="1:7" x14ac:dyDescent="0.3">
      <c r="A82847" s="13" t="s">
        <v>417</v>
      </c>
      <c r="B82847" s="14" t="s">
        <v>1</v>
      </c>
      <c r="C82847" s="14" t="s">
        <v>70</v>
      </c>
      <c r="D82847" s="14" t="s">
        <v>418</v>
      </c>
      <c r="E82847" s="15">
        <v>45733</v>
      </c>
      <c r="F82847" s="14" t="s">
        <v>15</v>
      </c>
      <c r="G82847" s="16">
        <v>2.9397515476413396</v>
      </c>
    </row>
    <row r="82848" spans="1:7" x14ac:dyDescent="0.3">
      <c r="A82848" s="13" t="s">
        <v>417</v>
      </c>
      <c r="B82848" s="14" t="s">
        <v>1</v>
      </c>
      <c r="C82848" s="14" t="s">
        <v>70</v>
      </c>
      <c r="D82848" s="14" t="s">
        <v>418</v>
      </c>
      <c r="E82848" s="15">
        <v>45734</v>
      </c>
      <c r="F82848" s="14" t="s">
        <v>15</v>
      </c>
      <c r="G82848" s="16">
        <v>2.9498815053442895</v>
      </c>
    </row>
    <row r="82849" spans="1:7" x14ac:dyDescent="0.3">
      <c r="A82849" s="13" t="s">
        <v>417</v>
      </c>
      <c r="B82849" s="14" t="s">
        <v>1</v>
      </c>
      <c r="C82849" s="14" t="s">
        <v>70</v>
      </c>
      <c r="D82849" s="14" t="s">
        <v>418</v>
      </c>
      <c r="E82849" s="15">
        <v>45735</v>
      </c>
      <c r="F82849" s="14" t="s">
        <v>15</v>
      </c>
      <c r="G82849" s="16">
        <v>2.974573995682916</v>
      </c>
    </row>
    <row r="82850" spans="1:7" x14ac:dyDescent="0.3">
      <c r="A82850" s="13" t="s">
        <v>417</v>
      </c>
      <c r="B82850" s="14" t="s">
        <v>1</v>
      </c>
      <c r="C82850" s="14" t="s">
        <v>70</v>
      </c>
      <c r="D82850" s="14" t="s">
        <v>418</v>
      </c>
      <c r="E82850" s="15">
        <v>45736</v>
      </c>
      <c r="F82850" s="14" t="s">
        <v>15</v>
      </c>
      <c r="G82850" s="16">
        <v>2.9786626666712088</v>
      </c>
    </row>
    <row r="82851" spans="1:7" x14ac:dyDescent="0.3">
      <c r="A82851" s="13" t="s">
        <v>417</v>
      </c>
      <c r="B82851" s="14" t="s">
        <v>1</v>
      </c>
      <c r="C82851" s="14" t="s">
        <v>70</v>
      </c>
      <c r="D82851" s="14" t="s">
        <v>418</v>
      </c>
      <c r="E82851" s="15">
        <v>45737</v>
      </c>
      <c r="F82851" s="14" t="s">
        <v>15</v>
      </c>
      <c r="G82851" s="16">
        <v>2.9824174699050041</v>
      </c>
    </row>
    <row r="82852" spans="1:7" x14ac:dyDescent="0.3">
      <c r="A82852" s="13" t="s">
        <v>417</v>
      </c>
      <c r="B82852" s="14" t="s">
        <v>1</v>
      </c>
      <c r="C82852" s="14" t="s">
        <v>70</v>
      </c>
      <c r="D82852" s="14" t="s">
        <v>418</v>
      </c>
      <c r="E82852" s="15">
        <v>45738</v>
      </c>
      <c r="F82852" s="14" t="s">
        <v>15</v>
      </c>
      <c r="G82852" s="16">
        <v>2.9824174699050041</v>
      </c>
    </row>
    <row r="82853" spans="1:7" x14ac:dyDescent="0.3">
      <c r="A82853" s="13" t="s">
        <v>417</v>
      </c>
      <c r="B82853" s="14" t="s">
        <v>1</v>
      </c>
      <c r="C82853" s="14" t="s">
        <v>70</v>
      </c>
      <c r="D82853" s="14" t="s">
        <v>418</v>
      </c>
      <c r="E82853" s="15">
        <v>45739</v>
      </c>
      <c r="F82853" s="14" t="s">
        <v>15</v>
      </c>
      <c r="G82853" s="16">
        <v>2.9824174699050041</v>
      </c>
    </row>
    <row r="82854" spans="1:7" x14ac:dyDescent="0.3">
      <c r="A82854" s="13" t="s">
        <v>417</v>
      </c>
      <c r="B82854" s="14" t="s">
        <v>1</v>
      </c>
      <c r="C82854" s="14" t="s">
        <v>70</v>
      </c>
      <c r="D82854" s="14" t="s">
        <v>418</v>
      </c>
      <c r="E82854" s="15">
        <v>45740</v>
      </c>
      <c r="F82854" s="14" t="s">
        <v>15</v>
      </c>
      <c r="G82854" s="16">
        <v>2.9865609764860528</v>
      </c>
    </row>
    <row r="82855" spans="1:7" x14ac:dyDescent="0.3">
      <c r="A82855" s="13" t="s">
        <v>417</v>
      </c>
      <c r="B82855" s="14" t="s">
        <v>1</v>
      </c>
      <c r="C82855" s="14" t="s">
        <v>70</v>
      </c>
      <c r="D82855" s="14" t="s">
        <v>418</v>
      </c>
      <c r="E82855" s="15">
        <v>45741</v>
      </c>
      <c r="F82855" s="14" t="s">
        <v>15</v>
      </c>
      <c r="G82855" s="16">
        <v>2.9990566283316551</v>
      </c>
    </row>
    <row r="82856" spans="1:7" x14ac:dyDescent="0.3">
      <c r="A82856" s="13" t="s">
        <v>417</v>
      </c>
      <c r="B82856" s="14" t="s">
        <v>1</v>
      </c>
      <c r="C82856" s="14" t="s">
        <v>70</v>
      </c>
      <c r="D82856" s="14" t="s">
        <v>418</v>
      </c>
      <c r="E82856" s="15">
        <v>45742</v>
      </c>
      <c r="F82856" s="14" t="s">
        <v>15</v>
      </c>
      <c r="G82856" s="16">
        <v>3.0031347793388745</v>
      </c>
    </row>
    <row r="82857" spans="1:7" x14ac:dyDescent="0.3">
      <c r="A82857" s="13" t="s">
        <v>417</v>
      </c>
      <c r="B82857" s="14" t="s">
        <v>1</v>
      </c>
      <c r="C82857" s="14" t="s">
        <v>70</v>
      </c>
      <c r="D82857" s="14" t="s">
        <v>418</v>
      </c>
      <c r="E82857" s="15">
        <v>45743</v>
      </c>
      <c r="F82857" s="14" t="s">
        <v>15</v>
      </c>
      <c r="G82857" s="16">
        <v>3.0148905717877752</v>
      </c>
    </row>
    <row r="82858" spans="1:7" x14ac:dyDescent="0.3">
      <c r="A82858" s="13" t="s">
        <v>417</v>
      </c>
      <c r="B82858" s="14" t="s">
        <v>1</v>
      </c>
      <c r="C82858" s="14" t="s">
        <v>70</v>
      </c>
      <c r="D82858" s="14" t="s">
        <v>418</v>
      </c>
      <c r="E82858" s="15">
        <v>45744</v>
      </c>
      <c r="F82858" s="14" t="s">
        <v>15</v>
      </c>
      <c r="G82858" s="16">
        <v>3.1140531812456631</v>
      </c>
    </row>
    <row r="82859" spans="1:7" x14ac:dyDescent="0.3">
      <c r="A82859" s="13" t="s">
        <v>417</v>
      </c>
      <c r="B82859" s="14" t="s">
        <v>1</v>
      </c>
      <c r="C82859" s="14" t="s">
        <v>70</v>
      </c>
      <c r="D82859" s="14" t="s">
        <v>418</v>
      </c>
      <c r="E82859" s="15">
        <v>45745</v>
      </c>
      <c r="F82859" s="14" t="s">
        <v>15</v>
      </c>
      <c r="G82859" s="16">
        <v>3.1140531812456631</v>
      </c>
    </row>
    <row r="82860" spans="1:7" x14ac:dyDescent="0.3">
      <c r="A82860" s="13" t="s">
        <v>417</v>
      </c>
      <c r="B82860" s="14" t="s">
        <v>1</v>
      </c>
      <c r="C82860" s="14" t="s">
        <v>70</v>
      </c>
      <c r="D82860" s="14" t="s">
        <v>418</v>
      </c>
      <c r="E82860" s="15">
        <v>45746</v>
      </c>
      <c r="F82860" s="14" t="s">
        <v>15</v>
      </c>
      <c r="G82860" s="16">
        <v>3.1140531812456631</v>
      </c>
    </row>
    <row r="82861" spans="1:7" x14ac:dyDescent="0.3">
      <c r="A82861" s="13" t="s">
        <v>417</v>
      </c>
      <c r="B82861" s="14" t="s">
        <v>1</v>
      </c>
      <c r="C82861" s="14" t="s">
        <v>70</v>
      </c>
      <c r="D82861" s="14" t="s">
        <v>418</v>
      </c>
      <c r="E82861" s="15">
        <v>45747</v>
      </c>
      <c r="F82861" s="14" t="s">
        <v>15</v>
      </c>
      <c r="G82861" s="16">
        <v>3.1640892094523934</v>
      </c>
    </row>
    <row r="82862" spans="1:7" x14ac:dyDescent="0.3">
      <c r="A82862" s="13" t="s">
        <v>419</v>
      </c>
      <c r="B82862" s="14" t="s">
        <v>1</v>
      </c>
      <c r="C82862" s="14" t="s">
        <v>23</v>
      </c>
      <c r="D82862" s="14" t="s">
        <v>420</v>
      </c>
      <c r="E82862" s="15">
        <v>45383</v>
      </c>
      <c r="F82862" s="14" t="s">
        <v>61</v>
      </c>
      <c r="G82862" s="16">
        <v>0</v>
      </c>
    </row>
    <row r="82863" spans="1:7" x14ac:dyDescent="0.3">
      <c r="A82863" s="13" t="s">
        <v>419</v>
      </c>
      <c r="B82863" s="14" t="s">
        <v>1</v>
      </c>
      <c r="C82863" s="14" t="s">
        <v>23</v>
      </c>
      <c r="D82863" s="14" t="s">
        <v>420</v>
      </c>
      <c r="E82863" s="15">
        <v>45384</v>
      </c>
      <c r="F82863" s="14" t="s">
        <v>61</v>
      </c>
      <c r="G82863" s="16">
        <v>0</v>
      </c>
    </row>
    <row r="82864" spans="1:7" x14ac:dyDescent="0.3">
      <c r="A82864" s="13" t="s">
        <v>419</v>
      </c>
      <c r="B82864" s="14" t="s">
        <v>1</v>
      </c>
      <c r="C82864" s="14" t="s">
        <v>23</v>
      </c>
      <c r="D82864" s="14" t="s">
        <v>420</v>
      </c>
      <c r="E82864" s="15">
        <v>45385</v>
      </c>
      <c r="F82864" s="14" t="s">
        <v>61</v>
      </c>
      <c r="G82864" s="16">
        <v>7.2383704773131469E-2</v>
      </c>
    </row>
    <row r="82865" spans="1:7" x14ac:dyDescent="0.3">
      <c r="A82865" s="13" t="s">
        <v>419</v>
      </c>
      <c r="B82865" s="14" t="s">
        <v>1</v>
      </c>
      <c r="C82865" s="14" t="s">
        <v>23</v>
      </c>
      <c r="D82865" s="14" t="s">
        <v>420</v>
      </c>
      <c r="E82865" s="15">
        <v>45386</v>
      </c>
      <c r="F82865" s="14" t="s">
        <v>61</v>
      </c>
      <c r="G82865" s="16">
        <v>9.0857942866228475E-2</v>
      </c>
    </row>
    <row r="82866" spans="1:7" x14ac:dyDescent="0.3">
      <c r="A82866" s="13" t="s">
        <v>419</v>
      </c>
      <c r="B82866" s="14" t="s">
        <v>1</v>
      </c>
      <c r="C82866" s="14" t="s">
        <v>23</v>
      </c>
      <c r="D82866" s="14" t="s">
        <v>420</v>
      </c>
      <c r="E82866" s="15">
        <v>45387</v>
      </c>
      <c r="F82866" s="14" t="s">
        <v>61</v>
      </c>
      <c r="G82866" s="16">
        <v>0.12032112453630954</v>
      </c>
    </row>
    <row r="82867" spans="1:7" x14ac:dyDescent="0.3">
      <c r="A82867" s="13" t="s">
        <v>419</v>
      </c>
      <c r="B82867" s="14" t="s">
        <v>1</v>
      </c>
      <c r="C82867" s="14" t="s">
        <v>23</v>
      </c>
      <c r="D82867" s="14" t="s">
        <v>420</v>
      </c>
      <c r="E82867" s="15">
        <v>45388</v>
      </c>
      <c r="F82867" s="14" t="s">
        <v>61</v>
      </c>
      <c r="G82867" s="16">
        <v>0.12032112453630954</v>
      </c>
    </row>
    <row r="82868" spans="1:7" x14ac:dyDescent="0.3">
      <c r="A82868" s="13" t="s">
        <v>419</v>
      </c>
      <c r="B82868" s="14" t="s">
        <v>1</v>
      </c>
      <c r="C82868" s="14" t="s">
        <v>23</v>
      </c>
      <c r="D82868" s="14" t="s">
        <v>420</v>
      </c>
      <c r="E82868" s="15">
        <v>45389</v>
      </c>
      <c r="F82868" s="14" t="s">
        <v>61</v>
      </c>
      <c r="G82868" s="16">
        <v>0.12032112453630954</v>
      </c>
    </row>
    <row r="82869" spans="1:7" x14ac:dyDescent="0.3">
      <c r="A82869" s="13" t="s">
        <v>419</v>
      </c>
      <c r="B82869" s="14" t="s">
        <v>1</v>
      </c>
      <c r="C82869" s="14" t="s">
        <v>23</v>
      </c>
      <c r="D82869" s="14" t="s">
        <v>420</v>
      </c>
      <c r="E82869" s="15">
        <v>45390</v>
      </c>
      <c r="F82869" s="14" t="s">
        <v>61</v>
      </c>
      <c r="G82869" s="16">
        <v>0.13660174942791614</v>
      </c>
    </row>
    <row r="82870" spans="1:7" x14ac:dyDescent="0.3">
      <c r="A82870" s="13" t="s">
        <v>419</v>
      </c>
      <c r="B82870" s="14" t="s">
        <v>1</v>
      </c>
      <c r="C82870" s="14" t="s">
        <v>23</v>
      </c>
      <c r="D82870" s="14" t="s">
        <v>420</v>
      </c>
      <c r="E82870" s="15">
        <v>45391</v>
      </c>
      <c r="F82870" s="14" t="s">
        <v>61</v>
      </c>
      <c r="G82870" s="16">
        <v>0.1859422298356922</v>
      </c>
    </row>
    <row r="82871" spans="1:7" x14ac:dyDescent="0.3">
      <c r="A82871" s="13" t="s">
        <v>419</v>
      </c>
      <c r="B82871" s="14" t="s">
        <v>1</v>
      </c>
      <c r="C82871" s="14" t="s">
        <v>23</v>
      </c>
      <c r="D82871" s="14" t="s">
        <v>420</v>
      </c>
      <c r="E82871" s="15">
        <v>45392</v>
      </c>
      <c r="F82871" s="14" t="s">
        <v>61</v>
      </c>
      <c r="G82871" s="16">
        <v>0.20768416465050604</v>
      </c>
    </row>
    <row r="82872" spans="1:7" x14ac:dyDescent="0.3">
      <c r="A82872" s="13" t="s">
        <v>419</v>
      </c>
      <c r="B82872" s="14" t="s">
        <v>1</v>
      </c>
      <c r="C82872" s="14" t="s">
        <v>23</v>
      </c>
      <c r="D82872" s="14" t="s">
        <v>420</v>
      </c>
      <c r="E82872" s="15">
        <v>45393</v>
      </c>
      <c r="F82872" s="14" t="s">
        <v>61</v>
      </c>
      <c r="G82872" s="16">
        <v>0.22606082601406771</v>
      </c>
    </row>
    <row r="82873" spans="1:7" x14ac:dyDescent="0.3">
      <c r="A82873" s="13" t="s">
        <v>419</v>
      </c>
      <c r="B82873" s="14" t="s">
        <v>1</v>
      </c>
      <c r="C82873" s="14" t="s">
        <v>23</v>
      </c>
      <c r="D82873" s="14" t="s">
        <v>420</v>
      </c>
      <c r="E82873" s="15">
        <v>45394</v>
      </c>
      <c r="F82873" s="14" t="s">
        <v>61</v>
      </c>
      <c r="G82873" s="16">
        <v>0.24447169889973866</v>
      </c>
    </row>
    <row r="82874" spans="1:7" x14ac:dyDescent="0.3">
      <c r="A82874" s="13" t="s">
        <v>419</v>
      </c>
      <c r="B82874" s="14" t="s">
        <v>1</v>
      </c>
      <c r="C82874" s="14" t="s">
        <v>23</v>
      </c>
      <c r="D82874" s="14" t="s">
        <v>420</v>
      </c>
      <c r="E82874" s="15">
        <v>45395</v>
      </c>
      <c r="F82874" s="14" t="s">
        <v>61</v>
      </c>
      <c r="G82874" s="16">
        <v>0.24447169889973866</v>
      </c>
    </row>
    <row r="82875" spans="1:7" x14ac:dyDescent="0.3">
      <c r="A82875" s="13" t="s">
        <v>419</v>
      </c>
      <c r="B82875" s="14" t="s">
        <v>1</v>
      </c>
      <c r="C82875" s="14" t="s">
        <v>23</v>
      </c>
      <c r="D82875" s="14" t="s">
        <v>420</v>
      </c>
      <c r="E82875" s="15">
        <v>45396</v>
      </c>
      <c r="F82875" s="14" t="s">
        <v>61</v>
      </c>
      <c r="G82875" s="16">
        <v>0.24447169889973866</v>
      </c>
    </row>
    <row r="82876" spans="1:7" x14ac:dyDescent="0.3">
      <c r="A82876" s="13" t="s">
        <v>419</v>
      </c>
      <c r="B82876" s="14" t="s">
        <v>1</v>
      </c>
      <c r="C82876" s="14" t="s">
        <v>23</v>
      </c>
      <c r="D82876" s="14" t="s">
        <v>420</v>
      </c>
      <c r="E82876" s="15">
        <v>45397</v>
      </c>
      <c r="F82876" s="14" t="s">
        <v>61</v>
      </c>
      <c r="G82876" s="16">
        <v>0.2629302424908051</v>
      </c>
    </row>
    <row r="82877" spans="1:7" x14ac:dyDescent="0.3">
      <c r="A82877" s="13" t="s">
        <v>419</v>
      </c>
      <c r="B82877" s="14" t="s">
        <v>1</v>
      </c>
      <c r="C82877" s="14" t="s">
        <v>23</v>
      </c>
      <c r="D82877" s="14" t="s">
        <v>420</v>
      </c>
      <c r="E82877" s="15">
        <v>45398</v>
      </c>
      <c r="F82877" s="14" t="s">
        <v>61</v>
      </c>
      <c r="G82877" s="16">
        <v>0.31179953202182886</v>
      </c>
    </row>
    <row r="82878" spans="1:7" x14ac:dyDescent="0.3">
      <c r="A82878" s="13" t="s">
        <v>419</v>
      </c>
      <c r="B82878" s="14" t="s">
        <v>1</v>
      </c>
      <c r="C82878" s="14" t="s">
        <v>23</v>
      </c>
      <c r="D82878" s="14" t="s">
        <v>420</v>
      </c>
      <c r="E82878" s="15">
        <v>45399</v>
      </c>
      <c r="F82878" s="14" t="s">
        <v>61</v>
      </c>
      <c r="G82878" s="16">
        <v>0.32640159152150183</v>
      </c>
    </row>
    <row r="82879" spans="1:7" x14ac:dyDescent="0.3">
      <c r="A82879" s="13" t="s">
        <v>419</v>
      </c>
      <c r="B82879" s="14" t="s">
        <v>1</v>
      </c>
      <c r="C82879" s="14" t="s">
        <v>23</v>
      </c>
      <c r="D82879" s="14" t="s">
        <v>420</v>
      </c>
      <c r="E82879" s="15">
        <v>45400</v>
      </c>
      <c r="F82879" s="14" t="s">
        <v>61</v>
      </c>
      <c r="G82879" s="16">
        <v>0.34354296365037479</v>
      </c>
    </row>
    <row r="82880" spans="1:7" x14ac:dyDescent="0.3">
      <c r="A82880" s="13" t="s">
        <v>419</v>
      </c>
      <c r="B82880" s="14" t="s">
        <v>1</v>
      </c>
      <c r="C82880" s="14" t="s">
        <v>23</v>
      </c>
      <c r="D82880" s="14" t="s">
        <v>420</v>
      </c>
      <c r="E82880" s="15">
        <v>45401</v>
      </c>
      <c r="F82880" s="14" t="s">
        <v>61</v>
      </c>
      <c r="G82880" s="16">
        <v>0.35945949394665994</v>
      </c>
    </row>
    <row r="82881" spans="1:7" x14ac:dyDescent="0.3">
      <c r="A82881" s="13" t="s">
        <v>419</v>
      </c>
      <c r="B82881" s="14" t="s">
        <v>1</v>
      </c>
      <c r="C82881" s="14" t="s">
        <v>23</v>
      </c>
      <c r="D82881" s="14" t="s">
        <v>420</v>
      </c>
      <c r="E82881" s="15">
        <v>45402</v>
      </c>
      <c r="F82881" s="14" t="s">
        <v>61</v>
      </c>
      <c r="G82881" s="16">
        <v>0.35945949394665994</v>
      </c>
    </row>
    <row r="82882" spans="1:7" x14ac:dyDescent="0.3">
      <c r="A82882" s="13" t="s">
        <v>419</v>
      </c>
      <c r="B82882" s="14" t="s">
        <v>1</v>
      </c>
      <c r="C82882" s="14" t="s">
        <v>23</v>
      </c>
      <c r="D82882" s="14" t="s">
        <v>420</v>
      </c>
      <c r="E82882" s="15">
        <v>45403</v>
      </c>
      <c r="F82882" s="14" t="s">
        <v>61</v>
      </c>
      <c r="G82882" s="16">
        <v>0.35945949394665994</v>
      </c>
    </row>
    <row r="82883" spans="1:7" x14ac:dyDescent="0.3">
      <c r="A82883" s="13" t="s">
        <v>419</v>
      </c>
      <c r="B82883" s="14" t="s">
        <v>1</v>
      </c>
      <c r="C82883" s="14" t="s">
        <v>23</v>
      </c>
      <c r="D82883" s="14" t="s">
        <v>420</v>
      </c>
      <c r="E82883" s="15">
        <v>45404</v>
      </c>
      <c r="F82883" s="14" t="s">
        <v>61</v>
      </c>
      <c r="G82883" s="16">
        <v>0.38322224454919196</v>
      </c>
    </row>
    <row r="82884" spans="1:7" x14ac:dyDescent="0.3">
      <c r="A82884" s="13" t="s">
        <v>419</v>
      </c>
      <c r="B82884" s="14" t="s">
        <v>1</v>
      </c>
      <c r="C82884" s="14" t="s">
        <v>23</v>
      </c>
      <c r="D82884" s="14" t="s">
        <v>420</v>
      </c>
      <c r="E82884" s="15">
        <v>45405</v>
      </c>
      <c r="F82884" s="14" t="s">
        <v>61</v>
      </c>
      <c r="G82884" s="16">
        <v>0.42335260977889133</v>
      </c>
    </row>
    <row r="82885" spans="1:7" x14ac:dyDescent="0.3">
      <c r="A82885" s="13" t="s">
        <v>419</v>
      </c>
      <c r="B82885" s="14" t="s">
        <v>1</v>
      </c>
      <c r="C82885" s="14" t="s">
        <v>23</v>
      </c>
      <c r="D82885" s="14" t="s">
        <v>420</v>
      </c>
      <c r="E82885" s="15">
        <v>45406</v>
      </c>
      <c r="F82885" s="14" t="s">
        <v>61</v>
      </c>
      <c r="G82885" s="16">
        <v>0.43675243523286239</v>
      </c>
    </row>
    <row r="82886" spans="1:7" x14ac:dyDescent="0.3">
      <c r="A82886" s="13" t="s">
        <v>419</v>
      </c>
      <c r="B82886" s="14" t="s">
        <v>1</v>
      </c>
      <c r="C82886" s="14" t="s">
        <v>23</v>
      </c>
      <c r="D82886" s="14" t="s">
        <v>420</v>
      </c>
      <c r="E82886" s="15">
        <v>45407</v>
      </c>
      <c r="F82886" s="14" t="s">
        <v>61</v>
      </c>
      <c r="G82886" s="16">
        <v>0.39993954497983397</v>
      </c>
    </row>
    <row r="82887" spans="1:7" x14ac:dyDescent="0.3">
      <c r="A82887" s="13" t="s">
        <v>419</v>
      </c>
      <c r="B82887" s="14" t="s">
        <v>1</v>
      </c>
      <c r="C82887" s="14" t="s">
        <v>23</v>
      </c>
      <c r="D82887" s="14" t="s">
        <v>420</v>
      </c>
      <c r="E82887" s="15">
        <v>45408</v>
      </c>
      <c r="F82887" s="14" t="s">
        <v>61</v>
      </c>
      <c r="G82887" s="16">
        <v>0.416212725422614</v>
      </c>
    </row>
    <row r="82888" spans="1:7" x14ac:dyDescent="0.3">
      <c r="A82888" s="13" t="s">
        <v>419</v>
      </c>
      <c r="B82888" s="14" t="s">
        <v>1</v>
      </c>
      <c r="C82888" s="14" t="s">
        <v>23</v>
      </c>
      <c r="D82888" s="14" t="s">
        <v>420</v>
      </c>
      <c r="E82888" s="15">
        <v>45409</v>
      </c>
      <c r="F82888" s="14" t="s">
        <v>61</v>
      </c>
      <c r="G82888" s="16">
        <v>0.416212725422614</v>
      </c>
    </row>
    <row r="82889" spans="1:7" x14ac:dyDescent="0.3">
      <c r="A82889" s="13" t="s">
        <v>419</v>
      </c>
      <c r="B82889" s="14" t="s">
        <v>1</v>
      </c>
      <c r="C82889" s="14" t="s">
        <v>23</v>
      </c>
      <c r="D82889" s="14" t="s">
        <v>420</v>
      </c>
      <c r="E82889" s="15">
        <v>45410</v>
      </c>
      <c r="F82889" s="14" t="s">
        <v>61</v>
      </c>
      <c r="G82889" s="16">
        <v>0.416212725422614</v>
      </c>
    </row>
    <row r="82890" spans="1:7" x14ac:dyDescent="0.3">
      <c r="A82890" s="13" t="s">
        <v>419</v>
      </c>
      <c r="B82890" s="14" t="s">
        <v>1</v>
      </c>
      <c r="C82890" s="14" t="s">
        <v>23</v>
      </c>
      <c r="D82890" s="14" t="s">
        <v>420</v>
      </c>
      <c r="E82890" s="15">
        <v>45411</v>
      </c>
      <c r="F82890" s="14" t="s">
        <v>61</v>
      </c>
      <c r="G82890" s="16">
        <v>0.4319096043687583</v>
      </c>
    </row>
    <row r="82891" spans="1:7" x14ac:dyDescent="0.3">
      <c r="A82891" s="13" t="s">
        <v>419</v>
      </c>
      <c r="B82891" s="14" t="s">
        <v>1</v>
      </c>
      <c r="C82891" s="14" t="s">
        <v>23</v>
      </c>
      <c r="D82891" s="14" t="s">
        <v>420</v>
      </c>
      <c r="E82891" s="15">
        <v>45412</v>
      </c>
      <c r="F82891" s="14" t="s">
        <v>61</v>
      </c>
      <c r="G82891" s="16">
        <v>0.48457926439962817</v>
      </c>
    </row>
    <row r="82892" spans="1:7" x14ac:dyDescent="0.3">
      <c r="A82892" s="13" t="s">
        <v>419</v>
      </c>
      <c r="B82892" s="14" t="s">
        <v>1</v>
      </c>
      <c r="C82892" s="14" t="s">
        <v>23</v>
      </c>
      <c r="D82892" s="14" t="s">
        <v>420</v>
      </c>
      <c r="E82892" s="15">
        <v>45413</v>
      </c>
      <c r="F82892" s="14" t="s">
        <v>61</v>
      </c>
      <c r="G82892" s="16">
        <v>0.49916881923891476</v>
      </c>
    </row>
    <row r="82893" spans="1:7" x14ac:dyDescent="0.3">
      <c r="A82893" s="13" t="s">
        <v>419</v>
      </c>
      <c r="B82893" s="14" t="s">
        <v>1</v>
      </c>
      <c r="C82893" s="14" t="s">
        <v>23</v>
      </c>
      <c r="D82893" s="14" t="s">
        <v>420</v>
      </c>
      <c r="E82893" s="15">
        <v>45414</v>
      </c>
      <c r="F82893" s="14" t="s">
        <v>61</v>
      </c>
      <c r="G82893" s="16">
        <v>0.51549998919248641</v>
      </c>
    </row>
    <row r="82894" spans="1:7" x14ac:dyDescent="0.3">
      <c r="A82894" s="13" t="s">
        <v>419</v>
      </c>
      <c r="B82894" s="14" t="s">
        <v>1</v>
      </c>
      <c r="C82894" s="14" t="s">
        <v>23</v>
      </c>
      <c r="D82894" s="14" t="s">
        <v>420</v>
      </c>
      <c r="E82894" s="15">
        <v>45415</v>
      </c>
      <c r="F82894" s="14" t="s">
        <v>61</v>
      </c>
      <c r="G82894" s="16">
        <v>0.53055072092569766</v>
      </c>
    </row>
    <row r="82895" spans="1:7" x14ac:dyDescent="0.3">
      <c r="A82895" s="13" t="s">
        <v>419</v>
      </c>
      <c r="B82895" s="14" t="s">
        <v>1</v>
      </c>
      <c r="C82895" s="14" t="s">
        <v>23</v>
      </c>
      <c r="D82895" s="14" t="s">
        <v>420</v>
      </c>
      <c r="E82895" s="15">
        <v>45416</v>
      </c>
      <c r="F82895" s="14" t="s">
        <v>61</v>
      </c>
      <c r="G82895" s="16">
        <v>0.53055072092569766</v>
      </c>
    </row>
    <row r="82896" spans="1:7" x14ac:dyDescent="0.3">
      <c r="A82896" s="13" t="s">
        <v>419</v>
      </c>
      <c r="B82896" s="14" t="s">
        <v>1</v>
      </c>
      <c r="C82896" s="14" t="s">
        <v>23</v>
      </c>
      <c r="D82896" s="14" t="s">
        <v>420</v>
      </c>
      <c r="E82896" s="15">
        <v>45417</v>
      </c>
      <c r="F82896" s="14" t="s">
        <v>61</v>
      </c>
      <c r="G82896" s="16">
        <v>0.53055072092569766</v>
      </c>
    </row>
    <row r="82897" spans="1:7" x14ac:dyDescent="0.3">
      <c r="A82897" s="13" t="s">
        <v>419</v>
      </c>
      <c r="B82897" s="14" t="s">
        <v>1</v>
      </c>
      <c r="C82897" s="14" t="s">
        <v>23</v>
      </c>
      <c r="D82897" s="14" t="s">
        <v>420</v>
      </c>
      <c r="E82897" s="15">
        <v>45418</v>
      </c>
      <c r="F82897" s="14" t="s">
        <v>61</v>
      </c>
      <c r="G82897" s="16">
        <v>0.53055072092569766</v>
      </c>
    </row>
    <row r="82898" spans="1:7" x14ac:dyDescent="0.3">
      <c r="A82898" s="13" t="s">
        <v>419</v>
      </c>
      <c r="B82898" s="14" t="s">
        <v>1</v>
      </c>
      <c r="C82898" s="14" t="s">
        <v>23</v>
      </c>
      <c r="D82898" s="14" t="s">
        <v>420</v>
      </c>
      <c r="E82898" s="15">
        <v>45419</v>
      </c>
      <c r="F82898" s="14" t="s">
        <v>61</v>
      </c>
      <c r="G82898" s="16">
        <v>0.54682230541205556</v>
      </c>
    </row>
    <row r="82899" spans="1:7" x14ac:dyDescent="0.3">
      <c r="A82899" s="13" t="s">
        <v>419</v>
      </c>
      <c r="B82899" s="14" t="s">
        <v>1</v>
      </c>
      <c r="C82899" s="14" t="s">
        <v>23</v>
      </c>
      <c r="D82899" s="14" t="s">
        <v>420</v>
      </c>
      <c r="E82899" s="15">
        <v>45420</v>
      </c>
      <c r="F82899" s="14" t="s">
        <v>61</v>
      </c>
      <c r="G82899" s="16">
        <v>0.62979231979208838</v>
      </c>
    </row>
    <row r="82900" spans="1:7" x14ac:dyDescent="0.3">
      <c r="A82900" s="13" t="s">
        <v>419</v>
      </c>
      <c r="B82900" s="14" t="s">
        <v>1</v>
      </c>
      <c r="C82900" s="14" t="s">
        <v>23</v>
      </c>
      <c r="D82900" s="14" t="s">
        <v>420</v>
      </c>
      <c r="E82900" s="15">
        <v>45421</v>
      </c>
      <c r="F82900" s="14" t="s">
        <v>61</v>
      </c>
      <c r="G82900" s="16">
        <v>0.64466658010470534</v>
      </c>
    </row>
    <row r="82901" spans="1:7" x14ac:dyDescent="0.3">
      <c r="A82901" s="13" t="s">
        <v>419</v>
      </c>
      <c r="B82901" s="14" t="s">
        <v>1</v>
      </c>
      <c r="C82901" s="14" t="s">
        <v>23</v>
      </c>
      <c r="D82901" s="14" t="s">
        <v>420</v>
      </c>
      <c r="E82901" s="15">
        <v>45422</v>
      </c>
      <c r="F82901" s="14" t="s">
        <v>61</v>
      </c>
      <c r="G82901" s="16">
        <v>0.66181183659070963</v>
      </c>
    </row>
    <row r="82902" spans="1:7" x14ac:dyDescent="0.3">
      <c r="A82902" s="13" t="s">
        <v>419</v>
      </c>
      <c r="B82902" s="14" t="s">
        <v>1</v>
      </c>
      <c r="C82902" s="14" t="s">
        <v>23</v>
      </c>
      <c r="D82902" s="14" t="s">
        <v>420</v>
      </c>
      <c r="E82902" s="15">
        <v>45423</v>
      </c>
      <c r="F82902" s="14" t="s">
        <v>61</v>
      </c>
      <c r="G82902" s="16">
        <v>0.66181183659070963</v>
      </c>
    </row>
    <row r="82903" spans="1:7" x14ac:dyDescent="0.3">
      <c r="A82903" s="13" t="s">
        <v>419</v>
      </c>
      <c r="B82903" s="14" t="s">
        <v>1</v>
      </c>
      <c r="C82903" s="14" t="s">
        <v>23</v>
      </c>
      <c r="D82903" s="14" t="s">
        <v>420</v>
      </c>
      <c r="E82903" s="15">
        <v>45424</v>
      </c>
      <c r="F82903" s="14" t="s">
        <v>61</v>
      </c>
      <c r="G82903" s="16">
        <v>0.66181183659070963</v>
      </c>
    </row>
    <row r="82904" spans="1:7" x14ac:dyDescent="0.3">
      <c r="A82904" s="13" t="s">
        <v>419</v>
      </c>
      <c r="B82904" s="14" t="s">
        <v>1</v>
      </c>
      <c r="C82904" s="14" t="s">
        <v>23</v>
      </c>
      <c r="D82904" s="14" t="s">
        <v>420</v>
      </c>
      <c r="E82904" s="15">
        <v>45425</v>
      </c>
      <c r="F82904" s="14" t="s">
        <v>61</v>
      </c>
      <c r="G82904" s="16">
        <v>0.67801792099376923</v>
      </c>
    </row>
    <row r="82905" spans="1:7" x14ac:dyDescent="0.3">
      <c r="A82905" s="13" t="s">
        <v>419</v>
      </c>
      <c r="B82905" s="14" t="s">
        <v>1</v>
      </c>
      <c r="C82905" s="14" t="s">
        <v>23</v>
      </c>
      <c r="D82905" s="14" t="s">
        <v>420</v>
      </c>
      <c r="E82905" s="15">
        <v>45426</v>
      </c>
      <c r="F82905" s="14" t="s">
        <v>61</v>
      </c>
      <c r="G82905" s="16">
        <v>0.72744960072125087</v>
      </c>
    </row>
    <row r="82906" spans="1:7" x14ac:dyDescent="0.3">
      <c r="A82906" s="13" t="s">
        <v>419</v>
      </c>
      <c r="B82906" s="14" t="s">
        <v>1</v>
      </c>
      <c r="C82906" s="14" t="s">
        <v>23</v>
      </c>
      <c r="D82906" s="14" t="s">
        <v>420</v>
      </c>
      <c r="E82906" s="15">
        <v>45427</v>
      </c>
      <c r="F82906" s="14" t="s">
        <v>61</v>
      </c>
      <c r="G82906" s="16">
        <v>0.73967505519162247</v>
      </c>
    </row>
    <row r="82907" spans="1:7" x14ac:dyDescent="0.3">
      <c r="A82907" s="13" t="s">
        <v>419</v>
      </c>
      <c r="B82907" s="14" t="s">
        <v>1</v>
      </c>
      <c r="C82907" s="14" t="s">
        <v>23</v>
      </c>
      <c r="D82907" s="14" t="s">
        <v>420</v>
      </c>
      <c r="E82907" s="15">
        <v>45428</v>
      </c>
      <c r="F82907" s="14" t="s">
        <v>61</v>
      </c>
      <c r="G82907" s="16">
        <v>0.75758156607732463</v>
      </c>
    </row>
    <row r="82908" spans="1:7" x14ac:dyDescent="0.3">
      <c r="A82908" s="13" t="s">
        <v>419</v>
      </c>
      <c r="B82908" s="14" t="s">
        <v>1</v>
      </c>
      <c r="C82908" s="14" t="s">
        <v>23</v>
      </c>
      <c r="D82908" s="14" t="s">
        <v>420</v>
      </c>
      <c r="E82908" s="15">
        <v>45429</v>
      </c>
      <c r="F82908" s="14" t="s">
        <v>61</v>
      </c>
      <c r="G82908" s="16">
        <v>0.77406593004475233</v>
      </c>
    </row>
    <row r="82909" spans="1:7" x14ac:dyDescent="0.3">
      <c r="A82909" s="13" t="s">
        <v>419</v>
      </c>
      <c r="B82909" s="14" t="s">
        <v>1</v>
      </c>
      <c r="C82909" s="14" t="s">
        <v>23</v>
      </c>
      <c r="D82909" s="14" t="s">
        <v>420</v>
      </c>
      <c r="E82909" s="15">
        <v>45430</v>
      </c>
      <c r="F82909" s="14" t="s">
        <v>61</v>
      </c>
      <c r="G82909" s="16">
        <v>0.77406593004475233</v>
      </c>
    </row>
    <row r="82910" spans="1:7" x14ac:dyDescent="0.3">
      <c r="A82910" s="13" t="s">
        <v>419</v>
      </c>
      <c r="B82910" s="14" t="s">
        <v>1</v>
      </c>
      <c r="C82910" s="14" t="s">
        <v>23</v>
      </c>
      <c r="D82910" s="14" t="s">
        <v>420</v>
      </c>
      <c r="E82910" s="15">
        <v>45431</v>
      </c>
      <c r="F82910" s="14" t="s">
        <v>61</v>
      </c>
      <c r="G82910" s="16">
        <v>0.77406593004475233</v>
      </c>
    </row>
    <row r="82911" spans="1:7" x14ac:dyDescent="0.3">
      <c r="A82911" s="13" t="s">
        <v>419</v>
      </c>
      <c r="B82911" s="14" t="s">
        <v>1</v>
      </c>
      <c r="C82911" s="14" t="s">
        <v>23</v>
      </c>
      <c r="D82911" s="14" t="s">
        <v>420</v>
      </c>
      <c r="E82911" s="15">
        <v>45432</v>
      </c>
      <c r="F82911" s="14" t="s">
        <v>61</v>
      </c>
      <c r="G82911" s="16">
        <v>0.79221418774021313</v>
      </c>
    </row>
    <row r="82912" spans="1:7" x14ac:dyDescent="0.3">
      <c r="A82912" s="13" t="s">
        <v>419</v>
      </c>
      <c r="B82912" s="14" t="s">
        <v>1</v>
      </c>
      <c r="C82912" s="14" t="s">
        <v>23</v>
      </c>
      <c r="D82912" s="14" t="s">
        <v>420</v>
      </c>
      <c r="E82912" s="15">
        <v>45433</v>
      </c>
      <c r="F82912" s="14" t="s">
        <v>61</v>
      </c>
      <c r="G82912" s="16">
        <v>0.84326956413353815</v>
      </c>
    </row>
    <row r="82913" spans="1:7" x14ac:dyDescent="0.3">
      <c r="A82913" s="13" t="s">
        <v>419</v>
      </c>
      <c r="B82913" s="14" t="s">
        <v>1</v>
      </c>
      <c r="C82913" s="14" t="s">
        <v>23</v>
      </c>
      <c r="D82913" s="14" t="s">
        <v>420</v>
      </c>
      <c r="E82913" s="15">
        <v>45434</v>
      </c>
      <c r="F82913" s="14" t="s">
        <v>61</v>
      </c>
      <c r="G82913" s="16">
        <v>0.86254715701285312</v>
      </c>
    </row>
    <row r="82914" spans="1:7" x14ac:dyDescent="0.3">
      <c r="A82914" s="13" t="s">
        <v>419</v>
      </c>
      <c r="B82914" s="14" t="s">
        <v>1</v>
      </c>
      <c r="C82914" s="14" t="s">
        <v>23</v>
      </c>
      <c r="D82914" s="14" t="s">
        <v>420</v>
      </c>
      <c r="E82914" s="15">
        <v>45435</v>
      </c>
      <c r="F82914" s="14" t="s">
        <v>61</v>
      </c>
      <c r="G82914" s="16">
        <v>0.8828232147566083</v>
      </c>
    </row>
    <row r="82915" spans="1:7" x14ac:dyDescent="0.3">
      <c r="A82915" s="13" t="s">
        <v>419</v>
      </c>
      <c r="B82915" s="14" t="s">
        <v>1</v>
      </c>
      <c r="C82915" s="14" t="s">
        <v>23</v>
      </c>
      <c r="D82915" s="14" t="s">
        <v>420</v>
      </c>
      <c r="E82915" s="15">
        <v>45436</v>
      </c>
      <c r="F82915" s="14" t="s">
        <v>61</v>
      </c>
      <c r="G82915" s="16">
        <v>0.89656566722041597</v>
      </c>
    </row>
    <row r="82916" spans="1:7" x14ac:dyDescent="0.3">
      <c r="A82916" s="13" t="s">
        <v>419</v>
      </c>
      <c r="B82916" s="14" t="s">
        <v>1</v>
      </c>
      <c r="C82916" s="14" t="s">
        <v>23</v>
      </c>
      <c r="D82916" s="14" t="s">
        <v>420</v>
      </c>
      <c r="E82916" s="15">
        <v>45437</v>
      </c>
      <c r="F82916" s="14" t="s">
        <v>61</v>
      </c>
      <c r="G82916" s="16">
        <v>0.89656566722041597</v>
      </c>
    </row>
    <row r="82917" spans="1:7" x14ac:dyDescent="0.3">
      <c r="A82917" s="13" t="s">
        <v>419</v>
      </c>
      <c r="B82917" s="14" t="s">
        <v>1</v>
      </c>
      <c r="C82917" s="14" t="s">
        <v>23</v>
      </c>
      <c r="D82917" s="14" t="s">
        <v>420</v>
      </c>
      <c r="E82917" s="15">
        <v>45438</v>
      </c>
      <c r="F82917" s="14" t="s">
        <v>61</v>
      </c>
      <c r="G82917" s="16">
        <v>0.89656566722041597</v>
      </c>
    </row>
    <row r="82918" spans="1:7" x14ac:dyDescent="0.3">
      <c r="A82918" s="13" t="s">
        <v>419</v>
      </c>
      <c r="B82918" s="14" t="s">
        <v>1</v>
      </c>
      <c r="C82918" s="14" t="s">
        <v>23</v>
      </c>
      <c r="D82918" s="14" t="s">
        <v>420</v>
      </c>
      <c r="E82918" s="15">
        <v>45439</v>
      </c>
      <c r="F82918" s="14" t="s">
        <v>61</v>
      </c>
      <c r="G82918" s="16">
        <v>0.89656566722041597</v>
      </c>
    </row>
    <row r="82919" spans="1:7" x14ac:dyDescent="0.3">
      <c r="A82919" s="13" t="s">
        <v>419</v>
      </c>
      <c r="B82919" s="14" t="s">
        <v>1</v>
      </c>
      <c r="C82919" s="14" t="s">
        <v>23</v>
      </c>
      <c r="D82919" s="14" t="s">
        <v>420</v>
      </c>
      <c r="E82919" s="15">
        <v>45440</v>
      </c>
      <c r="F82919" s="14" t="s">
        <v>61</v>
      </c>
      <c r="G82919" s="16">
        <v>0.91220426553799072</v>
      </c>
    </row>
    <row r="82920" spans="1:7" x14ac:dyDescent="0.3">
      <c r="A82920" s="13" t="s">
        <v>419</v>
      </c>
      <c r="B82920" s="14" t="s">
        <v>1</v>
      </c>
      <c r="C82920" s="14" t="s">
        <v>23</v>
      </c>
      <c r="D82920" s="14" t="s">
        <v>420</v>
      </c>
      <c r="E82920" s="15">
        <v>45441</v>
      </c>
      <c r="F82920" s="14" t="s">
        <v>61</v>
      </c>
      <c r="G82920" s="16">
        <v>0.97835430905514709</v>
      </c>
    </row>
    <row r="82921" spans="1:7" x14ac:dyDescent="0.3">
      <c r="A82921" s="13" t="s">
        <v>419</v>
      </c>
      <c r="B82921" s="14" t="s">
        <v>1</v>
      </c>
      <c r="C82921" s="14" t="s">
        <v>23</v>
      </c>
      <c r="D82921" s="14" t="s">
        <v>420</v>
      </c>
      <c r="E82921" s="15">
        <v>45442</v>
      </c>
      <c r="F82921" s="14" t="s">
        <v>61</v>
      </c>
      <c r="G82921" s="16">
        <v>0.99410432016290062</v>
      </c>
    </row>
    <row r="82922" spans="1:7" x14ac:dyDescent="0.3">
      <c r="A82922" s="13" t="s">
        <v>419</v>
      </c>
      <c r="B82922" s="14" t="s">
        <v>1</v>
      </c>
      <c r="C82922" s="14" t="s">
        <v>23</v>
      </c>
      <c r="D82922" s="14" t="s">
        <v>420</v>
      </c>
      <c r="E82922" s="15">
        <v>45443</v>
      </c>
      <c r="F82922" s="14" t="s">
        <v>61</v>
      </c>
      <c r="G82922" s="16">
        <v>1.0043680905102077</v>
      </c>
    </row>
    <row r="82923" spans="1:7" x14ac:dyDescent="0.3">
      <c r="A82923" s="13" t="s">
        <v>419</v>
      </c>
      <c r="B82923" s="14" t="s">
        <v>1</v>
      </c>
      <c r="C82923" s="14" t="s">
        <v>23</v>
      </c>
      <c r="D82923" s="14" t="s">
        <v>420</v>
      </c>
      <c r="E82923" s="15">
        <v>45444</v>
      </c>
      <c r="F82923" s="14" t="s">
        <v>61</v>
      </c>
      <c r="G82923" s="16">
        <v>1.0043680905102077</v>
      </c>
    </row>
    <row r="82924" spans="1:7" x14ac:dyDescent="0.3">
      <c r="A82924" s="13" t="s">
        <v>419</v>
      </c>
      <c r="B82924" s="14" t="s">
        <v>1</v>
      </c>
      <c r="C82924" s="14" t="s">
        <v>23</v>
      </c>
      <c r="D82924" s="14" t="s">
        <v>420</v>
      </c>
      <c r="E82924" s="15">
        <v>45445</v>
      </c>
      <c r="F82924" s="14" t="s">
        <v>61</v>
      </c>
      <c r="G82924" s="16">
        <v>1.0043680905102077</v>
      </c>
    </row>
    <row r="82925" spans="1:7" x14ac:dyDescent="0.3">
      <c r="A82925" s="13" t="s">
        <v>419</v>
      </c>
      <c r="B82925" s="14" t="s">
        <v>1</v>
      </c>
      <c r="C82925" s="14" t="s">
        <v>23</v>
      </c>
      <c r="D82925" s="14" t="s">
        <v>420</v>
      </c>
      <c r="E82925" s="15">
        <v>45446</v>
      </c>
      <c r="F82925" s="14" t="s">
        <v>61</v>
      </c>
      <c r="G82925" s="16">
        <v>1.0043680905102077</v>
      </c>
    </row>
    <row r="82926" spans="1:7" x14ac:dyDescent="0.3">
      <c r="A82926" s="13" t="s">
        <v>419</v>
      </c>
      <c r="B82926" s="14" t="s">
        <v>1</v>
      </c>
      <c r="C82926" s="14" t="s">
        <v>23</v>
      </c>
      <c r="D82926" s="14" t="s">
        <v>420</v>
      </c>
      <c r="E82926" s="15">
        <v>45447</v>
      </c>
      <c r="F82926" s="14" t="s">
        <v>61</v>
      </c>
      <c r="G82926" s="16">
        <v>1.0204493229204412</v>
      </c>
    </row>
    <row r="82927" spans="1:7" x14ac:dyDescent="0.3">
      <c r="A82927" s="13" t="s">
        <v>419</v>
      </c>
      <c r="B82927" s="14" t="s">
        <v>1</v>
      </c>
      <c r="C82927" s="14" t="s">
        <v>23</v>
      </c>
      <c r="D82927" s="14" t="s">
        <v>420</v>
      </c>
      <c r="E82927" s="15">
        <v>45448</v>
      </c>
      <c r="F82927" s="14" t="s">
        <v>61</v>
      </c>
      <c r="G82927" s="16">
        <v>1.0924884487565591</v>
      </c>
    </row>
    <row r="82928" spans="1:7" x14ac:dyDescent="0.3">
      <c r="A82928" s="13" t="s">
        <v>419</v>
      </c>
      <c r="B82928" s="14" t="s">
        <v>1</v>
      </c>
      <c r="C82928" s="14" t="s">
        <v>23</v>
      </c>
      <c r="D82928" s="14" t="s">
        <v>420</v>
      </c>
      <c r="E82928" s="15">
        <v>45449</v>
      </c>
      <c r="F82928" s="14" t="s">
        <v>61</v>
      </c>
      <c r="G82928" s="16">
        <v>1.1063664417256429</v>
      </c>
    </row>
    <row r="82929" spans="1:7" x14ac:dyDescent="0.3">
      <c r="A82929" s="13" t="s">
        <v>419</v>
      </c>
      <c r="B82929" s="14" t="s">
        <v>1</v>
      </c>
      <c r="C82929" s="14" t="s">
        <v>23</v>
      </c>
      <c r="D82929" s="14" t="s">
        <v>420</v>
      </c>
      <c r="E82929" s="15">
        <v>45450</v>
      </c>
      <c r="F82929" s="14" t="s">
        <v>61</v>
      </c>
      <c r="G82929" s="16">
        <v>1.1529467133317126</v>
      </c>
    </row>
    <row r="82930" spans="1:7" x14ac:dyDescent="0.3">
      <c r="A82930" s="13" t="s">
        <v>419</v>
      </c>
      <c r="B82930" s="14" t="s">
        <v>1</v>
      </c>
      <c r="C82930" s="14" t="s">
        <v>23</v>
      </c>
      <c r="D82930" s="14" t="s">
        <v>420</v>
      </c>
      <c r="E82930" s="15">
        <v>45451</v>
      </c>
      <c r="F82930" s="14" t="s">
        <v>61</v>
      </c>
      <c r="G82930" s="16">
        <v>1.1529467133317126</v>
      </c>
    </row>
    <row r="82931" spans="1:7" x14ac:dyDescent="0.3">
      <c r="A82931" s="13" t="s">
        <v>419</v>
      </c>
      <c r="B82931" s="14" t="s">
        <v>1</v>
      </c>
      <c r="C82931" s="14" t="s">
        <v>23</v>
      </c>
      <c r="D82931" s="14" t="s">
        <v>420</v>
      </c>
      <c r="E82931" s="15">
        <v>45452</v>
      </c>
      <c r="F82931" s="14" t="s">
        <v>61</v>
      </c>
      <c r="G82931" s="16">
        <v>1.1529467133317126</v>
      </c>
    </row>
    <row r="82932" spans="1:7" x14ac:dyDescent="0.3">
      <c r="A82932" s="13" t="s">
        <v>419</v>
      </c>
      <c r="B82932" s="14" t="s">
        <v>1</v>
      </c>
      <c r="C82932" s="14" t="s">
        <v>23</v>
      </c>
      <c r="D82932" s="14" t="s">
        <v>420</v>
      </c>
      <c r="E82932" s="15">
        <v>45453</v>
      </c>
      <c r="F82932" s="14" t="s">
        <v>61</v>
      </c>
      <c r="G82932" s="16">
        <v>1.1730883846715039</v>
      </c>
    </row>
    <row r="82933" spans="1:7" x14ac:dyDescent="0.3">
      <c r="A82933" s="13" t="s">
        <v>419</v>
      </c>
      <c r="B82933" s="14" t="s">
        <v>1</v>
      </c>
      <c r="C82933" s="14" t="s">
        <v>23</v>
      </c>
      <c r="D82933" s="14" t="s">
        <v>420</v>
      </c>
      <c r="E82933" s="15">
        <v>45454</v>
      </c>
      <c r="F82933" s="14" t="s">
        <v>61</v>
      </c>
      <c r="G82933" s="16">
        <v>1.2241902939755571</v>
      </c>
    </row>
    <row r="82934" spans="1:7" x14ac:dyDescent="0.3">
      <c r="A82934" s="13" t="s">
        <v>419</v>
      </c>
      <c r="B82934" s="14" t="s">
        <v>1</v>
      </c>
      <c r="C82934" s="14" t="s">
        <v>23</v>
      </c>
      <c r="D82934" s="14" t="s">
        <v>420</v>
      </c>
      <c r="E82934" s="15">
        <v>45455</v>
      </c>
      <c r="F82934" s="14" t="s">
        <v>61</v>
      </c>
      <c r="G82934" s="16">
        <v>1.2322193068255027</v>
      </c>
    </row>
    <row r="82935" spans="1:7" x14ac:dyDescent="0.3">
      <c r="A82935" s="13" t="s">
        <v>419</v>
      </c>
      <c r="B82935" s="14" t="s">
        <v>1</v>
      </c>
      <c r="C82935" s="14" t="s">
        <v>23</v>
      </c>
      <c r="D82935" s="14" t="s">
        <v>420</v>
      </c>
      <c r="E82935" s="15">
        <v>45456</v>
      </c>
      <c r="F82935" s="14" t="s">
        <v>61</v>
      </c>
      <c r="G82935" s="16">
        <v>1.2558748241255928</v>
      </c>
    </row>
    <row r="82936" spans="1:7" x14ac:dyDescent="0.3">
      <c r="A82936" s="13" t="s">
        <v>419</v>
      </c>
      <c r="B82936" s="14" t="s">
        <v>1</v>
      </c>
      <c r="C82936" s="14" t="s">
        <v>23</v>
      </c>
      <c r="D82936" s="14" t="s">
        <v>420</v>
      </c>
      <c r="E82936" s="15">
        <v>45457</v>
      </c>
      <c r="F82936" s="14" t="s">
        <v>61</v>
      </c>
      <c r="G82936" s="16">
        <v>1.2777515237258168</v>
      </c>
    </row>
    <row r="82937" spans="1:7" x14ac:dyDescent="0.3">
      <c r="A82937" s="13" t="s">
        <v>419</v>
      </c>
      <c r="B82937" s="14" t="s">
        <v>1</v>
      </c>
      <c r="C82937" s="14" t="s">
        <v>23</v>
      </c>
      <c r="D82937" s="14" t="s">
        <v>420</v>
      </c>
      <c r="E82937" s="15">
        <v>45458</v>
      </c>
      <c r="F82937" s="14" t="s">
        <v>61</v>
      </c>
      <c r="G82937" s="16">
        <v>1.2777515237258168</v>
      </c>
    </row>
    <row r="82938" spans="1:7" x14ac:dyDescent="0.3">
      <c r="A82938" s="13" t="s">
        <v>419</v>
      </c>
      <c r="B82938" s="14" t="s">
        <v>1</v>
      </c>
      <c r="C82938" s="14" t="s">
        <v>23</v>
      </c>
      <c r="D82938" s="14" t="s">
        <v>420</v>
      </c>
      <c r="E82938" s="15">
        <v>45459</v>
      </c>
      <c r="F82938" s="14" t="s">
        <v>61</v>
      </c>
      <c r="G82938" s="16">
        <v>1.2777515237258168</v>
      </c>
    </row>
    <row r="82939" spans="1:7" x14ac:dyDescent="0.3">
      <c r="A82939" s="13" t="s">
        <v>419</v>
      </c>
      <c r="B82939" s="14" t="s">
        <v>1</v>
      </c>
      <c r="C82939" s="14" t="s">
        <v>23</v>
      </c>
      <c r="D82939" s="14" t="s">
        <v>420</v>
      </c>
      <c r="E82939" s="15">
        <v>45460</v>
      </c>
      <c r="F82939" s="14" t="s">
        <v>61</v>
      </c>
      <c r="G82939" s="16">
        <v>1.2902331634497577</v>
      </c>
    </row>
    <row r="82940" spans="1:7" x14ac:dyDescent="0.3">
      <c r="A82940" s="13" t="s">
        <v>419</v>
      </c>
      <c r="B82940" s="14" t="s">
        <v>1</v>
      </c>
      <c r="C82940" s="14" t="s">
        <v>23</v>
      </c>
      <c r="D82940" s="14" t="s">
        <v>420</v>
      </c>
      <c r="E82940" s="15">
        <v>45461</v>
      </c>
      <c r="F82940" s="14" t="s">
        <v>61</v>
      </c>
      <c r="G82940" s="16">
        <v>1.337559261701821</v>
      </c>
    </row>
    <row r="82941" spans="1:7" x14ac:dyDescent="0.3">
      <c r="A82941" s="13" t="s">
        <v>419</v>
      </c>
      <c r="B82941" s="14" t="s">
        <v>1</v>
      </c>
      <c r="C82941" s="14" t="s">
        <v>23</v>
      </c>
      <c r="D82941" s="14" t="s">
        <v>420</v>
      </c>
      <c r="E82941" s="15">
        <v>45462</v>
      </c>
      <c r="F82941" s="14" t="s">
        <v>61</v>
      </c>
      <c r="G82941" s="16">
        <v>1.337559261701821</v>
      </c>
    </row>
    <row r="82942" spans="1:7" x14ac:dyDescent="0.3">
      <c r="A82942" s="13" t="s">
        <v>419</v>
      </c>
      <c r="B82942" s="14" t="s">
        <v>1</v>
      </c>
      <c r="C82942" s="14" t="s">
        <v>23</v>
      </c>
      <c r="D82942" s="14" t="s">
        <v>420</v>
      </c>
      <c r="E82942" s="15">
        <v>45463</v>
      </c>
      <c r="F82942" s="14" t="s">
        <v>61</v>
      </c>
      <c r="G82942" s="16">
        <v>1.3584753523635122</v>
      </c>
    </row>
    <row r="82943" spans="1:7" x14ac:dyDescent="0.3">
      <c r="A82943" s="13" t="s">
        <v>419</v>
      </c>
      <c r="B82943" s="14" t="s">
        <v>1</v>
      </c>
      <c r="C82943" s="14" t="s">
        <v>23</v>
      </c>
      <c r="D82943" s="14" t="s">
        <v>420</v>
      </c>
      <c r="E82943" s="15">
        <v>45464</v>
      </c>
      <c r="F82943" s="14" t="s">
        <v>61</v>
      </c>
      <c r="G82943" s="16">
        <v>1.393685061994522</v>
      </c>
    </row>
    <row r="82944" spans="1:7" x14ac:dyDescent="0.3">
      <c r="A82944" s="13" t="s">
        <v>419</v>
      </c>
      <c r="B82944" s="14" t="s">
        <v>1</v>
      </c>
      <c r="C82944" s="14" t="s">
        <v>23</v>
      </c>
      <c r="D82944" s="14" t="s">
        <v>420</v>
      </c>
      <c r="E82944" s="15">
        <v>45465</v>
      </c>
      <c r="F82944" s="14" t="s">
        <v>61</v>
      </c>
      <c r="G82944" s="16">
        <v>1.393685061994522</v>
      </c>
    </row>
    <row r="82945" spans="1:7" x14ac:dyDescent="0.3">
      <c r="A82945" s="13" t="s">
        <v>419</v>
      </c>
      <c r="B82945" s="14" t="s">
        <v>1</v>
      </c>
      <c r="C82945" s="14" t="s">
        <v>23</v>
      </c>
      <c r="D82945" s="14" t="s">
        <v>420</v>
      </c>
      <c r="E82945" s="15">
        <v>45466</v>
      </c>
      <c r="F82945" s="14" t="s">
        <v>61</v>
      </c>
      <c r="G82945" s="16">
        <v>1.393685061994522</v>
      </c>
    </row>
    <row r="82946" spans="1:7" x14ac:dyDescent="0.3">
      <c r="A82946" s="13" t="s">
        <v>419</v>
      </c>
      <c r="B82946" s="14" t="s">
        <v>1</v>
      </c>
      <c r="C82946" s="14" t="s">
        <v>23</v>
      </c>
      <c r="D82946" s="14" t="s">
        <v>420</v>
      </c>
      <c r="E82946" s="15">
        <v>45467</v>
      </c>
      <c r="F82946" s="14" t="s">
        <v>61</v>
      </c>
      <c r="G82946" s="16">
        <v>1.4046567188317316</v>
      </c>
    </row>
    <row r="82947" spans="1:7" x14ac:dyDescent="0.3">
      <c r="A82947" s="13" t="s">
        <v>419</v>
      </c>
      <c r="B82947" s="14" t="s">
        <v>1</v>
      </c>
      <c r="C82947" s="14" t="s">
        <v>23</v>
      </c>
      <c r="D82947" s="14" t="s">
        <v>420</v>
      </c>
      <c r="E82947" s="15">
        <v>45468</v>
      </c>
      <c r="F82947" s="14" t="s">
        <v>61</v>
      </c>
      <c r="G82947" s="16">
        <v>1.4578476206478932</v>
      </c>
    </row>
    <row r="82948" spans="1:7" x14ac:dyDescent="0.3">
      <c r="A82948" s="13" t="s">
        <v>419</v>
      </c>
      <c r="B82948" s="14" t="s">
        <v>1</v>
      </c>
      <c r="C82948" s="14" t="s">
        <v>23</v>
      </c>
      <c r="D82948" s="14" t="s">
        <v>420</v>
      </c>
      <c r="E82948" s="15">
        <v>45469</v>
      </c>
      <c r="F82948" s="14" t="s">
        <v>61</v>
      </c>
      <c r="G82948" s="16">
        <v>1.4774486730835759</v>
      </c>
    </row>
    <row r="82949" spans="1:7" x14ac:dyDescent="0.3">
      <c r="A82949" s="13" t="s">
        <v>419</v>
      </c>
      <c r="B82949" s="14" t="s">
        <v>1</v>
      </c>
      <c r="C82949" s="14" t="s">
        <v>23</v>
      </c>
      <c r="D82949" s="14" t="s">
        <v>420</v>
      </c>
      <c r="E82949" s="15">
        <v>45470</v>
      </c>
      <c r="F82949" s="14" t="s">
        <v>61</v>
      </c>
      <c r="G82949" s="16">
        <v>1.4900632759952923</v>
      </c>
    </row>
    <row r="82950" spans="1:7" x14ac:dyDescent="0.3">
      <c r="A82950" s="13" t="s">
        <v>419</v>
      </c>
      <c r="B82950" s="14" t="s">
        <v>1</v>
      </c>
      <c r="C82950" s="14" t="s">
        <v>23</v>
      </c>
      <c r="D82950" s="14" t="s">
        <v>420</v>
      </c>
      <c r="E82950" s="15">
        <v>45471</v>
      </c>
      <c r="F82950" s="14" t="s">
        <v>61</v>
      </c>
      <c r="G82950" s="16">
        <v>1.504415356964689</v>
      </c>
    </row>
    <row r="82951" spans="1:7" x14ac:dyDescent="0.3">
      <c r="A82951" s="13" t="s">
        <v>419</v>
      </c>
      <c r="B82951" s="14" t="s">
        <v>1</v>
      </c>
      <c r="C82951" s="14" t="s">
        <v>23</v>
      </c>
      <c r="D82951" s="14" t="s">
        <v>420</v>
      </c>
      <c r="E82951" s="15">
        <v>45472</v>
      </c>
      <c r="F82951" s="14" t="s">
        <v>61</v>
      </c>
      <c r="G82951" s="16">
        <v>1.504415356964689</v>
      </c>
    </row>
    <row r="82952" spans="1:7" x14ac:dyDescent="0.3">
      <c r="A82952" s="13" t="s">
        <v>419</v>
      </c>
      <c r="B82952" s="14" t="s">
        <v>1</v>
      </c>
      <c r="C82952" s="14" t="s">
        <v>23</v>
      </c>
      <c r="D82952" s="14" t="s">
        <v>420</v>
      </c>
      <c r="E82952" s="15">
        <v>45473</v>
      </c>
      <c r="F82952" s="14" t="s">
        <v>61</v>
      </c>
      <c r="G82952" s="16">
        <v>1.504415356964689</v>
      </c>
    </row>
    <row r="82953" spans="1:7" x14ac:dyDescent="0.3">
      <c r="A82953" s="13" t="s">
        <v>419</v>
      </c>
      <c r="B82953" s="14" t="s">
        <v>1</v>
      </c>
      <c r="C82953" s="14" t="s">
        <v>23</v>
      </c>
      <c r="D82953" s="14" t="s">
        <v>420</v>
      </c>
      <c r="E82953" s="15">
        <v>45474</v>
      </c>
      <c r="F82953" s="14" t="s">
        <v>61</v>
      </c>
      <c r="G82953" s="16">
        <v>1.5169595180290194</v>
      </c>
    </row>
    <row r="82954" spans="1:7" x14ac:dyDescent="0.3">
      <c r="A82954" s="13" t="s">
        <v>419</v>
      </c>
      <c r="B82954" s="14" t="s">
        <v>1</v>
      </c>
      <c r="C82954" s="14" t="s">
        <v>23</v>
      </c>
      <c r="D82954" s="14" t="s">
        <v>420</v>
      </c>
      <c r="E82954" s="15">
        <v>45475</v>
      </c>
      <c r="F82954" s="14" t="s">
        <v>61</v>
      </c>
      <c r="G82954" s="16">
        <v>1.5652764732310815</v>
      </c>
    </row>
    <row r="82955" spans="1:7" x14ac:dyDescent="0.3">
      <c r="A82955" s="13" t="s">
        <v>419</v>
      </c>
      <c r="B82955" s="14" t="s">
        <v>1</v>
      </c>
      <c r="C82955" s="14" t="s">
        <v>23</v>
      </c>
      <c r="D82955" s="14" t="s">
        <v>420</v>
      </c>
      <c r="E82955" s="15">
        <v>45476</v>
      </c>
      <c r="F82955" s="14" t="s">
        <v>61</v>
      </c>
      <c r="G82955" s="16">
        <v>1.5755467278664737</v>
      </c>
    </row>
    <row r="82956" spans="1:7" x14ac:dyDescent="0.3">
      <c r="A82956" s="13" t="s">
        <v>419</v>
      </c>
      <c r="B82956" s="14" t="s">
        <v>1</v>
      </c>
      <c r="C82956" s="14" t="s">
        <v>23</v>
      </c>
      <c r="D82956" s="14" t="s">
        <v>420</v>
      </c>
      <c r="E82956" s="15">
        <v>45477</v>
      </c>
      <c r="F82956" s="14" t="s">
        <v>61</v>
      </c>
      <c r="G82956" s="16">
        <v>1.5755467278664737</v>
      </c>
    </row>
    <row r="82957" spans="1:7" x14ac:dyDescent="0.3">
      <c r="A82957" s="13" t="s">
        <v>419</v>
      </c>
      <c r="B82957" s="14" t="s">
        <v>1</v>
      </c>
      <c r="C82957" s="14" t="s">
        <v>23</v>
      </c>
      <c r="D82957" s="14" t="s">
        <v>420</v>
      </c>
      <c r="E82957" s="15">
        <v>45478</v>
      </c>
      <c r="F82957" s="14" t="s">
        <v>61</v>
      </c>
      <c r="G82957" s="16">
        <v>1.5841355340297856</v>
      </c>
    </row>
    <row r="82958" spans="1:7" x14ac:dyDescent="0.3">
      <c r="A82958" s="13" t="s">
        <v>419</v>
      </c>
      <c r="B82958" s="14" t="s">
        <v>1</v>
      </c>
      <c r="C82958" s="14" t="s">
        <v>23</v>
      </c>
      <c r="D82958" s="14" t="s">
        <v>420</v>
      </c>
      <c r="E82958" s="15">
        <v>45479</v>
      </c>
      <c r="F82958" s="14" t="s">
        <v>61</v>
      </c>
      <c r="G82958" s="16">
        <v>1.5841355340297856</v>
      </c>
    </row>
    <row r="82959" spans="1:7" x14ac:dyDescent="0.3">
      <c r="A82959" s="13" t="s">
        <v>419</v>
      </c>
      <c r="B82959" s="14" t="s">
        <v>1</v>
      </c>
      <c r="C82959" s="14" t="s">
        <v>23</v>
      </c>
      <c r="D82959" s="14" t="s">
        <v>420</v>
      </c>
      <c r="E82959" s="15">
        <v>45480</v>
      </c>
      <c r="F82959" s="14" t="s">
        <v>61</v>
      </c>
      <c r="G82959" s="16">
        <v>1.5841355340297856</v>
      </c>
    </row>
    <row r="82960" spans="1:7" x14ac:dyDescent="0.3">
      <c r="A82960" s="13" t="s">
        <v>419</v>
      </c>
      <c r="B82960" s="14" t="s">
        <v>1</v>
      </c>
      <c r="C82960" s="14" t="s">
        <v>23</v>
      </c>
      <c r="D82960" s="14" t="s">
        <v>420</v>
      </c>
      <c r="E82960" s="15">
        <v>45481</v>
      </c>
      <c r="F82960" s="14" t="s">
        <v>61</v>
      </c>
      <c r="G82960" s="16">
        <v>1.645546176235783</v>
      </c>
    </row>
    <row r="82961" spans="1:7" x14ac:dyDescent="0.3">
      <c r="A82961" s="13" t="s">
        <v>419</v>
      </c>
      <c r="B82961" s="14" t="s">
        <v>1</v>
      </c>
      <c r="C82961" s="14" t="s">
        <v>23</v>
      </c>
      <c r="D82961" s="14" t="s">
        <v>420</v>
      </c>
      <c r="E82961" s="15">
        <v>45482</v>
      </c>
      <c r="F82961" s="14" t="s">
        <v>61</v>
      </c>
      <c r="G82961" s="16">
        <v>1.6968429667045264</v>
      </c>
    </row>
    <row r="82962" spans="1:7" x14ac:dyDescent="0.3">
      <c r="A82962" s="13" t="s">
        <v>419</v>
      </c>
      <c r="B82962" s="14" t="s">
        <v>1</v>
      </c>
      <c r="C82962" s="14" t="s">
        <v>23</v>
      </c>
      <c r="D82962" s="14" t="s">
        <v>420</v>
      </c>
      <c r="E82962" s="15">
        <v>45483</v>
      </c>
      <c r="F82962" s="14" t="s">
        <v>61</v>
      </c>
      <c r="G82962" s="16">
        <v>1.7120241734254777</v>
      </c>
    </row>
    <row r="82963" spans="1:7" x14ac:dyDescent="0.3">
      <c r="A82963" s="13" t="s">
        <v>419</v>
      </c>
      <c r="B82963" s="14" t="s">
        <v>1</v>
      </c>
      <c r="C82963" s="14" t="s">
        <v>23</v>
      </c>
      <c r="D82963" s="14" t="s">
        <v>420</v>
      </c>
      <c r="E82963" s="15">
        <v>45484</v>
      </c>
      <c r="F82963" s="14" t="s">
        <v>61</v>
      </c>
      <c r="G82963" s="16">
        <v>1.7224015304403013</v>
      </c>
    </row>
    <row r="82964" spans="1:7" x14ac:dyDescent="0.3">
      <c r="A82964" s="13" t="s">
        <v>419</v>
      </c>
      <c r="B82964" s="14" t="s">
        <v>1</v>
      </c>
      <c r="C82964" s="14" t="s">
        <v>23</v>
      </c>
      <c r="D82964" s="14" t="s">
        <v>420</v>
      </c>
      <c r="E82964" s="15">
        <v>45485</v>
      </c>
      <c r="F82964" s="14" t="s">
        <v>61</v>
      </c>
      <c r="G82964" s="16">
        <v>1.733331255125194</v>
      </c>
    </row>
    <row r="82965" spans="1:7" x14ac:dyDescent="0.3">
      <c r="A82965" s="13" t="s">
        <v>419</v>
      </c>
      <c r="B82965" s="14" t="s">
        <v>1</v>
      </c>
      <c r="C82965" s="14" t="s">
        <v>23</v>
      </c>
      <c r="D82965" s="14" t="s">
        <v>420</v>
      </c>
      <c r="E82965" s="15">
        <v>45486</v>
      </c>
      <c r="F82965" s="14" t="s">
        <v>61</v>
      </c>
      <c r="G82965" s="16">
        <v>1.733331255125194</v>
      </c>
    </row>
    <row r="82966" spans="1:7" x14ac:dyDescent="0.3">
      <c r="A82966" s="13" t="s">
        <v>419</v>
      </c>
      <c r="B82966" s="14" t="s">
        <v>1</v>
      </c>
      <c r="C82966" s="14" t="s">
        <v>23</v>
      </c>
      <c r="D82966" s="14" t="s">
        <v>420</v>
      </c>
      <c r="E82966" s="15">
        <v>45487</v>
      </c>
      <c r="F82966" s="14" t="s">
        <v>61</v>
      </c>
      <c r="G82966" s="16">
        <v>1.733331255125194</v>
      </c>
    </row>
    <row r="82967" spans="1:7" x14ac:dyDescent="0.3">
      <c r="A82967" s="13" t="s">
        <v>419</v>
      </c>
      <c r="B82967" s="14" t="s">
        <v>1</v>
      </c>
      <c r="C82967" s="14" t="s">
        <v>23</v>
      </c>
      <c r="D82967" s="14" t="s">
        <v>420</v>
      </c>
      <c r="E82967" s="15">
        <v>45488</v>
      </c>
      <c r="F82967" s="14" t="s">
        <v>61</v>
      </c>
      <c r="G82967" s="16">
        <v>1.751605094552702</v>
      </c>
    </row>
    <row r="82968" spans="1:7" x14ac:dyDescent="0.3">
      <c r="A82968" s="13" t="s">
        <v>419</v>
      </c>
      <c r="B82968" s="14" t="s">
        <v>1</v>
      </c>
      <c r="C82968" s="14" t="s">
        <v>23</v>
      </c>
      <c r="D82968" s="14" t="s">
        <v>420</v>
      </c>
      <c r="E82968" s="15">
        <v>45489</v>
      </c>
      <c r="F82968" s="14" t="s">
        <v>61</v>
      </c>
      <c r="G82968" s="16">
        <v>1.7989407504740129</v>
      </c>
    </row>
    <row r="82969" spans="1:7" x14ac:dyDescent="0.3">
      <c r="A82969" s="13" t="s">
        <v>419</v>
      </c>
      <c r="B82969" s="14" t="s">
        <v>1</v>
      </c>
      <c r="C82969" s="14" t="s">
        <v>23</v>
      </c>
      <c r="D82969" s="14" t="s">
        <v>420</v>
      </c>
      <c r="E82969" s="15">
        <v>45490</v>
      </c>
      <c r="F82969" s="14" t="s">
        <v>61</v>
      </c>
      <c r="G82969" s="16">
        <v>1.8085252841736252</v>
      </c>
    </row>
    <row r="82970" spans="1:7" x14ac:dyDescent="0.3">
      <c r="A82970" s="13" t="s">
        <v>419</v>
      </c>
      <c r="B82970" s="14" t="s">
        <v>1</v>
      </c>
      <c r="C82970" s="14" t="s">
        <v>23</v>
      </c>
      <c r="D82970" s="14" t="s">
        <v>420</v>
      </c>
      <c r="E82970" s="15">
        <v>45491</v>
      </c>
      <c r="F82970" s="14" t="s">
        <v>61</v>
      </c>
      <c r="G82970" s="16">
        <v>1.8321082863921327</v>
      </c>
    </row>
    <row r="82971" spans="1:7" x14ac:dyDescent="0.3">
      <c r="A82971" s="13" t="s">
        <v>419</v>
      </c>
      <c r="B82971" s="14" t="s">
        <v>1</v>
      </c>
      <c r="C82971" s="14" t="s">
        <v>23</v>
      </c>
      <c r="D82971" s="14" t="s">
        <v>420</v>
      </c>
      <c r="E82971" s="15">
        <v>45492</v>
      </c>
      <c r="F82971" s="14" t="s">
        <v>61</v>
      </c>
      <c r="G82971" s="16">
        <v>1.8506404162159946</v>
      </c>
    </row>
    <row r="82972" spans="1:7" x14ac:dyDescent="0.3">
      <c r="A82972" s="13" t="s">
        <v>419</v>
      </c>
      <c r="B82972" s="14" t="s">
        <v>1</v>
      </c>
      <c r="C82972" s="14" t="s">
        <v>23</v>
      </c>
      <c r="D82972" s="14" t="s">
        <v>420</v>
      </c>
      <c r="E82972" s="15">
        <v>45493</v>
      </c>
      <c r="F82972" s="14" t="s">
        <v>61</v>
      </c>
      <c r="G82972" s="16">
        <v>1.8506404162159946</v>
      </c>
    </row>
    <row r="82973" spans="1:7" x14ac:dyDescent="0.3">
      <c r="A82973" s="13" t="s">
        <v>419</v>
      </c>
      <c r="B82973" s="14" t="s">
        <v>1</v>
      </c>
      <c r="C82973" s="14" t="s">
        <v>23</v>
      </c>
      <c r="D82973" s="14" t="s">
        <v>420</v>
      </c>
      <c r="E82973" s="15">
        <v>45494</v>
      </c>
      <c r="F82973" s="14" t="s">
        <v>61</v>
      </c>
      <c r="G82973" s="16">
        <v>1.8506404162159946</v>
      </c>
    </row>
    <row r="82974" spans="1:7" x14ac:dyDescent="0.3">
      <c r="A82974" s="13" t="s">
        <v>419</v>
      </c>
      <c r="B82974" s="14" t="s">
        <v>1</v>
      </c>
      <c r="C82974" s="14" t="s">
        <v>23</v>
      </c>
      <c r="D82974" s="14" t="s">
        <v>420</v>
      </c>
      <c r="E82974" s="15">
        <v>45495</v>
      </c>
      <c r="F82974" s="14" t="s">
        <v>61</v>
      </c>
      <c r="G82974" s="16">
        <v>1.8644430351533863</v>
      </c>
    </row>
    <row r="82975" spans="1:7" x14ac:dyDescent="0.3">
      <c r="A82975" s="13" t="s">
        <v>419</v>
      </c>
      <c r="B82975" s="14" t="s">
        <v>1</v>
      </c>
      <c r="C82975" s="14" t="s">
        <v>23</v>
      </c>
      <c r="D82975" s="14" t="s">
        <v>420</v>
      </c>
      <c r="E82975" s="15">
        <v>45496</v>
      </c>
      <c r="F82975" s="14" t="s">
        <v>61</v>
      </c>
      <c r="G82975" s="16">
        <v>1.9189272917949058</v>
      </c>
    </row>
    <row r="82976" spans="1:7" x14ac:dyDescent="0.3">
      <c r="A82976" s="13" t="s">
        <v>419</v>
      </c>
      <c r="B82976" s="14" t="s">
        <v>1</v>
      </c>
      <c r="C82976" s="14" t="s">
        <v>23</v>
      </c>
      <c r="D82976" s="14" t="s">
        <v>420</v>
      </c>
      <c r="E82976" s="15">
        <v>45497</v>
      </c>
      <c r="F82976" s="14" t="s">
        <v>61</v>
      </c>
      <c r="G82976" s="16">
        <v>1.9391819037392761</v>
      </c>
    </row>
    <row r="82977" spans="1:7" x14ac:dyDescent="0.3">
      <c r="A82977" s="13" t="s">
        <v>419</v>
      </c>
      <c r="B82977" s="14" t="s">
        <v>1</v>
      </c>
      <c r="C82977" s="14" t="s">
        <v>23</v>
      </c>
      <c r="D82977" s="14" t="s">
        <v>420</v>
      </c>
      <c r="E82977" s="15">
        <v>45498</v>
      </c>
      <c r="F82977" s="14" t="s">
        <v>61</v>
      </c>
      <c r="G82977" s="16">
        <v>1.9534252612508209</v>
      </c>
    </row>
    <row r="82978" spans="1:7" x14ac:dyDescent="0.3">
      <c r="A82978" s="13" t="s">
        <v>419</v>
      </c>
      <c r="B82978" s="14" t="s">
        <v>1</v>
      </c>
      <c r="C82978" s="14" t="s">
        <v>23</v>
      </c>
      <c r="D82978" s="14" t="s">
        <v>420</v>
      </c>
      <c r="E82978" s="15">
        <v>45499</v>
      </c>
      <c r="F82978" s="14" t="s">
        <v>61</v>
      </c>
      <c r="G82978" s="16">
        <v>1.9666544919282749</v>
      </c>
    </row>
    <row r="82979" spans="1:7" x14ac:dyDescent="0.3">
      <c r="A82979" s="13" t="s">
        <v>419</v>
      </c>
      <c r="B82979" s="14" t="s">
        <v>1</v>
      </c>
      <c r="C82979" s="14" t="s">
        <v>23</v>
      </c>
      <c r="D82979" s="14" t="s">
        <v>420</v>
      </c>
      <c r="E82979" s="15">
        <v>45500</v>
      </c>
      <c r="F82979" s="14" t="s">
        <v>61</v>
      </c>
      <c r="G82979" s="16">
        <v>1.9666544919282749</v>
      </c>
    </row>
    <row r="82980" spans="1:7" x14ac:dyDescent="0.3">
      <c r="A82980" s="13" t="s">
        <v>419</v>
      </c>
      <c r="B82980" s="14" t="s">
        <v>1</v>
      </c>
      <c r="C82980" s="14" t="s">
        <v>23</v>
      </c>
      <c r="D82980" s="14" t="s">
        <v>420</v>
      </c>
      <c r="E82980" s="15">
        <v>45501</v>
      </c>
      <c r="F82980" s="14" t="s">
        <v>61</v>
      </c>
      <c r="G82980" s="16">
        <v>1.9666544919282749</v>
      </c>
    </row>
    <row r="82981" spans="1:7" x14ac:dyDescent="0.3">
      <c r="A82981" s="13" t="s">
        <v>419</v>
      </c>
      <c r="B82981" s="14" t="s">
        <v>1</v>
      </c>
      <c r="C82981" s="14" t="s">
        <v>23</v>
      </c>
      <c r="D82981" s="14" t="s">
        <v>420</v>
      </c>
      <c r="E82981" s="15">
        <v>45502</v>
      </c>
      <c r="F82981" s="14" t="s">
        <v>61</v>
      </c>
      <c r="G82981" s="16">
        <v>1.9889093711503119</v>
      </c>
    </row>
    <row r="82982" spans="1:7" x14ac:dyDescent="0.3">
      <c r="A82982" s="13" t="s">
        <v>419</v>
      </c>
      <c r="B82982" s="14" t="s">
        <v>1</v>
      </c>
      <c r="C82982" s="14" t="s">
        <v>23</v>
      </c>
      <c r="D82982" s="14" t="s">
        <v>420</v>
      </c>
      <c r="E82982" s="15">
        <v>45503</v>
      </c>
      <c r="F82982" s="14" t="s">
        <v>61</v>
      </c>
      <c r="G82982" s="16">
        <v>2.0364784267877147</v>
      </c>
    </row>
    <row r="82983" spans="1:7" x14ac:dyDescent="0.3">
      <c r="A82983" s="13" t="s">
        <v>419</v>
      </c>
      <c r="B82983" s="14" t="s">
        <v>1</v>
      </c>
      <c r="C82983" s="14" t="s">
        <v>23</v>
      </c>
      <c r="D82983" s="14" t="s">
        <v>420</v>
      </c>
      <c r="E82983" s="15">
        <v>45504</v>
      </c>
      <c r="F82983" s="14" t="s">
        <v>61</v>
      </c>
      <c r="G82983" s="16">
        <v>2.0512890686031411</v>
      </c>
    </row>
    <row r="82984" spans="1:7" x14ac:dyDescent="0.3">
      <c r="A82984" s="13" t="s">
        <v>419</v>
      </c>
      <c r="B82984" s="14" t="s">
        <v>1</v>
      </c>
      <c r="C82984" s="14" t="s">
        <v>23</v>
      </c>
      <c r="D82984" s="14" t="s">
        <v>420</v>
      </c>
      <c r="E82984" s="15">
        <v>45505</v>
      </c>
      <c r="F82984" s="14" t="s">
        <v>61</v>
      </c>
      <c r="G82984" s="16">
        <v>2.0646010929573317</v>
      </c>
    </row>
    <row r="82985" spans="1:7" x14ac:dyDescent="0.3">
      <c r="A82985" s="13" t="s">
        <v>419</v>
      </c>
      <c r="B82985" s="14" t="s">
        <v>1</v>
      </c>
      <c r="C82985" s="14" t="s">
        <v>23</v>
      </c>
      <c r="D82985" s="14" t="s">
        <v>420</v>
      </c>
      <c r="E82985" s="15">
        <v>45506</v>
      </c>
      <c r="F82985" s="14" t="s">
        <v>61</v>
      </c>
      <c r="G82985" s="16">
        <v>2.0486997239167097</v>
      </c>
    </row>
    <row r="82986" spans="1:7" x14ac:dyDescent="0.3">
      <c r="A82986" s="13" t="s">
        <v>419</v>
      </c>
      <c r="B82986" s="14" t="s">
        <v>1</v>
      </c>
      <c r="C82986" s="14" t="s">
        <v>23</v>
      </c>
      <c r="D82986" s="14" t="s">
        <v>420</v>
      </c>
      <c r="E82986" s="15">
        <v>45507</v>
      </c>
      <c r="F82986" s="14" t="s">
        <v>61</v>
      </c>
      <c r="G82986" s="16">
        <v>2.0486997239167097</v>
      </c>
    </row>
    <row r="82987" spans="1:7" x14ac:dyDescent="0.3">
      <c r="A82987" s="13" t="s">
        <v>419</v>
      </c>
      <c r="B82987" s="14" t="s">
        <v>1</v>
      </c>
      <c r="C82987" s="14" t="s">
        <v>23</v>
      </c>
      <c r="D82987" s="14" t="s">
        <v>420</v>
      </c>
      <c r="E82987" s="15">
        <v>45508</v>
      </c>
      <c r="F82987" s="14" t="s">
        <v>61</v>
      </c>
      <c r="G82987" s="16">
        <v>2.0486997239167097</v>
      </c>
    </row>
    <row r="82988" spans="1:7" x14ac:dyDescent="0.3">
      <c r="A82988" s="13" t="s">
        <v>419</v>
      </c>
      <c r="B82988" s="14" t="s">
        <v>1</v>
      </c>
      <c r="C82988" s="14" t="s">
        <v>23</v>
      </c>
      <c r="D82988" s="14" t="s">
        <v>420</v>
      </c>
      <c r="E82988" s="15">
        <v>45509</v>
      </c>
      <c r="F82988" s="14" t="s">
        <v>61</v>
      </c>
      <c r="G82988" s="16">
        <v>2.0486997239167097</v>
      </c>
    </row>
    <row r="82989" spans="1:7" x14ac:dyDescent="0.3">
      <c r="A82989" s="13" t="s">
        <v>419</v>
      </c>
      <c r="B82989" s="14" t="s">
        <v>1</v>
      </c>
      <c r="C82989" s="14" t="s">
        <v>23</v>
      </c>
      <c r="D82989" s="14" t="s">
        <v>420</v>
      </c>
      <c r="E82989" s="15">
        <v>45510</v>
      </c>
      <c r="F82989" s="14" t="s">
        <v>61</v>
      </c>
      <c r="G82989" s="16">
        <v>2.0593700202087732</v>
      </c>
    </row>
    <row r="82990" spans="1:7" x14ac:dyDescent="0.3">
      <c r="A82990" s="13" t="s">
        <v>419</v>
      </c>
      <c r="B82990" s="14" t="s">
        <v>1</v>
      </c>
      <c r="C82990" s="14" t="s">
        <v>23</v>
      </c>
      <c r="D82990" s="14" t="s">
        <v>420</v>
      </c>
      <c r="E82990" s="15">
        <v>45511</v>
      </c>
      <c r="F82990" s="14" t="s">
        <v>61</v>
      </c>
      <c r="G82990" s="16">
        <v>2.1396365664610544</v>
      </c>
    </row>
    <row r="82991" spans="1:7" x14ac:dyDescent="0.3">
      <c r="A82991" s="13" t="s">
        <v>419</v>
      </c>
      <c r="B82991" s="14" t="s">
        <v>1</v>
      </c>
      <c r="C82991" s="14" t="s">
        <v>23</v>
      </c>
      <c r="D82991" s="14" t="s">
        <v>420</v>
      </c>
      <c r="E82991" s="15">
        <v>45512</v>
      </c>
      <c r="F82991" s="14" t="s">
        <v>61</v>
      </c>
      <c r="G82991" s="16">
        <v>2.1500269383940003</v>
      </c>
    </row>
    <row r="82992" spans="1:7" x14ac:dyDescent="0.3">
      <c r="A82992" s="13" t="s">
        <v>419</v>
      </c>
      <c r="B82992" s="14" t="s">
        <v>1</v>
      </c>
      <c r="C82992" s="14" t="s">
        <v>23</v>
      </c>
      <c r="D82992" s="14" t="s">
        <v>420</v>
      </c>
      <c r="E82992" s="15">
        <v>45513</v>
      </c>
      <c r="F82992" s="14" t="s">
        <v>61</v>
      </c>
      <c r="G82992" s="16">
        <v>2.1649712832739967</v>
      </c>
    </row>
    <row r="82993" spans="1:7" x14ac:dyDescent="0.3">
      <c r="A82993" s="13" t="s">
        <v>419</v>
      </c>
      <c r="B82993" s="14" t="s">
        <v>1</v>
      </c>
      <c r="C82993" s="14" t="s">
        <v>23</v>
      </c>
      <c r="D82993" s="14" t="s">
        <v>420</v>
      </c>
      <c r="E82993" s="15">
        <v>45514</v>
      </c>
      <c r="F82993" s="14" t="s">
        <v>61</v>
      </c>
      <c r="G82993" s="16">
        <v>2.1649712832739967</v>
      </c>
    </row>
    <row r="82994" spans="1:7" x14ac:dyDescent="0.3">
      <c r="A82994" s="13" t="s">
        <v>419</v>
      </c>
      <c r="B82994" s="14" t="s">
        <v>1</v>
      </c>
      <c r="C82994" s="14" t="s">
        <v>23</v>
      </c>
      <c r="D82994" s="14" t="s">
        <v>420</v>
      </c>
      <c r="E82994" s="15">
        <v>45515</v>
      </c>
      <c r="F82994" s="14" t="s">
        <v>61</v>
      </c>
      <c r="G82994" s="16">
        <v>2.1649712832739967</v>
      </c>
    </row>
    <row r="82995" spans="1:7" x14ac:dyDescent="0.3">
      <c r="A82995" s="13" t="s">
        <v>419</v>
      </c>
      <c r="B82995" s="14" t="s">
        <v>1</v>
      </c>
      <c r="C82995" s="14" t="s">
        <v>23</v>
      </c>
      <c r="D82995" s="14" t="s">
        <v>420</v>
      </c>
      <c r="E82995" s="15">
        <v>45516</v>
      </c>
      <c r="F82995" s="14" t="s">
        <v>61</v>
      </c>
      <c r="G82995" s="16">
        <v>2.1772336731257464</v>
      </c>
    </row>
    <row r="82996" spans="1:7" x14ac:dyDescent="0.3">
      <c r="A82996" s="13" t="s">
        <v>419</v>
      </c>
      <c r="B82996" s="14" t="s">
        <v>1</v>
      </c>
      <c r="C82996" s="14" t="s">
        <v>23</v>
      </c>
      <c r="D82996" s="14" t="s">
        <v>420</v>
      </c>
      <c r="E82996" s="15">
        <v>45517</v>
      </c>
      <c r="F82996" s="14" t="s">
        <v>61</v>
      </c>
      <c r="G82996" s="16">
        <v>2.2112079744212654</v>
      </c>
    </row>
    <row r="82997" spans="1:7" x14ac:dyDescent="0.3">
      <c r="A82997" s="13" t="s">
        <v>419</v>
      </c>
      <c r="B82997" s="14" t="s">
        <v>1</v>
      </c>
      <c r="C82997" s="14" t="s">
        <v>23</v>
      </c>
      <c r="D82997" s="14" t="s">
        <v>420</v>
      </c>
      <c r="E82997" s="15">
        <v>45518</v>
      </c>
      <c r="F82997" s="14" t="s">
        <v>61</v>
      </c>
      <c r="G82997" s="16">
        <v>2.2224680433442723</v>
      </c>
    </row>
    <row r="82998" spans="1:7" x14ac:dyDescent="0.3">
      <c r="A82998" s="13" t="s">
        <v>419</v>
      </c>
      <c r="B82998" s="14" t="s">
        <v>1</v>
      </c>
      <c r="C82998" s="14" t="s">
        <v>23</v>
      </c>
      <c r="D82998" s="14" t="s">
        <v>420</v>
      </c>
      <c r="E82998" s="15">
        <v>45519</v>
      </c>
      <c r="F82998" s="14" t="s">
        <v>61</v>
      </c>
      <c r="G82998" s="16">
        <v>2.240174097266018</v>
      </c>
    </row>
    <row r="82999" spans="1:7" x14ac:dyDescent="0.3">
      <c r="A82999" s="13" t="s">
        <v>419</v>
      </c>
      <c r="B82999" s="14" t="s">
        <v>1</v>
      </c>
      <c r="C82999" s="14" t="s">
        <v>23</v>
      </c>
      <c r="D82999" s="14" t="s">
        <v>420</v>
      </c>
      <c r="E82999" s="15">
        <v>45520</v>
      </c>
      <c r="F82999" s="14" t="s">
        <v>61</v>
      </c>
      <c r="G82999" s="16">
        <v>2.2444425592166781</v>
      </c>
    </row>
    <row r="83000" spans="1:7" x14ac:dyDescent="0.3">
      <c r="A83000" s="13" t="s">
        <v>419</v>
      </c>
      <c r="B83000" s="14" t="s">
        <v>1</v>
      </c>
      <c r="C83000" s="14" t="s">
        <v>23</v>
      </c>
      <c r="D83000" s="14" t="s">
        <v>420</v>
      </c>
      <c r="E83000" s="15">
        <v>45521</v>
      </c>
      <c r="F83000" s="14" t="s">
        <v>61</v>
      </c>
      <c r="G83000" s="16">
        <v>2.2444425592166781</v>
      </c>
    </row>
    <row r="83001" spans="1:7" x14ac:dyDescent="0.3">
      <c r="A83001" s="13" t="s">
        <v>419</v>
      </c>
      <c r="B83001" s="14" t="s">
        <v>1</v>
      </c>
      <c r="C83001" s="14" t="s">
        <v>23</v>
      </c>
      <c r="D83001" s="14" t="s">
        <v>420</v>
      </c>
      <c r="E83001" s="15">
        <v>45522</v>
      </c>
      <c r="F83001" s="14" t="s">
        <v>61</v>
      </c>
      <c r="G83001" s="16">
        <v>2.2444425592166781</v>
      </c>
    </row>
    <row r="83002" spans="1:7" x14ac:dyDescent="0.3">
      <c r="A83002" s="13" t="s">
        <v>419</v>
      </c>
      <c r="B83002" s="14" t="s">
        <v>1</v>
      </c>
      <c r="C83002" s="14" t="s">
        <v>23</v>
      </c>
      <c r="D83002" s="14" t="s">
        <v>420</v>
      </c>
      <c r="E83002" s="15">
        <v>45523</v>
      </c>
      <c r="F83002" s="14" t="s">
        <v>61</v>
      </c>
      <c r="G83002" s="16">
        <v>2.2482565763848137</v>
      </c>
    </row>
    <row r="83003" spans="1:7" x14ac:dyDescent="0.3">
      <c r="A83003" s="13" t="s">
        <v>419</v>
      </c>
      <c r="B83003" s="14" t="s">
        <v>1</v>
      </c>
      <c r="C83003" s="14" t="s">
        <v>23</v>
      </c>
      <c r="D83003" s="14" t="s">
        <v>420</v>
      </c>
      <c r="E83003" s="15">
        <v>45524</v>
      </c>
      <c r="F83003" s="14" t="s">
        <v>61</v>
      </c>
      <c r="G83003" s="16">
        <v>2.2861602659769686</v>
      </c>
    </row>
    <row r="83004" spans="1:7" x14ac:dyDescent="0.3">
      <c r="A83004" s="13" t="s">
        <v>419</v>
      </c>
      <c r="B83004" s="14" t="s">
        <v>1</v>
      </c>
      <c r="C83004" s="14" t="s">
        <v>23</v>
      </c>
      <c r="D83004" s="14" t="s">
        <v>420</v>
      </c>
      <c r="E83004" s="15">
        <v>45525</v>
      </c>
      <c r="F83004" s="14" t="s">
        <v>61</v>
      </c>
      <c r="G83004" s="16">
        <v>2.2928279696752165</v>
      </c>
    </row>
    <row r="83005" spans="1:7" x14ac:dyDescent="0.3">
      <c r="A83005" s="13" t="s">
        <v>419</v>
      </c>
      <c r="B83005" s="14" t="s">
        <v>1</v>
      </c>
      <c r="C83005" s="14" t="s">
        <v>23</v>
      </c>
      <c r="D83005" s="14" t="s">
        <v>420</v>
      </c>
      <c r="E83005" s="15">
        <v>45526</v>
      </c>
      <c r="F83005" s="14" t="s">
        <v>61</v>
      </c>
      <c r="G83005" s="16">
        <v>2.3160895697161124</v>
      </c>
    </row>
    <row r="83006" spans="1:7" x14ac:dyDescent="0.3">
      <c r="A83006" s="13" t="s">
        <v>419</v>
      </c>
      <c r="B83006" s="14" t="s">
        <v>1</v>
      </c>
      <c r="C83006" s="14" t="s">
        <v>23</v>
      </c>
      <c r="D83006" s="14" t="s">
        <v>420</v>
      </c>
      <c r="E83006" s="15">
        <v>45527</v>
      </c>
      <c r="F83006" s="14" t="s">
        <v>61</v>
      </c>
      <c r="G83006" s="16">
        <v>2.315057102397212</v>
      </c>
    </row>
    <row r="83007" spans="1:7" x14ac:dyDescent="0.3">
      <c r="A83007" s="13" t="s">
        <v>419</v>
      </c>
      <c r="B83007" s="14" t="s">
        <v>1</v>
      </c>
      <c r="C83007" s="14" t="s">
        <v>23</v>
      </c>
      <c r="D83007" s="14" t="s">
        <v>420</v>
      </c>
      <c r="E83007" s="15">
        <v>45528</v>
      </c>
      <c r="F83007" s="14" t="s">
        <v>61</v>
      </c>
      <c r="G83007" s="16">
        <v>2.315057102397212</v>
      </c>
    </row>
    <row r="83008" spans="1:7" x14ac:dyDescent="0.3">
      <c r="A83008" s="13" t="s">
        <v>419</v>
      </c>
      <c r="B83008" s="14" t="s">
        <v>1</v>
      </c>
      <c r="C83008" s="14" t="s">
        <v>23</v>
      </c>
      <c r="D83008" s="14" t="s">
        <v>420</v>
      </c>
      <c r="E83008" s="15">
        <v>45529</v>
      </c>
      <c r="F83008" s="14" t="s">
        <v>61</v>
      </c>
      <c r="G83008" s="16">
        <v>2.315057102397212</v>
      </c>
    </row>
    <row r="83009" spans="1:7" x14ac:dyDescent="0.3">
      <c r="A83009" s="13" t="s">
        <v>419</v>
      </c>
      <c r="B83009" s="14" t="s">
        <v>1</v>
      </c>
      <c r="C83009" s="14" t="s">
        <v>23</v>
      </c>
      <c r="D83009" s="14" t="s">
        <v>420</v>
      </c>
      <c r="E83009" s="15">
        <v>45530</v>
      </c>
      <c r="F83009" s="14" t="s">
        <v>61</v>
      </c>
      <c r="G83009" s="16">
        <v>2.3374320803950934</v>
      </c>
    </row>
    <row r="83010" spans="1:7" x14ac:dyDescent="0.3">
      <c r="A83010" s="13" t="s">
        <v>419</v>
      </c>
      <c r="B83010" s="14" t="s">
        <v>1</v>
      </c>
      <c r="C83010" s="14" t="s">
        <v>23</v>
      </c>
      <c r="D83010" s="14" t="s">
        <v>420</v>
      </c>
      <c r="E83010" s="15">
        <v>45531</v>
      </c>
      <c r="F83010" s="14" t="s">
        <v>61</v>
      </c>
      <c r="G83010" s="16">
        <v>2.3795985029395488</v>
      </c>
    </row>
    <row r="83011" spans="1:7" x14ac:dyDescent="0.3">
      <c r="A83011" s="13" t="s">
        <v>419</v>
      </c>
      <c r="B83011" s="14" t="s">
        <v>1</v>
      </c>
      <c r="C83011" s="14" t="s">
        <v>23</v>
      </c>
      <c r="D83011" s="14" t="s">
        <v>420</v>
      </c>
      <c r="E83011" s="15">
        <v>45532</v>
      </c>
      <c r="F83011" s="14" t="s">
        <v>61</v>
      </c>
      <c r="G83011" s="16">
        <v>2.409481444870289</v>
      </c>
    </row>
    <row r="83012" spans="1:7" x14ac:dyDescent="0.3">
      <c r="A83012" s="13" t="s">
        <v>419</v>
      </c>
      <c r="B83012" s="14" t="s">
        <v>1</v>
      </c>
      <c r="C83012" s="14" t="s">
        <v>23</v>
      </c>
      <c r="D83012" s="14" t="s">
        <v>420</v>
      </c>
      <c r="E83012" s="15">
        <v>45533</v>
      </c>
      <c r="F83012" s="14" t="s">
        <v>61</v>
      </c>
      <c r="G83012" s="16">
        <v>2.4341715725881317</v>
      </c>
    </row>
    <row r="83013" spans="1:7" x14ac:dyDescent="0.3">
      <c r="A83013" s="13" t="s">
        <v>419</v>
      </c>
      <c r="B83013" s="14" t="s">
        <v>1</v>
      </c>
      <c r="C83013" s="14" t="s">
        <v>23</v>
      </c>
      <c r="D83013" s="14" t="s">
        <v>420</v>
      </c>
      <c r="E83013" s="15">
        <v>45534</v>
      </c>
      <c r="F83013" s="14" t="s">
        <v>61</v>
      </c>
      <c r="G83013" s="16">
        <v>2.456295759959807</v>
      </c>
    </row>
    <row r="83014" spans="1:7" x14ac:dyDescent="0.3">
      <c r="A83014" s="13" t="s">
        <v>419</v>
      </c>
      <c r="B83014" s="14" t="s">
        <v>1</v>
      </c>
      <c r="C83014" s="14" t="s">
        <v>23</v>
      </c>
      <c r="D83014" s="14" t="s">
        <v>420</v>
      </c>
      <c r="E83014" s="15">
        <v>45535</v>
      </c>
      <c r="F83014" s="14" t="s">
        <v>61</v>
      </c>
      <c r="G83014" s="16">
        <v>2.456295759959807</v>
      </c>
    </row>
    <row r="83015" spans="1:7" x14ac:dyDescent="0.3">
      <c r="A83015" s="13" t="s">
        <v>419</v>
      </c>
      <c r="B83015" s="14" t="s">
        <v>1</v>
      </c>
      <c r="C83015" s="14" t="s">
        <v>23</v>
      </c>
      <c r="D83015" s="14" t="s">
        <v>420</v>
      </c>
      <c r="E83015" s="15">
        <v>45536</v>
      </c>
      <c r="F83015" s="14" t="s">
        <v>61</v>
      </c>
      <c r="G83015" s="16">
        <v>2.456295759959807</v>
      </c>
    </row>
    <row r="83016" spans="1:7" x14ac:dyDescent="0.3">
      <c r="A83016" s="13" t="s">
        <v>419</v>
      </c>
      <c r="B83016" s="14" t="s">
        <v>1</v>
      </c>
      <c r="C83016" s="14" t="s">
        <v>23</v>
      </c>
      <c r="D83016" s="14" t="s">
        <v>420</v>
      </c>
      <c r="E83016" s="15">
        <v>45537</v>
      </c>
      <c r="F83016" s="14" t="s">
        <v>61</v>
      </c>
      <c r="G83016" s="16">
        <v>2.456295759959807</v>
      </c>
    </row>
    <row r="83017" spans="1:7" x14ac:dyDescent="0.3">
      <c r="A83017" s="13" t="s">
        <v>419</v>
      </c>
      <c r="B83017" s="14" t="s">
        <v>1</v>
      </c>
      <c r="C83017" s="14" t="s">
        <v>23</v>
      </c>
      <c r="D83017" s="14" t="s">
        <v>420</v>
      </c>
      <c r="E83017" s="15">
        <v>45538</v>
      </c>
      <c r="F83017" s="14" t="s">
        <v>61</v>
      </c>
      <c r="G83017" s="16">
        <v>2.4731881194997358</v>
      </c>
    </row>
    <row r="83018" spans="1:7" x14ac:dyDescent="0.3">
      <c r="A83018" s="13" t="s">
        <v>419</v>
      </c>
      <c r="B83018" s="14" t="s">
        <v>1</v>
      </c>
      <c r="C83018" s="14" t="s">
        <v>23</v>
      </c>
      <c r="D83018" s="14" t="s">
        <v>420</v>
      </c>
      <c r="E83018" s="15">
        <v>45539</v>
      </c>
      <c r="F83018" s="14" t="s">
        <v>61</v>
      </c>
      <c r="G83018" s="16">
        <v>2.5172848272289321</v>
      </c>
    </row>
    <row r="83019" spans="1:7" x14ac:dyDescent="0.3">
      <c r="A83019" s="13" t="s">
        <v>419</v>
      </c>
      <c r="B83019" s="14" t="s">
        <v>1</v>
      </c>
      <c r="C83019" s="14" t="s">
        <v>23</v>
      </c>
      <c r="D83019" s="14" t="s">
        <v>420</v>
      </c>
      <c r="E83019" s="15">
        <v>45540</v>
      </c>
      <c r="F83019" s="14" t="s">
        <v>61</v>
      </c>
      <c r="G83019" s="16">
        <v>2.5265518418423043</v>
      </c>
    </row>
    <row r="83020" spans="1:7" x14ac:dyDescent="0.3">
      <c r="A83020" s="13" t="s">
        <v>419</v>
      </c>
      <c r="B83020" s="14" t="s">
        <v>1</v>
      </c>
      <c r="C83020" s="14" t="s">
        <v>23</v>
      </c>
      <c r="D83020" s="14" t="s">
        <v>420</v>
      </c>
      <c r="E83020" s="15">
        <v>45541</v>
      </c>
      <c r="F83020" s="14" t="s">
        <v>61</v>
      </c>
      <c r="G83020" s="16">
        <v>2.5484397297974173</v>
      </c>
    </row>
    <row r="83021" spans="1:7" x14ac:dyDescent="0.3">
      <c r="A83021" s="13" t="s">
        <v>419</v>
      </c>
      <c r="B83021" s="14" t="s">
        <v>1</v>
      </c>
      <c r="C83021" s="14" t="s">
        <v>23</v>
      </c>
      <c r="D83021" s="14" t="s">
        <v>420</v>
      </c>
      <c r="E83021" s="15">
        <v>45542</v>
      </c>
      <c r="F83021" s="14" t="s">
        <v>61</v>
      </c>
      <c r="G83021" s="16">
        <v>2.5484397297974173</v>
      </c>
    </row>
    <row r="83022" spans="1:7" x14ac:dyDescent="0.3">
      <c r="A83022" s="13" t="s">
        <v>419</v>
      </c>
      <c r="B83022" s="14" t="s">
        <v>1</v>
      </c>
      <c r="C83022" s="14" t="s">
        <v>23</v>
      </c>
      <c r="D83022" s="14" t="s">
        <v>420</v>
      </c>
      <c r="E83022" s="15">
        <v>45543</v>
      </c>
      <c r="F83022" s="14" t="s">
        <v>61</v>
      </c>
      <c r="G83022" s="16">
        <v>2.5484397297974173</v>
      </c>
    </row>
    <row r="83023" spans="1:7" x14ac:dyDescent="0.3">
      <c r="A83023" s="13" t="s">
        <v>419</v>
      </c>
      <c r="B83023" s="14" t="s">
        <v>1</v>
      </c>
      <c r="C83023" s="14" t="s">
        <v>23</v>
      </c>
      <c r="D83023" s="14" t="s">
        <v>420</v>
      </c>
      <c r="E83023" s="15">
        <v>45544</v>
      </c>
      <c r="F83023" s="14" t="s">
        <v>61</v>
      </c>
      <c r="G83023" s="16">
        <v>2.6058011231015028</v>
      </c>
    </row>
    <row r="83024" spans="1:7" x14ac:dyDescent="0.3">
      <c r="A83024" s="13" t="s">
        <v>419</v>
      </c>
      <c r="B83024" s="14" t="s">
        <v>1</v>
      </c>
      <c r="C83024" s="14" t="s">
        <v>23</v>
      </c>
      <c r="D83024" s="14" t="s">
        <v>420</v>
      </c>
      <c r="E83024" s="15">
        <v>45545</v>
      </c>
      <c r="F83024" s="14" t="s">
        <v>61</v>
      </c>
      <c r="G83024" s="16">
        <v>2.6529721797406132</v>
      </c>
    </row>
    <row r="83025" spans="1:7" x14ac:dyDescent="0.3">
      <c r="A83025" s="13" t="s">
        <v>419</v>
      </c>
      <c r="B83025" s="14" t="s">
        <v>1</v>
      </c>
      <c r="C83025" s="14" t="s">
        <v>23</v>
      </c>
      <c r="D83025" s="14" t="s">
        <v>420</v>
      </c>
      <c r="E83025" s="15">
        <v>45546</v>
      </c>
      <c r="F83025" s="14" t="s">
        <v>61</v>
      </c>
      <c r="G83025" s="16">
        <v>2.6684341042506694</v>
      </c>
    </row>
    <row r="83026" spans="1:7" x14ac:dyDescent="0.3">
      <c r="A83026" s="13" t="s">
        <v>419</v>
      </c>
      <c r="B83026" s="14" t="s">
        <v>1</v>
      </c>
      <c r="C83026" s="14" t="s">
        <v>23</v>
      </c>
      <c r="D83026" s="14" t="s">
        <v>420</v>
      </c>
      <c r="E83026" s="15">
        <v>45547</v>
      </c>
      <c r="F83026" s="14" t="s">
        <v>61</v>
      </c>
      <c r="G83026" s="16">
        <v>2.6695198661183768</v>
      </c>
    </row>
    <row r="83027" spans="1:7" x14ac:dyDescent="0.3">
      <c r="A83027" s="13" t="s">
        <v>419</v>
      </c>
      <c r="B83027" s="14" t="s">
        <v>1</v>
      </c>
      <c r="C83027" s="14" t="s">
        <v>23</v>
      </c>
      <c r="D83027" s="14" t="s">
        <v>420</v>
      </c>
      <c r="E83027" s="15">
        <v>45548</v>
      </c>
      <c r="F83027" s="14" t="s">
        <v>61</v>
      </c>
      <c r="G83027" s="16">
        <v>2.6849240127270502</v>
      </c>
    </row>
    <row r="83028" spans="1:7" x14ac:dyDescent="0.3">
      <c r="A83028" s="13" t="s">
        <v>419</v>
      </c>
      <c r="B83028" s="14" t="s">
        <v>1</v>
      </c>
      <c r="C83028" s="14" t="s">
        <v>23</v>
      </c>
      <c r="D83028" s="14" t="s">
        <v>420</v>
      </c>
      <c r="E83028" s="15">
        <v>45549</v>
      </c>
      <c r="F83028" s="14" t="s">
        <v>61</v>
      </c>
      <c r="G83028" s="16">
        <v>2.6849240127270502</v>
      </c>
    </row>
    <row r="83029" spans="1:7" x14ac:dyDescent="0.3">
      <c r="A83029" s="13" t="s">
        <v>419</v>
      </c>
      <c r="B83029" s="14" t="s">
        <v>1</v>
      </c>
      <c r="C83029" s="14" t="s">
        <v>23</v>
      </c>
      <c r="D83029" s="14" t="s">
        <v>420</v>
      </c>
      <c r="E83029" s="15">
        <v>45550</v>
      </c>
      <c r="F83029" s="14" t="s">
        <v>61</v>
      </c>
      <c r="G83029" s="16">
        <v>2.6849240127270502</v>
      </c>
    </row>
    <row r="83030" spans="1:7" x14ac:dyDescent="0.3">
      <c r="A83030" s="13" t="s">
        <v>419</v>
      </c>
      <c r="B83030" s="14" t="s">
        <v>1</v>
      </c>
      <c r="C83030" s="14" t="s">
        <v>23</v>
      </c>
      <c r="D83030" s="14" t="s">
        <v>420</v>
      </c>
      <c r="E83030" s="15">
        <v>45551</v>
      </c>
      <c r="F83030" s="14" t="s">
        <v>61</v>
      </c>
      <c r="G83030" s="16">
        <v>2.6870512060448157</v>
      </c>
    </row>
    <row r="83031" spans="1:7" x14ac:dyDescent="0.3">
      <c r="A83031" s="13" t="s">
        <v>419</v>
      </c>
      <c r="B83031" s="14" t="s">
        <v>1</v>
      </c>
      <c r="C83031" s="14" t="s">
        <v>23</v>
      </c>
      <c r="D83031" s="14" t="s">
        <v>420</v>
      </c>
      <c r="E83031" s="15">
        <v>45552</v>
      </c>
      <c r="F83031" s="14" t="s">
        <v>61</v>
      </c>
      <c r="G83031" s="16">
        <v>2.7405654803547539</v>
      </c>
    </row>
    <row r="83032" spans="1:7" x14ac:dyDescent="0.3">
      <c r="A83032" s="13" t="s">
        <v>419</v>
      </c>
      <c r="B83032" s="14" t="s">
        <v>1</v>
      </c>
      <c r="C83032" s="14" t="s">
        <v>23</v>
      </c>
      <c r="D83032" s="14" t="s">
        <v>420</v>
      </c>
      <c r="E83032" s="15">
        <v>45553</v>
      </c>
      <c r="F83032" s="14" t="s">
        <v>61</v>
      </c>
      <c r="G83032" s="16">
        <v>2.7556332599208959</v>
      </c>
    </row>
    <row r="83033" spans="1:7" x14ac:dyDescent="0.3">
      <c r="A83033" s="13" t="s">
        <v>419</v>
      </c>
      <c r="B83033" s="14" t="s">
        <v>1</v>
      </c>
      <c r="C83033" s="14" t="s">
        <v>23</v>
      </c>
      <c r="D83033" s="14" t="s">
        <v>420</v>
      </c>
      <c r="E83033" s="15">
        <v>45554</v>
      </c>
      <c r="F83033" s="14" t="s">
        <v>61</v>
      </c>
      <c r="G83033" s="16">
        <v>2.7604643634599553</v>
      </c>
    </row>
    <row r="83034" spans="1:7" x14ac:dyDescent="0.3">
      <c r="A83034" s="13" t="s">
        <v>419</v>
      </c>
      <c r="B83034" s="14" t="s">
        <v>1</v>
      </c>
      <c r="C83034" s="14" t="s">
        <v>23</v>
      </c>
      <c r="D83034" s="14" t="s">
        <v>420</v>
      </c>
      <c r="E83034" s="15">
        <v>45555</v>
      </c>
      <c r="F83034" s="14" t="s">
        <v>61</v>
      </c>
      <c r="G83034" s="16">
        <v>2.776744456171552</v>
      </c>
    </row>
    <row r="83035" spans="1:7" x14ac:dyDescent="0.3">
      <c r="A83035" s="13" t="s">
        <v>419</v>
      </c>
      <c r="B83035" s="14" t="s">
        <v>1</v>
      </c>
      <c r="C83035" s="14" t="s">
        <v>23</v>
      </c>
      <c r="D83035" s="14" t="s">
        <v>420</v>
      </c>
      <c r="E83035" s="15">
        <v>45556</v>
      </c>
      <c r="F83035" s="14" t="s">
        <v>61</v>
      </c>
      <c r="G83035" s="16">
        <v>2.776744456171552</v>
      </c>
    </row>
    <row r="83036" spans="1:7" x14ac:dyDescent="0.3">
      <c r="A83036" s="13" t="s">
        <v>419</v>
      </c>
      <c r="B83036" s="14" t="s">
        <v>1</v>
      </c>
      <c r="C83036" s="14" t="s">
        <v>23</v>
      </c>
      <c r="D83036" s="14" t="s">
        <v>420</v>
      </c>
      <c r="E83036" s="15">
        <v>45557</v>
      </c>
      <c r="F83036" s="14" t="s">
        <v>61</v>
      </c>
      <c r="G83036" s="16">
        <v>2.776744456171552</v>
      </c>
    </row>
    <row r="83037" spans="1:7" x14ac:dyDescent="0.3">
      <c r="A83037" s="13" t="s">
        <v>419</v>
      </c>
      <c r="B83037" s="14" t="s">
        <v>1</v>
      </c>
      <c r="C83037" s="14" t="s">
        <v>23</v>
      </c>
      <c r="D83037" s="14" t="s">
        <v>420</v>
      </c>
      <c r="E83037" s="15">
        <v>45558</v>
      </c>
      <c r="F83037" s="14" t="s">
        <v>61</v>
      </c>
      <c r="G83037" s="16">
        <v>2.8057839863873757</v>
      </c>
    </row>
    <row r="83038" spans="1:7" x14ac:dyDescent="0.3">
      <c r="A83038" s="13" t="s">
        <v>419</v>
      </c>
      <c r="B83038" s="14" t="s">
        <v>1</v>
      </c>
      <c r="C83038" s="14" t="s">
        <v>23</v>
      </c>
      <c r="D83038" s="14" t="s">
        <v>420</v>
      </c>
      <c r="E83038" s="15">
        <v>45559</v>
      </c>
      <c r="F83038" s="14" t="s">
        <v>61</v>
      </c>
      <c r="G83038" s="16">
        <v>2.8513388639286386</v>
      </c>
    </row>
    <row r="83039" spans="1:7" x14ac:dyDescent="0.3">
      <c r="A83039" s="13" t="s">
        <v>419</v>
      </c>
      <c r="B83039" s="14" t="s">
        <v>1</v>
      </c>
      <c r="C83039" s="14" t="s">
        <v>23</v>
      </c>
      <c r="D83039" s="14" t="s">
        <v>420</v>
      </c>
      <c r="E83039" s="15">
        <v>45560</v>
      </c>
      <c r="F83039" s="14" t="s">
        <v>61</v>
      </c>
      <c r="G83039" s="16">
        <v>2.8799475627849498</v>
      </c>
    </row>
    <row r="83040" spans="1:7" x14ac:dyDescent="0.3">
      <c r="A83040" s="13" t="s">
        <v>419</v>
      </c>
      <c r="B83040" s="14" t="s">
        <v>1</v>
      </c>
      <c r="C83040" s="14" t="s">
        <v>23</v>
      </c>
      <c r="D83040" s="14" t="s">
        <v>420</v>
      </c>
      <c r="E83040" s="15">
        <v>45561</v>
      </c>
      <c r="F83040" s="14" t="s">
        <v>61</v>
      </c>
      <c r="G83040" s="16">
        <v>2.8857762425855196</v>
      </c>
    </row>
    <row r="83041" spans="1:7" x14ac:dyDescent="0.3">
      <c r="A83041" s="13" t="s">
        <v>419</v>
      </c>
      <c r="B83041" s="14" t="s">
        <v>1</v>
      </c>
      <c r="C83041" s="14" t="s">
        <v>23</v>
      </c>
      <c r="D83041" s="14" t="s">
        <v>420</v>
      </c>
      <c r="E83041" s="15">
        <v>45562</v>
      </c>
      <c r="F83041" s="14" t="s">
        <v>61</v>
      </c>
      <c r="G83041" s="16">
        <v>2.9086631042239075</v>
      </c>
    </row>
    <row r="83042" spans="1:7" x14ac:dyDescent="0.3">
      <c r="A83042" s="13" t="s">
        <v>419</v>
      </c>
      <c r="B83042" s="14" t="s">
        <v>1</v>
      </c>
      <c r="C83042" s="14" t="s">
        <v>23</v>
      </c>
      <c r="D83042" s="14" t="s">
        <v>420</v>
      </c>
      <c r="E83042" s="15">
        <v>45563</v>
      </c>
      <c r="F83042" s="14" t="s">
        <v>61</v>
      </c>
      <c r="G83042" s="16">
        <v>2.9086631042239075</v>
      </c>
    </row>
    <row r="83043" spans="1:7" x14ac:dyDescent="0.3">
      <c r="A83043" s="13" t="s">
        <v>419</v>
      </c>
      <c r="B83043" s="14" t="s">
        <v>1</v>
      </c>
      <c r="C83043" s="14" t="s">
        <v>23</v>
      </c>
      <c r="D83043" s="14" t="s">
        <v>420</v>
      </c>
      <c r="E83043" s="15">
        <v>45564</v>
      </c>
      <c r="F83043" s="14" t="s">
        <v>61</v>
      </c>
      <c r="G83043" s="16">
        <v>2.9086631042239075</v>
      </c>
    </row>
    <row r="83044" spans="1:7" x14ac:dyDescent="0.3">
      <c r="A83044" s="13" t="s">
        <v>419</v>
      </c>
      <c r="B83044" s="14" t="s">
        <v>1</v>
      </c>
      <c r="C83044" s="14" t="s">
        <v>23</v>
      </c>
      <c r="D83044" s="14" t="s">
        <v>420</v>
      </c>
      <c r="E83044" s="15">
        <v>45565</v>
      </c>
      <c r="F83044" s="14" t="s">
        <v>61</v>
      </c>
      <c r="G83044" s="16">
        <v>2.9332139469297558</v>
      </c>
    </row>
    <row r="83045" spans="1:7" x14ac:dyDescent="0.3">
      <c r="A83045" s="13" t="s">
        <v>419</v>
      </c>
      <c r="B83045" s="14" t="s">
        <v>1</v>
      </c>
      <c r="C83045" s="14" t="s">
        <v>23</v>
      </c>
      <c r="D83045" s="14" t="s">
        <v>420</v>
      </c>
      <c r="E83045" s="15">
        <v>45566</v>
      </c>
      <c r="F83045" s="14" t="s">
        <v>61</v>
      </c>
      <c r="G83045" s="16">
        <v>3.0010136405126149</v>
      </c>
    </row>
    <row r="83046" spans="1:7" x14ac:dyDescent="0.3">
      <c r="A83046" s="13" t="s">
        <v>419</v>
      </c>
      <c r="B83046" s="14" t="s">
        <v>1</v>
      </c>
      <c r="C83046" s="14" t="s">
        <v>23</v>
      </c>
      <c r="D83046" s="14" t="s">
        <v>420</v>
      </c>
      <c r="E83046" s="15">
        <v>45567</v>
      </c>
      <c r="F83046" s="14" t="s">
        <v>61</v>
      </c>
      <c r="G83046" s="16">
        <v>3.0239474667546058</v>
      </c>
    </row>
    <row r="83047" spans="1:7" x14ac:dyDescent="0.3">
      <c r="A83047" s="13" t="s">
        <v>419</v>
      </c>
      <c r="B83047" s="14" t="s">
        <v>1</v>
      </c>
      <c r="C83047" s="14" t="s">
        <v>23</v>
      </c>
      <c r="D83047" s="14" t="s">
        <v>420</v>
      </c>
      <c r="E83047" s="15">
        <v>45568</v>
      </c>
      <c r="F83047" s="14" t="s">
        <v>61</v>
      </c>
      <c r="G83047" s="16">
        <v>3.0347715579180763</v>
      </c>
    </row>
    <row r="83048" spans="1:7" x14ac:dyDescent="0.3">
      <c r="A83048" s="13" t="s">
        <v>419</v>
      </c>
      <c r="B83048" s="14" t="s">
        <v>1</v>
      </c>
      <c r="C83048" s="14" t="s">
        <v>23</v>
      </c>
      <c r="D83048" s="14" t="s">
        <v>420</v>
      </c>
      <c r="E83048" s="15">
        <v>45569</v>
      </c>
      <c r="F83048" s="14" t="s">
        <v>61</v>
      </c>
      <c r="G83048" s="16">
        <v>3.0666058596147385</v>
      </c>
    </row>
    <row r="83049" spans="1:7" x14ac:dyDescent="0.3">
      <c r="A83049" s="13" t="s">
        <v>419</v>
      </c>
      <c r="B83049" s="14" t="s">
        <v>1</v>
      </c>
      <c r="C83049" s="14" t="s">
        <v>23</v>
      </c>
      <c r="D83049" s="14" t="s">
        <v>420</v>
      </c>
      <c r="E83049" s="15">
        <v>45570</v>
      </c>
      <c r="F83049" s="14" t="s">
        <v>61</v>
      </c>
      <c r="G83049" s="16">
        <v>3.0666058596147385</v>
      </c>
    </row>
    <row r="83050" spans="1:7" x14ac:dyDescent="0.3">
      <c r="A83050" s="13" t="s">
        <v>419</v>
      </c>
      <c r="B83050" s="14" t="s">
        <v>1</v>
      </c>
      <c r="C83050" s="14" t="s">
        <v>23</v>
      </c>
      <c r="D83050" s="14" t="s">
        <v>420</v>
      </c>
      <c r="E83050" s="15">
        <v>45571</v>
      </c>
      <c r="F83050" s="14" t="s">
        <v>61</v>
      </c>
      <c r="G83050" s="16">
        <v>3.0666058596147385</v>
      </c>
    </row>
    <row r="83051" spans="1:7" x14ac:dyDescent="0.3">
      <c r="A83051" s="13" t="s">
        <v>419</v>
      </c>
      <c r="B83051" s="14" t="s">
        <v>1</v>
      </c>
      <c r="C83051" s="14" t="s">
        <v>23</v>
      </c>
      <c r="D83051" s="14" t="s">
        <v>420</v>
      </c>
      <c r="E83051" s="15">
        <v>45572</v>
      </c>
      <c r="F83051" s="14" t="s">
        <v>61</v>
      </c>
      <c r="G83051" s="16">
        <v>3.1086005567729216</v>
      </c>
    </row>
    <row r="83052" spans="1:7" x14ac:dyDescent="0.3">
      <c r="A83052" s="13" t="s">
        <v>419</v>
      </c>
      <c r="B83052" s="14" t="s">
        <v>1</v>
      </c>
      <c r="C83052" s="14" t="s">
        <v>23</v>
      </c>
      <c r="D83052" s="14" t="s">
        <v>420</v>
      </c>
      <c r="E83052" s="15">
        <v>45573</v>
      </c>
      <c r="F83052" s="14" t="s">
        <v>61</v>
      </c>
      <c r="G83052" s="16">
        <v>3.1604603386924559</v>
      </c>
    </row>
    <row r="83053" spans="1:7" x14ac:dyDescent="0.3">
      <c r="A83053" s="13" t="s">
        <v>419</v>
      </c>
      <c r="B83053" s="14" t="s">
        <v>1</v>
      </c>
      <c r="C83053" s="14" t="s">
        <v>23</v>
      </c>
      <c r="D83053" s="14" t="s">
        <v>420</v>
      </c>
      <c r="E83053" s="15">
        <v>45574</v>
      </c>
      <c r="F83053" s="14" t="s">
        <v>61</v>
      </c>
      <c r="G83053" s="16">
        <v>3.1901774644151044</v>
      </c>
    </row>
    <row r="83054" spans="1:7" x14ac:dyDescent="0.3">
      <c r="A83054" s="13" t="s">
        <v>419</v>
      </c>
      <c r="B83054" s="14" t="s">
        <v>1</v>
      </c>
      <c r="C83054" s="14" t="s">
        <v>23</v>
      </c>
      <c r="D83054" s="14" t="s">
        <v>420</v>
      </c>
      <c r="E83054" s="15">
        <v>45575</v>
      </c>
      <c r="F83054" s="14" t="s">
        <v>61</v>
      </c>
      <c r="G83054" s="16">
        <v>3.2084327976432712</v>
      </c>
    </row>
    <row r="83055" spans="1:7" x14ac:dyDescent="0.3">
      <c r="A83055" s="13" t="s">
        <v>419</v>
      </c>
      <c r="B83055" s="14" t="s">
        <v>1</v>
      </c>
      <c r="C83055" s="14" t="s">
        <v>23</v>
      </c>
      <c r="D83055" s="14" t="s">
        <v>420</v>
      </c>
      <c r="E83055" s="15">
        <v>45576</v>
      </c>
      <c r="F83055" s="14" t="s">
        <v>61</v>
      </c>
      <c r="G83055" s="16">
        <v>3.2247481864417642</v>
      </c>
    </row>
    <row r="83056" spans="1:7" x14ac:dyDescent="0.3">
      <c r="A83056" s="13" t="s">
        <v>419</v>
      </c>
      <c r="B83056" s="14" t="s">
        <v>1</v>
      </c>
      <c r="C83056" s="14" t="s">
        <v>23</v>
      </c>
      <c r="D83056" s="14" t="s">
        <v>420</v>
      </c>
      <c r="E83056" s="15">
        <v>45577</v>
      </c>
      <c r="F83056" s="14" t="s">
        <v>61</v>
      </c>
      <c r="G83056" s="16">
        <v>3.2247481864417642</v>
      </c>
    </row>
    <row r="83057" spans="1:7" x14ac:dyDescent="0.3">
      <c r="A83057" s="13" t="s">
        <v>419</v>
      </c>
      <c r="B83057" s="14" t="s">
        <v>1</v>
      </c>
      <c r="C83057" s="14" t="s">
        <v>23</v>
      </c>
      <c r="D83057" s="14" t="s">
        <v>420</v>
      </c>
      <c r="E83057" s="15">
        <v>45578</v>
      </c>
      <c r="F83057" s="14" t="s">
        <v>61</v>
      </c>
      <c r="G83057" s="16">
        <v>3.2247481864417642</v>
      </c>
    </row>
    <row r="83058" spans="1:7" x14ac:dyDescent="0.3">
      <c r="A83058" s="13" t="s">
        <v>419</v>
      </c>
      <c r="B83058" s="14" t="s">
        <v>1</v>
      </c>
      <c r="C83058" s="14" t="s">
        <v>23</v>
      </c>
      <c r="D83058" s="14" t="s">
        <v>420</v>
      </c>
      <c r="E83058" s="15">
        <v>45579</v>
      </c>
      <c r="F83058" s="14" t="s">
        <v>61</v>
      </c>
      <c r="G83058" s="16">
        <v>3.2247481864417642</v>
      </c>
    </row>
    <row r="83059" spans="1:7" x14ac:dyDescent="0.3">
      <c r="A83059" s="13" t="s">
        <v>419</v>
      </c>
      <c r="B83059" s="14" t="s">
        <v>1</v>
      </c>
      <c r="C83059" s="14" t="s">
        <v>23</v>
      </c>
      <c r="D83059" s="14" t="s">
        <v>420</v>
      </c>
      <c r="E83059" s="15">
        <v>45580</v>
      </c>
      <c r="F83059" s="14" t="s">
        <v>61</v>
      </c>
      <c r="G83059" s="16">
        <v>3.2556353833483542</v>
      </c>
    </row>
    <row r="83060" spans="1:7" x14ac:dyDescent="0.3">
      <c r="A83060" s="13" t="s">
        <v>419</v>
      </c>
      <c r="B83060" s="14" t="s">
        <v>1</v>
      </c>
      <c r="C83060" s="14" t="s">
        <v>23</v>
      </c>
      <c r="D83060" s="14" t="s">
        <v>420</v>
      </c>
      <c r="E83060" s="15">
        <v>45581</v>
      </c>
      <c r="F83060" s="14" t="s">
        <v>61</v>
      </c>
      <c r="G83060" s="16">
        <v>3.3333032816083188</v>
      </c>
    </row>
    <row r="83061" spans="1:7" x14ac:dyDescent="0.3">
      <c r="A83061" s="13" t="s">
        <v>419</v>
      </c>
      <c r="B83061" s="14" t="s">
        <v>1</v>
      </c>
      <c r="C83061" s="14" t="s">
        <v>23</v>
      </c>
      <c r="D83061" s="14" t="s">
        <v>420</v>
      </c>
      <c r="E83061" s="15">
        <v>45582</v>
      </c>
      <c r="F83061" s="14" t="s">
        <v>61</v>
      </c>
      <c r="G83061" s="16">
        <v>3.3596385145827674</v>
      </c>
    </row>
    <row r="83062" spans="1:7" x14ac:dyDescent="0.3">
      <c r="A83062" s="13" t="s">
        <v>419</v>
      </c>
      <c r="B83062" s="14" t="s">
        <v>1</v>
      </c>
      <c r="C83062" s="14" t="s">
        <v>23</v>
      </c>
      <c r="D83062" s="14" t="s">
        <v>420</v>
      </c>
      <c r="E83062" s="15">
        <v>45583</v>
      </c>
      <c r="F83062" s="14" t="s">
        <v>61</v>
      </c>
      <c r="G83062" s="16">
        <v>3.3656187702723712</v>
      </c>
    </row>
    <row r="83063" spans="1:7" x14ac:dyDescent="0.3">
      <c r="A83063" s="13" t="s">
        <v>419</v>
      </c>
      <c r="B83063" s="14" t="s">
        <v>1</v>
      </c>
      <c r="C83063" s="14" t="s">
        <v>23</v>
      </c>
      <c r="D83063" s="14" t="s">
        <v>420</v>
      </c>
      <c r="E83063" s="15">
        <v>45584</v>
      </c>
      <c r="F83063" s="14" t="s">
        <v>61</v>
      </c>
      <c r="G83063" s="16">
        <v>3.3656187702723712</v>
      </c>
    </row>
    <row r="83064" spans="1:7" x14ac:dyDescent="0.3">
      <c r="A83064" s="13" t="s">
        <v>419</v>
      </c>
      <c r="B83064" s="14" t="s">
        <v>1</v>
      </c>
      <c r="C83064" s="14" t="s">
        <v>23</v>
      </c>
      <c r="D83064" s="14" t="s">
        <v>420</v>
      </c>
      <c r="E83064" s="15">
        <v>45585</v>
      </c>
      <c r="F83064" s="14" t="s">
        <v>61</v>
      </c>
      <c r="G83064" s="16">
        <v>3.3656187702723712</v>
      </c>
    </row>
    <row r="83065" spans="1:7" x14ac:dyDescent="0.3">
      <c r="A83065" s="13" t="s">
        <v>419</v>
      </c>
      <c r="B83065" s="14" t="s">
        <v>1</v>
      </c>
      <c r="C83065" s="14" t="s">
        <v>23</v>
      </c>
      <c r="D83065" s="14" t="s">
        <v>420</v>
      </c>
      <c r="E83065" s="15">
        <v>45586</v>
      </c>
      <c r="F83065" s="14" t="s">
        <v>61</v>
      </c>
      <c r="G83065" s="16">
        <v>3.3975750363043158</v>
      </c>
    </row>
    <row r="83066" spans="1:7" x14ac:dyDescent="0.3">
      <c r="A83066" s="13" t="s">
        <v>419</v>
      </c>
      <c r="B83066" s="14" t="s">
        <v>1</v>
      </c>
      <c r="C83066" s="14" t="s">
        <v>23</v>
      </c>
      <c r="D83066" s="14" t="s">
        <v>420</v>
      </c>
      <c r="E83066" s="15">
        <v>45587</v>
      </c>
      <c r="F83066" s="14" t="s">
        <v>61</v>
      </c>
      <c r="G83066" s="16">
        <v>3.4528535283374469</v>
      </c>
    </row>
    <row r="83067" spans="1:7" x14ac:dyDescent="0.3">
      <c r="A83067" s="13" t="s">
        <v>419</v>
      </c>
      <c r="B83067" s="14" t="s">
        <v>1</v>
      </c>
      <c r="C83067" s="14" t="s">
        <v>23</v>
      </c>
      <c r="D83067" s="14" t="s">
        <v>420</v>
      </c>
      <c r="E83067" s="15">
        <v>45588</v>
      </c>
      <c r="F83067" s="14" t="s">
        <v>61</v>
      </c>
      <c r="G83067" s="16">
        <v>3.4754498194708749</v>
      </c>
    </row>
    <row r="83068" spans="1:7" x14ac:dyDescent="0.3">
      <c r="A83068" s="13" t="s">
        <v>419</v>
      </c>
      <c r="B83068" s="14" t="s">
        <v>1</v>
      </c>
      <c r="C83068" s="14" t="s">
        <v>23</v>
      </c>
      <c r="D83068" s="14" t="s">
        <v>420</v>
      </c>
      <c r="E83068" s="15">
        <v>45589</v>
      </c>
      <c r="F83068" s="14" t="s">
        <v>61</v>
      </c>
      <c r="G83068" s="16">
        <v>3.4777501247552043</v>
      </c>
    </row>
    <row r="83069" spans="1:7" x14ac:dyDescent="0.3">
      <c r="A83069" s="13" t="s">
        <v>419</v>
      </c>
      <c r="B83069" s="14" t="s">
        <v>1</v>
      </c>
      <c r="C83069" s="14" t="s">
        <v>23</v>
      </c>
      <c r="D83069" s="14" t="s">
        <v>420</v>
      </c>
      <c r="E83069" s="15">
        <v>45590</v>
      </c>
      <c r="F83069" s="14" t="s">
        <v>61</v>
      </c>
      <c r="G83069" s="16">
        <v>3.5045570685203913</v>
      </c>
    </row>
    <row r="83070" spans="1:7" x14ac:dyDescent="0.3">
      <c r="A83070" s="13" t="s">
        <v>419</v>
      </c>
      <c r="B83070" s="14" t="s">
        <v>1</v>
      </c>
      <c r="C83070" s="14" t="s">
        <v>23</v>
      </c>
      <c r="D83070" s="14" t="s">
        <v>420</v>
      </c>
      <c r="E83070" s="15">
        <v>45591</v>
      </c>
      <c r="F83070" s="14" t="s">
        <v>61</v>
      </c>
      <c r="G83070" s="16">
        <v>3.5045570685203913</v>
      </c>
    </row>
    <row r="83071" spans="1:7" x14ac:dyDescent="0.3">
      <c r="A83071" s="13" t="s">
        <v>419</v>
      </c>
      <c r="B83071" s="14" t="s">
        <v>1</v>
      </c>
      <c r="C83071" s="14" t="s">
        <v>23</v>
      </c>
      <c r="D83071" s="14" t="s">
        <v>420</v>
      </c>
      <c r="E83071" s="15">
        <v>45592</v>
      </c>
      <c r="F83071" s="14" t="s">
        <v>61</v>
      </c>
      <c r="G83071" s="16">
        <v>3.5045570685203913</v>
      </c>
    </row>
    <row r="83072" spans="1:7" x14ac:dyDescent="0.3">
      <c r="A83072" s="13" t="s">
        <v>419</v>
      </c>
      <c r="B83072" s="14" t="s">
        <v>1</v>
      </c>
      <c r="C83072" s="14" t="s">
        <v>23</v>
      </c>
      <c r="D83072" s="14" t="s">
        <v>420</v>
      </c>
      <c r="E83072" s="15">
        <v>45593</v>
      </c>
      <c r="F83072" s="14" t="s">
        <v>61</v>
      </c>
      <c r="G83072" s="16">
        <v>3.5045570685203913</v>
      </c>
    </row>
    <row r="83073" spans="1:7" x14ac:dyDescent="0.3">
      <c r="A83073" s="13" t="s">
        <v>419</v>
      </c>
      <c r="B83073" s="14" t="s">
        <v>1</v>
      </c>
      <c r="C83073" s="14" t="s">
        <v>23</v>
      </c>
      <c r="D83073" s="14" t="s">
        <v>420</v>
      </c>
      <c r="E83073" s="15">
        <v>45594</v>
      </c>
      <c r="F83073" s="14" t="s">
        <v>61</v>
      </c>
      <c r="G83073" s="16">
        <v>3.5170755721719686</v>
      </c>
    </row>
    <row r="83074" spans="1:7" x14ac:dyDescent="0.3">
      <c r="A83074" s="13" t="s">
        <v>419</v>
      </c>
      <c r="B83074" s="14" t="s">
        <v>1</v>
      </c>
      <c r="C83074" s="14" t="s">
        <v>23</v>
      </c>
      <c r="D83074" s="14" t="s">
        <v>420</v>
      </c>
      <c r="E83074" s="15">
        <v>45595</v>
      </c>
      <c r="F83074" s="14" t="s">
        <v>61</v>
      </c>
      <c r="G83074" s="16">
        <v>3.5701030380952772</v>
      </c>
    </row>
    <row r="83075" spans="1:7" x14ac:dyDescent="0.3">
      <c r="A83075" s="13" t="s">
        <v>419</v>
      </c>
      <c r="B83075" s="14" t="s">
        <v>1</v>
      </c>
      <c r="C83075" s="14" t="s">
        <v>23</v>
      </c>
      <c r="D83075" s="14" t="s">
        <v>420</v>
      </c>
      <c r="E83075" s="15">
        <v>45596</v>
      </c>
      <c r="F83075" s="14" t="s">
        <v>61</v>
      </c>
      <c r="G83075" s="16">
        <v>3.5646154035196647</v>
      </c>
    </row>
    <row r="83076" spans="1:7" x14ac:dyDescent="0.3">
      <c r="A83076" s="13" t="s">
        <v>419</v>
      </c>
      <c r="B83076" s="14" t="s">
        <v>1</v>
      </c>
      <c r="C83076" s="14" t="s">
        <v>23</v>
      </c>
      <c r="D83076" s="14" t="s">
        <v>420</v>
      </c>
      <c r="E83076" s="15">
        <v>45597</v>
      </c>
      <c r="F83076" s="14" t="s">
        <v>61</v>
      </c>
      <c r="G83076" s="16">
        <v>3.5968088566041607</v>
      </c>
    </row>
    <row r="83077" spans="1:7" x14ac:dyDescent="0.3">
      <c r="A83077" s="13" t="s">
        <v>419</v>
      </c>
      <c r="B83077" s="14" t="s">
        <v>1</v>
      </c>
      <c r="C83077" s="14" t="s">
        <v>23</v>
      </c>
      <c r="D83077" s="14" t="s">
        <v>420</v>
      </c>
      <c r="E83077" s="15">
        <v>45598</v>
      </c>
      <c r="F83077" s="14" t="s">
        <v>61</v>
      </c>
      <c r="G83077" s="16">
        <v>3.5968088566041607</v>
      </c>
    </row>
    <row r="83078" spans="1:7" x14ac:dyDescent="0.3">
      <c r="A83078" s="13" t="s">
        <v>419</v>
      </c>
      <c r="B83078" s="14" t="s">
        <v>1</v>
      </c>
      <c r="C83078" s="14" t="s">
        <v>23</v>
      </c>
      <c r="D83078" s="14" t="s">
        <v>420</v>
      </c>
      <c r="E83078" s="15">
        <v>45599</v>
      </c>
      <c r="F83078" s="14" t="s">
        <v>61</v>
      </c>
      <c r="G83078" s="16">
        <v>3.5968088566041607</v>
      </c>
    </row>
    <row r="83079" spans="1:7" x14ac:dyDescent="0.3">
      <c r="A83079" s="13" t="s">
        <v>419</v>
      </c>
      <c r="B83079" s="14" t="s">
        <v>1</v>
      </c>
      <c r="C83079" s="14" t="s">
        <v>23</v>
      </c>
      <c r="D83079" s="14" t="s">
        <v>420</v>
      </c>
      <c r="E83079" s="15">
        <v>45600</v>
      </c>
      <c r="F83079" s="14" t="s">
        <v>61</v>
      </c>
      <c r="G83079" s="16">
        <v>3.5895168016407832</v>
      </c>
    </row>
    <row r="83080" spans="1:7" x14ac:dyDescent="0.3">
      <c r="A83080" s="13" t="s">
        <v>419</v>
      </c>
      <c r="B83080" s="14" t="s">
        <v>1</v>
      </c>
      <c r="C83080" s="14" t="s">
        <v>23</v>
      </c>
      <c r="D83080" s="14" t="s">
        <v>420</v>
      </c>
      <c r="E83080" s="15">
        <v>45601</v>
      </c>
      <c r="F83080" s="14" t="s">
        <v>61</v>
      </c>
      <c r="G83080" s="16">
        <v>3.6217961862509984</v>
      </c>
    </row>
    <row r="83081" spans="1:7" x14ac:dyDescent="0.3">
      <c r="A83081" s="13" t="s">
        <v>419</v>
      </c>
      <c r="B83081" s="14" t="s">
        <v>1</v>
      </c>
      <c r="C83081" s="14" t="s">
        <v>23</v>
      </c>
      <c r="D83081" s="14" t="s">
        <v>420</v>
      </c>
      <c r="E83081" s="15">
        <v>45602</v>
      </c>
      <c r="F83081" s="14" t="s">
        <v>61</v>
      </c>
      <c r="G83081" s="16">
        <v>3.7072926082462248</v>
      </c>
    </row>
    <row r="83082" spans="1:7" x14ac:dyDescent="0.3">
      <c r="A83082" s="13" t="s">
        <v>419</v>
      </c>
      <c r="B83082" s="14" t="s">
        <v>1</v>
      </c>
      <c r="C83082" s="14" t="s">
        <v>23</v>
      </c>
      <c r="D83082" s="14" t="s">
        <v>420</v>
      </c>
      <c r="E83082" s="15">
        <v>45603</v>
      </c>
      <c r="F83082" s="14" t="s">
        <v>61</v>
      </c>
      <c r="G83082" s="16">
        <v>3.6995892654656801</v>
      </c>
    </row>
    <row r="83083" spans="1:7" x14ac:dyDescent="0.3">
      <c r="A83083" s="13" t="s">
        <v>419</v>
      </c>
      <c r="B83083" s="14" t="s">
        <v>1</v>
      </c>
      <c r="C83083" s="14" t="s">
        <v>23</v>
      </c>
      <c r="D83083" s="14" t="s">
        <v>420</v>
      </c>
      <c r="E83083" s="15">
        <v>45604</v>
      </c>
      <c r="F83083" s="14" t="s">
        <v>61</v>
      </c>
      <c r="G83083" s="16">
        <v>3.7469382014554058</v>
      </c>
    </row>
    <row r="83084" spans="1:7" x14ac:dyDescent="0.3">
      <c r="A83084" s="13" t="s">
        <v>419</v>
      </c>
      <c r="B83084" s="14" t="s">
        <v>1</v>
      </c>
      <c r="C83084" s="14" t="s">
        <v>23</v>
      </c>
      <c r="D83084" s="14" t="s">
        <v>420</v>
      </c>
      <c r="E83084" s="15">
        <v>45605</v>
      </c>
      <c r="F83084" s="14" t="s">
        <v>61</v>
      </c>
      <c r="G83084" s="16">
        <v>3.7469382014554058</v>
      </c>
    </row>
    <row r="83085" spans="1:7" x14ac:dyDescent="0.3">
      <c r="A83085" s="13" t="s">
        <v>419</v>
      </c>
      <c r="B83085" s="14" t="s">
        <v>1</v>
      </c>
      <c r="C83085" s="14" t="s">
        <v>23</v>
      </c>
      <c r="D83085" s="14" t="s">
        <v>420</v>
      </c>
      <c r="E83085" s="15">
        <v>45606</v>
      </c>
      <c r="F83085" s="14" t="s">
        <v>61</v>
      </c>
      <c r="G83085" s="16">
        <v>3.7469382014554058</v>
      </c>
    </row>
    <row r="83086" spans="1:7" x14ac:dyDescent="0.3">
      <c r="A83086" s="13" t="s">
        <v>419</v>
      </c>
      <c r="B83086" s="14" t="s">
        <v>1</v>
      </c>
      <c r="C83086" s="14" t="s">
        <v>23</v>
      </c>
      <c r="D83086" s="14" t="s">
        <v>420</v>
      </c>
      <c r="E83086" s="15">
        <v>45607</v>
      </c>
      <c r="F83086" s="14" t="s">
        <v>61</v>
      </c>
      <c r="G83086" s="16">
        <v>3.7469382014554058</v>
      </c>
    </row>
    <row r="83087" spans="1:7" x14ac:dyDescent="0.3">
      <c r="A83087" s="13" t="s">
        <v>419</v>
      </c>
      <c r="B83087" s="14" t="s">
        <v>1</v>
      </c>
      <c r="C83087" s="14" t="s">
        <v>23</v>
      </c>
      <c r="D83087" s="14" t="s">
        <v>420</v>
      </c>
      <c r="E83087" s="15">
        <v>45608</v>
      </c>
      <c r="F83087" s="14" t="s">
        <v>61</v>
      </c>
      <c r="G83087" s="16">
        <v>3.7971061824771031</v>
      </c>
    </row>
    <row r="83088" spans="1:7" x14ac:dyDescent="0.3">
      <c r="A83088" s="13" t="s">
        <v>419</v>
      </c>
      <c r="B83088" s="14" t="s">
        <v>1</v>
      </c>
      <c r="C83088" s="14" t="s">
        <v>23</v>
      </c>
      <c r="D83088" s="14" t="s">
        <v>420</v>
      </c>
      <c r="E83088" s="15">
        <v>45609</v>
      </c>
      <c r="F83088" s="14" t="s">
        <v>61</v>
      </c>
      <c r="G83088" s="16">
        <v>3.8996423716969222</v>
      </c>
    </row>
    <row r="83089" spans="1:7" x14ac:dyDescent="0.3">
      <c r="A83089" s="13" t="s">
        <v>419</v>
      </c>
      <c r="B83089" s="14" t="s">
        <v>1</v>
      </c>
      <c r="C83089" s="14" t="s">
        <v>23</v>
      </c>
      <c r="D83089" s="14" t="s">
        <v>420</v>
      </c>
      <c r="E83089" s="15">
        <v>45610</v>
      </c>
      <c r="F83089" s="14" t="s">
        <v>61</v>
      </c>
      <c r="G83089" s="16">
        <v>3.9288347127529297</v>
      </c>
    </row>
    <row r="83090" spans="1:7" x14ac:dyDescent="0.3">
      <c r="A83090" s="13" t="s">
        <v>419</v>
      </c>
      <c r="B83090" s="14" t="s">
        <v>1</v>
      </c>
      <c r="C83090" s="14" t="s">
        <v>23</v>
      </c>
      <c r="D83090" s="14" t="s">
        <v>420</v>
      </c>
      <c r="E83090" s="15">
        <v>45611</v>
      </c>
      <c r="F83090" s="14" t="s">
        <v>61</v>
      </c>
      <c r="G83090" s="16">
        <v>3.9410906666917129</v>
      </c>
    </row>
    <row r="83091" spans="1:7" x14ac:dyDescent="0.3">
      <c r="A83091" s="13" t="s">
        <v>419</v>
      </c>
      <c r="B83091" s="14" t="s">
        <v>1</v>
      </c>
      <c r="C83091" s="14" t="s">
        <v>23</v>
      </c>
      <c r="D83091" s="14" t="s">
        <v>420</v>
      </c>
      <c r="E83091" s="15">
        <v>45612</v>
      </c>
      <c r="F83091" s="14" t="s">
        <v>61</v>
      </c>
      <c r="G83091" s="16">
        <v>3.9410906666917129</v>
      </c>
    </row>
    <row r="83092" spans="1:7" x14ac:dyDescent="0.3">
      <c r="A83092" s="13" t="s">
        <v>419</v>
      </c>
      <c r="B83092" s="14" t="s">
        <v>1</v>
      </c>
      <c r="C83092" s="14" t="s">
        <v>23</v>
      </c>
      <c r="D83092" s="14" t="s">
        <v>420</v>
      </c>
      <c r="E83092" s="15">
        <v>45613</v>
      </c>
      <c r="F83092" s="14" t="s">
        <v>61</v>
      </c>
      <c r="G83092" s="16">
        <v>3.9410906666917129</v>
      </c>
    </row>
    <row r="83093" spans="1:7" x14ac:dyDescent="0.3">
      <c r="A83093" s="13" t="s">
        <v>419</v>
      </c>
      <c r="B83093" s="14" t="s">
        <v>1</v>
      </c>
      <c r="C83093" s="14" t="s">
        <v>23</v>
      </c>
      <c r="D83093" s="14" t="s">
        <v>420</v>
      </c>
      <c r="E83093" s="15">
        <v>45614</v>
      </c>
      <c r="F83093" s="14" t="s">
        <v>61</v>
      </c>
      <c r="G83093" s="16">
        <v>3.935361421958496</v>
      </c>
    </row>
    <row r="83094" spans="1:7" x14ac:dyDescent="0.3">
      <c r="A83094" s="13" t="s">
        <v>419</v>
      </c>
      <c r="B83094" s="14" t="s">
        <v>1</v>
      </c>
      <c r="C83094" s="14" t="s">
        <v>23</v>
      </c>
      <c r="D83094" s="14" t="s">
        <v>420</v>
      </c>
      <c r="E83094" s="15">
        <v>45615</v>
      </c>
      <c r="F83094" s="14" t="s">
        <v>61</v>
      </c>
      <c r="G83094" s="16">
        <v>3.9850774872710097</v>
      </c>
    </row>
    <row r="83095" spans="1:7" x14ac:dyDescent="0.3">
      <c r="A83095" s="13" t="s">
        <v>419</v>
      </c>
      <c r="B83095" s="14" t="s">
        <v>1</v>
      </c>
      <c r="C83095" s="14" t="s">
        <v>23</v>
      </c>
      <c r="D83095" s="14" t="s">
        <v>420</v>
      </c>
      <c r="E83095" s="15">
        <v>45616</v>
      </c>
      <c r="F83095" s="14" t="s">
        <v>61</v>
      </c>
      <c r="G83095" s="16">
        <v>4.0210983654913148</v>
      </c>
    </row>
    <row r="83096" spans="1:7" x14ac:dyDescent="0.3">
      <c r="A83096" s="13" t="s">
        <v>419</v>
      </c>
      <c r="B83096" s="14" t="s">
        <v>1</v>
      </c>
      <c r="C83096" s="14" t="s">
        <v>23</v>
      </c>
      <c r="D83096" s="14" t="s">
        <v>420</v>
      </c>
      <c r="E83096" s="15">
        <v>45617</v>
      </c>
      <c r="F83096" s="14" t="s">
        <v>61</v>
      </c>
      <c r="G83096" s="16">
        <v>4.0648466641127721</v>
      </c>
    </row>
    <row r="83097" spans="1:7" x14ac:dyDescent="0.3">
      <c r="A83097" s="13" t="s">
        <v>419</v>
      </c>
      <c r="B83097" s="14" t="s">
        <v>1</v>
      </c>
      <c r="C83097" s="14" t="s">
        <v>23</v>
      </c>
      <c r="D83097" s="14" t="s">
        <v>420</v>
      </c>
      <c r="E83097" s="15">
        <v>45618</v>
      </c>
      <c r="F83097" s="14" t="s">
        <v>61</v>
      </c>
      <c r="G83097" s="16">
        <v>4.1023666538908516</v>
      </c>
    </row>
    <row r="83098" spans="1:7" x14ac:dyDescent="0.3">
      <c r="A83098" s="13" t="s">
        <v>419</v>
      </c>
      <c r="B83098" s="14" t="s">
        <v>1</v>
      </c>
      <c r="C83098" s="14" t="s">
        <v>23</v>
      </c>
      <c r="D83098" s="14" t="s">
        <v>420</v>
      </c>
      <c r="E83098" s="15">
        <v>45619</v>
      </c>
      <c r="F83098" s="14" t="s">
        <v>61</v>
      </c>
      <c r="G83098" s="16">
        <v>4.1023666538908516</v>
      </c>
    </row>
    <row r="83099" spans="1:7" x14ac:dyDescent="0.3">
      <c r="A83099" s="13" t="s">
        <v>419</v>
      </c>
      <c r="B83099" s="14" t="s">
        <v>1</v>
      </c>
      <c r="C83099" s="14" t="s">
        <v>23</v>
      </c>
      <c r="D83099" s="14" t="s">
        <v>420</v>
      </c>
      <c r="E83099" s="15">
        <v>45620</v>
      </c>
      <c r="F83099" s="14" t="s">
        <v>61</v>
      </c>
      <c r="G83099" s="16">
        <v>4.1023666538908516</v>
      </c>
    </row>
    <row r="83100" spans="1:7" x14ac:dyDescent="0.3">
      <c r="A83100" s="13" t="s">
        <v>419</v>
      </c>
      <c r="B83100" s="14" t="s">
        <v>1</v>
      </c>
      <c r="C83100" s="14" t="s">
        <v>23</v>
      </c>
      <c r="D83100" s="14" t="s">
        <v>420</v>
      </c>
      <c r="E83100" s="15">
        <v>45621</v>
      </c>
      <c r="F83100" s="14" t="s">
        <v>61</v>
      </c>
      <c r="G83100" s="16">
        <v>4.090159715148868</v>
      </c>
    </row>
    <row r="83101" spans="1:7" x14ac:dyDescent="0.3">
      <c r="A83101" s="13" t="s">
        <v>419</v>
      </c>
      <c r="B83101" s="14" t="s">
        <v>1</v>
      </c>
      <c r="C83101" s="14" t="s">
        <v>23</v>
      </c>
      <c r="D83101" s="14" t="s">
        <v>420</v>
      </c>
      <c r="E83101" s="15">
        <v>45622</v>
      </c>
      <c r="F83101" s="14" t="s">
        <v>61</v>
      </c>
      <c r="G83101" s="16">
        <v>4.1410184670460275</v>
      </c>
    </row>
    <row r="83102" spans="1:7" x14ac:dyDescent="0.3">
      <c r="A83102" s="13" t="s">
        <v>419</v>
      </c>
      <c r="B83102" s="14" t="s">
        <v>1</v>
      </c>
      <c r="C83102" s="14" t="s">
        <v>23</v>
      </c>
      <c r="D83102" s="14" t="s">
        <v>420</v>
      </c>
      <c r="E83102" s="15">
        <v>45623</v>
      </c>
      <c r="F83102" s="14" t="s">
        <v>61</v>
      </c>
      <c r="G83102" s="16">
        <v>4.1269496711474707</v>
      </c>
    </row>
    <row r="83103" spans="1:7" x14ac:dyDescent="0.3">
      <c r="A83103" s="13" t="s">
        <v>419</v>
      </c>
      <c r="B83103" s="14" t="s">
        <v>1</v>
      </c>
      <c r="C83103" s="14" t="s">
        <v>23</v>
      </c>
      <c r="D83103" s="14" t="s">
        <v>420</v>
      </c>
      <c r="E83103" s="15">
        <v>45624</v>
      </c>
      <c r="F83103" s="14" t="s">
        <v>61</v>
      </c>
      <c r="G83103" s="16">
        <v>4.1269496711474707</v>
      </c>
    </row>
    <row r="83104" spans="1:7" x14ac:dyDescent="0.3">
      <c r="A83104" s="13" t="s">
        <v>419</v>
      </c>
      <c r="B83104" s="14" t="s">
        <v>1</v>
      </c>
      <c r="C83104" s="14" t="s">
        <v>23</v>
      </c>
      <c r="D83104" s="14" t="s">
        <v>420</v>
      </c>
      <c r="E83104" s="15">
        <v>45625</v>
      </c>
      <c r="F83104" s="14" t="s">
        <v>61</v>
      </c>
      <c r="G83104" s="16">
        <v>4.1437637510905079</v>
      </c>
    </row>
    <row r="83105" spans="1:7" x14ac:dyDescent="0.3">
      <c r="A83105" s="13" t="s">
        <v>419</v>
      </c>
      <c r="B83105" s="14" t="s">
        <v>1</v>
      </c>
      <c r="C83105" s="14" t="s">
        <v>23</v>
      </c>
      <c r="D83105" s="14" t="s">
        <v>420</v>
      </c>
      <c r="E83105" s="15">
        <v>45626</v>
      </c>
      <c r="F83105" s="14" t="s">
        <v>61</v>
      </c>
      <c r="G83105" s="16">
        <v>4.1437637510905079</v>
      </c>
    </row>
    <row r="83106" spans="1:7" x14ac:dyDescent="0.3">
      <c r="A83106" s="13" t="s">
        <v>419</v>
      </c>
      <c r="B83106" s="14" t="s">
        <v>1</v>
      </c>
      <c r="C83106" s="14" t="s">
        <v>23</v>
      </c>
      <c r="D83106" s="14" t="s">
        <v>420</v>
      </c>
      <c r="E83106" s="15">
        <v>45627</v>
      </c>
      <c r="F83106" s="14" t="s">
        <v>61</v>
      </c>
      <c r="G83106" s="16">
        <v>4.1437637510905079</v>
      </c>
    </row>
    <row r="83107" spans="1:7" x14ac:dyDescent="0.3">
      <c r="A83107" s="13" t="s">
        <v>419</v>
      </c>
      <c r="B83107" s="14" t="s">
        <v>1</v>
      </c>
      <c r="C83107" s="14" t="s">
        <v>23</v>
      </c>
      <c r="D83107" s="14" t="s">
        <v>420</v>
      </c>
      <c r="E83107" s="15">
        <v>45628</v>
      </c>
      <c r="F83107" s="14" t="s">
        <v>61</v>
      </c>
      <c r="G83107" s="16">
        <v>4.2082399309183973</v>
      </c>
    </row>
    <row r="83108" spans="1:7" x14ac:dyDescent="0.3">
      <c r="A83108" s="13" t="s">
        <v>419</v>
      </c>
      <c r="B83108" s="14" t="s">
        <v>1</v>
      </c>
      <c r="C83108" s="14" t="s">
        <v>23</v>
      </c>
      <c r="D83108" s="14" t="s">
        <v>420</v>
      </c>
      <c r="E83108" s="15">
        <v>45629</v>
      </c>
      <c r="F83108" s="14" t="s">
        <v>61</v>
      </c>
      <c r="G83108" s="16">
        <v>4.2396878369144817</v>
      </c>
    </row>
    <row r="83109" spans="1:7" x14ac:dyDescent="0.3">
      <c r="A83109" s="13" t="s">
        <v>419</v>
      </c>
      <c r="B83109" s="14" t="s">
        <v>1</v>
      </c>
      <c r="C83109" s="14" t="s">
        <v>23</v>
      </c>
      <c r="D83109" s="14" t="s">
        <v>420</v>
      </c>
      <c r="E83109" s="15">
        <v>45630</v>
      </c>
      <c r="F83109" s="14" t="s">
        <v>61</v>
      </c>
      <c r="G83109" s="16">
        <v>4.2531849013546532</v>
      </c>
    </row>
    <row r="83110" spans="1:7" x14ac:dyDescent="0.3">
      <c r="A83110" s="13" t="s">
        <v>419</v>
      </c>
      <c r="B83110" s="14" t="s">
        <v>1</v>
      </c>
      <c r="C83110" s="14" t="s">
        <v>23</v>
      </c>
      <c r="D83110" s="14" t="s">
        <v>420</v>
      </c>
      <c r="E83110" s="15">
        <v>45631</v>
      </c>
      <c r="F83110" s="14" t="s">
        <v>61</v>
      </c>
      <c r="G83110" s="16">
        <v>4.239190543742656</v>
      </c>
    </row>
    <row r="83111" spans="1:7" x14ac:dyDescent="0.3">
      <c r="A83111" s="13" t="s">
        <v>419</v>
      </c>
      <c r="B83111" s="14" t="s">
        <v>1</v>
      </c>
      <c r="C83111" s="14" t="s">
        <v>23</v>
      </c>
      <c r="D83111" s="14" t="s">
        <v>420</v>
      </c>
      <c r="E83111" s="15">
        <v>45632</v>
      </c>
      <c r="F83111" s="14" t="s">
        <v>61</v>
      </c>
      <c r="G83111" s="16">
        <v>4.2623074877506175</v>
      </c>
    </row>
    <row r="83112" spans="1:7" x14ac:dyDescent="0.3">
      <c r="A83112" s="13" t="s">
        <v>419</v>
      </c>
      <c r="B83112" s="14" t="s">
        <v>1</v>
      </c>
      <c r="C83112" s="14" t="s">
        <v>23</v>
      </c>
      <c r="D83112" s="14" t="s">
        <v>420</v>
      </c>
      <c r="E83112" s="15">
        <v>45633</v>
      </c>
      <c r="F83112" s="14" t="s">
        <v>61</v>
      </c>
      <c r="G83112" s="16">
        <v>4.2623074877506175</v>
      </c>
    </row>
    <row r="83113" spans="1:7" x14ac:dyDescent="0.3">
      <c r="A83113" s="13" t="s">
        <v>419</v>
      </c>
      <c r="B83113" s="14" t="s">
        <v>1</v>
      </c>
      <c r="C83113" s="14" t="s">
        <v>23</v>
      </c>
      <c r="D83113" s="14" t="s">
        <v>420</v>
      </c>
      <c r="E83113" s="15">
        <v>45634</v>
      </c>
      <c r="F83113" s="14" t="s">
        <v>61</v>
      </c>
      <c r="G83113" s="16">
        <v>4.2623074877506175</v>
      </c>
    </row>
    <row r="83114" spans="1:7" x14ac:dyDescent="0.3">
      <c r="A83114" s="13" t="s">
        <v>419</v>
      </c>
      <c r="B83114" s="14" t="s">
        <v>1</v>
      </c>
      <c r="C83114" s="14" t="s">
        <v>23</v>
      </c>
      <c r="D83114" s="14" t="s">
        <v>420</v>
      </c>
      <c r="E83114" s="15">
        <v>45635</v>
      </c>
      <c r="F83114" s="14" t="s">
        <v>61</v>
      </c>
      <c r="G83114" s="16">
        <v>4.2927004184654587</v>
      </c>
    </row>
    <row r="83115" spans="1:7" x14ac:dyDescent="0.3">
      <c r="A83115" s="13" t="s">
        <v>419</v>
      </c>
      <c r="B83115" s="14" t="s">
        <v>1</v>
      </c>
      <c r="C83115" s="14" t="s">
        <v>23</v>
      </c>
      <c r="D83115" s="14" t="s">
        <v>420</v>
      </c>
      <c r="E83115" s="15">
        <v>45636</v>
      </c>
      <c r="F83115" s="14" t="s">
        <v>61</v>
      </c>
      <c r="G83115" s="16">
        <v>4.3526009737527271</v>
      </c>
    </row>
    <row r="83116" spans="1:7" x14ac:dyDescent="0.3">
      <c r="A83116" s="13" t="s">
        <v>419</v>
      </c>
      <c r="B83116" s="14" t="s">
        <v>1</v>
      </c>
      <c r="C83116" s="14" t="s">
        <v>23</v>
      </c>
      <c r="D83116" s="14" t="s">
        <v>420</v>
      </c>
      <c r="E83116" s="15">
        <v>45637</v>
      </c>
      <c r="F83116" s="14" t="s">
        <v>61</v>
      </c>
      <c r="G83116" s="16">
        <v>4.38243142372857</v>
      </c>
    </row>
    <row r="83117" spans="1:7" x14ac:dyDescent="0.3">
      <c r="A83117" s="13" t="s">
        <v>419</v>
      </c>
      <c r="B83117" s="14" t="s">
        <v>1</v>
      </c>
      <c r="C83117" s="14" t="s">
        <v>23</v>
      </c>
      <c r="D83117" s="14" t="s">
        <v>420</v>
      </c>
      <c r="E83117" s="15">
        <v>45638</v>
      </c>
      <c r="F83117" s="14" t="s">
        <v>61</v>
      </c>
      <c r="G83117" s="16">
        <v>4.4108832711861039</v>
      </c>
    </row>
    <row r="83118" spans="1:7" x14ac:dyDescent="0.3">
      <c r="A83118" s="13" t="s">
        <v>419</v>
      </c>
      <c r="B83118" s="14" t="s">
        <v>1</v>
      </c>
      <c r="C83118" s="14" t="s">
        <v>23</v>
      </c>
      <c r="D83118" s="14" t="s">
        <v>420</v>
      </c>
      <c r="E83118" s="15">
        <v>45639</v>
      </c>
      <c r="F83118" s="14" t="s">
        <v>61</v>
      </c>
      <c r="G83118" s="16">
        <v>4.4125062873548435</v>
      </c>
    </row>
    <row r="83119" spans="1:7" x14ac:dyDescent="0.3">
      <c r="A83119" s="13" t="s">
        <v>419</v>
      </c>
      <c r="B83119" s="14" t="s">
        <v>1</v>
      </c>
      <c r="C83119" s="14" t="s">
        <v>23</v>
      </c>
      <c r="D83119" s="14" t="s">
        <v>420</v>
      </c>
      <c r="E83119" s="15">
        <v>45640</v>
      </c>
      <c r="F83119" s="14" t="s">
        <v>61</v>
      </c>
      <c r="G83119" s="16">
        <v>4.4125062873548435</v>
      </c>
    </row>
    <row r="83120" spans="1:7" x14ac:dyDescent="0.3">
      <c r="A83120" s="13" t="s">
        <v>419</v>
      </c>
      <c r="B83120" s="14" t="s">
        <v>1</v>
      </c>
      <c r="C83120" s="14" t="s">
        <v>23</v>
      </c>
      <c r="D83120" s="14" t="s">
        <v>420</v>
      </c>
      <c r="E83120" s="15">
        <v>45641</v>
      </c>
      <c r="F83120" s="14" t="s">
        <v>61</v>
      </c>
      <c r="G83120" s="16">
        <v>4.4125062873548435</v>
      </c>
    </row>
    <row r="83121" spans="1:7" x14ac:dyDescent="0.3">
      <c r="A83121" s="13" t="s">
        <v>419</v>
      </c>
      <c r="B83121" s="14" t="s">
        <v>1</v>
      </c>
      <c r="C83121" s="14" t="s">
        <v>23</v>
      </c>
      <c r="D83121" s="14" t="s">
        <v>420</v>
      </c>
      <c r="E83121" s="15">
        <v>45642</v>
      </c>
      <c r="F83121" s="14" t="s">
        <v>61</v>
      </c>
      <c r="G83121" s="16">
        <v>4.4243331568738133</v>
      </c>
    </row>
    <row r="83122" spans="1:7" x14ac:dyDescent="0.3">
      <c r="A83122" s="13" t="s">
        <v>419</v>
      </c>
      <c r="B83122" s="14" t="s">
        <v>1</v>
      </c>
      <c r="C83122" s="14" t="s">
        <v>23</v>
      </c>
      <c r="D83122" s="14" t="s">
        <v>420</v>
      </c>
      <c r="E83122" s="15">
        <v>45643</v>
      </c>
      <c r="F83122" s="14" t="s">
        <v>61</v>
      </c>
      <c r="G83122" s="16">
        <v>4.4820965758390683</v>
      </c>
    </row>
    <row r="83123" spans="1:7" x14ac:dyDescent="0.3">
      <c r="A83123" s="13" t="s">
        <v>419</v>
      </c>
      <c r="B83123" s="14" t="s">
        <v>1</v>
      </c>
      <c r="C83123" s="14" t="s">
        <v>23</v>
      </c>
      <c r="D83123" s="14" t="s">
        <v>420</v>
      </c>
      <c r="E83123" s="15">
        <v>45644</v>
      </c>
      <c r="F83123" s="14" t="s">
        <v>61</v>
      </c>
      <c r="G83123" s="16">
        <v>4.5598127753557787</v>
      </c>
    </row>
    <row r="83124" spans="1:7" x14ac:dyDescent="0.3">
      <c r="A83124" s="13" t="s">
        <v>419</v>
      </c>
      <c r="B83124" s="14" t="s">
        <v>1</v>
      </c>
      <c r="C83124" s="14" t="s">
        <v>23</v>
      </c>
      <c r="D83124" s="14" t="s">
        <v>420</v>
      </c>
      <c r="E83124" s="15">
        <v>45645</v>
      </c>
      <c r="F83124" s="14" t="s">
        <v>61</v>
      </c>
      <c r="G83124" s="16">
        <v>4.5710338548362879</v>
      </c>
    </row>
    <row r="83125" spans="1:7" x14ac:dyDescent="0.3">
      <c r="A83125" s="13" t="s">
        <v>419</v>
      </c>
      <c r="B83125" s="14" t="s">
        <v>1</v>
      </c>
      <c r="C83125" s="14" t="s">
        <v>23</v>
      </c>
      <c r="D83125" s="14" t="s">
        <v>420</v>
      </c>
      <c r="E83125" s="15">
        <v>45646</v>
      </c>
      <c r="F83125" s="14" t="s">
        <v>61</v>
      </c>
      <c r="G83125" s="16">
        <v>4.5573978870422485</v>
      </c>
    </row>
    <row r="83126" spans="1:7" x14ac:dyDescent="0.3">
      <c r="A83126" s="13" t="s">
        <v>419</v>
      </c>
      <c r="B83126" s="14" t="s">
        <v>1</v>
      </c>
      <c r="C83126" s="14" t="s">
        <v>23</v>
      </c>
      <c r="D83126" s="14" t="s">
        <v>420</v>
      </c>
      <c r="E83126" s="15">
        <v>45647</v>
      </c>
      <c r="F83126" s="14" t="s">
        <v>61</v>
      </c>
      <c r="G83126" s="16">
        <v>4.5573978870422485</v>
      </c>
    </row>
    <row r="83127" spans="1:7" x14ac:dyDescent="0.3">
      <c r="A83127" s="13" t="s">
        <v>419</v>
      </c>
      <c r="B83127" s="14" t="s">
        <v>1</v>
      </c>
      <c r="C83127" s="14" t="s">
        <v>23</v>
      </c>
      <c r="D83127" s="14" t="s">
        <v>420</v>
      </c>
      <c r="E83127" s="15">
        <v>45648</v>
      </c>
      <c r="F83127" s="14" t="s">
        <v>61</v>
      </c>
      <c r="G83127" s="16">
        <v>4.5573978870422485</v>
      </c>
    </row>
    <row r="83128" spans="1:7" x14ac:dyDescent="0.3">
      <c r="A83128" s="13" t="s">
        <v>419</v>
      </c>
      <c r="B83128" s="14" t="s">
        <v>1</v>
      </c>
      <c r="C83128" s="14" t="s">
        <v>23</v>
      </c>
      <c r="D83128" s="14" t="s">
        <v>420</v>
      </c>
      <c r="E83128" s="15">
        <v>45649</v>
      </c>
      <c r="F83128" s="14" t="s">
        <v>61</v>
      </c>
      <c r="G83128" s="16">
        <v>4.5441153954842886</v>
      </c>
    </row>
    <row r="83129" spans="1:7" x14ac:dyDescent="0.3">
      <c r="A83129" s="13" t="s">
        <v>419</v>
      </c>
      <c r="B83129" s="14" t="s">
        <v>1</v>
      </c>
      <c r="C83129" s="14" t="s">
        <v>23</v>
      </c>
      <c r="D83129" s="14" t="s">
        <v>420</v>
      </c>
      <c r="E83129" s="15">
        <v>45650</v>
      </c>
      <c r="F83129" s="14" t="s">
        <v>61</v>
      </c>
      <c r="G83129" s="16">
        <v>4.5910442178191593</v>
      </c>
    </row>
    <row r="83130" spans="1:7" x14ac:dyDescent="0.3">
      <c r="A83130" s="13" t="s">
        <v>419</v>
      </c>
      <c r="B83130" s="14" t="s">
        <v>1</v>
      </c>
      <c r="C83130" s="14" t="s">
        <v>23</v>
      </c>
      <c r="D83130" s="14" t="s">
        <v>420</v>
      </c>
      <c r="E83130" s="15">
        <v>45651</v>
      </c>
      <c r="F83130" s="14" t="s">
        <v>61</v>
      </c>
      <c r="G83130" s="16">
        <v>4.5910442178191593</v>
      </c>
    </row>
    <row r="83131" spans="1:7" x14ac:dyDescent="0.3">
      <c r="A83131" s="13" t="s">
        <v>419</v>
      </c>
      <c r="B83131" s="14" t="s">
        <v>1</v>
      </c>
      <c r="C83131" s="14" t="s">
        <v>23</v>
      </c>
      <c r="D83131" s="14" t="s">
        <v>420</v>
      </c>
      <c r="E83131" s="15">
        <v>45652</v>
      </c>
      <c r="F83131" s="14" t="s">
        <v>61</v>
      </c>
      <c r="G83131" s="16">
        <v>4.5910442178191593</v>
      </c>
    </row>
    <row r="83132" spans="1:7" x14ac:dyDescent="0.3">
      <c r="A83132" s="13" t="s">
        <v>419</v>
      </c>
      <c r="B83132" s="14" t="s">
        <v>1</v>
      </c>
      <c r="C83132" s="14" t="s">
        <v>23</v>
      </c>
      <c r="D83132" s="14" t="s">
        <v>420</v>
      </c>
      <c r="E83132" s="15">
        <v>45653</v>
      </c>
      <c r="F83132" s="14" t="s">
        <v>61</v>
      </c>
      <c r="G83132" s="16">
        <v>4.5910442178191593</v>
      </c>
    </row>
    <row r="83133" spans="1:7" x14ac:dyDescent="0.3">
      <c r="A83133" s="13" t="s">
        <v>419</v>
      </c>
      <c r="B83133" s="14" t="s">
        <v>1</v>
      </c>
      <c r="C83133" s="14" t="s">
        <v>23</v>
      </c>
      <c r="D83133" s="14" t="s">
        <v>420</v>
      </c>
      <c r="E83133" s="15">
        <v>45654</v>
      </c>
      <c r="F83133" s="14" t="s">
        <v>61</v>
      </c>
      <c r="G83133" s="16">
        <v>4.5910442178191593</v>
      </c>
    </row>
    <row r="83134" spans="1:7" x14ac:dyDescent="0.3">
      <c r="A83134" s="13" t="s">
        <v>419</v>
      </c>
      <c r="B83134" s="14" t="s">
        <v>1</v>
      </c>
      <c r="C83134" s="14" t="s">
        <v>23</v>
      </c>
      <c r="D83134" s="14" t="s">
        <v>420</v>
      </c>
      <c r="E83134" s="15">
        <v>45655</v>
      </c>
      <c r="F83134" s="14" t="s">
        <v>61</v>
      </c>
      <c r="G83134" s="16">
        <v>4.5910442178191593</v>
      </c>
    </row>
    <row r="83135" spans="1:7" x14ac:dyDescent="0.3">
      <c r="A83135" s="13" t="s">
        <v>419</v>
      </c>
      <c r="B83135" s="14" t="s">
        <v>1</v>
      </c>
      <c r="C83135" s="14" t="s">
        <v>23</v>
      </c>
      <c r="D83135" s="14" t="s">
        <v>420</v>
      </c>
      <c r="E83135" s="15">
        <v>45656</v>
      </c>
      <c r="F83135" s="14" t="s">
        <v>61</v>
      </c>
      <c r="G83135" s="16">
        <v>4.6038790729489261</v>
      </c>
    </row>
    <row r="83136" spans="1:7" x14ac:dyDescent="0.3">
      <c r="A83136" s="13" t="s">
        <v>419</v>
      </c>
      <c r="B83136" s="14" t="s">
        <v>1</v>
      </c>
      <c r="C83136" s="14" t="s">
        <v>23</v>
      </c>
      <c r="D83136" s="14" t="s">
        <v>420</v>
      </c>
      <c r="E83136" s="15">
        <v>45657</v>
      </c>
      <c r="F83136" s="14" t="s">
        <v>61</v>
      </c>
      <c r="G83136" s="16">
        <v>4.7319588213547075</v>
      </c>
    </row>
    <row r="83137" spans="1:7" x14ac:dyDescent="0.3">
      <c r="A83137" s="13" t="s">
        <v>419</v>
      </c>
      <c r="B83137" s="14" t="s">
        <v>1</v>
      </c>
      <c r="C83137" s="14" t="s">
        <v>23</v>
      </c>
      <c r="D83137" s="14" t="s">
        <v>420</v>
      </c>
      <c r="E83137" s="15">
        <v>45658</v>
      </c>
      <c r="F83137" s="14" t="s">
        <v>61</v>
      </c>
      <c r="G83137" s="16">
        <v>4.7319588213547075</v>
      </c>
    </row>
    <row r="83138" spans="1:7" x14ac:dyDescent="0.3">
      <c r="A83138" s="13" t="s">
        <v>419</v>
      </c>
      <c r="B83138" s="14" t="s">
        <v>1</v>
      </c>
      <c r="C83138" s="14" t="s">
        <v>23</v>
      </c>
      <c r="D83138" s="14" t="s">
        <v>420</v>
      </c>
      <c r="E83138" s="15">
        <v>45659</v>
      </c>
      <c r="F83138" s="14" t="s">
        <v>61</v>
      </c>
      <c r="G83138" s="16">
        <v>4.7884427232855442</v>
      </c>
    </row>
    <row r="83139" spans="1:7" x14ac:dyDescent="0.3">
      <c r="A83139" s="13" t="s">
        <v>419</v>
      </c>
      <c r="B83139" s="14" t="s">
        <v>1</v>
      </c>
      <c r="C83139" s="14" t="s">
        <v>23</v>
      </c>
      <c r="D83139" s="14" t="s">
        <v>420</v>
      </c>
      <c r="E83139" s="15">
        <v>45660</v>
      </c>
      <c r="F83139" s="14" t="s">
        <v>61</v>
      </c>
      <c r="G83139" s="16">
        <v>4.7910407991352857</v>
      </c>
    </row>
    <row r="83140" spans="1:7" x14ac:dyDescent="0.3">
      <c r="A83140" s="13" t="s">
        <v>419</v>
      </c>
      <c r="B83140" s="14" t="s">
        <v>1</v>
      </c>
      <c r="C83140" s="14" t="s">
        <v>23</v>
      </c>
      <c r="D83140" s="14" t="s">
        <v>420</v>
      </c>
      <c r="E83140" s="15">
        <v>45661</v>
      </c>
      <c r="F83140" s="14" t="s">
        <v>61</v>
      </c>
      <c r="G83140" s="16">
        <v>4.7910407991352857</v>
      </c>
    </row>
    <row r="83141" spans="1:7" x14ac:dyDescent="0.3">
      <c r="A83141" s="13" t="s">
        <v>419</v>
      </c>
      <c r="B83141" s="14" t="s">
        <v>1</v>
      </c>
      <c r="C83141" s="14" t="s">
        <v>23</v>
      </c>
      <c r="D83141" s="14" t="s">
        <v>420</v>
      </c>
      <c r="E83141" s="15">
        <v>45662</v>
      </c>
      <c r="F83141" s="14" t="s">
        <v>61</v>
      </c>
      <c r="G83141" s="16">
        <v>4.7910407991352857</v>
      </c>
    </row>
    <row r="83142" spans="1:7" x14ac:dyDescent="0.3">
      <c r="A83142" s="13" t="s">
        <v>419</v>
      </c>
      <c r="B83142" s="14" t="s">
        <v>1</v>
      </c>
      <c r="C83142" s="14" t="s">
        <v>23</v>
      </c>
      <c r="D83142" s="14" t="s">
        <v>420</v>
      </c>
      <c r="E83142" s="15">
        <v>45663</v>
      </c>
      <c r="F83142" s="14" t="s">
        <v>61</v>
      </c>
      <c r="G83142" s="16">
        <v>4.769900473700714</v>
      </c>
    </row>
    <row r="83143" spans="1:7" x14ac:dyDescent="0.3">
      <c r="A83143" s="13" t="s">
        <v>419</v>
      </c>
      <c r="B83143" s="14" t="s">
        <v>1</v>
      </c>
      <c r="C83143" s="14" t="s">
        <v>23</v>
      </c>
      <c r="D83143" s="14" t="s">
        <v>420</v>
      </c>
      <c r="E83143" s="15">
        <v>45664</v>
      </c>
      <c r="F83143" s="14" t="s">
        <v>61</v>
      </c>
      <c r="G83143" s="16">
        <v>4.8435305786783678</v>
      </c>
    </row>
    <row r="83144" spans="1:7" x14ac:dyDescent="0.3">
      <c r="A83144" s="13" t="s">
        <v>419</v>
      </c>
      <c r="B83144" s="14" t="s">
        <v>1</v>
      </c>
      <c r="C83144" s="14" t="s">
        <v>23</v>
      </c>
      <c r="D83144" s="14" t="s">
        <v>420</v>
      </c>
      <c r="E83144" s="15">
        <v>45665</v>
      </c>
      <c r="F83144" s="14" t="s">
        <v>61</v>
      </c>
      <c r="G83144" s="16">
        <v>4.8721892276201926</v>
      </c>
    </row>
    <row r="83145" spans="1:7" x14ac:dyDescent="0.3">
      <c r="A83145" s="13" t="s">
        <v>419</v>
      </c>
      <c r="B83145" s="14" t="s">
        <v>1</v>
      </c>
      <c r="C83145" s="14" t="s">
        <v>23</v>
      </c>
      <c r="D83145" s="14" t="s">
        <v>420</v>
      </c>
      <c r="E83145" s="15">
        <v>45666</v>
      </c>
      <c r="F83145" s="14" t="s">
        <v>61</v>
      </c>
      <c r="G83145" s="16">
        <v>4.8721892276201926</v>
      </c>
    </row>
    <row r="83146" spans="1:7" x14ac:dyDescent="0.3">
      <c r="A83146" s="13" t="s">
        <v>419</v>
      </c>
      <c r="B83146" s="14" t="s">
        <v>1</v>
      </c>
      <c r="C83146" s="14" t="s">
        <v>23</v>
      </c>
      <c r="D83146" s="14" t="s">
        <v>420</v>
      </c>
      <c r="E83146" s="15">
        <v>45667</v>
      </c>
      <c r="F83146" s="14" t="s">
        <v>61</v>
      </c>
      <c r="G83146" s="16">
        <v>4.929673951752763</v>
      </c>
    </row>
    <row r="83147" spans="1:7" x14ac:dyDescent="0.3">
      <c r="A83147" s="13" t="s">
        <v>419</v>
      </c>
      <c r="B83147" s="14" t="s">
        <v>1</v>
      </c>
      <c r="C83147" s="14" t="s">
        <v>23</v>
      </c>
      <c r="D83147" s="14" t="s">
        <v>420</v>
      </c>
      <c r="E83147" s="15">
        <v>45668</v>
      </c>
      <c r="F83147" s="14" t="s">
        <v>61</v>
      </c>
      <c r="G83147" s="16">
        <v>4.929673951752763</v>
      </c>
    </row>
    <row r="83148" spans="1:7" x14ac:dyDescent="0.3">
      <c r="A83148" s="13" t="s">
        <v>419</v>
      </c>
      <c r="B83148" s="14" t="s">
        <v>1</v>
      </c>
      <c r="C83148" s="14" t="s">
        <v>23</v>
      </c>
      <c r="D83148" s="14" t="s">
        <v>420</v>
      </c>
      <c r="E83148" s="15">
        <v>45669</v>
      </c>
      <c r="F83148" s="14" t="s">
        <v>61</v>
      </c>
      <c r="G83148" s="16">
        <v>4.929673951752763</v>
      </c>
    </row>
    <row r="83149" spans="1:7" x14ac:dyDescent="0.3">
      <c r="A83149" s="13" t="s">
        <v>419</v>
      </c>
      <c r="B83149" s="14" t="s">
        <v>1</v>
      </c>
      <c r="C83149" s="14" t="s">
        <v>23</v>
      </c>
      <c r="D83149" s="14" t="s">
        <v>420</v>
      </c>
      <c r="E83149" s="15">
        <v>45670</v>
      </c>
      <c r="F83149" s="14" t="s">
        <v>61</v>
      </c>
      <c r="G83149" s="16">
        <v>4.9660872385446861</v>
      </c>
    </row>
    <row r="83150" spans="1:7" x14ac:dyDescent="0.3">
      <c r="A83150" s="13" t="s">
        <v>419</v>
      </c>
      <c r="B83150" s="14" t="s">
        <v>1</v>
      </c>
      <c r="C83150" s="14" t="s">
        <v>23</v>
      </c>
      <c r="D83150" s="14" t="s">
        <v>420</v>
      </c>
      <c r="E83150" s="15">
        <v>45671</v>
      </c>
      <c r="F83150" s="14" t="s">
        <v>61</v>
      </c>
      <c r="G83150" s="16">
        <v>4.9795565659511913</v>
      </c>
    </row>
    <row r="83151" spans="1:7" x14ac:dyDescent="0.3">
      <c r="A83151" s="13" t="s">
        <v>419</v>
      </c>
      <c r="B83151" s="14" t="s">
        <v>1</v>
      </c>
      <c r="C83151" s="14" t="s">
        <v>23</v>
      </c>
      <c r="D83151" s="14" t="s">
        <v>420</v>
      </c>
      <c r="E83151" s="15">
        <v>45672</v>
      </c>
      <c r="F83151" s="14" t="s">
        <v>61</v>
      </c>
      <c r="G83151" s="16">
        <v>5.005970804121473</v>
      </c>
    </row>
    <row r="83152" spans="1:7" x14ac:dyDescent="0.3">
      <c r="A83152" s="13" t="s">
        <v>419</v>
      </c>
      <c r="B83152" s="14" t="s">
        <v>1</v>
      </c>
      <c r="C83152" s="14" t="s">
        <v>23</v>
      </c>
      <c r="D83152" s="14" t="s">
        <v>420</v>
      </c>
      <c r="E83152" s="15">
        <v>45673</v>
      </c>
      <c r="F83152" s="14" t="s">
        <v>61</v>
      </c>
      <c r="G83152" s="16">
        <v>5.0181407046612883</v>
      </c>
    </row>
    <row r="83153" spans="1:7" x14ac:dyDescent="0.3">
      <c r="A83153" s="13" t="s">
        <v>419</v>
      </c>
      <c r="B83153" s="14" t="s">
        <v>1</v>
      </c>
      <c r="C83153" s="14" t="s">
        <v>23</v>
      </c>
      <c r="D83153" s="14" t="s">
        <v>420</v>
      </c>
      <c r="E83153" s="15">
        <v>45674</v>
      </c>
      <c r="F83153" s="14" t="s">
        <v>61</v>
      </c>
      <c r="G83153" s="16">
        <v>5.0392937164268536</v>
      </c>
    </row>
    <row r="83154" spans="1:7" x14ac:dyDescent="0.3">
      <c r="A83154" s="13" t="s">
        <v>419</v>
      </c>
      <c r="B83154" s="14" t="s">
        <v>1</v>
      </c>
      <c r="C83154" s="14" t="s">
        <v>23</v>
      </c>
      <c r="D83154" s="14" t="s">
        <v>420</v>
      </c>
      <c r="E83154" s="15">
        <v>45675</v>
      </c>
      <c r="F83154" s="14" t="s">
        <v>61</v>
      </c>
      <c r="G83154" s="16">
        <v>5.0392937164268536</v>
      </c>
    </row>
    <row r="83155" spans="1:7" x14ac:dyDescent="0.3">
      <c r="A83155" s="13" t="s">
        <v>419</v>
      </c>
      <c r="B83155" s="14" t="s">
        <v>1</v>
      </c>
      <c r="C83155" s="14" t="s">
        <v>23</v>
      </c>
      <c r="D83155" s="14" t="s">
        <v>420</v>
      </c>
      <c r="E83155" s="15">
        <v>45676</v>
      </c>
      <c r="F83155" s="14" t="s">
        <v>61</v>
      </c>
      <c r="G83155" s="16">
        <v>5.0392937164268536</v>
      </c>
    </row>
    <row r="83156" spans="1:7" x14ac:dyDescent="0.3">
      <c r="A83156" s="13" t="s">
        <v>419</v>
      </c>
      <c r="B83156" s="14" t="s">
        <v>1</v>
      </c>
      <c r="C83156" s="14" t="s">
        <v>23</v>
      </c>
      <c r="D83156" s="14" t="s">
        <v>420</v>
      </c>
      <c r="E83156" s="15">
        <v>45677</v>
      </c>
      <c r="F83156" s="14" t="s">
        <v>61</v>
      </c>
      <c r="G83156" s="16">
        <v>5.0392937164268536</v>
      </c>
    </row>
    <row r="83157" spans="1:7" x14ac:dyDescent="0.3">
      <c r="A83157" s="13" t="s">
        <v>419</v>
      </c>
      <c r="B83157" s="14" t="s">
        <v>1</v>
      </c>
      <c r="C83157" s="14" t="s">
        <v>23</v>
      </c>
      <c r="D83157" s="14" t="s">
        <v>420</v>
      </c>
      <c r="E83157" s="15">
        <v>45678</v>
      </c>
      <c r="F83157" s="14" t="s">
        <v>61</v>
      </c>
      <c r="G83157" s="16">
        <v>4.9807482244557066</v>
      </c>
    </row>
    <row r="83158" spans="1:7" x14ac:dyDescent="0.3">
      <c r="A83158" s="13" t="s">
        <v>419</v>
      </c>
      <c r="B83158" s="14" t="s">
        <v>1</v>
      </c>
      <c r="C83158" s="14" t="s">
        <v>23</v>
      </c>
      <c r="D83158" s="14" t="s">
        <v>420</v>
      </c>
      <c r="E83158" s="15">
        <v>45679</v>
      </c>
      <c r="F83158" s="14" t="s">
        <v>61</v>
      </c>
      <c r="G83158" s="16">
        <v>5.0521962865988623</v>
      </c>
    </row>
    <row r="83159" spans="1:7" x14ac:dyDescent="0.3">
      <c r="A83159" s="13" t="s">
        <v>419</v>
      </c>
      <c r="B83159" s="14" t="s">
        <v>1</v>
      </c>
      <c r="C83159" s="14" t="s">
        <v>23</v>
      </c>
      <c r="D83159" s="14" t="s">
        <v>420</v>
      </c>
      <c r="E83159" s="15">
        <v>45680</v>
      </c>
      <c r="F83159" s="14" t="s">
        <v>61</v>
      </c>
      <c r="G83159" s="16">
        <v>5.064743003046579</v>
      </c>
    </row>
    <row r="83160" spans="1:7" x14ac:dyDescent="0.3">
      <c r="A83160" s="13" t="s">
        <v>419</v>
      </c>
      <c r="B83160" s="14" t="s">
        <v>1</v>
      </c>
      <c r="C83160" s="14" t="s">
        <v>23</v>
      </c>
      <c r="D83160" s="14" t="s">
        <v>420</v>
      </c>
      <c r="E83160" s="15">
        <v>45681</v>
      </c>
      <c r="F83160" s="14" t="s">
        <v>61</v>
      </c>
      <c r="G83160" s="16">
        <v>5.0424226899351936</v>
      </c>
    </row>
    <row r="83161" spans="1:7" x14ac:dyDescent="0.3">
      <c r="A83161" s="13" t="s">
        <v>419</v>
      </c>
      <c r="B83161" s="14" t="s">
        <v>1</v>
      </c>
      <c r="C83161" s="14" t="s">
        <v>23</v>
      </c>
      <c r="D83161" s="14" t="s">
        <v>420</v>
      </c>
      <c r="E83161" s="15">
        <v>45682</v>
      </c>
      <c r="F83161" s="14" t="s">
        <v>61</v>
      </c>
      <c r="G83161" s="16">
        <v>5.0424226899351936</v>
      </c>
    </row>
    <row r="83162" spans="1:7" x14ac:dyDescent="0.3">
      <c r="A83162" s="13" t="s">
        <v>419</v>
      </c>
      <c r="B83162" s="14" t="s">
        <v>1</v>
      </c>
      <c r="C83162" s="14" t="s">
        <v>23</v>
      </c>
      <c r="D83162" s="14" t="s">
        <v>420</v>
      </c>
      <c r="E83162" s="15">
        <v>45683</v>
      </c>
      <c r="F83162" s="14" t="s">
        <v>61</v>
      </c>
      <c r="G83162" s="16">
        <v>5.0424226899351936</v>
      </c>
    </row>
    <row r="83163" spans="1:7" x14ac:dyDescent="0.3">
      <c r="A83163" s="13" t="s">
        <v>419</v>
      </c>
      <c r="B83163" s="14" t="s">
        <v>1</v>
      </c>
      <c r="C83163" s="14" t="s">
        <v>23</v>
      </c>
      <c r="D83163" s="14" t="s">
        <v>420</v>
      </c>
      <c r="E83163" s="15">
        <v>45684</v>
      </c>
      <c r="F83163" s="14" t="s">
        <v>61</v>
      </c>
      <c r="G83163" s="16">
        <v>5.0607733102838734</v>
      </c>
    </row>
    <row r="83164" spans="1:7" x14ac:dyDescent="0.3">
      <c r="A83164" s="13" t="s">
        <v>419</v>
      </c>
      <c r="B83164" s="14" t="s">
        <v>1</v>
      </c>
      <c r="C83164" s="14" t="s">
        <v>23</v>
      </c>
      <c r="D83164" s="14" t="s">
        <v>420</v>
      </c>
      <c r="E83164" s="15">
        <v>45685</v>
      </c>
      <c r="F83164" s="14" t="s">
        <v>61</v>
      </c>
      <c r="G83164" s="16">
        <v>5.1384727913879003</v>
      </c>
    </row>
    <row r="83165" spans="1:7" x14ac:dyDescent="0.3">
      <c r="A83165" s="13" t="s">
        <v>419</v>
      </c>
      <c r="B83165" s="14" t="s">
        <v>1</v>
      </c>
      <c r="C83165" s="14" t="s">
        <v>23</v>
      </c>
      <c r="D83165" s="14" t="s">
        <v>420</v>
      </c>
      <c r="E83165" s="15">
        <v>45686</v>
      </c>
      <c r="F83165" s="14" t="s">
        <v>61</v>
      </c>
      <c r="G83165" s="16">
        <v>5.159841767163158</v>
      </c>
    </row>
    <row r="83166" spans="1:7" x14ac:dyDescent="0.3">
      <c r="A83166" s="13" t="s">
        <v>419</v>
      </c>
      <c r="B83166" s="14" t="s">
        <v>1</v>
      </c>
      <c r="C83166" s="14" t="s">
        <v>23</v>
      </c>
      <c r="D83166" s="14" t="s">
        <v>420</v>
      </c>
      <c r="E83166" s="15">
        <v>45687</v>
      </c>
      <c r="F83166" s="14" t="s">
        <v>61</v>
      </c>
      <c r="G83166" s="16">
        <v>5.1917614924617173</v>
      </c>
    </row>
    <row r="83167" spans="1:7" x14ac:dyDescent="0.3">
      <c r="A83167" s="13" t="s">
        <v>419</v>
      </c>
      <c r="B83167" s="14" t="s">
        <v>1</v>
      </c>
      <c r="C83167" s="14" t="s">
        <v>23</v>
      </c>
      <c r="D83167" s="14" t="s">
        <v>420</v>
      </c>
      <c r="E83167" s="15">
        <v>45688</v>
      </c>
      <c r="F83167" s="14" t="s">
        <v>61</v>
      </c>
      <c r="G83167" s="16">
        <v>5.2205588320439942</v>
      </c>
    </row>
    <row r="83168" spans="1:7" x14ac:dyDescent="0.3">
      <c r="A83168" s="13" t="s">
        <v>419</v>
      </c>
      <c r="B83168" s="14" t="s">
        <v>1</v>
      </c>
      <c r="C83168" s="14" t="s">
        <v>23</v>
      </c>
      <c r="D83168" s="14" t="s">
        <v>420</v>
      </c>
      <c r="E83168" s="15">
        <v>45689</v>
      </c>
      <c r="F83168" s="14" t="s">
        <v>61</v>
      </c>
      <c r="G83168" s="16">
        <v>5.2205588320439942</v>
      </c>
    </row>
    <row r="83169" spans="1:7" x14ac:dyDescent="0.3">
      <c r="A83169" s="13" t="s">
        <v>419</v>
      </c>
      <c r="B83169" s="14" t="s">
        <v>1</v>
      </c>
      <c r="C83169" s="14" t="s">
        <v>23</v>
      </c>
      <c r="D83169" s="14" t="s">
        <v>420</v>
      </c>
      <c r="E83169" s="15">
        <v>45690</v>
      </c>
      <c r="F83169" s="14" t="s">
        <v>61</v>
      </c>
      <c r="G83169" s="16">
        <v>5.2205588320439942</v>
      </c>
    </row>
    <row r="83170" spans="1:7" x14ac:dyDescent="0.3">
      <c r="A83170" s="13" t="s">
        <v>419</v>
      </c>
      <c r="B83170" s="14" t="s">
        <v>1</v>
      </c>
      <c r="C83170" s="14" t="s">
        <v>23</v>
      </c>
      <c r="D83170" s="14" t="s">
        <v>420</v>
      </c>
      <c r="E83170" s="15">
        <v>45691</v>
      </c>
      <c r="F83170" s="14" t="s">
        <v>61</v>
      </c>
      <c r="G83170" s="16">
        <v>5.2205588320439942</v>
      </c>
    </row>
    <row r="83171" spans="1:7" x14ac:dyDescent="0.3">
      <c r="A83171" s="13" t="s">
        <v>419</v>
      </c>
      <c r="B83171" s="14" t="s">
        <v>1</v>
      </c>
      <c r="C83171" s="14" t="s">
        <v>23</v>
      </c>
      <c r="D83171" s="14" t="s">
        <v>420</v>
      </c>
      <c r="E83171" s="15">
        <v>45692</v>
      </c>
      <c r="F83171" s="14" t="s">
        <v>61</v>
      </c>
      <c r="G83171" s="16">
        <v>5.2271160695883774</v>
      </c>
    </row>
    <row r="83172" spans="1:7" x14ac:dyDescent="0.3">
      <c r="A83172" s="13" t="s">
        <v>419</v>
      </c>
      <c r="B83172" s="14" t="s">
        <v>1</v>
      </c>
      <c r="C83172" s="14" t="s">
        <v>23</v>
      </c>
      <c r="D83172" s="14" t="s">
        <v>420</v>
      </c>
      <c r="E83172" s="15">
        <v>45693</v>
      </c>
      <c r="F83172" s="14" t="s">
        <v>61</v>
      </c>
      <c r="G83172" s="16">
        <v>5.2695175531450831</v>
      </c>
    </row>
    <row r="83173" spans="1:7" x14ac:dyDescent="0.3">
      <c r="A83173" s="13" t="s">
        <v>419</v>
      </c>
      <c r="B83173" s="14" t="s">
        <v>1</v>
      </c>
      <c r="C83173" s="14" t="s">
        <v>23</v>
      </c>
      <c r="D83173" s="14" t="s">
        <v>420</v>
      </c>
      <c r="E83173" s="15">
        <v>45694</v>
      </c>
      <c r="F83173" s="14" t="s">
        <v>61</v>
      </c>
      <c r="G83173" s="16">
        <v>5.2942580979823877</v>
      </c>
    </row>
    <row r="83174" spans="1:7" x14ac:dyDescent="0.3">
      <c r="A83174" s="13" t="s">
        <v>419</v>
      </c>
      <c r="B83174" s="14" t="s">
        <v>1</v>
      </c>
      <c r="C83174" s="14" t="s">
        <v>23</v>
      </c>
      <c r="D83174" s="14" t="s">
        <v>420</v>
      </c>
      <c r="E83174" s="15">
        <v>45695</v>
      </c>
      <c r="F83174" s="14" t="s">
        <v>61</v>
      </c>
      <c r="G83174" s="16">
        <v>5.3396020656285978</v>
      </c>
    </row>
    <row r="83175" spans="1:7" x14ac:dyDescent="0.3">
      <c r="A83175" s="13" t="s">
        <v>419</v>
      </c>
      <c r="B83175" s="14" t="s">
        <v>1</v>
      </c>
      <c r="C83175" s="14" t="s">
        <v>23</v>
      </c>
      <c r="D83175" s="14" t="s">
        <v>420</v>
      </c>
      <c r="E83175" s="15">
        <v>45696</v>
      </c>
      <c r="F83175" s="14" t="s">
        <v>61</v>
      </c>
      <c r="G83175" s="16">
        <v>5.3396020656285978</v>
      </c>
    </row>
    <row r="83176" spans="1:7" x14ac:dyDescent="0.3">
      <c r="A83176" s="13" t="s">
        <v>419</v>
      </c>
      <c r="B83176" s="14" t="s">
        <v>1</v>
      </c>
      <c r="C83176" s="14" t="s">
        <v>23</v>
      </c>
      <c r="D83176" s="14" t="s">
        <v>420</v>
      </c>
      <c r="E83176" s="15">
        <v>45697</v>
      </c>
      <c r="F83176" s="14" t="s">
        <v>61</v>
      </c>
      <c r="G83176" s="16">
        <v>5.3396020656285978</v>
      </c>
    </row>
    <row r="83177" spans="1:7" x14ac:dyDescent="0.3">
      <c r="A83177" s="13" t="s">
        <v>419</v>
      </c>
      <c r="B83177" s="14" t="s">
        <v>1</v>
      </c>
      <c r="C83177" s="14" t="s">
        <v>23</v>
      </c>
      <c r="D83177" s="14" t="s">
        <v>420</v>
      </c>
      <c r="E83177" s="15">
        <v>45698</v>
      </c>
      <c r="F83177" s="14" t="s">
        <v>61</v>
      </c>
      <c r="G83177" s="16">
        <v>5.3747623884471665</v>
      </c>
    </row>
    <row r="83178" spans="1:7" x14ac:dyDescent="0.3">
      <c r="A83178" s="13" t="s">
        <v>419</v>
      </c>
      <c r="B83178" s="14" t="s">
        <v>1</v>
      </c>
      <c r="C83178" s="14" t="s">
        <v>23</v>
      </c>
      <c r="D83178" s="14" t="s">
        <v>420</v>
      </c>
      <c r="E83178" s="15">
        <v>45699</v>
      </c>
      <c r="F83178" s="14" t="s">
        <v>61</v>
      </c>
      <c r="G83178" s="16">
        <v>5.3948387311271242</v>
      </c>
    </row>
    <row r="83179" spans="1:7" x14ac:dyDescent="0.3">
      <c r="A83179" s="13" t="s">
        <v>419</v>
      </c>
      <c r="B83179" s="14" t="s">
        <v>1</v>
      </c>
      <c r="C83179" s="14" t="s">
        <v>23</v>
      </c>
      <c r="D83179" s="14" t="s">
        <v>420</v>
      </c>
      <c r="E83179" s="15">
        <v>45700</v>
      </c>
      <c r="F83179" s="14" t="s">
        <v>61</v>
      </c>
      <c r="G83179" s="16">
        <v>5.4000106074010983</v>
      </c>
    </row>
    <row r="83180" spans="1:7" x14ac:dyDescent="0.3">
      <c r="A83180" s="13" t="s">
        <v>419</v>
      </c>
      <c r="B83180" s="14" t="s">
        <v>1</v>
      </c>
      <c r="C83180" s="14" t="s">
        <v>23</v>
      </c>
      <c r="D83180" s="14" t="s">
        <v>420</v>
      </c>
      <c r="E83180" s="15">
        <v>45701</v>
      </c>
      <c r="F83180" s="14" t="s">
        <v>61</v>
      </c>
      <c r="G83180" s="16">
        <v>5.3753103056522527</v>
      </c>
    </row>
    <row r="83181" spans="1:7" x14ac:dyDescent="0.3">
      <c r="A83181" s="13" t="s">
        <v>419</v>
      </c>
      <c r="B83181" s="14" t="s">
        <v>1</v>
      </c>
      <c r="C83181" s="14" t="s">
        <v>23</v>
      </c>
      <c r="D83181" s="14" t="s">
        <v>420</v>
      </c>
      <c r="E83181" s="15">
        <v>45702</v>
      </c>
      <c r="F83181" s="14" t="s">
        <v>61</v>
      </c>
      <c r="G83181" s="16">
        <v>5.3751225464575869</v>
      </c>
    </row>
    <row r="83182" spans="1:7" x14ac:dyDescent="0.3">
      <c r="A83182" s="13" t="s">
        <v>419</v>
      </c>
      <c r="B83182" s="14" t="s">
        <v>1</v>
      </c>
      <c r="C83182" s="14" t="s">
        <v>23</v>
      </c>
      <c r="D83182" s="14" t="s">
        <v>420</v>
      </c>
      <c r="E83182" s="15">
        <v>45703</v>
      </c>
      <c r="F83182" s="14" t="s">
        <v>61</v>
      </c>
      <c r="G83182" s="16">
        <v>5.3751225464575869</v>
      </c>
    </row>
    <row r="83183" spans="1:7" x14ac:dyDescent="0.3">
      <c r="A83183" s="13" t="s">
        <v>419</v>
      </c>
      <c r="B83183" s="14" t="s">
        <v>1</v>
      </c>
      <c r="C83183" s="14" t="s">
        <v>23</v>
      </c>
      <c r="D83183" s="14" t="s">
        <v>420</v>
      </c>
      <c r="E83183" s="15">
        <v>45704</v>
      </c>
      <c r="F83183" s="14" t="s">
        <v>61</v>
      </c>
      <c r="G83183" s="16">
        <v>5.3751225464575869</v>
      </c>
    </row>
    <row r="83184" spans="1:7" x14ac:dyDescent="0.3">
      <c r="A83184" s="13" t="s">
        <v>419</v>
      </c>
      <c r="B83184" s="14" t="s">
        <v>1</v>
      </c>
      <c r="C83184" s="14" t="s">
        <v>23</v>
      </c>
      <c r="D83184" s="14" t="s">
        <v>420</v>
      </c>
      <c r="E83184" s="15">
        <v>45705</v>
      </c>
      <c r="F83184" s="14" t="s">
        <v>61</v>
      </c>
      <c r="G83184" s="16">
        <v>5.3751225464575869</v>
      </c>
    </row>
    <row r="83185" spans="1:7" x14ac:dyDescent="0.3">
      <c r="A83185" s="13" t="s">
        <v>419</v>
      </c>
      <c r="B83185" s="14" t="s">
        <v>1</v>
      </c>
      <c r="C83185" s="14" t="s">
        <v>23</v>
      </c>
      <c r="D83185" s="14" t="s">
        <v>420</v>
      </c>
      <c r="E83185" s="15">
        <v>45706</v>
      </c>
      <c r="F83185" s="14" t="s">
        <v>61</v>
      </c>
      <c r="G83185" s="16">
        <v>5.4152988129454362</v>
      </c>
    </row>
    <row r="83186" spans="1:7" x14ac:dyDescent="0.3">
      <c r="A83186" s="13" t="s">
        <v>419</v>
      </c>
      <c r="B83186" s="14" t="s">
        <v>1</v>
      </c>
      <c r="C83186" s="14" t="s">
        <v>23</v>
      </c>
      <c r="D83186" s="14" t="s">
        <v>420</v>
      </c>
      <c r="E83186" s="15">
        <v>45707</v>
      </c>
      <c r="F83186" s="14" t="s">
        <v>61</v>
      </c>
      <c r="G83186" s="16">
        <v>5.4922063050118277</v>
      </c>
    </row>
    <row r="83187" spans="1:7" x14ac:dyDescent="0.3">
      <c r="A83187" s="13" t="s">
        <v>419</v>
      </c>
      <c r="B83187" s="14" t="s">
        <v>1</v>
      </c>
      <c r="C83187" s="14" t="s">
        <v>23</v>
      </c>
      <c r="D83187" s="14" t="s">
        <v>420</v>
      </c>
      <c r="E83187" s="15">
        <v>45708</v>
      </c>
      <c r="F83187" s="14" t="s">
        <v>61</v>
      </c>
      <c r="G83187" s="16">
        <v>5.4662032765498463</v>
      </c>
    </row>
    <row r="83188" spans="1:7" x14ac:dyDescent="0.3">
      <c r="A83188" s="13" t="s">
        <v>419</v>
      </c>
      <c r="B83188" s="14" t="s">
        <v>1</v>
      </c>
      <c r="C83188" s="14" t="s">
        <v>23</v>
      </c>
      <c r="D83188" s="14" t="s">
        <v>420</v>
      </c>
      <c r="E83188" s="15">
        <v>45709</v>
      </c>
      <c r="F83188" s="14" t="s">
        <v>61</v>
      </c>
      <c r="G83188" s="16">
        <v>5.4979486388286167</v>
      </c>
    </row>
    <row r="83189" spans="1:7" x14ac:dyDescent="0.3">
      <c r="A83189" s="13" t="s">
        <v>419</v>
      </c>
      <c r="B83189" s="14" t="s">
        <v>1</v>
      </c>
      <c r="C83189" s="14" t="s">
        <v>23</v>
      </c>
      <c r="D83189" s="14" t="s">
        <v>420</v>
      </c>
      <c r="E83189" s="15">
        <v>45710</v>
      </c>
      <c r="F83189" s="14" t="s">
        <v>61</v>
      </c>
      <c r="G83189" s="16">
        <v>5.4979486388286167</v>
      </c>
    </row>
    <row r="83190" spans="1:7" x14ac:dyDescent="0.3">
      <c r="A83190" s="13" t="s">
        <v>419</v>
      </c>
      <c r="B83190" s="14" t="s">
        <v>1</v>
      </c>
      <c r="C83190" s="14" t="s">
        <v>23</v>
      </c>
      <c r="D83190" s="14" t="s">
        <v>420</v>
      </c>
      <c r="E83190" s="15">
        <v>45711</v>
      </c>
      <c r="F83190" s="14" t="s">
        <v>61</v>
      </c>
      <c r="G83190" s="16">
        <v>5.4979486388286167</v>
      </c>
    </row>
    <row r="83191" spans="1:7" x14ac:dyDescent="0.3">
      <c r="A83191" s="13" t="s">
        <v>419</v>
      </c>
      <c r="B83191" s="14" t="s">
        <v>1</v>
      </c>
      <c r="C83191" s="14" t="s">
        <v>23</v>
      </c>
      <c r="D83191" s="14" t="s">
        <v>420</v>
      </c>
      <c r="E83191" s="15">
        <v>45712</v>
      </c>
      <c r="F83191" s="14" t="s">
        <v>61</v>
      </c>
      <c r="G83191" s="16">
        <v>5.505987837142567</v>
      </c>
    </row>
    <row r="83192" spans="1:7" x14ac:dyDescent="0.3">
      <c r="A83192" s="13" t="s">
        <v>419</v>
      </c>
      <c r="B83192" s="14" t="s">
        <v>1</v>
      </c>
      <c r="C83192" s="14" t="s">
        <v>23</v>
      </c>
      <c r="D83192" s="14" t="s">
        <v>420</v>
      </c>
      <c r="E83192" s="15">
        <v>45713</v>
      </c>
      <c r="F83192" s="14" t="s">
        <v>61</v>
      </c>
      <c r="G83192" s="16">
        <v>5.5296730146840058</v>
      </c>
    </row>
    <row r="83193" spans="1:7" x14ac:dyDescent="0.3">
      <c r="A83193" s="13" t="s">
        <v>419</v>
      </c>
      <c r="B83193" s="14" t="s">
        <v>1</v>
      </c>
      <c r="C83193" s="14" t="s">
        <v>23</v>
      </c>
      <c r="D83193" s="14" t="s">
        <v>420</v>
      </c>
      <c r="E83193" s="15">
        <v>45714</v>
      </c>
      <c r="F83193" s="14" t="s">
        <v>61</v>
      </c>
      <c r="G83193" s="16">
        <v>5.5580190570447714</v>
      </c>
    </row>
    <row r="83194" spans="1:7" x14ac:dyDescent="0.3">
      <c r="A83194" s="13" t="s">
        <v>419</v>
      </c>
      <c r="B83194" s="14" t="s">
        <v>1</v>
      </c>
      <c r="C83194" s="14" t="s">
        <v>23</v>
      </c>
      <c r="D83194" s="14" t="s">
        <v>420</v>
      </c>
      <c r="E83194" s="15">
        <v>45715</v>
      </c>
      <c r="F83194" s="14" t="s">
        <v>61</v>
      </c>
      <c r="G83194" s="16">
        <v>5.619819757621193</v>
      </c>
    </row>
    <row r="83195" spans="1:7" x14ac:dyDescent="0.3">
      <c r="A83195" s="13" t="s">
        <v>419</v>
      </c>
      <c r="B83195" s="14" t="s">
        <v>1</v>
      </c>
      <c r="C83195" s="14" t="s">
        <v>23</v>
      </c>
      <c r="D83195" s="14" t="s">
        <v>420</v>
      </c>
      <c r="E83195" s="15">
        <v>45716</v>
      </c>
      <c r="F83195" s="14" t="s">
        <v>61</v>
      </c>
      <c r="G83195" s="16">
        <v>5.6488165880737364</v>
      </c>
    </row>
    <row r="83196" spans="1:7" x14ac:dyDescent="0.3">
      <c r="A83196" s="13" t="s">
        <v>419</v>
      </c>
      <c r="B83196" s="14" t="s">
        <v>1</v>
      </c>
      <c r="C83196" s="14" t="s">
        <v>23</v>
      </c>
      <c r="D83196" s="14" t="s">
        <v>420</v>
      </c>
      <c r="E83196" s="15">
        <v>45717</v>
      </c>
      <c r="F83196" s="14" t="s">
        <v>61</v>
      </c>
      <c r="G83196" s="16">
        <v>5.6488165880737364</v>
      </c>
    </row>
    <row r="83197" spans="1:7" x14ac:dyDescent="0.3">
      <c r="A83197" s="13" t="s">
        <v>419</v>
      </c>
      <c r="B83197" s="14" t="s">
        <v>1</v>
      </c>
      <c r="C83197" s="14" t="s">
        <v>23</v>
      </c>
      <c r="D83197" s="14" t="s">
        <v>420</v>
      </c>
      <c r="E83197" s="15">
        <v>45718</v>
      </c>
      <c r="F83197" s="14" t="s">
        <v>61</v>
      </c>
      <c r="G83197" s="16">
        <v>5.6488165880737364</v>
      </c>
    </row>
    <row r="83198" spans="1:7" x14ac:dyDescent="0.3">
      <c r="A83198" s="13" t="s">
        <v>419</v>
      </c>
      <c r="B83198" s="14" t="s">
        <v>1</v>
      </c>
      <c r="C83198" s="14" t="s">
        <v>23</v>
      </c>
      <c r="D83198" s="14" t="s">
        <v>420</v>
      </c>
      <c r="E83198" s="15">
        <v>45719</v>
      </c>
      <c r="F83198" s="14" t="s">
        <v>61</v>
      </c>
      <c r="G83198" s="16">
        <v>5.6256783483117525</v>
      </c>
    </row>
    <row r="83199" spans="1:7" x14ac:dyDescent="0.3">
      <c r="A83199" s="13" t="s">
        <v>419</v>
      </c>
      <c r="B83199" s="14" t="s">
        <v>1</v>
      </c>
      <c r="C83199" s="14" t="s">
        <v>23</v>
      </c>
      <c r="D83199" s="14" t="s">
        <v>420</v>
      </c>
      <c r="E83199" s="15">
        <v>45720</v>
      </c>
      <c r="F83199" s="14" t="s">
        <v>61</v>
      </c>
      <c r="G83199" s="16">
        <v>5.5992200754796055</v>
      </c>
    </row>
    <row r="83200" spans="1:7" x14ac:dyDescent="0.3">
      <c r="A83200" s="13" t="s">
        <v>419</v>
      </c>
      <c r="B83200" s="14" t="s">
        <v>1</v>
      </c>
      <c r="C83200" s="14" t="s">
        <v>23</v>
      </c>
      <c r="D83200" s="14" t="s">
        <v>420</v>
      </c>
      <c r="E83200" s="15">
        <v>45721</v>
      </c>
      <c r="F83200" s="14" t="s">
        <v>61</v>
      </c>
      <c r="G83200" s="16">
        <v>5.530510162242174</v>
      </c>
    </row>
    <row r="83201" spans="1:7" x14ac:dyDescent="0.3">
      <c r="A83201" s="13" t="s">
        <v>419</v>
      </c>
      <c r="B83201" s="14" t="s">
        <v>1</v>
      </c>
      <c r="C83201" s="14" t="s">
        <v>23</v>
      </c>
      <c r="D83201" s="14" t="s">
        <v>420</v>
      </c>
      <c r="E83201" s="15">
        <v>45722</v>
      </c>
      <c r="F83201" s="14" t="s">
        <v>61</v>
      </c>
      <c r="G83201" s="16">
        <v>5.5491485930808704</v>
      </c>
    </row>
    <row r="83202" spans="1:7" x14ac:dyDescent="0.3">
      <c r="A83202" s="13" t="s">
        <v>419</v>
      </c>
      <c r="B83202" s="14" t="s">
        <v>1</v>
      </c>
      <c r="C83202" s="14" t="s">
        <v>23</v>
      </c>
      <c r="D83202" s="14" t="s">
        <v>420</v>
      </c>
      <c r="E83202" s="15">
        <v>45723</v>
      </c>
      <c r="F83202" s="14" t="s">
        <v>61</v>
      </c>
      <c r="G83202" s="16">
        <v>5.5399215162867046</v>
      </c>
    </row>
    <row r="83203" spans="1:7" x14ac:dyDescent="0.3">
      <c r="A83203" s="13" t="s">
        <v>419</v>
      </c>
      <c r="B83203" s="14" t="s">
        <v>1</v>
      </c>
      <c r="C83203" s="14" t="s">
        <v>23</v>
      </c>
      <c r="D83203" s="14" t="s">
        <v>420</v>
      </c>
      <c r="E83203" s="15">
        <v>45724</v>
      </c>
      <c r="F83203" s="14" t="s">
        <v>61</v>
      </c>
      <c r="G83203" s="16">
        <v>5.5399215162867046</v>
      </c>
    </row>
    <row r="83204" spans="1:7" x14ac:dyDescent="0.3">
      <c r="A83204" s="13" t="s">
        <v>419</v>
      </c>
      <c r="B83204" s="14" t="s">
        <v>1</v>
      </c>
      <c r="C83204" s="14" t="s">
        <v>23</v>
      </c>
      <c r="D83204" s="14" t="s">
        <v>420</v>
      </c>
      <c r="E83204" s="15">
        <v>45725</v>
      </c>
      <c r="F83204" s="14" t="s">
        <v>61</v>
      </c>
      <c r="G83204" s="16">
        <v>5.5399215162867046</v>
      </c>
    </row>
    <row r="83205" spans="1:7" x14ac:dyDescent="0.3">
      <c r="A83205" s="13" t="s">
        <v>419</v>
      </c>
      <c r="B83205" s="14" t="s">
        <v>1</v>
      </c>
      <c r="C83205" s="14" t="s">
        <v>23</v>
      </c>
      <c r="D83205" s="14" t="s">
        <v>420</v>
      </c>
      <c r="E83205" s="15">
        <v>45726</v>
      </c>
      <c r="F83205" s="14" t="s">
        <v>61</v>
      </c>
      <c r="G83205" s="16">
        <v>5.5641255381207939</v>
      </c>
    </row>
    <row r="83206" spans="1:7" x14ac:dyDescent="0.3">
      <c r="A83206" s="13" t="s">
        <v>419</v>
      </c>
      <c r="B83206" s="14" t="s">
        <v>1</v>
      </c>
      <c r="C83206" s="14" t="s">
        <v>23</v>
      </c>
      <c r="D83206" s="14" t="s">
        <v>420</v>
      </c>
      <c r="E83206" s="15">
        <v>45727</v>
      </c>
      <c r="F83206" s="14" t="s">
        <v>61</v>
      </c>
      <c r="G83206" s="16">
        <v>5.5693315174855647</v>
      </c>
    </row>
    <row r="83207" spans="1:7" x14ac:dyDescent="0.3">
      <c r="A83207" s="13" t="s">
        <v>419</v>
      </c>
      <c r="B83207" s="14" t="s">
        <v>1</v>
      </c>
      <c r="C83207" s="14" t="s">
        <v>23</v>
      </c>
      <c r="D83207" s="14" t="s">
        <v>420</v>
      </c>
      <c r="E83207" s="15">
        <v>45728</v>
      </c>
      <c r="F83207" s="14" t="s">
        <v>61</v>
      </c>
      <c r="G83207" s="16">
        <v>5.6024508425325958</v>
      </c>
    </row>
    <row r="83208" spans="1:7" x14ac:dyDescent="0.3">
      <c r="A83208" s="13" t="s">
        <v>419</v>
      </c>
      <c r="B83208" s="14" t="s">
        <v>1</v>
      </c>
      <c r="C83208" s="14" t="s">
        <v>23</v>
      </c>
      <c r="D83208" s="14" t="s">
        <v>420</v>
      </c>
      <c r="E83208" s="15">
        <v>45729</v>
      </c>
      <c r="F83208" s="14" t="s">
        <v>61</v>
      </c>
      <c r="G83208" s="16">
        <v>5.6347695035340557</v>
      </c>
    </row>
    <row r="83209" spans="1:7" x14ac:dyDescent="0.3">
      <c r="A83209" s="13" t="s">
        <v>419</v>
      </c>
      <c r="B83209" s="14" t="s">
        <v>1</v>
      </c>
      <c r="C83209" s="14" t="s">
        <v>23</v>
      </c>
      <c r="D83209" s="14" t="s">
        <v>420</v>
      </c>
      <c r="E83209" s="15">
        <v>45730</v>
      </c>
      <c r="F83209" s="14" t="s">
        <v>61</v>
      </c>
      <c r="G83209" s="16">
        <v>5.5290115606120196</v>
      </c>
    </row>
    <row r="83210" spans="1:7" x14ac:dyDescent="0.3">
      <c r="A83210" s="13" t="s">
        <v>419</v>
      </c>
      <c r="B83210" s="14" t="s">
        <v>1</v>
      </c>
      <c r="C83210" s="14" t="s">
        <v>23</v>
      </c>
      <c r="D83210" s="14" t="s">
        <v>420</v>
      </c>
      <c r="E83210" s="15">
        <v>45731</v>
      </c>
      <c r="F83210" s="14" t="s">
        <v>61</v>
      </c>
      <c r="G83210" s="16">
        <v>5.5290115606120196</v>
      </c>
    </row>
    <row r="83211" spans="1:7" x14ac:dyDescent="0.3">
      <c r="A83211" s="13" t="s">
        <v>419</v>
      </c>
      <c r="B83211" s="14" t="s">
        <v>1</v>
      </c>
      <c r="C83211" s="14" t="s">
        <v>23</v>
      </c>
      <c r="D83211" s="14" t="s">
        <v>420</v>
      </c>
      <c r="E83211" s="15">
        <v>45732</v>
      </c>
      <c r="F83211" s="14" t="s">
        <v>61</v>
      </c>
      <c r="G83211" s="16">
        <v>5.5290115606120196</v>
      </c>
    </row>
    <row r="83212" spans="1:7" x14ac:dyDescent="0.3">
      <c r="A83212" s="13" t="s">
        <v>419</v>
      </c>
      <c r="B83212" s="14" t="s">
        <v>1</v>
      </c>
      <c r="C83212" s="14" t="s">
        <v>23</v>
      </c>
      <c r="D83212" s="14" t="s">
        <v>420</v>
      </c>
      <c r="E83212" s="15">
        <v>45733</v>
      </c>
      <c r="F83212" s="14" t="s">
        <v>61</v>
      </c>
      <c r="G83212" s="16">
        <v>5.5290115606120196</v>
      </c>
    </row>
    <row r="83213" spans="1:7" x14ac:dyDescent="0.3">
      <c r="A83213" s="13" t="s">
        <v>419</v>
      </c>
      <c r="B83213" s="14" t="s">
        <v>1</v>
      </c>
      <c r="C83213" s="14" t="s">
        <v>23</v>
      </c>
      <c r="D83213" s="14" t="s">
        <v>420</v>
      </c>
      <c r="E83213" s="15">
        <v>45734</v>
      </c>
      <c r="F83213" s="14" t="s">
        <v>61</v>
      </c>
      <c r="G83213" s="16">
        <v>5.5109937519856693</v>
      </c>
    </row>
    <row r="83214" spans="1:7" x14ac:dyDescent="0.3">
      <c r="A83214" s="13" t="s">
        <v>419</v>
      </c>
      <c r="B83214" s="14" t="s">
        <v>1</v>
      </c>
      <c r="C83214" s="14" t="s">
        <v>23</v>
      </c>
      <c r="D83214" s="14" t="s">
        <v>420</v>
      </c>
      <c r="E83214" s="15">
        <v>45735</v>
      </c>
      <c r="F83214" s="14" t="s">
        <v>61</v>
      </c>
      <c r="G83214" s="16">
        <v>5.5882571581535627</v>
      </c>
    </row>
    <row r="83215" spans="1:7" x14ac:dyDescent="0.3">
      <c r="A83215" s="13" t="s">
        <v>419</v>
      </c>
      <c r="B83215" s="14" t="s">
        <v>1</v>
      </c>
      <c r="C83215" s="14" t="s">
        <v>23</v>
      </c>
      <c r="D83215" s="14" t="s">
        <v>420</v>
      </c>
      <c r="E83215" s="15">
        <v>45736</v>
      </c>
      <c r="F83215" s="14" t="s">
        <v>61</v>
      </c>
      <c r="G83215" s="16">
        <v>5.630049711355098</v>
      </c>
    </row>
    <row r="83216" spans="1:7" x14ac:dyDescent="0.3">
      <c r="A83216" s="13" t="s">
        <v>419</v>
      </c>
      <c r="B83216" s="14" t="s">
        <v>1</v>
      </c>
      <c r="C83216" s="14" t="s">
        <v>23</v>
      </c>
      <c r="D83216" s="14" t="s">
        <v>420</v>
      </c>
      <c r="E83216" s="15">
        <v>45737</v>
      </c>
      <c r="F83216" s="14" t="s">
        <v>61</v>
      </c>
      <c r="G83216" s="16">
        <v>5.6653510421204034</v>
      </c>
    </row>
    <row r="83217" spans="1:7" x14ac:dyDescent="0.3">
      <c r="A83217" s="13" t="s">
        <v>419</v>
      </c>
      <c r="B83217" s="14" t="s">
        <v>1</v>
      </c>
      <c r="C83217" s="14" t="s">
        <v>23</v>
      </c>
      <c r="D83217" s="14" t="s">
        <v>420</v>
      </c>
      <c r="E83217" s="15">
        <v>45738</v>
      </c>
      <c r="F83217" s="14" t="s">
        <v>61</v>
      </c>
      <c r="G83217" s="16">
        <v>5.6653510421204034</v>
      </c>
    </row>
    <row r="83218" spans="1:7" x14ac:dyDescent="0.3">
      <c r="A83218" s="13" t="s">
        <v>419</v>
      </c>
      <c r="B83218" s="14" t="s">
        <v>1</v>
      </c>
      <c r="C83218" s="14" t="s">
        <v>23</v>
      </c>
      <c r="D83218" s="14" t="s">
        <v>420</v>
      </c>
      <c r="E83218" s="15">
        <v>45739</v>
      </c>
      <c r="F83218" s="14" t="s">
        <v>61</v>
      </c>
      <c r="G83218" s="16">
        <v>5.6653510421204034</v>
      </c>
    </row>
    <row r="83219" spans="1:7" x14ac:dyDescent="0.3">
      <c r="A83219" s="13" t="s">
        <v>419</v>
      </c>
      <c r="B83219" s="14" t="s">
        <v>1</v>
      </c>
      <c r="C83219" s="14" t="s">
        <v>23</v>
      </c>
      <c r="D83219" s="14" t="s">
        <v>420</v>
      </c>
      <c r="E83219" s="15">
        <v>45740</v>
      </c>
      <c r="F83219" s="14" t="s">
        <v>61</v>
      </c>
      <c r="G83219" s="16">
        <v>5.6889205684052087</v>
      </c>
    </row>
    <row r="83220" spans="1:7" x14ac:dyDescent="0.3">
      <c r="A83220" s="13" t="s">
        <v>419</v>
      </c>
      <c r="B83220" s="14" t="s">
        <v>1</v>
      </c>
      <c r="C83220" s="14" t="s">
        <v>23</v>
      </c>
      <c r="D83220" s="14" t="s">
        <v>420</v>
      </c>
      <c r="E83220" s="15">
        <v>45741</v>
      </c>
      <c r="F83220" s="14" t="s">
        <v>61</v>
      </c>
      <c r="G83220" s="16">
        <v>5.7424618999878012</v>
      </c>
    </row>
    <row r="83221" spans="1:7" x14ac:dyDescent="0.3">
      <c r="A83221" s="13" t="s">
        <v>419</v>
      </c>
      <c r="B83221" s="14" t="s">
        <v>1</v>
      </c>
      <c r="C83221" s="14" t="s">
        <v>23</v>
      </c>
      <c r="D83221" s="14" t="s">
        <v>420</v>
      </c>
      <c r="E83221" s="15">
        <v>45742</v>
      </c>
      <c r="F83221" s="14" t="s">
        <v>61</v>
      </c>
      <c r="G83221" s="16">
        <v>5.7784680123968855</v>
      </c>
    </row>
    <row r="83222" spans="1:7" x14ac:dyDescent="0.3">
      <c r="A83222" s="13" t="s">
        <v>419</v>
      </c>
      <c r="B83222" s="14" t="s">
        <v>1</v>
      </c>
      <c r="C83222" s="14" t="s">
        <v>23</v>
      </c>
      <c r="D83222" s="14" t="s">
        <v>420</v>
      </c>
      <c r="E83222" s="15">
        <v>45743</v>
      </c>
      <c r="F83222" s="14" t="s">
        <v>61</v>
      </c>
      <c r="G83222" s="16">
        <v>5.7699433045163886</v>
      </c>
    </row>
    <row r="83223" spans="1:7" x14ac:dyDescent="0.3">
      <c r="A83223" s="13" t="s">
        <v>419</v>
      </c>
      <c r="B83223" s="14" t="s">
        <v>1</v>
      </c>
      <c r="C83223" s="14" t="s">
        <v>23</v>
      </c>
      <c r="D83223" s="14" t="s">
        <v>420</v>
      </c>
      <c r="E83223" s="15">
        <v>45744</v>
      </c>
      <c r="F83223" s="14" t="s">
        <v>61</v>
      </c>
      <c r="G83223" s="16">
        <v>5.7710058513295346</v>
      </c>
    </row>
    <row r="83224" spans="1:7" x14ac:dyDescent="0.3">
      <c r="A83224" s="13" t="s">
        <v>419</v>
      </c>
      <c r="B83224" s="14" t="s">
        <v>1</v>
      </c>
      <c r="C83224" s="14" t="s">
        <v>23</v>
      </c>
      <c r="D83224" s="14" t="s">
        <v>420</v>
      </c>
      <c r="E83224" s="15">
        <v>45745</v>
      </c>
      <c r="F83224" s="14" t="s">
        <v>61</v>
      </c>
      <c r="G83224" s="16">
        <v>5.7710058513295346</v>
      </c>
    </row>
    <row r="83225" spans="1:7" x14ac:dyDescent="0.3">
      <c r="A83225" s="13" t="s">
        <v>419</v>
      </c>
      <c r="B83225" s="14" t="s">
        <v>1</v>
      </c>
      <c r="C83225" s="14" t="s">
        <v>23</v>
      </c>
      <c r="D83225" s="14" t="s">
        <v>420</v>
      </c>
      <c r="E83225" s="15">
        <v>45746</v>
      </c>
      <c r="F83225" s="14" t="s">
        <v>61</v>
      </c>
      <c r="G83225" s="16">
        <v>5.7710058513295346</v>
      </c>
    </row>
    <row r="83226" spans="1:7" x14ac:dyDescent="0.3">
      <c r="A83226" s="13" t="s">
        <v>419</v>
      </c>
      <c r="B83226" s="14" t="s">
        <v>1</v>
      </c>
      <c r="C83226" s="14" t="s">
        <v>23</v>
      </c>
      <c r="D83226" s="14" t="s">
        <v>420</v>
      </c>
      <c r="E83226" s="15">
        <v>45747</v>
      </c>
      <c r="F83226" s="14" t="s">
        <v>61</v>
      </c>
      <c r="G83226" s="16">
        <v>5.7931895209496007</v>
      </c>
    </row>
    <row r="83227" spans="1:7" x14ac:dyDescent="0.3">
      <c r="A83227" s="13" t="s">
        <v>421</v>
      </c>
      <c r="B83227" s="14" t="s">
        <v>1</v>
      </c>
      <c r="C83227" s="14" t="s">
        <v>20</v>
      </c>
      <c r="D83227" s="14" t="s">
        <v>94</v>
      </c>
      <c r="E83227" s="15">
        <v>45383</v>
      </c>
      <c r="F83227" s="14" t="s">
        <v>15</v>
      </c>
      <c r="G83227" s="16">
        <v>0</v>
      </c>
    </row>
    <row r="83228" spans="1:7" x14ac:dyDescent="0.3">
      <c r="A83228" s="13" t="s">
        <v>421</v>
      </c>
      <c r="B83228" s="14" t="s">
        <v>1</v>
      </c>
      <c r="C83228" s="14" t="s">
        <v>20</v>
      </c>
      <c r="D83228" s="14" t="s">
        <v>94</v>
      </c>
      <c r="E83228" s="15">
        <v>45384</v>
      </c>
      <c r="F83228" s="14" t="s">
        <v>15</v>
      </c>
      <c r="G83228" s="16">
        <v>0</v>
      </c>
    </row>
    <row r="83229" spans="1:7" x14ac:dyDescent="0.3">
      <c r="A83229" s="13" t="s">
        <v>421</v>
      </c>
      <c r="B83229" s="14" t="s">
        <v>1</v>
      </c>
      <c r="C83229" s="14" t="s">
        <v>20</v>
      </c>
      <c r="D83229" s="14" t="s">
        <v>94</v>
      </c>
      <c r="E83229" s="15">
        <v>45385</v>
      </c>
      <c r="F83229" s="14" t="s">
        <v>15</v>
      </c>
      <c r="G83229" s="16">
        <v>2.5551006619719731E-2</v>
      </c>
    </row>
    <row r="83230" spans="1:7" x14ac:dyDescent="0.3">
      <c r="A83230" s="13" t="s">
        <v>421</v>
      </c>
      <c r="B83230" s="14" t="s">
        <v>1</v>
      </c>
      <c r="C83230" s="14" t="s">
        <v>20</v>
      </c>
      <c r="D83230" s="14" t="s">
        <v>94</v>
      </c>
      <c r="E83230" s="15">
        <v>45386</v>
      </c>
      <c r="F83230" s="14" t="s">
        <v>15</v>
      </c>
      <c r="G83230" s="16">
        <v>3.8115934353128558E-2</v>
      </c>
    </row>
    <row r="83231" spans="1:7" x14ac:dyDescent="0.3">
      <c r="A83231" s="13" t="s">
        <v>421</v>
      </c>
      <c r="B83231" s="14" t="s">
        <v>1</v>
      </c>
      <c r="C83231" s="14" t="s">
        <v>20</v>
      </c>
      <c r="D83231" s="14" t="s">
        <v>94</v>
      </c>
      <c r="E83231" s="15">
        <v>45387</v>
      </c>
      <c r="F83231" s="14" t="s">
        <v>15</v>
      </c>
      <c r="G83231" s="16">
        <v>4.5530050021572177E-2</v>
      </c>
    </row>
    <row r="83232" spans="1:7" x14ac:dyDescent="0.3">
      <c r="A83232" s="13" t="s">
        <v>421</v>
      </c>
      <c r="B83232" s="14" t="s">
        <v>1</v>
      </c>
      <c r="C83232" s="14" t="s">
        <v>20</v>
      </c>
      <c r="D83232" s="14" t="s">
        <v>94</v>
      </c>
      <c r="E83232" s="15">
        <v>45388</v>
      </c>
      <c r="F83232" s="14" t="s">
        <v>15</v>
      </c>
      <c r="G83232" s="16">
        <v>4.5530050021572177E-2</v>
      </c>
    </row>
    <row r="83233" spans="1:7" x14ac:dyDescent="0.3">
      <c r="A83233" s="13" t="s">
        <v>421</v>
      </c>
      <c r="B83233" s="14" t="s">
        <v>1</v>
      </c>
      <c r="C83233" s="14" t="s">
        <v>20</v>
      </c>
      <c r="D83233" s="14" t="s">
        <v>94</v>
      </c>
      <c r="E83233" s="15">
        <v>45389</v>
      </c>
      <c r="F83233" s="14" t="s">
        <v>15</v>
      </c>
      <c r="G83233" s="16">
        <v>4.5530050021572177E-2</v>
      </c>
    </row>
    <row r="83234" spans="1:7" x14ac:dyDescent="0.3">
      <c r="A83234" s="13" t="s">
        <v>421</v>
      </c>
      <c r="B83234" s="14" t="s">
        <v>1</v>
      </c>
      <c r="C83234" s="14" t="s">
        <v>20</v>
      </c>
      <c r="D83234" s="14" t="s">
        <v>94</v>
      </c>
      <c r="E83234" s="15">
        <v>45390</v>
      </c>
      <c r="F83234" s="14" t="s">
        <v>15</v>
      </c>
      <c r="G83234" s="16">
        <v>5.945460652528263E-2</v>
      </c>
    </row>
    <row r="83235" spans="1:7" x14ac:dyDescent="0.3">
      <c r="A83235" s="13" t="s">
        <v>421</v>
      </c>
      <c r="B83235" s="14" t="s">
        <v>1</v>
      </c>
      <c r="C83235" s="14" t="s">
        <v>20</v>
      </c>
      <c r="D83235" s="14" t="s">
        <v>94</v>
      </c>
      <c r="E83235" s="15">
        <v>45391</v>
      </c>
      <c r="F83235" s="14" t="s">
        <v>15</v>
      </c>
      <c r="G83235" s="16">
        <v>7.8270114305095159E-2</v>
      </c>
    </row>
    <row r="83236" spans="1:7" x14ac:dyDescent="0.3">
      <c r="A83236" s="13" t="s">
        <v>421</v>
      </c>
      <c r="B83236" s="14" t="s">
        <v>1</v>
      </c>
      <c r="C83236" s="14" t="s">
        <v>20</v>
      </c>
      <c r="D83236" s="14" t="s">
        <v>94</v>
      </c>
      <c r="E83236" s="15">
        <v>45392</v>
      </c>
      <c r="F83236" s="14" t="s">
        <v>15</v>
      </c>
      <c r="G83236" s="16">
        <v>8.4006735774002819E-2</v>
      </c>
    </row>
    <row r="83237" spans="1:7" x14ac:dyDescent="0.3">
      <c r="A83237" s="13" t="s">
        <v>421</v>
      </c>
      <c r="B83237" s="14" t="s">
        <v>1</v>
      </c>
      <c r="C83237" s="14" t="s">
        <v>20</v>
      </c>
      <c r="D83237" s="14" t="s">
        <v>94</v>
      </c>
      <c r="E83237" s="15">
        <v>45393</v>
      </c>
      <c r="F83237" s="14" t="s">
        <v>15</v>
      </c>
      <c r="G83237" s="16">
        <v>8.9393009215068264E-2</v>
      </c>
    </row>
    <row r="83238" spans="1:7" x14ac:dyDescent="0.3">
      <c r="A83238" s="13" t="s">
        <v>421</v>
      </c>
      <c r="B83238" s="14" t="s">
        <v>1</v>
      </c>
      <c r="C83238" s="14" t="s">
        <v>20</v>
      </c>
      <c r="D83238" s="14" t="s">
        <v>94</v>
      </c>
      <c r="E83238" s="15">
        <v>45394</v>
      </c>
      <c r="F83238" s="14" t="s">
        <v>15</v>
      </c>
      <c r="G83238" s="16">
        <v>9.468247694539883E-2</v>
      </c>
    </row>
    <row r="83239" spans="1:7" x14ac:dyDescent="0.3">
      <c r="A83239" s="13" t="s">
        <v>421</v>
      </c>
      <c r="B83239" s="14" t="s">
        <v>1</v>
      </c>
      <c r="C83239" s="14" t="s">
        <v>20</v>
      </c>
      <c r="D83239" s="14" t="s">
        <v>94</v>
      </c>
      <c r="E83239" s="15">
        <v>45395</v>
      </c>
      <c r="F83239" s="14" t="s">
        <v>15</v>
      </c>
      <c r="G83239" s="16">
        <v>9.468247694539883E-2</v>
      </c>
    </row>
    <row r="83240" spans="1:7" x14ac:dyDescent="0.3">
      <c r="A83240" s="13" t="s">
        <v>421</v>
      </c>
      <c r="B83240" s="14" t="s">
        <v>1</v>
      </c>
      <c r="C83240" s="14" t="s">
        <v>20</v>
      </c>
      <c r="D83240" s="14" t="s">
        <v>94</v>
      </c>
      <c r="E83240" s="15">
        <v>45396</v>
      </c>
      <c r="F83240" s="14" t="s">
        <v>15</v>
      </c>
      <c r="G83240" s="16">
        <v>9.468247694539883E-2</v>
      </c>
    </row>
    <row r="83241" spans="1:7" x14ac:dyDescent="0.3">
      <c r="A83241" s="13" t="s">
        <v>421</v>
      </c>
      <c r="B83241" s="14" t="s">
        <v>1</v>
      </c>
      <c r="C83241" s="14" t="s">
        <v>20</v>
      </c>
      <c r="D83241" s="14" t="s">
        <v>94</v>
      </c>
      <c r="E83241" s="15">
        <v>45397</v>
      </c>
      <c r="F83241" s="14" t="s">
        <v>15</v>
      </c>
      <c r="G83241" s="16">
        <v>0.10062284655388898</v>
      </c>
    </row>
    <row r="83242" spans="1:7" x14ac:dyDescent="0.3">
      <c r="A83242" s="13" t="s">
        <v>421</v>
      </c>
      <c r="B83242" s="14" t="s">
        <v>1</v>
      </c>
      <c r="C83242" s="14" t="s">
        <v>20</v>
      </c>
      <c r="D83242" s="14" t="s">
        <v>94</v>
      </c>
      <c r="E83242" s="15">
        <v>45398</v>
      </c>
      <c r="F83242" s="14" t="s">
        <v>15</v>
      </c>
      <c r="G83242" s="16">
        <v>0.1167505284035945</v>
      </c>
    </row>
    <row r="83243" spans="1:7" x14ac:dyDescent="0.3">
      <c r="A83243" s="13" t="s">
        <v>421</v>
      </c>
      <c r="B83243" s="14" t="s">
        <v>1</v>
      </c>
      <c r="C83243" s="14" t="s">
        <v>20</v>
      </c>
      <c r="D83243" s="14" t="s">
        <v>94</v>
      </c>
      <c r="E83243" s="15">
        <v>45399</v>
      </c>
      <c r="F83243" s="14" t="s">
        <v>15</v>
      </c>
      <c r="G83243" s="16">
        <v>0.12208884549515146</v>
      </c>
    </row>
    <row r="83244" spans="1:7" x14ac:dyDescent="0.3">
      <c r="A83244" s="13" t="s">
        <v>421</v>
      </c>
      <c r="B83244" s="14" t="s">
        <v>1</v>
      </c>
      <c r="C83244" s="14" t="s">
        <v>20</v>
      </c>
      <c r="D83244" s="14" t="s">
        <v>94</v>
      </c>
      <c r="E83244" s="15">
        <v>45400</v>
      </c>
      <c r="F83244" s="14" t="s">
        <v>15</v>
      </c>
      <c r="G83244" s="16">
        <v>0.12612535883038922</v>
      </c>
    </row>
    <row r="83245" spans="1:7" x14ac:dyDescent="0.3">
      <c r="A83245" s="13" t="s">
        <v>421</v>
      </c>
      <c r="B83245" s="14" t="s">
        <v>1</v>
      </c>
      <c r="C83245" s="14" t="s">
        <v>20</v>
      </c>
      <c r="D83245" s="14" t="s">
        <v>94</v>
      </c>
      <c r="E83245" s="15">
        <v>45401</v>
      </c>
      <c r="F83245" s="14" t="s">
        <v>15</v>
      </c>
      <c r="G83245" s="16">
        <v>0.132786415118791</v>
      </c>
    </row>
    <row r="83246" spans="1:7" x14ac:dyDescent="0.3">
      <c r="A83246" s="13" t="s">
        <v>421</v>
      </c>
      <c r="B83246" s="14" t="s">
        <v>1</v>
      </c>
      <c r="C83246" s="14" t="s">
        <v>20</v>
      </c>
      <c r="D83246" s="14" t="s">
        <v>94</v>
      </c>
      <c r="E83246" s="15">
        <v>45402</v>
      </c>
      <c r="F83246" s="14" t="s">
        <v>15</v>
      </c>
      <c r="G83246" s="16">
        <v>0.132786415118791</v>
      </c>
    </row>
    <row r="83247" spans="1:7" x14ac:dyDescent="0.3">
      <c r="A83247" s="13" t="s">
        <v>421</v>
      </c>
      <c r="B83247" s="14" t="s">
        <v>1</v>
      </c>
      <c r="C83247" s="14" t="s">
        <v>20</v>
      </c>
      <c r="D83247" s="14" t="s">
        <v>94</v>
      </c>
      <c r="E83247" s="15">
        <v>45403</v>
      </c>
      <c r="F83247" s="14" t="s">
        <v>15</v>
      </c>
      <c r="G83247" s="16">
        <v>0.132786415118791</v>
      </c>
    </row>
    <row r="83248" spans="1:7" x14ac:dyDescent="0.3">
      <c r="A83248" s="13" t="s">
        <v>421</v>
      </c>
      <c r="B83248" s="14" t="s">
        <v>1</v>
      </c>
      <c r="C83248" s="14" t="s">
        <v>20</v>
      </c>
      <c r="D83248" s="14" t="s">
        <v>94</v>
      </c>
      <c r="E83248" s="15">
        <v>45404</v>
      </c>
      <c r="F83248" s="14" t="s">
        <v>15</v>
      </c>
      <c r="G83248" s="16">
        <v>0.1383949897153148</v>
      </c>
    </row>
    <row r="83249" spans="1:7" x14ac:dyDescent="0.3">
      <c r="A83249" s="13" t="s">
        <v>421</v>
      </c>
      <c r="B83249" s="14" t="s">
        <v>1</v>
      </c>
      <c r="C83249" s="14" t="s">
        <v>20</v>
      </c>
      <c r="D83249" s="14" t="s">
        <v>94</v>
      </c>
      <c r="E83249" s="15">
        <v>45405</v>
      </c>
      <c r="F83249" s="14" t="s">
        <v>15</v>
      </c>
      <c r="G83249" s="16">
        <v>0.16204230115744314</v>
      </c>
    </row>
    <row r="83250" spans="1:7" x14ac:dyDescent="0.3">
      <c r="A83250" s="13" t="s">
        <v>421</v>
      </c>
      <c r="B83250" s="14" t="s">
        <v>1</v>
      </c>
      <c r="C83250" s="14" t="s">
        <v>20</v>
      </c>
      <c r="D83250" s="14" t="s">
        <v>94</v>
      </c>
      <c r="E83250" s="15">
        <v>45406</v>
      </c>
      <c r="F83250" s="14" t="s">
        <v>15</v>
      </c>
      <c r="G83250" s="16">
        <v>0.16884483027121489</v>
      </c>
    </row>
    <row r="83251" spans="1:7" x14ac:dyDescent="0.3">
      <c r="A83251" s="13" t="s">
        <v>421</v>
      </c>
      <c r="B83251" s="14" t="s">
        <v>1</v>
      </c>
      <c r="C83251" s="14" t="s">
        <v>20</v>
      </c>
      <c r="D83251" s="14" t="s">
        <v>94</v>
      </c>
      <c r="E83251" s="15">
        <v>45407</v>
      </c>
      <c r="F83251" s="14" t="s">
        <v>15</v>
      </c>
      <c r="G83251" s="16">
        <v>0.17454539392459362</v>
      </c>
    </row>
    <row r="83252" spans="1:7" x14ac:dyDescent="0.3">
      <c r="A83252" s="13" t="s">
        <v>421</v>
      </c>
      <c r="B83252" s="14" t="s">
        <v>1</v>
      </c>
      <c r="C83252" s="14" t="s">
        <v>20</v>
      </c>
      <c r="D83252" s="14" t="s">
        <v>94</v>
      </c>
      <c r="E83252" s="15">
        <v>45408</v>
      </c>
      <c r="F83252" s="14" t="s">
        <v>15</v>
      </c>
      <c r="G83252" s="16">
        <v>0.18053080645057826</v>
      </c>
    </row>
    <row r="83253" spans="1:7" x14ac:dyDescent="0.3">
      <c r="A83253" s="13" t="s">
        <v>421</v>
      </c>
      <c r="B83253" s="14" t="s">
        <v>1</v>
      </c>
      <c r="C83253" s="14" t="s">
        <v>20</v>
      </c>
      <c r="D83253" s="14" t="s">
        <v>94</v>
      </c>
      <c r="E83253" s="15">
        <v>45409</v>
      </c>
      <c r="F83253" s="14" t="s">
        <v>15</v>
      </c>
      <c r="G83253" s="16">
        <v>0.18053080645057826</v>
      </c>
    </row>
    <row r="83254" spans="1:7" x14ac:dyDescent="0.3">
      <c r="A83254" s="13" t="s">
        <v>421</v>
      </c>
      <c r="B83254" s="14" t="s">
        <v>1</v>
      </c>
      <c r="C83254" s="14" t="s">
        <v>20</v>
      </c>
      <c r="D83254" s="14" t="s">
        <v>94</v>
      </c>
      <c r="E83254" s="15">
        <v>45410</v>
      </c>
      <c r="F83254" s="14" t="s">
        <v>15</v>
      </c>
      <c r="G83254" s="16">
        <v>0.18053080645057826</v>
      </c>
    </row>
    <row r="83255" spans="1:7" x14ac:dyDescent="0.3">
      <c r="A83255" s="13" t="s">
        <v>421</v>
      </c>
      <c r="B83255" s="14" t="s">
        <v>1</v>
      </c>
      <c r="C83255" s="14" t="s">
        <v>20</v>
      </c>
      <c r="D83255" s="14" t="s">
        <v>94</v>
      </c>
      <c r="E83255" s="15">
        <v>45411</v>
      </c>
      <c r="F83255" s="14" t="s">
        <v>15</v>
      </c>
      <c r="G83255" s="16">
        <v>0.18616602615322556</v>
      </c>
    </row>
    <row r="83256" spans="1:7" x14ac:dyDescent="0.3">
      <c r="A83256" s="13" t="s">
        <v>421</v>
      </c>
      <c r="B83256" s="14" t="s">
        <v>1</v>
      </c>
      <c r="C83256" s="14" t="s">
        <v>20</v>
      </c>
      <c r="D83256" s="14" t="s">
        <v>94</v>
      </c>
      <c r="E83256" s="15">
        <v>45412</v>
      </c>
      <c r="F83256" s="14" t="s">
        <v>15</v>
      </c>
      <c r="G83256" s="16">
        <v>0.20433840269426481</v>
      </c>
    </row>
    <row r="83257" spans="1:7" x14ac:dyDescent="0.3">
      <c r="A83257" s="13" t="s">
        <v>421</v>
      </c>
      <c r="B83257" s="14" t="s">
        <v>1</v>
      </c>
      <c r="C83257" s="14" t="s">
        <v>20</v>
      </c>
      <c r="D83257" s="14" t="s">
        <v>94</v>
      </c>
      <c r="E83257" s="15">
        <v>45413</v>
      </c>
      <c r="F83257" s="14" t="s">
        <v>15</v>
      </c>
      <c r="G83257" s="16">
        <v>0.20433840269426481</v>
      </c>
    </row>
    <row r="83258" spans="1:7" x14ac:dyDescent="0.3">
      <c r="A83258" s="13" t="s">
        <v>421</v>
      </c>
      <c r="B83258" s="14" t="s">
        <v>1</v>
      </c>
      <c r="C83258" s="14" t="s">
        <v>20</v>
      </c>
      <c r="D83258" s="14" t="s">
        <v>94</v>
      </c>
      <c r="E83258" s="15">
        <v>45414</v>
      </c>
      <c r="F83258" s="14" t="s">
        <v>15</v>
      </c>
      <c r="G83258" s="16">
        <v>0.21066766397070025</v>
      </c>
    </row>
    <row r="83259" spans="1:7" x14ac:dyDescent="0.3">
      <c r="A83259" s="13" t="s">
        <v>421</v>
      </c>
      <c r="B83259" s="14" t="s">
        <v>1</v>
      </c>
      <c r="C83259" s="14" t="s">
        <v>20</v>
      </c>
      <c r="D83259" s="14" t="s">
        <v>94</v>
      </c>
      <c r="E83259" s="15">
        <v>45415</v>
      </c>
      <c r="F83259" s="14" t="s">
        <v>15</v>
      </c>
      <c r="G83259" s="16">
        <v>0.23296368788799432</v>
      </c>
    </row>
    <row r="83260" spans="1:7" x14ac:dyDescent="0.3">
      <c r="A83260" s="13" t="s">
        <v>421</v>
      </c>
      <c r="B83260" s="14" t="s">
        <v>1</v>
      </c>
      <c r="C83260" s="14" t="s">
        <v>20</v>
      </c>
      <c r="D83260" s="14" t="s">
        <v>94</v>
      </c>
      <c r="E83260" s="15">
        <v>45416</v>
      </c>
      <c r="F83260" s="14" t="s">
        <v>15</v>
      </c>
      <c r="G83260" s="16">
        <v>0.23296368788799432</v>
      </c>
    </row>
    <row r="83261" spans="1:7" x14ac:dyDescent="0.3">
      <c r="A83261" s="13" t="s">
        <v>421</v>
      </c>
      <c r="B83261" s="14" t="s">
        <v>1</v>
      </c>
      <c r="C83261" s="14" t="s">
        <v>20</v>
      </c>
      <c r="D83261" s="14" t="s">
        <v>94</v>
      </c>
      <c r="E83261" s="15">
        <v>45417</v>
      </c>
      <c r="F83261" s="14" t="s">
        <v>15</v>
      </c>
      <c r="G83261" s="16">
        <v>0.23296368788799432</v>
      </c>
    </row>
    <row r="83262" spans="1:7" x14ac:dyDescent="0.3">
      <c r="A83262" s="13" t="s">
        <v>421</v>
      </c>
      <c r="B83262" s="14" t="s">
        <v>1</v>
      </c>
      <c r="C83262" s="14" t="s">
        <v>20</v>
      </c>
      <c r="D83262" s="14" t="s">
        <v>94</v>
      </c>
      <c r="E83262" s="15">
        <v>45418</v>
      </c>
      <c r="F83262" s="14" t="s">
        <v>15</v>
      </c>
      <c r="G83262" s="16">
        <v>0.23296368788799432</v>
      </c>
    </row>
    <row r="83263" spans="1:7" x14ac:dyDescent="0.3">
      <c r="A83263" s="13" t="s">
        <v>421</v>
      </c>
      <c r="B83263" s="14" t="s">
        <v>1</v>
      </c>
      <c r="C83263" s="14" t="s">
        <v>20</v>
      </c>
      <c r="D83263" s="14" t="s">
        <v>94</v>
      </c>
      <c r="E83263" s="15">
        <v>45419</v>
      </c>
      <c r="F83263" s="14" t="s">
        <v>15</v>
      </c>
      <c r="G83263" s="16">
        <v>0.23868518698189864</v>
      </c>
    </row>
    <row r="83264" spans="1:7" x14ac:dyDescent="0.3">
      <c r="A83264" s="13" t="s">
        <v>421</v>
      </c>
      <c r="B83264" s="14" t="s">
        <v>1</v>
      </c>
      <c r="C83264" s="14" t="s">
        <v>20</v>
      </c>
      <c r="D83264" s="14" t="s">
        <v>94</v>
      </c>
      <c r="E83264" s="15">
        <v>45420</v>
      </c>
      <c r="F83264" s="14" t="s">
        <v>15</v>
      </c>
      <c r="G83264" s="16">
        <v>0.26149825283944617</v>
      </c>
    </row>
    <row r="83265" spans="1:7" x14ac:dyDescent="0.3">
      <c r="A83265" s="13" t="s">
        <v>421</v>
      </c>
      <c r="B83265" s="14" t="s">
        <v>1</v>
      </c>
      <c r="C83265" s="14" t="s">
        <v>20</v>
      </c>
      <c r="D83265" s="14" t="s">
        <v>94</v>
      </c>
      <c r="E83265" s="15">
        <v>45421</v>
      </c>
      <c r="F83265" s="14" t="s">
        <v>15</v>
      </c>
      <c r="G83265" s="16">
        <v>0.26149825283944617</v>
      </c>
    </row>
    <row r="83266" spans="1:7" x14ac:dyDescent="0.3">
      <c r="A83266" s="13" t="s">
        <v>421</v>
      </c>
      <c r="B83266" s="14" t="s">
        <v>1</v>
      </c>
      <c r="C83266" s="14" t="s">
        <v>20</v>
      </c>
      <c r="D83266" s="14" t="s">
        <v>94</v>
      </c>
      <c r="E83266" s="15">
        <v>45422</v>
      </c>
      <c r="F83266" s="14" t="s">
        <v>15</v>
      </c>
      <c r="G83266" s="16">
        <v>0.26713601017124811</v>
      </c>
    </row>
    <row r="83267" spans="1:7" x14ac:dyDescent="0.3">
      <c r="A83267" s="13" t="s">
        <v>421</v>
      </c>
      <c r="B83267" s="14" t="s">
        <v>1</v>
      </c>
      <c r="C83267" s="14" t="s">
        <v>20</v>
      </c>
      <c r="D83267" s="14" t="s">
        <v>94</v>
      </c>
      <c r="E83267" s="15">
        <v>45423</v>
      </c>
      <c r="F83267" s="14" t="s">
        <v>15</v>
      </c>
      <c r="G83267" s="16">
        <v>0.26713601017124811</v>
      </c>
    </row>
    <row r="83268" spans="1:7" x14ac:dyDescent="0.3">
      <c r="A83268" s="13" t="s">
        <v>421</v>
      </c>
      <c r="B83268" s="14" t="s">
        <v>1</v>
      </c>
      <c r="C83268" s="14" t="s">
        <v>20</v>
      </c>
      <c r="D83268" s="14" t="s">
        <v>94</v>
      </c>
      <c r="E83268" s="15">
        <v>45424</v>
      </c>
      <c r="F83268" s="14" t="s">
        <v>15</v>
      </c>
      <c r="G83268" s="16">
        <v>0.26713601017124811</v>
      </c>
    </row>
    <row r="83269" spans="1:7" x14ac:dyDescent="0.3">
      <c r="A83269" s="13" t="s">
        <v>421</v>
      </c>
      <c r="B83269" s="14" t="s">
        <v>1</v>
      </c>
      <c r="C83269" s="14" t="s">
        <v>20</v>
      </c>
      <c r="D83269" s="14" t="s">
        <v>94</v>
      </c>
      <c r="E83269" s="15">
        <v>45425</v>
      </c>
      <c r="F83269" s="14" t="s">
        <v>15</v>
      </c>
      <c r="G83269" s="16">
        <v>0.27932338835111997</v>
      </c>
    </row>
    <row r="83270" spans="1:7" x14ac:dyDescent="0.3">
      <c r="A83270" s="13" t="s">
        <v>421</v>
      </c>
      <c r="B83270" s="14" t="s">
        <v>1</v>
      </c>
      <c r="C83270" s="14" t="s">
        <v>20</v>
      </c>
      <c r="D83270" s="14" t="s">
        <v>94</v>
      </c>
      <c r="E83270" s="15">
        <v>45426</v>
      </c>
      <c r="F83270" s="14" t="s">
        <v>15</v>
      </c>
      <c r="G83270" s="16">
        <v>0.30472483594637828</v>
      </c>
    </row>
    <row r="83271" spans="1:7" x14ac:dyDescent="0.3">
      <c r="A83271" s="13" t="s">
        <v>421</v>
      </c>
      <c r="B83271" s="14" t="s">
        <v>1</v>
      </c>
      <c r="C83271" s="14" t="s">
        <v>20</v>
      </c>
      <c r="D83271" s="14" t="s">
        <v>94</v>
      </c>
      <c r="E83271" s="15">
        <v>45427</v>
      </c>
      <c r="F83271" s="14" t="s">
        <v>15</v>
      </c>
      <c r="G83271" s="16">
        <v>0.31036639972191216</v>
      </c>
    </row>
    <row r="83272" spans="1:7" x14ac:dyDescent="0.3">
      <c r="A83272" s="13" t="s">
        <v>421</v>
      </c>
      <c r="B83272" s="14" t="s">
        <v>1</v>
      </c>
      <c r="C83272" s="14" t="s">
        <v>20</v>
      </c>
      <c r="D83272" s="14" t="s">
        <v>94</v>
      </c>
      <c r="E83272" s="15">
        <v>45428</v>
      </c>
      <c r="F83272" s="14" t="s">
        <v>15</v>
      </c>
      <c r="G83272" s="16">
        <v>0.31608663000123915</v>
      </c>
    </row>
    <row r="83273" spans="1:7" x14ac:dyDescent="0.3">
      <c r="A83273" s="13" t="s">
        <v>421</v>
      </c>
      <c r="B83273" s="14" t="s">
        <v>1</v>
      </c>
      <c r="C83273" s="14" t="s">
        <v>20</v>
      </c>
      <c r="D83273" s="14" t="s">
        <v>94</v>
      </c>
      <c r="E83273" s="15">
        <v>45429</v>
      </c>
      <c r="F83273" s="14" t="s">
        <v>15</v>
      </c>
      <c r="G83273" s="16">
        <v>0.37725532612355434</v>
      </c>
    </row>
    <row r="83274" spans="1:7" x14ac:dyDescent="0.3">
      <c r="A83274" s="13" t="s">
        <v>421</v>
      </c>
      <c r="B83274" s="14" t="s">
        <v>1</v>
      </c>
      <c r="C83274" s="14" t="s">
        <v>20</v>
      </c>
      <c r="D83274" s="14" t="s">
        <v>94</v>
      </c>
      <c r="E83274" s="15">
        <v>45430</v>
      </c>
      <c r="F83274" s="14" t="s">
        <v>15</v>
      </c>
      <c r="G83274" s="16">
        <v>0.37725532612355434</v>
      </c>
    </row>
    <row r="83275" spans="1:7" x14ac:dyDescent="0.3">
      <c r="A83275" s="13" t="s">
        <v>421</v>
      </c>
      <c r="B83275" s="14" t="s">
        <v>1</v>
      </c>
      <c r="C83275" s="14" t="s">
        <v>20</v>
      </c>
      <c r="D83275" s="14" t="s">
        <v>94</v>
      </c>
      <c r="E83275" s="15">
        <v>45431</v>
      </c>
      <c r="F83275" s="14" t="s">
        <v>15</v>
      </c>
      <c r="G83275" s="16">
        <v>0.37725532612355434</v>
      </c>
    </row>
    <row r="83276" spans="1:7" x14ac:dyDescent="0.3">
      <c r="A83276" s="13" t="s">
        <v>421</v>
      </c>
      <c r="B83276" s="14" t="s">
        <v>1</v>
      </c>
      <c r="C83276" s="14" t="s">
        <v>20</v>
      </c>
      <c r="D83276" s="14" t="s">
        <v>94</v>
      </c>
      <c r="E83276" s="15">
        <v>45432</v>
      </c>
      <c r="F83276" s="14" t="s">
        <v>15</v>
      </c>
      <c r="G83276" s="16">
        <v>0.37725532612355434</v>
      </c>
    </row>
    <row r="83277" spans="1:7" x14ac:dyDescent="0.3">
      <c r="A83277" s="13" t="s">
        <v>421</v>
      </c>
      <c r="B83277" s="14" t="s">
        <v>1</v>
      </c>
      <c r="C83277" s="14" t="s">
        <v>20</v>
      </c>
      <c r="D83277" s="14" t="s">
        <v>94</v>
      </c>
      <c r="E83277" s="15">
        <v>45433</v>
      </c>
      <c r="F83277" s="14" t="s">
        <v>15</v>
      </c>
      <c r="G83277" s="16">
        <v>0.38282266424631561</v>
      </c>
    </row>
    <row r="83278" spans="1:7" x14ac:dyDescent="0.3">
      <c r="A83278" s="13" t="s">
        <v>421</v>
      </c>
      <c r="B83278" s="14" t="s">
        <v>1</v>
      </c>
      <c r="C83278" s="14" t="s">
        <v>20</v>
      </c>
      <c r="D83278" s="14" t="s">
        <v>94</v>
      </c>
      <c r="E83278" s="15">
        <v>45434</v>
      </c>
      <c r="F83278" s="14" t="s">
        <v>15</v>
      </c>
      <c r="G83278" s="16">
        <v>0.40530203187003083</v>
      </c>
    </row>
    <row r="83279" spans="1:7" x14ac:dyDescent="0.3">
      <c r="A83279" s="13" t="s">
        <v>421</v>
      </c>
      <c r="B83279" s="14" t="s">
        <v>1</v>
      </c>
      <c r="C83279" s="14" t="s">
        <v>20</v>
      </c>
      <c r="D83279" s="14" t="s">
        <v>94</v>
      </c>
      <c r="E83279" s="15">
        <v>45435</v>
      </c>
      <c r="F83279" s="14" t="s">
        <v>15</v>
      </c>
      <c r="G83279" s="16">
        <v>0.42180211079817664</v>
      </c>
    </row>
    <row r="83280" spans="1:7" x14ac:dyDescent="0.3">
      <c r="A83280" s="13" t="s">
        <v>421</v>
      </c>
      <c r="B83280" s="14" t="s">
        <v>1</v>
      </c>
      <c r="C83280" s="14" t="s">
        <v>20</v>
      </c>
      <c r="D83280" s="14" t="s">
        <v>94</v>
      </c>
      <c r="E83280" s="15">
        <v>45436</v>
      </c>
      <c r="F83280" s="14" t="s">
        <v>15</v>
      </c>
      <c r="G83280" s="16">
        <v>0.42735676077516482</v>
      </c>
    </row>
    <row r="83281" spans="1:7" x14ac:dyDescent="0.3">
      <c r="A83281" s="13" t="s">
        <v>421</v>
      </c>
      <c r="B83281" s="14" t="s">
        <v>1</v>
      </c>
      <c r="C83281" s="14" t="s">
        <v>20</v>
      </c>
      <c r="D83281" s="14" t="s">
        <v>94</v>
      </c>
      <c r="E83281" s="15">
        <v>45437</v>
      </c>
      <c r="F83281" s="14" t="s">
        <v>15</v>
      </c>
      <c r="G83281" s="16">
        <v>0.42735676077516482</v>
      </c>
    </row>
    <row r="83282" spans="1:7" x14ac:dyDescent="0.3">
      <c r="A83282" s="13" t="s">
        <v>421</v>
      </c>
      <c r="B83282" s="14" t="s">
        <v>1</v>
      </c>
      <c r="C83282" s="14" t="s">
        <v>20</v>
      </c>
      <c r="D83282" s="14" t="s">
        <v>94</v>
      </c>
      <c r="E83282" s="15">
        <v>45438</v>
      </c>
      <c r="F83282" s="14" t="s">
        <v>15</v>
      </c>
      <c r="G83282" s="16">
        <v>0.42735676077516482</v>
      </c>
    </row>
    <row r="83283" spans="1:7" x14ac:dyDescent="0.3">
      <c r="A83283" s="13" t="s">
        <v>421</v>
      </c>
      <c r="B83283" s="14" t="s">
        <v>1</v>
      </c>
      <c r="C83283" s="14" t="s">
        <v>20</v>
      </c>
      <c r="D83283" s="14" t="s">
        <v>94</v>
      </c>
      <c r="E83283" s="15">
        <v>45439</v>
      </c>
      <c r="F83283" s="14" t="s">
        <v>15</v>
      </c>
      <c r="G83283" s="16">
        <v>0.43292346449063746</v>
      </c>
    </row>
    <row r="83284" spans="1:7" x14ac:dyDescent="0.3">
      <c r="A83284" s="13" t="s">
        <v>421</v>
      </c>
      <c r="B83284" s="14" t="s">
        <v>1</v>
      </c>
      <c r="C83284" s="14" t="s">
        <v>20</v>
      </c>
      <c r="D83284" s="14" t="s">
        <v>94</v>
      </c>
      <c r="E83284" s="15">
        <v>45440</v>
      </c>
      <c r="F83284" s="14" t="s">
        <v>15</v>
      </c>
      <c r="G83284" s="16">
        <v>0.44969760736748199</v>
      </c>
    </row>
    <row r="83285" spans="1:7" x14ac:dyDescent="0.3">
      <c r="A83285" s="13" t="s">
        <v>421</v>
      </c>
      <c r="B83285" s="14" t="s">
        <v>1</v>
      </c>
      <c r="C83285" s="14" t="s">
        <v>20</v>
      </c>
      <c r="D83285" s="14" t="s">
        <v>94</v>
      </c>
      <c r="E83285" s="15">
        <v>45441</v>
      </c>
      <c r="F83285" s="14" t="s">
        <v>15</v>
      </c>
      <c r="G83285" s="16">
        <v>0.4556957080392397</v>
      </c>
    </row>
    <row r="83286" spans="1:7" x14ac:dyDescent="0.3">
      <c r="A83286" s="13" t="s">
        <v>421</v>
      </c>
      <c r="B83286" s="14" t="s">
        <v>1</v>
      </c>
      <c r="C83286" s="14" t="s">
        <v>20</v>
      </c>
      <c r="D83286" s="14" t="s">
        <v>94</v>
      </c>
      <c r="E83286" s="15">
        <v>45442</v>
      </c>
      <c r="F83286" s="14" t="s">
        <v>15</v>
      </c>
      <c r="G83286" s="16">
        <v>0.46124718597978459</v>
      </c>
    </row>
    <row r="83287" spans="1:7" x14ac:dyDescent="0.3">
      <c r="A83287" s="13" t="s">
        <v>421</v>
      </c>
      <c r="B83287" s="14" t="s">
        <v>1</v>
      </c>
      <c r="C83287" s="14" t="s">
        <v>20</v>
      </c>
      <c r="D83287" s="14" t="s">
        <v>94</v>
      </c>
      <c r="E83287" s="15">
        <v>45443</v>
      </c>
      <c r="F83287" s="14" t="s">
        <v>15</v>
      </c>
      <c r="G83287" s="16">
        <v>0.46682023376814374</v>
      </c>
    </row>
    <row r="83288" spans="1:7" x14ac:dyDescent="0.3">
      <c r="A83288" s="13" t="s">
        <v>421</v>
      </c>
      <c r="B83288" s="14" t="s">
        <v>1</v>
      </c>
      <c r="C83288" s="14" t="s">
        <v>20</v>
      </c>
      <c r="D83288" s="14" t="s">
        <v>94</v>
      </c>
      <c r="E83288" s="15">
        <v>45444</v>
      </c>
      <c r="F83288" s="14" t="s">
        <v>15</v>
      </c>
      <c r="G83288" s="16">
        <v>0.46682023376814374</v>
      </c>
    </row>
    <row r="83289" spans="1:7" x14ac:dyDescent="0.3">
      <c r="A83289" s="13" t="s">
        <v>421</v>
      </c>
      <c r="B83289" s="14" t="s">
        <v>1</v>
      </c>
      <c r="C83289" s="14" t="s">
        <v>20</v>
      </c>
      <c r="D83289" s="14" t="s">
        <v>94</v>
      </c>
      <c r="E83289" s="15">
        <v>45445</v>
      </c>
      <c r="F83289" s="14" t="s">
        <v>15</v>
      </c>
      <c r="G83289" s="16">
        <v>0.46682023376814374</v>
      </c>
    </row>
    <row r="83290" spans="1:7" x14ac:dyDescent="0.3">
      <c r="A83290" s="13" t="s">
        <v>421</v>
      </c>
      <c r="B83290" s="14" t="s">
        <v>1</v>
      </c>
      <c r="C83290" s="14" t="s">
        <v>20</v>
      </c>
      <c r="D83290" s="14" t="s">
        <v>94</v>
      </c>
      <c r="E83290" s="15">
        <v>45446</v>
      </c>
      <c r="F83290" s="14" t="s">
        <v>15</v>
      </c>
      <c r="G83290" s="16">
        <v>0.46682023376814374</v>
      </c>
    </row>
    <row r="83291" spans="1:7" x14ac:dyDescent="0.3">
      <c r="A83291" s="13" t="s">
        <v>421</v>
      </c>
      <c r="B83291" s="14" t="s">
        <v>1</v>
      </c>
      <c r="C83291" s="14" t="s">
        <v>20</v>
      </c>
      <c r="D83291" s="14" t="s">
        <v>94</v>
      </c>
      <c r="E83291" s="15">
        <v>45447</v>
      </c>
      <c r="F83291" s="14" t="s">
        <v>15</v>
      </c>
      <c r="G83291" s="16">
        <v>0.47243324921568813</v>
      </c>
    </row>
    <row r="83292" spans="1:7" x14ac:dyDescent="0.3">
      <c r="A83292" s="13" t="s">
        <v>421</v>
      </c>
      <c r="B83292" s="14" t="s">
        <v>1</v>
      </c>
      <c r="C83292" s="14" t="s">
        <v>20</v>
      </c>
      <c r="D83292" s="14" t="s">
        <v>94</v>
      </c>
      <c r="E83292" s="15">
        <v>45448</v>
      </c>
      <c r="F83292" s="14" t="s">
        <v>15</v>
      </c>
      <c r="G83292" s="16">
        <v>0.51696968945134603</v>
      </c>
    </row>
    <row r="83293" spans="1:7" x14ac:dyDescent="0.3">
      <c r="A83293" s="13" t="s">
        <v>421</v>
      </c>
      <c r="B83293" s="14" t="s">
        <v>1</v>
      </c>
      <c r="C83293" s="14" t="s">
        <v>20</v>
      </c>
      <c r="D83293" s="14" t="s">
        <v>94</v>
      </c>
      <c r="E83293" s="15">
        <v>45449</v>
      </c>
      <c r="F83293" s="14" t="s">
        <v>15</v>
      </c>
      <c r="G83293" s="16">
        <v>0.52251736094815904</v>
      </c>
    </row>
    <row r="83294" spans="1:7" x14ac:dyDescent="0.3">
      <c r="A83294" s="13" t="s">
        <v>421</v>
      </c>
      <c r="B83294" s="14" t="s">
        <v>1</v>
      </c>
      <c r="C83294" s="14" t="s">
        <v>20</v>
      </c>
      <c r="D83294" s="14" t="s">
        <v>94</v>
      </c>
      <c r="E83294" s="15">
        <v>45450</v>
      </c>
      <c r="F83294" s="14" t="s">
        <v>15</v>
      </c>
      <c r="G83294" s="16">
        <v>0.52800286053068379</v>
      </c>
    </row>
    <row r="83295" spans="1:7" x14ac:dyDescent="0.3">
      <c r="A83295" s="13" t="s">
        <v>421</v>
      </c>
      <c r="B83295" s="14" t="s">
        <v>1</v>
      </c>
      <c r="C83295" s="14" t="s">
        <v>20</v>
      </c>
      <c r="D83295" s="14" t="s">
        <v>94</v>
      </c>
      <c r="E83295" s="15">
        <v>45451</v>
      </c>
      <c r="F83295" s="14" t="s">
        <v>15</v>
      </c>
      <c r="G83295" s="16">
        <v>0.52800286053068379</v>
      </c>
    </row>
    <row r="83296" spans="1:7" x14ac:dyDescent="0.3">
      <c r="A83296" s="13" t="s">
        <v>421</v>
      </c>
      <c r="B83296" s="14" t="s">
        <v>1</v>
      </c>
      <c r="C83296" s="14" t="s">
        <v>20</v>
      </c>
      <c r="D83296" s="14" t="s">
        <v>94</v>
      </c>
      <c r="E83296" s="15">
        <v>45452</v>
      </c>
      <c r="F83296" s="14" t="s">
        <v>15</v>
      </c>
      <c r="G83296" s="16">
        <v>0.52800286053068379</v>
      </c>
    </row>
    <row r="83297" spans="1:7" x14ac:dyDescent="0.3">
      <c r="A83297" s="13" t="s">
        <v>421</v>
      </c>
      <c r="B83297" s="14" t="s">
        <v>1</v>
      </c>
      <c r="C83297" s="14" t="s">
        <v>20</v>
      </c>
      <c r="D83297" s="14" t="s">
        <v>94</v>
      </c>
      <c r="E83297" s="15">
        <v>45453</v>
      </c>
      <c r="F83297" s="14" t="s">
        <v>15</v>
      </c>
      <c r="G83297" s="16">
        <v>0.53376559609835073</v>
      </c>
    </row>
    <row r="83298" spans="1:7" x14ac:dyDescent="0.3">
      <c r="A83298" s="13" t="s">
        <v>421</v>
      </c>
      <c r="B83298" s="14" t="s">
        <v>1</v>
      </c>
      <c r="C83298" s="14" t="s">
        <v>20</v>
      </c>
      <c r="D83298" s="14" t="s">
        <v>94</v>
      </c>
      <c r="E83298" s="15">
        <v>45454</v>
      </c>
      <c r="F83298" s="14" t="s">
        <v>15</v>
      </c>
      <c r="G83298" s="16">
        <v>0.55189800498020469</v>
      </c>
    </row>
    <row r="83299" spans="1:7" x14ac:dyDescent="0.3">
      <c r="A83299" s="13" t="s">
        <v>421</v>
      </c>
      <c r="B83299" s="14" t="s">
        <v>1</v>
      </c>
      <c r="C83299" s="14" t="s">
        <v>20</v>
      </c>
      <c r="D83299" s="14" t="s">
        <v>94</v>
      </c>
      <c r="E83299" s="15">
        <v>45455</v>
      </c>
      <c r="F83299" s="14" t="s">
        <v>15</v>
      </c>
      <c r="G83299" s="16">
        <v>0.55741712814902833</v>
      </c>
    </row>
    <row r="83300" spans="1:7" x14ac:dyDescent="0.3">
      <c r="A83300" s="13" t="s">
        <v>421</v>
      </c>
      <c r="B83300" s="14" t="s">
        <v>1</v>
      </c>
      <c r="C83300" s="14" t="s">
        <v>20</v>
      </c>
      <c r="D83300" s="14" t="s">
        <v>94</v>
      </c>
      <c r="E83300" s="15">
        <v>45456</v>
      </c>
      <c r="F83300" s="14" t="s">
        <v>15</v>
      </c>
      <c r="G83300" s="16">
        <v>0.56293815453971785</v>
      </c>
    </row>
    <row r="83301" spans="1:7" x14ac:dyDescent="0.3">
      <c r="A83301" s="13" t="s">
        <v>421</v>
      </c>
      <c r="B83301" s="14" t="s">
        <v>1</v>
      </c>
      <c r="C83301" s="14" t="s">
        <v>20</v>
      </c>
      <c r="D83301" s="14" t="s">
        <v>94</v>
      </c>
      <c r="E83301" s="15">
        <v>45457</v>
      </c>
      <c r="F83301" s="14" t="s">
        <v>15</v>
      </c>
      <c r="G83301" s="16">
        <v>0.58277458139889804</v>
      </c>
    </row>
    <row r="83302" spans="1:7" x14ac:dyDescent="0.3">
      <c r="A83302" s="13" t="s">
        <v>421</v>
      </c>
      <c r="B83302" s="14" t="s">
        <v>1</v>
      </c>
      <c r="C83302" s="14" t="s">
        <v>20</v>
      </c>
      <c r="D83302" s="14" t="s">
        <v>94</v>
      </c>
      <c r="E83302" s="15">
        <v>45458</v>
      </c>
      <c r="F83302" s="14" t="s">
        <v>15</v>
      </c>
      <c r="G83302" s="16">
        <v>0.58277458139889804</v>
      </c>
    </row>
    <row r="83303" spans="1:7" x14ac:dyDescent="0.3">
      <c r="A83303" s="13" t="s">
        <v>421</v>
      </c>
      <c r="B83303" s="14" t="s">
        <v>1</v>
      </c>
      <c r="C83303" s="14" t="s">
        <v>20</v>
      </c>
      <c r="D83303" s="14" t="s">
        <v>94</v>
      </c>
      <c r="E83303" s="15">
        <v>45459</v>
      </c>
      <c r="F83303" s="14" t="s">
        <v>15</v>
      </c>
      <c r="G83303" s="16">
        <v>0.58277458139889804</v>
      </c>
    </row>
    <row r="83304" spans="1:7" x14ac:dyDescent="0.3">
      <c r="A83304" s="13" t="s">
        <v>421</v>
      </c>
      <c r="B83304" s="14" t="s">
        <v>1</v>
      </c>
      <c r="C83304" s="14" t="s">
        <v>20</v>
      </c>
      <c r="D83304" s="14" t="s">
        <v>94</v>
      </c>
      <c r="E83304" s="15">
        <v>45460</v>
      </c>
      <c r="F83304" s="14" t="s">
        <v>15</v>
      </c>
      <c r="G83304" s="16">
        <v>0.5889458752604585</v>
      </c>
    </row>
    <row r="83305" spans="1:7" x14ac:dyDescent="0.3">
      <c r="A83305" s="13" t="s">
        <v>421</v>
      </c>
      <c r="B83305" s="14" t="s">
        <v>1</v>
      </c>
      <c r="C83305" s="14" t="s">
        <v>20</v>
      </c>
      <c r="D83305" s="14" t="s">
        <v>94</v>
      </c>
      <c r="E83305" s="15">
        <v>45461</v>
      </c>
      <c r="F83305" s="14" t="s">
        <v>15</v>
      </c>
      <c r="G83305" s="16">
        <v>0.605701620325932</v>
      </c>
    </row>
    <row r="83306" spans="1:7" x14ac:dyDescent="0.3">
      <c r="A83306" s="13" t="s">
        <v>421</v>
      </c>
      <c r="B83306" s="14" t="s">
        <v>1</v>
      </c>
      <c r="C83306" s="14" t="s">
        <v>20</v>
      </c>
      <c r="D83306" s="14" t="s">
        <v>94</v>
      </c>
      <c r="E83306" s="15">
        <v>45462</v>
      </c>
      <c r="F83306" s="14" t="s">
        <v>15</v>
      </c>
      <c r="G83306" s="16">
        <v>0.61167307589156628</v>
      </c>
    </row>
    <row r="83307" spans="1:7" x14ac:dyDescent="0.3">
      <c r="A83307" s="13" t="s">
        <v>421</v>
      </c>
      <c r="B83307" s="14" t="s">
        <v>1</v>
      </c>
      <c r="C83307" s="14" t="s">
        <v>20</v>
      </c>
      <c r="D83307" s="14" t="s">
        <v>94</v>
      </c>
      <c r="E83307" s="15">
        <v>45463</v>
      </c>
      <c r="F83307" s="14" t="s">
        <v>15</v>
      </c>
      <c r="G83307" s="16">
        <v>0.61716555395426631</v>
      </c>
    </row>
    <row r="83308" spans="1:7" x14ac:dyDescent="0.3">
      <c r="A83308" s="13" t="s">
        <v>421</v>
      </c>
      <c r="B83308" s="14" t="s">
        <v>1</v>
      </c>
      <c r="C83308" s="14" t="s">
        <v>20</v>
      </c>
      <c r="D83308" s="14" t="s">
        <v>94</v>
      </c>
      <c r="E83308" s="15">
        <v>45464</v>
      </c>
      <c r="F83308" s="14" t="s">
        <v>15</v>
      </c>
      <c r="G83308" s="16">
        <v>0.62357475054907219</v>
      </c>
    </row>
    <row r="83309" spans="1:7" x14ac:dyDescent="0.3">
      <c r="A83309" s="13" t="s">
        <v>421</v>
      </c>
      <c r="B83309" s="14" t="s">
        <v>1</v>
      </c>
      <c r="C83309" s="14" t="s">
        <v>20</v>
      </c>
      <c r="D83309" s="14" t="s">
        <v>94</v>
      </c>
      <c r="E83309" s="15">
        <v>45465</v>
      </c>
      <c r="F83309" s="14" t="s">
        <v>15</v>
      </c>
      <c r="G83309" s="16">
        <v>0.62357475054907219</v>
      </c>
    </row>
    <row r="83310" spans="1:7" x14ac:dyDescent="0.3">
      <c r="A83310" s="13" t="s">
        <v>421</v>
      </c>
      <c r="B83310" s="14" t="s">
        <v>1</v>
      </c>
      <c r="C83310" s="14" t="s">
        <v>20</v>
      </c>
      <c r="D83310" s="14" t="s">
        <v>94</v>
      </c>
      <c r="E83310" s="15">
        <v>45466</v>
      </c>
      <c r="F83310" s="14" t="s">
        <v>15</v>
      </c>
      <c r="G83310" s="16">
        <v>0.62357475054907219</v>
      </c>
    </row>
    <row r="83311" spans="1:7" x14ac:dyDescent="0.3">
      <c r="A83311" s="13" t="s">
        <v>421</v>
      </c>
      <c r="B83311" s="14" t="s">
        <v>1</v>
      </c>
      <c r="C83311" s="14" t="s">
        <v>20</v>
      </c>
      <c r="D83311" s="14" t="s">
        <v>94</v>
      </c>
      <c r="E83311" s="15">
        <v>45467</v>
      </c>
      <c r="F83311" s="14" t="s">
        <v>15</v>
      </c>
      <c r="G83311" s="16">
        <v>0.63222911453842667</v>
      </c>
    </row>
    <row r="83312" spans="1:7" x14ac:dyDescent="0.3">
      <c r="A83312" s="13" t="s">
        <v>421</v>
      </c>
      <c r="B83312" s="14" t="s">
        <v>1</v>
      </c>
      <c r="C83312" s="14" t="s">
        <v>20</v>
      </c>
      <c r="D83312" s="14" t="s">
        <v>94</v>
      </c>
      <c r="E83312" s="15">
        <v>45468</v>
      </c>
      <c r="F83312" s="14" t="s">
        <v>15</v>
      </c>
      <c r="G83312" s="16">
        <v>0.64750478739946904</v>
      </c>
    </row>
    <row r="83313" spans="1:7" x14ac:dyDescent="0.3">
      <c r="A83313" s="13" t="s">
        <v>421</v>
      </c>
      <c r="B83313" s="14" t="s">
        <v>1</v>
      </c>
      <c r="C83313" s="14" t="s">
        <v>20</v>
      </c>
      <c r="D83313" s="14" t="s">
        <v>94</v>
      </c>
      <c r="E83313" s="15">
        <v>45469</v>
      </c>
      <c r="F83313" s="14" t="s">
        <v>15</v>
      </c>
      <c r="G83313" s="16">
        <v>0.65252653525398729</v>
      </c>
    </row>
    <row r="83314" spans="1:7" x14ac:dyDescent="0.3">
      <c r="A83314" s="13" t="s">
        <v>421</v>
      </c>
      <c r="B83314" s="14" t="s">
        <v>1</v>
      </c>
      <c r="C83314" s="14" t="s">
        <v>20</v>
      </c>
      <c r="D83314" s="14" t="s">
        <v>94</v>
      </c>
      <c r="E83314" s="15">
        <v>45470</v>
      </c>
      <c r="F83314" s="14" t="s">
        <v>15</v>
      </c>
      <c r="G83314" s="16">
        <v>0.65754511107206237</v>
      </c>
    </row>
    <row r="83315" spans="1:7" x14ac:dyDescent="0.3">
      <c r="A83315" s="13" t="s">
        <v>421</v>
      </c>
      <c r="B83315" s="14" t="s">
        <v>1</v>
      </c>
      <c r="C83315" s="14" t="s">
        <v>20</v>
      </c>
      <c r="D83315" s="14" t="s">
        <v>94</v>
      </c>
      <c r="E83315" s="15">
        <v>45471</v>
      </c>
      <c r="F83315" s="14" t="s">
        <v>15</v>
      </c>
      <c r="G83315" s="16">
        <v>0.66086220654196581</v>
      </c>
    </row>
    <row r="83316" spans="1:7" x14ac:dyDescent="0.3">
      <c r="A83316" s="13" t="s">
        <v>421</v>
      </c>
      <c r="B83316" s="14" t="s">
        <v>1</v>
      </c>
      <c r="C83316" s="14" t="s">
        <v>20</v>
      </c>
      <c r="D83316" s="14" t="s">
        <v>94</v>
      </c>
      <c r="E83316" s="15">
        <v>45472</v>
      </c>
      <c r="F83316" s="14" t="s">
        <v>15</v>
      </c>
      <c r="G83316" s="16">
        <v>0.66086220654196581</v>
      </c>
    </row>
    <row r="83317" spans="1:7" x14ac:dyDescent="0.3">
      <c r="A83317" s="13" t="s">
        <v>421</v>
      </c>
      <c r="B83317" s="14" t="s">
        <v>1</v>
      </c>
      <c r="C83317" s="14" t="s">
        <v>20</v>
      </c>
      <c r="D83317" s="14" t="s">
        <v>94</v>
      </c>
      <c r="E83317" s="15">
        <v>45473</v>
      </c>
      <c r="F83317" s="14" t="s">
        <v>15</v>
      </c>
      <c r="G83317" s="16">
        <v>0.66086220654196581</v>
      </c>
    </row>
    <row r="83318" spans="1:7" x14ac:dyDescent="0.3">
      <c r="A83318" s="13" t="s">
        <v>421</v>
      </c>
      <c r="B83318" s="14" t="s">
        <v>1</v>
      </c>
      <c r="C83318" s="14" t="s">
        <v>20</v>
      </c>
      <c r="D83318" s="14" t="s">
        <v>94</v>
      </c>
      <c r="E83318" s="15">
        <v>45474</v>
      </c>
      <c r="F83318" s="14" t="s">
        <v>15</v>
      </c>
      <c r="G83318" s="16">
        <v>0.66600576059590577</v>
      </c>
    </row>
    <row r="83319" spans="1:7" x14ac:dyDescent="0.3">
      <c r="A83319" s="13" t="s">
        <v>421</v>
      </c>
      <c r="B83319" s="14" t="s">
        <v>1</v>
      </c>
      <c r="C83319" s="14" t="s">
        <v>20</v>
      </c>
      <c r="D83319" s="14" t="s">
        <v>94</v>
      </c>
      <c r="E83319" s="15">
        <v>45475</v>
      </c>
      <c r="F83319" s="14" t="s">
        <v>15</v>
      </c>
      <c r="G83319" s="16">
        <v>0.69076391920046831</v>
      </c>
    </row>
    <row r="83320" spans="1:7" x14ac:dyDescent="0.3">
      <c r="A83320" s="13" t="s">
        <v>421</v>
      </c>
      <c r="B83320" s="14" t="s">
        <v>1</v>
      </c>
      <c r="C83320" s="14" t="s">
        <v>20</v>
      </c>
      <c r="D83320" s="14" t="s">
        <v>94</v>
      </c>
      <c r="E83320" s="15">
        <v>45476</v>
      </c>
      <c r="F83320" s="14" t="s">
        <v>15</v>
      </c>
      <c r="G83320" s="16">
        <v>0.69507576529898218</v>
      </c>
    </row>
    <row r="83321" spans="1:7" x14ac:dyDescent="0.3">
      <c r="A83321" s="13" t="s">
        <v>421</v>
      </c>
      <c r="B83321" s="14" t="s">
        <v>1</v>
      </c>
      <c r="C83321" s="14" t="s">
        <v>20</v>
      </c>
      <c r="D83321" s="14" t="s">
        <v>94</v>
      </c>
      <c r="E83321" s="15">
        <v>45477</v>
      </c>
      <c r="F83321" s="14" t="s">
        <v>15</v>
      </c>
      <c r="G83321" s="16">
        <v>0.70035762014184888</v>
      </c>
    </row>
    <row r="83322" spans="1:7" x14ac:dyDescent="0.3">
      <c r="A83322" s="13" t="s">
        <v>421</v>
      </c>
      <c r="B83322" s="14" t="s">
        <v>1</v>
      </c>
      <c r="C83322" s="14" t="s">
        <v>20</v>
      </c>
      <c r="D83322" s="14" t="s">
        <v>94</v>
      </c>
      <c r="E83322" s="15">
        <v>45478</v>
      </c>
      <c r="F83322" s="14" t="s">
        <v>15</v>
      </c>
      <c r="G83322" s="16">
        <v>0.7058285283567346</v>
      </c>
    </row>
    <row r="83323" spans="1:7" x14ac:dyDescent="0.3">
      <c r="A83323" s="13" t="s">
        <v>421</v>
      </c>
      <c r="B83323" s="14" t="s">
        <v>1</v>
      </c>
      <c r="C83323" s="14" t="s">
        <v>20</v>
      </c>
      <c r="D83323" s="14" t="s">
        <v>94</v>
      </c>
      <c r="E83323" s="15">
        <v>45479</v>
      </c>
      <c r="F83323" s="14" t="s">
        <v>15</v>
      </c>
      <c r="G83323" s="16">
        <v>0.7058285283567346</v>
      </c>
    </row>
    <row r="83324" spans="1:7" x14ac:dyDescent="0.3">
      <c r="A83324" s="13" t="s">
        <v>421</v>
      </c>
      <c r="B83324" s="14" t="s">
        <v>1</v>
      </c>
      <c r="C83324" s="14" t="s">
        <v>20</v>
      </c>
      <c r="D83324" s="14" t="s">
        <v>94</v>
      </c>
      <c r="E83324" s="15">
        <v>45480</v>
      </c>
      <c r="F83324" s="14" t="s">
        <v>15</v>
      </c>
      <c r="G83324" s="16">
        <v>0.7058285283567346</v>
      </c>
    </row>
    <row r="83325" spans="1:7" x14ac:dyDescent="0.3">
      <c r="A83325" s="13" t="s">
        <v>421</v>
      </c>
      <c r="B83325" s="14" t="s">
        <v>1</v>
      </c>
      <c r="C83325" s="14" t="s">
        <v>20</v>
      </c>
      <c r="D83325" s="14" t="s">
        <v>94</v>
      </c>
      <c r="E83325" s="15">
        <v>45481</v>
      </c>
      <c r="F83325" s="14" t="s">
        <v>15</v>
      </c>
      <c r="G83325" s="16">
        <v>0.71129372690602255</v>
      </c>
    </row>
    <row r="83326" spans="1:7" x14ac:dyDescent="0.3">
      <c r="A83326" s="13" t="s">
        <v>421</v>
      </c>
      <c r="B83326" s="14" t="s">
        <v>1</v>
      </c>
      <c r="C83326" s="14" t="s">
        <v>20</v>
      </c>
      <c r="D83326" s="14" t="s">
        <v>94</v>
      </c>
      <c r="E83326" s="15">
        <v>45482</v>
      </c>
      <c r="F83326" s="14" t="s">
        <v>15</v>
      </c>
      <c r="G83326" s="16">
        <v>0.72778428972483844</v>
      </c>
    </row>
    <row r="83327" spans="1:7" x14ac:dyDescent="0.3">
      <c r="A83327" s="13" t="s">
        <v>421</v>
      </c>
      <c r="B83327" s="14" t="s">
        <v>1</v>
      </c>
      <c r="C83327" s="14" t="s">
        <v>20</v>
      </c>
      <c r="D83327" s="14" t="s">
        <v>94</v>
      </c>
      <c r="E83327" s="15">
        <v>45483</v>
      </c>
      <c r="F83327" s="14" t="s">
        <v>15</v>
      </c>
      <c r="G83327" s="16">
        <v>0.74176704053160281</v>
      </c>
    </row>
    <row r="83328" spans="1:7" x14ac:dyDescent="0.3">
      <c r="A83328" s="13" t="s">
        <v>421</v>
      </c>
      <c r="B83328" s="14" t="s">
        <v>1</v>
      </c>
      <c r="C83328" s="14" t="s">
        <v>20</v>
      </c>
      <c r="D83328" s="14" t="s">
        <v>94</v>
      </c>
      <c r="E83328" s="15">
        <v>45484</v>
      </c>
      <c r="F83328" s="14" t="s">
        <v>15</v>
      </c>
      <c r="G83328" s="16">
        <v>0.74752343202638305</v>
      </c>
    </row>
    <row r="83329" spans="1:7" x14ac:dyDescent="0.3">
      <c r="A83329" s="13" t="s">
        <v>421</v>
      </c>
      <c r="B83329" s="14" t="s">
        <v>1</v>
      </c>
      <c r="C83329" s="14" t="s">
        <v>20</v>
      </c>
      <c r="D83329" s="14" t="s">
        <v>94</v>
      </c>
      <c r="E83329" s="15">
        <v>45485</v>
      </c>
      <c r="F83329" s="14" t="s">
        <v>15</v>
      </c>
      <c r="G83329" s="16">
        <v>0.75482523967632598</v>
      </c>
    </row>
    <row r="83330" spans="1:7" x14ac:dyDescent="0.3">
      <c r="A83330" s="13" t="s">
        <v>421</v>
      </c>
      <c r="B83330" s="14" t="s">
        <v>1</v>
      </c>
      <c r="C83330" s="14" t="s">
        <v>20</v>
      </c>
      <c r="D83330" s="14" t="s">
        <v>94</v>
      </c>
      <c r="E83330" s="15">
        <v>45486</v>
      </c>
      <c r="F83330" s="14" t="s">
        <v>15</v>
      </c>
      <c r="G83330" s="16">
        <v>0.75482523967632598</v>
      </c>
    </row>
    <row r="83331" spans="1:7" x14ac:dyDescent="0.3">
      <c r="A83331" s="13" t="s">
        <v>421</v>
      </c>
      <c r="B83331" s="14" t="s">
        <v>1</v>
      </c>
      <c r="C83331" s="14" t="s">
        <v>20</v>
      </c>
      <c r="D83331" s="14" t="s">
        <v>94</v>
      </c>
      <c r="E83331" s="15">
        <v>45487</v>
      </c>
      <c r="F83331" s="14" t="s">
        <v>15</v>
      </c>
      <c r="G83331" s="16">
        <v>0.75482523967632598</v>
      </c>
    </row>
    <row r="83332" spans="1:7" x14ac:dyDescent="0.3">
      <c r="A83332" s="13" t="s">
        <v>421</v>
      </c>
      <c r="B83332" s="14" t="s">
        <v>1</v>
      </c>
      <c r="C83332" s="14" t="s">
        <v>20</v>
      </c>
      <c r="D83332" s="14" t="s">
        <v>94</v>
      </c>
      <c r="E83332" s="15">
        <v>45488</v>
      </c>
      <c r="F83332" s="14" t="s">
        <v>15</v>
      </c>
      <c r="G83332" s="16">
        <v>0.76023651360607825</v>
      </c>
    </row>
    <row r="83333" spans="1:7" x14ac:dyDescent="0.3">
      <c r="A83333" s="13" t="s">
        <v>421</v>
      </c>
      <c r="B83333" s="14" t="s">
        <v>1</v>
      </c>
      <c r="C83333" s="14" t="s">
        <v>20</v>
      </c>
      <c r="D83333" s="14" t="s">
        <v>94</v>
      </c>
      <c r="E83333" s="15">
        <v>45489</v>
      </c>
      <c r="F83333" s="14" t="s">
        <v>15</v>
      </c>
      <c r="G83333" s="16">
        <v>0.77654880797678227</v>
      </c>
    </row>
    <row r="83334" spans="1:7" x14ac:dyDescent="0.3">
      <c r="A83334" s="13" t="s">
        <v>421</v>
      </c>
      <c r="B83334" s="14" t="s">
        <v>1</v>
      </c>
      <c r="C83334" s="14" t="s">
        <v>20</v>
      </c>
      <c r="D83334" s="14" t="s">
        <v>94</v>
      </c>
      <c r="E83334" s="15">
        <v>45490</v>
      </c>
      <c r="F83334" s="14" t="s">
        <v>15</v>
      </c>
      <c r="G83334" s="16">
        <v>0.78195373783364797</v>
      </c>
    </row>
    <row r="83335" spans="1:7" x14ac:dyDescent="0.3">
      <c r="A83335" s="13" t="s">
        <v>421</v>
      </c>
      <c r="B83335" s="14" t="s">
        <v>1</v>
      </c>
      <c r="C83335" s="14" t="s">
        <v>20</v>
      </c>
      <c r="D83335" s="14" t="s">
        <v>94</v>
      </c>
      <c r="E83335" s="15">
        <v>45491</v>
      </c>
      <c r="F83335" s="14" t="s">
        <v>15</v>
      </c>
      <c r="G83335" s="16">
        <v>0.7873478827666065</v>
      </c>
    </row>
    <row r="83336" spans="1:7" x14ac:dyDescent="0.3">
      <c r="A83336" s="13" t="s">
        <v>421</v>
      </c>
      <c r="B83336" s="14" t="s">
        <v>1</v>
      </c>
      <c r="C83336" s="14" t="s">
        <v>20</v>
      </c>
      <c r="D83336" s="14" t="s">
        <v>94</v>
      </c>
      <c r="E83336" s="15">
        <v>45492</v>
      </c>
      <c r="F83336" s="14" t="s">
        <v>15</v>
      </c>
      <c r="G83336" s="16">
        <v>0.79276423195466805</v>
      </c>
    </row>
    <row r="83337" spans="1:7" x14ac:dyDescent="0.3">
      <c r="A83337" s="13" t="s">
        <v>421</v>
      </c>
      <c r="B83337" s="14" t="s">
        <v>1</v>
      </c>
      <c r="C83337" s="14" t="s">
        <v>20</v>
      </c>
      <c r="D83337" s="14" t="s">
        <v>94</v>
      </c>
      <c r="E83337" s="15">
        <v>45493</v>
      </c>
      <c r="F83337" s="14" t="s">
        <v>15</v>
      </c>
      <c r="G83337" s="16">
        <v>0.79276423195466805</v>
      </c>
    </row>
    <row r="83338" spans="1:7" x14ac:dyDescent="0.3">
      <c r="A83338" s="13" t="s">
        <v>421</v>
      </c>
      <c r="B83338" s="14" t="s">
        <v>1</v>
      </c>
      <c r="C83338" s="14" t="s">
        <v>20</v>
      </c>
      <c r="D83338" s="14" t="s">
        <v>94</v>
      </c>
      <c r="E83338" s="15">
        <v>45494</v>
      </c>
      <c r="F83338" s="14" t="s">
        <v>15</v>
      </c>
      <c r="G83338" s="16">
        <v>0.79276423195466805</v>
      </c>
    </row>
    <row r="83339" spans="1:7" x14ac:dyDescent="0.3">
      <c r="A83339" s="13" t="s">
        <v>421</v>
      </c>
      <c r="B83339" s="14" t="s">
        <v>1</v>
      </c>
      <c r="C83339" s="14" t="s">
        <v>20</v>
      </c>
      <c r="D83339" s="14" t="s">
        <v>94</v>
      </c>
      <c r="E83339" s="15">
        <v>45495</v>
      </c>
      <c r="F83339" s="14" t="s">
        <v>15</v>
      </c>
      <c r="G83339" s="16">
        <v>0.79714586285493394</v>
      </c>
    </row>
    <row r="83340" spans="1:7" x14ac:dyDescent="0.3">
      <c r="A83340" s="13" t="s">
        <v>421</v>
      </c>
      <c r="B83340" s="14" t="s">
        <v>1</v>
      </c>
      <c r="C83340" s="14" t="s">
        <v>20</v>
      </c>
      <c r="D83340" s="14" t="s">
        <v>94</v>
      </c>
      <c r="E83340" s="15">
        <v>45496</v>
      </c>
      <c r="F83340" s="14" t="s">
        <v>15</v>
      </c>
      <c r="G83340" s="16">
        <v>0.81360914616033764</v>
      </c>
    </row>
    <row r="83341" spans="1:7" x14ac:dyDescent="0.3">
      <c r="A83341" s="13" t="s">
        <v>421</v>
      </c>
      <c r="B83341" s="14" t="s">
        <v>1</v>
      </c>
      <c r="C83341" s="14" t="s">
        <v>20</v>
      </c>
      <c r="D83341" s="14" t="s">
        <v>94</v>
      </c>
      <c r="E83341" s="15">
        <v>45497</v>
      </c>
      <c r="F83341" s="14" t="s">
        <v>15</v>
      </c>
      <c r="G83341" s="16">
        <v>0.81903057060670836</v>
      </c>
    </row>
    <row r="83342" spans="1:7" x14ac:dyDescent="0.3">
      <c r="A83342" s="13" t="s">
        <v>421</v>
      </c>
      <c r="B83342" s="14" t="s">
        <v>1</v>
      </c>
      <c r="C83342" s="14" t="s">
        <v>20</v>
      </c>
      <c r="D83342" s="14" t="s">
        <v>94</v>
      </c>
      <c r="E83342" s="15">
        <v>45498</v>
      </c>
      <c r="F83342" s="14" t="s">
        <v>15</v>
      </c>
      <c r="G83342" s="16">
        <v>0.82445389827494509</v>
      </c>
    </row>
    <row r="83343" spans="1:7" x14ac:dyDescent="0.3">
      <c r="A83343" s="13" t="s">
        <v>421</v>
      </c>
      <c r="B83343" s="14" t="s">
        <v>1</v>
      </c>
      <c r="C83343" s="14" t="s">
        <v>20</v>
      </c>
      <c r="D83343" s="14" t="s">
        <v>94</v>
      </c>
      <c r="E83343" s="15">
        <v>45499</v>
      </c>
      <c r="F83343" s="14" t="s">
        <v>15</v>
      </c>
      <c r="G83343" s="16">
        <v>0.82991084952948035</v>
      </c>
    </row>
    <row r="83344" spans="1:7" x14ac:dyDescent="0.3">
      <c r="A83344" s="13" t="s">
        <v>421</v>
      </c>
      <c r="B83344" s="14" t="s">
        <v>1</v>
      </c>
      <c r="C83344" s="14" t="s">
        <v>20</v>
      </c>
      <c r="D83344" s="14" t="s">
        <v>94</v>
      </c>
      <c r="E83344" s="15">
        <v>45500</v>
      </c>
      <c r="F83344" s="14" t="s">
        <v>15</v>
      </c>
      <c r="G83344" s="16">
        <v>0.82991084952948035</v>
      </c>
    </row>
    <row r="83345" spans="1:7" x14ac:dyDescent="0.3">
      <c r="A83345" s="13" t="s">
        <v>421</v>
      </c>
      <c r="B83345" s="14" t="s">
        <v>1</v>
      </c>
      <c r="C83345" s="14" t="s">
        <v>20</v>
      </c>
      <c r="D83345" s="14" t="s">
        <v>94</v>
      </c>
      <c r="E83345" s="15">
        <v>45501</v>
      </c>
      <c r="F83345" s="14" t="s">
        <v>15</v>
      </c>
      <c r="G83345" s="16">
        <v>0.82991084952948035</v>
      </c>
    </row>
    <row r="83346" spans="1:7" x14ac:dyDescent="0.3">
      <c r="A83346" s="13" t="s">
        <v>421</v>
      </c>
      <c r="B83346" s="14" t="s">
        <v>1</v>
      </c>
      <c r="C83346" s="14" t="s">
        <v>20</v>
      </c>
      <c r="D83346" s="14" t="s">
        <v>94</v>
      </c>
      <c r="E83346" s="15">
        <v>45502</v>
      </c>
      <c r="F83346" s="14" t="s">
        <v>15</v>
      </c>
      <c r="G83346" s="16">
        <v>0.83538810181725265</v>
      </c>
    </row>
    <row r="83347" spans="1:7" x14ac:dyDescent="0.3">
      <c r="A83347" s="13" t="s">
        <v>421</v>
      </c>
      <c r="B83347" s="14" t="s">
        <v>1</v>
      </c>
      <c r="C83347" s="14" t="s">
        <v>20</v>
      </c>
      <c r="D83347" s="14" t="s">
        <v>94</v>
      </c>
      <c r="E83347" s="15">
        <v>45503</v>
      </c>
      <c r="F83347" s="14" t="s">
        <v>15</v>
      </c>
      <c r="G83347" s="16">
        <v>0.85178540676463643</v>
      </c>
    </row>
    <row r="83348" spans="1:7" x14ac:dyDescent="0.3">
      <c r="A83348" s="13" t="s">
        <v>421</v>
      </c>
      <c r="B83348" s="14" t="s">
        <v>1</v>
      </c>
      <c r="C83348" s="14" t="s">
        <v>20</v>
      </c>
      <c r="D83348" s="14" t="s">
        <v>94</v>
      </c>
      <c r="E83348" s="15">
        <v>45504</v>
      </c>
      <c r="F83348" s="14" t="s">
        <v>15</v>
      </c>
      <c r="G83348" s="16">
        <v>0.85982693331315052</v>
      </c>
    </row>
    <row r="83349" spans="1:7" x14ac:dyDescent="0.3">
      <c r="A83349" s="13" t="s">
        <v>421</v>
      </c>
      <c r="B83349" s="14" t="s">
        <v>1</v>
      </c>
      <c r="C83349" s="14" t="s">
        <v>20</v>
      </c>
      <c r="D83349" s="14" t="s">
        <v>94</v>
      </c>
      <c r="E83349" s="15">
        <v>45505</v>
      </c>
      <c r="F83349" s="14" t="s">
        <v>15</v>
      </c>
      <c r="G83349" s="16">
        <v>0.85982693331315052</v>
      </c>
    </row>
    <row r="83350" spans="1:7" x14ac:dyDescent="0.3">
      <c r="A83350" s="13" t="s">
        <v>421</v>
      </c>
      <c r="B83350" s="14" t="s">
        <v>1</v>
      </c>
      <c r="C83350" s="14" t="s">
        <v>20</v>
      </c>
      <c r="D83350" s="14" t="s">
        <v>94</v>
      </c>
      <c r="E83350" s="15">
        <v>45506</v>
      </c>
      <c r="F83350" s="14" t="s">
        <v>15</v>
      </c>
      <c r="G83350" s="16">
        <v>0.86526865879275827</v>
      </c>
    </row>
    <row r="83351" spans="1:7" x14ac:dyDescent="0.3">
      <c r="A83351" s="13" t="s">
        <v>421</v>
      </c>
      <c r="B83351" s="14" t="s">
        <v>1</v>
      </c>
      <c r="C83351" s="14" t="s">
        <v>20</v>
      </c>
      <c r="D83351" s="14" t="s">
        <v>94</v>
      </c>
      <c r="E83351" s="15">
        <v>45507</v>
      </c>
      <c r="F83351" s="14" t="s">
        <v>15</v>
      </c>
      <c r="G83351" s="16">
        <v>0.86526865879275827</v>
      </c>
    </row>
    <row r="83352" spans="1:7" x14ac:dyDescent="0.3">
      <c r="A83352" s="13" t="s">
        <v>421</v>
      </c>
      <c r="B83352" s="14" t="s">
        <v>1</v>
      </c>
      <c r="C83352" s="14" t="s">
        <v>20</v>
      </c>
      <c r="D83352" s="14" t="s">
        <v>94</v>
      </c>
      <c r="E83352" s="15">
        <v>45508</v>
      </c>
      <c r="F83352" s="14" t="s">
        <v>15</v>
      </c>
      <c r="G83352" s="16">
        <v>0.86526865879275827</v>
      </c>
    </row>
    <row r="83353" spans="1:7" x14ac:dyDescent="0.3">
      <c r="A83353" s="13" t="s">
        <v>421</v>
      </c>
      <c r="B83353" s="14" t="s">
        <v>1</v>
      </c>
      <c r="C83353" s="14" t="s">
        <v>20</v>
      </c>
      <c r="D83353" s="14" t="s">
        <v>94</v>
      </c>
      <c r="E83353" s="15">
        <v>45509</v>
      </c>
      <c r="F83353" s="14" t="s">
        <v>15</v>
      </c>
      <c r="G83353" s="16">
        <v>0.86526865879275827</v>
      </c>
    </row>
    <row r="83354" spans="1:7" x14ac:dyDescent="0.3">
      <c r="A83354" s="13" t="s">
        <v>421</v>
      </c>
      <c r="B83354" s="14" t="s">
        <v>1</v>
      </c>
      <c r="C83354" s="14" t="s">
        <v>20</v>
      </c>
      <c r="D83354" s="14" t="s">
        <v>94</v>
      </c>
      <c r="E83354" s="15">
        <v>45510</v>
      </c>
      <c r="F83354" s="14" t="s">
        <v>15</v>
      </c>
      <c r="G83354" s="16">
        <v>0.89659356724218442</v>
      </c>
    </row>
    <row r="83355" spans="1:7" x14ac:dyDescent="0.3">
      <c r="A83355" s="13" t="s">
        <v>421</v>
      </c>
      <c r="B83355" s="14" t="s">
        <v>1</v>
      </c>
      <c r="C83355" s="14" t="s">
        <v>20</v>
      </c>
      <c r="D83355" s="14" t="s">
        <v>94</v>
      </c>
      <c r="E83355" s="15">
        <v>45511</v>
      </c>
      <c r="F83355" s="14" t="s">
        <v>15</v>
      </c>
      <c r="G83355" s="16">
        <v>0.92758541186506682</v>
      </c>
    </row>
    <row r="83356" spans="1:7" x14ac:dyDescent="0.3">
      <c r="A83356" s="13" t="s">
        <v>421</v>
      </c>
      <c r="B83356" s="14" t="s">
        <v>1</v>
      </c>
      <c r="C83356" s="14" t="s">
        <v>20</v>
      </c>
      <c r="D83356" s="14" t="s">
        <v>94</v>
      </c>
      <c r="E83356" s="15">
        <v>45512</v>
      </c>
      <c r="F83356" s="14" t="s">
        <v>15</v>
      </c>
      <c r="G83356" s="16">
        <v>0.93309882536829247</v>
      </c>
    </row>
    <row r="83357" spans="1:7" x14ac:dyDescent="0.3">
      <c r="A83357" s="13" t="s">
        <v>421</v>
      </c>
      <c r="B83357" s="14" t="s">
        <v>1</v>
      </c>
      <c r="C83357" s="14" t="s">
        <v>20</v>
      </c>
      <c r="D83357" s="14" t="s">
        <v>94</v>
      </c>
      <c r="E83357" s="15">
        <v>45513</v>
      </c>
      <c r="F83357" s="14" t="s">
        <v>15</v>
      </c>
      <c r="G83357" s="16">
        <v>0.93860589479863155</v>
      </c>
    </row>
    <row r="83358" spans="1:7" x14ac:dyDescent="0.3">
      <c r="A83358" s="13" t="s">
        <v>421</v>
      </c>
      <c r="B83358" s="14" t="s">
        <v>1</v>
      </c>
      <c r="C83358" s="14" t="s">
        <v>20</v>
      </c>
      <c r="D83358" s="14" t="s">
        <v>94</v>
      </c>
      <c r="E83358" s="15">
        <v>45514</v>
      </c>
      <c r="F83358" s="14" t="s">
        <v>15</v>
      </c>
      <c r="G83358" s="16">
        <v>0.93860589479863155</v>
      </c>
    </row>
    <row r="83359" spans="1:7" x14ac:dyDescent="0.3">
      <c r="A83359" s="13" t="s">
        <v>421</v>
      </c>
      <c r="B83359" s="14" t="s">
        <v>1</v>
      </c>
      <c r="C83359" s="14" t="s">
        <v>20</v>
      </c>
      <c r="D83359" s="14" t="s">
        <v>94</v>
      </c>
      <c r="E83359" s="15">
        <v>45515</v>
      </c>
      <c r="F83359" s="14" t="s">
        <v>15</v>
      </c>
      <c r="G83359" s="16">
        <v>0.93860589479863155</v>
      </c>
    </row>
    <row r="83360" spans="1:7" x14ac:dyDescent="0.3">
      <c r="A83360" s="13" t="s">
        <v>421</v>
      </c>
      <c r="B83360" s="14" t="s">
        <v>1</v>
      </c>
      <c r="C83360" s="14" t="s">
        <v>20</v>
      </c>
      <c r="D83360" s="14" t="s">
        <v>94</v>
      </c>
      <c r="E83360" s="15">
        <v>45516</v>
      </c>
      <c r="F83360" s="14" t="s">
        <v>15</v>
      </c>
      <c r="G83360" s="16">
        <v>0.94467822112316191</v>
      </c>
    </row>
    <row r="83361" spans="1:7" x14ac:dyDescent="0.3">
      <c r="A83361" s="13" t="s">
        <v>421</v>
      </c>
      <c r="B83361" s="14" t="s">
        <v>1</v>
      </c>
      <c r="C83361" s="14" t="s">
        <v>20</v>
      </c>
      <c r="D83361" s="14" t="s">
        <v>94</v>
      </c>
      <c r="E83361" s="15">
        <v>45517</v>
      </c>
      <c r="F83361" s="14" t="s">
        <v>15</v>
      </c>
      <c r="G83361" s="16">
        <v>0.96116814953468921</v>
      </c>
    </row>
    <row r="83362" spans="1:7" x14ac:dyDescent="0.3">
      <c r="A83362" s="13" t="s">
        <v>421</v>
      </c>
      <c r="B83362" s="14" t="s">
        <v>1</v>
      </c>
      <c r="C83362" s="14" t="s">
        <v>20</v>
      </c>
      <c r="D83362" s="14" t="s">
        <v>94</v>
      </c>
      <c r="E83362" s="15">
        <v>45518</v>
      </c>
      <c r="F83362" s="14" t="s">
        <v>15</v>
      </c>
      <c r="G83362" s="16">
        <v>0.96661685349447202</v>
      </c>
    </row>
    <row r="83363" spans="1:7" x14ac:dyDescent="0.3">
      <c r="A83363" s="13" t="s">
        <v>421</v>
      </c>
      <c r="B83363" s="14" t="s">
        <v>1</v>
      </c>
      <c r="C83363" s="14" t="s">
        <v>20</v>
      </c>
      <c r="D83363" s="14" t="s">
        <v>94</v>
      </c>
      <c r="E83363" s="15">
        <v>45519</v>
      </c>
      <c r="F83363" s="14" t="s">
        <v>15</v>
      </c>
      <c r="G83363" s="16">
        <v>0.97251091137089041</v>
      </c>
    </row>
    <row r="83364" spans="1:7" x14ac:dyDescent="0.3">
      <c r="A83364" s="13" t="s">
        <v>421</v>
      </c>
      <c r="B83364" s="14" t="s">
        <v>1</v>
      </c>
      <c r="C83364" s="14" t="s">
        <v>20</v>
      </c>
      <c r="D83364" s="14" t="s">
        <v>94</v>
      </c>
      <c r="E83364" s="15">
        <v>45520</v>
      </c>
      <c r="F83364" s="14" t="s">
        <v>15</v>
      </c>
      <c r="G83364" s="16">
        <v>0.97825398031260902</v>
      </c>
    </row>
    <row r="83365" spans="1:7" x14ac:dyDescent="0.3">
      <c r="A83365" s="13" t="s">
        <v>421</v>
      </c>
      <c r="B83365" s="14" t="s">
        <v>1</v>
      </c>
      <c r="C83365" s="14" t="s">
        <v>20</v>
      </c>
      <c r="D83365" s="14" t="s">
        <v>94</v>
      </c>
      <c r="E83365" s="15">
        <v>45521</v>
      </c>
      <c r="F83365" s="14" t="s">
        <v>15</v>
      </c>
      <c r="G83365" s="16">
        <v>0.97825398031260902</v>
      </c>
    </row>
    <row r="83366" spans="1:7" x14ac:dyDescent="0.3">
      <c r="A83366" s="13" t="s">
        <v>421</v>
      </c>
      <c r="B83366" s="14" t="s">
        <v>1</v>
      </c>
      <c r="C83366" s="14" t="s">
        <v>20</v>
      </c>
      <c r="D83366" s="14" t="s">
        <v>94</v>
      </c>
      <c r="E83366" s="15">
        <v>45522</v>
      </c>
      <c r="F83366" s="14" t="s">
        <v>15</v>
      </c>
      <c r="G83366" s="16">
        <v>0.97825398031260902</v>
      </c>
    </row>
    <row r="83367" spans="1:7" x14ac:dyDescent="0.3">
      <c r="A83367" s="13" t="s">
        <v>421</v>
      </c>
      <c r="B83367" s="14" t="s">
        <v>1</v>
      </c>
      <c r="C83367" s="14" t="s">
        <v>20</v>
      </c>
      <c r="D83367" s="14" t="s">
        <v>94</v>
      </c>
      <c r="E83367" s="15">
        <v>45523</v>
      </c>
      <c r="F83367" s="14" t="s">
        <v>15</v>
      </c>
      <c r="G83367" s="16">
        <v>0.98848167437782686</v>
      </c>
    </row>
    <row r="83368" spans="1:7" x14ac:dyDescent="0.3">
      <c r="A83368" s="13" t="s">
        <v>421</v>
      </c>
      <c r="B83368" s="14" t="s">
        <v>1</v>
      </c>
      <c r="C83368" s="14" t="s">
        <v>20</v>
      </c>
      <c r="D83368" s="14" t="s">
        <v>94</v>
      </c>
      <c r="E83368" s="15">
        <v>45524</v>
      </c>
      <c r="F83368" s="14" t="s">
        <v>15</v>
      </c>
      <c r="G83368" s="16">
        <v>1.004749560238325</v>
      </c>
    </row>
    <row r="83369" spans="1:7" x14ac:dyDescent="0.3">
      <c r="A83369" s="13" t="s">
        <v>421</v>
      </c>
      <c r="B83369" s="14" t="s">
        <v>1</v>
      </c>
      <c r="C83369" s="14" t="s">
        <v>20</v>
      </c>
      <c r="D83369" s="14" t="s">
        <v>94</v>
      </c>
      <c r="E83369" s="15">
        <v>45525</v>
      </c>
      <c r="F83369" s="14" t="s">
        <v>15</v>
      </c>
      <c r="G83369" s="16">
        <v>1.0088729873721085</v>
      </c>
    </row>
    <row r="83370" spans="1:7" x14ac:dyDescent="0.3">
      <c r="A83370" s="13" t="s">
        <v>421</v>
      </c>
      <c r="B83370" s="14" t="s">
        <v>1</v>
      </c>
      <c r="C83370" s="14" t="s">
        <v>20</v>
      </c>
      <c r="D83370" s="14" t="s">
        <v>94</v>
      </c>
      <c r="E83370" s="15">
        <v>45526</v>
      </c>
      <c r="F83370" s="14" t="s">
        <v>15</v>
      </c>
      <c r="G83370" s="16">
        <v>1.0258209578460444</v>
      </c>
    </row>
    <row r="83371" spans="1:7" x14ac:dyDescent="0.3">
      <c r="A83371" s="13" t="s">
        <v>421</v>
      </c>
      <c r="B83371" s="14" t="s">
        <v>1</v>
      </c>
      <c r="C83371" s="14" t="s">
        <v>20</v>
      </c>
      <c r="D83371" s="14" t="s">
        <v>94</v>
      </c>
      <c r="E83371" s="15">
        <v>45527</v>
      </c>
      <c r="F83371" s="14" t="s">
        <v>15</v>
      </c>
      <c r="G83371" s="16">
        <v>1.0348464500992618</v>
      </c>
    </row>
    <row r="83372" spans="1:7" x14ac:dyDescent="0.3">
      <c r="A83372" s="13" t="s">
        <v>421</v>
      </c>
      <c r="B83372" s="14" t="s">
        <v>1</v>
      </c>
      <c r="C83372" s="14" t="s">
        <v>20</v>
      </c>
      <c r="D83372" s="14" t="s">
        <v>94</v>
      </c>
      <c r="E83372" s="15">
        <v>45528</v>
      </c>
      <c r="F83372" s="14" t="s">
        <v>15</v>
      </c>
      <c r="G83372" s="16">
        <v>1.0348464500992618</v>
      </c>
    </row>
    <row r="83373" spans="1:7" x14ac:dyDescent="0.3">
      <c r="A83373" s="13" t="s">
        <v>421</v>
      </c>
      <c r="B83373" s="14" t="s">
        <v>1</v>
      </c>
      <c r="C83373" s="14" t="s">
        <v>20</v>
      </c>
      <c r="D83373" s="14" t="s">
        <v>94</v>
      </c>
      <c r="E83373" s="15">
        <v>45529</v>
      </c>
      <c r="F83373" s="14" t="s">
        <v>15</v>
      </c>
      <c r="G83373" s="16">
        <v>1.0348464500992618</v>
      </c>
    </row>
    <row r="83374" spans="1:7" x14ac:dyDescent="0.3">
      <c r="A83374" s="13" t="s">
        <v>421</v>
      </c>
      <c r="B83374" s="14" t="s">
        <v>1</v>
      </c>
      <c r="C83374" s="14" t="s">
        <v>20</v>
      </c>
      <c r="D83374" s="14" t="s">
        <v>94</v>
      </c>
      <c r="E83374" s="15">
        <v>45530</v>
      </c>
      <c r="F83374" s="14" t="s">
        <v>15</v>
      </c>
      <c r="G83374" s="16">
        <v>1.0402145843333854</v>
      </c>
    </row>
    <row r="83375" spans="1:7" x14ac:dyDescent="0.3">
      <c r="A83375" s="13" t="s">
        <v>421</v>
      </c>
      <c r="B83375" s="14" t="s">
        <v>1</v>
      </c>
      <c r="C83375" s="14" t="s">
        <v>20</v>
      </c>
      <c r="D83375" s="14" t="s">
        <v>94</v>
      </c>
      <c r="E83375" s="15">
        <v>45531</v>
      </c>
      <c r="F83375" s="14" t="s">
        <v>15</v>
      </c>
      <c r="G83375" s="16">
        <v>1.0563536855142868</v>
      </c>
    </row>
    <row r="83376" spans="1:7" x14ac:dyDescent="0.3">
      <c r="A83376" s="13" t="s">
        <v>421</v>
      </c>
      <c r="B83376" s="14" t="s">
        <v>1</v>
      </c>
      <c r="C83376" s="14" t="s">
        <v>20</v>
      </c>
      <c r="D83376" s="14" t="s">
        <v>94</v>
      </c>
      <c r="E83376" s="15">
        <v>45532</v>
      </c>
      <c r="F83376" s="14" t="s">
        <v>15</v>
      </c>
      <c r="G83376" s="16">
        <v>1.0655009839669261</v>
      </c>
    </row>
    <row r="83377" spans="1:7" x14ac:dyDescent="0.3">
      <c r="A83377" s="13" t="s">
        <v>421</v>
      </c>
      <c r="B83377" s="14" t="s">
        <v>1</v>
      </c>
      <c r="C83377" s="14" t="s">
        <v>20</v>
      </c>
      <c r="D83377" s="14" t="s">
        <v>94</v>
      </c>
      <c r="E83377" s="15">
        <v>45533</v>
      </c>
      <c r="F83377" s="14" t="s">
        <v>15</v>
      </c>
      <c r="G83377" s="16">
        <v>1.0708450107240808</v>
      </c>
    </row>
    <row r="83378" spans="1:7" x14ac:dyDescent="0.3">
      <c r="A83378" s="13" t="s">
        <v>421</v>
      </c>
      <c r="B83378" s="14" t="s">
        <v>1</v>
      </c>
      <c r="C83378" s="14" t="s">
        <v>20</v>
      </c>
      <c r="D83378" s="14" t="s">
        <v>94</v>
      </c>
      <c r="E83378" s="15">
        <v>45534</v>
      </c>
      <c r="F83378" s="14" t="s">
        <v>15</v>
      </c>
      <c r="G83378" s="16">
        <v>1.0761788869646172</v>
      </c>
    </row>
    <row r="83379" spans="1:7" x14ac:dyDescent="0.3">
      <c r="A83379" s="13" t="s">
        <v>421</v>
      </c>
      <c r="B83379" s="14" t="s">
        <v>1</v>
      </c>
      <c r="C83379" s="14" t="s">
        <v>20</v>
      </c>
      <c r="D83379" s="14" t="s">
        <v>94</v>
      </c>
      <c r="E83379" s="15">
        <v>45535</v>
      </c>
      <c r="F83379" s="14" t="s">
        <v>15</v>
      </c>
      <c r="G83379" s="16">
        <v>1.0761788869646172</v>
      </c>
    </row>
    <row r="83380" spans="1:7" x14ac:dyDescent="0.3">
      <c r="A83380" s="13" t="s">
        <v>421</v>
      </c>
      <c r="B83380" s="14" t="s">
        <v>1</v>
      </c>
      <c r="C83380" s="14" t="s">
        <v>20</v>
      </c>
      <c r="D83380" s="14" t="s">
        <v>94</v>
      </c>
      <c r="E83380" s="15">
        <v>45536</v>
      </c>
      <c r="F83380" s="14" t="s">
        <v>15</v>
      </c>
      <c r="G83380" s="16">
        <v>1.0761788869646172</v>
      </c>
    </row>
    <row r="83381" spans="1:7" x14ac:dyDescent="0.3">
      <c r="A83381" s="13" t="s">
        <v>421</v>
      </c>
      <c r="B83381" s="14" t="s">
        <v>1</v>
      </c>
      <c r="C83381" s="14" t="s">
        <v>20</v>
      </c>
      <c r="D83381" s="14" t="s">
        <v>94</v>
      </c>
      <c r="E83381" s="15">
        <v>45537</v>
      </c>
      <c r="F83381" s="14" t="s">
        <v>15</v>
      </c>
      <c r="G83381" s="16">
        <v>1.081502612688535</v>
      </c>
    </row>
    <row r="83382" spans="1:7" x14ac:dyDescent="0.3">
      <c r="A83382" s="13" t="s">
        <v>421</v>
      </c>
      <c r="B83382" s="14" t="s">
        <v>1</v>
      </c>
      <c r="C83382" s="14" t="s">
        <v>20</v>
      </c>
      <c r="D83382" s="14" t="s">
        <v>94</v>
      </c>
      <c r="E83382" s="15">
        <v>45538</v>
      </c>
      <c r="F83382" s="14" t="s">
        <v>15</v>
      </c>
      <c r="G83382" s="16">
        <v>1.1051892573825597</v>
      </c>
    </row>
    <row r="83383" spans="1:7" x14ac:dyDescent="0.3">
      <c r="A83383" s="13" t="s">
        <v>421</v>
      </c>
      <c r="B83383" s="14" t="s">
        <v>1</v>
      </c>
      <c r="C83383" s="14" t="s">
        <v>20</v>
      </c>
      <c r="D83383" s="14" t="s">
        <v>94</v>
      </c>
      <c r="E83383" s="15">
        <v>45539</v>
      </c>
      <c r="F83383" s="14" t="s">
        <v>15</v>
      </c>
      <c r="G83383" s="16">
        <v>1.1101710375778926</v>
      </c>
    </row>
    <row r="83384" spans="1:7" x14ac:dyDescent="0.3">
      <c r="A83384" s="13" t="s">
        <v>421</v>
      </c>
      <c r="B83384" s="14" t="s">
        <v>1</v>
      </c>
      <c r="C83384" s="14" t="s">
        <v>20</v>
      </c>
      <c r="D83384" s="14" t="s">
        <v>94</v>
      </c>
      <c r="E83384" s="15">
        <v>45540</v>
      </c>
      <c r="F83384" s="14" t="s">
        <v>15</v>
      </c>
      <c r="G83384" s="16">
        <v>1.1253325171269772</v>
      </c>
    </row>
    <row r="83385" spans="1:7" x14ac:dyDescent="0.3">
      <c r="A83385" s="13" t="s">
        <v>421</v>
      </c>
      <c r="B83385" s="14" t="s">
        <v>1</v>
      </c>
      <c r="C83385" s="14" t="s">
        <v>20</v>
      </c>
      <c r="D83385" s="14" t="s">
        <v>94</v>
      </c>
      <c r="E83385" s="15">
        <v>45541</v>
      </c>
      <c r="F83385" s="14" t="s">
        <v>15</v>
      </c>
      <c r="G83385" s="16">
        <v>1.1306111999334008</v>
      </c>
    </row>
    <row r="83386" spans="1:7" x14ac:dyDescent="0.3">
      <c r="A83386" s="13" t="s">
        <v>421</v>
      </c>
      <c r="B83386" s="14" t="s">
        <v>1</v>
      </c>
      <c r="C83386" s="14" t="s">
        <v>20</v>
      </c>
      <c r="D83386" s="14" t="s">
        <v>94</v>
      </c>
      <c r="E83386" s="15">
        <v>45542</v>
      </c>
      <c r="F83386" s="14" t="s">
        <v>15</v>
      </c>
      <c r="G83386" s="16">
        <v>1.1306111999334008</v>
      </c>
    </row>
    <row r="83387" spans="1:7" x14ac:dyDescent="0.3">
      <c r="A83387" s="13" t="s">
        <v>421</v>
      </c>
      <c r="B83387" s="14" t="s">
        <v>1</v>
      </c>
      <c r="C83387" s="14" t="s">
        <v>20</v>
      </c>
      <c r="D83387" s="14" t="s">
        <v>94</v>
      </c>
      <c r="E83387" s="15">
        <v>45543</v>
      </c>
      <c r="F83387" s="14" t="s">
        <v>15</v>
      </c>
      <c r="G83387" s="16">
        <v>1.1306111999334008</v>
      </c>
    </row>
    <row r="83388" spans="1:7" x14ac:dyDescent="0.3">
      <c r="A83388" s="13" t="s">
        <v>421</v>
      </c>
      <c r="B83388" s="14" t="s">
        <v>1</v>
      </c>
      <c r="C83388" s="14" t="s">
        <v>20</v>
      </c>
      <c r="D83388" s="14" t="s">
        <v>94</v>
      </c>
      <c r="E83388" s="15">
        <v>45544</v>
      </c>
      <c r="F83388" s="14" t="s">
        <v>15</v>
      </c>
      <c r="G83388" s="16">
        <v>1.1359780653529472</v>
      </c>
    </row>
    <row r="83389" spans="1:7" x14ac:dyDescent="0.3">
      <c r="A83389" s="13" t="s">
        <v>421</v>
      </c>
      <c r="B83389" s="14" t="s">
        <v>1</v>
      </c>
      <c r="C83389" s="14" t="s">
        <v>20</v>
      </c>
      <c r="D83389" s="14" t="s">
        <v>94</v>
      </c>
      <c r="E83389" s="15">
        <v>45545</v>
      </c>
      <c r="F83389" s="14" t="s">
        <v>15</v>
      </c>
      <c r="G83389" s="16">
        <v>1.1520714892090653</v>
      </c>
    </row>
    <row r="83390" spans="1:7" x14ac:dyDescent="0.3">
      <c r="A83390" s="13" t="s">
        <v>421</v>
      </c>
      <c r="B83390" s="14" t="s">
        <v>1</v>
      </c>
      <c r="C83390" s="14" t="s">
        <v>20</v>
      </c>
      <c r="D83390" s="14" t="s">
        <v>94</v>
      </c>
      <c r="E83390" s="15">
        <v>45546</v>
      </c>
      <c r="F83390" s="14" t="s">
        <v>15</v>
      </c>
      <c r="G83390" s="16">
        <v>1.1612118091815293</v>
      </c>
    </row>
    <row r="83391" spans="1:7" x14ac:dyDescent="0.3">
      <c r="A83391" s="13" t="s">
        <v>421</v>
      </c>
      <c r="B83391" s="14" t="s">
        <v>1</v>
      </c>
      <c r="C83391" s="14" t="s">
        <v>20</v>
      </c>
      <c r="D83391" s="14" t="s">
        <v>94</v>
      </c>
      <c r="E83391" s="15">
        <v>45547</v>
      </c>
      <c r="F83391" s="14" t="s">
        <v>15</v>
      </c>
      <c r="G83391" s="16">
        <v>1.1665114274284782</v>
      </c>
    </row>
    <row r="83392" spans="1:7" x14ac:dyDescent="0.3">
      <c r="A83392" s="13" t="s">
        <v>421</v>
      </c>
      <c r="B83392" s="14" t="s">
        <v>1</v>
      </c>
      <c r="C83392" s="14" t="s">
        <v>20</v>
      </c>
      <c r="D83392" s="14" t="s">
        <v>94</v>
      </c>
      <c r="E83392" s="15">
        <v>45548</v>
      </c>
      <c r="F83392" s="14" t="s">
        <v>15</v>
      </c>
      <c r="G83392" s="16">
        <v>1.1782299786220345</v>
      </c>
    </row>
    <row r="83393" spans="1:7" x14ac:dyDescent="0.3">
      <c r="A83393" s="13" t="s">
        <v>421</v>
      </c>
      <c r="B83393" s="14" t="s">
        <v>1</v>
      </c>
      <c r="C83393" s="14" t="s">
        <v>20</v>
      </c>
      <c r="D83393" s="14" t="s">
        <v>94</v>
      </c>
      <c r="E83393" s="15">
        <v>45549</v>
      </c>
      <c r="F83393" s="14" t="s">
        <v>15</v>
      </c>
      <c r="G83393" s="16">
        <v>1.1782299786220345</v>
      </c>
    </row>
    <row r="83394" spans="1:7" x14ac:dyDescent="0.3">
      <c r="A83394" s="13" t="s">
        <v>421</v>
      </c>
      <c r="B83394" s="14" t="s">
        <v>1</v>
      </c>
      <c r="C83394" s="14" t="s">
        <v>20</v>
      </c>
      <c r="D83394" s="14" t="s">
        <v>94</v>
      </c>
      <c r="E83394" s="15">
        <v>45550</v>
      </c>
      <c r="F83394" s="14" t="s">
        <v>15</v>
      </c>
      <c r="G83394" s="16">
        <v>1.1782299786220345</v>
      </c>
    </row>
    <row r="83395" spans="1:7" x14ac:dyDescent="0.3">
      <c r="A83395" s="13" t="s">
        <v>421</v>
      </c>
      <c r="B83395" s="14" t="s">
        <v>1</v>
      </c>
      <c r="C83395" s="14" t="s">
        <v>20</v>
      </c>
      <c r="D83395" s="14" t="s">
        <v>94</v>
      </c>
      <c r="E83395" s="15">
        <v>45551</v>
      </c>
      <c r="F83395" s="14" t="s">
        <v>15</v>
      </c>
      <c r="G83395" s="16">
        <v>1.1834782098786025</v>
      </c>
    </row>
    <row r="83396" spans="1:7" x14ac:dyDescent="0.3">
      <c r="A83396" s="13" t="s">
        <v>421</v>
      </c>
      <c r="B83396" s="14" t="s">
        <v>1</v>
      </c>
      <c r="C83396" s="14" t="s">
        <v>20</v>
      </c>
      <c r="D83396" s="14" t="s">
        <v>94</v>
      </c>
      <c r="E83396" s="15">
        <v>45552</v>
      </c>
      <c r="F83396" s="14" t="s">
        <v>15</v>
      </c>
      <c r="G83396" s="16">
        <v>1.2000943853405721</v>
      </c>
    </row>
    <row r="83397" spans="1:7" x14ac:dyDescent="0.3">
      <c r="A83397" s="13" t="s">
        <v>421</v>
      </c>
      <c r="B83397" s="14" t="s">
        <v>1</v>
      </c>
      <c r="C83397" s="14" t="s">
        <v>20</v>
      </c>
      <c r="D83397" s="14" t="s">
        <v>94</v>
      </c>
      <c r="E83397" s="15">
        <v>45553</v>
      </c>
      <c r="F83397" s="14" t="s">
        <v>15</v>
      </c>
      <c r="G83397" s="16">
        <v>1.2053210467493258</v>
      </c>
    </row>
    <row r="83398" spans="1:7" x14ac:dyDescent="0.3">
      <c r="A83398" s="13" t="s">
        <v>421</v>
      </c>
      <c r="B83398" s="14" t="s">
        <v>1</v>
      </c>
      <c r="C83398" s="14" t="s">
        <v>20</v>
      </c>
      <c r="D83398" s="14" t="s">
        <v>94</v>
      </c>
      <c r="E83398" s="15">
        <v>45554</v>
      </c>
      <c r="F83398" s="14" t="s">
        <v>15</v>
      </c>
      <c r="G83398" s="16">
        <v>1.2067526837573477</v>
      </c>
    </row>
    <row r="83399" spans="1:7" x14ac:dyDescent="0.3">
      <c r="A83399" s="13" t="s">
        <v>421</v>
      </c>
      <c r="B83399" s="14" t="s">
        <v>1</v>
      </c>
      <c r="C83399" s="14" t="s">
        <v>20</v>
      </c>
      <c r="D83399" s="14" t="s">
        <v>94</v>
      </c>
      <c r="E83399" s="15">
        <v>45555</v>
      </c>
      <c r="F83399" s="14" t="s">
        <v>15</v>
      </c>
      <c r="G83399" s="16">
        <v>1.2133401488002655</v>
      </c>
    </row>
    <row r="83400" spans="1:7" x14ac:dyDescent="0.3">
      <c r="A83400" s="13" t="s">
        <v>421</v>
      </c>
      <c r="B83400" s="14" t="s">
        <v>1</v>
      </c>
      <c r="C83400" s="14" t="s">
        <v>20</v>
      </c>
      <c r="D83400" s="14" t="s">
        <v>94</v>
      </c>
      <c r="E83400" s="15">
        <v>45556</v>
      </c>
      <c r="F83400" s="14" t="s">
        <v>15</v>
      </c>
      <c r="G83400" s="16">
        <v>1.2133401488002655</v>
      </c>
    </row>
    <row r="83401" spans="1:7" x14ac:dyDescent="0.3">
      <c r="A83401" s="13" t="s">
        <v>421</v>
      </c>
      <c r="B83401" s="14" t="s">
        <v>1</v>
      </c>
      <c r="C83401" s="14" t="s">
        <v>20</v>
      </c>
      <c r="D83401" s="14" t="s">
        <v>94</v>
      </c>
      <c r="E83401" s="15">
        <v>45557</v>
      </c>
      <c r="F83401" s="14" t="s">
        <v>15</v>
      </c>
      <c r="G83401" s="16">
        <v>1.2133401488002655</v>
      </c>
    </row>
    <row r="83402" spans="1:7" x14ac:dyDescent="0.3">
      <c r="A83402" s="13" t="s">
        <v>421</v>
      </c>
      <c r="B83402" s="14" t="s">
        <v>1</v>
      </c>
      <c r="C83402" s="14" t="s">
        <v>20</v>
      </c>
      <c r="D83402" s="14" t="s">
        <v>94</v>
      </c>
      <c r="E83402" s="15">
        <v>45558</v>
      </c>
      <c r="F83402" s="14" t="s">
        <v>15</v>
      </c>
      <c r="G83402" s="16">
        <v>1.2161839764328328</v>
      </c>
    </row>
    <row r="83403" spans="1:7" x14ac:dyDescent="0.3">
      <c r="A83403" s="13" t="s">
        <v>421</v>
      </c>
      <c r="B83403" s="14" t="s">
        <v>1</v>
      </c>
      <c r="C83403" s="14" t="s">
        <v>20</v>
      </c>
      <c r="D83403" s="14" t="s">
        <v>94</v>
      </c>
      <c r="E83403" s="15">
        <v>45559</v>
      </c>
      <c r="F83403" s="14" t="s">
        <v>15</v>
      </c>
      <c r="G83403" s="16">
        <v>1.2315097674696789</v>
      </c>
    </row>
    <row r="83404" spans="1:7" x14ac:dyDescent="0.3">
      <c r="A83404" s="13" t="s">
        <v>421</v>
      </c>
      <c r="B83404" s="14" t="s">
        <v>1</v>
      </c>
      <c r="C83404" s="14" t="s">
        <v>20</v>
      </c>
      <c r="D83404" s="14" t="s">
        <v>94</v>
      </c>
      <c r="E83404" s="15">
        <v>45560</v>
      </c>
      <c r="F83404" s="14" t="s">
        <v>15</v>
      </c>
      <c r="G83404" s="16">
        <v>1.2365613324667641</v>
      </c>
    </row>
    <row r="83405" spans="1:7" x14ac:dyDescent="0.3">
      <c r="A83405" s="13" t="s">
        <v>421</v>
      </c>
      <c r="B83405" s="14" t="s">
        <v>1</v>
      </c>
      <c r="C83405" s="14" t="s">
        <v>20</v>
      </c>
      <c r="D83405" s="14" t="s">
        <v>94</v>
      </c>
      <c r="E83405" s="15">
        <v>45561</v>
      </c>
      <c r="F83405" s="14" t="s">
        <v>15</v>
      </c>
      <c r="G83405" s="16">
        <v>1.2416033813545193</v>
      </c>
    </row>
    <row r="83406" spans="1:7" x14ac:dyDescent="0.3">
      <c r="A83406" s="13" t="s">
        <v>421</v>
      </c>
      <c r="B83406" s="14" t="s">
        <v>1</v>
      </c>
      <c r="C83406" s="14" t="s">
        <v>20</v>
      </c>
      <c r="D83406" s="14" t="s">
        <v>94</v>
      </c>
      <c r="E83406" s="15">
        <v>45562</v>
      </c>
      <c r="F83406" s="14" t="s">
        <v>15</v>
      </c>
      <c r="G83406" s="16">
        <v>1.2571651719027448</v>
      </c>
    </row>
    <row r="83407" spans="1:7" x14ac:dyDescent="0.3">
      <c r="A83407" s="13" t="s">
        <v>421</v>
      </c>
      <c r="B83407" s="14" t="s">
        <v>1</v>
      </c>
      <c r="C83407" s="14" t="s">
        <v>20</v>
      </c>
      <c r="D83407" s="14" t="s">
        <v>94</v>
      </c>
      <c r="E83407" s="15">
        <v>45563</v>
      </c>
      <c r="F83407" s="14" t="s">
        <v>15</v>
      </c>
      <c r="G83407" s="16">
        <v>1.2571651719027448</v>
      </c>
    </row>
    <row r="83408" spans="1:7" x14ac:dyDescent="0.3">
      <c r="A83408" s="13" t="s">
        <v>421</v>
      </c>
      <c r="B83408" s="14" t="s">
        <v>1</v>
      </c>
      <c r="C83408" s="14" t="s">
        <v>20</v>
      </c>
      <c r="D83408" s="14" t="s">
        <v>94</v>
      </c>
      <c r="E83408" s="15">
        <v>45564</v>
      </c>
      <c r="F83408" s="14" t="s">
        <v>15</v>
      </c>
      <c r="G83408" s="16">
        <v>1.2571651719027448</v>
      </c>
    </row>
    <row r="83409" spans="1:7" x14ac:dyDescent="0.3">
      <c r="A83409" s="13" t="s">
        <v>421</v>
      </c>
      <c r="B83409" s="14" t="s">
        <v>1</v>
      </c>
      <c r="C83409" s="14" t="s">
        <v>20</v>
      </c>
      <c r="D83409" s="14" t="s">
        <v>94</v>
      </c>
      <c r="E83409" s="15">
        <v>45565</v>
      </c>
      <c r="F83409" s="14" t="s">
        <v>15</v>
      </c>
      <c r="G83409" s="16">
        <v>1.2629964234575866</v>
      </c>
    </row>
    <row r="83410" spans="1:7" x14ac:dyDescent="0.3">
      <c r="A83410" s="13" t="s">
        <v>421</v>
      </c>
      <c r="B83410" s="14" t="s">
        <v>1</v>
      </c>
      <c r="C83410" s="14" t="s">
        <v>20</v>
      </c>
      <c r="D83410" s="14" t="s">
        <v>94</v>
      </c>
      <c r="E83410" s="15">
        <v>45566</v>
      </c>
      <c r="F83410" s="14" t="s">
        <v>15</v>
      </c>
      <c r="G83410" s="16">
        <v>1.2800135443259857</v>
      </c>
    </row>
    <row r="83411" spans="1:7" x14ac:dyDescent="0.3">
      <c r="A83411" s="13" t="s">
        <v>421</v>
      </c>
      <c r="B83411" s="14" t="s">
        <v>1</v>
      </c>
      <c r="C83411" s="14" t="s">
        <v>20</v>
      </c>
      <c r="D83411" s="14" t="s">
        <v>94</v>
      </c>
      <c r="E83411" s="15">
        <v>45567</v>
      </c>
      <c r="F83411" s="14" t="s">
        <v>15</v>
      </c>
      <c r="G83411" s="16">
        <v>1.2937247688132061</v>
      </c>
    </row>
    <row r="83412" spans="1:7" x14ac:dyDescent="0.3">
      <c r="A83412" s="13" t="s">
        <v>421</v>
      </c>
      <c r="B83412" s="14" t="s">
        <v>1</v>
      </c>
      <c r="C83412" s="14" t="s">
        <v>20</v>
      </c>
      <c r="D83412" s="14" t="s">
        <v>94</v>
      </c>
      <c r="E83412" s="15">
        <v>45568</v>
      </c>
      <c r="F83412" s="14" t="s">
        <v>15</v>
      </c>
      <c r="G83412" s="16">
        <v>1.2987807746613116</v>
      </c>
    </row>
    <row r="83413" spans="1:7" x14ac:dyDescent="0.3">
      <c r="A83413" s="13" t="s">
        <v>421</v>
      </c>
      <c r="B83413" s="14" t="s">
        <v>1</v>
      </c>
      <c r="C83413" s="14" t="s">
        <v>20</v>
      </c>
      <c r="D83413" s="14" t="s">
        <v>94</v>
      </c>
      <c r="E83413" s="15">
        <v>45569</v>
      </c>
      <c r="F83413" s="14" t="s">
        <v>15</v>
      </c>
      <c r="G83413" s="16">
        <v>1.3131448042485576</v>
      </c>
    </row>
    <row r="83414" spans="1:7" x14ac:dyDescent="0.3">
      <c r="A83414" s="13" t="s">
        <v>421</v>
      </c>
      <c r="B83414" s="14" t="s">
        <v>1</v>
      </c>
      <c r="C83414" s="14" t="s">
        <v>20</v>
      </c>
      <c r="D83414" s="14" t="s">
        <v>94</v>
      </c>
      <c r="E83414" s="15">
        <v>45570</v>
      </c>
      <c r="F83414" s="14" t="s">
        <v>15</v>
      </c>
      <c r="G83414" s="16">
        <v>1.3131448042485576</v>
      </c>
    </row>
    <row r="83415" spans="1:7" x14ac:dyDescent="0.3">
      <c r="A83415" s="13" t="s">
        <v>421</v>
      </c>
      <c r="B83415" s="14" t="s">
        <v>1</v>
      </c>
      <c r="C83415" s="14" t="s">
        <v>20</v>
      </c>
      <c r="D83415" s="14" t="s">
        <v>94</v>
      </c>
      <c r="E83415" s="15">
        <v>45571</v>
      </c>
      <c r="F83415" s="14" t="s">
        <v>15</v>
      </c>
      <c r="G83415" s="16">
        <v>1.3131448042485576</v>
      </c>
    </row>
    <row r="83416" spans="1:7" x14ac:dyDescent="0.3">
      <c r="A83416" s="13" t="s">
        <v>421</v>
      </c>
      <c r="B83416" s="14" t="s">
        <v>1</v>
      </c>
      <c r="C83416" s="14" t="s">
        <v>20</v>
      </c>
      <c r="D83416" s="14" t="s">
        <v>94</v>
      </c>
      <c r="E83416" s="15">
        <v>45572</v>
      </c>
      <c r="F83416" s="14" t="s">
        <v>15</v>
      </c>
      <c r="G83416" s="16">
        <v>1.3181817778780036</v>
      </c>
    </row>
    <row r="83417" spans="1:7" x14ac:dyDescent="0.3">
      <c r="A83417" s="13" t="s">
        <v>421</v>
      </c>
      <c r="B83417" s="14" t="s">
        <v>1</v>
      </c>
      <c r="C83417" s="14" t="s">
        <v>20</v>
      </c>
      <c r="D83417" s="14" t="s">
        <v>94</v>
      </c>
      <c r="E83417" s="15">
        <v>45573</v>
      </c>
      <c r="F83417" s="14" t="s">
        <v>15</v>
      </c>
      <c r="G83417" s="16">
        <v>1.3335830633821997</v>
      </c>
    </row>
    <row r="83418" spans="1:7" x14ac:dyDescent="0.3">
      <c r="A83418" s="13" t="s">
        <v>421</v>
      </c>
      <c r="B83418" s="14" t="s">
        <v>1</v>
      </c>
      <c r="C83418" s="14" t="s">
        <v>20</v>
      </c>
      <c r="D83418" s="14" t="s">
        <v>94</v>
      </c>
      <c r="E83418" s="15">
        <v>45574</v>
      </c>
      <c r="F83418" s="14" t="s">
        <v>15</v>
      </c>
      <c r="G83418" s="16">
        <v>1.3404090655656518</v>
      </c>
    </row>
    <row r="83419" spans="1:7" x14ac:dyDescent="0.3">
      <c r="A83419" s="13" t="s">
        <v>421</v>
      </c>
      <c r="B83419" s="14" t="s">
        <v>1</v>
      </c>
      <c r="C83419" s="14" t="s">
        <v>20</v>
      </c>
      <c r="D83419" s="14" t="s">
        <v>94</v>
      </c>
      <c r="E83419" s="15">
        <v>45575</v>
      </c>
      <c r="F83419" s="14" t="s">
        <v>15</v>
      </c>
      <c r="G83419" s="16">
        <v>1.3453857705026755</v>
      </c>
    </row>
    <row r="83420" spans="1:7" x14ac:dyDescent="0.3">
      <c r="A83420" s="13" t="s">
        <v>421</v>
      </c>
      <c r="B83420" s="14" t="s">
        <v>1</v>
      </c>
      <c r="C83420" s="14" t="s">
        <v>20</v>
      </c>
      <c r="D83420" s="14" t="s">
        <v>94</v>
      </c>
      <c r="E83420" s="15">
        <v>45576</v>
      </c>
      <c r="F83420" s="14" t="s">
        <v>15</v>
      </c>
      <c r="G83420" s="16">
        <v>1.3506435178685734</v>
      </c>
    </row>
    <row r="83421" spans="1:7" x14ac:dyDescent="0.3">
      <c r="A83421" s="13" t="s">
        <v>421</v>
      </c>
      <c r="B83421" s="14" t="s">
        <v>1</v>
      </c>
      <c r="C83421" s="14" t="s">
        <v>20</v>
      </c>
      <c r="D83421" s="14" t="s">
        <v>94</v>
      </c>
      <c r="E83421" s="15">
        <v>45577</v>
      </c>
      <c r="F83421" s="14" t="s">
        <v>15</v>
      </c>
      <c r="G83421" s="16">
        <v>1.3506435178685734</v>
      </c>
    </row>
    <row r="83422" spans="1:7" x14ac:dyDescent="0.3">
      <c r="A83422" s="13" t="s">
        <v>421</v>
      </c>
      <c r="B83422" s="14" t="s">
        <v>1</v>
      </c>
      <c r="C83422" s="14" t="s">
        <v>20</v>
      </c>
      <c r="D83422" s="14" t="s">
        <v>94</v>
      </c>
      <c r="E83422" s="15">
        <v>45578</v>
      </c>
      <c r="F83422" s="14" t="s">
        <v>15</v>
      </c>
      <c r="G83422" s="16">
        <v>1.3506435178685734</v>
      </c>
    </row>
    <row r="83423" spans="1:7" x14ac:dyDescent="0.3">
      <c r="A83423" s="13" t="s">
        <v>421</v>
      </c>
      <c r="B83423" s="14" t="s">
        <v>1</v>
      </c>
      <c r="C83423" s="14" t="s">
        <v>20</v>
      </c>
      <c r="D83423" s="14" t="s">
        <v>94</v>
      </c>
      <c r="E83423" s="15">
        <v>45579</v>
      </c>
      <c r="F83423" s="14" t="s">
        <v>15</v>
      </c>
      <c r="G83423" s="16">
        <v>1.3556138787327108</v>
      </c>
    </row>
    <row r="83424" spans="1:7" x14ac:dyDescent="0.3">
      <c r="A83424" s="13" t="s">
        <v>421</v>
      </c>
      <c r="B83424" s="14" t="s">
        <v>1</v>
      </c>
      <c r="C83424" s="14" t="s">
        <v>20</v>
      </c>
      <c r="D83424" s="14" t="s">
        <v>94</v>
      </c>
      <c r="E83424" s="15">
        <v>45580</v>
      </c>
      <c r="F83424" s="14" t="s">
        <v>15</v>
      </c>
      <c r="G83424" s="16">
        <v>1.3704847997435916</v>
      </c>
    </row>
    <row r="83425" spans="1:7" x14ac:dyDescent="0.3">
      <c r="A83425" s="13" t="s">
        <v>421</v>
      </c>
      <c r="B83425" s="14" t="s">
        <v>1</v>
      </c>
      <c r="C83425" s="14" t="s">
        <v>20</v>
      </c>
      <c r="D83425" s="14" t="s">
        <v>94</v>
      </c>
      <c r="E83425" s="15">
        <v>45581</v>
      </c>
      <c r="F83425" s="14" t="s">
        <v>15</v>
      </c>
      <c r="G83425" s="16">
        <v>1.3757362030366027</v>
      </c>
    </row>
    <row r="83426" spans="1:7" x14ac:dyDescent="0.3">
      <c r="A83426" s="13" t="s">
        <v>421</v>
      </c>
      <c r="B83426" s="14" t="s">
        <v>1</v>
      </c>
      <c r="C83426" s="14" t="s">
        <v>20</v>
      </c>
      <c r="D83426" s="14" t="s">
        <v>94</v>
      </c>
      <c r="E83426" s="15">
        <v>45582</v>
      </c>
      <c r="F83426" s="14" t="s">
        <v>15</v>
      </c>
      <c r="G83426" s="16">
        <v>1.3806596177613795</v>
      </c>
    </row>
    <row r="83427" spans="1:7" x14ac:dyDescent="0.3">
      <c r="A83427" s="13" t="s">
        <v>421</v>
      </c>
      <c r="B83427" s="14" t="s">
        <v>1</v>
      </c>
      <c r="C83427" s="14" t="s">
        <v>20</v>
      </c>
      <c r="D83427" s="14" t="s">
        <v>94</v>
      </c>
      <c r="E83427" s="15">
        <v>45583</v>
      </c>
      <c r="F83427" s="14" t="s">
        <v>15</v>
      </c>
      <c r="G83427" s="16">
        <v>1.3855747851914038</v>
      </c>
    </row>
    <row r="83428" spans="1:7" x14ac:dyDescent="0.3">
      <c r="A83428" s="13" t="s">
        <v>421</v>
      </c>
      <c r="B83428" s="14" t="s">
        <v>1</v>
      </c>
      <c r="C83428" s="14" t="s">
        <v>20</v>
      </c>
      <c r="D83428" s="14" t="s">
        <v>94</v>
      </c>
      <c r="E83428" s="15">
        <v>45584</v>
      </c>
      <c r="F83428" s="14" t="s">
        <v>15</v>
      </c>
      <c r="G83428" s="16">
        <v>1.3855747851914038</v>
      </c>
    </row>
    <row r="83429" spans="1:7" x14ac:dyDescent="0.3">
      <c r="A83429" s="13" t="s">
        <v>421</v>
      </c>
      <c r="B83429" s="14" t="s">
        <v>1</v>
      </c>
      <c r="C83429" s="14" t="s">
        <v>20</v>
      </c>
      <c r="D83429" s="14" t="s">
        <v>94</v>
      </c>
      <c r="E83429" s="15">
        <v>45585</v>
      </c>
      <c r="F83429" s="14" t="s">
        <v>15</v>
      </c>
      <c r="G83429" s="16">
        <v>1.3855747851914038</v>
      </c>
    </row>
    <row r="83430" spans="1:7" x14ac:dyDescent="0.3">
      <c r="A83430" s="13" t="s">
        <v>421</v>
      </c>
      <c r="B83430" s="14" t="s">
        <v>1</v>
      </c>
      <c r="C83430" s="14" t="s">
        <v>20</v>
      </c>
      <c r="D83430" s="14" t="s">
        <v>94</v>
      </c>
      <c r="E83430" s="15">
        <v>45586</v>
      </c>
      <c r="F83430" s="14" t="s">
        <v>15</v>
      </c>
      <c r="G83430" s="16">
        <v>1.3885296340994857</v>
      </c>
    </row>
    <row r="83431" spans="1:7" x14ac:dyDescent="0.3">
      <c r="A83431" s="13" t="s">
        <v>421</v>
      </c>
      <c r="B83431" s="14" t="s">
        <v>1</v>
      </c>
      <c r="C83431" s="14" t="s">
        <v>20</v>
      </c>
      <c r="D83431" s="14" t="s">
        <v>94</v>
      </c>
      <c r="E83431" s="15">
        <v>45587</v>
      </c>
      <c r="F83431" s="14" t="s">
        <v>15</v>
      </c>
      <c r="G83431" s="16">
        <v>1.4034487700643041</v>
      </c>
    </row>
    <row r="83432" spans="1:7" x14ac:dyDescent="0.3">
      <c r="A83432" s="13" t="s">
        <v>421</v>
      </c>
      <c r="B83432" s="14" t="s">
        <v>1</v>
      </c>
      <c r="C83432" s="14" t="s">
        <v>20</v>
      </c>
      <c r="D83432" s="14" t="s">
        <v>94</v>
      </c>
      <c r="E83432" s="15">
        <v>45588</v>
      </c>
      <c r="F83432" s="14" t="s">
        <v>15</v>
      </c>
      <c r="G83432" s="16">
        <v>1.4085257113529355</v>
      </c>
    </row>
    <row r="83433" spans="1:7" x14ac:dyDescent="0.3">
      <c r="A83433" s="13" t="s">
        <v>421</v>
      </c>
      <c r="B83433" s="14" t="s">
        <v>1</v>
      </c>
      <c r="C83433" s="14" t="s">
        <v>20</v>
      </c>
      <c r="D83433" s="14" t="s">
        <v>94</v>
      </c>
      <c r="E83433" s="15">
        <v>45589</v>
      </c>
      <c r="F83433" s="14" t="s">
        <v>15</v>
      </c>
      <c r="G83433" s="16">
        <v>1.4134808464421449</v>
      </c>
    </row>
    <row r="83434" spans="1:7" x14ac:dyDescent="0.3">
      <c r="A83434" s="13" t="s">
        <v>421</v>
      </c>
      <c r="B83434" s="14" t="s">
        <v>1</v>
      </c>
      <c r="C83434" s="14" t="s">
        <v>20</v>
      </c>
      <c r="D83434" s="14" t="s">
        <v>94</v>
      </c>
      <c r="E83434" s="15">
        <v>45590</v>
      </c>
      <c r="F83434" s="14" t="s">
        <v>15</v>
      </c>
      <c r="G83434" s="16">
        <v>1.4184423256042411</v>
      </c>
    </row>
    <row r="83435" spans="1:7" x14ac:dyDescent="0.3">
      <c r="A83435" s="13" t="s">
        <v>421</v>
      </c>
      <c r="B83435" s="14" t="s">
        <v>1</v>
      </c>
      <c r="C83435" s="14" t="s">
        <v>20</v>
      </c>
      <c r="D83435" s="14" t="s">
        <v>94</v>
      </c>
      <c r="E83435" s="15">
        <v>45591</v>
      </c>
      <c r="F83435" s="14" t="s">
        <v>15</v>
      </c>
      <c r="G83435" s="16">
        <v>1.4184423256042411</v>
      </c>
    </row>
    <row r="83436" spans="1:7" x14ac:dyDescent="0.3">
      <c r="A83436" s="13" t="s">
        <v>421</v>
      </c>
      <c r="B83436" s="14" t="s">
        <v>1</v>
      </c>
      <c r="C83436" s="14" t="s">
        <v>20</v>
      </c>
      <c r="D83436" s="14" t="s">
        <v>94</v>
      </c>
      <c r="E83436" s="15">
        <v>45592</v>
      </c>
      <c r="F83436" s="14" t="s">
        <v>15</v>
      </c>
      <c r="G83436" s="16">
        <v>1.4184423256042411</v>
      </c>
    </row>
    <row r="83437" spans="1:7" x14ac:dyDescent="0.3">
      <c r="A83437" s="13" t="s">
        <v>421</v>
      </c>
      <c r="B83437" s="14" t="s">
        <v>1</v>
      </c>
      <c r="C83437" s="14" t="s">
        <v>20</v>
      </c>
      <c r="D83437" s="14" t="s">
        <v>94</v>
      </c>
      <c r="E83437" s="15">
        <v>45593</v>
      </c>
      <c r="F83437" s="14" t="s">
        <v>15</v>
      </c>
      <c r="G83437" s="16">
        <v>1.4184423256042411</v>
      </c>
    </row>
    <row r="83438" spans="1:7" x14ac:dyDescent="0.3">
      <c r="A83438" s="13" t="s">
        <v>421</v>
      </c>
      <c r="B83438" s="14" t="s">
        <v>1</v>
      </c>
      <c r="C83438" s="14" t="s">
        <v>20</v>
      </c>
      <c r="D83438" s="14" t="s">
        <v>94</v>
      </c>
      <c r="E83438" s="15">
        <v>45594</v>
      </c>
      <c r="F83438" s="14" t="s">
        <v>15</v>
      </c>
      <c r="G83438" s="16">
        <v>1.4284308481216361</v>
      </c>
    </row>
    <row r="83439" spans="1:7" x14ac:dyDescent="0.3">
      <c r="A83439" s="13" t="s">
        <v>421</v>
      </c>
      <c r="B83439" s="14" t="s">
        <v>1</v>
      </c>
      <c r="C83439" s="14" t="s">
        <v>20</v>
      </c>
      <c r="D83439" s="14" t="s">
        <v>94</v>
      </c>
      <c r="E83439" s="15">
        <v>45595</v>
      </c>
      <c r="F83439" s="14" t="s">
        <v>15</v>
      </c>
      <c r="G83439" s="16">
        <v>1.4485330916347625</v>
      </c>
    </row>
    <row r="83440" spans="1:7" x14ac:dyDescent="0.3">
      <c r="A83440" s="13" t="s">
        <v>421</v>
      </c>
      <c r="B83440" s="14" t="s">
        <v>1</v>
      </c>
      <c r="C83440" s="14" t="s">
        <v>20</v>
      </c>
      <c r="D83440" s="14" t="s">
        <v>94</v>
      </c>
      <c r="E83440" s="15">
        <v>45596</v>
      </c>
      <c r="F83440" s="14" t="s">
        <v>15</v>
      </c>
      <c r="G83440" s="16">
        <v>1.453490129945838</v>
      </c>
    </row>
    <row r="83441" spans="1:7" x14ac:dyDescent="0.3">
      <c r="A83441" s="13" t="s">
        <v>421</v>
      </c>
      <c r="B83441" s="14" t="s">
        <v>1</v>
      </c>
      <c r="C83441" s="14" t="s">
        <v>20</v>
      </c>
      <c r="D83441" s="14" t="s">
        <v>94</v>
      </c>
      <c r="E83441" s="15">
        <v>45597</v>
      </c>
      <c r="F83441" s="14" t="s">
        <v>15</v>
      </c>
      <c r="G83441" s="16">
        <v>1.4584236951872334</v>
      </c>
    </row>
    <row r="83442" spans="1:7" x14ac:dyDescent="0.3">
      <c r="A83442" s="13" t="s">
        <v>421</v>
      </c>
      <c r="B83442" s="14" t="s">
        <v>1</v>
      </c>
      <c r="C83442" s="14" t="s">
        <v>20</v>
      </c>
      <c r="D83442" s="14" t="s">
        <v>94</v>
      </c>
      <c r="E83442" s="15">
        <v>45598</v>
      </c>
      <c r="F83442" s="14" t="s">
        <v>15</v>
      </c>
      <c r="G83442" s="16">
        <v>1.4584236951872334</v>
      </c>
    </row>
    <row r="83443" spans="1:7" x14ac:dyDescent="0.3">
      <c r="A83443" s="13" t="s">
        <v>421</v>
      </c>
      <c r="B83443" s="14" t="s">
        <v>1</v>
      </c>
      <c r="C83443" s="14" t="s">
        <v>20</v>
      </c>
      <c r="D83443" s="14" t="s">
        <v>94</v>
      </c>
      <c r="E83443" s="15">
        <v>45599</v>
      </c>
      <c r="F83443" s="14" t="s">
        <v>15</v>
      </c>
      <c r="G83443" s="16">
        <v>1.4584236951872334</v>
      </c>
    </row>
    <row r="83444" spans="1:7" x14ac:dyDescent="0.3">
      <c r="A83444" s="13" t="s">
        <v>421</v>
      </c>
      <c r="B83444" s="14" t="s">
        <v>1</v>
      </c>
      <c r="C83444" s="14" t="s">
        <v>20</v>
      </c>
      <c r="D83444" s="14" t="s">
        <v>94</v>
      </c>
      <c r="E83444" s="15">
        <v>45600</v>
      </c>
      <c r="F83444" s="14" t="s">
        <v>15</v>
      </c>
      <c r="G83444" s="16">
        <v>1.4701993430367684</v>
      </c>
    </row>
    <row r="83445" spans="1:7" x14ac:dyDescent="0.3">
      <c r="A83445" s="13" t="s">
        <v>421</v>
      </c>
      <c r="B83445" s="14" t="s">
        <v>1</v>
      </c>
      <c r="C83445" s="14" t="s">
        <v>20</v>
      </c>
      <c r="D83445" s="14" t="s">
        <v>94</v>
      </c>
      <c r="E83445" s="15">
        <v>45601</v>
      </c>
      <c r="F83445" s="14" t="s">
        <v>15</v>
      </c>
      <c r="G83445" s="16">
        <v>1.4844625018651181</v>
      </c>
    </row>
    <row r="83446" spans="1:7" x14ac:dyDescent="0.3">
      <c r="A83446" s="13" t="s">
        <v>421</v>
      </c>
      <c r="B83446" s="14" t="s">
        <v>1</v>
      </c>
      <c r="C83446" s="14" t="s">
        <v>20</v>
      </c>
      <c r="D83446" s="14" t="s">
        <v>94</v>
      </c>
      <c r="E83446" s="15">
        <v>45602</v>
      </c>
      <c r="F83446" s="14" t="s">
        <v>15</v>
      </c>
      <c r="G83446" s="16">
        <v>1.4983500915785841</v>
      </c>
    </row>
    <row r="83447" spans="1:7" x14ac:dyDescent="0.3">
      <c r="A83447" s="13" t="s">
        <v>421</v>
      </c>
      <c r="B83447" s="14" t="s">
        <v>1</v>
      </c>
      <c r="C83447" s="14" t="s">
        <v>20</v>
      </c>
      <c r="D83447" s="14" t="s">
        <v>94</v>
      </c>
      <c r="E83447" s="15">
        <v>45603</v>
      </c>
      <c r="F83447" s="14" t="s">
        <v>15</v>
      </c>
      <c r="G83447" s="16">
        <v>1.503043850864868</v>
      </c>
    </row>
    <row r="83448" spans="1:7" x14ac:dyDescent="0.3">
      <c r="A83448" s="13" t="s">
        <v>421</v>
      </c>
      <c r="B83448" s="14" t="s">
        <v>1</v>
      </c>
      <c r="C83448" s="14" t="s">
        <v>20</v>
      </c>
      <c r="D83448" s="14" t="s">
        <v>94</v>
      </c>
      <c r="E83448" s="15">
        <v>45604</v>
      </c>
      <c r="F83448" s="14" t="s">
        <v>15</v>
      </c>
      <c r="G83448" s="16">
        <v>1.5079431581126761</v>
      </c>
    </row>
    <row r="83449" spans="1:7" x14ac:dyDescent="0.3">
      <c r="A83449" s="13" t="s">
        <v>421</v>
      </c>
      <c r="B83449" s="14" t="s">
        <v>1</v>
      </c>
      <c r="C83449" s="14" t="s">
        <v>20</v>
      </c>
      <c r="D83449" s="14" t="s">
        <v>94</v>
      </c>
      <c r="E83449" s="15">
        <v>45605</v>
      </c>
      <c r="F83449" s="14" t="s">
        <v>15</v>
      </c>
      <c r="G83449" s="16">
        <v>1.5079431581126761</v>
      </c>
    </row>
    <row r="83450" spans="1:7" x14ac:dyDescent="0.3">
      <c r="A83450" s="13" t="s">
        <v>421</v>
      </c>
      <c r="B83450" s="14" t="s">
        <v>1</v>
      </c>
      <c r="C83450" s="14" t="s">
        <v>20</v>
      </c>
      <c r="D83450" s="14" t="s">
        <v>94</v>
      </c>
      <c r="E83450" s="15">
        <v>45606</v>
      </c>
      <c r="F83450" s="14" t="s">
        <v>15</v>
      </c>
      <c r="G83450" s="16">
        <v>1.5079431581126761</v>
      </c>
    </row>
    <row r="83451" spans="1:7" x14ac:dyDescent="0.3">
      <c r="A83451" s="13" t="s">
        <v>421</v>
      </c>
      <c r="B83451" s="14" t="s">
        <v>1</v>
      </c>
      <c r="C83451" s="14" t="s">
        <v>20</v>
      </c>
      <c r="D83451" s="14" t="s">
        <v>94</v>
      </c>
      <c r="E83451" s="15">
        <v>45607</v>
      </c>
      <c r="F83451" s="14" t="s">
        <v>15</v>
      </c>
      <c r="G83451" s="16">
        <v>1.5126591216540628</v>
      </c>
    </row>
    <row r="83452" spans="1:7" x14ac:dyDescent="0.3">
      <c r="A83452" s="13" t="s">
        <v>421</v>
      </c>
      <c r="B83452" s="14" t="s">
        <v>1</v>
      </c>
      <c r="C83452" s="14" t="s">
        <v>20</v>
      </c>
      <c r="D83452" s="14" t="s">
        <v>94</v>
      </c>
      <c r="E83452" s="15">
        <v>45608</v>
      </c>
      <c r="F83452" s="14" t="s">
        <v>15</v>
      </c>
      <c r="G83452" s="16">
        <v>1.5267801732497539</v>
      </c>
    </row>
    <row r="83453" spans="1:7" x14ac:dyDescent="0.3">
      <c r="A83453" s="13" t="s">
        <v>421</v>
      </c>
      <c r="B83453" s="14" t="s">
        <v>1</v>
      </c>
      <c r="C83453" s="14" t="s">
        <v>20</v>
      </c>
      <c r="D83453" s="14" t="s">
        <v>94</v>
      </c>
      <c r="E83453" s="15">
        <v>45609</v>
      </c>
      <c r="F83453" s="14" t="s">
        <v>15</v>
      </c>
      <c r="G83453" s="16">
        <v>1.5314523626882235</v>
      </c>
    </row>
    <row r="83454" spans="1:7" x14ac:dyDescent="0.3">
      <c r="A83454" s="13" t="s">
        <v>421</v>
      </c>
      <c r="B83454" s="14" t="s">
        <v>1</v>
      </c>
      <c r="C83454" s="14" t="s">
        <v>20</v>
      </c>
      <c r="D83454" s="14" t="s">
        <v>94</v>
      </c>
      <c r="E83454" s="15">
        <v>45610</v>
      </c>
      <c r="F83454" s="14" t="s">
        <v>15</v>
      </c>
      <c r="G83454" s="16">
        <v>1.5473732277618275</v>
      </c>
    </row>
    <row r="83455" spans="1:7" x14ac:dyDescent="0.3">
      <c r="A83455" s="13" t="s">
        <v>421</v>
      </c>
      <c r="B83455" s="14" t="s">
        <v>1</v>
      </c>
      <c r="C83455" s="14" t="s">
        <v>20</v>
      </c>
      <c r="D83455" s="14" t="s">
        <v>94</v>
      </c>
      <c r="E83455" s="15">
        <v>45611</v>
      </c>
      <c r="F83455" s="14" t="s">
        <v>15</v>
      </c>
      <c r="G83455" s="16">
        <v>1.6051909845854693</v>
      </c>
    </row>
    <row r="83456" spans="1:7" x14ac:dyDescent="0.3">
      <c r="A83456" s="13" t="s">
        <v>421</v>
      </c>
      <c r="B83456" s="14" t="s">
        <v>1</v>
      </c>
      <c r="C83456" s="14" t="s">
        <v>20</v>
      </c>
      <c r="D83456" s="14" t="s">
        <v>94</v>
      </c>
      <c r="E83456" s="15">
        <v>45612</v>
      </c>
      <c r="F83456" s="14" t="s">
        <v>15</v>
      </c>
      <c r="G83456" s="16">
        <v>1.6051909845854693</v>
      </c>
    </row>
    <row r="83457" spans="1:7" x14ac:dyDescent="0.3">
      <c r="A83457" s="13" t="s">
        <v>421</v>
      </c>
      <c r="B83457" s="14" t="s">
        <v>1</v>
      </c>
      <c r="C83457" s="14" t="s">
        <v>20</v>
      </c>
      <c r="D83457" s="14" t="s">
        <v>94</v>
      </c>
      <c r="E83457" s="15">
        <v>45613</v>
      </c>
      <c r="F83457" s="14" t="s">
        <v>15</v>
      </c>
      <c r="G83457" s="16">
        <v>1.6051909845854693</v>
      </c>
    </row>
    <row r="83458" spans="1:7" x14ac:dyDescent="0.3">
      <c r="A83458" s="13" t="s">
        <v>421</v>
      </c>
      <c r="B83458" s="14" t="s">
        <v>1</v>
      </c>
      <c r="C83458" s="14" t="s">
        <v>20</v>
      </c>
      <c r="D83458" s="14" t="s">
        <v>94</v>
      </c>
      <c r="E83458" s="15">
        <v>45614</v>
      </c>
      <c r="F83458" s="14" t="s">
        <v>15</v>
      </c>
      <c r="G83458" s="16">
        <v>1.6097762602253931</v>
      </c>
    </row>
    <row r="83459" spans="1:7" x14ac:dyDescent="0.3">
      <c r="A83459" s="13" t="s">
        <v>421</v>
      </c>
      <c r="B83459" s="14" t="s">
        <v>1</v>
      </c>
      <c r="C83459" s="14" t="s">
        <v>20</v>
      </c>
      <c r="D83459" s="14" t="s">
        <v>94</v>
      </c>
      <c r="E83459" s="15">
        <v>45615</v>
      </c>
      <c r="F83459" s="14" t="s">
        <v>15</v>
      </c>
      <c r="G83459" s="16">
        <v>1.6296202999720371</v>
      </c>
    </row>
    <row r="83460" spans="1:7" x14ac:dyDescent="0.3">
      <c r="A83460" s="13" t="s">
        <v>421</v>
      </c>
      <c r="B83460" s="14" t="s">
        <v>1</v>
      </c>
      <c r="C83460" s="14" t="s">
        <v>20</v>
      </c>
      <c r="D83460" s="14" t="s">
        <v>94</v>
      </c>
      <c r="E83460" s="15">
        <v>45616</v>
      </c>
      <c r="F83460" s="14" t="s">
        <v>15</v>
      </c>
      <c r="G83460" s="16">
        <v>1.6341973283172084</v>
      </c>
    </row>
    <row r="83461" spans="1:7" x14ac:dyDescent="0.3">
      <c r="A83461" s="13" t="s">
        <v>421</v>
      </c>
      <c r="B83461" s="14" t="s">
        <v>1</v>
      </c>
      <c r="C83461" s="14" t="s">
        <v>20</v>
      </c>
      <c r="D83461" s="14" t="s">
        <v>94</v>
      </c>
      <c r="E83461" s="15">
        <v>45617</v>
      </c>
      <c r="F83461" s="14" t="s">
        <v>15</v>
      </c>
      <c r="G83461" s="16">
        <v>1.6387711846259367</v>
      </c>
    </row>
    <row r="83462" spans="1:7" x14ac:dyDescent="0.3">
      <c r="A83462" s="13" t="s">
        <v>421</v>
      </c>
      <c r="B83462" s="14" t="s">
        <v>1</v>
      </c>
      <c r="C83462" s="14" t="s">
        <v>20</v>
      </c>
      <c r="D83462" s="14" t="s">
        <v>94</v>
      </c>
      <c r="E83462" s="15">
        <v>45618</v>
      </c>
      <c r="F83462" s="14" t="s">
        <v>15</v>
      </c>
      <c r="G83462" s="16">
        <v>1.6433970623323348</v>
      </c>
    </row>
    <row r="83463" spans="1:7" x14ac:dyDescent="0.3">
      <c r="A83463" s="13" t="s">
        <v>421</v>
      </c>
      <c r="B83463" s="14" t="s">
        <v>1</v>
      </c>
      <c r="C83463" s="14" t="s">
        <v>20</v>
      </c>
      <c r="D83463" s="14" t="s">
        <v>94</v>
      </c>
      <c r="E83463" s="15">
        <v>45619</v>
      </c>
      <c r="F83463" s="14" t="s">
        <v>15</v>
      </c>
      <c r="G83463" s="16">
        <v>1.6433970623323348</v>
      </c>
    </row>
    <row r="83464" spans="1:7" x14ac:dyDescent="0.3">
      <c r="A83464" s="13" t="s">
        <v>421</v>
      </c>
      <c r="B83464" s="14" t="s">
        <v>1</v>
      </c>
      <c r="C83464" s="14" t="s">
        <v>20</v>
      </c>
      <c r="D83464" s="14" t="s">
        <v>94</v>
      </c>
      <c r="E83464" s="15">
        <v>45620</v>
      </c>
      <c r="F83464" s="14" t="s">
        <v>15</v>
      </c>
      <c r="G83464" s="16">
        <v>1.6433970623323348</v>
      </c>
    </row>
    <row r="83465" spans="1:7" x14ac:dyDescent="0.3">
      <c r="A83465" s="13" t="s">
        <v>421</v>
      </c>
      <c r="B83465" s="14" t="s">
        <v>1</v>
      </c>
      <c r="C83465" s="14" t="s">
        <v>20</v>
      </c>
      <c r="D83465" s="14" t="s">
        <v>94</v>
      </c>
      <c r="E83465" s="15">
        <v>45621</v>
      </c>
      <c r="F83465" s="14" t="s">
        <v>15</v>
      </c>
      <c r="G83465" s="16">
        <v>1.6479201660579705</v>
      </c>
    </row>
    <row r="83466" spans="1:7" x14ac:dyDescent="0.3">
      <c r="A83466" s="13" t="s">
        <v>421</v>
      </c>
      <c r="B83466" s="14" t="s">
        <v>1</v>
      </c>
      <c r="C83466" s="14" t="s">
        <v>20</v>
      </c>
      <c r="D83466" s="14" t="s">
        <v>94</v>
      </c>
      <c r="E83466" s="15">
        <v>45622</v>
      </c>
      <c r="F83466" s="14" t="s">
        <v>15</v>
      </c>
      <c r="G83466" s="16">
        <v>1.6615711218527685</v>
      </c>
    </row>
    <row r="83467" spans="1:7" x14ac:dyDescent="0.3">
      <c r="A83467" s="13" t="s">
        <v>421</v>
      </c>
      <c r="B83467" s="14" t="s">
        <v>1</v>
      </c>
      <c r="C83467" s="14" t="s">
        <v>20</v>
      </c>
      <c r="D83467" s="14" t="s">
        <v>94</v>
      </c>
      <c r="E83467" s="15">
        <v>45623</v>
      </c>
      <c r="F83467" s="14" t="s">
        <v>15</v>
      </c>
      <c r="G83467" s="16">
        <v>1.6663054832055264</v>
      </c>
    </row>
    <row r="83468" spans="1:7" x14ac:dyDescent="0.3">
      <c r="A83468" s="13" t="s">
        <v>421</v>
      </c>
      <c r="B83468" s="14" t="s">
        <v>1</v>
      </c>
      <c r="C83468" s="14" t="s">
        <v>20</v>
      </c>
      <c r="D83468" s="14" t="s">
        <v>94</v>
      </c>
      <c r="E83468" s="15">
        <v>45624</v>
      </c>
      <c r="F83468" s="14" t="s">
        <v>15</v>
      </c>
      <c r="G83468" s="16">
        <v>1.6729925501927629</v>
      </c>
    </row>
    <row r="83469" spans="1:7" x14ac:dyDescent="0.3">
      <c r="A83469" s="13" t="s">
        <v>421</v>
      </c>
      <c r="B83469" s="14" t="s">
        <v>1</v>
      </c>
      <c r="C83469" s="14" t="s">
        <v>20</v>
      </c>
      <c r="D83469" s="14" t="s">
        <v>94</v>
      </c>
      <c r="E83469" s="15">
        <v>45625</v>
      </c>
      <c r="F83469" s="14" t="s">
        <v>15</v>
      </c>
      <c r="G83469" s="16">
        <v>1.6783315016916085</v>
      </c>
    </row>
    <row r="83470" spans="1:7" x14ac:dyDescent="0.3">
      <c r="A83470" s="13" t="s">
        <v>421</v>
      </c>
      <c r="B83470" s="14" t="s">
        <v>1</v>
      </c>
      <c r="C83470" s="14" t="s">
        <v>20</v>
      </c>
      <c r="D83470" s="14" t="s">
        <v>94</v>
      </c>
      <c r="E83470" s="15">
        <v>45626</v>
      </c>
      <c r="F83470" s="14" t="s">
        <v>15</v>
      </c>
      <c r="G83470" s="16">
        <v>1.6783315016916085</v>
      </c>
    </row>
    <row r="83471" spans="1:7" x14ac:dyDescent="0.3">
      <c r="A83471" s="13" t="s">
        <v>421</v>
      </c>
      <c r="B83471" s="14" t="s">
        <v>1</v>
      </c>
      <c r="C83471" s="14" t="s">
        <v>20</v>
      </c>
      <c r="D83471" s="14" t="s">
        <v>94</v>
      </c>
      <c r="E83471" s="15">
        <v>45627</v>
      </c>
      <c r="F83471" s="14" t="s">
        <v>15</v>
      </c>
      <c r="G83471" s="16">
        <v>1.6783315016916085</v>
      </c>
    </row>
    <row r="83472" spans="1:7" x14ac:dyDescent="0.3">
      <c r="A83472" s="13" t="s">
        <v>421</v>
      </c>
      <c r="B83472" s="14" t="s">
        <v>1</v>
      </c>
      <c r="C83472" s="14" t="s">
        <v>20</v>
      </c>
      <c r="D83472" s="14" t="s">
        <v>94</v>
      </c>
      <c r="E83472" s="15">
        <v>45628</v>
      </c>
      <c r="F83472" s="14" t="s">
        <v>15</v>
      </c>
      <c r="G83472" s="16">
        <v>1.6992819477496661</v>
      </c>
    </row>
    <row r="83473" spans="1:7" x14ac:dyDescent="0.3">
      <c r="A83473" s="13" t="s">
        <v>421</v>
      </c>
      <c r="B83473" s="14" t="s">
        <v>1</v>
      </c>
      <c r="C83473" s="14" t="s">
        <v>20</v>
      </c>
      <c r="D83473" s="14" t="s">
        <v>94</v>
      </c>
      <c r="E83473" s="15">
        <v>45629</v>
      </c>
      <c r="F83473" s="14" t="s">
        <v>15</v>
      </c>
      <c r="G83473" s="16">
        <v>1.7105323063641953</v>
      </c>
    </row>
    <row r="83474" spans="1:7" x14ac:dyDescent="0.3">
      <c r="A83474" s="13" t="s">
        <v>421</v>
      </c>
      <c r="B83474" s="14" t="s">
        <v>1</v>
      </c>
      <c r="C83474" s="14" t="s">
        <v>20</v>
      </c>
      <c r="D83474" s="14" t="s">
        <v>94</v>
      </c>
      <c r="E83474" s="15">
        <v>45630</v>
      </c>
      <c r="F83474" s="14" t="s">
        <v>15</v>
      </c>
      <c r="G83474" s="16">
        <v>1.7202442273037368</v>
      </c>
    </row>
    <row r="83475" spans="1:7" x14ac:dyDescent="0.3">
      <c r="A83475" s="13" t="s">
        <v>421</v>
      </c>
      <c r="B83475" s="14" t="s">
        <v>1</v>
      </c>
      <c r="C83475" s="14" t="s">
        <v>20</v>
      </c>
      <c r="D83475" s="14" t="s">
        <v>94</v>
      </c>
      <c r="E83475" s="15">
        <v>45631</v>
      </c>
      <c r="F83475" s="14" t="s">
        <v>15</v>
      </c>
      <c r="G83475" s="16">
        <v>1.7334219152611985</v>
      </c>
    </row>
    <row r="83476" spans="1:7" x14ac:dyDescent="0.3">
      <c r="A83476" s="13" t="s">
        <v>421</v>
      </c>
      <c r="B83476" s="14" t="s">
        <v>1</v>
      </c>
      <c r="C83476" s="14" t="s">
        <v>20</v>
      </c>
      <c r="D83476" s="14" t="s">
        <v>94</v>
      </c>
      <c r="E83476" s="15">
        <v>45632</v>
      </c>
      <c r="F83476" s="14" t="s">
        <v>15</v>
      </c>
      <c r="G83476" s="16">
        <v>1.7415478179791037</v>
      </c>
    </row>
    <row r="83477" spans="1:7" x14ac:dyDescent="0.3">
      <c r="A83477" s="13" t="s">
        <v>421</v>
      </c>
      <c r="B83477" s="14" t="s">
        <v>1</v>
      </c>
      <c r="C83477" s="14" t="s">
        <v>20</v>
      </c>
      <c r="D83477" s="14" t="s">
        <v>94</v>
      </c>
      <c r="E83477" s="15">
        <v>45633</v>
      </c>
      <c r="F83477" s="14" t="s">
        <v>15</v>
      </c>
      <c r="G83477" s="16">
        <v>1.7415478179791037</v>
      </c>
    </row>
    <row r="83478" spans="1:7" x14ac:dyDescent="0.3">
      <c r="A83478" s="13" t="s">
        <v>421</v>
      </c>
      <c r="B83478" s="14" t="s">
        <v>1</v>
      </c>
      <c r="C83478" s="14" t="s">
        <v>20</v>
      </c>
      <c r="D83478" s="14" t="s">
        <v>94</v>
      </c>
      <c r="E83478" s="15">
        <v>45634</v>
      </c>
      <c r="F83478" s="14" t="s">
        <v>15</v>
      </c>
      <c r="G83478" s="16">
        <v>1.7415478179791037</v>
      </c>
    </row>
    <row r="83479" spans="1:7" x14ac:dyDescent="0.3">
      <c r="A83479" s="13" t="s">
        <v>421</v>
      </c>
      <c r="B83479" s="14" t="s">
        <v>1</v>
      </c>
      <c r="C83479" s="14" t="s">
        <v>20</v>
      </c>
      <c r="D83479" s="14" t="s">
        <v>94</v>
      </c>
      <c r="E83479" s="15">
        <v>45635</v>
      </c>
      <c r="F83479" s="14" t="s">
        <v>15</v>
      </c>
      <c r="G83479" s="16">
        <v>1.7460392013403068</v>
      </c>
    </row>
    <row r="83480" spans="1:7" x14ac:dyDescent="0.3">
      <c r="A83480" s="13" t="s">
        <v>421</v>
      </c>
      <c r="B83480" s="14" t="s">
        <v>1</v>
      </c>
      <c r="C83480" s="14" t="s">
        <v>20</v>
      </c>
      <c r="D83480" s="14" t="s">
        <v>94</v>
      </c>
      <c r="E83480" s="15">
        <v>45636</v>
      </c>
      <c r="F83480" s="14" t="s">
        <v>15</v>
      </c>
      <c r="G83480" s="16">
        <v>1.7595455122732917</v>
      </c>
    </row>
    <row r="83481" spans="1:7" x14ac:dyDescent="0.3">
      <c r="A83481" s="13" t="s">
        <v>421</v>
      </c>
      <c r="B83481" s="14" t="s">
        <v>1</v>
      </c>
      <c r="C83481" s="14" t="s">
        <v>20</v>
      </c>
      <c r="D83481" s="14" t="s">
        <v>94</v>
      </c>
      <c r="E83481" s="15">
        <v>45637</v>
      </c>
      <c r="F83481" s="14" t="s">
        <v>15</v>
      </c>
      <c r="G83481" s="16">
        <v>1.7639569603161243</v>
      </c>
    </row>
    <row r="83482" spans="1:7" x14ac:dyDescent="0.3">
      <c r="A83482" s="13" t="s">
        <v>421</v>
      </c>
      <c r="B83482" s="14" t="s">
        <v>1</v>
      </c>
      <c r="C83482" s="14" t="s">
        <v>20</v>
      </c>
      <c r="D83482" s="14" t="s">
        <v>94</v>
      </c>
      <c r="E83482" s="15">
        <v>45638</v>
      </c>
      <c r="F83482" s="14" t="s">
        <v>15</v>
      </c>
      <c r="G83482" s="16">
        <v>1.7683823653193074</v>
      </c>
    </row>
    <row r="83483" spans="1:7" x14ac:dyDescent="0.3">
      <c r="A83483" s="13" t="s">
        <v>421</v>
      </c>
      <c r="B83483" s="14" t="s">
        <v>1</v>
      </c>
      <c r="C83483" s="14" t="s">
        <v>20</v>
      </c>
      <c r="D83483" s="14" t="s">
        <v>94</v>
      </c>
      <c r="E83483" s="15">
        <v>45639</v>
      </c>
      <c r="F83483" s="14" t="s">
        <v>15</v>
      </c>
      <c r="G83483" s="16">
        <v>1.7820517189254763</v>
      </c>
    </row>
    <row r="83484" spans="1:7" x14ac:dyDescent="0.3">
      <c r="A83484" s="13" t="s">
        <v>421</v>
      </c>
      <c r="B83484" s="14" t="s">
        <v>1</v>
      </c>
      <c r="C83484" s="14" t="s">
        <v>20</v>
      </c>
      <c r="D83484" s="14" t="s">
        <v>94</v>
      </c>
      <c r="E83484" s="15">
        <v>45640</v>
      </c>
      <c r="F83484" s="14" t="s">
        <v>15</v>
      </c>
      <c r="G83484" s="16">
        <v>1.7820517189254763</v>
      </c>
    </row>
    <row r="83485" spans="1:7" x14ac:dyDescent="0.3">
      <c r="A83485" s="13" t="s">
        <v>421</v>
      </c>
      <c r="B83485" s="14" t="s">
        <v>1</v>
      </c>
      <c r="C83485" s="14" t="s">
        <v>20</v>
      </c>
      <c r="D83485" s="14" t="s">
        <v>94</v>
      </c>
      <c r="E83485" s="15">
        <v>45641</v>
      </c>
      <c r="F83485" s="14" t="s">
        <v>15</v>
      </c>
      <c r="G83485" s="16">
        <v>1.7820517189254763</v>
      </c>
    </row>
    <row r="83486" spans="1:7" x14ac:dyDescent="0.3">
      <c r="A83486" s="13" t="s">
        <v>421</v>
      </c>
      <c r="B83486" s="14" t="s">
        <v>1</v>
      </c>
      <c r="C83486" s="14" t="s">
        <v>20</v>
      </c>
      <c r="D83486" s="14" t="s">
        <v>94</v>
      </c>
      <c r="E83486" s="15">
        <v>45642</v>
      </c>
      <c r="F83486" s="14" t="s">
        <v>15</v>
      </c>
      <c r="G83486" s="16">
        <v>1.78626459748696</v>
      </c>
    </row>
    <row r="83487" spans="1:7" x14ac:dyDescent="0.3">
      <c r="A83487" s="13" t="s">
        <v>421</v>
      </c>
      <c r="B83487" s="14" t="s">
        <v>1</v>
      </c>
      <c r="C83487" s="14" t="s">
        <v>20</v>
      </c>
      <c r="D83487" s="14" t="s">
        <v>94</v>
      </c>
      <c r="E83487" s="15">
        <v>45643</v>
      </c>
      <c r="F83487" s="14" t="s">
        <v>15</v>
      </c>
      <c r="G83487" s="16">
        <v>1.7990381680015488</v>
      </c>
    </row>
    <row r="83488" spans="1:7" x14ac:dyDescent="0.3">
      <c r="A83488" s="13" t="s">
        <v>421</v>
      </c>
      <c r="B83488" s="14" t="s">
        <v>1</v>
      </c>
      <c r="C83488" s="14" t="s">
        <v>20</v>
      </c>
      <c r="D83488" s="14" t="s">
        <v>94</v>
      </c>
      <c r="E83488" s="15">
        <v>45644</v>
      </c>
      <c r="F83488" s="14" t="s">
        <v>15</v>
      </c>
      <c r="G83488" s="16">
        <v>1.802668026264759</v>
      </c>
    </row>
    <row r="83489" spans="1:7" x14ac:dyDescent="0.3">
      <c r="A83489" s="13" t="s">
        <v>421</v>
      </c>
      <c r="B83489" s="14" t="s">
        <v>1</v>
      </c>
      <c r="C83489" s="14" t="s">
        <v>20</v>
      </c>
      <c r="D83489" s="14" t="s">
        <v>94</v>
      </c>
      <c r="E83489" s="15">
        <v>45645</v>
      </c>
      <c r="F83489" s="14" t="s">
        <v>15</v>
      </c>
      <c r="G83489" s="16">
        <v>1.8067476792956254</v>
      </c>
    </row>
    <row r="83490" spans="1:7" x14ac:dyDescent="0.3">
      <c r="A83490" s="13" t="s">
        <v>421</v>
      </c>
      <c r="B83490" s="14" t="s">
        <v>1</v>
      </c>
      <c r="C83490" s="14" t="s">
        <v>20</v>
      </c>
      <c r="D83490" s="14" t="s">
        <v>94</v>
      </c>
      <c r="E83490" s="15">
        <v>45646</v>
      </c>
      <c r="F83490" s="14" t="s">
        <v>15</v>
      </c>
      <c r="G83490" s="16">
        <v>1.8108806225387386</v>
      </c>
    </row>
    <row r="83491" spans="1:7" x14ac:dyDescent="0.3">
      <c r="A83491" s="13" t="s">
        <v>421</v>
      </c>
      <c r="B83491" s="14" t="s">
        <v>1</v>
      </c>
      <c r="C83491" s="14" t="s">
        <v>20</v>
      </c>
      <c r="D83491" s="14" t="s">
        <v>94</v>
      </c>
      <c r="E83491" s="15">
        <v>45647</v>
      </c>
      <c r="F83491" s="14" t="s">
        <v>15</v>
      </c>
      <c r="G83491" s="16">
        <v>1.8108806225387386</v>
      </c>
    </row>
    <row r="83492" spans="1:7" x14ac:dyDescent="0.3">
      <c r="A83492" s="13" t="s">
        <v>421</v>
      </c>
      <c r="B83492" s="14" t="s">
        <v>1</v>
      </c>
      <c r="C83492" s="14" t="s">
        <v>20</v>
      </c>
      <c r="D83492" s="14" t="s">
        <v>94</v>
      </c>
      <c r="E83492" s="15">
        <v>45648</v>
      </c>
      <c r="F83492" s="14" t="s">
        <v>15</v>
      </c>
      <c r="G83492" s="16">
        <v>1.8108806225387386</v>
      </c>
    </row>
    <row r="83493" spans="1:7" x14ac:dyDescent="0.3">
      <c r="A83493" s="13" t="s">
        <v>421</v>
      </c>
      <c r="B83493" s="14" t="s">
        <v>1</v>
      </c>
      <c r="C83493" s="14" t="s">
        <v>20</v>
      </c>
      <c r="D83493" s="14" t="s">
        <v>94</v>
      </c>
      <c r="E83493" s="15">
        <v>45649</v>
      </c>
      <c r="F83493" s="14" t="s">
        <v>15</v>
      </c>
      <c r="G83493" s="16">
        <v>1.8150427485171301</v>
      </c>
    </row>
    <row r="83494" spans="1:7" x14ac:dyDescent="0.3">
      <c r="A83494" s="13" t="s">
        <v>421</v>
      </c>
      <c r="B83494" s="14" t="s">
        <v>1</v>
      </c>
      <c r="C83494" s="14" t="s">
        <v>20</v>
      </c>
      <c r="D83494" s="14" t="s">
        <v>94</v>
      </c>
      <c r="E83494" s="15">
        <v>45650</v>
      </c>
      <c r="F83494" s="14" t="s">
        <v>15</v>
      </c>
      <c r="G83494" s="16">
        <v>1.8275866635932256</v>
      </c>
    </row>
    <row r="83495" spans="1:7" x14ac:dyDescent="0.3">
      <c r="A83495" s="13" t="s">
        <v>421</v>
      </c>
      <c r="B83495" s="14" t="s">
        <v>1</v>
      </c>
      <c r="C83495" s="14" t="s">
        <v>20</v>
      </c>
      <c r="D83495" s="14" t="s">
        <v>94</v>
      </c>
      <c r="E83495" s="15">
        <v>45651</v>
      </c>
      <c r="F83495" s="14" t="s">
        <v>15</v>
      </c>
      <c r="G83495" s="16">
        <v>1.8275866635932256</v>
      </c>
    </row>
    <row r="83496" spans="1:7" x14ac:dyDescent="0.3">
      <c r="A83496" s="13" t="s">
        <v>421</v>
      </c>
      <c r="B83496" s="14" t="s">
        <v>1</v>
      </c>
      <c r="C83496" s="14" t="s">
        <v>20</v>
      </c>
      <c r="D83496" s="14" t="s">
        <v>94</v>
      </c>
      <c r="E83496" s="15">
        <v>45652</v>
      </c>
      <c r="F83496" s="14" t="s">
        <v>15</v>
      </c>
      <c r="G83496" s="16">
        <v>1.8275866635932256</v>
      </c>
    </row>
    <row r="83497" spans="1:7" x14ac:dyDescent="0.3">
      <c r="A83497" s="13" t="s">
        <v>421</v>
      </c>
      <c r="B83497" s="14" t="s">
        <v>1</v>
      </c>
      <c r="C83497" s="14" t="s">
        <v>20</v>
      </c>
      <c r="D83497" s="14" t="s">
        <v>94</v>
      </c>
      <c r="E83497" s="15">
        <v>45653</v>
      </c>
      <c r="F83497" s="14" t="s">
        <v>15</v>
      </c>
      <c r="G83497" s="16">
        <v>1.8275866635932256</v>
      </c>
    </row>
    <row r="83498" spans="1:7" x14ac:dyDescent="0.3">
      <c r="A83498" s="13" t="s">
        <v>421</v>
      </c>
      <c r="B83498" s="14" t="s">
        <v>1</v>
      </c>
      <c r="C83498" s="14" t="s">
        <v>20</v>
      </c>
      <c r="D83498" s="14" t="s">
        <v>94</v>
      </c>
      <c r="E83498" s="15">
        <v>45654</v>
      </c>
      <c r="F83498" s="14" t="s">
        <v>15</v>
      </c>
      <c r="G83498" s="16">
        <v>1.8275866635932256</v>
      </c>
    </row>
    <row r="83499" spans="1:7" x14ac:dyDescent="0.3">
      <c r="A83499" s="13" t="s">
        <v>421</v>
      </c>
      <c r="B83499" s="14" t="s">
        <v>1</v>
      </c>
      <c r="C83499" s="14" t="s">
        <v>20</v>
      </c>
      <c r="D83499" s="14" t="s">
        <v>94</v>
      </c>
      <c r="E83499" s="15">
        <v>45655</v>
      </c>
      <c r="F83499" s="14" t="s">
        <v>15</v>
      </c>
      <c r="G83499" s="16">
        <v>1.8275866635932256</v>
      </c>
    </row>
    <row r="83500" spans="1:7" x14ac:dyDescent="0.3">
      <c r="A83500" s="13" t="s">
        <v>421</v>
      </c>
      <c r="B83500" s="14" t="s">
        <v>1</v>
      </c>
      <c r="C83500" s="14" t="s">
        <v>20</v>
      </c>
      <c r="D83500" s="14" t="s">
        <v>94</v>
      </c>
      <c r="E83500" s="15">
        <v>45656</v>
      </c>
      <c r="F83500" s="14" t="s">
        <v>15</v>
      </c>
      <c r="G83500" s="16">
        <v>1.8317240476873595</v>
      </c>
    </row>
    <row r="83501" spans="1:7" x14ac:dyDescent="0.3">
      <c r="A83501" s="13" t="s">
        <v>421</v>
      </c>
      <c r="B83501" s="14" t="s">
        <v>1</v>
      </c>
      <c r="C83501" s="14" t="s">
        <v>20</v>
      </c>
      <c r="D83501" s="14" t="s">
        <v>94</v>
      </c>
      <c r="E83501" s="15">
        <v>45657</v>
      </c>
      <c r="F83501" s="14" t="s">
        <v>15</v>
      </c>
      <c r="G83501" s="16">
        <v>1.8568178077476203</v>
      </c>
    </row>
    <row r="83502" spans="1:7" x14ac:dyDescent="0.3">
      <c r="A83502" s="13" t="s">
        <v>421</v>
      </c>
      <c r="B83502" s="14" t="s">
        <v>1</v>
      </c>
      <c r="C83502" s="14" t="s">
        <v>20</v>
      </c>
      <c r="D83502" s="14" t="s">
        <v>94</v>
      </c>
      <c r="E83502" s="15">
        <v>45658</v>
      </c>
      <c r="F83502" s="14" t="s">
        <v>15</v>
      </c>
      <c r="G83502" s="16">
        <v>1.8568178077476203</v>
      </c>
    </row>
    <row r="83503" spans="1:7" x14ac:dyDescent="0.3">
      <c r="A83503" s="13" t="s">
        <v>421</v>
      </c>
      <c r="B83503" s="14" t="s">
        <v>1</v>
      </c>
      <c r="C83503" s="14" t="s">
        <v>20</v>
      </c>
      <c r="D83503" s="14" t="s">
        <v>94</v>
      </c>
      <c r="E83503" s="15">
        <v>45659</v>
      </c>
      <c r="F83503" s="14" t="s">
        <v>15</v>
      </c>
      <c r="G83503" s="16">
        <v>1.8568178077476203</v>
      </c>
    </row>
    <row r="83504" spans="1:7" x14ac:dyDescent="0.3">
      <c r="A83504" s="13" t="s">
        <v>421</v>
      </c>
      <c r="B83504" s="14" t="s">
        <v>1</v>
      </c>
      <c r="C83504" s="14" t="s">
        <v>20</v>
      </c>
      <c r="D83504" s="14" t="s">
        <v>94</v>
      </c>
      <c r="E83504" s="15">
        <v>45660</v>
      </c>
      <c r="F83504" s="14" t="s">
        <v>15</v>
      </c>
      <c r="G83504" s="16">
        <v>1.8610782668557531</v>
      </c>
    </row>
    <row r="83505" spans="1:7" x14ac:dyDescent="0.3">
      <c r="A83505" s="13" t="s">
        <v>421</v>
      </c>
      <c r="B83505" s="14" t="s">
        <v>1</v>
      </c>
      <c r="C83505" s="14" t="s">
        <v>20</v>
      </c>
      <c r="D83505" s="14" t="s">
        <v>94</v>
      </c>
      <c r="E83505" s="15">
        <v>45661</v>
      </c>
      <c r="F83505" s="14" t="s">
        <v>15</v>
      </c>
      <c r="G83505" s="16">
        <v>1.8610782668557531</v>
      </c>
    </row>
    <row r="83506" spans="1:7" x14ac:dyDescent="0.3">
      <c r="A83506" s="13" t="s">
        <v>421</v>
      </c>
      <c r="B83506" s="14" t="s">
        <v>1</v>
      </c>
      <c r="C83506" s="14" t="s">
        <v>20</v>
      </c>
      <c r="D83506" s="14" t="s">
        <v>94</v>
      </c>
      <c r="E83506" s="15">
        <v>45662</v>
      </c>
      <c r="F83506" s="14" t="s">
        <v>15</v>
      </c>
      <c r="G83506" s="16">
        <v>1.8610782668557531</v>
      </c>
    </row>
    <row r="83507" spans="1:7" x14ac:dyDescent="0.3">
      <c r="A83507" s="13" t="s">
        <v>421</v>
      </c>
      <c r="B83507" s="14" t="s">
        <v>1</v>
      </c>
      <c r="C83507" s="14" t="s">
        <v>20</v>
      </c>
      <c r="D83507" s="14" t="s">
        <v>94</v>
      </c>
      <c r="E83507" s="15">
        <v>45663</v>
      </c>
      <c r="F83507" s="14" t="s">
        <v>15</v>
      </c>
      <c r="G83507" s="16">
        <v>1.8765772510824019</v>
      </c>
    </row>
    <row r="83508" spans="1:7" x14ac:dyDescent="0.3">
      <c r="A83508" s="13" t="s">
        <v>421</v>
      </c>
      <c r="B83508" s="14" t="s">
        <v>1</v>
      </c>
      <c r="C83508" s="14" t="s">
        <v>20</v>
      </c>
      <c r="D83508" s="14" t="s">
        <v>94</v>
      </c>
      <c r="E83508" s="15">
        <v>45664</v>
      </c>
      <c r="F83508" s="14" t="s">
        <v>15</v>
      </c>
      <c r="G83508" s="16">
        <v>1.9050149719611611</v>
      </c>
    </row>
    <row r="83509" spans="1:7" x14ac:dyDescent="0.3">
      <c r="A83509" s="13" t="s">
        <v>421</v>
      </c>
      <c r="B83509" s="14" t="s">
        <v>1</v>
      </c>
      <c r="C83509" s="14" t="s">
        <v>20</v>
      </c>
      <c r="D83509" s="14" t="s">
        <v>94</v>
      </c>
      <c r="E83509" s="15">
        <v>45665</v>
      </c>
      <c r="F83509" s="14" t="s">
        <v>15</v>
      </c>
      <c r="G83509" s="16">
        <v>1.9090920873628727</v>
      </c>
    </row>
    <row r="83510" spans="1:7" x14ac:dyDescent="0.3">
      <c r="A83510" s="13" t="s">
        <v>421</v>
      </c>
      <c r="B83510" s="14" t="s">
        <v>1</v>
      </c>
      <c r="C83510" s="14" t="s">
        <v>20</v>
      </c>
      <c r="D83510" s="14" t="s">
        <v>94</v>
      </c>
      <c r="E83510" s="15">
        <v>45666</v>
      </c>
      <c r="F83510" s="14" t="s">
        <v>15</v>
      </c>
      <c r="G83510" s="16">
        <v>1.9131856973540893</v>
      </c>
    </row>
    <row r="83511" spans="1:7" x14ac:dyDescent="0.3">
      <c r="A83511" s="13" t="s">
        <v>421</v>
      </c>
      <c r="B83511" s="14" t="s">
        <v>1</v>
      </c>
      <c r="C83511" s="14" t="s">
        <v>20</v>
      </c>
      <c r="D83511" s="14" t="s">
        <v>94</v>
      </c>
      <c r="E83511" s="15">
        <v>45667</v>
      </c>
      <c r="F83511" s="14" t="s">
        <v>15</v>
      </c>
      <c r="G83511" s="16">
        <v>1.9172577374974917</v>
      </c>
    </row>
    <row r="83512" spans="1:7" x14ac:dyDescent="0.3">
      <c r="A83512" s="13" t="s">
        <v>421</v>
      </c>
      <c r="B83512" s="14" t="s">
        <v>1</v>
      </c>
      <c r="C83512" s="14" t="s">
        <v>20</v>
      </c>
      <c r="D83512" s="14" t="s">
        <v>94</v>
      </c>
      <c r="E83512" s="15">
        <v>45668</v>
      </c>
      <c r="F83512" s="14" t="s">
        <v>15</v>
      </c>
      <c r="G83512" s="16">
        <v>1.9172577374974917</v>
      </c>
    </row>
    <row r="83513" spans="1:7" x14ac:dyDescent="0.3">
      <c r="A83513" s="13" t="s">
        <v>421</v>
      </c>
      <c r="B83513" s="14" t="s">
        <v>1</v>
      </c>
      <c r="C83513" s="14" t="s">
        <v>20</v>
      </c>
      <c r="D83513" s="14" t="s">
        <v>94</v>
      </c>
      <c r="E83513" s="15">
        <v>45669</v>
      </c>
      <c r="F83513" s="14" t="s">
        <v>15</v>
      </c>
      <c r="G83513" s="16">
        <v>1.9172577374974917</v>
      </c>
    </row>
    <row r="83514" spans="1:7" x14ac:dyDescent="0.3">
      <c r="A83514" s="13" t="s">
        <v>421</v>
      </c>
      <c r="B83514" s="14" t="s">
        <v>1</v>
      </c>
      <c r="C83514" s="14" t="s">
        <v>20</v>
      </c>
      <c r="D83514" s="14" t="s">
        <v>94</v>
      </c>
      <c r="E83514" s="15">
        <v>45670</v>
      </c>
      <c r="F83514" s="14" t="s">
        <v>15</v>
      </c>
      <c r="G83514" s="16">
        <v>1.9215759276688922</v>
      </c>
    </row>
    <row r="83515" spans="1:7" x14ac:dyDescent="0.3">
      <c r="A83515" s="13" t="s">
        <v>421</v>
      </c>
      <c r="B83515" s="14" t="s">
        <v>1</v>
      </c>
      <c r="C83515" s="14" t="s">
        <v>20</v>
      </c>
      <c r="D83515" s="14" t="s">
        <v>94</v>
      </c>
      <c r="E83515" s="15">
        <v>45671</v>
      </c>
      <c r="F83515" s="14" t="s">
        <v>15</v>
      </c>
      <c r="G83515" s="16">
        <v>1.9338895528992064</v>
      </c>
    </row>
    <row r="83516" spans="1:7" x14ac:dyDescent="0.3">
      <c r="A83516" s="13" t="s">
        <v>421</v>
      </c>
      <c r="B83516" s="14" t="s">
        <v>1</v>
      </c>
      <c r="C83516" s="14" t="s">
        <v>20</v>
      </c>
      <c r="D83516" s="14" t="s">
        <v>94</v>
      </c>
      <c r="E83516" s="15">
        <v>45672</v>
      </c>
      <c r="F83516" s="14" t="s">
        <v>15</v>
      </c>
      <c r="G83516" s="16">
        <v>1.9379641306717634</v>
      </c>
    </row>
    <row r="83517" spans="1:7" x14ac:dyDescent="0.3">
      <c r="A83517" s="13" t="s">
        <v>421</v>
      </c>
      <c r="B83517" s="14" t="s">
        <v>1</v>
      </c>
      <c r="C83517" s="14" t="s">
        <v>20</v>
      </c>
      <c r="D83517" s="14" t="s">
        <v>94</v>
      </c>
      <c r="E83517" s="15">
        <v>45673</v>
      </c>
      <c r="F83517" s="14" t="s">
        <v>15</v>
      </c>
      <c r="G83517" s="16">
        <v>1.9419866870466507</v>
      </c>
    </row>
    <row r="83518" spans="1:7" x14ac:dyDescent="0.3">
      <c r="A83518" s="13" t="s">
        <v>421</v>
      </c>
      <c r="B83518" s="14" t="s">
        <v>1</v>
      </c>
      <c r="C83518" s="14" t="s">
        <v>20</v>
      </c>
      <c r="D83518" s="14" t="s">
        <v>94</v>
      </c>
      <c r="E83518" s="15">
        <v>45674</v>
      </c>
      <c r="F83518" s="14" t="s">
        <v>15</v>
      </c>
      <c r="G83518" s="16">
        <v>1.9448051383876717</v>
      </c>
    </row>
    <row r="83519" spans="1:7" x14ac:dyDescent="0.3">
      <c r="A83519" s="13" t="s">
        <v>421</v>
      </c>
      <c r="B83519" s="14" t="s">
        <v>1</v>
      </c>
      <c r="C83519" s="14" t="s">
        <v>20</v>
      </c>
      <c r="D83519" s="14" t="s">
        <v>94</v>
      </c>
      <c r="E83519" s="15">
        <v>45675</v>
      </c>
      <c r="F83519" s="14" t="s">
        <v>15</v>
      </c>
      <c r="G83519" s="16">
        <v>1.9448051383876717</v>
      </c>
    </row>
    <row r="83520" spans="1:7" x14ac:dyDescent="0.3">
      <c r="A83520" s="13" t="s">
        <v>421</v>
      </c>
      <c r="B83520" s="14" t="s">
        <v>1</v>
      </c>
      <c r="C83520" s="14" t="s">
        <v>20</v>
      </c>
      <c r="D83520" s="14" t="s">
        <v>94</v>
      </c>
      <c r="E83520" s="15">
        <v>45676</v>
      </c>
      <c r="F83520" s="14" t="s">
        <v>15</v>
      </c>
      <c r="G83520" s="16">
        <v>1.9448051383876717</v>
      </c>
    </row>
    <row r="83521" spans="1:7" x14ac:dyDescent="0.3">
      <c r="A83521" s="13" t="s">
        <v>421</v>
      </c>
      <c r="B83521" s="14" t="s">
        <v>1</v>
      </c>
      <c r="C83521" s="14" t="s">
        <v>20</v>
      </c>
      <c r="D83521" s="14" t="s">
        <v>94</v>
      </c>
      <c r="E83521" s="15">
        <v>45677</v>
      </c>
      <c r="F83521" s="14" t="s">
        <v>15</v>
      </c>
      <c r="G83521" s="16">
        <v>1.9486240500229008</v>
      </c>
    </row>
    <row r="83522" spans="1:7" x14ac:dyDescent="0.3">
      <c r="A83522" s="13" t="s">
        <v>421</v>
      </c>
      <c r="B83522" s="14" t="s">
        <v>1</v>
      </c>
      <c r="C83522" s="14" t="s">
        <v>20</v>
      </c>
      <c r="D83522" s="14" t="s">
        <v>94</v>
      </c>
      <c r="E83522" s="15">
        <v>45678</v>
      </c>
      <c r="F83522" s="14" t="s">
        <v>15</v>
      </c>
      <c r="G83522" s="16">
        <v>1.9597684626202247</v>
      </c>
    </row>
    <row r="83523" spans="1:7" x14ac:dyDescent="0.3">
      <c r="A83523" s="13" t="s">
        <v>421</v>
      </c>
      <c r="B83523" s="14" t="s">
        <v>1</v>
      </c>
      <c r="C83523" s="14" t="s">
        <v>20</v>
      </c>
      <c r="D83523" s="14" t="s">
        <v>94</v>
      </c>
      <c r="E83523" s="15">
        <v>45679</v>
      </c>
      <c r="F83523" s="14" t="s">
        <v>15</v>
      </c>
      <c r="G83523" s="16">
        <v>1.9634960196058877</v>
      </c>
    </row>
    <row r="83524" spans="1:7" x14ac:dyDescent="0.3">
      <c r="A83524" s="13" t="s">
        <v>421</v>
      </c>
      <c r="B83524" s="14" t="s">
        <v>1</v>
      </c>
      <c r="C83524" s="14" t="s">
        <v>20</v>
      </c>
      <c r="D83524" s="14" t="s">
        <v>94</v>
      </c>
      <c r="E83524" s="15">
        <v>45680</v>
      </c>
      <c r="F83524" s="14" t="s">
        <v>15</v>
      </c>
      <c r="G83524" s="16">
        <v>1.967138566014871</v>
      </c>
    </row>
    <row r="83525" spans="1:7" x14ac:dyDescent="0.3">
      <c r="A83525" s="13" t="s">
        <v>421</v>
      </c>
      <c r="B83525" s="14" t="s">
        <v>1</v>
      </c>
      <c r="C83525" s="14" t="s">
        <v>20</v>
      </c>
      <c r="D83525" s="14" t="s">
        <v>94</v>
      </c>
      <c r="E83525" s="15">
        <v>45681</v>
      </c>
      <c r="F83525" s="14" t="s">
        <v>15</v>
      </c>
      <c r="G83525" s="16">
        <v>1.9707436823938238</v>
      </c>
    </row>
    <row r="83526" spans="1:7" x14ac:dyDescent="0.3">
      <c r="A83526" s="13" t="s">
        <v>421</v>
      </c>
      <c r="B83526" s="14" t="s">
        <v>1</v>
      </c>
      <c r="C83526" s="14" t="s">
        <v>20</v>
      </c>
      <c r="D83526" s="14" t="s">
        <v>94</v>
      </c>
      <c r="E83526" s="15">
        <v>45682</v>
      </c>
      <c r="F83526" s="14" t="s">
        <v>15</v>
      </c>
      <c r="G83526" s="16">
        <v>1.9707436823938238</v>
      </c>
    </row>
    <row r="83527" spans="1:7" x14ac:dyDescent="0.3">
      <c r="A83527" s="13" t="s">
        <v>421</v>
      </c>
      <c r="B83527" s="14" t="s">
        <v>1</v>
      </c>
      <c r="C83527" s="14" t="s">
        <v>20</v>
      </c>
      <c r="D83527" s="14" t="s">
        <v>94</v>
      </c>
      <c r="E83527" s="15">
        <v>45683</v>
      </c>
      <c r="F83527" s="14" t="s">
        <v>15</v>
      </c>
      <c r="G83527" s="16">
        <v>1.9707436823938238</v>
      </c>
    </row>
    <row r="83528" spans="1:7" x14ac:dyDescent="0.3">
      <c r="A83528" s="13" t="s">
        <v>421</v>
      </c>
      <c r="B83528" s="14" t="s">
        <v>1</v>
      </c>
      <c r="C83528" s="14" t="s">
        <v>20</v>
      </c>
      <c r="D83528" s="14" t="s">
        <v>94</v>
      </c>
      <c r="E83528" s="15">
        <v>45684</v>
      </c>
      <c r="F83528" s="14" t="s">
        <v>15</v>
      </c>
      <c r="G83528" s="16">
        <v>1.9785289083977216</v>
      </c>
    </row>
    <row r="83529" spans="1:7" x14ac:dyDescent="0.3">
      <c r="A83529" s="13" t="s">
        <v>421</v>
      </c>
      <c r="B83529" s="14" t="s">
        <v>1</v>
      </c>
      <c r="C83529" s="14" t="s">
        <v>20</v>
      </c>
      <c r="D83529" s="14" t="s">
        <v>94</v>
      </c>
      <c r="E83529" s="15">
        <v>45685</v>
      </c>
      <c r="F83529" s="14" t="s">
        <v>15</v>
      </c>
      <c r="G83529" s="16">
        <v>1.9894442999638409</v>
      </c>
    </row>
    <row r="83530" spans="1:7" x14ac:dyDescent="0.3">
      <c r="A83530" s="13" t="s">
        <v>421</v>
      </c>
      <c r="B83530" s="14" t="s">
        <v>1</v>
      </c>
      <c r="C83530" s="14" t="s">
        <v>20</v>
      </c>
      <c r="D83530" s="14" t="s">
        <v>94</v>
      </c>
      <c r="E83530" s="15">
        <v>45686</v>
      </c>
      <c r="F83530" s="14" t="s">
        <v>15</v>
      </c>
      <c r="G83530" s="16">
        <v>1.993032287346</v>
      </c>
    </row>
    <row r="83531" spans="1:7" x14ac:dyDescent="0.3">
      <c r="A83531" s="13" t="s">
        <v>421</v>
      </c>
      <c r="B83531" s="14" t="s">
        <v>1</v>
      </c>
      <c r="C83531" s="14" t="s">
        <v>20</v>
      </c>
      <c r="D83531" s="14" t="s">
        <v>94</v>
      </c>
      <c r="E83531" s="15">
        <v>45687</v>
      </c>
      <c r="F83531" s="14" t="s">
        <v>15</v>
      </c>
      <c r="G83531" s="16">
        <v>1.9966177370990044</v>
      </c>
    </row>
    <row r="83532" spans="1:7" x14ac:dyDescent="0.3">
      <c r="A83532" s="13" t="s">
        <v>421</v>
      </c>
      <c r="B83532" s="14" t="s">
        <v>1</v>
      </c>
      <c r="C83532" s="14" t="s">
        <v>20</v>
      </c>
      <c r="D83532" s="14" t="s">
        <v>94</v>
      </c>
      <c r="E83532" s="15">
        <v>45688</v>
      </c>
      <c r="F83532" s="14" t="s">
        <v>15</v>
      </c>
      <c r="G83532" s="16">
        <v>2.0001835202260603</v>
      </c>
    </row>
    <row r="83533" spans="1:7" x14ac:dyDescent="0.3">
      <c r="A83533" s="13" t="s">
        <v>421</v>
      </c>
      <c r="B83533" s="14" t="s">
        <v>1</v>
      </c>
      <c r="C83533" s="14" t="s">
        <v>20</v>
      </c>
      <c r="D83533" s="14" t="s">
        <v>94</v>
      </c>
      <c r="E83533" s="15">
        <v>45689</v>
      </c>
      <c r="F83533" s="14" t="s">
        <v>15</v>
      </c>
      <c r="G83533" s="16">
        <v>2.0001835202260603</v>
      </c>
    </row>
    <row r="83534" spans="1:7" x14ac:dyDescent="0.3">
      <c r="A83534" s="13" t="s">
        <v>421</v>
      </c>
      <c r="B83534" s="14" t="s">
        <v>1</v>
      </c>
      <c r="C83534" s="14" t="s">
        <v>20</v>
      </c>
      <c r="D83534" s="14" t="s">
        <v>94</v>
      </c>
      <c r="E83534" s="15">
        <v>45690</v>
      </c>
      <c r="F83534" s="14" t="s">
        <v>15</v>
      </c>
      <c r="G83534" s="16">
        <v>2.0001835202260603</v>
      </c>
    </row>
    <row r="83535" spans="1:7" x14ac:dyDescent="0.3">
      <c r="A83535" s="13" t="s">
        <v>421</v>
      </c>
      <c r="B83535" s="14" t="s">
        <v>1</v>
      </c>
      <c r="C83535" s="14" t="s">
        <v>20</v>
      </c>
      <c r="D83535" s="14" t="s">
        <v>94</v>
      </c>
      <c r="E83535" s="15">
        <v>45691</v>
      </c>
      <c r="F83535" s="14" t="s">
        <v>15</v>
      </c>
      <c r="G83535" s="16">
        <v>2.0001835202260603</v>
      </c>
    </row>
    <row r="83536" spans="1:7" x14ac:dyDescent="0.3">
      <c r="A83536" s="13" t="s">
        <v>421</v>
      </c>
      <c r="B83536" s="14" t="s">
        <v>1</v>
      </c>
      <c r="C83536" s="14" t="s">
        <v>20</v>
      </c>
      <c r="D83536" s="14" t="s">
        <v>94</v>
      </c>
      <c r="E83536" s="15">
        <v>45692</v>
      </c>
      <c r="F83536" s="14" t="s">
        <v>15</v>
      </c>
      <c r="G83536" s="16">
        <v>2.0037188518032609</v>
      </c>
    </row>
    <row r="83537" spans="1:7" x14ac:dyDescent="0.3">
      <c r="A83537" s="13" t="s">
        <v>421</v>
      </c>
      <c r="B83537" s="14" t="s">
        <v>1</v>
      </c>
      <c r="C83537" s="14" t="s">
        <v>20</v>
      </c>
      <c r="D83537" s="14" t="s">
        <v>94</v>
      </c>
      <c r="E83537" s="15">
        <v>45693</v>
      </c>
      <c r="F83537" s="14" t="s">
        <v>15</v>
      </c>
      <c r="G83537" s="16">
        <v>2.0530526799557247</v>
      </c>
    </row>
    <row r="83538" spans="1:7" x14ac:dyDescent="0.3">
      <c r="A83538" s="13" t="s">
        <v>421</v>
      </c>
      <c r="B83538" s="14" t="s">
        <v>1</v>
      </c>
      <c r="C83538" s="14" t="s">
        <v>20</v>
      </c>
      <c r="D83538" s="14" t="s">
        <v>94</v>
      </c>
      <c r="E83538" s="15">
        <v>45694</v>
      </c>
      <c r="F83538" s="14" t="s">
        <v>15</v>
      </c>
      <c r="G83538" s="16">
        <v>2.0577064715828235</v>
      </c>
    </row>
    <row r="83539" spans="1:7" x14ac:dyDescent="0.3">
      <c r="A83539" s="13" t="s">
        <v>421</v>
      </c>
      <c r="B83539" s="14" t="s">
        <v>1</v>
      </c>
      <c r="C83539" s="14" t="s">
        <v>20</v>
      </c>
      <c r="D83539" s="14" t="s">
        <v>94</v>
      </c>
      <c r="E83539" s="15">
        <v>45695</v>
      </c>
      <c r="F83539" s="14" t="s">
        <v>15</v>
      </c>
      <c r="G83539" s="16">
        <v>2.070700815833864</v>
      </c>
    </row>
    <row r="83540" spans="1:7" x14ac:dyDescent="0.3">
      <c r="A83540" s="13" t="s">
        <v>421</v>
      </c>
      <c r="B83540" s="14" t="s">
        <v>1</v>
      </c>
      <c r="C83540" s="14" t="s">
        <v>20</v>
      </c>
      <c r="D83540" s="14" t="s">
        <v>94</v>
      </c>
      <c r="E83540" s="15">
        <v>45696</v>
      </c>
      <c r="F83540" s="14" t="s">
        <v>15</v>
      </c>
      <c r="G83540" s="16">
        <v>2.070700815833864</v>
      </c>
    </row>
    <row r="83541" spans="1:7" x14ac:dyDescent="0.3">
      <c r="A83541" s="13" t="s">
        <v>421</v>
      </c>
      <c r="B83541" s="14" t="s">
        <v>1</v>
      </c>
      <c r="C83541" s="14" t="s">
        <v>20</v>
      </c>
      <c r="D83541" s="14" t="s">
        <v>94</v>
      </c>
      <c r="E83541" s="15">
        <v>45697</v>
      </c>
      <c r="F83541" s="14" t="s">
        <v>15</v>
      </c>
      <c r="G83541" s="16">
        <v>2.070700815833864</v>
      </c>
    </row>
    <row r="83542" spans="1:7" x14ac:dyDescent="0.3">
      <c r="A83542" s="13" t="s">
        <v>421</v>
      </c>
      <c r="B83542" s="14" t="s">
        <v>1</v>
      </c>
      <c r="C83542" s="14" t="s">
        <v>20</v>
      </c>
      <c r="D83542" s="14" t="s">
        <v>94</v>
      </c>
      <c r="E83542" s="15">
        <v>45698</v>
      </c>
      <c r="F83542" s="14" t="s">
        <v>15</v>
      </c>
      <c r="G83542" s="16">
        <v>2.0753336720204367</v>
      </c>
    </row>
    <row r="83543" spans="1:7" x14ac:dyDescent="0.3">
      <c r="A83543" s="13" t="s">
        <v>421</v>
      </c>
      <c r="B83543" s="14" t="s">
        <v>1</v>
      </c>
      <c r="C83543" s="14" t="s">
        <v>20</v>
      </c>
      <c r="D83543" s="14" t="s">
        <v>94</v>
      </c>
      <c r="E83543" s="15">
        <v>45699</v>
      </c>
      <c r="F83543" s="14" t="s">
        <v>15</v>
      </c>
      <c r="G83543" s="16">
        <v>2.0893881108508192</v>
      </c>
    </row>
    <row r="83544" spans="1:7" x14ac:dyDescent="0.3">
      <c r="A83544" s="13" t="s">
        <v>421</v>
      </c>
      <c r="B83544" s="14" t="s">
        <v>1</v>
      </c>
      <c r="C83544" s="14" t="s">
        <v>20</v>
      </c>
      <c r="D83544" s="14" t="s">
        <v>94</v>
      </c>
      <c r="E83544" s="15">
        <v>45700</v>
      </c>
      <c r="F83544" s="14" t="s">
        <v>15</v>
      </c>
      <c r="G83544" s="16">
        <v>2.094027311110279</v>
      </c>
    </row>
    <row r="83545" spans="1:7" x14ac:dyDescent="0.3">
      <c r="A83545" s="13" t="s">
        <v>421</v>
      </c>
      <c r="B83545" s="14" t="s">
        <v>1</v>
      </c>
      <c r="C83545" s="14" t="s">
        <v>20</v>
      </c>
      <c r="D83545" s="14" t="s">
        <v>94</v>
      </c>
      <c r="E83545" s="15">
        <v>45701</v>
      </c>
      <c r="F83545" s="14" t="s">
        <v>15</v>
      </c>
      <c r="G83545" s="16">
        <v>2.0986449415219242</v>
      </c>
    </row>
    <row r="83546" spans="1:7" x14ac:dyDescent="0.3">
      <c r="A83546" s="13" t="s">
        <v>421</v>
      </c>
      <c r="B83546" s="14" t="s">
        <v>1</v>
      </c>
      <c r="C83546" s="14" t="s">
        <v>20</v>
      </c>
      <c r="D83546" s="14" t="s">
        <v>94</v>
      </c>
      <c r="E83546" s="15">
        <v>45702</v>
      </c>
      <c r="F83546" s="14" t="s">
        <v>15</v>
      </c>
      <c r="G83546" s="16">
        <v>2.1070512522614151</v>
      </c>
    </row>
    <row r="83547" spans="1:7" x14ac:dyDescent="0.3">
      <c r="A83547" s="13" t="s">
        <v>421</v>
      </c>
      <c r="B83547" s="14" t="s">
        <v>1</v>
      </c>
      <c r="C83547" s="14" t="s">
        <v>20</v>
      </c>
      <c r="D83547" s="14" t="s">
        <v>94</v>
      </c>
      <c r="E83547" s="15">
        <v>45703</v>
      </c>
      <c r="F83547" s="14" t="s">
        <v>15</v>
      </c>
      <c r="G83547" s="16">
        <v>2.1070512522614151</v>
      </c>
    </row>
    <row r="83548" spans="1:7" x14ac:dyDescent="0.3">
      <c r="A83548" s="13" t="s">
        <v>421</v>
      </c>
      <c r="B83548" s="14" t="s">
        <v>1</v>
      </c>
      <c r="C83548" s="14" t="s">
        <v>20</v>
      </c>
      <c r="D83548" s="14" t="s">
        <v>94</v>
      </c>
      <c r="E83548" s="15">
        <v>45704</v>
      </c>
      <c r="F83548" s="14" t="s">
        <v>15</v>
      </c>
      <c r="G83548" s="16">
        <v>2.1070512522614151</v>
      </c>
    </row>
    <row r="83549" spans="1:7" x14ac:dyDescent="0.3">
      <c r="A83549" s="13" t="s">
        <v>421</v>
      </c>
      <c r="B83549" s="14" t="s">
        <v>1</v>
      </c>
      <c r="C83549" s="14" t="s">
        <v>20</v>
      </c>
      <c r="D83549" s="14" t="s">
        <v>94</v>
      </c>
      <c r="E83549" s="15">
        <v>45705</v>
      </c>
      <c r="F83549" s="14" t="s">
        <v>15</v>
      </c>
      <c r="G83549" s="16">
        <v>2.1116523880835549</v>
      </c>
    </row>
    <row r="83550" spans="1:7" x14ac:dyDescent="0.3">
      <c r="A83550" s="13" t="s">
        <v>421</v>
      </c>
      <c r="B83550" s="14" t="s">
        <v>1</v>
      </c>
      <c r="C83550" s="14" t="s">
        <v>20</v>
      </c>
      <c r="D83550" s="14" t="s">
        <v>94</v>
      </c>
      <c r="E83550" s="15">
        <v>45706</v>
      </c>
      <c r="F83550" s="14" t="s">
        <v>15</v>
      </c>
      <c r="G83550" s="16">
        <v>2.1255469562771965</v>
      </c>
    </row>
    <row r="83551" spans="1:7" x14ac:dyDescent="0.3">
      <c r="A83551" s="13" t="s">
        <v>421</v>
      </c>
      <c r="B83551" s="14" t="s">
        <v>1</v>
      </c>
      <c r="C83551" s="14" t="s">
        <v>20</v>
      </c>
      <c r="D83551" s="14" t="s">
        <v>94</v>
      </c>
      <c r="E83551" s="15">
        <v>45707</v>
      </c>
      <c r="F83551" s="14" t="s">
        <v>15</v>
      </c>
      <c r="G83551" s="16">
        <v>2.1286356651231846</v>
      </c>
    </row>
    <row r="83552" spans="1:7" x14ac:dyDescent="0.3">
      <c r="A83552" s="13" t="s">
        <v>421</v>
      </c>
      <c r="B83552" s="14" t="s">
        <v>1</v>
      </c>
      <c r="C83552" s="14" t="s">
        <v>20</v>
      </c>
      <c r="D83552" s="14" t="s">
        <v>94</v>
      </c>
      <c r="E83552" s="15">
        <v>45708</v>
      </c>
      <c r="F83552" s="14" t="s">
        <v>15</v>
      </c>
      <c r="G83552" s="16">
        <v>2.133137199001006</v>
      </c>
    </row>
    <row r="83553" spans="1:7" x14ac:dyDescent="0.3">
      <c r="A83553" s="13" t="s">
        <v>421</v>
      </c>
      <c r="B83553" s="14" t="s">
        <v>1</v>
      </c>
      <c r="C83553" s="14" t="s">
        <v>20</v>
      </c>
      <c r="D83553" s="14" t="s">
        <v>94</v>
      </c>
      <c r="E83553" s="15">
        <v>45709</v>
      </c>
      <c r="F83553" s="14" t="s">
        <v>15</v>
      </c>
      <c r="G83553" s="16">
        <v>2.1370373147691826</v>
      </c>
    </row>
    <row r="83554" spans="1:7" x14ac:dyDescent="0.3">
      <c r="A83554" s="13" t="s">
        <v>421</v>
      </c>
      <c r="B83554" s="14" t="s">
        <v>1</v>
      </c>
      <c r="C83554" s="14" t="s">
        <v>20</v>
      </c>
      <c r="D83554" s="14" t="s">
        <v>94</v>
      </c>
      <c r="E83554" s="15">
        <v>45710</v>
      </c>
      <c r="F83554" s="14" t="s">
        <v>15</v>
      </c>
      <c r="G83554" s="16">
        <v>2.1370373147691826</v>
      </c>
    </row>
    <row r="83555" spans="1:7" x14ac:dyDescent="0.3">
      <c r="A83555" s="13" t="s">
        <v>421</v>
      </c>
      <c r="B83555" s="14" t="s">
        <v>1</v>
      </c>
      <c r="C83555" s="14" t="s">
        <v>20</v>
      </c>
      <c r="D83555" s="14" t="s">
        <v>94</v>
      </c>
      <c r="E83555" s="15">
        <v>45711</v>
      </c>
      <c r="F83555" s="14" t="s">
        <v>15</v>
      </c>
      <c r="G83555" s="16">
        <v>2.1370373147691826</v>
      </c>
    </row>
    <row r="83556" spans="1:7" x14ac:dyDescent="0.3">
      <c r="A83556" s="13" t="s">
        <v>421</v>
      </c>
      <c r="B83556" s="14" t="s">
        <v>1</v>
      </c>
      <c r="C83556" s="14" t="s">
        <v>20</v>
      </c>
      <c r="D83556" s="14" t="s">
        <v>94</v>
      </c>
      <c r="E83556" s="15">
        <v>45712</v>
      </c>
      <c r="F83556" s="14" t="s">
        <v>15</v>
      </c>
      <c r="G83556" s="16">
        <v>2.140817527559804</v>
      </c>
    </row>
    <row r="83557" spans="1:7" x14ac:dyDescent="0.3">
      <c r="A83557" s="13" t="s">
        <v>421</v>
      </c>
      <c r="B83557" s="14" t="s">
        <v>1</v>
      </c>
      <c r="C83557" s="14" t="s">
        <v>20</v>
      </c>
      <c r="D83557" s="14" t="s">
        <v>94</v>
      </c>
      <c r="E83557" s="15">
        <v>45713</v>
      </c>
      <c r="F83557" s="14" t="s">
        <v>15</v>
      </c>
      <c r="G83557" s="16">
        <v>2.1608017713172409</v>
      </c>
    </row>
    <row r="83558" spans="1:7" x14ac:dyDescent="0.3">
      <c r="A83558" s="13" t="s">
        <v>421</v>
      </c>
      <c r="B83558" s="14" t="s">
        <v>1</v>
      </c>
      <c r="C83558" s="14" t="s">
        <v>20</v>
      </c>
      <c r="D83558" s="14" t="s">
        <v>94</v>
      </c>
      <c r="E83558" s="15">
        <v>45714</v>
      </c>
      <c r="F83558" s="14" t="s">
        <v>15</v>
      </c>
      <c r="G83558" s="16">
        <v>2.1645591454454709</v>
      </c>
    </row>
    <row r="83559" spans="1:7" x14ac:dyDescent="0.3">
      <c r="A83559" s="13" t="s">
        <v>421</v>
      </c>
      <c r="B83559" s="14" t="s">
        <v>1</v>
      </c>
      <c r="C83559" s="14" t="s">
        <v>20</v>
      </c>
      <c r="D83559" s="14" t="s">
        <v>94</v>
      </c>
      <c r="E83559" s="15">
        <v>45715</v>
      </c>
      <c r="F83559" s="14" t="s">
        <v>15</v>
      </c>
      <c r="G83559" s="16">
        <v>2.1759573209582563</v>
      </c>
    </row>
    <row r="83560" spans="1:7" x14ac:dyDescent="0.3">
      <c r="A83560" s="13" t="s">
        <v>421</v>
      </c>
      <c r="B83560" s="14" t="s">
        <v>1</v>
      </c>
      <c r="C83560" s="14" t="s">
        <v>20</v>
      </c>
      <c r="D83560" s="14" t="s">
        <v>94</v>
      </c>
      <c r="E83560" s="15">
        <v>45716</v>
      </c>
      <c r="F83560" s="14" t="s">
        <v>15</v>
      </c>
      <c r="G83560" s="16">
        <v>2.1797489530800735</v>
      </c>
    </row>
    <row r="83561" spans="1:7" x14ac:dyDescent="0.3">
      <c r="A83561" s="13" t="s">
        <v>421</v>
      </c>
      <c r="B83561" s="14" t="s">
        <v>1</v>
      </c>
      <c r="C83561" s="14" t="s">
        <v>20</v>
      </c>
      <c r="D83561" s="14" t="s">
        <v>94</v>
      </c>
      <c r="E83561" s="15">
        <v>45717</v>
      </c>
      <c r="F83561" s="14" t="s">
        <v>15</v>
      </c>
      <c r="G83561" s="16">
        <v>2.1797489530800735</v>
      </c>
    </row>
    <row r="83562" spans="1:7" x14ac:dyDescent="0.3">
      <c r="A83562" s="13" t="s">
        <v>421</v>
      </c>
      <c r="B83562" s="14" t="s">
        <v>1</v>
      </c>
      <c r="C83562" s="14" t="s">
        <v>20</v>
      </c>
      <c r="D83562" s="14" t="s">
        <v>94</v>
      </c>
      <c r="E83562" s="15">
        <v>45718</v>
      </c>
      <c r="F83562" s="14" t="s">
        <v>15</v>
      </c>
      <c r="G83562" s="16">
        <v>2.1797489530800735</v>
      </c>
    </row>
    <row r="83563" spans="1:7" x14ac:dyDescent="0.3">
      <c r="A83563" s="13" t="s">
        <v>421</v>
      </c>
      <c r="B83563" s="14" t="s">
        <v>1</v>
      </c>
      <c r="C83563" s="14" t="s">
        <v>20</v>
      </c>
      <c r="D83563" s="14" t="s">
        <v>94</v>
      </c>
      <c r="E83563" s="15">
        <v>45719</v>
      </c>
      <c r="F83563" s="14" t="s">
        <v>15</v>
      </c>
      <c r="G83563" s="16">
        <v>2.1833876930453249</v>
      </c>
    </row>
    <row r="83564" spans="1:7" x14ac:dyDescent="0.3">
      <c r="A83564" s="13" t="s">
        <v>421</v>
      </c>
      <c r="B83564" s="14" t="s">
        <v>1</v>
      </c>
      <c r="C83564" s="14" t="s">
        <v>20</v>
      </c>
      <c r="D83564" s="14" t="s">
        <v>94</v>
      </c>
      <c r="E83564" s="15">
        <v>45720</v>
      </c>
      <c r="F83564" s="14" t="s">
        <v>15</v>
      </c>
      <c r="G83564" s="16">
        <v>2.1991505907040541</v>
      </c>
    </row>
    <row r="83565" spans="1:7" x14ac:dyDescent="0.3">
      <c r="A83565" s="13" t="s">
        <v>421</v>
      </c>
      <c r="B83565" s="14" t="s">
        <v>1</v>
      </c>
      <c r="C83565" s="14" t="s">
        <v>20</v>
      </c>
      <c r="D83565" s="14" t="s">
        <v>94</v>
      </c>
      <c r="E83565" s="15">
        <v>45721</v>
      </c>
      <c r="F83565" s="14" t="s">
        <v>15</v>
      </c>
      <c r="G83565" s="16">
        <v>2.2027994811859237</v>
      </c>
    </row>
    <row r="83566" spans="1:7" x14ac:dyDescent="0.3">
      <c r="A83566" s="13" t="s">
        <v>421</v>
      </c>
      <c r="B83566" s="14" t="s">
        <v>1</v>
      </c>
      <c r="C83566" s="14" t="s">
        <v>20</v>
      </c>
      <c r="D83566" s="14" t="s">
        <v>94</v>
      </c>
      <c r="E83566" s="15">
        <v>45722</v>
      </c>
      <c r="F83566" s="14" t="s">
        <v>15</v>
      </c>
      <c r="G83566" s="16">
        <v>2.2136806147584558</v>
      </c>
    </row>
    <row r="83567" spans="1:7" x14ac:dyDescent="0.3">
      <c r="A83567" s="13" t="s">
        <v>421</v>
      </c>
      <c r="B83567" s="14" t="s">
        <v>1</v>
      </c>
      <c r="C83567" s="14" t="s">
        <v>20</v>
      </c>
      <c r="D83567" s="14" t="s">
        <v>94</v>
      </c>
      <c r="E83567" s="15">
        <v>45723</v>
      </c>
      <c r="F83567" s="14" t="s">
        <v>15</v>
      </c>
      <c r="G83567" s="16">
        <v>2.2179226760552173</v>
      </c>
    </row>
    <row r="83568" spans="1:7" x14ac:dyDescent="0.3">
      <c r="A83568" s="13" t="s">
        <v>421</v>
      </c>
      <c r="B83568" s="14" t="s">
        <v>1</v>
      </c>
      <c r="C83568" s="14" t="s">
        <v>20</v>
      </c>
      <c r="D83568" s="14" t="s">
        <v>94</v>
      </c>
      <c r="E83568" s="15">
        <v>45724</v>
      </c>
      <c r="F83568" s="14" t="s">
        <v>15</v>
      </c>
      <c r="G83568" s="16">
        <v>2.2179226760552173</v>
      </c>
    </row>
    <row r="83569" spans="1:7" x14ac:dyDescent="0.3">
      <c r="A83569" s="13" t="s">
        <v>421</v>
      </c>
      <c r="B83569" s="14" t="s">
        <v>1</v>
      </c>
      <c r="C83569" s="14" t="s">
        <v>20</v>
      </c>
      <c r="D83569" s="14" t="s">
        <v>94</v>
      </c>
      <c r="E83569" s="15">
        <v>45725</v>
      </c>
      <c r="F83569" s="14" t="s">
        <v>15</v>
      </c>
      <c r="G83569" s="16">
        <v>2.2179226760552173</v>
      </c>
    </row>
    <row r="83570" spans="1:7" x14ac:dyDescent="0.3">
      <c r="A83570" s="13" t="s">
        <v>421</v>
      </c>
      <c r="B83570" s="14" t="s">
        <v>1</v>
      </c>
      <c r="C83570" s="14" t="s">
        <v>20</v>
      </c>
      <c r="D83570" s="14" t="s">
        <v>94</v>
      </c>
      <c r="E83570" s="15">
        <v>45726</v>
      </c>
      <c r="F83570" s="14" t="s">
        <v>15</v>
      </c>
      <c r="G83570" s="16">
        <v>2.2216502330408803</v>
      </c>
    </row>
    <row r="83571" spans="1:7" x14ac:dyDescent="0.3">
      <c r="A83571" s="13" t="s">
        <v>421</v>
      </c>
      <c r="B83571" s="14" t="s">
        <v>1</v>
      </c>
      <c r="C83571" s="14" t="s">
        <v>20</v>
      </c>
      <c r="D83571" s="14" t="s">
        <v>94</v>
      </c>
      <c r="E83571" s="15">
        <v>45727</v>
      </c>
      <c r="F83571" s="14" t="s">
        <v>15</v>
      </c>
      <c r="G83571" s="16">
        <v>2.2328124090422863</v>
      </c>
    </row>
    <row r="83572" spans="1:7" x14ac:dyDescent="0.3">
      <c r="A83572" s="13" t="s">
        <v>421</v>
      </c>
      <c r="B83572" s="14" t="s">
        <v>1</v>
      </c>
      <c r="C83572" s="14" t="s">
        <v>20</v>
      </c>
      <c r="D83572" s="14" t="s">
        <v>94</v>
      </c>
      <c r="E83572" s="15">
        <v>45728</v>
      </c>
      <c r="F83572" s="14" t="s">
        <v>15</v>
      </c>
      <c r="G83572" s="16">
        <v>2.2364606651168675</v>
      </c>
    </row>
    <row r="83573" spans="1:7" x14ac:dyDescent="0.3">
      <c r="A83573" s="13" t="s">
        <v>421</v>
      </c>
      <c r="B83573" s="14" t="s">
        <v>1</v>
      </c>
      <c r="C83573" s="14" t="s">
        <v>20</v>
      </c>
      <c r="D83573" s="14" t="s">
        <v>94</v>
      </c>
      <c r="E83573" s="15">
        <v>45729</v>
      </c>
      <c r="F83573" s="14" t="s">
        <v>15</v>
      </c>
      <c r="G83573" s="16">
        <v>2.2401768027713342</v>
      </c>
    </row>
    <row r="83574" spans="1:7" x14ac:dyDescent="0.3">
      <c r="A83574" s="13" t="s">
        <v>421</v>
      </c>
      <c r="B83574" s="14" t="s">
        <v>1</v>
      </c>
      <c r="C83574" s="14" t="s">
        <v>20</v>
      </c>
      <c r="D83574" s="14" t="s">
        <v>94</v>
      </c>
      <c r="E83574" s="15">
        <v>45730</v>
      </c>
      <c r="F83574" s="14" t="s">
        <v>15</v>
      </c>
      <c r="G83574" s="16">
        <v>2.2522937617421657</v>
      </c>
    </row>
    <row r="83575" spans="1:7" x14ac:dyDescent="0.3">
      <c r="A83575" s="13" t="s">
        <v>421</v>
      </c>
      <c r="B83575" s="14" t="s">
        <v>1</v>
      </c>
      <c r="C83575" s="14" t="s">
        <v>20</v>
      </c>
      <c r="D83575" s="14" t="s">
        <v>94</v>
      </c>
      <c r="E83575" s="15">
        <v>45731</v>
      </c>
      <c r="F83575" s="14" t="s">
        <v>15</v>
      </c>
      <c r="G83575" s="16">
        <v>2.2522937617421657</v>
      </c>
    </row>
    <row r="83576" spans="1:7" x14ac:dyDescent="0.3">
      <c r="A83576" s="13" t="s">
        <v>421</v>
      </c>
      <c r="B83576" s="14" t="s">
        <v>1</v>
      </c>
      <c r="C83576" s="14" t="s">
        <v>20</v>
      </c>
      <c r="D83576" s="14" t="s">
        <v>94</v>
      </c>
      <c r="E83576" s="15">
        <v>45732</v>
      </c>
      <c r="F83576" s="14" t="s">
        <v>15</v>
      </c>
      <c r="G83576" s="16">
        <v>2.2522937617421657</v>
      </c>
    </row>
    <row r="83577" spans="1:7" x14ac:dyDescent="0.3">
      <c r="A83577" s="13" t="s">
        <v>421</v>
      </c>
      <c r="B83577" s="14" t="s">
        <v>1</v>
      </c>
      <c r="C83577" s="14" t="s">
        <v>20</v>
      </c>
      <c r="D83577" s="14" t="s">
        <v>94</v>
      </c>
      <c r="E83577" s="15">
        <v>45733</v>
      </c>
      <c r="F83577" s="14" t="s">
        <v>15</v>
      </c>
      <c r="G83577" s="16">
        <v>2.2522937617421657</v>
      </c>
    </row>
    <row r="83578" spans="1:7" x14ac:dyDescent="0.3">
      <c r="A83578" s="13" t="s">
        <v>421</v>
      </c>
      <c r="B83578" s="14" t="s">
        <v>1</v>
      </c>
      <c r="C83578" s="14" t="s">
        <v>20</v>
      </c>
      <c r="D83578" s="14" t="s">
        <v>94</v>
      </c>
      <c r="E83578" s="15">
        <v>45734</v>
      </c>
      <c r="F83578" s="14" t="s">
        <v>15</v>
      </c>
      <c r="G83578" s="16">
        <v>2.2558741362368608</v>
      </c>
    </row>
    <row r="83579" spans="1:7" x14ac:dyDescent="0.3">
      <c r="A83579" s="13" t="s">
        <v>421</v>
      </c>
      <c r="B83579" s="14" t="s">
        <v>1</v>
      </c>
      <c r="C83579" s="14" t="s">
        <v>20</v>
      </c>
      <c r="D83579" s="14" t="s">
        <v>94</v>
      </c>
      <c r="E83579" s="15">
        <v>45735</v>
      </c>
      <c r="F83579" s="14" t="s">
        <v>15</v>
      </c>
      <c r="G83579" s="16">
        <v>2.2701017682570459</v>
      </c>
    </row>
    <row r="83580" spans="1:7" x14ac:dyDescent="0.3">
      <c r="A83580" s="13" t="s">
        <v>421</v>
      </c>
      <c r="B83580" s="14" t="s">
        <v>1</v>
      </c>
      <c r="C83580" s="14" t="s">
        <v>20</v>
      </c>
      <c r="D83580" s="14" t="s">
        <v>94</v>
      </c>
      <c r="E83580" s="15">
        <v>45736</v>
      </c>
      <c r="F83580" s="14" t="s">
        <v>15</v>
      </c>
      <c r="G83580" s="16">
        <v>2.2732699442503148</v>
      </c>
    </row>
    <row r="83581" spans="1:7" x14ac:dyDescent="0.3">
      <c r="A83581" s="13" t="s">
        <v>421</v>
      </c>
      <c r="B83581" s="14" t="s">
        <v>1</v>
      </c>
      <c r="C83581" s="14" t="s">
        <v>20</v>
      </c>
      <c r="D83581" s="14" t="s">
        <v>94</v>
      </c>
      <c r="E83581" s="15">
        <v>45737</v>
      </c>
      <c r="F83581" s="14" t="s">
        <v>15</v>
      </c>
      <c r="G83581" s="16">
        <v>2.2764102780162063</v>
      </c>
    </row>
    <row r="83582" spans="1:7" x14ac:dyDescent="0.3">
      <c r="A83582" s="13" t="s">
        <v>421</v>
      </c>
      <c r="B83582" s="14" t="s">
        <v>1</v>
      </c>
      <c r="C83582" s="14" t="s">
        <v>20</v>
      </c>
      <c r="D83582" s="14" t="s">
        <v>94</v>
      </c>
      <c r="E83582" s="15">
        <v>45738</v>
      </c>
      <c r="F83582" s="14" t="s">
        <v>15</v>
      </c>
      <c r="G83582" s="16">
        <v>2.2764102780162063</v>
      </c>
    </row>
    <row r="83583" spans="1:7" x14ac:dyDescent="0.3">
      <c r="A83583" s="13" t="s">
        <v>421</v>
      </c>
      <c r="B83583" s="14" t="s">
        <v>1</v>
      </c>
      <c r="C83583" s="14" t="s">
        <v>20</v>
      </c>
      <c r="D83583" s="14" t="s">
        <v>94</v>
      </c>
      <c r="E83583" s="15">
        <v>45739</v>
      </c>
      <c r="F83583" s="14" t="s">
        <v>15</v>
      </c>
      <c r="G83583" s="16">
        <v>2.2764102780162063</v>
      </c>
    </row>
    <row r="83584" spans="1:7" x14ac:dyDescent="0.3">
      <c r="A83584" s="13" t="s">
        <v>421</v>
      </c>
      <c r="B83584" s="14" t="s">
        <v>1</v>
      </c>
      <c r="C83584" s="14" t="s">
        <v>20</v>
      </c>
      <c r="D83584" s="14" t="s">
        <v>94</v>
      </c>
      <c r="E83584" s="15">
        <v>45740</v>
      </c>
      <c r="F83584" s="14" t="s">
        <v>15</v>
      </c>
      <c r="G83584" s="16">
        <v>2.2784137208308213</v>
      </c>
    </row>
    <row r="83585" spans="1:7" x14ac:dyDescent="0.3">
      <c r="A83585" s="13" t="s">
        <v>421</v>
      </c>
      <c r="B83585" s="14" t="s">
        <v>1</v>
      </c>
      <c r="C83585" s="14" t="s">
        <v>20</v>
      </c>
      <c r="D83585" s="14" t="s">
        <v>94</v>
      </c>
      <c r="E83585" s="15">
        <v>45741</v>
      </c>
      <c r="F83585" s="14" t="s">
        <v>15</v>
      </c>
      <c r="G83585" s="16">
        <v>2.2977582309308202</v>
      </c>
    </row>
    <row r="83586" spans="1:7" x14ac:dyDescent="0.3">
      <c r="A83586" s="13" t="s">
        <v>421</v>
      </c>
      <c r="B83586" s="14" t="s">
        <v>1</v>
      </c>
      <c r="C83586" s="14" t="s">
        <v>20</v>
      </c>
      <c r="D83586" s="14" t="s">
        <v>94</v>
      </c>
      <c r="E83586" s="15">
        <v>45742</v>
      </c>
      <c r="F83586" s="14" t="s">
        <v>15</v>
      </c>
      <c r="G83586" s="16">
        <v>2.3009124858104002</v>
      </c>
    </row>
    <row r="83587" spans="1:7" x14ac:dyDescent="0.3">
      <c r="A83587" s="13" t="s">
        <v>421</v>
      </c>
      <c r="B83587" s="14" t="s">
        <v>1</v>
      </c>
      <c r="C83587" s="14" t="s">
        <v>20</v>
      </c>
      <c r="D83587" s="14" t="s">
        <v>94</v>
      </c>
      <c r="E83587" s="15">
        <v>45743</v>
      </c>
      <c r="F83587" s="14" t="s">
        <v>15</v>
      </c>
      <c r="G83587" s="16">
        <v>2.3059275295530899</v>
      </c>
    </row>
    <row r="83588" spans="1:7" x14ac:dyDescent="0.3">
      <c r="A83588" s="13" t="s">
        <v>421</v>
      </c>
      <c r="B83588" s="14" t="s">
        <v>1</v>
      </c>
      <c r="C83588" s="14" t="s">
        <v>20</v>
      </c>
      <c r="D83588" s="14" t="s">
        <v>94</v>
      </c>
      <c r="E83588" s="15">
        <v>45744</v>
      </c>
      <c r="F83588" s="14" t="s">
        <v>15</v>
      </c>
      <c r="G83588" s="16">
        <v>2.3091258679593527</v>
      </c>
    </row>
    <row r="83589" spans="1:7" x14ac:dyDescent="0.3">
      <c r="A83589" s="13" t="s">
        <v>421</v>
      </c>
      <c r="B83589" s="14" t="s">
        <v>1</v>
      </c>
      <c r="C83589" s="14" t="s">
        <v>20</v>
      </c>
      <c r="D83589" s="14" t="s">
        <v>94</v>
      </c>
      <c r="E83589" s="15">
        <v>45745</v>
      </c>
      <c r="F83589" s="14" t="s">
        <v>15</v>
      </c>
      <c r="G83589" s="16">
        <v>2.3091258679593527</v>
      </c>
    </row>
    <row r="83590" spans="1:7" x14ac:dyDescent="0.3">
      <c r="A83590" s="13" t="s">
        <v>421</v>
      </c>
      <c r="B83590" s="14" t="s">
        <v>1</v>
      </c>
      <c r="C83590" s="14" t="s">
        <v>20</v>
      </c>
      <c r="D83590" s="14" t="s">
        <v>94</v>
      </c>
      <c r="E83590" s="15">
        <v>45746</v>
      </c>
      <c r="F83590" s="14" t="s">
        <v>15</v>
      </c>
      <c r="G83590" s="16">
        <v>2.3091258679593527</v>
      </c>
    </row>
    <row r="83591" spans="1:7" x14ac:dyDescent="0.3">
      <c r="A83591" s="13" t="s">
        <v>421</v>
      </c>
      <c r="B83591" s="14" t="s">
        <v>1</v>
      </c>
      <c r="C83591" s="14" t="s">
        <v>20</v>
      </c>
      <c r="D83591" s="14" t="s">
        <v>94</v>
      </c>
      <c r="E83591" s="15">
        <v>45747</v>
      </c>
      <c r="F83591" s="14" t="s">
        <v>15</v>
      </c>
      <c r="G83591" s="16">
        <v>2.3135121414004187</v>
      </c>
    </row>
    <row r="83592" spans="1:7" x14ac:dyDescent="0.3">
      <c r="A83592" s="13" t="s">
        <v>422</v>
      </c>
      <c r="B83592" s="14" t="s">
        <v>1</v>
      </c>
      <c r="C83592" s="14" t="s">
        <v>47</v>
      </c>
      <c r="D83592" s="14" t="s">
        <v>173</v>
      </c>
      <c r="E83592" s="15">
        <v>45383</v>
      </c>
      <c r="F83592" s="14" t="s">
        <v>25</v>
      </c>
      <c r="G83592" s="16">
        <v>0</v>
      </c>
    </row>
    <row r="83593" spans="1:7" x14ac:dyDescent="0.3">
      <c r="A83593" s="13" t="s">
        <v>422</v>
      </c>
      <c r="B83593" s="14" t="s">
        <v>1</v>
      </c>
      <c r="C83593" s="14" t="s">
        <v>47</v>
      </c>
      <c r="D83593" s="14" t="s">
        <v>173</v>
      </c>
      <c r="E83593" s="15">
        <v>45384</v>
      </c>
      <c r="F83593" s="14" t="s">
        <v>25</v>
      </c>
      <c r="G83593" s="16">
        <v>0</v>
      </c>
    </row>
    <row r="83594" spans="1:7" x14ac:dyDescent="0.3">
      <c r="A83594" s="13" t="s">
        <v>422</v>
      </c>
      <c r="B83594" s="14" t="s">
        <v>1</v>
      </c>
      <c r="C83594" s="14" t="s">
        <v>47</v>
      </c>
      <c r="D83594" s="14" t="s">
        <v>173</v>
      </c>
      <c r="E83594" s="15">
        <v>45385</v>
      </c>
      <c r="F83594" s="14" t="s">
        <v>25</v>
      </c>
      <c r="G83594" s="16">
        <v>0</v>
      </c>
    </row>
    <row r="83595" spans="1:7" x14ac:dyDescent="0.3">
      <c r="A83595" s="13" t="s">
        <v>422</v>
      </c>
      <c r="B83595" s="14" t="s">
        <v>1</v>
      </c>
      <c r="C83595" s="14" t="s">
        <v>47</v>
      </c>
      <c r="D83595" s="14" t="s">
        <v>173</v>
      </c>
      <c r="E83595" s="15">
        <v>45386</v>
      </c>
      <c r="F83595" s="14" t="s">
        <v>25</v>
      </c>
      <c r="G83595" s="16">
        <v>0</v>
      </c>
    </row>
    <row r="83596" spans="1:7" x14ac:dyDescent="0.3">
      <c r="A83596" s="13" t="s">
        <v>422</v>
      </c>
      <c r="B83596" s="14" t="s">
        <v>1</v>
      </c>
      <c r="C83596" s="14" t="s">
        <v>47</v>
      </c>
      <c r="D83596" s="14" t="s">
        <v>173</v>
      </c>
      <c r="E83596" s="15">
        <v>45387</v>
      </c>
      <c r="F83596" s="14" t="s">
        <v>25</v>
      </c>
      <c r="G83596" s="16">
        <v>0</v>
      </c>
    </row>
    <row r="83597" spans="1:7" x14ac:dyDescent="0.3">
      <c r="A83597" s="13" t="s">
        <v>422</v>
      </c>
      <c r="B83597" s="14" t="s">
        <v>1</v>
      </c>
      <c r="C83597" s="14" t="s">
        <v>47</v>
      </c>
      <c r="D83597" s="14" t="s">
        <v>173</v>
      </c>
      <c r="E83597" s="15">
        <v>45388</v>
      </c>
      <c r="F83597" s="14" t="s">
        <v>25</v>
      </c>
      <c r="G83597" s="16">
        <v>0</v>
      </c>
    </row>
    <row r="83598" spans="1:7" x14ac:dyDescent="0.3">
      <c r="A83598" s="13" t="s">
        <v>422</v>
      </c>
      <c r="B83598" s="14" t="s">
        <v>1</v>
      </c>
      <c r="C83598" s="14" t="s">
        <v>47</v>
      </c>
      <c r="D83598" s="14" t="s">
        <v>173</v>
      </c>
      <c r="E83598" s="15">
        <v>45389</v>
      </c>
      <c r="F83598" s="14" t="s">
        <v>25</v>
      </c>
      <c r="G83598" s="16">
        <v>0</v>
      </c>
    </row>
    <row r="83599" spans="1:7" x14ac:dyDescent="0.3">
      <c r="A83599" s="13" t="s">
        <v>422</v>
      </c>
      <c r="B83599" s="14" t="s">
        <v>1</v>
      </c>
      <c r="C83599" s="14" t="s">
        <v>47</v>
      </c>
      <c r="D83599" s="14" t="s">
        <v>173</v>
      </c>
      <c r="E83599" s="15">
        <v>45390</v>
      </c>
      <c r="F83599" s="14" t="s">
        <v>25</v>
      </c>
      <c r="G83599" s="16">
        <v>0</v>
      </c>
    </row>
    <row r="83600" spans="1:7" x14ac:dyDescent="0.3">
      <c r="A83600" s="13" t="s">
        <v>422</v>
      </c>
      <c r="B83600" s="14" t="s">
        <v>1</v>
      </c>
      <c r="C83600" s="14" t="s">
        <v>47</v>
      </c>
      <c r="D83600" s="14" t="s">
        <v>173</v>
      </c>
      <c r="E83600" s="15">
        <v>45391</v>
      </c>
      <c r="F83600" s="14" t="s">
        <v>25</v>
      </c>
      <c r="G83600" s="16">
        <v>0</v>
      </c>
    </row>
    <row r="83601" spans="1:7" x14ac:dyDescent="0.3">
      <c r="A83601" s="13" t="s">
        <v>422</v>
      </c>
      <c r="B83601" s="14" t="s">
        <v>1</v>
      </c>
      <c r="C83601" s="14" t="s">
        <v>47</v>
      </c>
      <c r="D83601" s="14" t="s">
        <v>173</v>
      </c>
      <c r="E83601" s="15">
        <v>45392</v>
      </c>
      <c r="F83601" s="14" t="s">
        <v>25</v>
      </c>
      <c r="G83601" s="16">
        <v>0</v>
      </c>
    </row>
    <row r="83602" spans="1:7" x14ac:dyDescent="0.3">
      <c r="A83602" s="13" t="s">
        <v>422</v>
      </c>
      <c r="B83602" s="14" t="s">
        <v>1</v>
      </c>
      <c r="C83602" s="14" t="s">
        <v>47</v>
      </c>
      <c r="D83602" s="14" t="s">
        <v>173</v>
      </c>
      <c r="E83602" s="15">
        <v>45393</v>
      </c>
      <c r="F83602" s="14" t="s">
        <v>25</v>
      </c>
      <c r="G83602" s="16">
        <v>0</v>
      </c>
    </row>
    <row r="83603" spans="1:7" x14ac:dyDescent="0.3">
      <c r="A83603" s="13" t="s">
        <v>422</v>
      </c>
      <c r="B83603" s="14" t="s">
        <v>1</v>
      </c>
      <c r="C83603" s="14" t="s">
        <v>47</v>
      </c>
      <c r="D83603" s="14" t="s">
        <v>173</v>
      </c>
      <c r="E83603" s="15">
        <v>45394</v>
      </c>
      <c r="F83603" s="14" t="s">
        <v>25</v>
      </c>
      <c r="G83603" s="16">
        <v>0</v>
      </c>
    </row>
    <row r="83604" spans="1:7" x14ac:dyDescent="0.3">
      <c r="A83604" s="13" t="s">
        <v>422</v>
      </c>
      <c r="B83604" s="14" t="s">
        <v>1</v>
      </c>
      <c r="C83604" s="14" t="s">
        <v>47</v>
      </c>
      <c r="D83604" s="14" t="s">
        <v>173</v>
      </c>
      <c r="E83604" s="15">
        <v>45395</v>
      </c>
      <c r="F83604" s="14" t="s">
        <v>25</v>
      </c>
      <c r="G83604" s="16">
        <v>0</v>
      </c>
    </row>
    <row r="83605" spans="1:7" x14ac:dyDescent="0.3">
      <c r="A83605" s="13" t="s">
        <v>422</v>
      </c>
      <c r="B83605" s="14" t="s">
        <v>1</v>
      </c>
      <c r="C83605" s="14" t="s">
        <v>47</v>
      </c>
      <c r="D83605" s="14" t="s">
        <v>173</v>
      </c>
      <c r="E83605" s="15">
        <v>45396</v>
      </c>
      <c r="F83605" s="14" t="s">
        <v>25</v>
      </c>
      <c r="G83605" s="16">
        <v>0</v>
      </c>
    </row>
    <row r="83606" spans="1:7" x14ac:dyDescent="0.3">
      <c r="A83606" s="13" t="s">
        <v>422</v>
      </c>
      <c r="B83606" s="14" t="s">
        <v>1</v>
      </c>
      <c r="C83606" s="14" t="s">
        <v>47</v>
      </c>
      <c r="D83606" s="14" t="s">
        <v>173</v>
      </c>
      <c r="E83606" s="15">
        <v>45397</v>
      </c>
      <c r="F83606" s="14" t="s">
        <v>25</v>
      </c>
      <c r="G83606" s="16">
        <v>0</v>
      </c>
    </row>
    <row r="83607" spans="1:7" x14ac:dyDescent="0.3">
      <c r="A83607" s="13" t="s">
        <v>422</v>
      </c>
      <c r="B83607" s="14" t="s">
        <v>1</v>
      </c>
      <c r="C83607" s="14" t="s">
        <v>47</v>
      </c>
      <c r="D83607" s="14" t="s">
        <v>173</v>
      </c>
      <c r="E83607" s="15">
        <v>45398</v>
      </c>
      <c r="F83607" s="14" t="s">
        <v>25</v>
      </c>
      <c r="G83607" s="16">
        <v>0</v>
      </c>
    </row>
    <row r="83608" spans="1:7" x14ac:dyDescent="0.3">
      <c r="A83608" s="13" t="s">
        <v>422</v>
      </c>
      <c r="B83608" s="14" t="s">
        <v>1</v>
      </c>
      <c r="C83608" s="14" t="s">
        <v>47</v>
      </c>
      <c r="D83608" s="14" t="s">
        <v>173</v>
      </c>
      <c r="E83608" s="15">
        <v>45399</v>
      </c>
      <c r="F83608" s="14" t="s">
        <v>25</v>
      </c>
      <c r="G83608" s="16">
        <v>0</v>
      </c>
    </row>
    <row r="83609" spans="1:7" x14ac:dyDescent="0.3">
      <c r="A83609" s="13" t="s">
        <v>422</v>
      </c>
      <c r="B83609" s="14" t="s">
        <v>1</v>
      </c>
      <c r="C83609" s="14" t="s">
        <v>47</v>
      </c>
      <c r="D83609" s="14" t="s">
        <v>173</v>
      </c>
      <c r="E83609" s="15">
        <v>45400</v>
      </c>
      <c r="F83609" s="14" t="s">
        <v>25</v>
      </c>
      <c r="G83609" s="16">
        <v>0</v>
      </c>
    </row>
    <row r="83610" spans="1:7" x14ac:dyDescent="0.3">
      <c r="A83610" s="13" t="s">
        <v>422</v>
      </c>
      <c r="B83610" s="14" t="s">
        <v>1</v>
      </c>
      <c r="C83610" s="14" t="s">
        <v>47</v>
      </c>
      <c r="D83610" s="14" t="s">
        <v>173</v>
      </c>
      <c r="E83610" s="15">
        <v>45401</v>
      </c>
      <c r="F83610" s="14" t="s">
        <v>25</v>
      </c>
      <c r="G83610" s="16">
        <v>0</v>
      </c>
    </row>
    <row r="83611" spans="1:7" x14ac:dyDescent="0.3">
      <c r="A83611" s="13" t="s">
        <v>422</v>
      </c>
      <c r="B83611" s="14" t="s">
        <v>1</v>
      </c>
      <c r="C83611" s="14" t="s">
        <v>47</v>
      </c>
      <c r="D83611" s="14" t="s">
        <v>173</v>
      </c>
      <c r="E83611" s="15">
        <v>45402</v>
      </c>
      <c r="F83611" s="14" t="s">
        <v>25</v>
      </c>
      <c r="G83611" s="16">
        <v>0</v>
      </c>
    </row>
    <row r="83612" spans="1:7" x14ac:dyDescent="0.3">
      <c r="A83612" s="13" t="s">
        <v>422</v>
      </c>
      <c r="B83612" s="14" t="s">
        <v>1</v>
      </c>
      <c r="C83612" s="14" t="s">
        <v>47</v>
      </c>
      <c r="D83612" s="14" t="s">
        <v>173</v>
      </c>
      <c r="E83612" s="15">
        <v>45403</v>
      </c>
      <c r="F83612" s="14" t="s">
        <v>25</v>
      </c>
      <c r="G83612" s="16">
        <v>0</v>
      </c>
    </row>
    <row r="83613" spans="1:7" x14ac:dyDescent="0.3">
      <c r="A83613" s="13" t="s">
        <v>422</v>
      </c>
      <c r="B83613" s="14" t="s">
        <v>1</v>
      </c>
      <c r="C83613" s="14" t="s">
        <v>47</v>
      </c>
      <c r="D83613" s="14" t="s">
        <v>173</v>
      </c>
      <c r="E83613" s="15">
        <v>45404</v>
      </c>
      <c r="F83613" s="14" t="s">
        <v>25</v>
      </c>
      <c r="G83613" s="16">
        <v>0</v>
      </c>
    </row>
    <row r="83614" spans="1:7" x14ac:dyDescent="0.3">
      <c r="A83614" s="13" t="s">
        <v>422</v>
      </c>
      <c r="B83614" s="14" t="s">
        <v>1</v>
      </c>
      <c r="C83614" s="14" t="s">
        <v>47</v>
      </c>
      <c r="D83614" s="14" t="s">
        <v>173</v>
      </c>
      <c r="E83614" s="15">
        <v>45405</v>
      </c>
      <c r="F83614" s="14" t="s">
        <v>25</v>
      </c>
      <c r="G83614" s="16">
        <v>0</v>
      </c>
    </row>
    <row r="83615" spans="1:7" x14ac:dyDescent="0.3">
      <c r="A83615" s="13" t="s">
        <v>422</v>
      </c>
      <c r="B83615" s="14" t="s">
        <v>1</v>
      </c>
      <c r="C83615" s="14" t="s">
        <v>47</v>
      </c>
      <c r="D83615" s="14" t="s">
        <v>173</v>
      </c>
      <c r="E83615" s="15">
        <v>45406</v>
      </c>
      <c r="F83615" s="14" t="s">
        <v>25</v>
      </c>
      <c r="G83615" s="16">
        <v>0</v>
      </c>
    </row>
    <row r="83616" spans="1:7" x14ac:dyDescent="0.3">
      <c r="A83616" s="13" t="s">
        <v>422</v>
      </c>
      <c r="B83616" s="14" t="s">
        <v>1</v>
      </c>
      <c r="C83616" s="14" t="s">
        <v>47</v>
      </c>
      <c r="D83616" s="14" t="s">
        <v>173</v>
      </c>
      <c r="E83616" s="15">
        <v>45407</v>
      </c>
      <c r="F83616" s="14" t="s">
        <v>25</v>
      </c>
      <c r="G83616" s="16">
        <v>0</v>
      </c>
    </row>
    <row r="83617" spans="1:7" x14ac:dyDescent="0.3">
      <c r="A83617" s="13" t="s">
        <v>422</v>
      </c>
      <c r="B83617" s="14" t="s">
        <v>1</v>
      </c>
      <c r="C83617" s="14" t="s">
        <v>47</v>
      </c>
      <c r="D83617" s="14" t="s">
        <v>173</v>
      </c>
      <c r="E83617" s="15">
        <v>45408</v>
      </c>
      <c r="F83617" s="14" t="s">
        <v>25</v>
      </c>
      <c r="G83617" s="16">
        <v>0</v>
      </c>
    </row>
    <row r="83618" spans="1:7" x14ac:dyDescent="0.3">
      <c r="A83618" s="13" t="s">
        <v>422</v>
      </c>
      <c r="B83618" s="14" t="s">
        <v>1</v>
      </c>
      <c r="C83618" s="14" t="s">
        <v>47</v>
      </c>
      <c r="D83618" s="14" t="s">
        <v>173</v>
      </c>
      <c r="E83618" s="15">
        <v>45409</v>
      </c>
      <c r="F83618" s="14" t="s">
        <v>25</v>
      </c>
      <c r="G83618" s="16">
        <v>0</v>
      </c>
    </row>
    <row r="83619" spans="1:7" x14ac:dyDescent="0.3">
      <c r="A83619" s="13" t="s">
        <v>422</v>
      </c>
      <c r="B83619" s="14" t="s">
        <v>1</v>
      </c>
      <c r="C83619" s="14" t="s">
        <v>47</v>
      </c>
      <c r="D83619" s="14" t="s">
        <v>173</v>
      </c>
      <c r="E83619" s="15">
        <v>45410</v>
      </c>
      <c r="F83619" s="14" t="s">
        <v>25</v>
      </c>
      <c r="G83619" s="16">
        <v>0</v>
      </c>
    </row>
    <row r="83620" spans="1:7" x14ac:dyDescent="0.3">
      <c r="A83620" s="13" t="s">
        <v>422</v>
      </c>
      <c r="B83620" s="14" t="s">
        <v>1</v>
      </c>
      <c r="C83620" s="14" t="s">
        <v>47</v>
      </c>
      <c r="D83620" s="14" t="s">
        <v>173</v>
      </c>
      <c r="E83620" s="15">
        <v>45411</v>
      </c>
      <c r="F83620" s="14" t="s">
        <v>25</v>
      </c>
      <c r="G83620" s="16">
        <v>0</v>
      </c>
    </row>
    <row r="83621" spans="1:7" x14ac:dyDescent="0.3">
      <c r="A83621" s="13" t="s">
        <v>422</v>
      </c>
      <c r="B83621" s="14" t="s">
        <v>1</v>
      </c>
      <c r="C83621" s="14" t="s">
        <v>47</v>
      </c>
      <c r="D83621" s="14" t="s">
        <v>173</v>
      </c>
      <c r="E83621" s="15">
        <v>45412</v>
      </c>
      <c r="F83621" s="14" t="s">
        <v>25</v>
      </c>
      <c r="G83621" s="16">
        <v>0</v>
      </c>
    </row>
    <row r="83622" spans="1:7" x14ac:dyDescent="0.3">
      <c r="A83622" s="13" t="s">
        <v>422</v>
      </c>
      <c r="B83622" s="14" t="s">
        <v>1</v>
      </c>
      <c r="C83622" s="14" t="s">
        <v>47</v>
      </c>
      <c r="D83622" s="14" t="s">
        <v>173</v>
      </c>
      <c r="E83622" s="15">
        <v>45413</v>
      </c>
      <c r="F83622" s="14" t="s">
        <v>25</v>
      </c>
      <c r="G83622" s="16">
        <v>0</v>
      </c>
    </row>
    <row r="83623" spans="1:7" x14ac:dyDescent="0.3">
      <c r="A83623" s="13" t="s">
        <v>422</v>
      </c>
      <c r="B83623" s="14" t="s">
        <v>1</v>
      </c>
      <c r="C83623" s="14" t="s">
        <v>47</v>
      </c>
      <c r="D83623" s="14" t="s">
        <v>173</v>
      </c>
      <c r="E83623" s="15">
        <v>45414</v>
      </c>
      <c r="F83623" s="14" t="s">
        <v>25</v>
      </c>
      <c r="G83623" s="16">
        <v>0</v>
      </c>
    </row>
    <row r="83624" spans="1:7" x14ac:dyDescent="0.3">
      <c r="A83624" s="13" t="s">
        <v>422</v>
      </c>
      <c r="B83624" s="14" t="s">
        <v>1</v>
      </c>
      <c r="C83624" s="14" t="s">
        <v>47</v>
      </c>
      <c r="D83624" s="14" t="s">
        <v>173</v>
      </c>
      <c r="E83624" s="15">
        <v>45415</v>
      </c>
      <c r="F83624" s="14" t="s">
        <v>25</v>
      </c>
      <c r="G83624" s="16">
        <v>0</v>
      </c>
    </row>
    <row r="83625" spans="1:7" x14ac:dyDescent="0.3">
      <c r="A83625" s="13" t="s">
        <v>422</v>
      </c>
      <c r="B83625" s="14" t="s">
        <v>1</v>
      </c>
      <c r="C83625" s="14" t="s">
        <v>47</v>
      </c>
      <c r="D83625" s="14" t="s">
        <v>173</v>
      </c>
      <c r="E83625" s="15">
        <v>45416</v>
      </c>
      <c r="F83625" s="14" t="s">
        <v>25</v>
      </c>
      <c r="G83625" s="16">
        <v>0</v>
      </c>
    </row>
    <row r="83626" spans="1:7" x14ac:dyDescent="0.3">
      <c r="A83626" s="13" t="s">
        <v>422</v>
      </c>
      <c r="B83626" s="14" t="s">
        <v>1</v>
      </c>
      <c r="C83626" s="14" t="s">
        <v>47</v>
      </c>
      <c r="D83626" s="14" t="s">
        <v>173</v>
      </c>
      <c r="E83626" s="15">
        <v>45417</v>
      </c>
      <c r="F83626" s="14" t="s">
        <v>25</v>
      </c>
      <c r="G83626" s="16">
        <v>0</v>
      </c>
    </row>
    <row r="83627" spans="1:7" x14ac:dyDescent="0.3">
      <c r="A83627" s="13" t="s">
        <v>422</v>
      </c>
      <c r="B83627" s="14" t="s">
        <v>1</v>
      </c>
      <c r="C83627" s="14" t="s">
        <v>47</v>
      </c>
      <c r="D83627" s="14" t="s">
        <v>173</v>
      </c>
      <c r="E83627" s="15">
        <v>45418</v>
      </c>
      <c r="F83627" s="14" t="s">
        <v>25</v>
      </c>
      <c r="G83627" s="16">
        <v>0</v>
      </c>
    </row>
    <row r="83628" spans="1:7" x14ac:dyDescent="0.3">
      <c r="A83628" s="13" t="s">
        <v>422</v>
      </c>
      <c r="B83628" s="14" t="s">
        <v>1</v>
      </c>
      <c r="C83628" s="14" t="s">
        <v>47</v>
      </c>
      <c r="D83628" s="14" t="s">
        <v>173</v>
      </c>
      <c r="E83628" s="15">
        <v>45419</v>
      </c>
      <c r="F83628" s="14" t="s">
        <v>25</v>
      </c>
      <c r="G83628" s="16">
        <v>0</v>
      </c>
    </row>
    <row r="83629" spans="1:7" x14ac:dyDescent="0.3">
      <c r="A83629" s="13" t="s">
        <v>422</v>
      </c>
      <c r="B83629" s="14" t="s">
        <v>1</v>
      </c>
      <c r="C83629" s="14" t="s">
        <v>47</v>
      </c>
      <c r="D83629" s="14" t="s">
        <v>173</v>
      </c>
      <c r="E83629" s="15">
        <v>45420</v>
      </c>
      <c r="F83629" s="14" t="s">
        <v>25</v>
      </c>
      <c r="G83629" s="16">
        <v>0</v>
      </c>
    </row>
    <row r="83630" spans="1:7" x14ac:dyDescent="0.3">
      <c r="A83630" s="13" t="s">
        <v>422</v>
      </c>
      <c r="B83630" s="14" t="s">
        <v>1</v>
      </c>
      <c r="C83630" s="14" t="s">
        <v>47</v>
      </c>
      <c r="D83630" s="14" t="s">
        <v>173</v>
      </c>
      <c r="E83630" s="15">
        <v>45421</v>
      </c>
      <c r="F83630" s="14" t="s">
        <v>25</v>
      </c>
      <c r="G83630" s="16">
        <v>0</v>
      </c>
    </row>
    <row r="83631" spans="1:7" x14ac:dyDescent="0.3">
      <c r="A83631" s="13" t="s">
        <v>422</v>
      </c>
      <c r="B83631" s="14" t="s">
        <v>1</v>
      </c>
      <c r="C83631" s="14" t="s">
        <v>47</v>
      </c>
      <c r="D83631" s="14" t="s">
        <v>173</v>
      </c>
      <c r="E83631" s="15">
        <v>45422</v>
      </c>
      <c r="F83631" s="14" t="s">
        <v>25</v>
      </c>
      <c r="G83631" s="16">
        <v>0</v>
      </c>
    </row>
    <row r="83632" spans="1:7" x14ac:dyDescent="0.3">
      <c r="A83632" s="13" t="s">
        <v>422</v>
      </c>
      <c r="B83632" s="14" t="s">
        <v>1</v>
      </c>
      <c r="C83632" s="14" t="s">
        <v>47</v>
      </c>
      <c r="D83632" s="14" t="s">
        <v>173</v>
      </c>
      <c r="E83632" s="15">
        <v>45423</v>
      </c>
      <c r="F83632" s="14" t="s">
        <v>25</v>
      </c>
      <c r="G83632" s="16">
        <v>0</v>
      </c>
    </row>
    <row r="83633" spans="1:7" x14ac:dyDescent="0.3">
      <c r="A83633" s="13" t="s">
        <v>422</v>
      </c>
      <c r="B83633" s="14" t="s">
        <v>1</v>
      </c>
      <c r="C83633" s="14" t="s">
        <v>47</v>
      </c>
      <c r="D83633" s="14" t="s">
        <v>173</v>
      </c>
      <c r="E83633" s="15">
        <v>45424</v>
      </c>
      <c r="F83633" s="14" t="s">
        <v>25</v>
      </c>
      <c r="G83633" s="16">
        <v>0</v>
      </c>
    </row>
    <row r="83634" spans="1:7" x14ac:dyDescent="0.3">
      <c r="A83634" s="13" t="s">
        <v>422</v>
      </c>
      <c r="B83634" s="14" t="s">
        <v>1</v>
      </c>
      <c r="C83634" s="14" t="s">
        <v>47</v>
      </c>
      <c r="D83634" s="14" t="s">
        <v>173</v>
      </c>
      <c r="E83634" s="15">
        <v>45425</v>
      </c>
      <c r="F83634" s="14" t="s">
        <v>25</v>
      </c>
      <c r="G83634" s="16">
        <v>0</v>
      </c>
    </row>
    <row r="83635" spans="1:7" x14ac:dyDescent="0.3">
      <c r="A83635" s="13" t="s">
        <v>422</v>
      </c>
      <c r="B83635" s="14" t="s">
        <v>1</v>
      </c>
      <c r="C83635" s="14" t="s">
        <v>47</v>
      </c>
      <c r="D83635" s="14" t="s">
        <v>173</v>
      </c>
      <c r="E83635" s="15">
        <v>45426</v>
      </c>
      <c r="F83635" s="14" t="s">
        <v>25</v>
      </c>
      <c r="G83635" s="16">
        <v>0</v>
      </c>
    </row>
    <row r="83636" spans="1:7" x14ac:dyDescent="0.3">
      <c r="A83636" s="13" t="s">
        <v>422</v>
      </c>
      <c r="B83636" s="14" t="s">
        <v>1</v>
      </c>
      <c r="C83636" s="14" t="s">
        <v>47</v>
      </c>
      <c r="D83636" s="14" t="s">
        <v>173</v>
      </c>
      <c r="E83636" s="15">
        <v>45427</v>
      </c>
      <c r="F83636" s="14" t="s">
        <v>25</v>
      </c>
      <c r="G83636" s="16">
        <v>0</v>
      </c>
    </row>
    <row r="83637" spans="1:7" x14ac:dyDescent="0.3">
      <c r="A83637" s="13" t="s">
        <v>422</v>
      </c>
      <c r="B83637" s="14" t="s">
        <v>1</v>
      </c>
      <c r="C83637" s="14" t="s">
        <v>47</v>
      </c>
      <c r="D83637" s="14" t="s">
        <v>173</v>
      </c>
      <c r="E83637" s="15">
        <v>45428</v>
      </c>
      <c r="F83637" s="14" t="s">
        <v>25</v>
      </c>
      <c r="G83637" s="16">
        <v>0</v>
      </c>
    </row>
    <row r="83638" spans="1:7" x14ac:dyDescent="0.3">
      <c r="A83638" s="13" t="s">
        <v>422</v>
      </c>
      <c r="B83638" s="14" t="s">
        <v>1</v>
      </c>
      <c r="C83638" s="14" t="s">
        <v>47</v>
      </c>
      <c r="D83638" s="14" t="s">
        <v>173</v>
      </c>
      <c r="E83638" s="15">
        <v>45429</v>
      </c>
      <c r="F83638" s="14" t="s">
        <v>25</v>
      </c>
      <c r="G83638" s="16">
        <v>0</v>
      </c>
    </row>
    <row r="83639" spans="1:7" x14ac:dyDescent="0.3">
      <c r="A83639" s="13" t="s">
        <v>422</v>
      </c>
      <c r="B83639" s="14" t="s">
        <v>1</v>
      </c>
      <c r="C83639" s="14" t="s">
        <v>47</v>
      </c>
      <c r="D83639" s="14" t="s">
        <v>173</v>
      </c>
      <c r="E83639" s="15">
        <v>45430</v>
      </c>
      <c r="F83639" s="14" t="s">
        <v>25</v>
      </c>
      <c r="G83639" s="16">
        <v>0</v>
      </c>
    </row>
    <row r="83640" spans="1:7" x14ac:dyDescent="0.3">
      <c r="A83640" s="13" t="s">
        <v>422</v>
      </c>
      <c r="B83640" s="14" t="s">
        <v>1</v>
      </c>
      <c r="C83640" s="14" t="s">
        <v>47</v>
      </c>
      <c r="D83640" s="14" t="s">
        <v>173</v>
      </c>
      <c r="E83640" s="15">
        <v>45431</v>
      </c>
      <c r="F83640" s="14" t="s">
        <v>25</v>
      </c>
      <c r="G83640" s="16">
        <v>0</v>
      </c>
    </row>
    <row r="83641" spans="1:7" x14ac:dyDescent="0.3">
      <c r="A83641" s="13" t="s">
        <v>422</v>
      </c>
      <c r="B83641" s="14" t="s">
        <v>1</v>
      </c>
      <c r="C83641" s="14" t="s">
        <v>47</v>
      </c>
      <c r="D83641" s="14" t="s">
        <v>173</v>
      </c>
      <c r="E83641" s="15">
        <v>45432</v>
      </c>
      <c r="F83641" s="14" t="s">
        <v>25</v>
      </c>
      <c r="G83641" s="16">
        <v>0</v>
      </c>
    </row>
    <row r="83642" spans="1:7" x14ac:dyDescent="0.3">
      <c r="A83642" s="13" t="s">
        <v>422</v>
      </c>
      <c r="B83642" s="14" t="s">
        <v>1</v>
      </c>
      <c r="C83642" s="14" t="s">
        <v>47</v>
      </c>
      <c r="D83642" s="14" t="s">
        <v>173</v>
      </c>
      <c r="E83642" s="15">
        <v>45433</v>
      </c>
      <c r="F83642" s="14" t="s">
        <v>25</v>
      </c>
      <c r="G83642" s="16">
        <v>0</v>
      </c>
    </row>
    <row r="83643" spans="1:7" x14ac:dyDescent="0.3">
      <c r="A83643" s="13" t="s">
        <v>422</v>
      </c>
      <c r="B83643" s="14" t="s">
        <v>1</v>
      </c>
      <c r="C83643" s="14" t="s">
        <v>47</v>
      </c>
      <c r="D83643" s="14" t="s">
        <v>173</v>
      </c>
      <c r="E83643" s="15">
        <v>45434</v>
      </c>
      <c r="F83643" s="14" t="s">
        <v>25</v>
      </c>
      <c r="G83643" s="16">
        <v>0</v>
      </c>
    </row>
    <row r="83644" spans="1:7" x14ac:dyDescent="0.3">
      <c r="A83644" s="13" t="s">
        <v>422</v>
      </c>
      <c r="B83644" s="14" t="s">
        <v>1</v>
      </c>
      <c r="C83644" s="14" t="s">
        <v>47</v>
      </c>
      <c r="D83644" s="14" t="s">
        <v>173</v>
      </c>
      <c r="E83644" s="15">
        <v>45435</v>
      </c>
      <c r="F83644" s="14" t="s">
        <v>25</v>
      </c>
      <c r="G83644" s="16">
        <v>0</v>
      </c>
    </row>
    <row r="83645" spans="1:7" x14ac:dyDescent="0.3">
      <c r="A83645" s="13" t="s">
        <v>422</v>
      </c>
      <c r="B83645" s="14" t="s">
        <v>1</v>
      </c>
      <c r="C83645" s="14" t="s">
        <v>47</v>
      </c>
      <c r="D83645" s="14" t="s">
        <v>173</v>
      </c>
      <c r="E83645" s="15">
        <v>45436</v>
      </c>
      <c r="F83645" s="14" t="s">
        <v>25</v>
      </c>
      <c r="G83645" s="16">
        <v>0</v>
      </c>
    </row>
    <row r="83646" spans="1:7" x14ac:dyDescent="0.3">
      <c r="A83646" s="13" t="s">
        <v>422</v>
      </c>
      <c r="B83646" s="14" t="s">
        <v>1</v>
      </c>
      <c r="C83646" s="14" t="s">
        <v>47</v>
      </c>
      <c r="D83646" s="14" t="s">
        <v>173</v>
      </c>
      <c r="E83646" s="15">
        <v>45437</v>
      </c>
      <c r="F83646" s="14" t="s">
        <v>25</v>
      </c>
      <c r="G83646" s="16">
        <v>0</v>
      </c>
    </row>
    <row r="83647" spans="1:7" x14ac:dyDescent="0.3">
      <c r="A83647" s="13" t="s">
        <v>422</v>
      </c>
      <c r="B83647" s="14" t="s">
        <v>1</v>
      </c>
      <c r="C83647" s="14" t="s">
        <v>47</v>
      </c>
      <c r="D83647" s="14" t="s">
        <v>173</v>
      </c>
      <c r="E83647" s="15">
        <v>45438</v>
      </c>
      <c r="F83647" s="14" t="s">
        <v>25</v>
      </c>
      <c r="G83647" s="16">
        <v>0</v>
      </c>
    </row>
    <row r="83648" spans="1:7" x14ac:dyDescent="0.3">
      <c r="A83648" s="13" t="s">
        <v>422</v>
      </c>
      <c r="B83648" s="14" t="s">
        <v>1</v>
      </c>
      <c r="C83648" s="14" t="s">
        <v>47</v>
      </c>
      <c r="D83648" s="14" t="s">
        <v>173</v>
      </c>
      <c r="E83648" s="15">
        <v>45439</v>
      </c>
      <c r="F83648" s="14" t="s">
        <v>25</v>
      </c>
      <c r="G83648" s="16">
        <v>0</v>
      </c>
    </row>
    <row r="83649" spans="1:7" x14ac:dyDescent="0.3">
      <c r="A83649" s="13" t="s">
        <v>422</v>
      </c>
      <c r="B83649" s="14" t="s">
        <v>1</v>
      </c>
      <c r="C83649" s="14" t="s">
        <v>47</v>
      </c>
      <c r="D83649" s="14" t="s">
        <v>173</v>
      </c>
      <c r="E83649" s="15">
        <v>45440</v>
      </c>
      <c r="F83649" s="14" t="s">
        <v>25</v>
      </c>
      <c r="G83649" s="16">
        <v>0</v>
      </c>
    </row>
    <row r="83650" spans="1:7" x14ac:dyDescent="0.3">
      <c r="A83650" s="13" t="s">
        <v>422</v>
      </c>
      <c r="B83650" s="14" t="s">
        <v>1</v>
      </c>
      <c r="C83650" s="14" t="s">
        <v>47</v>
      </c>
      <c r="D83650" s="14" t="s">
        <v>173</v>
      </c>
      <c r="E83650" s="15">
        <v>45441</v>
      </c>
      <c r="F83650" s="14" t="s">
        <v>25</v>
      </c>
      <c r="G83650" s="16">
        <v>0</v>
      </c>
    </row>
    <row r="83651" spans="1:7" x14ac:dyDescent="0.3">
      <c r="A83651" s="13" t="s">
        <v>422</v>
      </c>
      <c r="B83651" s="14" t="s">
        <v>1</v>
      </c>
      <c r="C83651" s="14" t="s">
        <v>47</v>
      </c>
      <c r="D83651" s="14" t="s">
        <v>173</v>
      </c>
      <c r="E83651" s="15">
        <v>45442</v>
      </c>
      <c r="F83651" s="14" t="s">
        <v>25</v>
      </c>
      <c r="G83651" s="16">
        <v>3.1274970293222125E-3</v>
      </c>
    </row>
    <row r="83652" spans="1:7" x14ac:dyDescent="0.3">
      <c r="A83652" s="13" t="s">
        <v>422</v>
      </c>
      <c r="B83652" s="14" t="s">
        <v>1</v>
      </c>
      <c r="C83652" s="14" t="s">
        <v>47</v>
      </c>
      <c r="D83652" s="14" t="s">
        <v>173</v>
      </c>
      <c r="E83652" s="15">
        <v>45443</v>
      </c>
      <c r="F83652" s="14" t="s">
        <v>25</v>
      </c>
      <c r="G83652" s="16">
        <v>0</v>
      </c>
    </row>
    <row r="83653" spans="1:7" x14ac:dyDescent="0.3">
      <c r="A83653" s="13" t="s">
        <v>422</v>
      </c>
      <c r="B83653" s="14" t="s">
        <v>1</v>
      </c>
      <c r="C83653" s="14" t="s">
        <v>47</v>
      </c>
      <c r="D83653" s="14" t="s">
        <v>173</v>
      </c>
      <c r="E83653" s="15">
        <v>45444</v>
      </c>
      <c r="F83653" s="14" t="s">
        <v>25</v>
      </c>
      <c r="G83653" s="16">
        <v>0</v>
      </c>
    </row>
    <row r="83654" spans="1:7" x14ac:dyDescent="0.3">
      <c r="A83654" s="13" t="s">
        <v>422</v>
      </c>
      <c r="B83654" s="14" t="s">
        <v>1</v>
      </c>
      <c r="C83654" s="14" t="s">
        <v>47</v>
      </c>
      <c r="D83654" s="14" t="s">
        <v>173</v>
      </c>
      <c r="E83654" s="15">
        <v>45445</v>
      </c>
      <c r="F83654" s="14" t="s">
        <v>25</v>
      </c>
      <c r="G83654" s="16">
        <v>0</v>
      </c>
    </row>
    <row r="83655" spans="1:7" x14ac:dyDescent="0.3">
      <c r="A83655" s="13" t="s">
        <v>422</v>
      </c>
      <c r="B83655" s="14" t="s">
        <v>1</v>
      </c>
      <c r="C83655" s="14" t="s">
        <v>47</v>
      </c>
      <c r="D83655" s="14" t="s">
        <v>173</v>
      </c>
      <c r="E83655" s="15">
        <v>45446</v>
      </c>
      <c r="F83655" s="14" t="s">
        <v>25</v>
      </c>
      <c r="G83655" s="16">
        <v>0</v>
      </c>
    </row>
    <row r="83656" spans="1:7" x14ac:dyDescent="0.3">
      <c r="A83656" s="13" t="s">
        <v>422</v>
      </c>
      <c r="B83656" s="14" t="s">
        <v>1</v>
      </c>
      <c r="C83656" s="14" t="s">
        <v>47</v>
      </c>
      <c r="D83656" s="14" t="s">
        <v>173</v>
      </c>
      <c r="E83656" s="15">
        <v>45447</v>
      </c>
      <c r="F83656" s="14" t="s">
        <v>25</v>
      </c>
      <c r="G83656" s="16">
        <v>2.0630145648846049E-2</v>
      </c>
    </row>
    <row r="83657" spans="1:7" x14ac:dyDescent="0.3">
      <c r="A83657" s="13" t="s">
        <v>422</v>
      </c>
      <c r="B83657" s="14" t="s">
        <v>1</v>
      </c>
      <c r="C83657" s="14" t="s">
        <v>47</v>
      </c>
      <c r="D83657" s="14" t="s">
        <v>173</v>
      </c>
      <c r="E83657" s="15">
        <v>45448</v>
      </c>
      <c r="F83657" s="14" t="s">
        <v>25</v>
      </c>
      <c r="G83657" s="16">
        <v>3.1335631266439928E-2</v>
      </c>
    </row>
    <row r="83658" spans="1:7" x14ac:dyDescent="0.3">
      <c r="A83658" s="13" t="s">
        <v>422</v>
      </c>
      <c r="B83658" s="14" t="s">
        <v>1</v>
      </c>
      <c r="C83658" s="14" t="s">
        <v>47</v>
      </c>
      <c r="D83658" s="14" t="s">
        <v>173</v>
      </c>
      <c r="E83658" s="15">
        <v>45449</v>
      </c>
      <c r="F83658" s="14" t="s">
        <v>25</v>
      </c>
      <c r="G83658" s="16">
        <v>2.7575012614950156E-2</v>
      </c>
    </row>
    <row r="83659" spans="1:7" x14ac:dyDescent="0.3">
      <c r="A83659" s="13" t="s">
        <v>422</v>
      </c>
      <c r="B83659" s="14" t="s">
        <v>1</v>
      </c>
      <c r="C83659" s="14" t="s">
        <v>47</v>
      </c>
      <c r="D83659" s="14" t="s">
        <v>173</v>
      </c>
      <c r="E83659" s="15">
        <v>45450</v>
      </c>
      <c r="F83659" s="14" t="s">
        <v>25</v>
      </c>
      <c r="G83659" s="16">
        <v>2.4087743154025839E-2</v>
      </c>
    </row>
    <row r="83660" spans="1:7" x14ac:dyDescent="0.3">
      <c r="A83660" s="13" t="s">
        <v>422</v>
      </c>
      <c r="B83660" s="14" t="s">
        <v>1</v>
      </c>
      <c r="C83660" s="14" t="s">
        <v>47</v>
      </c>
      <c r="D83660" s="14" t="s">
        <v>173</v>
      </c>
      <c r="E83660" s="15">
        <v>45451</v>
      </c>
      <c r="F83660" s="14" t="s">
        <v>25</v>
      </c>
      <c r="G83660" s="16">
        <v>2.4087743154025839E-2</v>
      </c>
    </row>
    <row r="83661" spans="1:7" x14ac:dyDescent="0.3">
      <c r="A83661" s="13" t="s">
        <v>422</v>
      </c>
      <c r="B83661" s="14" t="s">
        <v>1</v>
      </c>
      <c r="C83661" s="14" t="s">
        <v>47</v>
      </c>
      <c r="D83661" s="14" t="s">
        <v>173</v>
      </c>
      <c r="E83661" s="15">
        <v>45452</v>
      </c>
      <c r="F83661" s="14" t="s">
        <v>25</v>
      </c>
      <c r="G83661" s="16">
        <v>2.4087743154025839E-2</v>
      </c>
    </row>
    <row r="83662" spans="1:7" x14ac:dyDescent="0.3">
      <c r="A83662" s="13" t="s">
        <v>422</v>
      </c>
      <c r="B83662" s="14" t="s">
        <v>1</v>
      </c>
      <c r="C83662" s="14" t="s">
        <v>47</v>
      </c>
      <c r="D83662" s="14" t="s">
        <v>173</v>
      </c>
      <c r="E83662" s="15">
        <v>45453</v>
      </c>
      <c r="F83662" s="14" t="s">
        <v>25</v>
      </c>
      <c r="G83662" s="16">
        <v>2.0410046639837823E-2</v>
      </c>
    </row>
    <row r="83663" spans="1:7" x14ac:dyDescent="0.3">
      <c r="A83663" s="13" t="s">
        <v>422</v>
      </c>
      <c r="B83663" s="14" t="s">
        <v>1</v>
      </c>
      <c r="C83663" s="14" t="s">
        <v>47</v>
      </c>
      <c r="D83663" s="14" t="s">
        <v>173</v>
      </c>
      <c r="E83663" s="15">
        <v>45454</v>
      </c>
      <c r="F83663" s="14" t="s">
        <v>25</v>
      </c>
      <c r="G83663" s="16">
        <v>9.498825440920719E-3</v>
      </c>
    </row>
    <row r="83664" spans="1:7" x14ac:dyDescent="0.3">
      <c r="A83664" s="13" t="s">
        <v>422</v>
      </c>
      <c r="B83664" s="14" t="s">
        <v>1</v>
      </c>
      <c r="C83664" s="14" t="s">
        <v>47</v>
      </c>
      <c r="D83664" s="14" t="s">
        <v>173</v>
      </c>
      <c r="E83664" s="15">
        <v>45455</v>
      </c>
      <c r="F83664" s="14" t="s">
        <v>25</v>
      </c>
      <c r="G83664" s="16">
        <v>5.8168353919793503E-3</v>
      </c>
    </row>
    <row r="83665" spans="1:7" x14ac:dyDescent="0.3">
      <c r="A83665" s="13" t="s">
        <v>422</v>
      </c>
      <c r="B83665" s="14" t="s">
        <v>1</v>
      </c>
      <c r="C83665" s="14" t="s">
        <v>47</v>
      </c>
      <c r="D83665" s="14" t="s">
        <v>173</v>
      </c>
      <c r="E83665" s="15">
        <v>45456</v>
      </c>
      <c r="F83665" s="14" t="s">
        <v>25</v>
      </c>
      <c r="G83665" s="16">
        <v>3.0308018133969866E-2</v>
      </c>
    </row>
    <row r="83666" spans="1:7" x14ac:dyDescent="0.3">
      <c r="A83666" s="13" t="s">
        <v>422</v>
      </c>
      <c r="B83666" s="14" t="s">
        <v>1</v>
      </c>
      <c r="C83666" s="14" t="s">
        <v>47</v>
      </c>
      <c r="D83666" s="14" t="s">
        <v>173</v>
      </c>
      <c r="E83666" s="15">
        <v>45457</v>
      </c>
      <c r="F83666" s="14" t="s">
        <v>25</v>
      </c>
      <c r="G83666" s="16">
        <v>3.21712410466806E-2</v>
      </c>
    </row>
    <row r="83667" spans="1:7" x14ac:dyDescent="0.3">
      <c r="A83667" s="13" t="s">
        <v>422</v>
      </c>
      <c r="B83667" s="14" t="s">
        <v>1</v>
      </c>
      <c r="C83667" s="14" t="s">
        <v>47</v>
      </c>
      <c r="D83667" s="14" t="s">
        <v>173</v>
      </c>
      <c r="E83667" s="15">
        <v>45458</v>
      </c>
      <c r="F83667" s="14" t="s">
        <v>25</v>
      </c>
      <c r="G83667" s="16">
        <v>3.21712410466806E-2</v>
      </c>
    </row>
    <row r="83668" spans="1:7" x14ac:dyDescent="0.3">
      <c r="A83668" s="13" t="s">
        <v>422</v>
      </c>
      <c r="B83668" s="14" t="s">
        <v>1</v>
      </c>
      <c r="C83668" s="14" t="s">
        <v>47</v>
      </c>
      <c r="D83668" s="14" t="s">
        <v>173</v>
      </c>
      <c r="E83668" s="15">
        <v>45459</v>
      </c>
      <c r="F83668" s="14" t="s">
        <v>25</v>
      </c>
      <c r="G83668" s="16">
        <v>3.21712410466806E-2</v>
      </c>
    </row>
    <row r="83669" spans="1:7" x14ac:dyDescent="0.3">
      <c r="A83669" s="13" t="s">
        <v>422</v>
      </c>
      <c r="B83669" s="14" t="s">
        <v>1</v>
      </c>
      <c r="C83669" s="14" t="s">
        <v>47</v>
      </c>
      <c r="D83669" s="14" t="s">
        <v>173</v>
      </c>
      <c r="E83669" s="15">
        <v>45460</v>
      </c>
      <c r="F83669" s="14" t="s">
        <v>25</v>
      </c>
      <c r="G83669" s="16">
        <v>2.9469934314285993E-2</v>
      </c>
    </row>
    <row r="83670" spans="1:7" x14ac:dyDescent="0.3">
      <c r="A83670" s="13" t="s">
        <v>422</v>
      </c>
      <c r="B83670" s="14" t="s">
        <v>1</v>
      </c>
      <c r="C83670" s="14" t="s">
        <v>47</v>
      </c>
      <c r="D83670" s="14" t="s">
        <v>173</v>
      </c>
      <c r="E83670" s="15">
        <v>45461</v>
      </c>
      <c r="F83670" s="14" t="s">
        <v>25</v>
      </c>
      <c r="G83670" s="16">
        <v>2.5225948446236195E-2</v>
      </c>
    </row>
    <row r="83671" spans="1:7" x14ac:dyDescent="0.3">
      <c r="A83671" s="13" t="s">
        <v>422</v>
      </c>
      <c r="B83671" s="14" t="s">
        <v>1</v>
      </c>
      <c r="C83671" s="14" t="s">
        <v>47</v>
      </c>
      <c r="D83671" s="14" t="s">
        <v>173</v>
      </c>
      <c r="E83671" s="15">
        <v>45462</v>
      </c>
      <c r="F83671" s="14" t="s">
        <v>25</v>
      </c>
      <c r="G83671" s="16">
        <v>2.5225948446236195E-2</v>
      </c>
    </row>
    <row r="83672" spans="1:7" x14ac:dyDescent="0.3">
      <c r="A83672" s="13" t="s">
        <v>422</v>
      </c>
      <c r="B83672" s="14" t="s">
        <v>1</v>
      </c>
      <c r="C83672" s="14" t="s">
        <v>47</v>
      </c>
      <c r="D83672" s="14" t="s">
        <v>173</v>
      </c>
      <c r="E83672" s="15">
        <v>45463</v>
      </c>
      <c r="F83672" s="14" t="s">
        <v>25</v>
      </c>
      <c r="G83672" s="16">
        <v>5.7085261333578365E-2</v>
      </c>
    </row>
    <row r="83673" spans="1:7" x14ac:dyDescent="0.3">
      <c r="A83673" s="13" t="s">
        <v>422</v>
      </c>
      <c r="B83673" s="14" t="s">
        <v>1</v>
      </c>
      <c r="C83673" s="14" t="s">
        <v>47</v>
      </c>
      <c r="D83673" s="14" t="s">
        <v>173</v>
      </c>
      <c r="E83673" s="15">
        <v>45464</v>
      </c>
      <c r="F83673" s="14" t="s">
        <v>25</v>
      </c>
      <c r="G83673" s="16">
        <v>4.9863823015358494E-2</v>
      </c>
    </row>
    <row r="83674" spans="1:7" x14ac:dyDescent="0.3">
      <c r="A83674" s="13" t="s">
        <v>422</v>
      </c>
      <c r="B83674" s="14" t="s">
        <v>1</v>
      </c>
      <c r="C83674" s="14" t="s">
        <v>47</v>
      </c>
      <c r="D83674" s="14" t="s">
        <v>173</v>
      </c>
      <c r="E83674" s="15">
        <v>45465</v>
      </c>
      <c r="F83674" s="14" t="s">
        <v>25</v>
      </c>
      <c r="G83674" s="16">
        <v>4.9863823015358494E-2</v>
      </c>
    </row>
    <row r="83675" spans="1:7" x14ac:dyDescent="0.3">
      <c r="A83675" s="13" t="s">
        <v>422</v>
      </c>
      <c r="B83675" s="14" t="s">
        <v>1</v>
      </c>
      <c r="C83675" s="14" t="s">
        <v>47</v>
      </c>
      <c r="D83675" s="14" t="s">
        <v>173</v>
      </c>
      <c r="E83675" s="15">
        <v>45466</v>
      </c>
      <c r="F83675" s="14" t="s">
        <v>25</v>
      </c>
      <c r="G83675" s="16">
        <v>4.9863823015358494E-2</v>
      </c>
    </row>
    <row r="83676" spans="1:7" x14ac:dyDescent="0.3">
      <c r="A83676" s="13" t="s">
        <v>422</v>
      </c>
      <c r="B83676" s="14" t="s">
        <v>1</v>
      </c>
      <c r="C83676" s="14" t="s">
        <v>47</v>
      </c>
      <c r="D83676" s="14" t="s">
        <v>173</v>
      </c>
      <c r="E83676" s="15">
        <v>45467</v>
      </c>
      <c r="F83676" s="14" t="s">
        <v>25</v>
      </c>
      <c r="G83676" s="16">
        <v>4.8893092346299558E-2</v>
      </c>
    </row>
    <row r="83677" spans="1:7" x14ac:dyDescent="0.3">
      <c r="A83677" s="13" t="s">
        <v>422</v>
      </c>
      <c r="B83677" s="14" t="s">
        <v>1</v>
      </c>
      <c r="C83677" s="14" t="s">
        <v>47</v>
      </c>
      <c r="D83677" s="14" t="s">
        <v>173</v>
      </c>
      <c r="E83677" s="15">
        <v>45468</v>
      </c>
      <c r="F83677" s="14" t="s">
        <v>25</v>
      </c>
      <c r="G83677" s="16">
        <v>4.1020606581963701E-2</v>
      </c>
    </row>
    <row r="83678" spans="1:7" x14ac:dyDescent="0.3">
      <c r="A83678" s="13" t="s">
        <v>422</v>
      </c>
      <c r="B83678" s="14" t="s">
        <v>1</v>
      </c>
      <c r="C83678" s="14" t="s">
        <v>47</v>
      </c>
      <c r="D83678" s="14" t="s">
        <v>173</v>
      </c>
      <c r="E83678" s="15">
        <v>45469</v>
      </c>
      <c r="F83678" s="14" t="s">
        <v>25</v>
      </c>
      <c r="G83678" s="16">
        <v>3.7578643184509861E-2</v>
      </c>
    </row>
    <row r="83679" spans="1:7" x14ac:dyDescent="0.3">
      <c r="A83679" s="13" t="s">
        <v>422</v>
      </c>
      <c r="B83679" s="14" t="s">
        <v>1</v>
      </c>
      <c r="C83679" s="14" t="s">
        <v>47</v>
      </c>
      <c r="D83679" s="14" t="s">
        <v>173</v>
      </c>
      <c r="E83679" s="15">
        <v>45470</v>
      </c>
      <c r="F83679" s="14" t="s">
        <v>25</v>
      </c>
      <c r="G83679" s="16">
        <v>3.4077928187180632E-2</v>
      </c>
    </row>
    <row r="83680" spans="1:7" x14ac:dyDescent="0.3">
      <c r="A83680" s="13" t="s">
        <v>422</v>
      </c>
      <c r="B83680" s="14" t="s">
        <v>1</v>
      </c>
      <c r="C83680" s="14" t="s">
        <v>47</v>
      </c>
      <c r="D83680" s="14" t="s">
        <v>173</v>
      </c>
      <c r="E83680" s="15">
        <v>45471</v>
      </c>
      <c r="F83680" s="14" t="s">
        <v>25</v>
      </c>
      <c r="G83680" s="16">
        <v>3.0546965304095126E-2</v>
      </c>
    </row>
    <row r="83681" spans="1:7" x14ac:dyDescent="0.3">
      <c r="A83681" s="13" t="s">
        <v>422</v>
      </c>
      <c r="B83681" s="14" t="s">
        <v>1</v>
      </c>
      <c r="C83681" s="14" t="s">
        <v>47</v>
      </c>
      <c r="D83681" s="14" t="s">
        <v>173</v>
      </c>
      <c r="E83681" s="15">
        <v>45472</v>
      </c>
      <c r="F83681" s="14" t="s">
        <v>25</v>
      </c>
      <c r="G83681" s="16">
        <v>3.0546965304095126E-2</v>
      </c>
    </row>
    <row r="83682" spans="1:7" x14ac:dyDescent="0.3">
      <c r="A83682" s="13" t="s">
        <v>422</v>
      </c>
      <c r="B83682" s="14" t="s">
        <v>1</v>
      </c>
      <c r="C83682" s="14" t="s">
        <v>47</v>
      </c>
      <c r="D83682" s="14" t="s">
        <v>173</v>
      </c>
      <c r="E83682" s="15">
        <v>45473</v>
      </c>
      <c r="F83682" s="14" t="s">
        <v>25</v>
      </c>
      <c r="G83682" s="16">
        <v>3.0546965304095126E-2</v>
      </c>
    </row>
    <row r="83683" spans="1:7" x14ac:dyDescent="0.3">
      <c r="A83683" s="13" t="s">
        <v>422</v>
      </c>
      <c r="B83683" s="14" t="s">
        <v>1</v>
      </c>
      <c r="C83683" s="14" t="s">
        <v>47</v>
      </c>
      <c r="D83683" s="14" t="s">
        <v>173</v>
      </c>
      <c r="E83683" s="15">
        <v>45474</v>
      </c>
      <c r="F83683" s="14" t="s">
        <v>25</v>
      </c>
      <c r="G83683" s="16">
        <v>3.5358641873900302E-2</v>
      </c>
    </row>
    <row r="83684" spans="1:7" x14ac:dyDescent="0.3">
      <c r="A83684" s="13" t="s">
        <v>422</v>
      </c>
      <c r="B83684" s="14" t="s">
        <v>1</v>
      </c>
      <c r="C83684" s="14" t="s">
        <v>47</v>
      </c>
      <c r="D83684" s="14" t="s">
        <v>173</v>
      </c>
      <c r="E83684" s="15">
        <v>45475</v>
      </c>
      <c r="F83684" s="14" t="s">
        <v>25</v>
      </c>
      <c r="G83684" s="16">
        <v>2.593579700301727E-2</v>
      </c>
    </row>
    <row r="83685" spans="1:7" x14ac:dyDescent="0.3">
      <c r="A83685" s="13" t="s">
        <v>422</v>
      </c>
      <c r="B83685" s="14" t="s">
        <v>1</v>
      </c>
      <c r="C83685" s="14" t="s">
        <v>47</v>
      </c>
      <c r="D83685" s="14" t="s">
        <v>173</v>
      </c>
      <c r="E83685" s="15">
        <v>45476</v>
      </c>
      <c r="F83685" s="14" t="s">
        <v>25</v>
      </c>
      <c r="G83685" s="16">
        <v>3.229717508287111E-2</v>
      </c>
    </row>
    <row r="83686" spans="1:7" x14ac:dyDescent="0.3">
      <c r="A83686" s="13" t="s">
        <v>422</v>
      </c>
      <c r="B83686" s="14" t="s">
        <v>1</v>
      </c>
      <c r="C83686" s="14" t="s">
        <v>47</v>
      </c>
      <c r="D83686" s="14" t="s">
        <v>173</v>
      </c>
      <c r="E83686" s="15">
        <v>45477</v>
      </c>
      <c r="F83686" s="14" t="s">
        <v>25</v>
      </c>
      <c r="G83686" s="16">
        <v>3.229717508287111E-2</v>
      </c>
    </row>
    <row r="83687" spans="1:7" x14ac:dyDescent="0.3">
      <c r="A83687" s="13" t="s">
        <v>422</v>
      </c>
      <c r="B83687" s="14" t="s">
        <v>1</v>
      </c>
      <c r="C83687" s="14" t="s">
        <v>47</v>
      </c>
      <c r="D83687" s="14" t="s">
        <v>173</v>
      </c>
      <c r="E83687" s="15">
        <v>45478</v>
      </c>
      <c r="F83687" s="14" t="s">
        <v>25</v>
      </c>
      <c r="G83687" s="16">
        <v>2.8602443533529472E-2</v>
      </c>
    </row>
    <row r="83688" spans="1:7" x14ac:dyDescent="0.3">
      <c r="A83688" s="13" t="s">
        <v>422</v>
      </c>
      <c r="B83688" s="14" t="s">
        <v>1</v>
      </c>
      <c r="C83688" s="14" t="s">
        <v>47</v>
      </c>
      <c r="D83688" s="14" t="s">
        <v>173</v>
      </c>
      <c r="E83688" s="15">
        <v>45479</v>
      </c>
      <c r="F83688" s="14" t="s">
        <v>25</v>
      </c>
      <c r="G83688" s="16">
        <v>2.8602443533529472E-2</v>
      </c>
    </row>
    <row r="83689" spans="1:7" x14ac:dyDescent="0.3">
      <c r="A83689" s="13" t="s">
        <v>422</v>
      </c>
      <c r="B83689" s="14" t="s">
        <v>1</v>
      </c>
      <c r="C83689" s="14" t="s">
        <v>47</v>
      </c>
      <c r="D83689" s="14" t="s">
        <v>173</v>
      </c>
      <c r="E83689" s="15">
        <v>45480</v>
      </c>
      <c r="F83689" s="14" t="s">
        <v>25</v>
      </c>
      <c r="G83689" s="16">
        <v>2.8602443533529472E-2</v>
      </c>
    </row>
    <row r="83690" spans="1:7" x14ac:dyDescent="0.3">
      <c r="A83690" s="13" t="s">
        <v>422</v>
      </c>
      <c r="B83690" s="14" t="s">
        <v>1</v>
      </c>
      <c r="C83690" s="14" t="s">
        <v>47</v>
      </c>
      <c r="D83690" s="14" t="s">
        <v>173</v>
      </c>
      <c r="E83690" s="15">
        <v>45481</v>
      </c>
      <c r="F83690" s="14" t="s">
        <v>25</v>
      </c>
      <c r="G83690" s="16">
        <v>2.1508751732954343E-2</v>
      </c>
    </row>
    <row r="83691" spans="1:7" x14ac:dyDescent="0.3">
      <c r="A83691" s="13" t="s">
        <v>422</v>
      </c>
      <c r="B83691" s="14" t="s">
        <v>1</v>
      </c>
      <c r="C83691" s="14" t="s">
        <v>47</v>
      </c>
      <c r="D83691" s="14" t="s">
        <v>173</v>
      </c>
      <c r="E83691" s="15">
        <v>45482</v>
      </c>
      <c r="F83691" s="14" t="s">
        <v>25</v>
      </c>
      <c r="G83691" s="16">
        <v>1.0723784755992205E-2</v>
      </c>
    </row>
    <row r="83692" spans="1:7" x14ac:dyDescent="0.3">
      <c r="A83692" s="13" t="s">
        <v>422</v>
      </c>
      <c r="B83692" s="14" t="s">
        <v>1</v>
      </c>
      <c r="C83692" s="14" t="s">
        <v>47</v>
      </c>
      <c r="D83692" s="14" t="s">
        <v>173</v>
      </c>
      <c r="E83692" s="15">
        <v>45483</v>
      </c>
      <c r="F83692" s="14" t="s">
        <v>25</v>
      </c>
      <c r="G83692" s="16">
        <v>7.0999236363799385E-3</v>
      </c>
    </row>
    <row r="83693" spans="1:7" x14ac:dyDescent="0.3">
      <c r="A83693" s="13" t="s">
        <v>422</v>
      </c>
      <c r="B83693" s="14" t="s">
        <v>1</v>
      </c>
      <c r="C83693" s="14" t="s">
        <v>47</v>
      </c>
      <c r="D83693" s="14" t="s">
        <v>173</v>
      </c>
      <c r="E83693" s="15">
        <v>45484</v>
      </c>
      <c r="F83693" s="14" t="s">
        <v>25</v>
      </c>
      <c r="G83693" s="16">
        <v>3.4760878413014691E-3</v>
      </c>
    </row>
    <row r="83694" spans="1:7" x14ac:dyDescent="0.3">
      <c r="A83694" s="13" t="s">
        <v>422</v>
      </c>
      <c r="B83694" s="14" t="s">
        <v>1</v>
      </c>
      <c r="C83694" s="14" t="s">
        <v>47</v>
      </c>
      <c r="D83694" s="14" t="s">
        <v>173</v>
      </c>
      <c r="E83694" s="15">
        <v>45485</v>
      </c>
      <c r="F83694" s="14" t="s">
        <v>25</v>
      </c>
      <c r="G83694" s="16">
        <v>0</v>
      </c>
    </row>
    <row r="83695" spans="1:7" x14ac:dyDescent="0.3">
      <c r="A83695" s="13" t="s">
        <v>422</v>
      </c>
      <c r="B83695" s="14" t="s">
        <v>1</v>
      </c>
      <c r="C83695" s="14" t="s">
        <v>47</v>
      </c>
      <c r="D83695" s="14" t="s">
        <v>173</v>
      </c>
      <c r="E83695" s="15">
        <v>45486</v>
      </c>
      <c r="F83695" s="14" t="s">
        <v>25</v>
      </c>
      <c r="G83695" s="16">
        <v>0</v>
      </c>
    </row>
    <row r="83696" spans="1:7" x14ac:dyDescent="0.3">
      <c r="A83696" s="13" t="s">
        <v>422</v>
      </c>
      <c r="B83696" s="14" t="s">
        <v>1</v>
      </c>
      <c r="C83696" s="14" t="s">
        <v>47</v>
      </c>
      <c r="D83696" s="14" t="s">
        <v>173</v>
      </c>
      <c r="E83696" s="15">
        <v>45487</v>
      </c>
      <c r="F83696" s="14" t="s">
        <v>25</v>
      </c>
      <c r="G83696" s="16">
        <v>0</v>
      </c>
    </row>
    <row r="83697" spans="1:7" x14ac:dyDescent="0.3">
      <c r="A83697" s="13" t="s">
        <v>422</v>
      </c>
      <c r="B83697" s="14" t="s">
        <v>1</v>
      </c>
      <c r="C83697" s="14" t="s">
        <v>47</v>
      </c>
      <c r="D83697" s="14" t="s">
        <v>173</v>
      </c>
      <c r="E83697" s="15">
        <v>45488</v>
      </c>
      <c r="F83697" s="14" t="s">
        <v>25</v>
      </c>
      <c r="G83697" s="16">
        <v>0</v>
      </c>
    </row>
    <row r="83698" spans="1:7" x14ac:dyDescent="0.3">
      <c r="A83698" s="13" t="s">
        <v>422</v>
      </c>
      <c r="B83698" s="14" t="s">
        <v>1</v>
      </c>
      <c r="C83698" s="14" t="s">
        <v>47</v>
      </c>
      <c r="D83698" s="14" t="s">
        <v>173</v>
      </c>
      <c r="E83698" s="15">
        <v>45489</v>
      </c>
      <c r="F83698" s="14" t="s">
        <v>25</v>
      </c>
      <c r="G83698" s="16">
        <v>0</v>
      </c>
    </row>
    <row r="83699" spans="1:7" x14ac:dyDescent="0.3">
      <c r="A83699" s="13" t="s">
        <v>422</v>
      </c>
      <c r="B83699" s="14" t="s">
        <v>1</v>
      </c>
      <c r="C83699" s="14" t="s">
        <v>47</v>
      </c>
      <c r="D83699" s="14" t="s">
        <v>173</v>
      </c>
      <c r="E83699" s="15">
        <v>45490</v>
      </c>
      <c r="F83699" s="14" t="s">
        <v>25</v>
      </c>
      <c r="G83699" s="16">
        <v>0</v>
      </c>
    </row>
    <row r="83700" spans="1:7" x14ac:dyDescent="0.3">
      <c r="A83700" s="13" t="s">
        <v>422</v>
      </c>
      <c r="B83700" s="14" t="s">
        <v>1</v>
      </c>
      <c r="C83700" s="14" t="s">
        <v>47</v>
      </c>
      <c r="D83700" s="14" t="s">
        <v>173</v>
      </c>
      <c r="E83700" s="15">
        <v>45491</v>
      </c>
      <c r="F83700" s="14" t="s">
        <v>25</v>
      </c>
      <c r="G83700" s="16">
        <v>0</v>
      </c>
    </row>
    <row r="83701" spans="1:7" x14ac:dyDescent="0.3">
      <c r="A83701" s="13" t="s">
        <v>422</v>
      </c>
      <c r="B83701" s="14" t="s">
        <v>1</v>
      </c>
      <c r="C83701" s="14" t="s">
        <v>47</v>
      </c>
      <c r="D83701" s="14" t="s">
        <v>173</v>
      </c>
      <c r="E83701" s="15">
        <v>45492</v>
      </c>
      <c r="F83701" s="14" t="s">
        <v>25</v>
      </c>
      <c r="G83701" s="16">
        <v>0</v>
      </c>
    </row>
    <row r="83702" spans="1:7" x14ac:dyDescent="0.3">
      <c r="A83702" s="13" t="s">
        <v>422</v>
      </c>
      <c r="B83702" s="14" t="s">
        <v>1</v>
      </c>
      <c r="C83702" s="14" t="s">
        <v>47</v>
      </c>
      <c r="D83702" s="14" t="s">
        <v>173</v>
      </c>
      <c r="E83702" s="15">
        <v>45493</v>
      </c>
      <c r="F83702" s="14" t="s">
        <v>25</v>
      </c>
      <c r="G83702" s="16">
        <v>0</v>
      </c>
    </row>
    <row r="83703" spans="1:7" x14ac:dyDescent="0.3">
      <c r="A83703" s="13" t="s">
        <v>422</v>
      </c>
      <c r="B83703" s="14" t="s">
        <v>1</v>
      </c>
      <c r="C83703" s="14" t="s">
        <v>47</v>
      </c>
      <c r="D83703" s="14" t="s">
        <v>173</v>
      </c>
      <c r="E83703" s="15">
        <v>45494</v>
      </c>
      <c r="F83703" s="14" t="s">
        <v>25</v>
      </c>
      <c r="G83703" s="16">
        <v>0</v>
      </c>
    </row>
    <row r="83704" spans="1:7" x14ac:dyDescent="0.3">
      <c r="A83704" s="13" t="s">
        <v>422</v>
      </c>
      <c r="B83704" s="14" t="s">
        <v>1</v>
      </c>
      <c r="C83704" s="14" t="s">
        <v>47</v>
      </c>
      <c r="D83704" s="14" t="s">
        <v>173</v>
      </c>
      <c r="E83704" s="15">
        <v>45495</v>
      </c>
      <c r="F83704" s="14" t="s">
        <v>25</v>
      </c>
      <c r="G83704" s="16">
        <v>0</v>
      </c>
    </row>
    <row r="83705" spans="1:7" x14ac:dyDescent="0.3">
      <c r="A83705" s="13" t="s">
        <v>422</v>
      </c>
      <c r="B83705" s="14" t="s">
        <v>1</v>
      </c>
      <c r="C83705" s="14" t="s">
        <v>47</v>
      </c>
      <c r="D83705" s="14" t="s">
        <v>173</v>
      </c>
      <c r="E83705" s="15">
        <v>45496</v>
      </c>
      <c r="F83705" s="14" t="s">
        <v>25</v>
      </c>
      <c r="G83705" s="16">
        <v>0</v>
      </c>
    </row>
    <row r="83706" spans="1:7" x14ac:dyDescent="0.3">
      <c r="A83706" s="13" t="s">
        <v>422</v>
      </c>
      <c r="B83706" s="14" t="s">
        <v>1</v>
      </c>
      <c r="C83706" s="14" t="s">
        <v>47</v>
      </c>
      <c r="D83706" s="14" t="s">
        <v>173</v>
      </c>
      <c r="E83706" s="15">
        <v>45497</v>
      </c>
      <c r="F83706" s="14" t="s">
        <v>25</v>
      </c>
      <c r="G83706" s="16">
        <v>0</v>
      </c>
    </row>
    <row r="83707" spans="1:7" x14ac:dyDescent="0.3">
      <c r="A83707" s="13" t="s">
        <v>422</v>
      </c>
      <c r="B83707" s="14" t="s">
        <v>1</v>
      </c>
      <c r="C83707" s="14" t="s">
        <v>47</v>
      </c>
      <c r="D83707" s="14" t="s">
        <v>173</v>
      </c>
      <c r="E83707" s="15">
        <v>45498</v>
      </c>
      <c r="F83707" s="14" t="s">
        <v>25</v>
      </c>
      <c r="G83707" s="16">
        <v>0</v>
      </c>
    </row>
    <row r="83708" spans="1:7" x14ac:dyDescent="0.3">
      <c r="A83708" s="13" t="s">
        <v>422</v>
      </c>
      <c r="B83708" s="14" t="s">
        <v>1</v>
      </c>
      <c r="C83708" s="14" t="s">
        <v>47</v>
      </c>
      <c r="D83708" s="14" t="s">
        <v>173</v>
      </c>
      <c r="E83708" s="15">
        <v>45499</v>
      </c>
      <c r="F83708" s="14" t="s">
        <v>25</v>
      </c>
      <c r="G83708" s="16">
        <v>0</v>
      </c>
    </row>
    <row r="83709" spans="1:7" x14ac:dyDescent="0.3">
      <c r="A83709" s="13" t="s">
        <v>422</v>
      </c>
      <c r="B83709" s="14" t="s">
        <v>1</v>
      </c>
      <c r="C83709" s="14" t="s">
        <v>47</v>
      </c>
      <c r="D83709" s="14" t="s">
        <v>173</v>
      </c>
      <c r="E83709" s="15">
        <v>45500</v>
      </c>
      <c r="F83709" s="14" t="s">
        <v>25</v>
      </c>
      <c r="G83709" s="16">
        <v>0</v>
      </c>
    </row>
    <row r="83710" spans="1:7" x14ac:dyDescent="0.3">
      <c r="A83710" s="13" t="s">
        <v>422</v>
      </c>
      <c r="B83710" s="14" t="s">
        <v>1</v>
      </c>
      <c r="C83710" s="14" t="s">
        <v>47</v>
      </c>
      <c r="D83710" s="14" t="s">
        <v>173</v>
      </c>
      <c r="E83710" s="15">
        <v>45501</v>
      </c>
      <c r="F83710" s="14" t="s">
        <v>25</v>
      </c>
      <c r="G83710" s="16">
        <v>0</v>
      </c>
    </row>
    <row r="83711" spans="1:7" x14ac:dyDescent="0.3">
      <c r="A83711" s="13" t="s">
        <v>422</v>
      </c>
      <c r="B83711" s="14" t="s">
        <v>1</v>
      </c>
      <c r="C83711" s="14" t="s">
        <v>47</v>
      </c>
      <c r="D83711" s="14" t="s">
        <v>173</v>
      </c>
      <c r="E83711" s="15">
        <v>45502</v>
      </c>
      <c r="F83711" s="14" t="s">
        <v>25</v>
      </c>
      <c r="G83711" s="16">
        <v>0</v>
      </c>
    </row>
    <row r="83712" spans="1:7" x14ac:dyDescent="0.3">
      <c r="A83712" s="13" t="s">
        <v>422</v>
      </c>
      <c r="B83712" s="14" t="s">
        <v>1</v>
      </c>
      <c r="C83712" s="14" t="s">
        <v>47</v>
      </c>
      <c r="D83712" s="14" t="s">
        <v>173</v>
      </c>
      <c r="E83712" s="15">
        <v>45503</v>
      </c>
      <c r="F83712" s="14" t="s">
        <v>25</v>
      </c>
      <c r="G83712" s="16">
        <v>0</v>
      </c>
    </row>
    <row r="83713" spans="1:7" x14ac:dyDescent="0.3">
      <c r="A83713" s="13" t="s">
        <v>422</v>
      </c>
      <c r="B83713" s="14" t="s">
        <v>1</v>
      </c>
      <c r="C83713" s="14" t="s">
        <v>47</v>
      </c>
      <c r="D83713" s="14" t="s">
        <v>173</v>
      </c>
      <c r="E83713" s="15">
        <v>45504</v>
      </c>
      <c r="F83713" s="14" t="s">
        <v>25</v>
      </c>
      <c r="G83713" s="16">
        <v>0</v>
      </c>
    </row>
    <row r="83714" spans="1:7" x14ac:dyDescent="0.3">
      <c r="A83714" s="13" t="s">
        <v>422</v>
      </c>
      <c r="B83714" s="14" t="s">
        <v>1</v>
      </c>
      <c r="C83714" s="14" t="s">
        <v>47</v>
      </c>
      <c r="D83714" s="14" t="s">
        <v>173</v>
      </c>
      <c r="E83714" s="15">
        <v>45505</v>
      </c>
      <c r="F83714" s="14" t="s">
        <v>25</v>
      </c>
      <c r="G83714" s="16">
        <v>0</v>
      </c>
    </row>
    <row r="83715" spans="1:7" x14ac:dyDescent="0.3">
      <c r="A83715" s="13" t="s">
        <v>422</v>
      </c>
      <c r="B83715" s="14" t="s">
        <v>1</v>
      </c>
      <c r="C83715" s="14" t="s">
        <v>47</v>
      </c>
      <c r="D83715" s="14" t="s">
        <v>173</v>
      </c>
      <c r="E83715" s="15">
        <v>45506</v>
      </c>
      <c r="F83715" s="14" t="s">
        <v>25</v>
      </c>
      <c r="G83715" s="16">
        <v>0</v>
      </c>
    </row>
    <row r="83716" spans="1:7" x14ac:dyDescent="0.3">
      <c r="A83716" s="13" t="s">
        <v>422</v>
      </c>
      <c r="B83716" s="14" t="s">
        <v>1</v>
      </c>
      <c r="C83716" s="14" t="s">
        <v>47</v>
      </c>
      <c r="D83716" s="14" t="s">
        <v>173</v>
      </c>
      <c r="E83716" s="15">
        <v>45507</v>
      </c>
      <c r="F83716" s="14" t="s">
        <v>25</v>
      </c>
      <c r="G83716" s="16">
        <v>0</v>
      </c>
    </row>
    <row r="83717" spans="1:7" x14ac:dyDescent="0.3">
      <c r="A83717" s="13" t="s">
        <v>422</v>
      </c>
      <c r="B83717" s="14" t="s">
        <v>1</v>
      </c>
      <c r="C83717" s="14" t="s">
        <v>47</v>
      </c>
      <c r="D83717" s="14" t="s">
        <v>173</v>
      </c>
      <c r="E83717" s="15">
        <v>45508</v>
      </c>
      <c r="F83717" s="14" t="s">
        <v>25</v>
      </c>
      <c r="G83717" s="16">
        <v>0</v>
      </c>
    </row>
    <row r="83718" spans="1:7" x14ac:dyDescent="0.3">
      <c r="A83718" s="13" t="s">
        <v>422</v>
      </c>
      <c r="B83718" s="14" t="s">
        <v>1</v>
      </c>
      <c r="C83718" s="14" t="s">
        <v>47</v>
      </c>
      <c r="D83718" s="14" t="s">
        <v>173</v>
      </c>
      <c r="E83718" s="15">
        <v>45509</v>
      </c>
      <c r="F83718" s="14" t="s">
        <v>25</v>
      </c>
      <c r="G83718" s="16">
        <v>0</v>
      </c>
    </row>
    <row r="83719" spans="1:7" x14ac:dyDescent="0.3">
      <c r="A83719" s="13" t="s">
        <v>422</v>
      </c>
      <c r="B83719" s="14" t="s">
        <v>1</v>
      </c>
      <c r="C83719" s="14" t="s">
        <v>47</v>
      </c>
      <c r="D83719" s="14" t="s">
        <v>173</v>
      </c>
      <c r="E83719" s="15">
        <v>45510</v>
      </c>
      <c r="F83719" s="14" t="s">
        <v>25</v>
      </c>
      <c r="G83719" s="16">
        <v>0</v>
      </c>
    </row>
    <row r="83720" spans="1:7" x14ac:dyDescent="0.3">
      <c r="A83720" s="13" t="s">
        <v>422</v>
      </c>
      <c r="B83720" s="14" t="s">
        <v>1</v>
      </c>
      <c r="C83720" s="14" t="s">
        <v>47</v>
      </c>
      <c r="D83720" s="14" t="s">
        <v>173</v>
      </c>
      <c r="E83720" s="15">
        <v>45511</v>
      </c>
      <c r="F83720" s="14" t="s">
        <v>25</v>
      </c>
      <c r="G83720" s="16">
        <v>0</v>
      </c>
    </row>
    <row r="83721" spans="1:7" x14ac:dyDescent="0.3">
      <c r="A83721" s="13" t="s">
        <v>422</v>
      </c>
      <c r="B83721" s="14" t="s">
        <v>1</v>
      </c>
      <c r="C83721" s="14" t="s">
        <v>47</v>
      </c>
      <c r="D83721" s="14" t="s">
        <v>173</v>
      </c>
      <c r="E83721" s="15">
        <v>45512</v>
      </c>
      <c r="F83721" s="14" t="s">
        <v>25</v>
      </c>
      <c r="G83721" s="16">
        <v>0</v>
      </c>
    </row>
    <row r="83722" spans="1:7" x14ac:dyDescent="0.3">
      <c r="A83722" s="13" t="s">
        <v>422</v>
      </c>
      <c r="B83722" s="14" t="s">
        <v>1</v>
      </c>
      <c r="C83722" s="14" t="s">
        <v>47</v>
      </c>
      <c r="D83722" s="14" t="s">
        <v>173</v>
      </c>
      <c r="E83722" s="15">
        <v>45513</v>
      </c>
      <c r="F83722" s="14" t="s">
        <v>25</v>
      </c>
      <c r="G83722" s="16">
        <v>0</v>
      </c>
    </row>
    <row r="83723" spans="1:7" x14ac:dyDescent="0.3">
      <c r="A83723" s="13" t="s">
        <v>422</v>
      </c>
      <c r="B83723" s="14" t="s">
        <v>1</v>
      </c>
      <c r="C83723" s="14" t="s">
        <v>47</v>
      </c>
      <c r="D83723" s="14" t="s">
        <v>173</v>
      </c>
      <c r="E83723" s="15">
        <v>45514</v>
      </c>
      <c r="F83723" s="14" t="s">
        <v>25</v>
      </c>
      <c r="G83723" s="16">
        <v>0</v>
      </c>
    </row>
    <row r="83724" spans="1:7" x14ac:dyDescent="0.3">
      <c r="A83724" s="13" t="s">
        <v>422</v>
      </c>
      <c r="B83724" s="14" t="s">
        <v>1</v>
      </c>
      <c r="C83724" s="14" t="s">
        <v>47</v>
      </c>
      <c r="D83724" s="14" t="s">
        <v>173</v>
      </c>
      <c r="E83724" s="15">
        <v>45515</v>
      </c>
      <c r="F83724" s="14" t="s">
        <v>25</v>
      </c>
      <c r="G83724" s="16">
        <v>0</v>
      </c>
    </row>
    <row r="83725" spans="1:7" x14ac:dyDescent="0.3">
      <c r="A83725" s="13" t="s">
        <v>422</v>
      </c>
      <c r="B83725" s="14" t="s">
        <v>1</v>
      </c>
      <c r="C83725" s="14" t="s">
        <v>47</v>
      </c>
      <c r="D83725" s="14" t="s">
        <v>173</v>
      </c>
      <c r="E83725" s="15">
        <v>45516</v>
      </c>
      <c r="F83725" s="14" t="s">
        <v>25</v>
      </c>
      <c r="G83725" s="16">
        <v>0</v>
      </c>
    </row>
    <row r="83726" spans="1:7" x14ac:dyDescent="0.3">
      <c r="A83726" s="13" t="s">
        <v>422</v>
      </c>
      <c r="B83726" s="14" t="s">
        <v>1</v>
      </c>
      <c r="C83726" s="14" t="s">
        <v>47</v>
      </c>
      <c r="D83726" s="14" t="s">
        <v>173</v>
      </c>
      <c r="E83726" s="15">
        <v>45517</v>
      </c>
      <c r="F83726" s="14" t="s">
        <v>25</v>
      </c>
      <c r="G83726" s="16">
        <v>0</v>
      </c>
    </row>
    <row r="83727" spans="1:7" x14ac:dyDescent="0.3">
      <c r="A83727" s="13" t="s">
        <v>422</v>
      </c>
      <c r="B83727" s="14" t="s">
        <v>1</v>
      </c>
      <c r="C83727" s="14" t="s">
        <v>47</v>
      </c>
      <c r="D83727" s="14" t="s">
        <v>173</v>
      </c>
      <c r="E83727" s="15">
        <v>45518</v>
      </c>
      <c r="F83727" s="14" t="s">
        <v>25</v>
      </c>
      <c r="G83727" s="16">
        <v>0</v>
      </c>
    </row>
    <row r="83728" spans="1:7" x14ac:dyDescent="0.3">
      <c r="A83728" s="13" t="s">
        <v>422</v>
      </c>
      <c r="B83728" s="14" t="s">
        <v>1</v>
      </c>
      <c r="C83728" s="14" t="s">
        <v>47</v>
      </c>
      <c r="D83728" s="14" t="s">
        <v>173</v>
      </c>
      <c r="E83728" s="15">
        <v>45519</v>
      </c>
      <c r="F83728" s="14" t="s">
        <v>25</v>
      </c>
      <c r="G83728" s="16">
        <v>0</v>
      </c>
    </row>
    <row r="83729" spans="1:7" x14ac:dyDescent="0.3">
      <c r="A83729" s="13" t="s">
        <v>422</v>
      </c>
      <c r="B83729" s="14" t="s">
        <v>1</v>
      </c>
      <c r="C83729" s="14" t="s">
        <v>47</v>
      </c>
      <c r="D83729" s="14" t="s">
        <v>173</v>
      </c>
      <c r="E83729" s="15">
        <v>45520</v>
      </c>
      <c r="F83729" s="14" t="s">
        <v>25</v>
      </c>
      <c r="G83729" s="16">
        <v>0</v>
      </c>
    </row>
    <row r="83730" spans="1:7" x14ac:dyDescent="0.3">
      <c r="A83730" s="13" t="s">
        <v>422</v>
      </c>
      <c r="B83730" s="14" t="s">
        <v>1</v>
      </c>
      <c r="C83730" s="14" t="s">
        <v>47</v>
      </c>
      <c r="D83730" s="14" t="s">
        <v>173</v>
      </c>
      <c r="E83730" s="15">
        <v>45521</v>
      </c>
      <c r="F83730" s="14" t="s">
        <v>25</v>
      </c>
      <c r="G83730" s="16">
        <v>0</v>
      </c>
    </row>
    <row r="83731" spans="1:7" x14ac:dyDescent="0.3">
      <c r="A83731" s="13" t="s">
        <v>422</v>
      </c>
      <c r="B83731" s="14" t="s">
        <v>1</v>
      </c>
      <c r="C83731" s="14" t="s">
        <v>47</v>
      </c>
      <c r="D83731" s="14" t="s">
        <v>173</v>
      </c>
      <c r="E83731" s="15">
        <v>45522</v>
      </c>
      <c r="F83731" s="14" t="s">
        <v>25</v>
      </c>
      <c r="G83731" s="16">
        <v>0</v>
      </c>
    </row>
    <row r="83732" spans="1:7" x14ac:dyDescent="0.3">
      <c r="A83732" s="13" t="s">
        <v>422</v>
      </c>
      <c r="B83732" s="14" t="s">
        <v>1</v>
      </c>
      <c r="C83732" s="14" t="s">
        <v>47</v>
      </c>
      <c r="D83732" s="14" t="s">
        <v>173</v>
      </c>
      <c r="E83732" s="15">
        <v>45523</v>
      </c>
      <c r="F83732" s="14" t="s">
        <v>25</v>
      </c>
      <c r="G83732" s="16">
        <v>0</v>
      </c>
    </row>
    <row r="83733" spans="1:7" x14ac:dyDescent="0.3">
      <c r="A83733" s="13" t="s">
        <v>422</v>
      </c>
      <c r="B83733" s="14" t="s">
        <v>1</v>
      </c>
      <c r="C83733" s="14" t="s">
        <v>47</v>
      </c>
      <c r="D83733" s="14" t="s">
        <v>173</v>
      </c>
      <c r="E83733" s="15">
        <v>45524</v>
      </c>
      <c r="F83733" s="14" t="s">
        <v>25</v>
      </c>
      <c r="G83733" s="16">
        <v>0</v>
      </c>
    </row>
    <row r="83734" spans="1:7" x14ac:dyDescent="0.3">
      <c r="A83734" s="13" t="s">
        <v>422</v>
      </c>
      <c r="B83734" s="14" t="s">
        <v>1</v>
      </c>
      <c r="C83734" s="14" t="s">
        <v>47</v>
      </c>
      <c r="D83734" s="14" t="s">
        <v>173</v>
      </c>
      <c r="E83734" s="15">
        <v>45525</v>
      </c>
      <c r="F83734" s="14" t="s">
        <v>25</v>
      </c>
      <c r="G83734" s="16">
        <v>0</v>
      </c>
    </row>
    <row r="83735" spans="1:7" x14ac:dyDescent="0.3">
      <c r="A83735" s="13" t="s">
        <v>422</v>
      </c>
      <c r="B83735" s="14" t="s">
        <v>1</v>
      </c>
      <c r="C83735" s="14" t="s">
        <v>47</v>
      </c>
      <c r="D83735" s="14" t="s">
        <v>173</v>
      </c>
      <c r="E83735" s="15">
        <v>45526</v>
      </c>
      <c r="F83735" s="14" t="s">
        <v>25</v>
      </c>
      <c r="G83735" s="16">
        <v>0</v>
      </c>
    </row>
    <row r="83736" spans="1:7" x14ac:dyDescent="0.3">
      <c r="A83736" s="13" t="s">
        <v>422</v>
      </c>
      <c r="B83736" s="14" t="s">
        <v>1</v>
      </c>
      <c r="C83736" s="14" t="s">
        <v>47</v>
      </c>
      <c r="D83736" s="14" t="s">
        <v>173</v>
      </c>
      <c r="E83736" s="15">
        <v>45527</v>
      </c>
      <c r="F83736" s="14" t="s">
        <v>25</v>
      </c>
      <c r="G83736" s="16">
        <v>0</v>
      </c>
    </row>
    <row r="83737" spans="1:7" x14ac:dyDescent="0.3">
      <c r="A83737" s="13" t="s">
        <v>422</v>
      </c>
      <c r="B83737" s="14" t="s">
        <v>1</v>
      </c>
      <c r="C83737" s="14" t="s">
        <v>47</v>
      </c>
      <c r="D83737" s="14" t="s">
        <v>173</v>
      </c>
      <c r="E83737" s="15">
        <v>45528</v>
      </c>
      <c r="F83737" s="14" t="s">
        <v>25</v>
      </c>
      <c r="G83737" s="16">
        <v>0</v>
      </c>
    </row>
    <row r="83738" spans="1:7" x14ac:dyDescent="0.3">
      <c r="A83738" s="13" t="s">
        <v>422</v>
      </c>
      <c r="B83738" s="14" t="s">
        <v>1</v>
      </c>
      <c r="C83738" s="14" t="s">
        <v>47</v>
      </c>
      <c r="D83738" s="14" t="s">
        <v>173</v>
      </c>
      <c r="E83738" s="15">
        <v>45529</v>
      </c>
      <c r="F83738" s="14" t="s">
        <v>25</v>
      </c>
      <c r="G83738" s="16">
        <v>0</v>
      </c>
    </row>
    <row r="83739" spans="1:7" x14ac:dyDescent="0.3">
      <c r="A83739" s="13" t="s">
        <v>422</v>
      </c>
      <c r="B83739" s="14" t="s">
        <v>1</v>
      </c>
      <c r="C83739" s="14" t="s">
        <v>47</v>
      </c>
      <c r="D83739" s="14" t="s">
        <v>173</v>
      </c>
      <c r="E83739" s="15">
        <v>45530</v>
      </c>
      <c r="F83739" s="14" t="s">
        <v>25</v>
      </c>
      <c r="G83739" s="16">
        <v>0</v>
      </c>
    </row>
    <row r="83740" spans="1:7" x14ac:dyDescent="0.3">
      <c r="A83740" s="13" t="s">
        <v>422</v>
      </c>
      <c r="B83740" s="14" t="s">
        <v>1</v>
      </c>
      <c r="C83740" s="14" t="s">
        <v>47</v>
      </c>
      <c r="D83740" s="14" t="s">
        <v>173</v>
      </c>
      <c r="E83740" s="15">
        <v>45531</v>
      </c>
      <c r="F83740" s="14" t="s">
        <v>25</v>
      </c>
      <c r="G83740" s="16">
        <v>0</v>
      </c>
    </row>
    <row r="83741" spans="1:7" x14ac:dyDescent="0.3">
      <c r="A83741" s="13" t="s">
        <v>422</v>
      </c>
      <c r="B83741" s="14" t="s">
        <v>1</v>
      </c>
      <c r="C83741" s="14" t="s">
        <v>47</v>
      </c>
      <c r="D83741" s="14" t="s">
        <v>173</v>
      </c>
      <c r="E83741" s="15">
        <v>45532</v>
      </c>
      <c r="F83741" s="14" t="s">
        <v>25</v>
      </c>
      <c r="G83741" s="16">
        <v>0</v>
      </c>
    </row>
    <row r="83742" spans="1:7" x14ac:dyDescent="0.3">
      <c r="A83742" s="13" t="s">
        <v>422</v>
      </c>
      <c r="B83742" s="14" t="s">
        <v>1</v>
      </c>
      <c r="C83742" s="14" t="s">
        <v>47</v>
      </c>
      <c r="D83742" s="14" t="s">
        <v>173</v>
      </c>
      <c r="E83742" s="15">
        <v>45533</v>
      </c>
      <c r="F83742" s="14" t="s">
        <v>25</v>
      </c>
      <c r="G83742" s="16">
        <v>0</v>
      </c>
    </row>
    <row r="83743" spans="1:7" x14ac:dyDescent="0.3">
      <c r="A83743" s="13" t="s">
        <v>422</v>
      </c>
      <c r="B83743" s="14" t="s">
        <v>1</v>
      </c>
      <c r="C83743" s="14" t="s">
        <v>47</v>
      </c>
      <c r="D83743" s="14" t="s">
        <v>173</v>
      </c>
      <c r="E83743" s="15">
        <v>45534</v>
      </c>
      <c r="F83743" s="14" t="s">
        <v>25</v>
      </c>
      <c r="G83743" s="16">
        <v>0</v>
      </c>
    </row>
    <row r="83744" spans="1:7" x14ac:dyDescent="0.3">
      <c r="A83744" s="13" t="s">
        <v>422</v>
      </c>
      <c r="B83744" s="14" t="s">
        <v>1</v>
      </c>
      <c r="C83744" s="14" t="s">
        <v>47</v>
      </c>
      <c r="D83744" s="14" t="s">
        <v>173</v>
      </c>
      <c r="E83744" s="15">
        <v>45535</v>
      </c>
      <c r="F83744" s="14" t="s">
        <v>25</v>
      </c>
      <c r="G83744" s="16">
        <v>0</v>
      </c>
    </row>
    <row r="83745" spans="1:7" x14ac:dyDescent="0.3">
      <c r="A83745" s="13" t="s">
        <v>422</v>
      </c>
      <c r="B83745" s="14" t="s">
        <v>1</v>
      </c>
      <c r="C83745" s="14" t="s">
        <v>47</v>
      </c>
      <c r="D83745" s="14" t="s">
        <v>173</v>
      </c>
      <c r="E83745" s="15">
        <v>45536</v>
      </c>
      <c r="F83745" s="14" t="s">
        <v>25</v>
      </c>
      <c r="G83745" s="16">
        <v>0</v>
      </c>
    </row>
    <row r="83746" spans="1:7" x14ac:dyDescent="0.3">
      <c r="A83746" s="13" t="s">
        <v>422</v>
      </c>
      <c r="B83746" s="14" t="s">
        <v>1</v>
      </c>
      <c r="C83746" s="14" t="s">
        <v>47</v>
      </c>
      <c r="D83746" s="14" t="s">
        <v>173</v>
      </c>
      <c r="E83746" s="15">
        <v>45537</v>
      </c>
      <c r="F83746" s="14" t="s">
        <v>25</v>
      </c>
      <c r="G83746" s="16">
        <v>0</v>
      </c>
    </row>
    <row r="83747" spans="1:7" x14ac:dyDescent="0.3">
      <c r="A83747" s="13" t="s">
        <v>422</v>
      </c>
      <c r="B83747" s="14" t="s">
        <v>1</v>
      </c>
      <c r="C83747" s="14" t="s">
        <v>47</v>
      </c>
      <c r="D83747" s="14" t="s">
        <v>173</v>
      </c>
      <c r="E83747" s="15">
        <v>45538</v>
      </c>
      <c r="F83747" s="14" t="s">
        <v>25</v>
      </c>
      <c r="G83747" s="16">
        <v>0</v>
      </c>
    </row>
    <row r="83748" spans="1:7" x14ac:dyDescent="0.3">
      <c r="A83748" s="13" t="s">
        <v>422</v>
      </c>
      <c r="B83748" s="14" t="s">
        <v>1</v>
      </c>
      <c r="C83748" s="14" t="s">
        <v>47</v>
      </c>
      <c r="D83748" s="14" t="s">
        <v>173</v>
      </c>
      <c r="E83748" s="15">
        <v>45539</v>
      </c>
      <c r="F83748" s="14" t="s">
        <v>25</v>
      </c>
      <c r="G83748" s="16">
        <v>0</v>
      </c>
    </row>
    <row r="83749" spans="1:7" x14ac:dyDescent="0.3">
      <c r="A83749" s="13" t="s">
        <v>422</v>
      </c>
      <c r="B83749" s="14" t="s">
        <v>1</v>
      </c>
      <c r="C83749" s="14" t="s">
        <v>47</v>
      </c>
      <c r="D83749" s="14" t="s">
        <v>173</v>
      </c>
      <c r="E83749" s="15">
        <v>45540</v>
      </c>
      <c r="F83749" s="14" t="s">
        <v>25</v>
      </c>
      <c r="G83749" s="16">
        <v>0</v>
      </c>
    </row>
    <row r="83750" spans="1:7" x14ac:dyDescent="0.3">
      <c r="A83750" s="13" t="s">
        <v>422</v>
      </c>
      <c r="B83750" s="14" t="s">
        <v>1</v>
      </c>
      <c r="C83750" s="14" t="s">
        <v>47</v>
      </c>
      <c r="D83750" s="14" t="s">
        <v>173</v>
      </c>
      <c r="E83750" s="15">
        <v>45541</v>
      </c>
      <c r="F83750" s="14" t="s">
        <v>25</v>
      </c>
      <c r="G83750" s="16">
        <v>0</v>
      </c>
    </row>
    <row r="83751" spans="1:7" x14ac:dyDescent="0.3">
      <c r="A83751" s="13" t="s">
        <v>422</v>
      </c>
      <c r="B83751" s="14" t="s">
        <v>1</v>
      </c>
      <c r="C83751" s="14" t="s">
        <v>47</v>
      </c>
      <c r="D83751" s="14" t="s">
        <v>173</v>
      </c>
      <c r="E83751" s="15">
        <v>45542</v>
      </c>
      <c r="F83751" s="14" t="s">
        <v>25</v>
      </c>
      <c r="G83751" s="16">
        <v>0</v>
      </c>
    </row>
    <row r="83752" spans="1:7" x14ac:dyDescent="0.3">
      <c r="A83752" s="13" t="s">
        <v>422</v>
      </c>
      <c r="B83752" s="14" t="s">
        <v>1</v>
      </c>
      <c r="C83752" s="14" t="s">
        <v>47</v>
      </c>
      <c r="D83752" s="14" t="s">
        <v>173</v>
      </c>
      <c r="E83752" s="15">
        <v>45543</v>
      </c>
      <c r="F83752" s="14" t="s">
        <v>25</v>
      </c>
      <c r="G83752" s="16">
        <v>0</v>
      </c>
    </row>
    <row r="83753" spans="1:7" x14ac:dyDescent="0.3">
      <c r="A83753" s="13" t="s">
        <v>422</v>
      </c>
      <c r="B83753" s="14" t="s">
        <v>1</v>
      </c>
      <c r="C83753" s="14" t="s">
        <v>47</v>
      </c>
      <c r="D83753" s="14" t="s">
        <v>173</v>
      </c>
      <c r="E83753" s="15">
        <v>45544</v>
      </c>
      <c r="F83753" s="14" t="s">
        <v>25</v>
      </c>
      <c r="G83753" s="16">
        <v>0</v>
      </c>
    </row>
    <row r="83754" spans="1:7" x14ac:dyDescent="0.3">
      <c r="A83754" s="13" t="s">
        <v>422</v>
      </c>
      <c r="B83754" s="14" t="s">
        <v>1</v>
      </c>
      <c r="C83754" s="14" t="s">
        <v>47</v>
      </c>
      <c r="D83754" s="14" t="s">
        <v>173</v>
      </c>
      <c r="E83754" s="15">
        <v>45545</v>
      </c>
      <c r="F83754" s="14" t="s">
        <v>25</v>
      </c>
      <c r="G83754" s="16">
        <v>0</v>
      </c>
    </row>
    <row r="83755" spans="1:7" x14ac:dyDescent="0.3">
      <c r="A83755" s="13" t="s">
        <v>422</v>
      </c>
      <c r="B83755" s="14" t="s">
        <v>1</v>
      </c>
      <c r="C83755" s="14" t="s">
        <v>47</v>
      </c>
      <c r="D83755" s="14" t="s">
        <v>173</v>
      </c>
      <c r="E83755" s="15">
        <v>45546</v>
      </c>
      <c r="F83755" s="14" t="s">
        <v>25</v>
      </c>
      <c r="G83755" s="16">
        <v>0</v>
      </c>
    </row>
    <row r="83756" spans="1:7" x14ac:dyDescent="0.3">
      <c r="A83756" s="13" t="s">
        <v>422</v>
      </c>
      <c r="B83756" s="14" t="s">
        <v>1</v>
      </c>
      <c r="C83756" s="14" t="s">
        <v>47</v>
      </c>
      <c r="D83756" s="14" t="s">
        <v>173</v>
      </c>
      <c r="E83756" s="15">
        <v>45547</v>
      </c>
      <c r="F83756" s="14" t="s">
        <v>25</v>
      </c>
      <c r="G83756" s="16">
        <v>0</v>
      </c>
    </row>
    <row r="83757" spans="1:7" x14ac:dyDescent="0.3">
      <c r="A83757" s="13" t="s">
        <v>422</v>
      </c>
      <c r="B83757" s="14" t="s">
        <v>1</v>
      </c>
      <c r="C83757" s="14" t="s">
        <v>47</v>
      </c>
      <c r="D83757" s="14" t="s">
        <v>173</v>
      </c>
      <c r="E83757" s="15">
        <v>45548</v>
      </c>
      <c r="F83757" s="14" t="s">
        <v>25</v>
      </c>
      <c r="G83757" s="16">
        <v>0</v>
      </c>
    </row>
    <row r="83758" spans="1:7" x14ac:dyDescent="0.3">
      <c r="A83758" s="13" t="s">
        <v>422</v>
      </c>
      <c r="B83758" s="14" t="s">
        <v>1</v>
      </c>
      <c r="C83758" s="14" t="s">
        <v>47</v>
      </c>
      <c r="D83758" s="14" t="s">
        <v>173</v>
      </c>
      <c r="E83758" s="15">
        <v>45549</v>
      </c>
      <c r="F83758" s="14" t="s">
        <v>25</v>
      </c>
      <c r="G83758" s="16">
        <v>0</v>
      </c>
    </row>
    <row r="83759" spans="1:7" x14ac:dyDescent="0.3">
      <c r="A83759" s="13" t="s">
        <v>422</v>
      </c>
      <c r="B83759" s="14" t="s">
        <v>1</v>
      </c>
      <c r="C83759" s="14" t="s">
        <v>47</v>
      </c>
      <c r="D83759" s="14" t="s">
        <v>173</v>
      </c>
      <c r="E83759" s="15">
        <v>45550</v>
      </c>
      <c r="F83759" s="14" t="s">
        <v>25</v>
      </c>
      <c r="G83759" s="16">
        <v>0</v>
      </c>
    </row>
    <row r="83760" spans="1:7" x14ac:dyDescent="0.3">
      <c r="A83760" s="13" t="s">
        <v>422</v>
      </c>
      <c r="B83760" s="14" t="s">
        <v>1</v>
      </c>
      <c r="C83760" s="14" t="s">
        <v>47</v>
      </c>
      <c r="D83760" s="14" t="s">
        <v>173</v>
      </c>
      <c r="E83760" s="15">
        <v>45551</v>
      </c>
      <c r="F83760" s="14" t="s">
        <v>25</v>
      </c>
      <c r="G83760" s="16">
        <v>0</v>
      </c>
    </row>
    <row r="83761" spans="1:7" x14ac:dyDescent="0.3">
      <c r="A83761" s="13" t="s">
        <v>422</v>
      </c>
      <c r="B83761" s="14" t="s">
        <v>1</v>
      </c>
      <c r="C83761" s="14" t="s">
        <v>47</v>
      </c>
      <c r="D83761" s="14" t="s">
        <v>173</v>
      </c>
      <c r="E83761" s="15">
        <v>45552</v>
      </c>
      <c r="F83761" s="14" t="s">
        <v>25</v>
      </c>
      <c r="G83761" s="16">
        <v>0</v>
      </c>
    </row>
    <row r="83762" spans="1:7" x14ac:dyDescent="0.3">
      <c r="A83762" s="13" t="s">
        <v>422</v>
      </c>
      <c r="B83762" s="14" t="s">
        <v>1</v>
      </c>
      <c r="C83762" s="14" t="s">
        <v>47</v>
      </c>
      <c r="D83762" s="14" t="s">
        <v>173</v>
      </c>
      <c r="E83762" s="15">
        <v>45553</v>
      </c>
      <c r="F83762" s="14" t="s">
        <v>25</v>
      </c>
      <c r="G83762" s="16">
        <v>0</v>
      </c>
    </row>
    <row r="83763" spans="1:7" x14ac:dyDescent="0.3">
      <c r="A83763" s="13" t="s">
        <v>422</v>
      </c>
      <c r="B83763" s="14" t="s">
        <v>1</v>
      </c>
      <c r="C83763" s="14" t="s">
        <v>47</v>
      </c>
      <c r="D83763" s="14" t="s">
        <v>173</v>
      </c>
      <c r="E83763" s="15">
        <v>45554</v>
      </c>
      <c r="F83763" s="14" t="s">
        <v>25</v>
      </c>
      <c r="G83763" s="16">
        <v>0</v>
      </c>
    </row>
    <row r="83764" spans="1:7" x14ac:dyDescent="0.3">
      <c r="A83764" s="13" t="s">
        <v>422</v>
      </c>
      <c r="B83764" s="14" t="s">
        <v>1</v>
      </c>
      <c r="C83764" s="14" t="s">
        <v>47</v>
      </c>
      <c r="D83764" s="14" t="s">
        <v>173</v>
      </c>
      <c r="E83764" s="15">
        <v>45555</v>
      </c>
      <c r="F83764" s="14" t="s">
        <v>25</v>
      </c>
      <c r="G83764" s="16">
        <v>0</v>
      </c>
    </row>
    <row r="83765" spans="1:7" x14ac:dyDescent="0.3">
      <c r="A83765" s="13" t="s">
        <v>422</v>
      </c>
      <c r="B83765" s="14" t="s">
        <v>1</v>
      </c>
      <c r="C83765" s="14" t="s">
        <v>47</v>
      </c>
      <c r="D83765" s="14" t="s">
        <v>173</v>
      </c>
      <c r="E83765" s="15">
        <v>45556</v>
      </c>
      <c r="F83765" s="14" t="s">
        <v>25</v>
      </c>
      <c r="G83765" s="16">
        <v>0</v>
      </c>
    </row>
    <row r="83766" spans="1:7" x14ac:dyDescent="0.3">
      <c r="A83766" s="13" t="s">
        <v>422</v>
      </c>
      <c r="B83766" s="14" t="s">
        <v>1</v>
      </c>
      <c r="C83766" s="14" t="s">
        <v>47</v>
      </c>
      <c r="D83766" s="14" t="s">
        <v>173</v>
      </c>
      <c r="E83766" s="15">
        <v>45557</v>
      </c>
      <c r="F83766" s="14" t="s">
        <v>25</v>
      </c>
      <c r="G83766" s="16">
        <v>0</v>
      </c>
    </row>
    <row r="83767" spans="1:7" x14ac:dyDescent="0.3">
      <c r="A83767" s="13" t="s">
        <v>422</v>
      </c>
      <c r="B83767" s="14" t="s">
        <v>1</v>
      </c>
      <c r="C83767" s="14" t="s">
        <v>47</v>
      </c>
      <c r="D83767" s="14" t="s">
        <v>173</v>
      </c>
      <c r="E83767" s="15">
        <v>45558</v>
      </c>
      <c r="F83767" s="14" t="s">
        <v>25</v>
      </c>
      <c r="G83767" s="16">
        <v>0</v>
      </c>
    </row>
    <row r="83768" spans="1:7" x14ac:dyDescent="0.3">
      <c r="A83768" s="13" t="s">
        <v>422</v>
      </c>
      <c r="B83768" s="14" t="s">
        <v>1</v>
      </c>
      <c r="C83768" s="14" t="s">
        <v>47</v>
      </c>
      <c r="D83768" s="14" t="s">
        <v>173</v>
      </c>
      <c r="E83768" s="15">
        <v>45559</v>
      </c>
      <c r="F83768" s="14" t="s">
        <v>25</v>
      </c>
      <c r="G83768" s="16">
        <v>0</v>
      </c>
    </row>
    <row r="83769" spans="1:7" x14ac:dyDescent="0.3">
      <c r="A83769" s="13" t="s">
        <v>422</v>
      </c>
      <c r="B83769" s="14" t="s">
        <v>1</v>
      </c>
      <c r="C83769" s="14" t="s">
        <v>47</v>
      </c>
      <c r="D83769" s="14" t="s">
        <v>173</v>
      </c>
      <c r="E83769" s="15">
        <v>45560</v>
      </c>
      <c r="F83769" s="14" t="s">
        <v>25</v>
      </c>
      <c r="G83769" s="16">
        <v>0</v>
      </c>
    </row>
    <row r="83770" spans="1:7" x14ac:dyDescent="0.3">
      <c r="A83770" s="13" t="s">
        <v>422</v>
      </c>
      <c r="B83770" s="14" t="s">
        <v>1</v>
      </c>
      <c r="C83770" s="14" t="s">
        <v>47</v>
      </c>
      <c r="D83770" s="14" t="s">
        <v>173</v>
      </c>
      <c r="E83770" s="15">
        <v>45561</v>
      </c>
      <c r="F83770" s="14" t="s">
        <v>25</v>
      </c>
      <c r="G83770" s="16">
        <v>0</v>
      </c>
    </row>
    <row r="83771" spans="1:7" x14ac:dyDescent="0.3">
      <c r="A83771" s="13" t="s">
        <v>422</v>
      </c>
      <c r="B83771" s="14" t="s">
        <v>1</v>
      </c>
      <c r="C83771" s="14" t="s">
        <v>47</v>
      </c>
      <c r="D83771" s="14" t="s">
        <v>173</v>
      </c>
      <c r="E83771" s="15">
        <v>45562</v>
      </c>
      <c r="F83771" s="14" t="s">
        <v>25</v>
      </c>
      <c r="G83771" s="16">
        <v>0</v>
      </c>
    </row>
    <row r="83772" spans="1:7" x14ac:dyDescent="0.3">
      <c r="A83772" s="13" t="s">
        <v>422</v>
      </c>
      <c r="B83772" s="14" t="s">
        <v>1</v>
      </c>
      <c r="C83772" s="14" t="s">
        <v>47</v>
      </c>
      <c r="D83772" s="14" t="s">
        <v>173</v>
      </c>
      <c r="E83772" s="15">
        <v>45563</v>
      </c>
      <c r="F83772" s="14" t="s">
        <v>25</v>
      </c>
      <c r="G83772" s="16">
        <v>0</v>
      </c>
    </row>
    <row r="83773" spans="1:7" x14ac:dyDescent="0.3">
      <c r="A83773" s="13" t="s">
        <v>422</v>
      </c>
      <c r="B83773" s="14" t="s">
        <v>1</v>
      </c>
      <c r="C83773" s="14" t="s">
        <v>47</v>
      </c>
      <c r="D83773" s="14" t="s">
        <v>173</v>
      </c>
      <c r="E83773" s="15">
        <v>45564</v>
      </c>
      <c r="F83773" s="14" t="s">
        <v>25</v>
      </c>
      <c r="G83773" s="16">
        <v>0</v>
      </c>
    </row>
    <row r="83774" spans="1:7" x14ac:dyDescent="0.3">
      <c r="A83774" s="13" t="s">
        <v>422</v>
      </c>
      <c r="B83774" s="14" t="s">
        <v>1</v>
      </c>
      <c r="C83774" s="14" t="s">
        <v>47</v>
      </c>
      <c r="D83774" s="14" t="s">
        <v>173</v>
      </c>
      <c r="E83774" s="15">
        <v>45565</v>
      </c>
      <c r="F83774" s="14" t="s">
        <v>25</v>
      </c>
      <c r="G83774" s="16">
        <v>0</v>
      </c>
    </row>
    <row r="83775" spans="1:7" x14ac:dyDescent="0.3">
      <c r="A83775" s="13" t="s">
        <v>422</v>
      </c>
      <c r="B83775" s="14" t="s">
        <v>1</v>
      </c>
      <c r="C83775" s="14" t="s">
        <v>47</v>
      </c>
      <c r="D83775" s="14" t="s">
        <v>173</v>
      </c>
      <c r="E83775" s="15">
        <v>45566</v>
      </c>
      <c r="F83775" s="14" t="s">
        <v>25</v>
      </c>
      <c r="G83775" s="16">
        <v>0</v>
      </c>
    </row>
    <row r="83776" spans="1:7" x14ac:dyDescent="0.3">
      <c r="A83776" s="13" t="s">
        <v>422</v>
      </c>
      <c r="B83776" s="14" t="s">
        <v>1</v>
      </c>
      <c r="C83776" s="14" t="s">
        <v>47</v>
      </c>
      <c r="D83776" s="14" t="s">
        <v>173</v>
      </c>
      <c r="E83776" s="15">
        <v>45567</v>
      </c>
      <c r="F83776" s="14" t="s">
        <v>25</v>
      </c>
      <c r="G83776" s="16">
        <v>0</v>
      </c>
    </row>
    <row r="83777" spans="1:7" x14ac:dyDescent="0.3">
      <c r="A83777" s="13" t="s">
        <v>422</v>
      </c>
      <c r="B83777" s="14" t="s">
        <v>1</v>
      </c>
      <c r="C83777" s="14" t="s">
        <v>47</v>
      </c>
      <c r="D83777" s="14" t="s">
        <v>173</v>
      </c>
      <c r="E83777" s="15">
        <v>45568</v>
      </c>
      <c r="F83777" s="14" t="s">
        <v>25</v>
      </c>
      <c r="G83777" s="16">
        <v>0</v>
      </c>
    </row>
    <row r="83778" spans="1:7" x14ac:dyDescent="0.3">
      <c r="A83778" s="13" t="s">
        <v>422</v>
      </c>
      <c r="B83778" s="14" t="s">
        <v>1</v>
      </c>
      <c r="C83778" s="14" t="s">
        <v>47</v>
      </c>
      <c r="D83778" s="14" t="s">
        <v>173</v>
      </c>
      <c r="E83778" s="15">
        <v>45569</v>
      </c>
      <c r="F83778" s="14" t="s">
        <v>25</v>
      </c>
      <c r="G83778" s="16">
        <v>0</v>
      </c>
    </row>
    <row r="83779" spans="1:7" x14ac:dyDescent="0.3">
      <c r="A83779" s="13" t="s">
        <v>422</v>
      </c>
      <c r="B83779" s="14" t="s">
        <v>1</v>
      </c>
      <c r="C83779" s="14" t="s">
        <v>47</v>
      </c>
      <c r="D83779" s="14" t="s">
        <v>173</v>
      </c>
      <c r="E83779" s="15">
        <v>45570</v>
      </c>
      <c r="F83779" s="14" t="s">
        <v>25</v>
      </c>
      <c r="G83779" s="16">
        <v>0</v>
      </c>
    </row>
    <row r="83780" spans="1:7" x14ac:dyDescent="0.3">
      <c r="A83780" s="13" t="s">
        <v>422</v>
      </c>
      <c r="B83780" s="14" t="s">
        <v>1</v>
      </c>
      <c r="C83780" s="14" t="s">
        <v>47</v>
      </c>
      <c r="D83780" s="14" t="s">
        <v>173</v>
      </c>
      <c r="E83780" s="15">
        <v>45571</v>
      </c>
      <c r="F83780" s="14" t="s">
        <v>25</v>
      </c>
      <c r="G83780" s="16">
        <v>0</v>
      </c>
    </row>
    <row r="83781" spans="1:7" x14ac:dyDescent="0.3">
      <c r="A83781" s="13" t="s">
        <v>422</v>
      </c>
      <c r="B83781" s="14" t="s">
        <v>1</v>
      </c>
      <c r="C83781" s="14" t="s">
        <v>47</v>
      </c>
      <c r="D83781" s="14" t="s">
        <v>173</v>
      </c>
      <c r="E83781" s="15">
        <v>45572</v>
      </c>
      <c r="F83781" s="14" t="s">
        <v>25</v>
      </c>
      <c r="G83781" s="16">
        <v>0</v>
      </c>
    </row>
    <row r="83782" spans="1:7" x14ac:dyDescent="0.3">
      <c r="A83782" s="13" t="s">
        <v>422</v>
      </c>
      <c r="B83782" s="14" t="s">
        <v>1</v>
      </c>
      <c r="C83782" s="14" t="s">
        <v>47</v>
      </c>
      <c r="D83782" s="14" t="s">
        <v>173</v>
      </c>
      <c r="E83782" s="15">
        <v>45573</v>
      </c>
      <c r="F83782" s="14" t="s">
        <v>25</v>
      </c>
      <c r="G83782" s="16">
        <v>0</v>
      </c>
    </row>
    <row r="83783" spans="1:7" x14ac:dyDescent="0.3">
      <c r="A83783" s="13" t="s">
        <v>422</v>
      </c>
      <c r="B83783" s="14" t="s">
        <v>1</v>
      </c>
      <c r="C83783" s="14" t="s">
        <v>47</v>
      </c>
      <c r="D83783" s="14" t="s">
        <v>173</v>
      </c>
      <c r="E83783" s="15">
        <v>45574</v>
      </c>
      <c r="F83783" s="14" t="s">
        <v>25</v>
      </c>
      <c r="G83783" s="16">
        <v>0</v>
      </c>
    </row>
    <row r="83784" spans="1:7" x14ac:dyDescent="0.3">
      <c r="A83784" s="13" t="s">
        <v>422</v>
      </c>
      <c r="B83784" s="14" t="s">
        <v>1</v>
      </c>
      <c r="C83784" s="14" t="s">
        <v>47</v>
      </c>
      <c r="D83784" s="14" t="s">
        <v>173</v>
      </c>
      <c r="E83784" s="15">
        <v>45575</v>
      </c>
      <c r="F83784" s="14" t="s">
        <v>25</v>
      </c>
      <c r="G83784" s="16">
        <v>0</v>
      </c>
    </row>
    <row r="83785" spans="1:7" x14ac:dyDescent="0.3">
      <c r="A83785" s="13" t="s">
        <v>422</v>
      </c>
      <c r="B83785" s="14" t="s">
        <v>1</v>
      </c>
      <c r="C83785" s="14" t="s">
        <v>47</v>
      </c>
      <c r="D83785" s="14" t="s">
        <v>173</v>
      </c>
      <c r="E83785" s="15">
        <v>45576</v>
      </c>
      <c r="F83785" s="14" t="s">
        <v>25</v>
      </c>
      <c r="G83785" s="16">
        <v>0</v>
      </c>
    </row>
    <row r="83786" spans="1:7" x14ac:dyDescent="0.3">
      <c r="A83786" s="13" t="s">
        <v>422</v>
      </c>
      <c r="B83786" s="14" t="s">
        <v>1</v>
      </c>
      <c r="C83786" s="14" t="s">
        <v>47</v>
      </c>
      <c r="D83786" s="14" t="s">
        <v>173</v>
      </c>
      <c r="E83786" s="15">
        <v>45577</v>
      </c>
      <c r="F83786" s="14" t="s">
        <v>25</v>
      </c>
      <c r="G83786" s="16">
        <v>0</v>
      </c>
    </row>
    <row r="83787" spans="1:7" x14ac:dyDescent="0.3">
      <c r="A83787" s="13" t="s">
        <v>422</v>
      </c>
      <c r="B83787" s="14" t="s">
        <v>1</v>
      </c>
      <c r="C83787" s="14" t="s">
        <v>47</v>
      </c>
      <c r="D83787" s="14" t="s">
        <v>173</v>
      </c>
      <c r="E83787" s="15">
        <v>45578</v>
      </c>
      <c r="F83787" s="14" t="s">
        <v>25</v>
      </c>
      <c r="G83787" s="16">
        <v>0</v>
      </c>
    </row>
    <row r="83788" spans="1:7" x14ac:dyDescent="0.3">
      <c r="A83788" s="13" t="s">
        <v>422</v>
      </c>
      <c r="B83788" s="14" t="s">
        <v>1</v>
      </c>
      <c r="C83788" s="14" t="s">
        <v>47</v>
      </c>
      <c r="D83788" s="14" t="s">
        <v>173</v>
      </c>
      <c r="E83788" s="15">
        <v>45579</v>
      </c>
      <c r="F83788" s="14" t="s">
        <v>25</v>
      </c>
      <c r="G83788" s="16">
        <v>0</v>
      </c>
    </row>
    <row r="83789" spans="1:7" x14ac:dyDescent="0.3">
      <c r="A83789" s="13" t="s">
        <v>422</v>
      </c>
      <c r="B83789" s="14" t="s">
        <v>1</v>
      </c>
      <c r="C83789" s="14" t="s">
        <v>47</v>
      </c>
      <c r="D83789" s="14" t="s">
        <v>173</v>
      </c>
      <c r="E83789" s="15">
        <v>45580</v>
      </c>
      <c r="F83789" s="14" t="s">
        <v>25</v>
      </c>
      <c r="G83789" s="16">
        <v>0</v>
      </c>
    </row>
    <row r="83790" spans="1:7" x14ac:dyDescent="0.3">
      <c r="A83790" s="13" t="s">
        <v>422</v>
      </c>
      <c r="B83790" s="14" t="s">
        <v>1</v>
      </c>
      <c r="C83790" s="14" t="s">
        <v>47</v>
      </c>
      <c r="D83790" s="14" t="s">
        <v>173</v>
      </c>
      <c r="E83790" s="15">
        <v>45581</v>
      </c>
      <c r="F83790" s="14" t="s">
        <v>25</v>
      </c>
      <c r="G83790" s="16">
        <v>0</v>
      </c>
    </row>
    <row r="83791" spans="1:7" x14ac:dyDescent="0.3">
      <c r="A83791" s="13" t="s">
        <v>422</v>
      </c>
      <c r="B83791" s="14" t="s">
        <v>1</v>
      </c>
      <c r="C83791" s="14" t="s">
        <v>47</v>
      </c>
      <c r="D83791" s="14" t="s">
        <v>173</v>
      </c>
      <c r="E83791" s="15">
        <v>45582</v>
      </c>
      <c r="F83791" s="14" t="s">
        <v>25</v>
      </c>
      <c r="G83791" s="16">
        <v>0</v>
      </c>
    </row>
    <row r="83792" spans="1:7" x14ac:dyDescent="0.3">
      <c r="A83792" s="13" t="s">
        <v>422</v>
      </c>
      <c r="B83792" s="14" t="s">
        <v>1</v>
      </c>
      <c r="C83792" s="14" t="s">
        <v>47</v>
      </c>
      <c r="D83792" s="14" t="s">
        <v>173</v>
      </c>
      <c r="E83792" s="15">
        <v>45583</v>
      </c>
      <c r="F83792" s="14" t="s">
        <v>25</v>
      </c>
      <c r="G83792" s="16">
        <v>0</v>
      </c>
    </row>
    <row r="83793" spans="1:7" x14ac:dyDescent="0.3">
      <c r="A83793" s="13" t="s">
        <v>422</v>
      </c>
      <c r="B83793" s="14" t="s">
        <v>1</v>
      </c>
      <c r="C83793" s="14" t="s">
        <v>47</v>
      </c>
      <c r="D83793" s="14" t="s">
        <v>173</v>
      </c>
      <c r="E83793" s="15">
        <v>45584</v>
      </c>
      <c r="F83793" s="14" t="s">
        <v>25</v>
      </c>
      <c r="G83793" s="16">
        <v>0</v>
      </c>
    </row>
    <row r="83794" spans="1:7" x14ac:dyDescent="0.3">
      <c r="A83794" s="13" t="s">
        <v>422</v>
      </c>
      <c r="B83794" s="14" t="s">
        <v>1</v>
      </c>
      <c r="C83794" s="14" t="s">
        <v>47</v>
      </c>
      <c r="D83794" s="14" t="s">
        <v>173</v>
      </c>
      <c r="E83794" s="15">
        <v>45585</v>
      </c>
      <c r="F83794" s="14" t="s">
        <v>25</v>
      </c>
      <c r="G83794" s="16">
        <v>0</v>
      </c>
    </row>
    <row r="83795" spans="1:7" x14ac:dyDescent="0.3">
      <c r="A83795" s="13" t="s">
        <v>422</v>
      </c>
      <c r="B83795" s="14" t="s">
        <v>1</v>
      </c>
      <c r="C83795" s="14" t="s">
        <v>47</v>
      </c>
      <c r="D83795" s="14" t="s">
        <v>173</v>
      </c>
      <c r="E83795" s="15">
        <v>45586</v>
      </c>
      <c r="F83795" s="14" t="s">
        <v>25</v>
      </c>
      <c r="G83795" s="16">
        <v>0</v>
      </c>
    </row>
    <row r="83796" spans="1:7" x14ac:dyDescent="0.3">
      <c r="A83796" s="13" t="s">
        <v>422</v>
      </c>
      <c r="B83796" s="14" t="s">
        <v>1</v>
      </c>
      <c r="C83796" s="14" t="s">
        <v>47</v>
      </c>
      <c r="D83796" s="14" t="s">
        <v>173</v>
      </c>
      <c r="E83796" s="15">
        <v>45587</v>
      </c>
      <c r="F83796" s="14" t="s">
        <v>25</v>
      </c>
      <c r="G83796" s="16">
        <v>0</v>
      </c>
    </row>
    <row r="83797" spans="1:7" x14ac:dyDescent="0.3">
      <c r="A83797" s="13" t="s">
        <v>422</v>
      </c>
      <c r="B83797" s="14" t="s">
        <v>1</v>
      </c>
      <c r="C83797" s="14" t="s">
        <v>47</v>
      </c>
      <c r="D83797" s="14" t="s">
        <v>173</v>
      </c>
      <c r="E83797" s="15">
        <v>45588</v>
      </c>
      <c r="F83797" s="14" t="s">
        <v>25</v>
      </c>
      <c r="G83797" s="16">
        <v>0</v>
      </c>
    </row>
    <row r="83798" spans="1:7" x14ac:dyDescent="0.3">
      <c r="A83798" s="13" t="s">
        <v>422</v>
      </c>
      <c r="B83798" s="14" t="s">
        <v>1</v>
      </c>
      <c r="C83798" s="14" t="s">
        <v>47</v>
      </c>
      <c r="D83798" s="14" t="s">
        <v>173</v>
      </c>
      <c r="E83798" s="15">
        <v>45589</v>
      </c>
      <c r="F83798" s="14" t="s">
        <v>25</v>
      </c>
      <c r="G83798" s="16">
        <v>0</v>
      </c>
    </row>
    <row r="83799" spans="1:7" x14ac:dyDescent="0.3">
      <c r="A83799" s="13" t="s">
        <v>422</v>
      </c>
      <c r="B83799" s="14" t="s">
        <v>1</v>
      </c>
      <c r="C83799" s="14" t="s">
        <v>47</v>
      </c>
      <c r="D83799" s="14" t="s">
        <v>173</v>
      </c>
      <c r="E83799" s="15">
        <v>45590</v>
      </c>
      <c r="F83799" s="14" t="s">
        <v>25</v>
      </c>
      <c r="G83799" s="16">
        <v>0</v>
      </c>
    </row>
    <row r="83800" spans="1:7" x14ac:dyDescent="0.3">
      <c r="A83800" s="13" t="s">
        <v>422</v>
      </c>
      <c r="B83800" s="14" t="s">
        <v>1</v>
      </c>
      <c r="C83800" s="14" t="s">
        <v>47</v>
      </c>
      <c r="D83800" s="14" t="s">
        <v>173</v>
      </c>
      <c r="E83800" s="15">
        <v>45591</v>
      </c>
      <c r="F83800" s="14" t="s">
        <v>25</v>
      </c>
      <c r="G83800" s="16">
        <v>0</v>
      </c>
    </row>
    <row r="83801" spans="1:7" x14ac:dyDescent="0.3">
      <c r="A83801" s="13" t="s">
        <v>422</v>
      </c>
      <c r="B83801" s="14" t="s">
        <v>1</v>
      </c>
      <c r="C83801" s="14" t="s">
        <v>47</v>
      </c>
      <c r="D83801" s="14" t="s">
        <v>173</v>
      </c>
      <c r="E83801" s="15">
        <v>45592</v>
      </c>
      <c r="F83801" s="14" t="s">
        <v>25</v>
      </c>
      <c r="G83801" s="16">
        <v>0</v>
      </c>
    </row>
    <row r="83802" spans="1:7" x14ac:dyDescent="0.3">
      <c r="A83802" s="13" t="s">
        <v>422</v>
      </c>
      <c r="B83802" s="14" t="s">
        <v>1</v>
      </c>
      <c r="C83802" s="14" t="s">
        <v>47</v>
      </c>
      <c r="D83802" s="14" t="s">
        <v>173</v>
      </c>
      <c r="E83802" s="15">
        <v>45593</v>
      </c>
      <c r="F83802" s="14" t="s">
        <v>25</v>
      </c>
      <c r="G83802" s="16">
        <v>0</v>
      </c>
    </row>
    <row r="83803" spans="1:7" x14ac:dyDescent="0.3">
      <c r="A83803" s="13" t="s">
        <v>422</v>
      </c>
      <c r="B83803" s="14" t="s">
        <v>1</v>
      </c>
      <c r="C83803" s="14" t="s">
        <v>47</v>
      </c>
      <c r="D83803" s="14" t="s">
        <v>173</v>
      </c>
      <c r="E83803" s="15">
        <v>45594</v>
      </c>
      <c r="F83803" s="14" t="s">
        <v>25</v>
      </c>
      <c r="G83803" s="16">
        <v>0</v>
      </c>
    </row>
    <row r="83804" spans="1:7" x14ac:dyDescent="0.3">
      <c r="A83804" s="13" t="s">
        <v>422</v>
      </c>
      <c r="B83804" s="14" t="s">
        <v>1</v>
      </c>
      <c r="C83804" s="14" t="s">
        <v>47</v>
      </c>
      <c r="D83804" s="14" t="s">
        <v>173</v>
      </c>
      <c r="E83804" s="15">
        <v>45595</v>
      </c>
      <c r="F83804" s="14" t="s">
        <v>25</v>
      </c>
      <c r="G83804" s="16">
        <v>0</v>
      </c>
    </row>
    <row r="83805" spans="1:7" x14ac:dyDescent="0.3">
      <c r="A83805" s="13" t="s">
        <v>422</v>
      </c>
      <c r="B83805" s="14" t="s">
        <v>1</v>
      </c>
      <c r="C83805" s="14" t="s">
        <v>47</v>
      </c>
      <c r="D83805" s="14" t="s">
        <v>173</v>
      </c>
      <c r="E83805" s="15">
        <v>45596</v>
      </c>
      <c r="F83805" s="14" t="s">
        <v>25</v>
      </c>
      <c r="G83805" s="16">
        <v>0</v>
      </c>
    </row>
    <row r="83806" spans="1:7" x14ac:dyDescent="0.3">
      <c r="A83806" s="13" t="s">
        <v>422</v>
      </c>
      <c r="B83806" s="14" t="s">
        <v>1</v>
      </c>
      <c r="C83806" s="14" t="s">
        <v>47</v>
      </c>
      <c r="D83806" s="14" t="s">
        <v>173</v>
      </c>
      <c r="E83806" s="15">
        <v>45597</v>
      </c>
      <c r="F83806" s="14" t="s">
        <v>25</v>
      </c>
      <c r="G83806" s="16">
        <v>0</v>
      </c>
    </row>
    <row r="83807" spans="1:7" x14ac:dyDescent="0.3">
      <c r="A83807" s="13" t="s">
        <v>422</v>
      </c>
      <c r="B83807" s="14" t="s">
        <v>1</v>
      </c>
      <c r="C83807" s="14" t="s">
        <v>47</v>
      </c>
      <c r="D83807" s="14" t="s">
        <v>173</v>
      </c>
      <c r="E83807" s="15">
        <v>45598</v>
      </c>
      <c r="F83807" s="14" t="s">
        <v>25</v>
      </c>
      <c r="G83807" s="16">
        <v>0</v>
      </c>
    </row>
    <row r="83808" spans="1:7" x14ac:dyDescent="0.3">
      <c r="A83808" s="13" t="s">
        <v>422</v>
      </c>
      <c r="B83808" s="14" t="s">
        <v>1</v>
      </c>
      <c r="C83808" s="14" t="s">
        <v>47</v>
      </c>
      <c r="D83808" s="14" t="s">
        <v>173</v>
      </c>
      <c r="E83808" s="15">
        <v>45599</v>
      </c>
      <c r="F83808" s="14" t="s">
        <v>25</v>
      </c>
      <c r="G83808" s="16">
        <v>0</v>
      </c>
    </row>
    <row r="83809" spans="1:7" x14ac:dyDescent="0.3">
      <c r="A83809" s="13" t="s">
        <v>422</v>
      </c>
      <c r="B83809" s="14" t="s">
        <v>1</v>
      </c>
      <c r="C83809" s="14" t="s">
        <v>47</v>
      </c>
      <c r="D83809" s="14" t="s">
        <v>173</v>
      </c>
      <c r="E83809" s="15">
        <v>45600</v>
      </c>
      <c r="F83809" s="14" t="s">
        <v>25</v>
      </c>
      <c r="G83809" s="16">
        <v>0</v>
      </c>
    </row>
    <row r="83810" spans="1:7" x14ac:dyDescent="0.3">
      <c r="A83810" s="13" t="s">
        <v>422</v>
      </c>
      <c r="B83810" s="14" t="s">
        <v>1</v>
      </c>
      <c r="C83810" s="14" t="s">
        <v>47</v>
      </c>
      <c r="D83810" s="14" t="s">
        <v>173</v>
      </c>
      <c r="E83810" s="15">
        <v>45601</v>
      </c>
      <c r="F83810" s="14" t="s">
        <v>25</v>
      </c>
      <c r="G83810" s="16">
        <v>0</v>
      </c>
    </row>
    <row r="83811" spans="1:7" x14ac:dyDescent="0.3">
      <c r="A83811" s="13" t="s">
        <v>422</v>
      </c>
      <c r="B83811" s="14" t="s">
        <v>1</v>
      </c>
      <c r="C83811" s="14" t="s">
        <v>47</v>
      </c>
      <c r="D83811" s="14" t="s">
        <v>173</v>
      </c>
      <c r="E83811" s="15">
        <v>45602</v>
      </c>
      <c r="F83811" s="14" t="s">
        <v>25</v>
      </c>
      <c r="G83811" s="16">
        <v>0</v>
      </c>
    </row>
    <row r="83812" spans="1:7" x14ac:dyDescent="0.3">
      <c r="A83812" s="13" t="s">
        <v>422</v>
      </c>
      <c r="B83812" s="14" t="s">
        <v>1</v>
      </c>
      <c r="C83812" s="14" t="s">
        <v>47</v>
      </c>
      <c r="D83812" s="14" t="s">
        <v>173</v>
      </c>
      <c r="E83812" s="15">
        <v>45603</v>
      </c>
      <c r="F83812" s="14" t="s">
        <v>25</v>
      </c>
      <c r="G83812" s="16">
        <v>0</v>
      </c>
    </row>
    <row r="83813" spans="1:7" x14ac:dyDescent="0.3">
      <c r="A83813" s="13" t="s">
        <v>422</v>
      </c>
      <c r="B83813" s="14" t="s">
        <v>1</v>
      </c>
      <c r="C83813" s="14" t="s">
        <v>47</v>
      </c>
      <c r="D83813" s="14" t="s">
        <v>173</v>
      </c>
      <c r="E83813" s="15">
        <v>45604</v>
      </c>
      <c r="F83813" s="14" t="s">
        <v>25</v>
      </c>
      <c r="G83813" s="16">
        <v>0</v>
      </c>
    </row>
    <row r="83814" spans="1:7" x14ac:dyDescent="0.3">
      <c r="A83814" s="13" t="s">
        <v>422</v>
      </c>
      <c r="B83814" s="14" t="s">
        <v>1</v>
      </c>
      <c r="C83814" s="14" t="s">
        <v>47</v>
      </c>
      <c r="D83814" s="14" t="s">
        <v>173</v>
      </c>
      <c r="E83814" s="15">
        <v>45605</v>
      </c>
      <c r="F83814" s="14" t="s">
        <v>25</v>
      </c>
      <c r="G83814" s="16">
        <v>0</v>
      </c>
    </row>
    <row r="83815" spans="1:7" x14ac:dyDescent="0.3">
      <c r="A83815" s="13" t="s">
        <v>422</v>
      </c>
      <c r="B83815" s="14" t="s">
        <v>1</v>
      </c>
      <c r="C83815" s="14" t="s">
        <v>47</v>
      </c>
      <c r="D83815" s="14" t="s">
        <v>173</v>
      </c>
      <c r="E83815" s="15">
        <v>45606</v>
      </c>
      <c r="F83815" s="14" t="s">
        <v>25</v>
      </c>
      <c r="G83815" s="16">
        <v>0</v>
      </c>
    </row>
    <row r="83816" spans="1:7" x14ac:dyDescent="0.3">
      <c r="A83816" s="13" t="s">
        <v>422</v>
      </c>
      <c r="B83816" s="14" t="s">
        <v>1</v>
      </c>
      <c r="C83816" s="14" t="s">
        <v>47</v>
      </c>
      <c r="D83816" s="14" t="s">
        <v>173</v>
      </c>
      <c r="E83816" s="15">
        <v>45607</v>
      </c>
      <c r="F83816" s="14" t="s">
        <v>25</v>
      </c>
      <c r="G83816" s="16">
        <v>0</v>
      </c>
    </row>
    <row r="83817" spans="1:7" x14ac:dyDescent="0.3">
      <c r="A83817" s="13" t="s">
        <v>422</v>
      </c>
      <c r="B83817" s="14" t="s">
        <v>1</v>
      </c>
      <c r="C83817" s="14" t="s">
        <v>47</v>
      </c>
      <c r="D83817" s="14" t="s">
        <v>173</v>
      </c>
      <c r="E83817" s="15">
        <v>45608</v>
      </c>
      <c r="F83817" s="14" t="s">
        <v>25</v>
      </c>
      <c r="G83817" s="16">
        <v>0</v>
      </c>
    </row>
    <row r="83818" spans="1:7" x14ac:dyDescent="0.3">
      <c r="A83818" s="13" t="s">
        <v>422</v>
      </c>
      <c r="B83818" s="14" t="s">
        <v>1</v>
      </c>
      <c r="C83818" s="14" t="s">
        <v>47</v>
      </c>
      <c r="D83818" s="14" t="s">
        <v>173</v>
      </c>
      <c r="E83818" s="15">
        <v>45609</v>
      </c>
      <c r="F83818" s="14" t="s">
        <v>25</v>
      </c>
      <c r="G83818" s="16">
        <v>0</v>
      </c>
    </row>
    <row r="83819" spans="1:7" x14ac:dyDescent="0.3">
      <c r="A83819" s="13" t="s">
        <v>422</v>
      </c>
      <c r="B83819" s="14" t="s">
        <v>1</v>
      </c>
      <c r="C83819" s="14" t="s">
        <v>47</v>
      </c>
      <c r="D83819" s="14" t="s">
        <v>173</v>
      </c>
      <c r="E83819" s="15">
        <v>45610</v>
      </c>
      <c r="F83819" s="14" t="s">
        <v>25</v>
      </c>
      <c r="G83819" s="16">
        <v>0</v>
      </c>
    </row>
    <row r="83820" spans="1:7" x14ac:dyDescent="0.3">
      <c r="A83820" s="13" t="s">
        <v>422</v>
      </c>
      <c r="B83820" s="14" t="s">
        <v>1</v>
      </c>
      <c r="C83820" s="14" t="s">
        <v>47</v>
      </c>
      <c r="D83820" s="14" t="s">
        <v>173</v>
      </c>
      <c r="E83820" s="15">
        <v>45611</v>
      </c>
      <c r="F83820" s="14" t="s">
        <v>25</v>
      </c>
      <c r="G83820" s="16">
        <v>0</v>
      </c>
    </row>
    <row r="83821" spans="1:7" x14ac:dyDescent="0.3">
      <c r="A83821" s="13" t="s">
        <v>422</v>
      </c>
      <c r="B83821" s="14" t="s">
        <v>1</v>
      </c>
      <c r="C83821" s="14" t="s">
        <v>47</v>
      </c>
      <c r="D83821" s="14" t="s">
        <v>173</v>
      </c>
      <c r="E83821" s="15">
        <v>45612</v>
      </c>
      <c r="F83821" s="14" t="s">
        <v>25</v>
      </c>
      <c r="G83821" s="16">
        <v>0</v>
      </c>
    </row>
    <row r="83822" spans="1:7" x14ac:dyDescent="0.3">
      <c r="A83822" s="13" t="s">
        <v>422</v>
      </c>
      <c r="B83822" s="14" t="s">
        <v>1</v>
      </c>
      <c r="C83822" s="14" t="s">
        <v>47</v>
      </c>
      <c r="D83822" s="14" t="s">
        <v>173</v>
      </c>
      <c r="E83822" s="15">
        <v>45613</v>
      </c>
      <c r="F83822" s="14" t="s">
        <v>25</v>
      </c>
      <c r="G83822" s="16">
        <v>0</v>
      </c>
    </row>
    <row r="83823" spans="1:7" x14ac:dyDescent="0.3">
      <c r="A83823" s="13" t="s">
        <v>422</v>
      </c>
      <c r="B83823" s="14" t="s">
        <v>1</v>
      </c>
      <c r="C83823" s="14" t="s">
        <v>47</v>
      </c>
      <c r="D83823" s="14" t="s">
        <v>173</v>
      </c>
      <c r="E83823" s="15">
        <v>45614</v>
      </c>
      <c r="F83823" s="14" t="s">
        <v>25</v>
      </c>
      <c r="G83823" s="16">
        <v>0</v>
      </c>
    </row>
    <row r="83824" spans="1:7" x14ac:dyDescent="0.3">
      <c r="A83824" s="13" t="s">
        <v>422</v>
      </c>
      <c r="B83824" s="14" t="s">
        <v>1</v>
      </c>
      <c r="C83824" s="14" t="s">
        <v>47</v>
      </c>
      <c r="D83824" s="14" t="s">
        <v>173</v>
      </c>
      <c r="E83824" s="15">
        <v>45615</v>
      </c>
      <c r="F83824" s="14" t="s">
        <v>25</v>
      </c>
      <c r="G83824" s="16">
        <v>0</v>
      </c>
    </row>
    <row r="83825" spans="1:7" x14ac:dyDescent="0.3">
      <c r="A83825" s="13" t="s">
        <v>422</v>
      </c>
      <c r="B83825" s="14" t="s">
        <v>1</v>
      </c>
      <c r="C83825" s="14" t="s">
        <v>47</v>
      </c>
      <c r="D83825" s="14" t="s">
        <v>173</v>
      </c>
      <c r="E83825" s="15">
        <v>45616</v>
      </c>
      <c r="F83825" s="14" t="s">
        <v>25</v>
      </c>
      <c r="G83825" s="16">
        <v>0</v>
      </c>
    </row>
    <row r="83826" spans="1:7" x14ac:dyDescent="0.3">
      <c r="A83826" s="13" t="s">
        <v>422</v>
      </c>
      <c r="B83826" s="14" t="s">
        <v>1</v>
      </c>
      <c r="C83826" s="14" t="s">
        <v>47</v>
      </c>
      <c r="D83826" s="14" t="s">
        <v>173</v>
      </c>
      <c r="E83826" s="15">
        <v>45617</v>
      </c>
      <c r="F83826" s="14" t="s">
        <v>25</v>
      </c>
      <c r="G83826" s="16">
        <v>0</v>
      </c>
    </row>
    <row r="83827" spans="1:7" x14ac:dyDescent="0.3">
      <c r="A83827" s="13" t="s">
        <v>422</v>
      </c>
      <c r="B83827" s="14" t="s">
        <v>1</v>
      </c>
      <c r="C83827" s="14" t="s">
        <v>47</v>
      </c>
      <c r="D83827" s="14" t="s">
        <v>173</v>
      </c>
      <c r="E83827" s="15">
        <v>45618</v>
      </c>
      <c r="F83827" s="14" t="s">
        <v>25</v>
      </c>
      <c r="G83827" s="16">
        <v>0</v>
      </c>
    </row>
    <row r="83828" spans="1:7" x14ac:dyDescent="0.3">
      <c r="A83828" s="13" t="s">
        <v>422</v>
      </c>
      <c r="B83828" s="14" t="s">
        <v>1</v>
      </c>
      <c r="C83828" s="14" t="s">
        <v>47</v>
      </c>
      <c r="D83828" s="14" t="s">
        <v>173</v>
      </c>
      <c r="E83828" s="15">
        <v>45619</v>
      </c>
      <c r="F83828" s="14" t="s">
        <v>25</v>
      </c>
      <c r="G83828" s="16">
        <v>0</v>
      </c>
    </row>
    <row r="83829" spans="1:7" x14ac:dyDescent="0.3">
      <c r="A83829" s="13" t="s">
        <v>422</v>
      </c>
      <c r="B83829" s="14" t="s">
        <v>1</v>
      </c>
      <c r="C83829" s="14" t="s">
        <v>47</v>
      </c>
      <c r="D83829" s="14" t="s">
        <v>173</v>
      </c>
      <c r="E83829" s="15">
        <v>45620</v>
      </c>
      <c r="F83829" s="14" t="s">
        <v>25</v>
      </c>
      <c r="G83829" s="16">
        <v>0</v>
      </c>
    </row>
    <row r="83830" spans="1:7" x14ac:dyDescent="0.3">
      <c r="A83830" s="13" t="s">
        <v>422</v>
      </c>
      <c r="B83830" s="14" t="s">
        <v>1</v>
      </c>
      <c r="C83830" s="14" t="s">
        <v>47</v>
      </c>
      <c r="D83830" s="14" t="s">
        <v>173</v>
      </c>
      <c r="E83830" s="15">
        <v>45621</v>
      </c>
      <c r="F83830" s="14" t="s">
        <v>25</v>
      </c>
      <c r="G83830" s="16">
        <v>0</v>
      </c>
    </row>
    <row r="83831" spans="1:7" x14ac:dyDescent="0.3">
      <c r="A83831" s="13" t="s">
        <v>422</v>
      </c>
      <c r="B83831" s="14" t="s">
        <v>1</v>
      </c>
      <c r="C83831" s="14" t="s">
        <v>47</v>
      </c>
      <c r="D83831" s="14" t="s">
        <v>173</v>
      </c>
      <c r="E83831" s="15">
        <v>45622</v>
      </c>
      <c r="F83831" s="14" t="s">
        <v>25</v>
      </c>
      <c r="G83831" s="16">
        <v>0</v>
      </c>
    </row>
    <row r="83832" spans="1:7" x14ac:dyDescent="0.3">
      <c r="A83832" s="13" t="s">
        <v>422</v>
      </c>
      <c r="B83832" s="14" t="s">
        <v>1</v>
      </c>
      <c r="C83832" s="14" t="s">
        <v>47</v>
      </c>
      <c r="D83832" s="14" t="s">
        <v>173</v>
      </c>
      <c r="E83832" s="15">
        <v>45623</v>
      </c>
      <c r="F83832" s="14" t="s">
        <v>25</v>
      </c>
      <c r="G83832" s="16">
        <v>0</v>
      </c>
    </row>
    <row r="83833" spans="1:7" x14ac:dyDescent="0.3">
      <c r="A83833" s="13" t="s">
        <v>422</v>
      </c>
      <c r="B83833" s="14" t="s">
        <v>1</v>
      </c>
      <c r="C83833" s="14" t="s">
        <v>47</v>
      </c>
      <c r="D83833" s="14" t="s">
        <v>173</v>
      </c>
      <c r="E83833" s="15">
        <v>45624</v>
      </c>
      <c r="F83833" s="14" t="s">
        <v>25</v>
      </c>
      <c r="G83833" s="16">
        <v>0</v>
      </c>
    </row>
    <row r="83834" spans="1:7" x14ac:dyDescent="0.3">
      <c r="A83834" s="13" t="s">
        <v>422</v>
      </c>
      <c r="B83834" s="14" t="s">
        <v>1</v>
      </c>
      <c r="C83834" s="14" t="s">
        <v>47</v>
      </c>
      <c r="D83834" s="14" t="s">
        <v>173</v>
      </c>
      <c r="E83834" s="15">
        <v>45625</v>
      </c>
      <c r="F83834" s="14" t="s">
        <v>25</v>
      </c>
      <c r="G83834" s="16">
        <v>0</v>
      </c>
    </row>
    <row r="83835" spans="1:7" x14ac:dyDescent="0.3">
      <c r="A83835" s="13" t="s">
        <v>422</v>
      </c>
      <c r="B83835" s="14" t="s">
        <v>1</v>
      </c>
      <c r="C83835" s="14" t="s">
        <v>47</v>
      </c>
      <c r="D83835" s="14" t="s">
        <v>173</v>
      </c>
      <c r="E83835" s="15">
        <v>45626</v>
      </c>
      <c r="F83835" s="14" t="s">
        <v>25</v>
      </c>
      <c r="G83835" s="16">
        <v>0</v>
      </c>
    </row>
    <row r="83836" spans="1:7" x14ac:dyDescent="0.3">
      <c r="A83836" s="13" t="s">
        <v>422</v>
      </c>
      <c r="B83836" s="14" t="s">
        <v>1</v>
      </c>
      <c r="C83836" s="14" t="s">
        <v>47</v>
      </c>
      <c r="D83836" s="14" t="s">
        <v>173</v>
      </c>
      <c r="E83836" s="15">
        <v>45627</v>
      </c>
      <c r="F83836" s="14" t="s">
        <v>25</v>
      </c>
      <c r="G83836" s="16">
        <v>0</v>
      </c>
    </row>
    <row r="83837" spans="1:7" x14ac:dyDescent="0.3">
      <c r="A83837" s="13" t="s">
        <v>422</v>
      </c>
      <c r="B83837" s="14" t="s">
        <v>1</v>
      </c>
      <c r="C83837" s="14" t="s">
        <v>47</v>
      </c>
      <c r="D83837" s="14" t="s">
        <v>173</v>
      </c>
      <c r="E83837" s="15">
        <v>45628</v>
      </c>
      <c r="F83837" s="14" t="s">
        <v>25</v>
      </c>
      <c r="G83837" s="16">
        <v>0</v>
      </c>
    </row>
    <row r="83838" spans="1:7" x14ac:dyDescent="0.3">
      <c r="A83838" s="13" t="s">
        <v>422</v>
      </c>
      <c r="B83838" s="14" t="s">
        <v>1</v>
      </c>
      <c r="C83838" s="14" t="s">
        <v>47</v>
      </c>
      <c r="D83838" s="14" t="s">
        <v>173</v>
      </c>
      <c r="E83838" s="15">
        <v>45629</v>
      </c>
      <c r="F83838" s="14" t="s">
        <v>25</v>
      </c>
      <c r="G83838" s="16">
        <v>0</v>
      </c>
    </row>
    <row r="83839" spans="1:7" x14ac:dyDescent="0.3">
      <c r="A83839" s="13" t="s">
        <v>422</v>
      </c>
      <c r="B83839" s="14" t="s">
        <v>1</v>
      </c>
      <c r="C83839" s="14" t="s">
        <v>47</v>
      </c>
      <c r="D83839" s="14" t="s">
        <v>173</v>
      </c>
      <c r="E83839" s="15">
        <v>45630</v>
      </c>
      <c r="F83839" s="14" t="s">
        <v>25</v>
      </c>
      <c r="G83839" s="16">
        <v>0</v>
      </c>
    </row>
    <row r="83840" spans="1:7" x14ac:dyDescent="0.3">
      <c r="A83840" s="13" t="s">
        <v>422</v>
      </c>
      <c r="B83840" s="14" t="s">
        <v>1</v>
      </c>
      <c r="C83840" s="14" t="s">
        <v>47</v>
      </c>
      <c r="D83840" s="14" t="s">
        <v>173</v>
      </c>
      <c r="E83840" s="15">
        <v>45631</v>
      </c>
      <c r="F83840" s="14" t="s">
        <v>25</v>
      </c>
      <c r="G83840" s="16">
        <v>0</v>
      </c>
    </row>
    <row r="83841" spans="1:7" x14ac:dyDescent="0.3">
      <c r="A83841" s="13" t="s">
        <v>422</v>
      </c>
      <c r="B83841" s="14" t="s">
        <v>1</v>
      </c>
      <c r="C83841" s="14" t="s">
        <v>47</v>
      </c>
      <c r="D83841" s="14" t="s">
        <v>173</v>
      </c>
      <c r="E83841" s="15">
        <v>45632</v>
      </c>
      <c r="F83841" s="14" t="s">
        <v>25</v>
      </c>
      <c r="G83841" s="16">
        <v>0</v>
      </c>
    </row>
    <row r="83842" spans="1:7" x14ac:dyDescent="0.3">
      <c r="A83842" s="13" t="s">
        <v>422</v>
      </c>
      <c r="B83842" s="14" t="s">
        <v>1</v>
      </c>
      <c r="C83842" s="14" t="s">
        <v>47</v>
      </c>
      <c r="D83842" s="14" t="s">
        <v>173</v>
      </c>
      <c r="E83842" s="15">
        <v>45633</v>
      </c>
      <c r="F83842" s="14" t="s">
        <v>25</v>
      </c>
      <c r="G83842" s="16">
        <v>0</v>
      </c>
    </row>
    <row r="83843" spans="1:7" x14ac:dyDescent="0.3">
      <c r="A83843" s="13" t="s">
        <v>422</v>
      </c>
      <c r="B83843" s="14" t="s">
        <v>1</v>
      </c>
      <c r="C83843" s="14" t="s">
        <v>47</v>
      </c>
      <c r="D83843" s="14" t="s">
        <v>173</v>
      </c>
      <c r="E83843" s="15">
        <v>45634</v>
      </c>
      <c r="F83843" s="14" t="s">
        <v>25</v>
      </c>
      <c r="G83843" s="16">
        <v>0</v>
      </c>
    </row>
    <row r="83844" spans="1:7" x14ac:dyDescent="0.3">
      <c r="A83844" s="13" t="s">
        <v>422</v>
      </c>
      <c r="B83844" s="14" t="s">
        <v>1</v>
      </c>
      <c r="C83844" s="14" t="s">
        <v>47</v>
      </c>
      <c r="D83844" s="14" t="s">
        <v>173</v>
      </c>
      <c r="E83844" s="15">
        <v>45635</v>
      </c>
      <c r="F83844" s="14" t="s">
        <v>25</v>
      </c>
      <c r="G83844" s="16">
        <v>0</v>
      </c>
    </row>
    <row r="83845" spans="1:7" x14ac:dyDescent="0.3">
      <c r="A83845" s="13" t="s">
        <v>422</v>
      </c>
      <c r="B83845" s="14" t="s">
        <v>1</v>
      </c>
      <c r="C83845" s="14" t="s">
        <v>47</v>
      </c>
      <c r="D83845" s="14" t="s">
        <v>173</v>
      </c>
      <c r="E83845" s="15">
        <v>45636</v>
      </c>
      <c r="F83845" s="14" t="s">
        <v>25</v>
      </c>
      <c r="G83845" s="16">
        <v>0</v>
      </c>
    </row>
    <row r="83846" spans="1:7" x14ac:dyDescent="0.3">
      <c r="A83846" s="13" t="s">
        <v>422</v>
      </c>
      <c r="B83846" s="14" t="s">
        <v>1</v>
      </c>
      <c r="C83846" s="14" t="s">
        <v>47</v>
      </c>
      <c r="D83846" s="14" t="s">
        <v>173</v>
      </c>
      <c r="E83846" s="15">
        <v>45637</v>
      </c>
      <c r="F83846" s="14" t="s">
        <v>25</v>
      </c>
      <c r="G83846" s="16">
        <v>0</v>
      </c>
    </row>
    <row r="83847" spans="1:7" x14ac:dyDescent="0.3">
      <c r="A83847" s="13" t="s">
        <v>422</v>
      </c>
      <c r="B83847" s="14" t="s">
        <v>1</v>
      </c>
      <c r="C83847" s="14" t="s">
        <v>47</v>
      </c>
      <c r="D83847" s="14" t="s">
        <v>173</v>
      </c>
      <c r="E83847" s="15">
        <v>45638</v>
      </c>
      <c r="F83847" s="14" t="s">
        <v>25</v>
      </c>
      <c r="G83847" s="16">
        <v>0</v>
      </c>
    </row>
    <row r="83848" spans="1:7" x14ac:dyDescent="0.3">
      <c r="A83848" s="13" t="s">
        <v>422</v>
      </c>
      <c r="B83848" s="14" t="s">
        <v>1</v>
      </c>
      <c r="C83848" s="14" t="s">
        <v>47</v>
      </c>
      <c r="D83848" s="14" t="s">
        <v>173</v>
      </c>
      <c r="E83848" s="15">
        <v>45639</v>
      </c>
      <c r="F83848" s="14" t="s">
        <v>25</v>
      </c>
      <c r="G83848" s="16">
        <v>0</v>
      </c>
    </row>
    <row r="83849" spans="1:7" x14ac:dyDescent="0.3">
      <c r="A83849" s="13" t="s">
        <v>422</v>
      </c>
      <c r="B83849" s="14" t="s">
        <v>1</v>
      </c>
      <c r="C83849" s="14" t="s">
        <v>47</v>
      </c>
      <c r="D83849" s="14" t="s">
        <v>173</v>
      </c>
      <c r="E83849" s="15">
        <v>45640</v>
      </c>
      <c r="F83849" s="14" t="s">
        <v>25</v>
      </c>
      <c r="G83849" s="16">
        <v>0</v>
      </c>
    </row>
    <row r="83850" spans="1:7" x14ac:dyDescent="0.3">
      <c r="A83850" s="13" t="s">
        <v>422</v>
      </c>
      <c r="B83850" s="14" t="s">
        <v>1</v>
      </c>
      <c r="C83850" s="14" t="s">
        <v>47</v>
      </c>
      <c r="D83850" s="14" t="s">
        <v>173</v>
      </c>
      <c r="E83850" s="15">
        <v>45641</v>
      </c>
      <c r="F83850" s="14" t="s">
        <v>25</v>
      </c>
      <c r="G83850" s="16">
        <v>0</v>
      </c>
    </row>
    <row r="83851" spans="1:7" x14ac:dyDescent="0.3">
      <c r="A83851" s="13" t="s">
        <v>422</v>
      </c>
      <c r="B83851" s="14" t="s">
        <v>1</v>
      </c>
      <c r="C83851" s="14" t="s">
        <v>47</v>
      </c>
      <c r="D83851" s="14" t="s">
        <v>173</v>
      </c>
      <c r="E83851" s="15">
        <v>45642</v>
      </c>
      <c r="F83851" s="14" t="s">
        <v>25</v>
      </c>
      <c r="G83851" s="16">
        <v>0</v>
      </c>
    </row>
    <row r="83852" spans="1:7" x14ac:dyDescent="0.3">
      <c r="A83852" s="13" t="s">
        <v>422</v>
      </c>
      <c r="B83852" s="14" t="s">
        <v>1</v>
      </c>
      <c r="C83852" s="14" t="s">
        <v>47</v>
      </c>
      <c r="D83852" s="14" t="s">
        <v>173</v>
      </c>
      <c r="E83852" s="15">
        <v>45643</v>
      </c>
      <c r="F83852" s="14" t="s">
        <v>25</v>
      </c>
      <c r="G83852" s="16">
        <v>0</v>
      </c>
    </row>
    <row r="83853" spans="1:7" x14ac:dyDescent="0.3">
      <c r="A83853" s="13" t="s">
        <v>422</v>
      </c>
      <c r="B83853" s="14" t="s">
        <v>1</v>
      </c>
      <c r="C83853" s="14" t="s">
        <v>47</v>
      </c>
      <c r="D83853" s="14" t="s">
        <v>173</v>
      </c>
      <c r="E83853" s="15">
        <v>45644</v>
      </c>
      <c r="F83853" s="14" t="s">
        <v>25</v>
      </c>
      <c r="G83853" s="16">
        <v>0</v>
      </c>
    </row>
    <row r="83854" spans="1:7" x14ac:dyDescent="0.3">
      <c r="A83854" s="13" t="s">
        <v>422</v>
      </c>
      <c r="B83854" s="14" t="s">
        <v>1</v>
      </c>
      <c r="C83854" s="14" t="s">
        <v>47</v>
      </c>
      <c r="D83854" s="14" t="s">
        <v>173</v>
      </c>
      <c r="E83854" s="15">
        <v>45645</v>
      </c>
      <c r="F83854" s="14" t="s">
        <v>25</v>
      </c>
      <c r="G83854" s="16">
        <v>0</v>
      </c>
    </row>
    <row r="83855" spans="1:7" x14ac:dyDescent="0.3">
      <c r="A83855" s="13" t="s">
        <v>422</v>
      </c>
      <c r="B83855" s="14" t="s">
        <v>1</v>
      </c>
      <c r="C83855" s="14" t="s">
        <v>47</v>
      </c>
      <c r="D83855" s="14" t="s">
        <v>173</v>
      </c>
      <c r="E83855" s="15">
        <v>45646</v>
      </c>
      <c r="F83855" s="14" t="s">
        <v>25</v>
      </c>
      <c r="G83855" s="16">
        <v>0</v>
      </c>
    </row>
    <row r="83856" spans="1:7" x14ac:dyDescent="0.3">
      <c r="A83856" s="13" t="s">
        <v>422</v>
      </c>
      <c r="B83856" s="14" t="s">
        <v>1</v>
      </c>
      <c r="C83856" s="14" t="s">
        <v>47</v>
      </c>
      <c r="D83856" s="14" t="s">
        <v>173</v>
      </c>
      <c r="E83856" s="15">
        <v>45647</v>
      </c>
      <c r="F83856" s="14" t="s">
        <v>25</v>
      </c>
      <c r="G83856" s="16">
        <v>0</v>
      </c>
    </row>
    <row r="83857" spans="1:7" x14ac:dyDescent="0.3">
      <c r="A83857" s="13" t="s">
        <v>422</v>
      </c>
      <c r="B83857" s="14" t="s">
        <v>1</v>
      </c>
      <c r="C83857" s="14" t="s">
        <v>47</v>
      </c>
      <c r="D83857" s="14" t="s">
        <v>173</v>
      </c>
      <c r="E83857" s="15">
        <v>45648</v>
      </c>
      <c r="F83857" s="14" t="s">
        <v>25</v>
      </c>
      <c r="G83857" s="16">
        <v>0</v>
      </c>
    </row>
    <row r="83858" spans="1:7" x14ac:dyDescent="0.3">
      <c r="A83858" s="13" t="s">
        <v>422</v>
      </c>
      <c r="B83858" s="14" t="s">
        <v>1</v>
      </c>
      <c r="C83858" s="14" t="s">
        <v>47</v>
      </c>
      <c r="D83858" s="14" t="s">
        <v>173</v>
      </c>
      <c r="E83858" s="15">
        <v>45649</v>
      </c>
      <c r="F83858" s="14" t="s">
        <v>25</v>
      </c>
      <c r="G83858" s="16">
        <v>0</v>
      </c>
    </row>
    <row r="83859" spans="1:7" x14ac:dyDescent="0.3">
      <c r="A83859" s="13" t="s">
        <v>422</v>
      </c>
      <c r="B83859" s="14" t="s">
        <v>1</v>
      </c>
      <c r="C83859" s="14" t="s">
        <v>47</v>
      </c>
      <c r="D83859" s="14" t="s">
        <v>173</v>
      </c>
      <c r="E83859" s="15">
        <v>45650</v>
      </c>
      <c r="F83859" s="14" t="s">
        <v>25</v>
      </c>
      <c r="G83859" s="16">
        <v>0</v>
      </c>
    </row>
    <row r="83860" spans="1:7" x14ac:dyDescent="0.3">
      <c r="A83860" s="13" t="s">
        <v>422</v>
      </c>
      <c r="B83860" s="14" t="s">
        <v>1</v>
      </c>
      <c r="C83860" s="14" t="s">
        <v>47</v>
      </c>
      <c r="D83860" s="14" t="s">
        <v>173</v>
      </c>
      <c r="E83860" s="15">
        <v>45651</v>
      </c>
      <c r="F83860" s="14" t="s">
        <v>25</v>
      </c>
      <c r="G83860" s="16">
        <v>0</v>
      </c>
    </row>
    <row r="83861" spans="1:7" x14ac:dyDescent="0.3">
      <c r="A83861" s="13" t="s">
        <v>422</v>
      </c>
      <c r="B83861" s="14" t="s">
        <v>1</v>
      </c>
      <c r="C83861" s="14" t="s">
        <v>47</v>
      </c>
      <c r="D83861" s="14" t="s">
        <v>173</v>
      </c>
      <c r="E83861" s="15">
        <v>45652</v>
      </c>
      <c r="F83861" s="14" t="s">
        <v>25</v>
      </c>
      <c r="G83861" s="16">
        <v>0</v>
      </c>
    </row>
    <row r="83862" spans="1:7" x14ac:dyDescent="0.3">
      <c r="A83862" s="13" t="s">
        <v>422</v>
      </c>
      <c r="B83862" s="14" t="s">
        <v>1</v>
      </c>
      <c r="C83862" s="14" t="s">
        <v>47</v>
      </c>
      <c r="D83862" s="14" t="s">
        <v>173</v>
      </c>
      <c r="E83862" s="15">
        <v>45653</v>
      </c>
      <c r="F83862" s="14" t="s">
        <v>25</v>
      </c>
      <c r="G83862" s="16">
        <v>0</v>
      </c>
    </row>
    <row r="83863" spans="1:7" x14ac:dyDescent="0.3">
      <c r="A83863" s="13" t="s">
        <v>422</v>
      </c>
      <c r="B83863" s="14" t="s">
        <v>1</v>
      </c>
      <c r="C83863" s="14" t="s">
        <v>47</v>
      </c>
      <c r="D83863" s="14" t="s">
        <v>173</v>
      </c>
      <c r="E83863" s="15">
        <v>45654</v>
      </c>
      <c r="F83863" s="14" t="s">
        <v>25</v>
      </c>
      <c r="G83863" s="16">
        <v>0</v>
      </c>
    </row>
    <row r="83864" spans="1:7" x14ac:dyDescent="0.3">
      <c r="A83864" s="13" t="s">
        <v>422</v>
      </c>
      <c r="B83864" s="14" t="s">
        <v>1</v>
      </c>
      <c r="C83864" s="14" t="s">
        <v>47</v>
      </c>
      <c r="D83864" s="14" t="s">
        <v>173</v>
      </c>
      <c r="E83864" s="15">
        <v>45655</v>
      </c>
      <c r="F83864" s="14" t="s">
        <v>25</v>
      </c>
      <c r="G83864" s="16">
        <v>0</v>
      </c>
    </row>
    <row r="83865" spans="1:7" x14ac:dyDescent="0.3">
      <c r="A83865" s="13" t="s">
        <v>422</v>
      </c>
      <c r="B83865" s="14" t="s">
        <v>1</v>
      </c>
      <c r="C83865" s="14" t="s">
        <v>47</v>
      </c>
      <c r="D83865" s="14" t="s">
        <v>173</v>
      </c>
      <c r="E83865" s="15">
        <v>45656</v>
      </c>
      <c r="F83865" s="14" t="s">
        <v>25</v>
      </c>
      <c r="G83865" s="16">
        <v>0</v>
      </c>
    </row>
    <row r="83866" spans="1:7" x14ac:dyDescent="0.3">
      <c r="A83866" s="13" t="s">
        <v>422</v>
      </c>
      <c r="B83866" s="14" t="s">
        <v>1</v>
      </c>
      <c r="C83866" s="14" t="s">
        <v>47</v>
      </c>
      <c r="D83866" s="14" t="s">
        <v>173</v>
      </c>
      <c r="E83866" s="15">
        <v>45657</v>
      </c>
      <c r="F83866" s="14" t="s">
        <v>25</v>
      </c>
      <c r="G83866" s="16">
        <v>0</v>
      </c>
    </row>
    <row r="83867" spans="1:7" x14ac:dyDescent="0.3">
      <c r="A83867" s="13" t="s">
        <v>422</v>
      </c>
      <c r="B83867" s="14" t="s">
        <v>1</v>
      </c>
      <c r="C83867" s="14" t="s">
        <v>47</v>
      </c>
      <c r="D83867" s="14" t="s">
        <v>173</v>
      </c>
      <c r="E83867" s="15">
        <v>45658</v>
      </c>
      <c r="F83867" s="14" t="s">
        <v>25</v>
      </c>
      <c r="G83867" s="16">
        <v>0</v>
      </c>
    </row>
    <row r="83868" spans="1:7" x14ac:dyDescent="0.3">
      <c r="A83868" s="13" t="s">
        <v>422</v>
      </c>
      <c r="B83868" s="14" t="s">
        <v>1</v>
      </c>
      <c r="C83868" s="14" t="s">
        <v>47</v>
      </c>
      <c r="D83868" s="14" t="s">
        <v>173</v>
      </c>
      <c r="E83868" s="15">
        <v>45659</v>
      </c>
      <c r="F83868" s="14" t="s">
        <v>25</v>
      </c>
      <c r="G83868" s="16">
        <v>0</v>
      </c>
    </row>
    <row r="83869" spans="1:7" x14ac:dyDescent="0.3">
      <c r="A83869" s="13" t="s">
        <v>422</v>
      </c>
      <c r="B83869" s="14" t="s">
        <v>1</v>
      </c>
      <c r="C83869" s="14" t="s">
        <v>47</v>
      </c>
      <c r="D83869" s="14" t="s">
        <v>173</v>
      </c>
      <c r="E83869" s="15">
        <v>45660</v>
      </c>
      <c r="F83869" s="14" t="s">
        <v>25</v>
      </c>
      <c r="G83869" s="16">
        <v>0</v>
      </c>
    </row>
    <row r="83870" spans="1:7" x14ac:dyDescent="0.3">
      <c r="A83870" s="13" t="s">
        <v>422</v>
      </c>
      <c r="B83870" s="14" t="s">
        <v>1</v>
      </c>
      <c r="C83870" s="14" t="s">
        <v>47</v>
      </c>
      <c r="D83870" s="14" t="s">
        <v>173</v>
      </c>
      <c r="E83870" s="15">
        <v>45661</v>
      </c>
      <c r="F83870" s="14" t="s">
        <v>25</v>
      </c>
      <c r="G83870" s="16">
        <v>0</v>
      </c>
    </row>
    <row r="83871" spans="1:7" x14ac:dyDescent="0.3">
      <c r="A83871" s="13" t="s">
        <v>422</v>
      </c>
      <c r="B83871" s="14" t="s">
        <v>1</v>
      </c>
      <c r="C83871" s="14" t="s">
        <v>47</v>
      </c>
      <c r="D83871" s="14" t="s">
        <v>173</v>
      </c>
      <c r="E83871" s="15">
        <v>45662</v>
      </c>
      <c r="F83871" s="14" t="s">
        <v>25</v>
      </c>
      <c r="G83871" s="16">
        <v>0</v>
      </c>
    </row>
    <row r="83872" spans="1:7" x14ac:dyDescent="0.3">
      <c r="A83872" s="13" t="s">
        <v>422</v>
      </c>
      <c r="B83872" s="14" t="s">
        <v>1</v>
      </c>
      <c r="C83872" s="14" t="s">
        <v>47</v>
      </c>
      <c r="D83872" s="14" t="s">
        <v>173</v>
      </c>
      <c r="E83872" s="15">
        <v>45663</v>
      </c>
      <c r="F83872" s="14" t="s">
        <v>25</v>
      </c>
      <c r="G83872" s="16">
        <v>0</v>
      </c>
    </row>
    <row r="83873" spans="1:7" x14ac:dyDescent="0.3">
      <c r="A83873" s="13" t="s">
        <v>422</v>
      </c>
      <c r="B83873" s="14" t="s">
        <v>1</v>
      </c>
      <c r="C83873" s="14" t="s">
        <v>47</v>
      </c>
      <c r="D83873" s="14" t="s">
        <v>173</v>
      </c>
      <c r="E83873" s="15">
        <v>45664</v>
      </c>
      <c r="F83873" s="14" t="s">
        <v>25</v>
      </c>
      <c r="G83873" s="16">
        <v>0</v>
      </c>
    </row>
    <row r="83874" spans="1:7" x14ac:dyDescent="0.3">
      <c r="A83874" s="13" t="s">
        <v>422</v>
      </c>
      <c r="B83874" s="14" t="s">
        <v>1</v>
      </c>
      <c r="C83874" s="14" t="s">
        <v>47</v>
      </c>
      <c r="D83874" s="14" t="s">
        <v>173</v>
      </c>
      <c r="E83874" s="15">
        <v>45665</v>
      </c>
      <c r="F83874" s="14" t="s">
        <v>25</v>
      </c>
      <c r="G83874" s="16">
        <v>0</v>
      </c>
    </row>
    <row r="83875" spans="1:7" x14ac:dyDescent="0.3">
      <c r="A83875" s="13" t="s">
        <v>422</v>
      </c>
      <c r="B83875" s="14" t="s">
        <v>1</v>
      </c>
      <c r="C83875" s="14" t="s">
        <v>47</v>
      </c>
      <c r="D83875" s="14" t="s">
        <v>173</v>
      </c>
      <c r="E83875" s="15">
        <v>45666</v>
      </c>
      <c r="F83875" s="14" t="s">
        <v>25</v>
      </c>
      <c r="G83875" s="16">
        <v>0</v>
      </c>
    </row>
    <row r="83876" spans="1:7" x14ac:dyDescent="0.3">
      <c r="A83876" s="13" t="s">
        <v>422</v>
      </c>
      <c r="B83876" s="14" t="s">
        <v>1</v>
      </c>
      <c r="C83876" s="14" t="s">
        <v>47</v>
      </c>
      <c r="D83876" s="14" t="s">
        <v>173</v>
      </c>
      <c r="E83876" s="15">
        <v>45667</v>
      </c>
      <c r="F83876" s="14" t="s">
        <v>25</v>
      </c>
      <c r="G83876" s="16">
        <v>0</v>
      </c>
    </row>
    <row r="83877" spans="1:7" x14ac:dyDescent="0.3">
      <c r="A83877" s="13" t="s">
        <v>422</v>
      </c>
      <c r="B83877" s="14" t="s">
        <v>1</v>
      </c>
      <c r="C83877" s="14" t="s">
        <v>47</v>
      </c>
      <c r="D83877" s="14" t="s">
        <v>173</v>
      </c>
      <c r="E83877" s="15">
        <v>45668</v>
      </c>
      <c r="F83877" s="14" t="s">
        <v>25</v>
      </c>
      <c r="G83877" s="16">
        <v>0</v>
      </c>
    </row>
    <row r="83878" spans="1:7" x14ac:dyDescent="0.3">
      <c r="A83878" s="13" t="s">
        <v>422</v>
      </c>
      <c r="B83878" s="14" t="s">
        <v>1</v>
      </c>
      <c r="C83878" s="14" t="s">
        <v>47</v>
      </c>
      <c r="D83878" s="14" t="s">
        <v>173</v>
      </c>
      <c r="E83878" s="15">
        <v>45669</v>
      </c>
      <c r="F83878" s="14" t="s">
        <v>25</v>
      </c>
      <c r="G83878" s="16">
        <v>0</v>
      </c>
    </row>
    <row r="83879" spans="1:7" x14ac:dyDescent="0.3">
      <c r="A83879" s="13" t="s">
        <v>422</v>
      </c>
      <c r="B83879" s="14" t="s">
        <v>1</v>
      </c>
      <c r="C83879" s="14" t="s">
        <v>47</v>
      </c>
      <c r="D83879" s="14" t="s">
        <v>173</v>
      </c>
      <c r="E83879" s="15">
        <v>45670</v>
      </c>
      <c r="F83879" s="14" t="s">
        <v>25</v>
      </c>
      <c r="G83879" s="16">
        <v>0</v>
      </c>
    </row>
    <row r="83880" spans="1:7" x14ac:dyDescent="0.3">
      <c r="A83880" s="13" t="s">
        <v>422</v>
      </c>
      <c r="B83880" s="14" t="s">
        <v>1</v>
      </c>
      <c r="C83880" s="14" t="s">
        <v>47</v>
      </c>
      <c r="D83880" s="14" t="s">
        <v>173</v>
      </c>
      <c r="E83880" s="15">
        <v>45671</v>
      </c>
      <c r="F83880" s="14" t="s">
        <v>25</v>
      </c>
      <c r="G83880" s="16">
        <v>0</v>
      </c>
    </row>
    <row r="83881" spans="1:7" x14ac:dyDescent="0.3">
      <c r="A83881" s="13" t="s">
        <v>422</v>
      </c>
      <c r="B83881" s="14" t="s">
        <v>1</v>
      </c>
      <c r="C83881" s="14" t="s">
        <v>47</v>
      </c>
      <c r="D83881" s="14" t="s">
        <v>173</v>
      </c>
      <c r="E83881" s="15">
        <v>45672</v>
      </c>
      <c r="F83881" s="14" t="s">
        <v>25</v>
      </c>
      <c r="G83881" s="16">
        <v>0</v>
      </c>
    </row>
    <row r="83882" spans="1:7" x14ac:dyDescent="0.3">
      <c r="A83882" s="13" t="s">
        <v>422</v>
      </c>
      <c r="B83882" s="14" t="s">
        <v>1</v>
      </c>
      <c r="C83882" s="14" t="s">
        <v>47</v>
      </c>
      <c r="D83882" s="14" t="s">
        <v>173</v>
      </c>
      <c r="E83882" s="15">
        <v>45673</v>
      </c>
      <c r="F83882" s="14" t="s">
        <v>25</v>
      </c>
      <c r="G83882" s="16">
        <v>0</v>
      </c>
    </row>
    <row r="83883" spans="1:7" x14ac:dyDescent="0.3">
      <c r="A83883" s="13" t="s">
        <v>422</v>
      </c>
      <c r="B83883" s="14" t="s">
        <v>1</v>
      </c>
      <c r="C83883" s="14" t="s">
        <v>47</v>
      </c>
      <c r="D83883" s="14" t="s">
        <v>173</v>
      </c>
      <c r="E83883" s="15">
        <v>45674</v>
      </c>
      <c r="F83883" s="14" t="s">
        <v>25</v>
      </c>
      <c r="G83883" s="16">
        <v>0</v>
      </c>
    </row>
    <row r="83884" spans="1:7" x14ac:dyDescent="0.3">
      <c r="A83884" s="13" t="s">
        <v>422</v>
      </c>
      <c r="B83884" s="14" t="s">
        <v>1</v>
      </c>
      <c r="C83884" s="14" t="s">
        <v>47</v>
      </c>
      <c r="D83884" s="14" t="s">
        <v>173</v>
      </c>
      <c r="E83884" s="15">
        <v>45675</v>
      </c>
      <c r="F83884" s="14" t="s">
        <v>25</v>
      </c>
      <c r="G83884" s="16">
        <v>0</v>
      </c>
    </row>
    <row r="83885" spans="1:7" x14ac:dyDescent="0.3">
      <c r="A83885" s="13" t="s">
        <v>422</v>
      </c>
      <c r="B83885" s="14" t="s">
        <v>1</v>
      </c>
      <c r="C83885" s="14" t="s">
        <v>47</v>
      </c>
      <c r="D83885" s="14" t="s">
        <v>173</v>
      </c>
      <c r="E83885" s="15">
        <v>45676</v>
      </c>
      <c r="F83885" s="14" t="s">
        <v>25</v>
      </c>
      <c r="G83885" s="16">
        <v>0</v>
      </c>
    </row>
    <row r="83886" spans="1:7" x14ac:dyDescent="0.3">
      <c r="A83886" s="13" t="s">
        <v>422</v>
      </c>
      <c r="B83886" s="14" t="s">
        <v>1</v>
      </c>
      <c r="C83886" s="14" t="s">
        <v>47</v>
      </c>
      <c r="D83886" s="14" t="s">
        <v>173</v>
      </c>
      <c r="E83886" s="15">
        <v>45677</v>
      </c>
      <c r="F83886" s="14" t="s">
        <v>25</v>
      </c>
      <c r="G83886" s="16">
        <v>0</v>
      </c>
    </row>
    <row r="83887" spans="1:7" x14ac:dyDescent="0.3">
      <c r="A83887" s="13" t="s">
        <v>422</v>
      </c>
      <c r="B83887" s="14" t="s">
        <v>1</v>
      </c>
      <c r="C83887" s="14" t="s">
        <v>47</v>
      </c>
      <c r="D83887" s="14" t="s">
        <v>173</v>
      </c>
      <c r="E83887" s="15">
        <v>45678</v>
      </c>
      <c r="F83887" s="14" t="s">
        <v>25</v>
      </c>
      <c r="G83887" s="16">
        <v>0</v>
      </c>
    </row>
    <row r="83888" spans="1:7" x14ac:dyDescent="0.3">
      <c r="A83888" s="13" t="s">
        <v>422</v>
      </c>
      <c r="B83888" s="14" t="s">
        <v>1</v>
      </c>
      <c r="C83888" s="14" t="s">
        <v>47</v>
      </c>
      <c r="D83888" s="14" t="s">
        <v>173</v>
      </c>
      <c r="E83888" s="15">
        <v>45679</v>
      </c>
      <c r="F83888" s="14" t="s">
        <v>25</v>
      </c>
      <c r="G83888" s="16">
        <v>0</v>
      </c>
    </row>
    <row r="83889" spans="1:7" x14ac:dyDescent="0.3">
      <c r="A83889" s="13" t="s">
        <v>422</v>
      </c>
      <c r="B83889" s="14" t="s">
        <v>1</v>
      </c>
      <c r="C83889" s="14" t="s">
        <v>47</v>
      </c>
      <c r="D83889" s="14" t="s">
        <v>173</v>
      </c>
      <c r="E83889" s="15">
        <v>45680</v>
      </c>
      <c r="F83889" s="14" t="s">
        <v>25</v>
      </c>
      <c r="G83889" s="16">
        <v>0</v>
      </c>
    </row>
    <row r="83890" spans="1:7" x14ac:dyDescent="0.3">
      <c r="A83890" s="13" t="s">
        <v>422</v>
      </c>
      <c r="B83890" s="14" t="s">
        <v>1</v>
      </c>
      <c r="C83890" s="14" t="s">
        <v>47</v>
      </c>
      <c r="D83890" s="14" t="s">
        <v>173</v>
      </c>
      <c r="E83890" s="15">
        <v>45681</v>
      </c>
      <c r="F83890" s="14" t="s">
        <v>25</v>
      </c>
      <c r="G83890" s="16">
        <v>0</v>
      </c>
    </row>
    <row r="83891" spans="1:7" x14ac:dyDescent="0.3">
      <c r="A83891" s="13" t="s">
        <v>422</v>
      </c>
      <c r="B83891" s="14" t="s">
        <v>1</v>
      </c>
      <c r="C83891" s="14" t="s">
        <v>47</v>
      </c>
      <c r="D83891" s="14" t="s">
        <v>173</v>
      </c>
      <c r="E83891" s="15">
        <v>45682</v>
      </c>
      <c r="F83891" s="14" t="s">
        <v>25</v>
      </c>
      <c r="G83891" s="16">
        <v>0</v>
      </c>
    </row>
    <row r="83892" spans="1:7" x14ac:dyDescent="0.3">
      <c r="A83892" s="13" t="s">
        <v>422</v>
      </c>
      <c r="B83892" s="14" t="s">
        <v>1</v>
      </c>
      <c r="C83892" s="14" t="s">
        <v>47</v>
      </c>
      <c r="D83892" s="14" t="s">
        <v>173</v>
      </c>
      <c r="E83892" s="15">
        <v>45683</v>
      </c>
      <c r="F83892" s="14" t="s">
        <v>25</v>
      </c>
      <c r="G83892" s="16">
        <v>0</v>
      </c>
    </row>
    <row r="83893" spans="1:7" x14ac:dyDescent="0.3">
      <c r="A83893" s="13" t="s">
        <v>422</v>
      </c>
      <c r="B83893" s="14" t="s">
        <v>1</v>
      </c>
      <c r="C83893" s="14" t="s">
        <v>47</v>
      </c>
      <c r="D83893" s="14" t="s">
        <v>173</v>
      </c>
      <c r="E83893" s="15">
        <v>45684</v>
      </c>
      <c r="F83893" s="14" t="s">
        <v>25</v>
      </c>
      <c r="G83893" s="16">
        <v>0</v>
      </c>
    </row>
    <row r="83894" spans="1:7" x14ac:dyDescent="0.3">
      <c r="A83894" s="13" t="s">
        <v>422</v>
      </c>
      <c r="B83894" s="14" t="s">
        <v>1</v>
      </c>
      <c r="C83894" s="14" t="s">
        <v>47</v>
      </c>
      <c r="D83894" s="14" t="s">
        <v>173</v>
      </c>
      <c r="E83894" s="15">
        <v>45685</v>
      </c>
      <c r="F83894" s="14" t="s">
        <v>25</v>
      </c>
      <c r="G83894" s="16">
        <v>0</v>
      </c>
    </row>
    <row r="83895" spans="1:7" x14ac:dyDescent="0.3">
      <c r="A83895" s="13" t="s">
        <v>422</v>
      </c>
      <c r="B83895" s="14" t="s">
        <v>1</v>
      </c>
      <c r="C83895" s="14" t="s">
        <v>47</v>
      </c>
      <c r="D83895" s="14" t="s">
        <v>173</v>
      </c>
      <c r="E83895" s="15">
        <v>45686</v>
      </c>
      <c r="F83895" s="14" t="s">
        <v>25</v>
      </c>
      <c r="G83895" s="16">
        <v>0</v>
      </c>
    </row>
    <row r="83896" spans="1:7" x14ac:dyDescent="0.3">
      <c r="A83896" s="13" t="s">
        <v>422</v>
      </c>
      <c r="B83896" s="14" t="s">
        <v>1</v>
      </c>
      <c r="C83896" s="14" t="s">
        <v>47</v>
      </c>
      <c r="D83896" s="14" t="s">
        <v>173</v>
      </c>
      <c r="E83896" s="15">
        <v>45687</v>
      </c>
      <c r="F83896" s="14" t="s">
        <v>25</v>
      </c>
      <c r="G83896" s="16">
        <v>0</v>
      </c>
    </row>
    <row r="83897" spans="1:7" x14ac:dyDescent="0.3">
      <c r="A83897" s="13" t="s">
        <v>422</v>
      </c>
      <c r="B83897" s="14" t="s">
        <v>1</v>
      </c>
      <c r="C83897" s="14" t="s">
        <v>47</v>
      </c>
      <c r="D83897" s="14" t="s">
        <v>173</v>
      </c>
      <c r="E83897" s="15">
        <v>45688</v>
      </c>
      <c r="F83897" s="14" t="s">
        <v>25</v>
      </c>
      <c r="G83897" s="16">
        <v>0</v>
      </c>
    </row>
    <row r="83898" spans="1:7" x14ac:dyDescent="0.3">
      <c r="A83898" s="13" t="s">
        <v>422</v>
      </c>
      <c r="B83898" s="14" t="s">
        <v>1</v>
      </c>
      <c r="C83898" s="14" t="s">
        <v>47</v>
      </c>
      <c r="D83898" s="14" t="s">
        <v>173</v>
      </c>
      <c r="E83898" s="15">
        <v>45689</v>
      </c>
      <c r="F83898" s="14" t="s">
        <v>25</v>
      </c>
      <c r="G83898" s="16">
        <v>0</v>
      </c>
    </row>
    <row r="83899" spans="1:7" x14ac:dyDescent="0.3">
      <c r="A83899" s="13" t="s">
        <v>422</v>
      </c>
      <c r="B83899" s="14" t="s">
        <v>1</v>
      </c>
      <c r="C83899" s="14" t="s">
        <v>47</v>
      </c>
      <c r="D83899" s="14" t="s">
        <v>173</v>
      </c>
      <c r="E83899" s="15">
        <v>45690</v>
      </c>
      <c r="F83899" s="14" t="s">
        <v>25</v>
      </c>
      <c r="G83899" s="16">
        <v>0</v>
      </c>
    </row>
    <row r="83900" spans="1:7" x14ac:dyDescent="0.3">
      <c r="A83900" s="13" t="s">
        <v>422</v>
      </c>
      <c r="B83900" s="14" t="s">
        <v>1</v>
      </c>
      <c r="C83900" s="14" t="s">
        <v>47</v>
      </c>
      <c r="D83900" s="14" t="s">
        <v>173</v>
      </c>
      <c r="E83900" s="15">
        <v>45691</v>
      </c>
      <c r="F83900" s="14" t="s">
        <v>25</v>
      </c>
      <c r="G83900" s="16">
        <v>0</v>
      </c>
    </row>
    <row r="83901" spans="1:7" x14ac:dyDescent="0.3">
      <c r="A83901" s="13" t="s">
        <v>422</v>
      </c>
      <c r="B83901" s="14" t="s">
        <v>1</v>
      </c>
      <c r="C83901" s="14" t="s">
        <v>47</v>
      </c>
      <c r="D83901" s="14" t="s">
        <v>173</v>
      </c>
      <c r="E83901" s="15">
        <v>45692</v>
      </c>
      <c r="F83901" s="14" t="s">
        <v>25</v>
      </c>
      <c r="G83901" s="16">
        <v>0</v>
      </c>
    </row>
    <row r="83902" spans="1:7" x14ac:dyDescent="0.3">
      <c r="A83902" s="13" t="s">
        <v>422</v>
      </c>
      <c r="B83902" s="14" t="s">
        <v>1</v>
      </c>
      <c r="C83902" s="14" t="s">
        <v>47</v>
      </c>
      <c r="D83902" s="14" t="s">
        <v>173</v>
      </c>
      <c r="E83902" s="15">
        <v>45693</v>
      </c>
      <c r="F83902" s="14" t="s">
        <v>25</v>
      </c>
      <c r="G83902" s="16">
        <v>0</v>
      </c>
    </row>
    <row r="83903" spans="1:7" x14ac:dyDescent="0.3">
      <c r="A83903" s="13" t="s">
        <v>422</v>
      </c>
      <c r="B83903" s="14" t="s">
        <v>1</v>
      </c>
      <c r="C83903" s="14" t="s">
        <v>47</v>
      </c>
      <c r="D83903" s="14" t="s">
        <v>173</v>
      </c>
      <c r="E83903" s="15">
        <v>45694</v>
      </c>
      <c r="F83903" s="14" t="s">
        <v>25</v>
      </c>
      <c r="G83903" s="16">
        <v>0</v>
      </c>
    </row>
    <row r="83904" spans="1:7" x14ac:dyDescent="0.3">
      <c r="A83904" s="13" t="s">
        <v>422</v>
      </c>
      <c r="B83904" s="14" t="s">
        <v>1</v>
      </c>
      <c r="C83904" s="14" t="s">
        <v>47</v>
      </c>
      <c r="D83904" s="14" t="s">
        <v>173</v>
      </c>
      <c r="E83904" s="15">
        <v>45695</v>
      </c>
      <c r="F83904" s="14" t="s">
        <v>25</v>
      </c>
      <c r="G83904" s="16">
        <v>0</v>
      </c>
    </row>
    <row r="83905" spans="1:7" x14ac:dyDescent="0.3">
      <c r="A83905" s="13" t="s">
        <v>422</v>
      </c>
      <c r="B83905" s="14" t="s">
        <v>1</v>
      </c>
      <c r="C83905" s="14" t="s">
        <v>47</v>
      </c>
      <c r="D83905" s="14" t="s">
        <v>173</v>
      </c>
      <c r="E83905" s="15">
        <v>45696</v>
      </c>
      <c r="F83905" s="14" t="s">
        <v>25</v>
      </c>
      <c r="G83905" s="16">
        <v>0</v>
      </c>
    </row>
    <row r="83906" spans="1:7" x14ac:dyDescent="0.3">
      <c r="A83906" s="13" t="s">
        <v>422</v>
      </c>
      <c r="B83906" s="14" t="s">
        <v>1</v>
      </c>
      <c r="C83906" s="14" t="s">
        <v>47</v>
      </c>
      <c r="D83906" s="14" t="s">
        <v>173</v>
      </c>
      <c r="E83906" s="15">
        <v>45697</v>
      </c>
      <c r="F83906" s="14" t="s">
        <v>25</v>
      </c>
      <c r="G83906" s="16">
        <v>0</v>
      </c>
    </row>
    <row r="83907" spans="1:7" x14ac:dyDescent="0.3">
      <c r="A83907" s="13" t="s">
        <v>422</v>
      </c>
      <c r="B83907" s="14" t="s">
        <v>1</v>
      </c>
      <c r="C83907" s="14" t="s">
        <v>47</v>
      </c>
      <c r="D83907" s="14" t="s">
        <v>173</v>
      </c>
      <c r="E83907" s="15">
        <v>45698</v>
      </c>
      <c r="F83907" s="14" t="s">
        <v>25</v>
      </c>
      <c r="G83907" s="16">
        <v>0</v>
      </c>
    </row>
    <row r="83908" spans="1:7" x14ac:dyDescent="0.3">
      <c r="A83908" s="13" t="s">
        <v>422</v>
      </c>
      <c r="B83908" s="14" t="s">
        <v>1</v>
      </c>
      <c r="C83908" s="14" t="s">
        <v>47</v>
      </c>
      <c r="D83908" s="14" t="s">
        <v>173</v>
      </c>
      <c r="E83908" s="15">
        <v>45699</v>
      </c>
      <c r="F83908" s="14" t="s">
        <v>25</v>
      </c>
      <c r="G83908" s="16">
        <v>0</v>
      </c>
    </row>
    <row r="83909" spans="1:7" x14ac:dyDescent="0.3">
      <c r="A83909" s="13" t="s">
        <v>422</v>
      </c>
      <c r="B83909" s="14" t="s">
        <v>1</v>
      </c>
      <c r="C83909" s="14" t="s">
        <v>47</v>
      </c>
      <c r="D83909" s="14" t="s">
        <v>173</v>
      </c>
      <c r="E83909" s="15">
        <v>45700</v>
      </c>
      <c r="F83909" s="14" t="s">
        <v>25</v>
      </c>
      <c r="G83909" s="16">
        <v>0</v>
      </c>
    </row>
    <row r="83910" spans="1:7" x14ac:dyDescent="0.3">
      <c r="A83910" s="13" t="s">
        <v>422</v>
      </c>
      <c r="B83910" s="14" t="s">
        <v>1</v>
      </c>
      <c r="C83910" s="14" t="s">
        <v>47</v>
      </c>
      <c r="D83910" s="14" t="s">
        <v>173</v>
      </c>
      <c r="E83910" s="15">
        <v>45701</v>
      </c>
      <c r="F83910" s="14" t="s">
        <v>25</v>
      </c>
      <c r="G83910" s="16">
        <v>0</v>
      </c>
    </row>
    <row r="83911" spans="1:7" x14ac:dyDescent="0.3">
      <c r="A83911" s="13" t="s">
        <v>422</v>
      </c>
      <c r="B83911" s="14" t="s">
        <v>1</v>
      </c>
      <c r="C83911" s="14" t="s">
        <v>47</v>
      </c>
      <c r="D83911" s="14" t="s">
        <v>173</v>
      </c>
      <c r="E83911" s="15">
        <v>45702</v>
      </c>
      <c r="F83911" s="14" t="s">
        <v>25</v>
      </c>
      <c r="G83911" s="16">
        <v>0</v>
      </c>
    </row>
    <row r="83912" spans="1:7" x14ac:dyDescent="0.3">
      <c r="A83912" s="13" t="s">
        <v>422</v>
      </c>
      <c r="B83912" s="14" t="s">
        <v>1</v>
      </c>
      <c r="C83912" s="14" t="s">
        <v>47</v>
      </c>
      <c r="D83912" s="14" t="s">
        <v>173</v>
      </c>
      <c r="E83912" s="15">
        <v>45703</v>
      </c>
      <c r="F83912" s="14" t="s">
        <v>25</v>
      </c>
      <c r="G83912" s="16">
        <v>0</v>
      </c>
    </row>
    <row r="83913" spans="1:7" x14ac:dyDescent="0.3">
      <c r="A83913" s="13" t="s">
        <v>422</v>
      </c>
      <c r="B83913" s="14" t="s">
        <v>1</v>
      </c>
      <c r="C83913" s="14" t="s">
        <v>47</v>
      </c>
      <c r="D83913" s="14" t="s">
        <v>173</v>
      </c>
      <c r="E83913" s="15">
        <v>45704</v>
      </c>
      <c r="F83913" s="14" t="s">
        <v>25</v>
      </c>
      <c r="G83913" s="16">
        <v>0</v>
      </c>
    </row>
    <row r="83914" spans="1:7" x14ac:dyDescent="0.3">
      <c r="A83914" s="13" t="s">
        <v>422</v>
      </c>
      <c r="B83914" s="14" t="s">
        <v>1</v>
      </c>
      <c r="C83914" s="14" t="s">
        <v>47</v>
      </c>
      <c r="D83914" s="14" t="s">
        <v>173</v>
      </c>
      <c r="E83914" s="15">
        <v>45705</v>
      </c>
      <c r="F83914" s="14" t="s">
        <v>25</v>
      </c>
      <c r="G83914" s="16">
        <v>0</v>
      </c>
    </row>
    <row r="83915" spans="1:7" x14ac:dyDescent="0.3">
      <c r="A83915" s="13" t="s">
        <v>422</v>
      </c>
      <c r="B83915" s="14" t="s">
        <v>1</v>
      </c>
      <c r="C83915" s="14" t="s">
        <v>47</v>
      </c>
      <c r="D83915" s="14" t="s">
        <v>173</v>
      </c>
      <c r="E83915" s="15">
        <v>45706</v>
      </c>
      <c r="F83915" s="14" t="s">
        <v>25</v>
      </c>
      <c r="G83915" s="16">
        <v>0</v>
      </c>
    </row>
    <row r="83916" spans="1:7" x14ac:dyDescent="0.3">
      <c r="A83916" s="13" t="s">
        <v>422</v>
      </c>
      <c r="B83916" s="14" t="s">
        <v>1</v>
      </c>
      <c r="C83916" s="14" t="s">
        <v>47</v>
      </c>
      <c r="D83916" s="14" t="s">
        <v>173</v>
      </c>
      <c r="E83916" s="15">
        <v>45707</v>
      </c>
      <c r="F83916" s="14" t="s">
        <v>25</v>
      </c>
      <c r="G83916" s="16">
        <v>0</v>
      </c>
    </row>
    <row r="83917" spans="1:7" x14ac:dyDescent="0.3">
      <c r="A83917" s="13" t="s">
        <v>422</v>
      </c>
      <c r="B83917" s="14" t="s">
        <v>1</v>
      </c>
      <c r="C83917" s="14" t="s">
        <v>47</v>
      </c>
      <c r="D83917" s="14" t="s">
        <v>173</v>
      </c>
      <c r="E83917" s="15">
        <v>45708</v>
      </c>
      <c r="F83917" s="14" t="s">
        <v>25</v>
      </c>
      <c r="G83917" s="16">
        <v>0</v>
      </c>
    </row>
    <row r="83918" spans="1:7" x14ac:dyDescent="0.3">
      <c r="A83918" s="13" t="s">
        <v>422</v>
      </c>
      <c r="B83918" s="14" t="s">
        <v>1</v>
      </c>
      <c r="C83918" s="14" t="s">
        <v>47</v>
      </c>
      <c r="D83918" s="14" t="s">
        <v>173</v>
      </c>
      <c r="E83918" s="15">
        <v>45709</v>
      </c>
      <c r="F83918" s="14" t="s">
        <v>25</v>
      </c>
      <c r="G83918" s="16">
        <v>0</v>
      </c>
    </row>
    <row r="83919" spans="1:7" x14ac:dyDescent="0.3">
      <c r="A83919" s="13" t="s">
        <v>422</v>
      </c>
      <c r="B83919" s="14" t="s">
        <v>1</v>
      </c>
      <c r="C83919" s="14" t="s">
        <v>47</v>
      </c>
      <c r="D83919" s="14" t="s">
        <v>173</v>
      </c>
      <c r="E83919" s="15">
        <v>45710</v>
      </c>
      <c r="F83919" s="14" t="s">
        <v>25</v>
      </c>
      <c r="G83919" s="16">
        <v>0</v>
      </c>
    </row>
    <row r="83920" spans="1:7" x14ac:dyDescent="0.3">
      <c r="A83920" s="13" t="s">
        <v>422</v>
      </c>
      <c r="B83920" s="14" t="s">
        <v>1</v>
      </c>
      <c r="C83920" s="14" t="s">
        <v>47</v>
      </c>
      <c r="D83920" s="14" t="s">
        <v>173</v>
      </c>
      <c r="E83920" s="15">
        <v>45711</v>
      </c>
      <c r="F83920" s="14" t="s">
        <v>25</v>
      </c>
      <c r="G83920" s="16">
        <v>0</v>
      </c>
    </row>
    <row r="83921" spans="1:7" x14ac:dyDescent="0.3">
      <c r="A83921" s="13" t="s">
        <v>422</v>
      </c>
      <c r="B83921" s="14" t="s">
        <v>1</v>
      </c>
      <c r="C83921" s="14" t="s">
        <v>47</v>
      </c>
      <c r="D83921" s="14" t="s">
        <v>173</v>
      </c>
      <c r="E83921" s="15">
        <v>45712</v>
      </c>
      <c r="F83921" s="14" t="s">
        <v>25</v>
      </c>
      <c r="G83921" s="16">
        <v>0</v>
      </c>
    </row>
    <row r="83922" spans="1:7" x14ac:dyDescent="0.3">
      <c r="A83922" s="13" t="s">
        <v>422</v>
      </c>
      <c r="B83922" s="14" t="s">
        <v>1</v>
      </c>
      <c r="C83922" s="14" t="s">
        <v>47</v>
      </c>
      <c r="D83922" s="14" t="s">
        <v>173</v>
      </c>
      <c r="E83922" s="15">
        <v>45713</v>
      </c>
      <c r="F83922" s="14" t="s">
        <v>25</v>
      </c>
      <c r="G83922" s="16">
        <v>0</v>
      </c>
    </row>
    <row r="83923" spans="1:7" x14ac:dyDescent="0.3">
      <c r="A83923" s="13" t="s">
        <v>422</v>
      </c>
      <c r="B83923" s="14" t="s">
        <v>1</v>
      </c>
      <c r="C83923" s="14" t="s">
        <v>47</v>
      </c>
      <c r="D83923" s="14" t="s">
        <v>173</v>
      </c>
      <c r="E83923" s="15">
        <v>45714</v>
      </c>
      <c r="F83923" s="14" t="s">
        <v>25</v>
      </c>
      <c r="G83923" s="16">
        <v>0</v>
      </c>
    </row>
    <row r="83924" spans="1:7" x14ac:dyDescent="0.3">
      <c r="A83924" s="13" t="s">
        <v>422</v>
      </c>
      <c r="B83924" s="14" t="s">
        <v>1</v>
      </c>
      <c r="C83924" s="14" t="s">
        <v>47</v>
      </c>
      <c r="D83924" s="14" t="s">
        <v>173</v>
      </c>
      <c r="E83924" s="15">
        <v>45715</v>
      </c>
      <c r="F83924" s="14" t="s">
        <v>25</v>
      </c>
      <c r="G83924" s="16">
        <v>0</v>
      </c>
    </row>
    <row r="83925" spans="1:7" x14ac:dyDescent="0.3">
      <c r="A83925" s="13" t="s">
        <v>422</v>
      </c>
      <c r="B83925" s="14" t="s">
        <v>1</v>
      </c>
      <c r="C83925" s="14" t="s">
        <v>47</v>
      </c>
      <c r="D83925" s="14" t="s">
        <v>173</v>
      </c>
      <c r="E83925" s="15">
        <v>45716</v>
      </c>
      <c r="F83925" s="14" t="s">
        <v>25</v>
      </c>
      <c r="G83925" s="16">
        <v>0</v>
      </c>
    </row>
    <row r="83926" spans="1:7" x14ac:dyDescent="0.3">
      <c r="A83926" s="13" t="s">
        <v>422</v>
      </c>
      <c r="B83926" s="14" t="s">
        <v>1</v>
      </c>
      <c r="C83926" s="14" t="s">
        <v>47</v>
      </c>
      <c r="D83926" s="14" t="s">
        <v>173</v>
      </c>
      <c r="E83926" s="15">
        <v>45717</v>
      </c>
      <c r="F83926" s="14" t="s">
        <v>25</v>
      </c>
      <c r="G83926" s="16">
        <v>0</v>
      </c>
    </row>
    <row r="83927" spans="1:7" x14ac:dyDescent="0.3">
      <c r="A83927" s="13" t="s">
        <v>422</v>
      </c>
      <c r="B83927" s="14" t="s">
        <v>1</v>
      </c>
      <c r="C83927" s="14" t="s">
        <v>47</v>
      </c>
      <c r="D83927" s="14" t="s">
        <v>173</v>
      </c>
      <c r="E83927" s="15">
        <v>45718</v>
      </c>
      <c r="F83927" s="14" t="s">
        <v>25</v>
      </c>
      <c r="G83927" s="16">
        <v>0</v>
      </c>
    </row>
    <row r="83928" spans="1:7" x14ac:dyDescent="0.3">
      <c r="A83928" s="13" t="s">
        <v>422</v>
      </c>
      <c r="B83928" s="14" t="s">
        <v>1</v>
      </c>
      <c r="C83928" s="14" t="s">
        <v>47</v>
      </c>
      <c r="D83928" s="14" t="s">
        <v>173</v>
      </c>
      <c r="E83928" s="15">
        <v>45719</v>
      </c>
      <c r="F83928" s="14" t="s">
        <v>25</v>
      </c>
      <c r="G83928" s="16">
        <v>0</v>
      </c>
    </row>
    <row r="83929" spans="1:7" x14ac:dyDescent="0.3">
      <c r="A83929" s="13" t="s">
        <v>422</v>
      </c>
      <c r="B83929" s="14" t="s">
        <v>1</v>
      </c>
      <c r="C83929" s="14" t="s">
        <v>47</v>
      </c>
      <c r="D83929" s="14" t="s">
        <v>173</v>
      </c>
      <c r="E83929" s="15">
        <v>45720</v>
      </c>
      <c r="F83929" s="14" t="s">
        <v>25</v>
      </c>
      <c r="G83929" s="16">
        <v>0</v>
      </c>
    </row>
    <row r="83930" spans="1:7" x14ac:dyDescent="0.3">
      <c r="A83930" s="13" t="s">
        <v>422</v>
      </c>
      <c r="B83930" s="14" t="s">
        <v>1</v>
      </c>
      <c r="C83930" s="14" t="s">
        <v>47</v>
      </c>
      <c r="D83930" s="14" t="s">
        <v>173</v>
      </c>
      <c r="E83930" s="15">
        <v>45721</v>
      </c>
      <c r="F83930" s="14" t="s">
        <v>25</v>
      </c>
      <c r="G83930" s="16">
        <v>0</v>
      </c>
    </row>
    <row r="83931" spans="1:7" x14ac:dyDescent="0.3">
      <c r="A83931" s="13" t="s">
        <v>422</v>
      </c>
      <c r="B83931" s="14" t="s">
        <v>1</v>
      </c>
      <c r="C83931" s="14" t="s">
        <v>47</v>
      </c>
      <c r="D83931" s="14" t="s">
        <v>173</v>
      </c>
      <c r="E83931" s="15">
        <v>45722</v>
      </c>
      <c r="F83931" s="14" t="s">
        <v>25</v>
      </c>
      <c r="G83931" s="16">
        <v>0</v>
      </c>
    </row>
    <row r="83932" spans="1:7" x14ac:dyDescent="0.3">
      <c r="A83932" s="13" t="s">
        <v>422</v>
      </c>
      <c r="B83932" s="14" t="s">
        <v>1</v>
      </c>
      <c r="C83932" s="14" t="s">
        <v>47</v>
      </c>
      <c r="D83932" s="14" t="s">
        <v>173</v>
      </c>
      <c r="E83932" s="15">
        <v>45723</v>
      </c>
      <c r="F83932" s="14" t="s">
        <v>25</v>
      </c>
      <c r="G83932" s="16">
        <v>0</v>
      </c>
    </row>
    <row r="83933" spans="1:7" x14ac:dyDescent="0.3">
      <c r="A83933" s="13" t="s">
        <v>422</v>
      </c>
      <c r="B83933" s="14" t="s">
        <v>1</v>
      </c>
      <c r="C83933" s="14" t="s">
        <v>47</v>
      </c>
      <c r="D83933" s="14" t="s">
        <v>173</v>
      </c>
      <c r="E83933" s="15">
        <v>45724</v>
      </c>
      <c r="F83933" s="14" t="s">
        <v>25</v>
      </c>
      <c r="G83933" s="16">
        <v>0</v>
      </c>
    </row>
    <row r="83934" spans="1:7" x14ac:dyDescent="0.3">
      <c r="A83934" s="13" t="s">
        <v>422</v>
      </c>
      <c r="B83934" s="14" t="s">
        <v>1</v>
      </c>
      <c r="C83934" s="14" t="s">
        <v>47</v>
      </c>
      <c r="D83934" s="14" t="s">
        <v>173</v>
      </c>
      <c r="E83934" s="15">
        <v>45725</v>
      </c>
      <c r="F83934" s="14" t="s">
        <v>25</v>
      </c>
      <c r="G83934" s="16">
        <v>0</v>
      </c>
    </row>
    <row r="83935" spans="1:7" x14ac:dyDescent="0.3">
      <c r="A83935" s="13" t="s">
        <v>422</v>
      </c>
      <c r="B83935" s="14" t="s">
        <v>1</v>
      </c>
      <c r="C83935" s="14" t="s">
        <v>47</v>
      </c>
      <c r="D83935" s="14" t="s">
        <v>173</v>
      </c>
      <c r="E83935" s="15">
        <v>45726</v>
      </c>
      <c r="F83935" s="14" t="s">
        <v>25</v>
      </c>
      <c r="G83935" s="16">
        <v>0</v>
      </c>
    </row>
    <row r="83936" spans="1:7" x14ac:dyDescent="0.3">
      <c r="A83936" s="13" t="s">
        <v>422</v>
      </c>
      <c r="B83936" s="14" t="s">
        <v>1</v>
      </c>
      <c r="C83936" s="14" t="s">
        <v>47</v>
      </c>
      <c r="D83936" s="14" t="s">
        <v>173</v>
      </c>
      <c r="E83936" s="15">
        <v>45727</v>
      </c>
      <c r="F83936" s="14" t="s">
        <v>25</v>
      </c>
      <c r="G83936" s="16">
        <v>0</v>
      </c>
    </row>
    <row r="83937" spans="1:7" x14ac:dyDescent="0.3">
      <c r="A83937" s="13" t="s">
        <v>422</v>
      </c>
      <c r="B83937" s="14" t="s">
        <v>1</v>
      </c>
      <c r="C83937" s="14" t="s">
        <v>47</v>
      </c>
      <c r="D83937" s="14" t="s">
        <v>173</v>
      </c>
      <c r="E83937" s="15">
        <v>45728</v>
      </c>
      <c r="F83937" s="14" t="s">
        <v>25</v>
      </c>
      <c r="G83937" s="16">
        <v>0</v>
      </c>
    </row>
    <row r="83938" spans="1:7" x14ac:dyDescent="0.3">
      <c r="A83938" s="13" t="s">
        <v>422</v>
      </c>
      <c r="B83938" s="14" t="s">
        <v>1</v>
      </c>
      <c r="C83938" s="14" t="s">
        <v>47</v>
      </c>
      <c r="D83938" s="14" t="s">
        <v>173</v>
      </c>
      <c r="E83938" s="15">
        <v>45729</v>
      </c>
      <c r="F83938" s="14" t="s">
        <v>25</v>
      </c>
      <c r="G83938" s="16">
        <v>0</v>
      </c>
    </row>
    <row r="83939" spans="1:7" x14ac:dyDescent="0.3">
      <c r="A83939" s="13" t="s">
        <v>422</v>
      </c>
      <c r="B83939" s="14" t="s">
        <v>1</v>
      </c>
      <c r="C83939" s="14" t="s">
        <v>47</v>
      </c>
      <c r="D83939" s="14" t="s">
        <v>173</v>
      </c>
      <c r="E83939" s="15">
        <v>45730</v>
      </c>
      <c r="F83939" s="14" t="s">
        <v>25</v>
      </c>
      <c r="G83939" s="16">
        <v>0</v>
      </c>
    </row>
    <row r="83940" spans="1:7" x14ac:dyDescent="0.3">
      <c r="A83940" s="13" t="s">
        <v>422</v>
      </c>
      <c r="B83940" s="14" t="s">
        <v>1</v>
      </c>
      <c r="C83940" s="14" t="s">
        <v>47</v>
      </c>
      <c r="D83940" s="14" t="s">
        <v>173</v>
      </c>
      <c r="E83940" s="15">
        <v>45731</v>
      </c>
      <c r="F83940" s="14" t="s">
        <v>25</v>
      </c>
      <c r="G83940" s="16">
        <v>0</v>
      </c>
    </row>
    <row r="83941" spans="1:7" x14ac:dyDescent="0.3">
      <c r="A83941" s="13" t="s">
        <v>422</v>
      </c>
      <c r="B83941" s="14" t="s">
        <v>1</v>
      </c>
      <c r="C83941" s="14" t="s">
        <v>47</v>
      </c>
      <c r="D83941" s="14" t="s">
        <v>173</v>
      </c>
      <c r="E83941" s="15">
        <v>45732</v>
      </c>
      <c r="F83941" s="14" t="s">
        <v>25</v>
      </c>
      <c r="G83941" s="16">
        <v>0</v>
      </c>
    </row>
    <row r="83942" spans="1:7" x14ac:dyDescent="0.3">
      <c r="A83942" s="13" t="s">
        <v>422</v>
      </c>
      <c r="B83942" s="14" t="s">
        <v>1</v>
      </c>
      <c r="C83942" s="14" t="s">
        <v>47</v>
      </c>
      <c r="D83942" s="14" t="s">
        <v>173</v>
      </c>
      <c r="E83942" s="15">
        <v>45733</v>
      </c>
      <c r="F83942" s="14" t="s">
        <v>25</v>
      </c>
      <c r="G83942" s="16">
        <v>0</v>
      </c>
    </row>
    <row r="83943" spans="1:7" x14ac:dyDescent="0.3">
      <c r="A83943" s="13" t="s">
        <v>422</v>
      </c>
      <c r="B83943" s="14" t="s">
        <v>1</v>
      </c>
      <c r="C83943" s="14" t="s">
        <v>47</v>
      </c>
      <c r="D83943" s="14" t="s">
        <v>173</v>
      </c>
      <c r="E83943" s="15">
        <v>45734</v>
      </c>
      <c r="F83943" s="14" t="s">
        <v>25</v>
      </c>
      <c r="G83943" s="16">
        <v>0</v>
      </c>
    </row>
    <row r="83944" spans="1:7" x14ac:dyDescent="0.3">
      <c r="A83944" s="13" t="s">
        <v>422</v>
      </c>
      <c r="B83944" s="14" t="s">
        <v>1</v>
      </c>
      <c r="C83944" s="14" t="s">
        <v>47</v>
      </c>
      <c r="D83944" s="14" t="s">
        <v>173</v>
      </c>
      <c r="E83944" s="15">
        <v>45735</v>
      </c>
      <c r="F83944" s="14" t="s">
        <v>25</v>
      </c>
      <c r="G83944" s="16">
        <v>0</v>
      </c>
    </row>
    <row r="83945" spans="1:7" x14ac:dyDescent="0.3">
      <c r="A83945" s="13" t="s">
        <v>422</v>
      </c>
      <c r="B83945" s="14" t="s">
        <v>1</v>
      </c>
      <c r="C83945" s="14" t="s">
        <v>47</v>
      </c>
      <c r="D83945" s="14" t="s">
        <v>173</v>
      </c>
      <c r="E83945" s="15">
        <v>45736</v>
      </c>
      <c r="F83945" s="14" t="s">
        <v>25</v>
      </c>
      <c r="G83945" s="16">
        <v>0</v>
      </c>
    </row>
    <row r="83946" spans="1:7" x14ac:dyDescent="0.3">
      <c r="A83946" s="13" t="s">
        <v>422</v>
      </c>
      <c r="B83946" s="14" t="s">
        <v>1</v>
      </c>
      <c r="C83946" s="14" t="s">
        <v>47</v>
      </c>
      <c r="D83946" s="14" t="s">
        <v>173</v>
      </c>
      <c r="E83946" s="15">
        <v>45737</v>
      </c>
      <c r="F83946" s="14" t="s">
        <v>25</v>
      </c>
      <c r="G83946" s="16">
        <v>0</v>
      </c>
    </row>
    <row r="83947" spans="1:7" x14ac:dyDescent="0.3">
      <c r="A83947" s="13" t="s">
        <v>422</v>
      </c>
      <c r="B83947" s="14" t="s">
        <v>1</v>
      </c>
      <c r="C83947" s="14" t="s">
        <v>47</v>
      </c>
      <c r="D83947" s="14" t="s">
        <v>173</v>
      </c>
      <c r="E83947" s="15">
        <v>45738</v>
      </c>
      <c r="F83947" s="14" t="s">
        <v>25</v>
      </c>
      <c r="G83947" s="16">
        <v>0</v>
      </c>
    </row>
    <row r="83948" spans="1:7" x14ac:dyDescent="0.3">
      <c r="A83948" s="13" t="s">
        <v>422</v>
      </c>
      <c r="B83948" s="14" t="s">
        <v>1</v>
      </c>
      <c r="C83948" s="14" t="s">
        <v>47</v>
      </c>
      <c r="D83948" s="14" t="s">
        <v>173</v>
      </c>
      <c r="E83948" s="15">
        <v>45739</v>
      </c>
      <c r="F83948" s="14" t="s">
        <v>25</v>
      </c>
      <c r="G83948" s="16">
        <v>0</v>
      </c>
    </row>
    <row r="83949" spans="1:7" x14ac:dyDescent="0.3">
      <c r="A83949" s="13" t="s">
        <v>422</v>
      </c>
      <c r="B83949" s="14" t="s">
        <v>1</v>
      </c>
      <c r="C83949" s="14" t="s">
        <v>47</v>
      </c>
      <c r="D83949" s="14" t="s">
        <v>173</v>
      </c>
      <c r="E83949" s="15">
        <v>45740</v>
      </c>
      <c r="F83949" s="14" t="s">
        <v>25</v>
      </c>
      <c r="G83949" s="16">
        <v>0</v>
      </c>
    </row>
    <row r="83950" spans="1:7" x14ac:dyDescent="0.3">
      <c r="A83950" s="13" t="s">
        <v>422</v>
      </c>
      <c r="B83950" s="14" t="s">
        <v>1</v>
      </c>
      <c r="C83950" s="14" t="s">
        <v>47</v>
      </c>
      <c r="D83950" s="14" t="s">
        <v>173</v>
      </c>
      <c r="E83950" s="15">
        <v>45741</v>
      </c>
      <c r="F83950" s="14" t="s">
        <v>25</v>
      </c>
      <c r="G83950" s="16">
        <v>0</v>
      </c>
    </row>
    <row r="83951" spans="1:7" x14ac:dyDescent="0.3">
      <c r="A83951" s="13" t="s">
        <v>422</v>
      </c>
      <c r="B83951" s="14" t="s">
        <v>1</v>
      </c>
      <c r="C83951" s="14" t="s">
        <v>47</v>
      </c>
      <c r="D83951" s="14" t="s">
        <v>173</v>
      </c>
      <c r="E83951" s="15">
        <v>45742</v>
      </c>
      <c r="F83951" s="14" t="s">
        <v>25</v>
      </c>
      <c r="G83951" s="16">
        <v>0</v>
      </c>
    </row>
    <row r="83952" spans="1:7" x14ac:dyDescent="0.3">
      <c r="A83952" s="13" t="s">
        <v>422</v>
      </c>
      <c r="B83952" s="14" t="s">
        <v>1</v>
      </c>
      <c r="C83952" s="14" t="s">
        <v>47</v>
      </c>
      <c r="D83952" s="14" t="s">
        <v>173</v>
      </c>
      <c r="E83952" s="15">
        <v>45743</v>
      </c>
      <c r="F83952" s="14" t="s">
        <v>25</v>
      </c>
      <c r="G83952" s="16">
        <v>0</v>
      </c>
    </row>
    <row r="83953" spans="1:7" x14ac:dyDescent="0.3">
      <c r="A83953" s="13" t="s">
        <v>422</v>
      </c>
      <c r="B83953" s="14" t="s">
        <v>1</v>
      </c>
      <c r="C83953" s="14" t="s">
        <v>47</v>
      </c>
      <c r="D83953" s="14" t="s">
        <v>173</v>
      </c>
      <c r="E83953" s="15">
        <v>45744</v>
      </c>
      <c r="F83953" s="14" t="s">
        <v>25</v>
      </c>
      <c r="G83953" s="16">
        <v>0</v>
      </c>
    </row>
    <row r="83954" spans="1:7" x14ac:dyDescent="0.3">
      <c r="A83954" s="13" t="s">
        <v>422</v>
      </c>
      <c r="B83954" s="14" t="s">
        <v>1</v>
      </c>
      <c r="C83954" s="14" t="s">
        <v>47</v>
      </c>
      <c r="D83954" s="14" t="s">
        <v>173</v>
      </c>
      <c r="E83954" s="15">
        <v>45745</v>
      </c>
      <c r="F83954" s="14" t="s">
        <v>25</v>
      </c>
      <c r="G83954" s="16">
        <v>0</v>
      </c>
    </row>
    <row r="83955" spans="1:7" x14ac:dyDescent="0.3">
      <c r="A83955" s="13" t="s">
        <v>422</v>
      </c>
      <c r="B83955" s="14" t="s">
        <v>1</v>
      </c>
      <c r="C83955" s="14" t="s">
        <v>47</v>
      </c>
      <c r="D83955" s="14" t="s">
        <v>173</v>
      </c>
      <c r="E83955" s="15">
        <v>45746</v>
      </c>
      <c r="F83955" s="14" t="s">
        <v>25</v>
      </c>
      <c r="G83955" s="16">
        <v>0</v>
      </c>
    </row>
    <row r="83956" spans="1:7" x14ac:dyDescent="0.3">
      <c r="A83956" s="13" t="s">
        <v>422</v>
      </c>
      <c r="B83956" s="14" t="s">
        <v>1</v>
      </c>
      <c r="C83956" s="14" t="s">
        <v>47</v>
      </c>
      <c r="D83956" s="14" t="s">
        <v>173</v>
      </c>
      <c r="E83956" s="15">
        <v>45747</v>
      </c>
      <c r="F83956" s="14" t="s">
        <v>25</v>
      </c>
      <c r="G83956" s="16">
        <v>0</v>
      </c>
    </row>
    <row r="83957" spans="1:7" x14ac:dyDescent="0.3">
      <c r="A83957" s="13" t="s">
        <v>423</v>
      </c>
      <c r="B83957" s="14" t="s">
        <v>1</v>
      </c>
      <c r="C83957" s="14" t="s">
        <v>70</v>
      </c>
      <c r="D83957" s="14" t="s">
        <v>424</v>
      </c>
      <c r="E83957" s="15">
        <v>45383</v>
      </c>
      <c r="F83957" s="14" t="s">
        <v>28</v>
      </c>
      <c r="G83957" s="16">
        <v>0</v>
      </c>
    </row>
    <row r="83958" spans="1:7" x14ac:dyDescent="0.3">
      <c r="A83958" s="13" t="s">
        <v>423</v>
      </c>
      <c r="B83958" s="14" t="s">
        <v>1</v>
      </c>
      <c r="C83958" s="14" t="s">
        <v>70</v>
      </c>
      <c r="D83958" s="14" t="s">
        <v>424</v>
      </c>
      <c r="E83958" s="15">
        <v>45384</v>
      </c>
      <c r="F83958" s="14" t="s">
        <v>28</v>
      </c>
      <c r="G83958" s="16">
        <v>0</v>
      </c>
    </row>
    <row r="83959" spans="1:7" x14ac:dyDescent="0.3">
      <c r="A83959" s="13" t="s">
        <v>423</v>
      </c>
      <c r="B83959" s="14" t="s">
        <v>1</v>
      </c>
      <c r="C83959" s="14" t="s">
        <v>70</v>
      </c>
      <c r="D83959" s="14" t="s">
        <v>424</v>
      </c>
      <c r="E83959" s="15">
        <v>45385</v>
      </c>
      <c r="F83959" s="14" t="s">
        <v>28</v>
      </c>
      <c r="G83959" s="16">
        <v>3.1773328572981346E-2</v>
      </c>
    </row>
    <row r="83960" spans="1:7" x14ac:dyDescent="0.3">
      <c r="A83960" s="13" t="s">
        <v>423</v>
      </c>
      <c r="B83960" s="14" t="s">
        <v>1</v>
      </c>
      <c r="C83960" s="14" t="s">
        <v>70</v>
      </c>
      <c r="D83960" s="14" t="s">
        <v>424</v>
      </c>
      <c r="E83960" s="15">
        <v>45386</v>
      </c>
      <c r="F83960" s="14" t="s">
        <v>28</v>
      </c>
      <c r="G83960" s="16">
        <v>4.0584751416717094E-2</v>
      </c>
    </row>
    <row r="83961" spans="1:7" x14ac:dyDescent="0.3">
      <c r="A83961" s="13" t="s">
        <v>423</v>
      </c>
      <c r="B83961" s="14" t="s">
        <v>1</v>
      </c>
      <c r="C83961" s="14" t="s">
        <v>70</v>
      </c>
      <c r="D83961" s="14" t="s">
        <v>424</v>
      </c>
      <c r="E83961" s="15">
        <v>45387</v>
      </c>
      <c r="F83961" s="14" t="s">
        <v>28</v>
      </c>
      <c r="G83961" s="16">
        <v>5.8333945516010934E-2</v>
      </c>
    </row>
    <row r="83962" spans="1:7" x14ac:dyDescent="0.3">
      <c r="A83962" s="13" t="s">
        <v>423</v>
      </c>
      <c r="B83962" s="14" t="s">
        <v>1</v>
      </c>
      <c r="C83962" s="14" t="s">
        <v>70</v>
      </c>
      <c r="D83962" s="14" t="s">
        <v>424</v>
      </c>
      <c r="E83962" s="15">
        <v>45388</v>
      </c>
      <c r="F83962" s="14" t="s">
        <v>28</v>
      </c>
      <c r="G83962" s="16">
        <v>5.8333945516010934E-2</v>
      </c>
    </row>
    <row r="83963" spans="1:7" x14ac:dyDescent="0.3">
      <c r="A83963" s="13" t="s">
        <v>423</v>
      </c>
      <c r="B83963" s="14" t="s">
        <v>1</v>
      </c>
      <c r="C83963" s="14" t="s">
        <v>70</v>
      </c>
      <c r="D83963" s="14" t="s">
        <v>424</v>
      </c>
      <c r="E83963" s="15">
        <v>45389</v>
      </c>
      <c r="F83963" s="14" t="s">
        <v>28</v>
      </c>
      <c r="G83963" s="16">
        <v>5.8333945516010934E-2</v>
      </c>
    </row>
    <row r="83964" spans="1:7" x14ac:dyDescent="0.3">
      <c r="A83964" s="13" t="s">
        <v>423</v>
      </c>
      <c r="B83964" s="14" t="s">
        <v>1</v>
      </c>
      <c r="C83964" s="14" t="s">
        <v>70</v>
      </c>
      <c r="D83964" s="14" t="s">
        <v>424</v>
      </c>
      <c r="E83964" s="15">
        <v>45390</v>
      </c>
      <c r="F83964" s="14" t="s">
        <v>28</v>
      </c>
      <c r="G83964" s="16">
        <v>7.8105906923677179E-2</v>
      </c>
    </row>
    <row r="83965" spans="1:7" x14ac:dyDescent="0.3">
      <c r="A83965" s="13" t="s">
        <v>423</v>
      </c>
      <c r="B83965" s="14" t="s">
        <v>1</v>
      </c>
      <c r="C83965" s="14" t="s">
        <v>70</v>
      </c>
      <c r="D83965" s="14" t="s">
        <v>424</v>
      </c>
      <c r="E83965" s="15">
        <v>45391</v>
      </c>
      <c r="F83965" s="14" t="s">
        <v>28</v>
      </c>
      <c r="G83965" s="16">
        <v>9.215559797013112E-2</v>
      </c>
    </row>
    <row r="83966" spans="1:7" x14ac:dyDescent="0.3">
      <c r="A83966" s="13" t="s">
        <v>423</v>
      </c>
      <c r="B83966" s="14" t="s">
        <v>1</v>
      </c>
      <c r="C83966" s="14" t="s">
        <v>70</v>
      </c>
      <c r="D83966" s="14" t="s">
        <v>424</v>
      </c>
      <c r="E83966" s="15">
        <v>45392</v>
      </c>
      <c r="F83966" s="14" t="s">
        <v>28</v>
      </c>
      <c r="G83966" s="16">
        <v>0.11036699991863741</v>
      </c>
    </row>
    <row r="83967" spans="1:7" x14ac:dyDescent="0.3">
      <c r="A83967" s="13" t="s">
        <v>423</v>
      </c>
      <c r="B83967" s="14" t="s">
        <v>1</v>
      </c>
      <c r="C83967" s="14" t="s">
        <v>70</v>
      </c>
      <c r="D83967" s="14" t="s">
        <v>424</v>
      </c>
      <c r="E83967" s="15">
        <v>45393</v>
      </c>
      <c r="F83967" s="14" t="s">
        <v>28</v>
      </c>
      <c r="G83967" s="16">
        <v>0.11386703633451453</v>
      </c>
    </row>
    <row r="83968" spans="1:7" x14ac:dyDescent="0.3">
      <c r="A83968" s="13" t="s">
        <v>423</v>
      </c>
      <c r="B83968" s="14" t="s">
        <v>1</v>
      </c>
      <c r="C83968" s="14" t="s">
        <v>70</v>
      </c>
      <c r="D83968" s="14" t="s">
        <v>424</v>
      </c>
      <c r="E83968" s="15">
        <v>45394</v>
      </c>
      <c r="F83968" s="14" t="s">
        <v>28</v>
      </c>
      <c r="G83968" s="16">
        <v>0.1185449080517923</v>
      </c>
    </row>
    <row r="83969" spans="1:7" x14ac:dyDescent="0.3">
      <c r="A83969" s="13" t="s">
        <v>423</v>
      </c>
      <c r="B83969" s="14" t="s">
        <v>1</v>
      </c>
      <c r="C83969" s="14" t="s">
        <v>70</v>
      </c>
      <c r="D83969" s="14" t="s">
        <v>424</v>
      </c>
      <c r="E83969" s="15">
        <v>45395</v>
      </c>
      <c r="F83969" s="14" t="s">
        <v>28</v>
      </c>
      <c r="G83969" s="16">
        <v>0.1185449080517923</v>
      </c>
    </row>
    <row r="83970" spans="1:7" x14ac:dyDescent="0.3">
      <c r="A83970" s="13" t="s">
        <v>423</v>
      </c>
      <c r="B83970" s="14" t="s">
        <v>1</v>
      </c>
      <c r="C83970" s="14" t="s">
        <v>70</v>
      </c>
      <c r="D83970" s="14" t="s">
        <v>424</v>
      </c>
      <c r="E83970" s="15">
        <v>45396</v>
      </c>
      <c r="F83970" s="14" t="s">
        <v>28</v>
      </c>
      <c r="G83970" s="16">
        <v>0.1185449080517923</v>
      </c>
    </row>
    <row r="83971" spans="1:7" x14ac:dyDescent="0.3">
      <c r="A83971" s="13" t="s">
        <v>423</v>
      </c>
      <c r="B83971" s="14" t="s">
        <v>1</v>
      </c>
      <c r="C83971" s="14" t="s">
        <v>70</v>
      </c>
      <c r="D83971" s="14" t="s">
        <v>424</v>
      </c>
      <c r="E83971" s="15">
        <v>45397</v>
      </c>
      <c r="F83971" s="14" t="s">
        <v>28</v>
      </c>
      <c r="G83971" s="16">
        <v>0.14427575526108596</v>
      </c>
    </row>
    <row r="83972" spans="1:7" x14ac:dyDescent="0.3">
      <c r="A83972" s="13" t="s">
        <v>423</v>
      </c>
      <c r="B83972" s="14" t="s">
        <v>1</v>
      </c>
      <c r="C83972" s="14" t="s">
        <v>70</v>
      </c>
      <c r="D83972" s="14" t="s">
        <v>424</v>
      </c>
      <c r="E83972" s="15">
        <v>45398</v>
      </c>
      <c r="F83972" s="14" t="s">
        <v>28</v>
      </c>
      <c r="G83972" s="16">
        <v>0.15895267574295324</v>
      </c>
    </row>
    <row r="83973" spans="1:7" x14ac:dyDescent="0.3">
      <c r="A83973" s="13" t="s">
        <v>423</v>
      </c>
      <c r="B83973" s="14" t="s">
        <v>1</v>
      </c>
      <c r="C83973" s="14" t="s">
        <v>70</v>
      </c>
      <c r="D83973" s="14" t="s">
        <v>424</v>
      </c>
      <c r="E83973" s="15">
        <v>45399</v>
      </c>
      <c r="F83973" s="14" t="s">
        <v>28</v>
      </c>
      <c r="G83973" s="16">
        <v>0.20113301512703516</v>
      </c>
    </row>
    <row r="83974" spans="1:7" x14ac:dyDescent="0.3">
      <c r="A83974" s="13" t="s">
        <v>423</v>
      </c>
      <c r="B83974" s="14" t="s">
        <v>1</v>
      </c>
      <c r="C83974" s="14" t="s">
        <v>70</v>
      </c>
      <c r="D83974" s="14" t="s">
        <v>424</v>
      </c>
      <c r="E83974" s="15">
        <v>45400</v>
      </c>
      <c r="F83974" s="14" t="s">
        <v>28</v>
      </c>
      <c r="G83974" s="16">
        <v>0.20531974511164344</v>
      </c>
    </row>
    <row r="83975" spans="1:7" x14ac:dyDescent="0.3">
      <c r="A83975" s="13" t="s">
        <v>423</v>
      </c>
      <c r="B83975" s="14" t="s">
        <v>1</v>
      </c>
      <c r="C83975" s="14" t="s">
        <v>70</v>
      </c>
      <c r="D83975" s="14" t="s">
        <v>424</v>
      </c>
      <c r="E83975" s="15">
        <v>45401</v>
      </c>
      <c r="F83975" s="14" t="s">
        <v>28</v>
      </c>
      <c r="G83975" s="16">
        <v>0.21422958086465618</v>
      </c>
    </row>
    <row r="83976" spans="1:7" x14ac:dyDescent="0.3">
      <c r="A83976" s="13" t="s">
        <v>423</v>
      </c>
      <c r="B83976" s="14" t="s">
        <v>1</v>
      </c>
      <c r="C83976" s="14" t="s">
        <v>70</v>
      </c>
      <c r="D83976" s="14" t="s">
        <v>424</v>
      </c>
      <c r="E83976" s="15">
        <v>45402</v>
      </c>
      <c r="F83976" s="14" t="s">
        <v>28</v>
      </c>
      <c r="G83976" s="16">
        <v>0.21422958086465618</v>
      </c>
    </row>
    <row r="83977" spans="1:7" x14ac:dyDescent="0.3">
      <c r="A83977" s="13" t="s">
        <v>423</v>
      </c>
      <c r="B83977" s="14" t="s">
        <v>1</v>
      </c>
      <c r="C83977" s="14" t="s">
        <v>70</v>
      </c>
      <c r="D83977" s="14" t="s">
        <v>424</v>
      </c>
      <c r="E83977" s="15">
        <v>45403</v>
      </c>
      <c r="F83977" s="14" t="s">
        <v>28</v>
      </c>
      <c r="G83977" s="16">
        <v>0.21422958086465618</v>
      </c>
    </row>
    <row r="83978" spans="1:7" x14ac:dyDescent="0.3">
      <c r="A83978" s="13" t="s">
        <v>423</v>
      </c>
      <c r="B83978" s="14" t="s">
        <v>1</v>
      </c>
      <c r="C83978" s="14" t="s">
        <v>70</v>
      </c>
      <c r="D83978" s="14" t="s">
        <v>424</v>
      </c>
      <c r="E83978" s="15">
        <v>45404</v>
      </c>
      <c r="F83978" s="14" t="s">
        <v>28</v>
      </c>
      <c r="G83978" s="16">
        <v>0.22296998276579208</v>
      </c>
    </row>
    <row r="83979" spans="1:7" x14ac:dyDescent="0.3">
      <c r="A83979" s="13" t="s">
        <v>423</v>
      </c>
      <c r="B83979" s="14" t="s">
        <v>1</v>
      </c>
      <c r="C83979" s="14" t="s">
        <v>70</v>
      </c>
      <c r="D83979" s="14" t="s">
        <v>424</v>
      </c>
      <c r="E83979" s="15">
        <v>45405</v>
      </c>
      <c r="F83979" s="14" t="s">
        <v>28</v>
      </c>
      <c r="G83979" s="16">
        <v>0.25370396719181271</v>
      </c>
    </row>
    <row r="83980" spans="1:7" x14ac:dyDescent="0.3">
      <c r="A83980" s="13" t="s">
        <v>423</v>
      </c>
      <c r="B83980" s="14" t="s">
        <v>1</v>
      </c>
      <c r="C83980" s="14" t="s">
        <v>70</v>
      </c>
      <c r="D83980" s="14" t="s">
        <v>424</v>
      </c>
      <c r="E83980" s="15">
        <v>45406</v>
      </c>
      <c r="F83980" s="14" t="s">
        <v>28</v>
      </c>
      <c r="G83980" s="16">
        <v>0.26160755307998818</v>
      </c>
    </row>
    <row r="83981" spans="1:7" x14ac:dyDescent="0.3">
      <c r="A83981" s="13" t="s">
        <v>423</v>
      </c>
      <c r="B83981" s="14" t="s">
        <v>1</v>
      </c>
      <c r="C83981" s="14" t="s">
        <v>70</v>
      </c>
      <c r="D83981" s="14" t="s">
        <v>424</v>
      </c>
      <c r="E83981" s="15">
        <v>45407</v>
      </c>
      <c r="F83981" s="14" t="s">
        <v>28</v>
      </c>
      <c r="G83981" s="16">
        <v>0.30880690094961905</v>
      </c>
    </row>
    <row r="83982" spans="1:7" x14ac:dyDescent="0.3">
      <c r="A83982" s="13" t="s">
        <v>423</v>
      </c>
      <c r="B83982" s="14" t="s">
        <v>1</v>
      </c>
      <c r="C83982" s="14" t="s">
        <v>70</v>
      </c>
      <c r="D83982" s="14" t="s">
        <v>424</v>
      </c>
      <c r="E83982" s="15">
        <v>45408</v>
      </c>
      <c r="F83982" s="14" t="s">
        <v>28</v>
      </c>
      <c r="G83982" s="16">
        <v>0.31455386610425473</v>
      </c>
    </row>
    <row r="83983" spans="1:7" x14ac:dyDescent="0.3">
      <c r="A83983" s="13" t="s">
        <v>423</v>
      </c>
      <c r="B83983" s="14" t="s">
        <v>1</v>
      </c>
      <c r="C83983" s="14" t="s">
        <v>70</v>
      </c>
      <c r="D83983" s="14" t="s">
        <v>424</v>
      </c>
      <c r="E83983" s="15">
        <v>45409</v>
      </c>
      <c r="F83983" s="14" t="s">
        <v>28</v>
      </c>
      <c r="G83983" s="16">
        <v>0.31455386610425473</v>
      </c>
    </row>
    <row r="83984" spans="1:7" x14ac:dyDescent="0.3">
      <c r="A83984" s="13" t="s">
        <v>423</v>
      </c>
      <c r="B83984" s="14" t="s">
        <v>1</v>
      </c>
      <c r="C83984" s="14" t="s">
        <v>70</v>
      </c>
      <c r="D83984" s="14" t="s">
        <v>424</v>
      </c>
      <c r="E83984" s="15">
        <v>45410</v>
      </c>
      <c r="F83984" s="14" t="s">
        <v>28</v>
      </c>
      <c r="G83984" s="16">
        <v>0.31455386610425473</v>
      </c>
    </row>
    <row r="83985" spans="1:7" x14ac:dyDescent="0.3">
      <c r="A83985" s="13" t="s">
        <v>423</v>
      </c>
      <c r="B83985" s="14" t="s">
        <v>1</v>
      </c>
      <c r="C83985" s="14" t="s">
        <v>70</v>
      </c>
      <c r="D83985" s="14" t="s">
        <v>424</v>
      </c>
      <c r="E83985" s="15">
        <v>45411</v>
      </c>
      <c r="F83985" s="14" t="s">
        <v>28</v>
      </c>
      <c r="G83985" s="16">
        <v>0.31779677340904539</v>
      </c>
    </row>
    <row r="83986" spans="1:7" x14ac:dyDescent="0.3">
      <c r="A83986" s="13" t="s">
        <v>423</v>
      </c>
      <c r="B83986" s="14" t="s">
        <v>1</v>
      </c>
      <c r="C83986" s="14" t="s">
        <v>70</v>
      </c>
      <c r="D83986" s="14" t="s">
        <v>424</v>
      </c>
      <c r="E83986" s="15">
        <v>45412</v>
      </c>
      <c r="F83986" s="14" t="s">
        <v>28</v>
      </c>
      <c r="G83986" s="16">
        <v>0.33260423334508493</v>
      </c>
    </row>
    <row r="83987" spans="1:7" x14ac:dyDescent="0.3">
      <c r="A83987" s="13" t="s">
        <v>423</v>
      </c>
      <c r="B83987" s="14" t="s">
        <v>1</v>
      </c>
      <c r="C83987" s="14" t="s">
        <v>70</v>
      </c>
      <c r="D83987" s="14" t="s">
        <v>424</v>
      </c>
      <c r="E83987" s="15">
        <v>45413</v>
      </c>
      <c r="F83987" s="14" t="s">
        <v>28</v>
      </c>
      <c r="G83987" s="16">
        <v>0.33260423334508493</v>
      </c>
    </row>
    <row r="83988" spans="1:7" x14ac:dyDescent="0.3">
      <c r="A83988" s="13" t="s">
        <v>423</v>
      </c>
      <c r="B83988" s="14" t="s">
        <v>1</v>
      </c>
      <c r="C83988" s="14" t="s">
        <v>70</v>
      </c>
      <c r="D83988" s="14" t="s">
        <v>424</v>
      </c>
      <c r="E83988" s="15">
        <v>45414</v>
      </c>
      <c r="F83988" s="14" t="s">
        <v>28</v>
      </c>
      <c r="G83988" s="16">
        <v>0.37042767358403533</v>
      </c>
    </row>
    <row r="83989" spans="1:7" x14ac:dyDescent="0.3">
      <c r="A83989" s="13" t="s">
        <v>423</v>
      </c>
      <c r="B83989" s="14" t="s">
        <v>1</v>
      </c>
      <c r="C83989" s="14" t="s">
        <v>70</v>
      </c>
      <c r="D83989" s="14" t="s">
        <v>424</v>
      </c>
      <c r="E83989" s="15">
        <v>45415</v>
      </c>
      <c r="F83989" s="14" t="s">
        <v>28</v>
      </c>
      <c r="G83989" s="16">
        <v>0.37839129258416643</v>
      </c>
    </row>
    <row r="83990" spans="1:7" x14ac:dyDescent="0.3">
      <c r="A83990" s="13" t="s">
        <v>423</v>
      </c>
      <c r="B83990" s="14" t="s">
        <v>1</v>
      </c>
      <c r="C83990" s="14" t="s">
        <v>70</v>
      </c>
      <c r="D83990" s="14" t="s">
        <v>424</v>
      </c>
      <c r="E83990" s="15">
        <v>45416</v>
      </c>
      <c r="F83990" s="14" t="s">
        <v>28</v>
      </c>
      <c r="G83990" s="16">
        <v>0.37839129258416643</v>
      </c>
    </row>
    <row r="83991" spans="1:7" x14ac:dyDescent="0.3">
      <c r="A83991" s="13" t="s">
        <v>423</v>
      </c>
      <c r="B83991" s="14" t="s">
        <v>1</v>
      </c>
      <c r="C83991" s="14" t="s">
        <v>70</v>
      </c>
      <c r="D83991" s="14" t="s">
        <v>424</v>
      </c>
      <c r="E83991" s="15">
        <v>45417</v>
      </c>
      <c r="F83991" s="14" t="s">
        <v>28</v>
      </c>
      <c r="G83991" s="16">
        <v>0.37839129258416643</v>
      </c>
    </row>
    <row r="83992" spans="1:7" x14ac:dyDescent="0.3">
      <c r="A83992" s="13" t="s">
        <v>423</v>
      </c>
      <c r="B83992" s="14" t="s">
        <v>1</v>
      </c>
      <c r="C83992" s="14" t="s">
        <v>70</v>
      </c>
      <c r="D83992" s="14" t="s">
        <v>424</v>
      </c>
      <c r="E83992" s="15">
        <v>45418</v>
      </c>
      <c r="F83992" s="14" t="s">
        <v>28</v>
      </c>
      <c r="G83992" s="16">
        <v>0.37839129258416643</v>
      </c>
    </row>
    <row r="83993" spans="1:7" x14ac:dyDescent="0.3">
      <c r="A83993" s="13" t="s">
        <v>423</v>
      </c>
      <c r="B83993" s="14" t="s">
        <v>1</v>
      </c>
      <c r="C83993" s="14" t="s">
        <v>70</v>
      </c>
      <c r="D83993" s="14" t="s">
        <v>424</v>
      </c>
      <c r="E83993" s="15">
        <v>45419</v>
      </c>
      <c r="F83993" s="14" t="s">
        <v>28</v>
      </c>
      <c r="G83993" s="16">
        <v>0.40669082157968994</v>
      </c>
    </row>
    <row r="83994" spans="1:7" x14ac:dyDescent="0.3">
      <c r="A83994" s="13" t="s">
        <v>423</v>
      </c>
      <c r="B83994" s="14" t="s">
        <v>1</v>
      </c>
      <c r="C83994" s="14" t="s">
        <v>70</v>
      </c>
      <c r="D83994" s="14" t="s">
        <v>424</v>
      </c>
      <c r="E83994" s="15">
        <v>45420</v>
      </c>
      <c r="F83994" s="14" t="s">
        <v>28</v>
      </c>
      <c r="G83994" s="16">
        <v>0.42897136166484895</v>
      </c>
    </row>
    <row r="83995" spans="1:7" x14ac:dyDescent="0.3">
      <c r="A83995" s="13" t="s">
        <v>423</v>
      </c>
      <c r="B83995" s="14" t="s">
        <v>1</v>
      </c>
      <c r="C83995" s="14" t="s">
        <v>70</v>
      </c>
      <c r="D83995" s="14" t="s">
        <v>424</v>
      </c>
      <c r="E83995" s="15">
        <v>45421</v>
      </c>
      <c r="F83995" s="14" t="s">
        <v>28</v>
      </c>
      <c r="G83995" s="16">
        <v>0.42897136166484895</v>
      </c>
    </row>
    <row r="83996" spans="1:7" x14ac:dyDescent="0.3">
      <c r="A83996" s="13" t="s">
        <v>423</v>
      </c>
      <c r="B83996" s="14" t="s">
        <v>1</v>
      </c>
      <c r="C83996" s="14" t="s">
        <v>70</v>
      </c>
      <c r="D83996" s="14" t="s">
        <v>424</v>
      </c>
      <c r="E83996" s="15">
        <v>45422</v>
      </c>
      <c r="F83996" s="14" t="s">
        <v>28</v>
      </c>
      <c r="G83996" s="16">
        <v>0.43246501612933375</v>
      </c>
    </row>
    <row r="83997" spans="1:7" x14ac:dyDescent="0.3">
      <c r="A83997" s="13" t="s">
        <v>423</v>
      </c>
      <c r="B83997" s="14" t="s">
        <v>1</v>
      </c>
      <c r="C83997" s="14" t="s">
        <v>70</v>
      </c>
      <c r="D83997" s="14" t="s">
        <v>424</v>
      </c>
      <c r="E83997" s="15">
        <v>45423</v>
      </c>
      <c r="F83997" s="14" t="s">
        <v>28</v>
      </c>
      <c r="G83997" s="16">
        <v>0.43246501612933375</v>
      </c>
    </row>
    <row r="83998" spans="1:7" x14ac:dyDescent="0.3">
      <c r="A83998" s="13" t="s">
        <v>423</v>
      </c>
      <c r="B83998" s="14" t="s">
        <v>1</v>
      </c>
      <c r="C83998" s="14" t="s">
        <v>70</v>
      </c>
      <c r="D83998" s="14" t="s">
        <v>424</v>
      </c>
      <c r="E83998" s="15">
        <v>45424</v>
      </c>
      <c r="F83998" s="14" t="s">
        <v>28</v>
      </c>
      <c r="G83998" s="16">
        <v>0.43246501612933375</v>
      </c>
    </row>
    <row r="83999" spans="1:7" x14ac:dyDescent="0.3">
      <c r="A83999" s="13" t="s">
        <v>423</v>
      </c>
      <c r="B83999" s="14" t="s">
        <v>1</v>
      </c>
      <c r="C83999" s="14" t="s">
        <v>70</v>
      </c>
      <c r="D83999" s="14" t="s">
        <v>424</v>
      </c>
      <c r="E83999" s="15">
        <v>45425</v>
      </c>
      <c r="F83999" s="14" t="s">
        <v>28</v>
      </c>
      <c r="G83999" s="16">
        <v>0.54561727744731259</v>
      </c>
    </row>
    <row r="84000" spans="1:7" x14ac:dyDescent="0.3">
      <c r="A84000" s="13" t="s">
        <v>423</v>
      </c>
      <c r="B84000" s="14" t="s">
        <v>1</v>
      </c>
      <c r="C84000" s="14" t="s">
        <v>70</v>
      </c>
      <c r="D84000" s="14" t="s">
        <v>424</v>
      </c>
      <c r="E84000" s="15">
        <v>45426</v>
      </c>
      <c r="F84000" s="14" t="s">
        <v>28</v>
      </c>
      <c r="G84000" s="16">
        <v>0.58124205017104369</v>
      </c>
    </row>
    <row r="84001" spans="1:7" x14ac:dyDescent="0.3">
      <c r="A84001" s="13" t="s">
        <v>423</v>
      </c>
      <c r="B84001" s="14" t="s">
        <v>1</v>
      </c>
      <c r="C84001" s="14" t="s">
        <v>70</v>
      </c>
      <c r="D84001" s="14" t="s">
        <v>424</v>
      </c>
      <c r="E84001" s="15">
        <v>45427</v>
      </c>
      <c r="F84001" s="14" t="s">
        <v>28</v>
      </c>
      <c r="G84001" s="16">
        <v>0.58834492872696931</v>
      </c>
    </row>
    <row r="84002" spans="1:7" x14ac:dyDescent="0.3">
      <c r="A84002" s="13" t="s">
        <v>423</v>
      </c>
      <c r="B84002" s="14" t="s">
        <v>1</v>
      </c>
      <c r="C84002" s="14" t="s">
        <v>70</v>
      </c>
      <c r="D84002" s="14" t="s">
        <v>424</v>
      </c>
      <c r="E84002" s="15">
        <v>45428</v>
      </c>
      <c r="F84002" s="14" t="s">
        <v>28</v>
      </c>
      <c r="G84002" s="16">
        <v>0.59444172066713818</v>
      </c>
    </row>
    <row r="84003" spans="1:7" x14ac:dyDescent="0.3">
      <c r="A84003" s="13" t="s">
        <v>423</v>
      </c>
      <c r="B84003" s="14" t="s">
        <v>1</v>
      </c>
      <c r="C84003" s="14" t="s">
        <v>70</v>
      </c>
      <c r="D84003" s="14" t="s">
        <v>424</v>
      </c>
      <c r="E84003" s="15">
        <v>45429</v>
      </c>
      <c r="F84003" s="14" t="s">
        <v>28</v>
      </c>
      <c r="G84003" s="16">
        <v>0.68345037719853463</v>
      </c>
    </row>
    <row r="84004" spans="1:7" x14ac:dyDescent="0.3">
      <c r="A84004" s="13" t="s">
        <v>423</v>
      </c>
      <c r="B84004" s="14" t="s">
        <v>1</v>
      </c>
      <c r="C84004" s="14" t="s">
        <v>70</v>
      </c>
      <c r="D84004" s="14" t="s">
        <v>424</v>
      </c>
      <c r="E84004" s="15">
        <v>45430</v>
      </c>
      <c r="F84004" s="14" t="s">
        <v>28</v>
      </c>
      <c r="G84004" s="16">
        <v>0.68345037719853463</v>
      </c>
    </row>
    <row r="84005" spans="1:7" x14ac:dyDescent="0.3">
      <c r="A84005" s="13" t="s">
        <v>423</v>
      </c>
      <c r="B84005" s="14" t="s">
        <v>1</v>
      </c>
      <c r="C84005" s="14" t="s">
        <v>70</v>
      </c>
      <c r="D84005" s="14" t="s">
        <v>424</v>
      </c>
      <c r="E84005" s="15">
        <v>45431</v>
      </c>
      <c r="F84005" s="14" t="s">
        <v>28</v>
      </c>
      <c r="G84005" s="16">
        <v>0.68345037719853463</v>
      </c>
    </row>
    <row r="84006" spans="1:7" x14ac:dyDescent="0.3">
      <c r="A84006" s="13" t="s">
        <v>423</v>
      </c>
      <c r="B84006" s="14" t="s">
        <v>1</v>
      </c>
      <c r="C84006" s="14" t="s">
        <v>70</v>
      </c>
      <c r="D84006" s="14" t="s">
        <v>424</v>
      </c>
      <c r="E84006" s="15">
        <v>45432</v>
      </c>
      <c r="F84006" s="14" t="s">
        <v>28</v>
      </c>
      <c r="G84006" s="16">
        <v>0.68345037719853463</v>
      </c>
    </row>
    <row r="84007" spans="1:7" x14ac:dyDescent="0.3">
      <c r="A84007" s="13" t="s">
        <v>423</v>
      </c>
      <c r="B84007" s="14" t="s">
        <v>1</v>
      </c>
      <c r="C84007" s="14" t="s">
        <v>70</v>
      </c>
      <c r="D84007" s="14" t="s">
        <v>424</v>
      </c>
      <c r="E84007" s="15">
        <v>45433</v>
      </c>
      <c r="F84007" s="14" t="s">
        <v>28</v>
      </c>
      <c r="G84007" s="16">
        <v>0.68789050700187393</v>
      </c>
    </row>
    <row r="84008" spans="1:7" x14ac:dyDescent="0.3">
      <c r="A84008" s="13" t="s">
        <v>423</v>
      </c>
      <c r="B84008" s="14" t="s">
        <v>1</v>
      </c>
      <c r="C84008" s="14" t="s">
        <v>70</v>
      </c>
      <c r="D84008" s="14" t="s">
        <v>424</v>
      </c>
      <c r="E84008" s="15">
        <v>45434</v>
      </c>
      <c r="F84008" s="14" t="s">
        <v>28</v>
      </c>
      <c r="G84008" s="16">
        <v>0.72501967035581794</v>
      </c>
    </row>
    <row r="84009" spans="1:7" x14ac:dyDescent="0.3">
      <c r="A84009" s="13" t="s">
        <v>423</v>
      </c>
      <c r="B84009" s="14" t="s">
        <v>1</v>
      </c>
      <c r="C84009" s="14" t="s">
        <v>70</v>
      </c>
      <c r="D84009" s="14" t="s">
        <v>424</v>
      </c>
      <c r="E84009" s="15">
        <v>45435</v>
      </c>
      <c r="F84009" s="14" t="s">
        <v>28</v>
      </c>
      <c r="G84009" s="16">
        <v>0.73013711190565778</v>
      </c>
    </row>
    <row r="84010" spans="1:7" x14ac:dyDescent="0.3">
      <c r="A84010" s="13" t="s">
        <v>423</v>
      </c>
      <c r="B84010" s="14" t="s">
        <v>1</v>
      </c>
      <c r="C84010" s="14" t="s">
        <v>70</v>
      </c>
      <c r="D84010" s="14" t="s">
        <v>424</v>
      </c>
      <c r="E84010" s="15">
        <v>45436</v>
      </c>
      <c r="F84010" s="14" t="s">
        <v>28</v>
      </c>
      <c r="G84010" s="16">
        <v>0.73299135599263454</v>
      </c>
    </row>
    <row r="84011" spans="1:7" x14ac:dyDescent="0.3">
      <c r="A84011" s="13" t="s">
        <v>423</v>
      </c>
      <c r="B84011" s="14" t="s">
        <v>1</v>
      </c>
      <c r="C84011" s="14" t="s">
        <v>70</v>
      </c>
      <c r="D84011" s="14" t="s">
        <v>424</v>
      </c>
      <c r="E84011" s="15">
        <v>45437</v>
      </c>
      <c r="F84011" s="14" t="s">
        <v>28</v>
      </c>
      <c r="G84011" s="16">
        <v>0.73299135599263454</v>
      </c>
    </row>
    <row r="84012" spans="1:7" x14ac:dyDescent="0.3">
      <c r="A84012" s="13" t="s">
        <v>423</v>
      </c>
      <c r="B84012" s="14" t="s">
        <v>1</v>
      </c>
      <c r="C84012" s="14" t="s">
        <v>70</v>
      </c>
      <c r="D84012" s="14" t="s">
        <v>424</v>
      </c>
      <c r="E84012" s="15">
        <v>45438</v>
      </c>
      <c r="F84012" s="14" t="s">
        <v>28</v>
      </c>
      <c r="G84012" s="16">
        <v>0.73299135599263454</v>
      </c>
    </row>
    <row r="84013" spans="1:7" x14ac:dyDescent="0.3">
      <c r="A84013" s="13" t="s">
        <v>423</v>
      </c>
      <c r="B84013" s="14" t="s">
        <v>1</v>
      </c>
      <c r="C84013" s="14" t="s">
        <v>70</v>
      </c>
      <c r="D84013" s="14" t="s">
        <v>424</v>
      </c>
      <c r="E84013" s="15">
        <v>45439</v>
      </c>
      <c r="F84013" s="14" t="s">
        <v>28</v>
      </c>
      <c r="G84013" s="16">
        <v>0.72865608446677044</v>
      </c>
    </row>
    <row r="84014" spans="1:7" x14ac:dyDescent="0.3">
      <c r="A84014" s="13" t="s">
        <v>423</v>
      </c>
      <c r="B84014" s="14" t="s">
        <v>1</v>
      </c>
      <c r="C84014" s="14" t="s">
        <v>70</v>
      </c>
      <c r="D84014" s="14" t="s">
        <v>424</v>
      </c>
      <c r="E84014" s="15">
        <v>45440</v>
      </c>
      <c r="F84014" s="14" t="s">
        <v>28</v>
      </c>
      <c r="G84014" s="16">
        <v>0.7399089944868108</v>
      </c>
    </row>
    <row r="84015" spans="1:7" x14ac:dyDescent="0.3">
      <c r="A84015" s="13" t="s">
        <v>423</v>
      </c>
      <c r="B84015" s="14" t="s">
        <v>1</v>
      </c>
      <c r="C84015" s="14" t="s">
        <v>70</v>
      </c>
      <c r="D84015" s="14" t="s">
        <v>424</v>
      </c>
      <c r="E84015" s="15">
        <v>45441</v>
      </c>
      <c r="F84015" s="14" t="s">
        <v>28</v>
      </c>
      <c r="G84015" s="16">
        <v>0.74712379754598679</v>
      </c>
    </row>
    <row r="84016" spans="1:7" x14ac:dyDescent="0.3">
      <c r="A84016" s="13" t="s">
        <v>423</v>
      </c>
      <c r="B84016" s="14" t="s">
        <v>1</v>
      </c>
      <c r="C84016" s="14" t="s">
        <v>70</v>
      </c>
      <c r="D84016" s="14" t="s">
        <v>424</v>
      </c>
      <c r="E84016" s="15">
        <v>45442</v>
      </c>
      <c r="F84016" s="14" t="s">
        <v>28</v>
      </c>
      <c r="G84016" s="16">
        <v>0.74701636255187898</v>
      </c>
    </row>
    <row r="84017" spans="1:7" x14ac:dyDescent="0.3">
      <c r="A84017" s="13" t="s">
        <v>423</v>
      </c>
      <c r="B84017" s="14" t="s">
        <v>1</v>
      </c>
      <c r="C84017" s="14" t="s">
        <v>70</v>
      </c>
      <c r="D84017" s="14" t="s">
        <v>424</v>
      </c>
      <c r="E84017" s="15">
        <v>45443</v>
      </c>
      <c r="F84017" s="14" t="s">
        <v>28</v>
      </c>
      <c r="G84017" s="16">
        <v>0.75534007843601225</v>
      </c>
    </row>
    <row r="84018" spans="1:7" x14ac:dyDescent="0.3">
      <c r="A84018" s="13" t="s">
        <v>423</v>
      </c>
      <c r="B84018" s="14" t="s">
        <v>1</v>
      </c>
      <c r="C84018" s="14" t="s">
        <v>70</v>
      </c>
      <c r="D84018" s="14" t="s">
        <v>424</v>
      </c>
      <c r="E84018" s="15">
        <v>45444</v>
      </c>
      <c r="F84018" s="14" t="s">
        <v>28</v>
      </c>
      <c r="G84018" s="16">
        <v>0.75534007843601225</v>
      </c>
    </row>
    <row r="84019" spans="1:7" x14ac:dyDescent="0.3">
      <c r="A84019" s="13" t="s">
        <v>423</v>
      </c>
      <c r="B84019" s="14" t="s">
        <v>1</v>
      </c>
      <c r="C84019" s="14" t="s">
        <v>70</v>
      </c>
      <c r="D84019" s="14" t="s">
        <v>424</v>
      </c>
      <c r="E84019" s="15">
        <v>45445</v>
      </c>
      <c r="F84019" s="14" t="s">
        <v>28</v>
      </c>
      <c r="G84019" s="16">
        <v>0.75534007843601225</v>
      </c>
    </row>
    <row r="84020" spans="1:7" x14ac:dyDescent="0.3">
      <c r="A84020" s="13" t="s">
        <v>423</v>
      </c>
      <c r="B84020" s="14" t="s">
        <v>1</v>
      </c>
      <c r="C84020" s="14" t="s">
        <v>70</v>
      </c>
      <c r="D84020" s="14" t="s">
        <v>424</v>
      </c>
      <c r="E84020" s="15">
        <v>45446</v>
      </c>
      <c r="F84020" s="14" t="s">
        <v>28</v>
      </c>
      <c r="G84020" s="16">
        <v>0.75534007843601225</v>
      </c>
    </row>
    <row r="84021" spans="1:7" x14ac:dyDescent="0.3">
      <c r="A84021" s="13" t="s">
        <v>423</v>
      </c>
      <c r="B84021" s="14" t="s">
        <v>1</v>
      </c>
      <c r="C84021" s="14" t="s">
        <v>70</v>
      </c>
      <c r="D84021" s="14" t="s">
        <v>424</v>
      </c>
      <c r="E84021" s="15">
        <v>45447</v>
      </c>
      <c r="F84021" s="14" t="s">
        <v>28</v>
      </c>
      <c r="G84021" s="16">
        <v>0.76842351969404998</v>
      </c>
    </row>
    <row r="84022" spans="1:7" x14ac:dyDescent="0.3">
      <c r="A84022" s="13" t="s">
        <v>423</v>
      </c>
      <c r="B84022" s="14" t="s">
        <v>1</v>
      </c>
      <c r="C84022" s="14" t="s">
        <v>70</v>
      </c>
      <c r="D84022" s="14" t="s">
        <v>424</v>
      </c>
      <c r="E84022" s="15">
        <v>45448</v>
      </c>
      <c r="F84022" s="14" t="s">
        <v>28</v>
      </c>
      <c r="G84022" s="16">
        <v>0.80426511970954417</v>
      </c>
    </row>
    <row r="84023" spans="1:7" x14ac:dyDescent="0.3">
      <c r="A84023" s="13" t="s">
        <v>423</v>
      </c>
      <c r="B84023" s="14" t="s">
        <v>1</v>
      </c>
      <c r="C84023" s="14" t="s">
        <v>70</v>
      </c>
      <c r="D84023" s="14" t="s">
        <v>424</v>
      </c>
      <c r="E84023" s="15">
        <v>45449</v>
      </c>
      <c r="F84023" s="14" t="s">
        <v>28</v>
      </c>
      <c r="G84023" s="16">
        <v>0.80634017111455603</v>
      </c>
    </row>
    <row r="84024" spans="1:7" x14ac:dyDescent="0.3">
      <c r="A84024" s="13" t="s">
        <v>423</v>
      </c>
      <c r="B84024" s="14" t="s">
        <v>1</v>
      </c>
      <c r="C84024" s="14" t="s">
        <v>70</v>
      </c>
      <c r="D84024" s="14" t="s">
        <v>424</v>
      </c>
      <c r="E84024" s="15">
        <v>45450</v>
      </c>
      <c r="F84024" s="14" t="s">
        <v>28</v>
      </c>
      <c r="G84024" s="16">
        <v>0.81353965909809156</v>
      </c>
    </row>
    <row r="84025" spans="1:7" x14ac:dyDescent="0.3">
      <c r="A84025" s="13" t="s">
        <v>423</v>
      </c>
      <c r="B84025" s="14" t="s">
        <v>1</v>
      </c>
      <c r="C84025" s="14" t="s">
        <v>70</v>
      </c>
      <c r="D84025" s="14" t="s">
        <v>424</v>
      </c>
      <c r="E84025" s="15">
        <v>45451</v>
      </c>
      <c r="F84025" s="14" t="s">
        <v>28</v>
      </c>
      <c r="G84025" s="16">
        <v>0.81353965909809156</v>
      </c>
    </row>
    <row r="84026" spans="1:7" x14ac:dyDescent="0.3">
      <c r="A84026" s="13" t="s">
        <v>423</v>
      </c>
      <c r="B84026" s="14" t="s">
        <v>1</v>
      </c>
      <c r="C84026" s="14" t="s">
        <v>70</v>
      </c>
      <c r="D84026" s="14" t="s">
        <v>424</v>
      </c>
      <c r="E84026" s="15">
        <v>45452</v>
      </c>
      <c r="F84026" s="14" t="s">
        <v>28</v>
      </c>
      <c r="G84026" s="16">
        <v>0.81353965909809156</v>
      </c>
    </row>
    <row r="84027" spans="1:7" x14ac:dyDescent="0.3">
      <c r="A84027" s="13" t="s">
        <v>423</v>
      </c>
      <c r="B84027" s="14" t="s">
        <v>1</v>
      </c>
      <c r="C84027" s="14" t="s">
        <v>70</v>
      </c>
      <c r="D84027" s="14" t="s">
        <v>424</v>
      </c>
      <c r="E84027" s="15">
        <v>45453</v>
      </c>
      <c r="F84027" s="14" t="s">
        <v>28</v>
      </c>
      <c r="G84027" s="16">
        <v>0.82662252731415231</v>
      </c>
    </row>
    <row r="84028" spans="1:7" x14ac:dyDescent="0.3">
      <c r="A84028" s="13" t="s">
        <v>423</v>
      </c>
      <c r="B84028" s="14" t="s">
        <v>1</v>
      </c>
      <c r="C84028" s="14" t="s">
        <v>70</v>
      </c>
      <c r="D84028" s="14" t="s">
        <v>424</v>
      </c>
      <c r="E84028" s="15">
        <v>45454</v>
      </c>
      <c r="F84028" s="14" t="s">
        <v>28</v>
      </c>
      <c r="G84028" s="16">
        <v>0.83922089068025363</v>
      </c>
    </row>
    <row r="84029" spans="1:7" x14ac:dyDescent="0.3">
      <c r="A84029" s="13" t="s">
        <v>423</v>
      </c>
      <c r="B84029" s="14" t="s">
        <v>1</v>
      </c>
      <c r="C84029" s="14" t="s">
        <v>70</v>
      </c>
      <c r="D84029" s="14" t="s">
        <v>424</v>
      </c>
      <c r="E84029" s="15">
        <v>45455</v>
      </c>
      <c r="F84029" s="14" t="s">
        <v>28</v>
      </c>
      <c r="G84029" s="16">
        <v>0.84712585874294843</v>
      </c>
    </row>
    <row r="84030" spans="1:7" x14ac:dyDescent="0.3">
      <c r="A84030" s="13" t="s">
        <v>423</v>
      </c>
      <c r="B84030" s="14" t="s">
        <v>1</v>
      </c>
      <c r="C84030" s="14" t="s">
        <v>70</v>
      </c>
      <c r="D84030" s="14" t="s">
        <v>424</v>
      </c>
      <c r="E84030" s="15">
        <v>45456</v>
      </c>
      <c r="F84030" s="14" t="s">
        <v>28</v>
      </c>
      <c r="G84030" s="16">
        <v>0.85729993832669316</v>
      </c>
    </row>
    <row r="84031" spans="1:7" x14ac:dyDescent="0.3">
      <c r="A84031" s="13" t="s">
        <v>423</v>
      </c>
      <c r="B84031" s="14" t="s">
        <v>1</v>
      </c>
      <c r="C84031" s="14" t="s">
        <v>70</v>
      </c>
      <c r="D84031" s="14" t="s">
        <v>424</v>
      </c>
      <c r="E84031" s="15">
        <v>45457</v>
      </c>
      <c r="F84031" s="14" t="s">
        <v>28</v>
      </c>
      <c r="G84031" s="16">
        <v>0.86747946107919782</v>
      </c>
    </row>
    <row r="84032" spans="1:7" x14ac:dyDescent="0.3">
      <c r="A84032" s="13" t="s">
        <v>423</v>
      </c>
      <c r="B84032" s="14" t="s">
        <v>1</v>
      </c>
      <c r="C84032" s="14" t="s">
        <v>70</v>
      </c>
      <c r="D84032" s="14" t="s">
        <v>424</v>
      </c>
      <c r="E84032" s="15">
        <v>45458</v>
      </c>
      <c r="F84032" s="14" t="s">
        <v>28</v>
      </c>
      <c r="G84032" s="16">
        <v>0.86747946107919782</v>
      </c>
    </row>
    <row r="84033" spans="1:7" x14ac:dyDescent="0.3">
      <c r="A84033" s="13" t="s">
        <v>423</v>
      </c>
      <c r="B84033" s="14" t="s">
        <v>1</v>
      </c>
      <c r="C84033" s="14" t="s">
        <v>70</v>
      </c>
      <c r="D84033" s="14" t="s">
        <v>424</v>
      </c>
      <c r="E84033" s="15">
        <v>45459</v>
      </c>
      <c r="F84033" s="14" t="s">
        <v>28</v>
      </c>
      <c r="G84033" s="16">
        <v>0.86747946107919782</v>
      </c>
    </row>
    <row r="84034" spans="1:7" x14ac:dyDescent="0.3">
      <c r="A84034" s="13" t="s">
        <v>423</v>
      </c>
      <c r="B84034" s="14" t="s">
        <v>1</v>
      </c>
      <c r="C84034" s="14" t="s">
        <v>70</v>
      </c>
      <c r="D84034" s="14" t="s">
        <v>424</v>
      </c>
      <c r="E84034" s="15">
        <v>45460</v>
      </c>
      <c r="F84034" s="14" t="s">
        <v>28</v>
      </c>
      <c r="G84034" s="16">
        <v>0.8869283426832969</v>
      </c>
    </row>
    <row r="84035" spans="1:7" x14ac:dyDescent="0.3">
      <c r="A84035" s="13" t="s">
        <v>423</v>
      </c>
      <c r="B84035" s="14" t="s">
        <v>1</v>
      </c>
      <c r="C84035" s="14" t="s">
        <v>70</v>
      </c>
      <c r="D84035" s="14" t="s">
        <v>424</v>
      </c>
      <c r="E84035" s="15">
        <v>45461</v>
      </c>
      <c r="F84035" s="14" t="s">
        <v>28</v>
      </c>
      <c r="G84035" s="16">
        <v>0.89627578415874687</v>
      </c>
    </row>
    <row r="84036" spans="1:7" x14ac:dyDescent="0.3">
      <c r="A84036" s="13" t="s">
        <v>423</v>
      </c>
      <c r="B84036" s="14" t="s">
        <v>1</v>
      </c>
      <c r="C84036" s="14" t="s">
        <v>70</v>
      </c>
      <c r="D84036" s="14" t="s">
        <v>424</v>
      </c>
      <c r="E84036" s="15">
        <v>45462</v>
      </c>
      <c r="F84036" s="14" t="s">
        <v>28</v>
      </c>
      <c r="G84036" s="16">
        <v>0.90064829847964223</v>
      </c>
    </row>
    <row r="84037" spans="1:7" x14ac:dyDescent="0.3">
      <c r="A84037" s="13" t="s">
        <v>423</v>
      </c>
      <c r="B84037" s="14" t="s">
        <v>1</v>
      </c>
      <c r="C84037" s="14" t="s">
        <v>70</v>
      </c>
      <c r="D84037" s="14" t="s">
        <v>424</v>
      </c>
      <c r="E84037" s="15">
        <v>45463</v>
      </c>
      <c r="F84037" s="14" t="s">
        <v>28</v>
      </c>
      <c r="G84037" s="16">
        <v>0.91365583546716755</v>
      </c>
    </row>
    <row r="84038" spans="1:7" x14ac:dyDescent="0.3">
      <c r="A84038" s="13" t="s">
        <v>423</v>
      </c>
      <c r="B84038" s="14" t="s">
        <v>1</v>
      </c>
      <c r="C84038" s="14" t="s">
        <v>70</v>
      </c>
      <c r="D84038" s="14" t="s">
        <v>424</v>
      </c>
      <c r="E84038" s="15">
        <v>45464</v>
      </c>
      <c r="F84038" s="14" t="s">
        <v>28</v>
      </c>
      <c r="G84038" s="16">
        <v>0.91749134535242516</v>
      </c>
    </row>
    <row r="84039" spans="1:7" x14ac:dyDescent="0.3">
      <c r="A84039" s="13" t="s">
        <v>423</v>
      </c>
      <c r="B84039" s="14" t="s">
        <v>1</v>
      </c>
      <c r="C84039" s="14" t="s">
        <v>70</v>
      </c>
      <c r="D84039" s="14" t="s">
        <v>424</v>
      </c>
      <c r="E84039" s="15">
        <v>45465</v>
      </c>
      <c r="F84039" s="14" t="s">
        <v>28</v>
      </c>
      <c r="G84039" s="16">
        <v>0.91749134535242516</v>
      </c>
    </row>
    <row r="84040" spans="1:7" x14ac:dyDescent="0.3">
      <c r="A84040" s="13" t="s">
        <v>423</v>
      </c>
      <c r="B84040" s="14" t="s">
        <v>1</v>
      </c>
      <c r="C84040" s="14" t="s">
        <v>70</v>
      </c>
      <c r="D84040" s="14" t="s">
        <v>424</v>
      </c>
      <c r="E84040" s="15">
        <v>45466</v>
      </c>
      <c r="F84040" s="14" t="s">
        <v>28</v>
      </c>
      <c r="G84040" s="16">
        <v>0.91749134535242516</v>
      </c>
    </row>
    <row r="84041" spans="1:7" x14ac:dyDescent="0.3">
      <c r="A84041" s="13" t="s">
        <v>423</v>
      </c>
      <c r="B84041" s="14" t="s">
        <v>1</v>
      </c>
      <c r="C84041" s="14" t="s">
        <v>70</v>
      </c>
      <c r="D84041" s="14" t="s">
        <v>424</v>
      </c>
      <c r="E84041" s="15">
        <v>45467</v>
      </c>
      <c r="F84041" s="14" t="s">
        <v>28</v>
      </c>
      <c r="G84041" s="16">
        <v>0.92003132772940499</v>
      </c>
    </row>
    <row r="84042" spans="1:7" x14ac:dyDescent="0.3">
      <c r="A84042" s="13" t="s">
        <v>423</v>
      </c>
      <c r="B84042" s="14" t="s">
        <v>1</v>
      </c>
      <c r="C84042" s="14" t="s">
        <v>70</v>
      </c>
      <c r="D84042" s="14" t="s">
        <v>424</v>
      </c>
      <c r="E84042" s="15">
        <v>45468</v>
      </c>
      <c r="F84042" s="14" t="s">
        <v>28</v>
      </c>
      <c r="G84042" s="16">
        <v>0.93821482412647716</v>
      </c>
    </row>
    <row r="84043" spans="1:7" x14ac:dyDescent="0.3">
      <c r="A84043" s="13" t="s">
        <v>423</v>
      </c>
      <c r="B84043" s="14" t="s">
        <v>1</v>
      </c>
      <c r="C84043" s="14" t="s">
        <v>70</v>
      </c>
      <c r="D84043" s="14" t="s">
        <v>424</v>
      </c>
      <c r="E84043" s="15">
        <v>45469</v>
      </c>
      <c r="F84043" s="14" t="s">
        <v>28</v>
      </c>
      <c r="G84043" s="16">
        <v>0.94456610631878857</v>
      </c>
    </row>
    <row r="84044" spans="1:7" x14ac:dyDescent="0.3">
      <c r="A84044" s="13" t="s">
        <v>423</v>
      </c>
      <c r="B84044" s="14" t="s">
        <v>1</v>
      </c>
      <c r="C84044" s="14" t="s">
        <v>70</v>
      </c>
      <c r="D84044" s="14" t="s">
        <v>424</v>
      </c>
      <c r="E84044" s="15">
        <v>45470</v>
      </c>
      <c r="F84044" s="14" t="s">
        <v>28</v>
      </c>
      <c r="G84044" s="16">
        <v>0.94840480437592178</v>
      </c>
    </row>
    <row r="84045" spans="1:7" x14ac:dyDescent="0.3">
      <c r="A84045" s="13" t="s">
        <v>423</v>
      </c>
      <c r="B84045" s="14" t="s">
        <v>1</v>
      </c>
      <c r="C84045" s="14" t="s">
        <v>70</v>
      </c>
      <c r="D84045" s="14" t="s">
        <v>424</v>
      </c>
      <c r="E84045" s="15">
        <v>45471</v>
      </c>
      <c r="F84045" s="14" t="s">
        <v>28</v>
      </c>
      <c r="G84045" s="16">
        <v>0.97385399076103507</v>
      </c>
    </row>
    <row r="84046" spans="1:7" x14ac:dyDescent="0.3">
      <c r="A84046" s="13" t="s">
        <v>423</v>
      </c>
      <c r="B84046" s="14" t="s">
        <v>1</v>
      </c>
      <c r="C84046" s="14" t="s">
        <v>70</v>
      </c>
      <c r="D84046" s="14" t="s">
        <v>424</v>
      </c>
      <c r="E84046" s="15">
        <v>45472</v>
      </c>
      <c r="F84046" s="14" t="s">
        <v>28</v>
      </c>
      <c r="G84046" s="16">
        <v>0.97385399076103507</v>
      </c>
    </row>
    <row r="84047" spans="1:7" x14ac:dyDescent="0.3">
      <c r="A84047" s="13" t="s">
        <v>423</v>
      </c>
      <c r="B84047" s="14" t="s">
        <v>1</v>
      </c>
      <c r="C84047" s="14" t="s">
        <v>70</v>
      </c>
      <c r="D84047" s="14" t="s">
        <v>424</v>
      </c>
      <c r="E84047" s="15">
        <v>45473</v>
      </c>
      <c r="F84047" s="14" t="s">
        <v>28</v>
      </c>
      <c r="G84047" s="16">
        <v>0.97385399076103507</v>
      </c>
    </row>
    <row r="84048" spans="1:7" x14ac:dyDescent="0.3">
      <c r="A84048" s="13" t="s">
        <v>423</v>
      </c>
      <c r="B84048" s="14" t="s">
        <v>1</v>
      </c>
      <c r="C84048" s="14" t="s">
        <v>70</v>
      </c>
      <c r="D84048" s="14" t="s">
        <v>424</v>
      </c>
      <c r="E84048" s="15">
        <v>45474</v>
      </c>
      <c r="F84048" s="14" t="s">
        <v>28</v>
      </c>
      <c r="G84048" s="16">
        <v>0.9841160244681213</v>
      </c>
    </row>
    <row r="84049" spans="1:7" x14ac:dyDescent="0.3">
      <c r="A84049" s="13" t="s">
        <v>423</v>
      </c>
      <c r="B84049" s="14" t="s">
        <v>1</v>
      </c>
      <c r="C84049" s="14" t="s">
        <v>70</v>
      </c>
      <c r="D84049" s="14" t="s">
        <v>424</v>
      </c>
      <c r="E84049" s="15">
        <v>45475</v>
      </c>
      <c r="F84049" s="14" t="s">
        <v>28</v>
      </c>
      <c r="G84049" s="16">
        <v>0.99615473564242873</v>
      </c>
    </row>
    <row r="84050" spans="1:7" x14ac:dyDescent="0.3">
      <c r="A84050" s="13" t="s">
        <v>423</v>
      </c>
      <c r="B84050" s="14" t="s">
        <v>1</v>
      </c>
      <c r="C84050" s="14" t="s">
        <v>70</v>
      </c>
      <c r="D84050" s="14" t="s">
        <v>424</v>
      </c>
      <c r="E84050" s="15">
        <v>45476</v>
      </c>
      <c r="F84050" s="14" t="s">
        <v>28</v>
      </c>
      <c r="G84050" s="16">
        <v>1.0302153509540699</v>
      </c>
    </row>
    <row r="84051" spans="1:7" x14ac:dyDescent="0.3">
      <c r="A84051" s="13" t="s">
        <v>423</v>
      </c>
      <c r="B84051" s="14" t="s">
        <v>1</v>
      </c>
      <c r="C84051" s="14" t="s">
        <v>70</v>
      </c>
      <c r="D84051" s="14" t="s">
        <v>424</v>
      </c>
      <c r="E84051" s="15">
        <v>45477</v>
      </c>
      <c r="F84051" s="14" t="s">
        <v>28</v>
      </c>
      <c r="G84051" s="16">
        <v>1.032493967626861</v>
      </c>
    </row>
    <row r="84052" spans="1:7" x14ac:dyDescent="0.3">
      <c r="A84052" s="13" t="s">
        <v>423</v>
      </c>
      <c r="B84052" s="14" t="s">
        <v>1</v>
      </c>
      <c r="C84052" s="14" t="s">
        <v>70</v>
      </c>
      <c r="D84052" s="14" t="s">
        <v>424</v>
      </c>
      <c r="E84052" s="15">
        <v>45478</v>
      </c>
      <c r="F84052" s="14" t="s">
        <v>28</v>
      </c>
      <c r="G84052" s="16">
        <v>1.0337592868711019</v>
      </c>
    </row>
    <row r="84053" spans="1:7" x14ac:dyDescent="0.3">
      <c r="A84053" s="13" t="s">
        <v>423</v>
      </c>
      <c r="B84053" s="14" t="s">
        <v>1</v>
      </c>
      <c r="C84053" s="14" t="s">
        <v>70</v>
      </c>
      <c r="D84053" s="14" t="s">
        <v>424</v>
      </c>
      <c r="E84053" s="15">
        <v>45479</v>
      </c>
      <c r="F84053" s="14" t="s">
        <v>28</v>
      </c>
      <c r="G84053" s="16">
        <v>1.0337592868711019</v>
      </c>
    </row>
    <row r="84054" spans="1:7" x14ac:dyDescent="0.3">
      <c r="A84054" s="13" t="s">
        <v>423</v>
      </c>
      <c r="B84054" s="14" t="s">
        <v>1</v>
      </c>
      <c r="C84054" s="14" t="s">
        <v>70</v>
      </c>
      <c r="D84054" s="14" t="s">
        <v>424</v>
      </c>
      <c r="E84054" s="15">
        <v>45480</v>
      </c>
      <c r="F84054" s="14" t="s">
        <v>28</v>
      </c>
      <c r="G84054" s="16">
        <v>1.0337592868711019</v>
      </c>
    </row>
    <row r="84055" spans="1:7" x14ac:dyDescent="0.3">
      <c r="A84055" s="13" t="s">
        <v>423</v>
      </c>
      <c r="B84055" s="14" t="s">
        <v>1</v>
      </c>
      <c r="C84055" s="14" t="s">
        <v>70</v>
      </c>
      <c r="D84055" s="14" t="s">
        <v>424</v>
      </c>
      <c r="E84055" s="15">
        <v>45481</v>
      </c>
      <c r="F84055" s="14" t="s">
        <v>28</v>
      </c>
      <c r="G84055" s="16">
        <v>1.0568148560989215</v>
      </c>
    </row>
    <row r="84056" spans="1:7" x14ac:dyDescent="0.3">
      <c r="A84056" s="13" t="s">
        <v>423</v>
      </c>
      <c r="B84056" s="14" t="s">
        <v>1</v>
      </c>
      <c r="C84056" s="14" t="s">
        <v>70</v>
      </c>
      <c r="D84056" s="14" t="s">
        <v>424</v>
      </c>
      <c r="E84056" s="15">
        <v>45482</v>
      </c>
      <c r="F84056" s="14" t="s">
        <v>28</v>
      </c>
      <c r="G84056" s="16">
        <v>1.0682886850180371</v>
      </c>
    </row>
    <row r="84057" spans="1:7" x14ac:dyDescent="0.3">
      <c r="A84057" s="13" t="s">
        <v>423</v>
      </c>
      <c r="B84057" s="14" t="s">
        <v>1</v>
      </c>
      <c r="C84057" s="14" t="s">
        <v>70</v>
      </c>
      <c r="D84057" s="14" t="s">
        <v>424</v>
      </c>
      <c r="E84057" s="15">
        <v>45483</v>
      </c>
      <c r="F84057" s="14" t="s">
        <v>28</v>
      </c>
      <c r="G84057" s="16">
        <v>1.0733921049915076</v>
      </c>
    </row>
    <row r="84058" spans="1:7" x14ac:dyDescent="0.3">
      <c r="A84058" s="13" t="s">
        <v>423</v>
      </c>
      <c r="B84058" s="14" t="s">
        <v>1</v>
      </c>
      <c r="C84058" s="14" t="s">
        <v>70</v>
      </c>
      <c r="D84058" s="14" t="s">
        <v>424</v>
      </c>
      <c r="E84058" s="15">
        <v>45484</v>
      </c>
      <c r="F84058" s="14" t="s">
        <v>28</v>
      </c>
      <c r="G84058" s="16">
        <v>1.084762497991653</v>
      </c>
    </row>
    <row r="84059" spans="1:7" x14ac:dyDescent="0.3">
      <c r="A84059" s="13" t="s">
        <v>423</v>
      </c>
      <c r="B84059" s="14" t="s">
        <v>1</v>
      </c>
      <c r="C84059" s="14" t="s">
        <v>70</v>
      </c>
      <c r="D84059" s="14" t="s">
        <v>424</v>
      </c>
      <c r="E84059" s="15">
        <v>45485</v>
      </c>
      <c r="F84059" s="14" t="s">
        <v>28</v>
      </c>
      <c r="G84059" s="16">
        <v>1.0895994571883805</v>
      </c>
    </row>
    <row r="84060" spans="1:7" x14ac:dyDescent="0.3">
      <c r="A84060" s="13" t="s">
        <v>423</v>
      </c>
      <c r="B84060" s="14" t="s">
        <v>1</v>
      </c>
      <c r="C84060" s="14" t="s">
        <v>70</v>
      </c>
      <c r="D84060" s="14" t="s">
        <v>424</v>
      </c>
      <c r="E84060" s="15">
        <v>45486</v>
      </c>
      <c r="F84060" s="14" t="s">
        <v>28</v>
      </c>
      <c r="G84060" s="16">
        <v>1.0895994571883805</v>
      </c>
    </row>
    <row r="84061" spans="1:7" x14ac:dyDescent="0.3">
      <c r="A84061" s="13" t="s">
        <v>423</v>
      </c>
      <c r="B84061" s="14" t="s">
        <v>1</v>
      </c>
      <c r="C84061" s="14" t="s">
        <v>70</v>
      </c>
      <c r="D84061" s="14" t="s">
        <v>424</v>
      </c>
      <c r="E84061" s="15">
        <v>45487</v>
      </c>
      <c r="F84061" s="14" t="s">
        <v>28</v>
      </c>
      <c r="G84061" s="16">
        <v>1.0895994571883805</v>
      </c>
    </row>
    <row r="84062" spans="1:7" x14ac:dyDescent="0.3">
      <c r="A84062" s="13" t="s">
        <v>423</v>
      </c>
      <c r="B84062" s="14" t="s">
        <v>1</v>
      </c>
      <c r="C84062" s="14" t="s">
        <v>70</v>
      </c>
      <c r="D84062" s="14" t="s">
        <v>424</v>
      </c>
      <c r="E84062" s="15">
        <v>45488</v>
      </c>
      <c r="F84062" s="14" t="s">
        <v>28</v>
      </c>
      <c r="G84062" s="16">
        <v>1.0945308070098541</v>
      </c>
    </row>
    <row r="84063" spans="1:7" x14ac:dyDescent="0.3">
      <c r="A84063" s="13" t="s">
        <v>423</v>
      </c>
      <c r="B84063" s="14" t="s">
        <v>1</v>
      </c>
      <c r="C84063" s="14" t="s">
        <v>70</v>
      </c>
      <c r="D84063" s="14" t="s">
        <v>424</v>
      </c>
      <c r="E84063" s="15">
        <v>45489</v>
      </c>
      <c r="F84063" s="14" t="s">
        <v>28</v>
      </c>
      <c r="G84063" s="16">
        <v>1.1053156344181119</v>
      </c>
    </row>
    <row r="84064" spans="1:7" x14ac:dyDescent="0.3">
      <c r="A84064" s="13" t="s">
        <v>423</v>
      </c>
      <c r="B84064" s="14" t="s">
        <v>1</v>
      </c>
      <c r="C84064" s="14" t="s">
        <v>70</v>
      </c>
      <c r="D84064" s="14" t="s">
        <v>424</v>
      </c>
      <c r="E84064" s="15">
        <v>45490</v>
      </c>
      <c r="F84064" s="14" t="s">
        <v>28</v>
      </c>
      <c r="G84064" s="16">
        <v>1.1061114654549575</v>
      </c>
    </row>
    <row r="84065" spans="1:7" x14ac:dyDescent="0.3">
      <c r="A84065" s="13" t="s">
        <v>423</v>
      </c>
      <c r="B84065" s="14" t="s">
        <v>1</v>
      </c>
      <c r="C84065" s="14" t="s">
        <v>70</v>
      </c>
      <c r="D84065" s="14" t="s">
        <v>424</v>
      </c>
      <c r="E84065" s="15">
        <v>45491</v>
      </c>
      <c r="F84065" s="14" t="s">
        <v>28</v>
      </c>
      <c r="G84065" s="16">
        <v>1.1252432581050924</v>
      </c>
    </row>
    <row r="84066" spans="1:7" x14ac:dyDescent="0.3">
      <c r="A84066" s="13" t="s">
        <v>423</v>
      </c>
      <c r="B84066" s="14" t="s">
        <v>1</v>
      </c>
      <c r="C84066" s="14" t="s">
        <v>70</v>
      </c>
      <c r="D84066" s="14" t="s">
        <v>424</v>
      </c>
      <c r="E84066" s="15">
        <v>45492</v>
      </c>
      <c r="F84066" s="14" t="s">
        <v>28</v>
      </c>
      <c r="G84066" s="16">
        <v>1.1297842632548167</v>
      </c>
    </row>
    <row r="84067" spans="1:7" x14ac:dyDescent="0.3">
      <c r="A84067" s="13" t="s">
        <v>423</v>
      </c>
      <c r="B84067" s="14" t="s">
        <v>1</v>
      </c>
      <c r="C84067" s="14" t="s">
        <v>70</v>
      </c>
      <c r="D84067" s="14" t="s">
        <v>424</v>
      </c>
      <c r="E84067" s="15">
        <v>45493</v>
      </c>
      <c r="F84067" s="14" t="s">
        <v>28</v>
      </c>
      <c r="G84067" s="16">
        <v>1.1297842632548167</v>
      </c>
    </row>
    <row r="84068" spans="1:7" x14ac:dyDescent="0.3">
      <c r="A84068" s="13" t="s">
        <v>423</v>
      </c>
      <c r="B84068" s="14" t="s">
        <v>1</v>
      </c>
      <c r="C84068" s="14" t="s">
        <v>70</v>
      </c>
      <c r="D84068" s="14" t="s">
        <v>424</v>
      </c>
      <c r="E84068" s="15">
        <v>45494</v>
      </c>
      <c r="F84068" s="14" t="s">
        <v>28</v>
      </c>
      <c r="G84068" s="16">
        <v>1.1297842632548167</v>
      </c>
    </row>
    <row r="84069" spans="1:7" x14ac:dyDescent="0.3">
      <c r="A84069" s="13" t="s">
        <v>423</v>
      </c>
      <c r="B84069" s="14" t="s">
        <v>1</v>
      </c>
      <c r="C84069" s="14" t="s">
        <v>70</v>
      </c>
      <c r="D84069" s="14" t="s">
        <v>424</v>
      </c>
      <c r="E84069" s="15">
        <v>45495</v>
      </c>
      <c r="F84069" s="14" t="s">
        <v>28</v>
      </c>
      <c r="G84069" s="16">
        <v>1.1375881407669253</v>
      </c>
    </row>
    <row r="84070" spans="1:7" x14ac:dyDescent="0.3">
      <c r="A84070" s="13" t="s">
        <v>423</v>
      </c>
      <c r="B84070" s="14" t="s">
        <v>1</v>
      </c>
      <c r="C84070" s="14" t="s">
        <v>70</v>
      </c>
      <c r="D84070" s="14" t="s">
        <v>424</v>
      </c>
      <c r="E84070" s="15">
        <v>45496</v>
      </c>
      <c r="F84070" s="14" t="s">
        <v>28</v>
      </c>
      <c r="G84070" s="16">
        <v>1.1682369796413874</v>
      </c>
    </row>
    <row r="84071" spans="1:7" x14ac:dyDescent="0.3">
      <c r="A84071" s="13" t="s">
        <v>423</v>
      </c>
      <c r="B84071" s="14" t="s">
        <v>1</v>
      </c>
      <c r="C84071" s="14" t="s">
        <v>70</v>
      </c>
      <c r="D84071" s="14" t="s">
        <v>424</v>
      </c>
      <c r="E84071" s="15">
        <v>45497</v>
      </c>
      <c r="F84071" s="14" t="s">
        <v>28</v>
      </c>
      <c r="G84071" s="16">
        <v>1.1711782334712635</v>
      </c>
    </row>
    <row r="84072" spans="1:7" x14ac:dyDescent="0.3">
      <c r="A84072" s="13" t="s">
        <v>423</v>
      </c>
      <c r="B84072" s="14" t="s">
        <v>1</v>
      </c>
      <c r="C84072" s="14" t="s">
        <v>70</v>
      </c>
      <c r="D84072" s="14" t="s">
        <v>424</v>
      </c>
      <c r="E84072" s="15">
        <v>45498</v>
      </c>
      <c r="F84072" s="14" t="s">
        <v>28</v>
      </c>
      <c r="G84072" s="16">
        <v>1.1747250450389957</v>
      </c>
    </row>
    <row r="84073" spans="1:7" x14ac:dyDescent="0.3">
      <c r="A84073" s="13" t="s">
        <v>423</v>
      </c>
      <c r="B84073" s="14" t="s">
        <v>1</v>
      </c>
      <c r="C84073" s="14" t="s">
        <v>70</v>
      </c>
      <c r="D84073" s="14" t="s">
        <v>424</v>
      </c>
      <c r="E84073" s="15">
        <v>45499</v>
      </c>
      <c r="F84073" s="14" t="s">
        <v>28</v>
      </c>
      <c r="G84073" s="16">
        <v>1.1771361309027673</v>
      </c>
    </row>
    <row r="84074" spans="1:7" x14ac:dyDescent="0.3">
      <c r="A84074" s="13" t="s">
        <v>423</v>
      </c>
      <c r="B84074" s="14" t="s">
        <v>1</v>
      </c>
      <c r="C84074" s="14" t="s">
        <v>70</v>
      </c>
      <c r="D84074" s="14" t="s">
        <v>424</v>
      </c>
      <c r="E84074" s="15">
        <v>45500</v>
      </c>
      <c r="F84074" s="14" t="s">
        <v>28</v>
      </c>
      <c r="G84074" s="16">
        <v>1.1771361309027673</v>
      </c>
    </row>
    <row r="84075" spans="1:7" x14ac:dyDescent="0.3">
      <c r="A84075" s="13" t="s">
        <v>423</v>
      </c>
      <c r="B84075" s="14" t="s">
        <v>1</v>
      </c>
      <c r="C84075" s="14" t="s">
        <v>70</v>
      </c>
      <c r="D84075" s="14" t="s">
        <v>424</v>
      </c>
      <c r="E84075" s="15">
        <v>45501</v>
      </c>
      <c r="F84075" s="14" t="s">
        <v>28</v>
      </c>
      <c r="G84075" s="16">
        <v>1.1771361309027673</v>
      </c>
    </row>
    <row r="84076" spans="1:7" x14ac:dyDescent="0.3">
      <c r="A84076" s="13" t="s">
        <v>423</v>
      </c>
      <c r="B84076" s="14" t="s">
        <v>1</v>
      </c>
      <c r="C84076" s="14" t="s">
        <v>70</v>
      </c>
      <c r="D84076" s="14" t="s">
        <v>424</v>
      </c>
      <c r="E84076" s="15">
        <v>45502</v>
      </c>
      <c r="F84076" s="14" t="s">
        <v>28</v>
      </c>
      <c r="G84076" s="16">
        <v>1.1832555208082647</v>
      </c>
    </row>
    <row r="84077" spans="1:7" x14ac:dyDescent="0.3">
      <c r="A84077" s="13" t="s">
        <v>423</v>
      </c>
      <c r="B84077" s="14" t="s">
        <v>1</v>
      </c>
      <c r="C84077" s="14" t="s">
        <v>70</v>
      </c>
      <c r="D84077" s="14" t="s">
        <v>424</v>
      </c>
      <c r="E84077" s="15">
        <v>45503</v>
      </c>
      <c r="F84077" s="14" t="s">
        <v>28</v>
      </c>
      <c r="G84077" s="16">
        <v>1.192885872231219</v>
      </c>
    </row>
    <row r="84078" spans="1:7" x14ac:dyDescent="0.3">
      <c r="A84078" s="13" t="s">
        <v>423</v>
      </c>
      <c r="B84078" s="14" t="s">
        <v>1</v>
      </c>
      <c r="C84078" s="14" t="s">
        <v>70</v>
      </c>
      <c r="D84078" s="14" t="s">
        <v>424</v>
      </c>
      <c r="E84078" s="15">
        <v>45504</v>
      </c>
      <c r="F84078" s="14" t="s">
        <v>28</v>
      </c>
      <c r="G84078" s="16">
        <v>1.1913269544672636</v>
      </c>
    </row>
    <row r="84079" spans="1:7" x14ac:dyDescent="0.3">
      <c r="A84079" s="13" t="s">
        <v>423</v>
      </c>
      <c r="B84079" s="14" t="s">
        <v>1</v>
      </c>
      <c r="C84079" s="14" t="s">
        <v>70</v>
      </c>
      <c r="D84079" s="14" t="s">
        <v>424</v>
      </c>
      <c r="E84079" s="15">
        <v>45505</v>
      </c>
      <c r="F84079" s="14" t="s">
        <v>28</v>
      </c>
      <c r="G84079" s="16">
        <v>1.1913269544672636</v>
      </c>
    </row>
    <row r="84080" spans="1:7" x14ac:dyDescent="0.3">
      <c r="A84080" s="13" t="s">
        <v>423</v>
      </c>
      <c r="B84080" s="14" t="s">
        <v>1</v>
      </c>
      <c r="C84080" s="14" t="s">
        <v>70</v>
      </c>
      <c r="D84080" s="14" t="s">
        <v>424</v>
      </c>
      <c r="E84080" s="15">
        <v>45506</v>
      </c>
      <c r="F84080" s="14" t="s">
        <v>28</v>
      </c>
      <c r="G84080" s="16">
        <v>1.1974613716177718</v>
      </c>
    </row>
    <row r="84081" spans="1:7" x14ac:dyDescent="0.3">
      <c r="A84081" s="13" t="s">
        <v>423</v>
      </c>
      <c r="B84081" s="14" t="s">
        <v>1</v>
      </c>
      <c r="C84081" s="14" t="s">
        <v>70</v>
      </c>
      <c r="D84081" s="14" t="s">
        <v>424</v>
      </c>
      <c r="E84081" s="15">
        <v>45507</v>
      </c>
      <c r="F84081" s="14" t="s">
        <v>28</v>
      </c>
      <c r="G84081" s="16">
        <v>1.1974613716177718</v>
      </c>
    </row>
    <row r="84082" spans="1:7" x14ac:dyDescent="0.3">
      <c r="A84082" s="13" t="s">
        <v>423</v>
      </c>
      <c r="B84082" s="14" t="s">
        <v>1</v>
      </c>
      <c r="C84082" s="14" t="s">
        <v>70</v>
      </c>
      <c r="D84082" s="14" t="s">
        <v>424</v>
      </c>
      <c r="E84082" s="15">
        <v>45508</v>
      </c>
      <c r="F84082" s="14" t="s">
        <v>28</v>
      </c>
      <c r="G84082" s="16">
        <v>1.1974613716177718</v>
      </c>
    </row>
    <row r="84083" spans="1:7" x14ac:dyDescent="0.3">
      <c r="A84083" s="13" t="s">
        <v>423</v>
      </c>
      <c r="B84083" s="14" t="s">
        <v>1</v>
      </c>
      <c r="C84083" s="14" t="s">
        <v>70</v>
      </c>
      <c r="D84083" s="14" t="s">
        <v>424</v>
      </c>
      <c r="E84083" s="15">
        <v>45509</v>
      </c>
      <c r="F84083" s="14" t="s">
        <v>28</v>
      </c>
      <c r="G84083" s="16">
        <v>1.1974613716177718</v>
      </c>
    </row>
    <row r="84084" spans="1:7" x14ac:dyDescent="0.3">
      <c r="A84084" s="13" t="s">
        <v>423</v>
      </c>
      <c r="B84084" s="14" t="s">
        <v>1</v>
      </c>
      <c r="C84084" s="14" t="s">
        <v>70</v>
      </c>
      <c r="D84084" s="14" t="s">
        <v>424</v>
      </c>
      <c r="E84084" s="15">
        <v>45510</v>
      </c>
      <c r="F84084" s="14" t="s">
        <v>28</v>
      </c>
      <c r="G84084" s="16">
        <v>1.2005503199151915</v>
      </c>
    </row>
    <row r="84085" spans="1:7" x14ac:dyDescent="0.3">
      <c r="A84085" s="13" t="s">
        <v>423</v>
      </c>
      <c r="B84085" s="14" t="s">
        <v>1</v>
      </c>
      <c r="C84085" s="14" t="s">
        <v>70</v>
      </c>
      <c r="D84085" s="14" t="s">
        <v>424</v>
      </c>
      <c r="E84085" s="15">
        <v>45511</v>
      </c>
      <c r="F84085" s="14" t="s">
        <v>28</v>
      </c>
      <c r="G84085" s="16">
        <v>1.2470067029385048</v>
      </c>
    </row>
    <row r="84086" spans="1:7" x14ac:dyDescent="0.3">
      <c r="A84086" s="13" t="s">
        <v>423</v>
      </c>
      <c r="B84086" s="14" t="s">
        <v>1</v>
      </c>
      <c r="C84086" s="14" t="s">
        <v>70</v>
      </c>
      <c r="D84086" s="14" t="s">
        <v>424</v>
      </c>
      <c r="E84086" s="15">
        <v>45512</v>
      </c>
      <c r="F84086" s="14" t="s">
        <v>28</v>
      </c>
      <c r="G84086" s="16">
        <v>1.2485275587581686</v>
      </c>
    </row>
    <row r="84087" spans="1:7" x14ac:dyDescent="0.3">
      <c r="A84087" s="13" t="s">
        <v>423</v>
      </c>
      <c r="B84087" s="14" t="s">
        <v>1</v>
      </c>
      <c r="C84087" s="14" t="s">
        <v>70</v>
      </c>
      <c r="D84087" s="14" t="s">
        <v>424</v>
      </c>
      <c r="E84087" s="15">
        <v>45513</v>
      </c>
      <c r="F84087" s="14" t="s">
        <v>28</v>
      </c>
      <c r="G84087" s="16">
        <v>1.2646921471871708</v>
      </c>
    </row>
    <row r="84088" spans="1:7" x14ac:dyDescent="0.3">
      <c r="A84088" s="13" t="s">
        <v>423</v>
      </c>
      <c r="B84088" s="14" t="s">
        <v>1</v>
      </c>
      <c r="C84088" s="14" t="s">
        <v>70</v>
      </c>
      <c r="D84088" s="14" t="s">
        <v>424</v>
      </c>
      <c r="E84088" s="15">
        <v>45514</v>
      </c>
      <c r="F84088" s="14" t="s">
        <v>28</v>
      </c>
      <c r="G84088" s="16">
        <v>1.2646921471871708</v>
      </c>
    </row>
    <row r="84089" spans="1:7" x14ac:dyDescent="0.3">
      <c r="A84089" s="13" t="s">
        <v>423</v>
      </c>
      <c r="B84089" s="14" t="s">
        <v>1</v>
      </c>
      <c r="C84089" s="14" t="s">
        <v>70</v>
      </c>
      <c r="D84089" s="14" t="s">
        <v>424</v>
      </c>
      <c r="E84089" s="15">
        <v>45515</v>
      </c>
      <c r="F84089" s="14" t="s">
        <v>28</v>
      </c>
      <c r="G84089" s="16">
        <v>1.2646921471871708</v>
      </c>
    </row>
    <row r="84090" spans="1:7" x14ac:dyDescent="0.3">
      <c r="A84090" s="13" t="s">
        <v>423</v>
      </c>
      <c r="B84090" s="14" t="s">
        <v>1</v>
      </c>
      <c r="C84090" s="14" t="s">
        <v>70</v>
      </c>
      <c r="D84090" s="14" t="s">
        <v>424</v>
      </c>
      <c r="E84090" s="15">
        <v>45516</v>
      </c>
      <c r="F84090" s="14" t="s">
        <v>28</v>
      </c>
      <c r="G84090" s="16">
        <v>1.2817496196127842</v>
      </c>
    </row>
    <row r="84091" spans="1:7" x14ac:dyDescent="0.3">
      <c r="A84091" s="13" t="s">
        <v>423</v>
      </c>
      <c r="B84091" s="14" t="s">
        <v>1</v>
      </c>
      <c r="C84091" s="14" t="s">
        <v>70</v>
      </c>
      <c r="D84091" s="14" t="s">
        <v>424</v>
      </c>
      <c r="E84091" s="15">
        <v>45517</v>
      </c>
      <c r="F84091" s="14" t="s">
        <v>28</v>
      </c>
      <c r="G84091" s="16">
        <v>1.289314707058125</v>
      </c>
    </row>
    <row r="84092" spans="1:7" x14ac:dyDescent="0.3">
      <c r="A84092" s="13" t="s">
        <v>423</v>
      </c>
      <c r="B84092" s="14" t="s">
        <v>1</v>
      </c>
      <c r="C84092" s="14" t="s">
        <v>70</v>
      </c>
      <c r="D84092" s="14" t="s">
        <v>424</v>
      </c>
      <c r="E84092" s="15">
        <v>45518</v>
      </c>
      <c r="F84092" s="14" t="s">
        <v>28</v>
      </c>
      <c r="G84092" s="16">
        <v>1.290968400882657</v>
      </c>
    </row>
    <row r="84093" spans="1:7" x14ac:dyDescent="0.3">
      <c r="A84093" s="13" t="s">
        <v>423</v>
      </c>
      <c r="B84093" s="14" t="s">
        <v>1</v>
      </c>
      <c r="C84093" s="14" t="s">
        <v>70</v>
      </c>
      <c r="D84093" s="14" t="s">
        <v>424</v>
      </c>
      <c r="E84093" s="15">
        <v>45519</v>
      </c>
      <c r="F84093" s="14" t="s">
        <v>28</v>
      </c>
      <c r="G84093" s="16">
        <v>1.301347548722777</v>
      </c>
    </row>
    <row r="84094" spans="1:7" x14ac:dyDescent="0.3">
      <c r="A84094" s="13" t="s">
        <v>423</v>
      </c>
      <c r="B84094" s="14" t="s">
        <v>1</v>
      </c>
      <c r="C84094" s="14" t="s">
        <v>70</v>
      </c>
      <c r="D84094" s="14" t="s">
        <v>424</v>
      </c>
      <c r="E84094" s="15">
        <v>45520</v>
      </c>
      <c r="F84094" s="14" t="s">
        <v>28</v>
      </c>
      <c r="G84094" s="16">
        <v>1.3498232005893076</v>
      </c>
    </row>
    <row r="84095" spans="1:7" x14ac:dyDescent="0.3">
      <c r="A84095" s="13" t="s">
        <v>423</v>
      </c>
      <c r="B84095" s="14" t="s">
        <v>1</v>
      </c>
      <c r="C84095" s="14" t="s">
        <v>70</v>
      </c>
      <c r="D84095" s="14" t="s">
        <v>424</v>
      </c>
      <c r="E84095" s="15">
        <v>45521</v>
      </c>
      <c r="F84095" s="14" t="s">
        <v>28</v>
      </c>
      <c r="G84095" s="16">
        <v>1.3498232005893076</v>
      </c>
    </row>
    <row r="84096" spans="1:7" x14ac:dyDescent="0.3">
      <c r="A84096" s="13" t="s">
        <v>423</v>
      </c>
      <c r="B84096" s="14" t="s">
        <v>1</v>
      </c>
      <c r="C84096" s="14" t="s">
        <v>70</v>
      </c>
      <c r="D84096" s="14" t="s">
        <v>424</v>
      </c>
      <c r="E84096" s="15">
        <v>45522</v>
      </c>
      <c r="F84096" s="14" t="s">
        <v>28</v>
      </c>
      <c r="G84096" s="16">
        <v>1.3498232005893076</v>
      </c>
    </row>
    <row r="84097" spans="1:7" x14ac:dyDescent="0.3">
      <c r="A84097" s="13" t="s">
        <v>423</v>
      </c>
      <c r="B84097" s="14" t="s">
        <v>1</v>
      </c>
      <c r="C84097" s="14" t="s">
        <v>70</v>
      </c>
      <c r="D84097" s="14" t="s">
        <v>424</v>
      </c>
      <c r="E84097" s="15">
        <v>45523</v>
      </c>
      <c r="F84097" s="14" t="s">
        <v>28</v>
      </c>
      <c r="G84097" s="16">
        <v>1.3580472034467428</v>
      </c>
    </row>
    <row r="84098" spans="1:7" x14ac:dyDescent="0.3">
      <c r="A84098" s="13" t="s">
        <v>423</v>
      </c>
      <c r="B84098" s="14" t="s">
        <v>1</v>
      </c>
      <c r="C84098" s="14" t="s">
        <v>70</v>
      </c>
      <c r="D84098" s="14" t="s">
        <v>424</v>
      </c>
      <c r="E84098" s="15">
        <v>45524</v>
      </c>
      <c r="F84098" s="14" t="s">
        <v>28</v>
      </c>
      <c r="G84098" s="16">
        <v>1.37687523801533</v>
      </c>
    </row>
    <row r="84099" spans="1:7" x14ac:dyDescent="0.3">
      <c r="A84099" s="13" t="s">
        <v>423</v>
      </c>
      <c r="B84099" s="14" t="s">
        <v>1</v>
      </c>
      <c r="C84099" s="14" t="s">
        <v>70</v>
      </c>
      <c r="D84099" s="14" t="s">
        <v>424</v>
      </c>
      <c r="E84099" s="15">
        <v>45525</v>
      </c>
      <c r="F84099" s="14" t="s">
        <v>28</v>
      </c>
      <c r="G84099" s="16">
        <v>1.3884534094306631</v>
      </c>
    </row>
    <row r="84100" spans="1:7" x14ac:dyDescent="0.3">
      <c r="A84100" s="13" t="s">
        <v>423</v>
      </c>
      <c r="B84100" s="14" t="s">
        <v>1</v>
      </c>
      <c r="C84100" s="14" t="s">
        <v>70</v>
      </c>
      <c r="D84100" s="14" t="s">
        <v>424</v>
      </c>
      <c r="E84100" s="15">
        <v>45526</v>
      </c>
      <c r="F84100" s="14" t="s">
        <v>28</v>
      </c>
      <c r="G84100" s="16">
        <v>1.3994198920657868</v>
      </c>
    </row>
    <row r="84101" spans="1:7" x14ac:dyDescent="0.3">
      <c r="A84101" s="13" t="s">
        <v>423</v>
      </c>
      <c r="B84101" s="14" t="s">
        <v>1</v>
      </c>
      <c r="C84101" s="14" t="s">
        <v>70</v>
      </c>
      <c r="D84101" s="14" t="s">
        <v>424</v>
      </c>
      <c r="E84101" s="15">
        <v>45527</v>
      </c>
      <c r="F84101" s="14" t="s">
        <v>28</v>
      </c>
      <c r="G84101" s="16">
        <v>1.3927038697007181</v>
      </c>
    </row>
    <row r="84102" spans="1:7" x14ac:dyDescent="0.3">
      <c r="A84102" s="13" t="s">
        <v>423</v>
      </c>
      <c r="B84102" s="14" t="s">
        <v>1</v>
      </c>
      <c r="C84102" s="14" t="s">
        <v>70</v>
      </c>
      <c r="D84102" s="14" t="s">
        <v>424</v>
      </c>
      <c r="E84102" s="15">
        <v>45528</v>
      </c>
      <c r="F84102" s="14" t="s">
        <v>28</v>
      </c>
      <c r="G84102" s="16">
        <v>1.3927038697007181</v>
      </c>
    </row>
    <row r="84103" spans="1:7" x14ac:dyDescent="0.3">
      <c r="A84103" s="13" t="s">
        <v>423</v>
      </c>
      <c r="B84103" s="14" t="s">
        <v>1</v>
      </c>
      <c r="C84103" s="14" t="s">
        <v>70</v>
      </c>
      <c r="D84103" s="14" t="s">
        <v>424</v>
      </c>
      <c r="E84103" s="15">
        <v>45529</v>
      </c>
      <c r="F84103" s="14" t="s">
        <v>28</v>
      </c>
      <c r="G84103" s="16">
        <v>1.3927038697007181</v>
      </c>
    </row>
    <row r="84104" spans="1:7" x14ac:dyDescent="0.3">
      <c r="A84104" s="13" t="s">
        <v>423</v>
      </c>
      <c r="B84104" s="14" t="s">
        <v>1</v>
      </c>
      <c r="C84104" s="14" t="s">
        <v>70</v>
      </c>
      <c r="D84104" s="14" t="s">
        <v>424</v>
      </c>
      <c r="E84104" s="15">
        <v>45530</v>
      </c>
      <c r="F84104" s="14" t="s">
        <v>28</v>
      </c>
      <c r="G84104" s="16">
        <v>1.4000820048311031</v>
      </c>
    </row>
    <row r="84105" spans="1:7" x14ac:dyDescent="0.3">
      <c r="A84105" s="13" t="s">
        <v>423</v>
      </c>
      <c r="B84105" s="14" t="s">
        <v>1</v>
      </c>
      <c r="C84105" s="14" t="s">
        <v>70</v>
      </c>
      <c r="D84105" s="14" t="s">
        <v>424</v>
      </c>
      <c r="E84105" s="15">
        <v>45531</v>
      </c>
      <c r="F84105" s="14" t="s">
        <v>28</v>
      </c>
      <c r="G84105" s="16">
        <v>1.4076570757511633</v>
      </c>
    </row>
    <row r="84106" spans="1:7" x14ac:dyDescent="0.3">
      <c r="A84106" s="13" t="s">
        <v>423</v>
      </c>
      <c r="B84106" s="14" t="s">
        <v>1</v>
      </c>
      <c r="C84106" s="14" t="s">
        <v>70</v>
      </c>
      <c r="D84106" s="14" t="s">
        <v>424</v>
      </c>
      <c r="E84106" s="15">
        <v>45532</v>
      </c>
      <c r="F84106" s="14" t="s">
        <v>28</v>
      </c>
      <c r="G84106" s="16">
        <v>1.4225769757818145</v>
      </c>
    </row>
    <row r="84107" spans="1:7" x14ac:dyDescent="0.3">
      <c r="A84107" s="13" t="s">
        <v>423</v>
      </c>
      <c r="B84107" s="14" t="s">
        <v>1</v>
      </c>
      <c r="C84107" s="14" t="s">
        <v>70</v>
      </c>
      <c r="D84107" s="14" t="s">
        <v>424</v>
      </c>
      <c r="E84107" s="15">
        <v>45533</v>
      </c>
      <c r="F84107" s="14" t="s">
        <v>28</v>
      </c>
      <c r="G84107" s="16">
        <v>1.4258073202842492</v>
      </c>
    </row>
    <row r="84108" spans="1:7" x14ac:dyDescent="0.3">
      <c r="A84108" s="13" t="s">
        <v>423</v>
      </c>
      <c r="B84108" s="14" t="s">
        <v>1</v>
      </c>
      <c r="C84108" s="14" t="s">
        <v>70</v>
      </c>
      <c r="D84108" s="14" t="s">
        <v>424</v>
      </c>
      <c r="E84108" s="15">
        <v>45534</v>
      </c>
      <c r="F84108" s="14" t="s">
        <v>28</v>
      </c>
      <c r="G84108" s="16">
        <v>1.437438084307431</v>
      </c>
    </row>
    <row r="84109" spans="1:7" x14ac:dyDescent="0.3">
      <c r="A84109" s="13" t="s">
        <v>423</v>
      </c>
      <c r="B84109" s="14" t="s">
        <v>1</v>
      </c>
      <c r="C84109" s="14" t="s">
        <v>70</v>
      </c>
      <c r="D84109" s="14" t="s">
        <v>424</v>
      </c>
      <c r="E84109" s="15">
        <v>45535</v>
      </c>
      <c r="F84109" s="14" t="s">
        <v>28</v>
      </c>
      <c r="G84109" s="16">
        <v>1.437438084307431</v>
      </c>
    </row>
    <row r="84110" spans="1:7" x14ac:dyDescent="0.3">
      <c r="A84110" s="13" t="s">
        <v>423</v>
      </c>
      <c r="B84110" s="14" t="s">
        <v>1</v>
      </c>
      <c r="C84110" s="14" t="s">
        <v>70</v>
      </c>
      <c r="D84110" s="14" t="s">
        <v>424</v>
      </c>
      <c r="E84110" s="15">
        <v>45536</v>
      </c>
      <c r="F84110" s="14" t="s">
        <v>28</v>
      </c>
      <c r="G84110" s="16">
        <v>1.437438084307431</v>
      </c>
    </row>
    <row r="84111" spans="1:7" x14ac:dyDescent="0.3">
      <c r="A84111" s="13" t="s">
        <v>423</v>
      </c>
      <c r="B84111" s="14" t="s">
        <v>1</v>
      </c>
      <c r="C84111" s="14" t="s">
        <v>70</v>
      </c>
      <c r="D84111" s="14" t="s">
        <v>424</v>
      </c>
      <c r="E84111" s="15">
        <v>45537</v>
      </c>
      <c r="F84111" s="14" t="s">
        <v>28</v>
      </c>
      <c r="G84111" s="16">
        <v>1.4472147302677927</v>
      </c>
    </row>
    <row r="84112" spans="1:7" x14ac:dyDescent="0.3">
      <c r="A84112" s="13" t="s">
        <v>423</v>
      </c>
      <c r="B84112" s="14" t="s">
        <v>1</v>
      </c>
      <c r="C84112" s="14" t="s">
        <v>70</v>
      </c>
      <c r="D84112" s="14" t="s">
        <v>424</v>
      </c>
      <c r="E84112" s="15">
        <v>45538</v>
      </c>
      <c r="F84112" s="14" t="s">
        <v>28</v>
      </c>
      <c r="G84112" s="16">
        <v>1.4529348338210859</v>
      </c>
    </row>
    <row r="84113" spans="1:7" x14ac:dyDescent="0.3">
      <c r="A84113" s="13" t="s">
        <v>423</v>
      </c>
      <c r="B84113" s="14" t="s">
        <v>1</v>
      </c>
      <c r="C84113" s="14" t="s">
        <v>70</v>
      </c>
      <c r="D84113" s="14" t="s">
        <v>424</v>
      </c>
      <c r="E84113" s="15">
        <v>45539</v>
      </c>
      <c r="F84113" s="14" t="s">
        <v>28</v>
      </c>
      <c r="G84113" s="16">
        <v>1.4527100701747357</v>
      </c>
    </row>
    <row r="84114" spans="1:7" x14ac:dyDescent="0.3">
      <c r="A84114" s="13" t="s">
        <v>423</v>
      </c>
      <c r="B84114" s="14" t="s">
        <v>1</v>
      </c>
      <c r="C84114" s="14" t="s">
        <v>70</v>
      </c>
      <c r="D84114" s="14" t="s">
        <v>424</v>
      </c>
      <c r="E84114" s="15">
        <v>45540</v>
      </c>
      <c r="F84114" s="14" t="s">
        <v>28</v>
      </c>
      <c r="G84114" s="16">
        <v>1.460277762706367</v>
      </c>
    </row>
    <row r="84115" spans="1:7" x14ac:dyDescent="0.3">
      <c r="A84115" s="13" t="s">
        <v>423</v>
      </c>
      <c r="B84115" s="14" t="s">
        <v>1</v>
      </c>
      <c r="C84115" s="14" t="s">
        <v>70</v>
      </c>
      <c r="D84115" s="14" t="s">
        <v>424</v>
      </c>
      <c r="E84115" s="15">
        <v>45541</v>
      </c>
      <c r="F84115" s="14" t="s">
        <v>28</v>
      </c>
      <c r="G84115" s="16">
        <v>1.4665606372223789</v>
      </c>
    </row>
    <row r="84116" spans="1:7" x14ac:dyDescent="0.3">
      <c r="A84116" s="13" t="s">
        <v>423</v>
      </c>
      <c r="B84116" s="14" t="s">
        <v>1</v>
      </c>
      <c r="C84116" s="14" t="s">
        <v>70</v>
      </c>
      <c r="D84116" s="14" t="s">
        <v>424</v>
      </c>
      <c r="E84116" s="15">
        <v>45542</v>
      </c>
      <c r="F84116" s="14" t="s">
        <v>28</v>
      </c>
      <c r="G84116" s="16">
        <v>1.4665606372223789</v>
      </c>
    </row>
    <row r="84117" spans="1:7" x14ac:dyDescent="0.3">
      <c r="A84117" s="13" t="s">
        <v>423</v>
      </c>
      <c r="B84117" s="14" t="s">
        <v>1</v>
      </c>
      <c r="C84117" s="14" t="s">
        <v>70</v>
      </c>
      <c r="D84117" s="14" t="s">
        <v>424</v>
      </c>
      <c r="E84117" s="15">
        <v>45543</v>
      </c>
      <c r="F84117" s="14" t="s">
        <v>28</v>
      </c>
      <c r="G84117" s="16">
        <v>1.4665606372223789</v>
      </c>
    </row>
    <row r="84118" spans="1:7" x14ac:dyDescent="0.3">
      <c r="A84118" s="13" t="s">
        <v>423</v>
      </c>
      <c r="B84118" s="14" t="s">
        <v>1</v>
      </c>
      <c r="C84118" s="14" t="s">
        <v>70</v>
      </c>
      <c r="D84118" s="14" t="s">
        <v>424</v>
      </c>
      <c r="E84118" s="15">
        <v>45544</v>
      </c>
      <c r="F84118" s="14" t="s">
        <v>28</v>
      </c>
      <c r="G84118" s="16">
        <v>1.4733003483478357</v>
      </c>
    </row>
    <row r="84119" spans="1:7" x14ac:dyDescent="0.3">
      <c r="A84119" s="13" t="s">
        <v>423</v>
      </c>
      <c r="B84119" s="14" t="s">
        <v>1</v>
      </c>
      <c r="C84119" s="14" t="s">
        <v>70</v>
      </c>
      <c r="D84119" s="14" t="s">
        <v>424</v>
      </c>
      <c r="E84119" s="15">
        <v>45545</v>
      </c>
      <c r="F84119" s="14" t="s">
        <v>28</v>
      </c>
      <c r="G84119" s="16">
        <v>1.4838289148133588</v>
      </c>
    </row>
    <row r="84120" spans="1:7" x14ac:dyDescent="0.3">
      <c r="A84120" s="13" t="s">
        <v>423</v>
      </c>
      <c r="B84120" s="14" t="s">
        <v>1</v>
      </c>
      <c r="C84120" s="14" t="s">
        <v>70</v>
      </c>
      <c r="D84120" s="14" t="s">
        <v>424</v>
      </c>
      <c r="E84120" s="15">
        <v>45546</v>
      </c>
      <c r="F84120" s="14" t="s">
        <v>28</v>
      </c>
      <c r="G84120" s="16">
        <v>1.4896046195351158</v>
      </c>
    </row>
    <row r="84121" spans="1:7" x14ac:dyDescent="0.3">
      <c r="A84121" s="13" t="s">
        <v>423</v>
      </c>
      <c r="B84121" s="14" t="s">
        <v>1</v>
      </c>
      <c r="C84121" s="14" t="s">
        <v>70</v>
      </c>
      <c r="D84121" s="14" t="s">
        <v>424</v>
      </c>
      <c r="E84121" s="15">
        <v>45547</v>
      </c>
      <c r="F84121" s="14" t="s">
        <v>28</v>
      </c>
      <c r="G84121" s="16">
        <v>1.4905540533013861</v>
      </c>
    </row>
    <row r="84122" spans="1:7" x14ac:dyDescent="0.3">
      <c r="A84122" s="13" t="s">
        <v>423</v>
      </c>
      <c r="B84122" s="14" t="s">
        <v>1</v>
      </c>
      <c r="C84122" s="14" t="s">
        <v>70</v>
      </c>
      <c r="D84122" s="14" t="s">
        <v>424</v>
      </c>
      <c r="E84122" s="15">
        <v>45548</v>
      </c>
      <c r="F84122" s="14" t="s">
        <v>28</v>
      </c>
      <c r="G84122" s="16">
        <v>1.5112900033988386</v>
      </c>
    </row>
    <row r="84123" spans="1:7" x14ac:dyDescent="0.3">
      <c r="A84123" s="13" t="s">
        <v>423</v>
      </c>
      <c r="B84123" s="14" t="s">
        <v>1</v>
      </c>
      <c r="C84123" s="14" t="s">
        <v>70</v>
      </c>
      <c r="D84123" s="14" t="s">
        <v>424</v>
      </c>
      <c r="E84123" s="15">
        <v>45549</v>
      </c>
      <c r="F84123" s="14" t="s">
        <v>28</v>
      </c>
      <c r="G84123" s="16">
        <v>1.5112900033988386</v>
      </c>
    </row>
    <row r="84124" spans="1:7" x14ac:dyDescent="0.3">
      <c r="A84124" s="13" t="s">
        <v>423</v>
      </c>
      <c r="B84124" s="14" t="s">
        <v>1</v>
      </c>
      <c r="C84124" s="14" t="s">
        <v>70</v>
      </c>
      <c r="D84124" s="14" t="s">
        <v>424</v>
      </c>
      <c r="E84124" s="15">
        <v>45550</v>
      </c>
      <c r="F84124" s="14" t="s">
        <v>28</v>
      </c>
      <c r="G84124" s="16">
        <v>1.5112900033988386</v>
      </c>
    </row>
    <row r="84125" spans="1:7" x14ac:dyDescent="0.3">
      <c r="A84125" s="13" t="s">
        <v>423</v>
      </c>
      <c r="B84125" s="14" t="s">
        <v>1</v>
      </c>
      <c r="C84125" s="14" t="s">
        <v>70</v>
      </c>
      <c r="D84125" s="14" t="s">
        <v>424</v>
      </c>
      <c r="E84125" s="15">
        <v>45551</v>
      </c>
      <c r="F84125" s="14" t="s">
        <v>28</v>
      </c>
      <c r="G84125" s="16">
        <v>1.5228409831324414</v>
      </c>
    </row>
    <row r="84126" spans="1:7" x14ac:dyDescent="0.3">
      <c r="A84126" s="13" t="s">
        <v>423</v>
      </c>
      <c r="B84126" s="14" t="s">
        <v>1</v>
      </c>
      <c r="C84126" s="14" t="s">
        <v>70</v>
      </c>
      <c r="D84126" s="14" t="s">
        <v>424</v>
      </c>
      <c r="E84126" s="15">
        <v>45552</v>
      </c>
      <c r="F84126" s="14" t="s">
        <v>28</v>
      </c>
      <c r="G84126" s="16">
        <v>1.5380946560206359</v>
      </c>
    </row>
    <row r="84127" spans="1:7" x14ac:dyDescent="0.3">
      <c r="A84127" s="13" t="s">
        <v>423</v>
      </c>
      <c r="B84127" s="14" t="s">
        <v>1</v>
      </c>
      <c r="C84127" s="14" t="s">
        <v>70</v>
      </c>
      <c r="D84127" s="14" t="s">
        <v>424</v>
      </c>
      <c r="E84127" s="15">
        <v>45553</v>
      </c>
      <c r="F84127" s="14" t="s">
        <v>28</v>
      </c>
      <c r="G84127" s="16">
        <v>1.540442212869493</v>
      </c>
    </row>
    <row r="84128" spans="1:7" x14ac:dyDescent="0.3">
      <c r="A84128" s="13" t="s">
        <v>423</v>
      </c>
      <c r="B84128" s="14" t="s">
        <v>1</v>
      </c>
      <c r="C84128" s="14" t="s">
        <v>70</v>
      </c>
      <c r="D84128" s="14" t="s">
        <v>424</v>
      </c>
      <c r="E84128" s="15">
        <v>45554</v>
      </c>
      <c r="F84128" s="14" t="s">
        <v>28</v>
      </c>
      <c r="G84128" s="16">
        <v>1.5397435626434508</v>
      </c>
    </row>
    <row r="84129" spans="1:7" x14ac:dyDescent="0.3">
      <c r="A84129" s="13" t="s">
        <v>423</v>
      </c>
      <c r="B84129" s="14" t="s">
        <v>1</v>
      </c>
      <c r="C84129" s="14" t="s">
        <v>70</v>
      </c>
      <c r="D84129" s="14" t="s">
        <v>424</v>
      </c>
      <c r="E84129" s="15">
        <v>45555</v>
      </c>
      <c r="F84129" s="14" t="s">
        <v>28</v>
      </c>
      <c r="G84129" s="16">
        <v>1.5410794403527037</v>
      </c>
    </row>
    <row r="84130" spans="1:7" x14ac:dyDescent="0.3">
      <c r="A84130" s="13" t="s">
        <v>423</v>
      </c>
      <c r="B84130" s="14" t="s">
        <v>1</v>
      </c>
      <c r="C84130" s="14" t="s">
        <v>70</v>
      </c>
      <c r="D84130" s="14" t="s">
        <v>424</v>
      </c>
      <c r="E84130" s="15">
        <v>45556</v>
      </c>
      <c r="F84130" s="14" t="s">
        <v>28</v>
      </c>
      <c r="G84130" s="16">
        <v>1.5410794403527037</v>
      </c>
    </row>
    <row r="84131" spans="1:7" x14ac:dyDescent="0.3">
      <c r="A84131" s="13" t="s">
        <v>423</v>
      </c>
      <c r="B84131" s="14" t="s">
        <v>1</v>
      </c>
      <c r="C84131" s="14" t="s">
        <v>70</v>
      </c>
      <c r="D84131" s="14" t="s">
        <v>424</v>
      </c>
      <c r="E84131" s="15">
        <v>45557</v>
      </c>
      <c r="F84131" s="14" t="s">
        <v>28</v>
      </c>
      <c r="G84131" s="16">
        <v>1.5410794403527037</v>
      </c>
    </row>
    <row r="84132" spans="1:7" x14ac:dyDescent="0.3">
      <c r="A84132" s="13" t="s">
        <v>423</v>
      </c>
      <c r="B84132" s="14" t="s">
        <v>1</v>
      </c>
      <c r="C84132" s="14" t="s">
        <v>70</v>
      </c>
      <c r="D84132" s="14" t="s">
        <v>424</v>
      </c>
      <c r="E84132" s="15">
        <v>45558</v>
      </c>
      <c r="F84132" s="14" t="s">
        <v>28</v>
      </c>
      <c r="G84132" s="16">
        <v>1.5452704439429417</v>
      </c>
    </row>
    <row r="84133" spans="1:7" x14ac:dyDescent="0.3">
      <c r="A84133" s="13" t="s">
        <v>423</v>
      </c>
      <c r="B84133" s="14" t="s">
        <v>1</v>
      </c>
      <c r="C84133" s="14" t="s">
        <v>70</v>
      </c>
      <c r="D84133" s="14" t="s">
        <v>424</v>
      </c>
      <c r="E84133" s="15">
        <v>45559</v>
      </c>
      <c r="F84133" s="14" t="s">
        <v>28</v>
      </c>
      <c r="G84133" s="16">
        <v>1.5485639060181233</v>
      </c>
    </row>
    <row r="84134" spans="1:7" x14ac:dyDescent="0.3">
      <c r="A84134" s="13" t="s">
        <v>423</v>
      </c>
      <c r="B84134" s="14" t="s">
        <v>1</v>
      </c>
      <c r="C84134" s="14" t="s">
        <v>70</v>
      </c>
      <c r="D84134" s="14" t="s">
        <v>424</v>
      </c>
      <c r="E84134" s="15">
        <v>45560</v>
      </c>
      <c r="F84134" s="14" t="s">
        <v>28</v>
      </c>
      <c r="G84134" s="16">
        <v>1.5594390453481857</v>
      </c>
    </row>
    <row r="84135" spans="1:7" x14ac:dyDescent="0.3">
      <c r="A84135" s="13" t="s">
        <v>423</v>
      </c>
      <c r="B84135" s="14" t="s">
        <v>1</v>
      </c>
      <c r="C84135" s="14" t="s">
        <v>70</v>
      </c>
      <c r="D84135" s="14" t="s">
        <v>424</v>
      </c>
      <c r="E84135" s="15">
        <v>45561</v>
      </c>
      <c r="F84135" s="14" t="s">
        <v>28</v>
      </c>
      <c r="G84135" s="16">
        <v>1.5615562921617614</v>
      </c>
    </row>
    <row r="84136" spans="1:7" x14ac:dyDescent="0.3">
      <c r="A84136" s="13" t="s">
        <v>423</v>
      </c>
      <c r="B84136" s="14" t="s">
        <v>1</v>
      </c>
      <c r="C84136" s="14" t="s">
        <v>70</v>
      </c>
      <c r="D84136" s="14" t="s">
        <v>424</v>
      </c>
      <c r="E84136" s="15">
        <v>45562</v>
      </c>
      <c r="F84136" s="14" t="s">
        <v>28</v>
      </c>
      <c r="G84136" s="16">
        <v>1.5665137629342889</v>
      </c>
    </row>
    <row r="84137" spans="1:7" x14ac:dyDescent="0.3">
      <c r="A84137" s="13" t="s">
        <v>423</v>
      </c>
      <c r="B84137" s="14" t="s">
        <v>1</v>
      </c>
      <c r="C84137" s="14" t="s">
        <v>70</v>
      </c>
      <c r="D84137" s="14" t="s">
        <v>424</v>
      </c>
      <c r="E84137" s="15">
        <v>45563</v>
      </c>
      <c r="F84137" s="14" t="s">
        <v>28</v>
      </c>
      <c r="G84137" s="16">
        <v>1.5665137629342889</v>
      </c>
    </row>
    <row r="84138" spans="1:7" x14ac:dyDescent="0.3">
      <c r="A84138" s="13" t="s">
        <v>423</v>
      </c>
      <c r="B84138" s="14" t="s">
        <v>1</v>
      </c>
      <c r="C84138" s="14" t="s">
        <v>70</v>
      </c>
      <c r="D84138" s="14" t="s">
        <v>424</v>
      </c>
      <c r="E84138" s="15">
        <v>45564</v>
      </c>
      <c r="F84138" s="14" t="s">
        <v>28</v>
      </c>
      <c r="G84138" s="16">
        <v>1.5665137629342889</v>
      </c>
    </row>
    <row r="84139" spans="1:7" x14ac:dyDescent="0.3">
      <c r="A84139" s="13" t="s">
        <v>423</v>
      </c>
      <c r="B84139" s="14" t="s">
        <v>1</v>
      </c>
      <c r="C84139" s="14" t="s">
        <v>70</v>
      </c>
      <c r="D84139" s="14" t="s">
        <v>424</v>
      </c>
      <c r="E84139" s="15">
        <v>45565</v>
      </c>
      <c r="F84139" s="14" t="s">
        <v>28</v>
      </c>
      <c r="G84139" s="16">
        <v>1.5892031927705483</v>
      </c>
    </row>
    <row r="84140" spans="1:7" x14ac:dyDescent="0.3">
      <c r="A84140" s="13" t="s">
        <v>423</v>
      </c>
      <c r="B84140" s="14" t="s">
        <v>1</v>
      </c>
      <c r="C84140" s="14" t="s">
        <v>70</v>
      </c>
      <c r="D84140" s="14" t="s">
        <v>424</v>
      </c>
      <c r="E84140" s="15">
        <v>45566</v>
      </c>
      <c r="F84140" s="14" t="s">
        <v>28</v>
      </c>
      <c r="G84140" s="16">
        <v>1.6084188116537577</v>
      </c>
    </row>
    <row r="84141" spans="1:7" x14ac:dyDescent="0.3">
      <c r="A84141" s="13" t="s">
        <v>423</v>
      </c>
      <c r="B84141" s="14" t="s">
        <v>1</v>
      </c>
      <c r="C84141" s="14" t="s">
        <v>70</v>
      </c>
      <c r="D84141" s="14" t="s">
        <v>424</v>
      </c>
      <c r="E84141" s="15">
        <v>45567</v>
      </c>
      <c r="F84141" s="14" t="s">
        <v>28</v>
      </c>
      <c r="G84141" s="16">
        <v>1.6177957243774483</v>
      </c>
    </row>
    <row r="84142" spans="1:7" x14ac:dyDescent="0.3">
      <c r="A84142" s="13" t="s">
        <v>423</v>
      </c>
      <c r="B84142" s="14" t="s">
        <v>1</v>
      </c>
      <c r="C84142" s="14" t="s">
        <v>70</v>
      </c>
      <c r="D84142" s="14" t="s">
        <v>424</v>
      </c>
      <c r="E84142" s="15">
        <v>45568</v>
      </c>
      <c r="F84142" s="14" t="s">
        <v>28</v>
      </c>
      <c r="G84142" s="16">
        <v>1.6269487889844869</v>
      </c>
    </row>
    <row r="84143" spans="1:7" x14ac:dyDescent="0.3">
      <c r="A84143" s="13" t="s">
        <v>423</v>
      </c>
      <c r="B84143" s="14" t="s">
        <v>1</v>
      </c>
      <c r="C84143" s="14" t="s">
        <v>70</v>
      </c>
      <c r="D84143" s="14" t="s">
        <v>424</v>
      </c>
      <c r="E84143" s="15">
        <v>45569</v>
      </c>
      <c r="F84143" s="14" t="s">
        <v>28</v>
      </c>
      <c r="G84143" s="16">
        <v>1.6426627540567524</v>
      </c>
    </row>
    <row r="84144" spans="1:7" x14ac:dyDescent="0.3">
      <c r="A84144" s="13" t="s">
        <v>423</v>
      </c>
      <c r="B84144" s="14" t="s">
        <v>1</v>
      </c>
      <c r="C84144" s="14" t="s">
        <v>70</v>
      </c>
      <c r="D84144" s="14" t="s">
        <v>424</v>
      </c>
      <c r="E84144" s="15">
        <v>45570</v>
      </c>
      <c r="F84144" s="14" t="s">
        <v>28</v>
      </c>
      <c r="G84144" s="16">
        <v>1.6426627540567524</v>
      </c>
    </row>
    <row r="84145" spans="1:7" x14ac:dyDescent="0.3">
      <c r="A84145" s="13" t="s">
        <v>423</v>
      </c>
      <c r="B84145" s="14" t="s">
        <v>1</v>
      </c>
      <c r="C84145" s="14" t="s">
        <v>70</v>
      </c>
      <c r="D84145" s="14" t="s">
        <v>424</v>
      </c>
      <c r="E84145" s="15">
        <v>45571</v>
      </c>
      <c r="F84145" s="14" t="s">
        <v>28</v>
      </c>
      <c r="G84145" s="16">
        <v>1.6426627540567524</v>
      </c>
    </row>
    <row r="84146" spans="1:7" x14ac:dyDescent="0.3">
      <c r="A84146" s="13" t="s">
        <v>423</v>
      </c>
      <c r="B84146" s="14" t="s">
        <v>1</v>
      </c>
      <c r="C84146" s="14" t="s">
        <v>70</v>
      </c>
      <c r="D84146" s="14" t="s">
        <v>424</v>
      </c>
      <c r="E84146" s="15">
        <v>45572</v>
      </c>
      <c r="F84146" s="14" t="s">
        <v>28</v>
      </c>
      <c r="G84146" s="16">
        <v>1.6608746394823255</v>
      </c>
    </row>
    <row r="84147" spans="1:7" x14ac:dyDescent="0.3">
      <c r="A84147" s="13" t="s">
        <v>423</v>
      </c>
      <c r="B84147" s="14" t="s">
        <v>1</v>
      </c>
      <c r="C84147" s="14" t="s">
        <v>70</v>
      </c>
      <c r="D84147" s="14" t="s">
        <v>424</v>
      </c>
      <c r="E84147" s="15">
        <v>45573</v>
      </c>
      <c r="F84147" s="14" t="s">
        <v>28</v>
      </c>
      <c r="G84147" s="16">
        <v>1.6710989469806488</v>
      </c>
    </row>
    <row r="84148" spans="1:7" x14ac:dyDescent="0.3">
      <c r="A84148" s="13" t="s">
        <v>423</v>
      </c>
      <c r="B84148" s="14" t="s">
        <v>1</v>
      </c>
      <c r="C84148" s="14" t="s">
        <v>70</v>
      </c>
      <c r="D84148" s="14" t="s">
        <v>424</v>
      </c>
      <c r="E84148" s="15">
        <v>45574</v>
      </c>
      <c r="F84148" s="14" t="s">
        <v>28</v>
      </c>
      <c r="G84148" s="16">
        <v>1.6788267301509083</v>
      </c>
    </row>
    <row r="84149" spans="1:7" x14ac:dyDescent="0.3">
      <c r="A84149" s="13" t="s">
        <v>423</v>
      </c>
      <c r="B84149" s="14" t="s">
        <v>1</v>
      </c>
      <c r="C84149" s="14" t="s">
        <v>70</v>
      </c>
      <c r="D84149" s="14" t="s">
        <v>424</v>
      </c>
      <c r="E84149" s="15">
        <v>45575</v>
      </c>
      <c r="F84149" s="14" t="s">
        <v>28</v>
      </c>
      <c r="G84149" s="16">
        <v>1.680449946667504</v>
      </c>
    </row>
    <row r="84150" spans="1:7" x14ac:dyDescent="0.3">
      <c r="A84150" s="13" t="s">
        <v>423</v>
      </c>
      <c r="B84150" s="14" t="s">
        <v>1</v>
      </c>
      <c r="C84150" s="14" t="s">
        <v>70</v>
      </c>
      <c r="D84150" s="14" t="s">
        <v>424</v>
      </c>
      <c r="E84150" s="15">
        <v>45576</v>
      </c>
      <c r="F84150" s="14" t="s">
        <v>28</v>
      </c>
      <c r="G84150" s="16">
        <v>1.6962847472272164</v>
      </c>
    </row>
    <row r="84151" spans="1:7" x14ac:dyDescent="0.3">
      <c r="A84151" s="13" t="s">
        <v>423</v>
      </c>
      <c r="B84151" s="14" t="s">
        <v>1</v>
      </c>
      <c r="C84151" s="14" t="s">
        <v>70</v>
      </c>
      <c r="D84151" s="14" t="s">
        <v>424</v>
      </c>
      <c r="E84151" s="15">
        <v>45577</v>
      </c>
      <c r="F84151" s="14" t="s">
        <v>28</v>
      </c>
      <c r="G84151" s="16">
        <v>1.6962847472272164</v>
      </c>
    </row>
    <row r="84152" spans="1:7" x14ac:dyDescent="0.3">
      <c r="A84152" s="13" t="s">
        <v>423</v>
      </c>
      <c r="B84152" s="14" t="s">
        <v>1</v>
      </c>
      <c r="C84152" s="14" t="s">
        <v>70</v>
      </c>
      <c r="D84152" s="14" t="s">
        <v>424</v>
      </c>
      <c r="E84152" s="15">
        <v>45578</v>
      </c>
      <c r="F84152" s="14" t="s">
        <v>28</v>
      </c>
      <c r="G84152" s="16">
        <v>1.6962847472272164</v>
      </c>
    </row>
    <row r="84153" spans="1:7" x14ac:dyDescent="0.3">
      <c r="A84153" s="13" t="s">
        <v>423</v>
      </c>
      <c r="B84153" s="14" t="s">
        <v>1</v>
      </c>
      <c r="C84153" s="14" t="s">
        <v>70</v>
      </c>
      <c r="D84153" s="14" t="s">
        <v>424</v>
      </c>
      <c r="E84153" s="15">
        <v>45579</v>
      </c>
      <c r="F84153" s="14" t="s">
        <v>28</v>
      </c>
      <c r="G84153" s="16">
        <v>1.7043818113377349</v>
      </c>
    </row>
    <row r="84154" spans="1:7" x14ac:dyDescent="0.3">
      <c r="A84154" s="13" t="s">
        <v>423</v>
      </c>
      <c r="B84154" s="14" t="s">
        <v>1</v>
      </c>
      <c r="C84154" s="14" t="s">
        <v>70</v>
      </c>
      <c r="D84154" s="14" t="s">
        <v>424</v>
      </c>
      <c r="E84154" s="15">
        <v>45580</v>
      </c>
      <c r="F84154" s="14" t="s">
        <v>28</v>
      </c>
      <c r="G84154" s="16">
        <v>1.715843387476949</v>
      </c>
    </row>
    <row r="84155" spans="1:7" x14ac:dyDescent="0.3">
      <c r="A84155" s="13" t="s">
        <v>423</v>
      </c>
      <c r="B84155" s="14" t="s">
        <v>1</v>
      </c>
      <c r="C84155" s="14" t="s">
        <v>70</v>
      </c>
      <c r="D84155" s="14" t="s">
        <v>424</v>
      </c>
      <c r="E84155" s="15">
        <v>45581</v>
      </c>
      <c r="F84155" s="14" t="s">
        <v>28</v>
      </c>
      <c r="G84155" s="16">
        <v>1.728470198117704</v>
      </c>
    </row>
    <row r="84156" spans="1:7" x14ac:dyDescent="0.3">
      <c r="A84156" s="13" t="s">
        <v>423</v>
      </c>
      <c r="B84156" s="14" t="s">
        <v>1</v>
      </c>
      <c r="C84156" s="14" t="s">
        <v>70</v>
      </c>
      <c r="D84156" s="14" t="s">
        <v>424</v>
      </c>
      <c r="E84156" s="15">
        <v>45582</v>
      </c>
      <c r="F84156" s="14" t="s">
        <v>28</v>
      </c>
      <c r="G84156" s="16">
        <v>1.7335669082217369</v>
      </c>
    </row>
    <row r="84157" spans="1:7" x14ac:dyDescent="0.3">
      <c r="A84157" s="13" t="s">
        <v>423</v>
      </c>
      <c r="B84157" s="14" t="s">
        <v>1</v>
      </c>
      <c r="C84157" s="14" t="s">
        <v>70</v>
      </c>
      <c r="D84157" s="14" t="s">
        <v>424</v>
      </c>
      <c r="E84157" s="15">
        <v>45583</v>
      </c>
      <c r="F84157" s="14" t="s">
        <v>28</v>
      </c>
      <c r="G84157" s="16">
        <v>1.7382203078683145</v>
      </c>
    </row>
    <row r="84158" spans="1:7" x14ac:dyDescent="0.3">
      <c r="A84158" s="13" t="s">
        <v>423</v>
      </c>
      <c r="B84158" s="14" t="s">
        <v>1</v>
      </c>
      <c r="C84158" s="14" t="s">
        <v>70</v>
      </c>
      <c r="D84158" s="14" t="s">
        <v>424</v>
      </c>
      <c r="E84158" s="15">
        <v>45584</v>
      </c>
      <c r="F84158" s="14" t="s">
        <v>28</v>
      </c>
      <c r="G84158" s="16">
        <v>1.7382203078683145</v>
      </c>
    </row>
    <row r="84159" spans="1:7" x14ac:dyDescent="0.3">
      <c r="A84159" s="13" t="s">
        <v>423</v>
      </c>
      <c r="B84159" s="14" t="s">
        <v>1</v>
      </c>
      <c r="C84159" s="14" t="s">
        <v>70</v>
      </c>
      <c r="D84159" s="14" t="s">
        <v>424</v>
      </c>
      <c r="E84159" s="15">
        <v>45585</v>
      </c>
      <c r="F84159" s="14" t="s">
        <v>28</v>
      </c>
      <c r="G84159" s="16">
        <v>1.7382203078683145</v>
      </c>
    </row>
    <row r="84160" spans="1:7" x14ac:dyDescent="0.3">
      <c r="A84160" s="13" t="s">
        <v>423</v>
      </c>
      <c r="B84160" s="14" t="s">
        <v>1</v>
      </c>
      <c r="C84160" s="14" t="s">
        <v>70</v>
      </c>
      <c r="D84160" s="14" t="s">
        <v>424</v>
      </c>
      <c r="E84160" s="15">
        <v>45586</v>
      </c>
      <c r="F84160" s="14" t="s">
        <v>28</v>
      </c>
      <c r="G84160" s="16">
        <v>1.7549387847248459</v>
      </c>
    </row>
    <row r="84161" spans="1:7" x14ac:dyDescent="0.3">
      <c r="A84161" s="13" t="s">
        <v>423</v>
      </c>
      <c r="B84161" s="14" t="s">
        <v>1</v>
      </c>
      <c r="C84161" s="14" t="s">
        <v>70</v>
      </c>
      <c r="D84161" s="14" t="s">
        <v>424</v>
      </c>
      <c r="E84161" s="15">
        <v>45587</v>
      </c>
      <c r="F84161" s="14" t="s">
        <v>28</v>
      </c>
      <c r="G84161" s="16">
        <v>1.7654133947934019</v>
      </c>
    </row>
    <row r="84162" spans="1:7" x14ac:dyDescent="0.3">
      <c r="A84162" s="13" t="s">
        <v>423</v>
      </c>
      <c r="B84162" s="14" t="s">
        <v>1</v>
      </c>
      <c r="C84162" s="14" t="s">
        <v>70</v>
      </c>
      <c r="D84162" s="14" t="s">
        <v>424</v>
      </c>
      <c r="E84162" s="15">
        <v>45588</v>
      </c>
      <c r="F84162" s="14" t="s">
        <v>28</v>
      </c>
      <c r="G84162" s="16">
        <v>1.7780726951993278</v>
      </c>
    </row>
    <row r="84163" spans="1:7" x14ac:dyDescent="0.3">
      <c r="A84163" s="13" t="s">
        <v>423</v>
      </c>
      <c r="B84163" s="14" t="s">
        <v>1</v>
      </c>
      <c r="C84163" s="14" t="s">
        <v>70</v>
      </c>
      <c r="D84163" s="14" t="s">
        <v>424</v>
      </c>
      <c r="E84163" s="15">
        <v>45589</v>
      </c>
      <c r="F84163" s="14" t="s">
        <v>28</v>
      </c>
      <c r="G84163" s="16">
        <v>1.7770810540536917</v>
      </c>
    </row>
    <row r="84164" spans="1:7" x14ac:dyDescent="0.3">
      <c r="A84164" s="13" t="s">
        <v>423</v>
      </c>
      <c r="B84164" s="14" t="s">
        <v>1</v>
      </c>
      <c r="C84164" s="14" t="s">
        <v>70</v>
      </c>
      <c r="D84164" s="14" t="s">
        <v>424</v>
      </c>
      <c r="E84164" s="15">
        <v>45590</v>
      </c>
      <c r="F84164" s="14" t="s">
        <v>28</v>
      </c>
      <c r="G84164" s="16">
        <v>1.7849702478752434</v>
      </c>
    </row>
    <row r="84165" spans="1:7" x14ac:dyDescent="0.3">
      <c r="A84165" s="13" t="s">
        <v>423</v>
      </c>
      <c r="B84165" s="14" t="s">
        <v>1</v>
      </c>
      <c r="C84165" s="14" t="s">
        <v>70</v>
      </c>
      <c r="D84165" s="14" t="s">
        <v>424</v>
      </c>
      <c r="E84165" s="15">
        <v>45591</v>
      </c>
      <c r="F84165" s="14" t="s">
        <v>28</v>
      </c>
      <c r="G84165" s="16">
        <v>1.7849702478752434</v>
      </c>
    </row>
    <row r="84166" spans="1:7" x14ac:dyDescent="0.3">
      <c r="A84166" s="13" t="s">
        <v>423</v>
      </c>
      <c r="B84166" s="14" t="s">
        <v>1</v>
      </c>
      <c r="C84166" s="14" t="s">
        <v>70</v>
      </c>
      <c r="D84166" s="14" t="s">
        <v>424</v>
      </c>
      <c r="E84166" s="15">
        <v>45592</v>
      </c>
      <c r="F84166" s="14" t="s">
        <v>28</v>
      </c>
      <c r="G84166" s="16">
        <v>1.7849702478752434</v>
      </c>
    </row>
    <row r="84167" spans="1:7" x14ac:dyDescent="0.3">
      <c r="A84167" s="13" t="s">
        <v>423</v>
      </c>
      <c r="B84167" s="14" t="s">
        <v>1</v>
      </c>
      <c r="C84167" s="14" t="s">
        <v>70</v>
      </c>
      <c r="D84167" s="14" t="s">
        <v>424</v>
      </c>
      <c r="E84167" s="15">
        <v>45593</v>
      </c>
      <c r="F84167" s="14" t="s">
        <v>28</v>
      </c>
      <c r="G84167" s="16">
        <v>1.7849702478752434</v>
      </c>
    </row>
    <row r="84168" spans="1:7" x14ac:dyDescent="0.3">
      <c r="A84168" s="13" t="s">
        <v>423</v>
      </c>
      <c r="B84168" s="14" t="s">
        <v>1</v>
      </c>
      <c r="C84168" s="14" t="s">
        <v>70</v>
      </c>
      <c r="D84168" s="14" t="s">
        <v>424</v>
      </c>
      <c r="E84168" s="15">
        <v>45594</v>
      </c>
      <c r="F84168" s="14" t="s">
        <v>28</v>
      </c>
      <c r="G84168" s="16">
        <v>1.7927627665934402</v>
      </c>
    </row>
    <row r="84169" spans="1:7" x14ac:dyDescent="0.3">
      <c r="A84169" s="13" t="s">
        <v>423</v>
      </c>
      <c r="B84169" s="14" t="s">
        <v>1</v>
      </c>
      <c r="C84169" s="14" t="s">
        <v>70</v>
      </c>
      <c r="D84169" s="14" t="s">
        <v>424</v>
      </c>
      <c r="E84169" s="15">
        <v>45595</v>
      </c>
      <c r="F84169" s="14" t="s">
        <v>28</v>
      </c>
      <c r="G84169" s="16">
        <v>1.8130114922245859</v>
      </c>
    </row>
    <row r="84170" spans="1:7" x14ac:dyDescent="0.3">
      <c r="A84170" s="13" t="s">
        <v>423</v>
      </c>
      <c r="B84170" s="14" t="s">
        <v>1</v>
      </c>
      <c r="C84170" s="14" t="s">
        <v>70</v>
      </c>
      <c r="D84170" s="14" t="s">
        <v>424</v>
      </c>
      <c r="E84170" s="15">
        <v>45596</v>
      </c>
      <c r="F84170" s="14" t="s">
        <v>28</v>
      </c>
      <c r="G84170" s="16">
        <v>1.813175787487471</v>
      </c>
    </row>
    <row r="84171" spans="1:7" x14ac:dyDescent="0.3">
      <c r="A84171" s="13" t="s">
        <v>423</v>
      </c>
      <c r="B84171" s="14" t="s">
        <v>1</v>
      </c>
      <c r="C84171" s="14" t="s">
        <v>70</v>
      </c>
      <c r="D84171" s="14" t="s">
        <v>424</v>
      </c>
      <c r="E84171" s="15">
        <v>45597</v>
      </c>
      <c r="F84171" s="14" t="s">
        <v>28</v>
      </c>
      <c r="G84171" s="16">
        <v>1.8267675852176497</v>
      </c>
    </row>
    <row r="84172" spans="1:7" x14ac:dyDescent="0.3">
      <c r="A84172" s="13" t="s">
        <v>423</v>
      </c>
      <c r="B84172" s="14" t="s">
        <v>1</v>
      </c>
      <c r="C84172" s="14" t="s">
        <v>70</v>
      </c>
      <c r="D84172" s="14" t="s">
        <v>424</v>
      </c>
      <c r="E84172" s="15">
        <v>45598</v>
      </c>
      <c r="F84172" s="14" t="s">
        <v>28</v>
      </c>
      <c r="G84172" s="16">
        <v>1.8267675852176497</v>
      </c>
    </row>
    <row r="84173" spans="1:7" x14ac:dyDescent="0.3">
      <c r="A84173" s="13" t="s">
        <v>423</v>
      </c>
      <c r="B84173" s="14" t="s">
        <v>1</v>
      </c>
      <c r="C84173" s="14" t="s">
        <v>70</v>
      </c>
      <c r="D84173" s="14" t="s">
        <v>424</v>
      </c>
      <c r="E84173" s="15">
        <v>45599</v>
      </c>
      <c r="F84173" s="14" t="s">
        <v>28</v>
      </c>
      <c r="G84173" s="16">
        <v>1.8267675852176497</v>
      </c>
    </row>
    <row r="84174" spans="1:7" x14ac:dyDescent="0.3">
      <c r="A84174" s="13" t="s">
        <v>423</v>
      </c>
      <c r="B84174" s="14" t="s">
        <v>1</v>
      </c>
      <c r="C84174" s="14" t="s">
        <v>70</v>
      </c>
      <c r="D84174" s="14" t="s">
        <v>424</v>
      </c>
      <c r="E84174" s="15">
        <v>45600</v>
      </c>
      <c r="F84174" s="14" t="s">
        <v>28</v>
      </c>
      <c r="G84174" s="16">
        <v>1.8169002009354909</v>
      </c>
    </row>
    <row r="84175" spans="1:7" x14ac:dyDescent="0.3">
      <c r="A84175" s="13" t="s">
        <v>423</v>
      </c>
      <c r="B84175" s="14" t="s">
        <v>1</v>
      </c>
      <c r="C84175" s="14" t="s">
        <v>70</v>
      </c>
      <c r="D84175" s="14" t="s">
        <v>424</v>
      </c>
      <c r="E84175" s="15">
        <v>45601</v>
      </c>
      <c r="F84175" s="14" t="s">
        <v>28</v>
      </c>
      <c r="G84175" s="16">
        <v>1.8185808734334274</v>
      </c>
    </row>
    <row r="84176" spans="1:7" x14ac:dyDescent="0.3">
      <c r="A84176" s="13" t="s">
        <v>423</v>
      </c>
      <c r="B84176" s="14" t="s">
        <v>1</v>
      </c>
      <c r="C84176" s="14" t="s">
        <v>70</v>
      </c>
      <c r="D84176" s="14" t="s">
        <v>424</v>
      </c>
      <c r="E84176" s="15">
        <v>45602</v>
      </c>
      <c r="F84176" s="14" t="s">
        <v>28</v>
      </c>
      <c r="G84176" s="16">
        <v>1.8507908518673717</v>
      </c>
    </row>
    <row r="84177" spans="1:7" x14ac:dyDescent="0.3">
      <c r="A84177" s="13" t="s">
        <v>423</v>
      </c>
      <c r="B84177" s="14" t="s">
        <v>1</v>
      </c>
      <c r="C84177" s="14" t="s">
        <v>70</v>
      </c>
      <c r="D84177" s="14" t="s">
        <v>424</v>
      </c>
      <c r="E84177" s="15">
        <v>45603</v>
      </c>
      <c r="F84177" s="14" t="s">
        <v>28</v>
      </c>
      <c r="G84177" s="16">
        <v>1.8364165786746514</v>
      </c>
    </row>
    <row r="84178" spans="1:7" x14ac:dyDescent="0.3">
      <c r="A84178" s="13" t="s">
        <v>423</v>
      </c>
      <c r="B84178" s="14" t="s">
        <v>1</v>
      </c>
      <c r="C84178" s="14" t="s">
        <v>70</v>
      </c>
      <c r="D84178" s="14" t="s">
        <v>424</v>
      </c>
      <c r="E84178" s="15">
        <v>45604</v>
      </c>
      <c r="F84178" s="14" t="s">
        <v>28</v>
      </c>
      <c r="G84178" s="16">
        <v>1.8607214441772628</v>
      </c>
    </row>
    <row r="84179" spans="1:7" x14ac:dyDescent="0.3">
      <c r="A84179" s="13" t="s">
        <v>423</v>
      </c>
      <c r="B84179" s="14" t="s">
        <v>1</v>
      </c>
      <c r="C84179" s="14" t="s">
        <v>70</v>
      </c>
      <c r="D84179" s="14" t="s">
        <v>424</v>
      </c>
      <c r="E84179" s="15">
        <v>45605</v>
      </c>
      <c r="F84179" s="14" t="s">
        <v>28</v>
      </c>
      <c r="G84179" s="16">
        <v>1.8607214441772628</v>
      </c>
    </row>
    <row r="84180" spans="1:7" x14ac:dyDescent="0.3">
      <c r="A84180" s="13" t="s">
        <v>423</v>
      </c>
      <c r="B84180" s="14" t="s">
        <v>1</v>
      </c>
      <c r="C84180" s="14" t="s">
        <v>70</v>
      </c>
      <c r="D84180" s="14" t="s">
        <v>424</v>
      </c>
      <c r="E84180" s="15">
        <v>45606</v>
      </c>
      <c r="F84180" s="14" t="s">
        <v>28</v>
      </c>
      <c r="G84180" s="16">
        <v>1.8607214441772628</v>
      </c>
    </row>
    <row r="84181" spans="1:7" x14ac:dyDescent="0.3">
      <c r="A84181" s="13" t="s">
        <v>423</v>
      </c>
      <c r="B84181" s="14" t="s">
        <v>1</v>
      </c>
      <c r="C84181" s="14" t="s">
        <v>70</v>
      </c>
      <c r="D84181" s="14" t="s">
        <v>424</v>
      </c>
      <c r="E84181" s="15">
        <v>45607</v>
      </c>
      <c r="F84181" s="14" t="s">
        <v>28</v>
      </c>
      <c r="G84181" s="16">
        <v>1.8806841683359066</v>
      </c>
    </row>
    <row r="84182" spans="1:7" x14ac:dyDescent="0.3">
      <c r="A84182" s="13" t="s">
        <v>423</v>
      </c>
      <c r="B84182" s="14" t="s">
        <v>1</v>
      </c>
      <c r="C84182" s="14" t="s">
        <v>70</v>
      </c>
      <c r="D84182" s="14" t="s">
        <v>424</v>
      </c>
      <c r="E84182" s="15">
        <v>45608</v>
      </c>
      <c r="F84182" s="14" t="s">
        <v>28</v>
      </c>
      <c r="G84182" s="16">
        <v>1.8974730425917823</v>
      </c>
    </row>
    <row r="84183" spans="1:7" x14ac:dyDescent="0.3">
      <c r="A84183" s="13" t="s">
        <v>423</v>
      </c>
      <c r="B84183" s="14" t="s">
        <v>1</v>
      </c>
      <c r="C84183" s="14" t="s">
        <v>70</v>
      </c>
      <c r="D84183" s="14" t="s">
        <v>424</v>
      </c>
      <c r="E84183" s="15">
        <v>45609</v>
      </c>
      <c r="F84183" s="14" t="s">
        <v>28</v>
      </c>
      <c r="G84183" s="16">
        <v>1.90691131824689</v>
      </c>
    </row>
    <row r="84184" spans="1:7" x14ac:dyDescent="0.3">
      <c r="A84184" s="13" t="s">
        <v>423</v>
      </c>
      <c r="B84184" s="14" t="s">
        <v>1</v>
      </c>
      <c r="C84184" s="14" t="s">
        <v>70</v>
      </c>
      <c r="D84184" s="14" t="s">
        <v>424</v>
      </c>
      <c r="E84184" s="15">
        <v>45610</v>
      </c>
      <c r="F84184" s="14" t="s">
        <v>28</v>
      </c>
      <c r="G84184" s="16">
        <v>1.9145788174407141</v>
      </c>
    </row>
    <row r="84185" spans="1:7" x14ac:dyDescent="0.3">
      <c r="A84185" s="13" t="s">
        <v>423</v>
      </c>
      <c r="B84185" s="14" t="s">
        <v>1</v>
      </c>
      <c r="C84185" s="14" t="s">
        <v>70</v>
      </c>
      <c r="D84185" s="14" t="s">
        <v>424</v>
      </c>
      <c r="E84185" s="15">
        <v>45611</v>
      </c>
      <c r="F84185" s="14" t="s">
        <v>28</v>
      </c>
      <c r="G84185" s="16">
        <v>1.9462113012942146</v>
      </c>
    </row>
    <row r="84186" spans="1:7" x14ac:dyDescent="0.3">
      <c r="A84186" s="13" t="s">
        <v>423</v>
      </c>
      <c r="B84186" s="14" t="s">
        <v>1</v>
      </c>
      <c r="C84186" s="14" t="s">
        <v>70</v>
      </c>
      <c r="D84186" s="14" t="s">
        <v>424</v>
      </c>
      <c r="E84186" s="15">
        <v>45612</v>
      </c>
      <c r="F84186" s="14" t="s">
        <v>28</v>
      </c>
      <c r="G84186" s="16">
        <v>1.9462113012942146</v>
      </c>
    </row>
    <row r="84187" spans="1:7" x14ac:dyDescent="0.3">
      <c r="A84187" s="13" t="s">
        <v>423</v>
      </c>
      <c r="B84187" s="14" t="s">
        <v>1</v>
      </c>
      <c r="C84187" s="14" t="s">
        <v>70</v>
      </c>
      <c r="D84187" s="14" t="s">
        <v>424</v>
      </c>
      <c r="E84187" s="15">
        <v>45613</v>
      </c>
      <c r="F84187" s="14" t="s">
        <v>28</v>
      </c>
      <c r="G84187" s="16">
        <v>1.9462113012942146</v>
      </c>
    </row>
    <row r="84188" spans="1:7" x14ac:dyDescent="0.3">
      <c r="A84188" s="13" t="s">
        <v>423</v>
      </c>
      <c r="B84188" s="14" t="s">
        <v>1</v>
      </c>
      <c r="C84188" s="14" t="s">
        <v>70</v>
      </c>
      <c r="D84188" s="14" t="s">
        <v>424</v>
      </c>
      <c r="E84188" s="15">
        <v>45614</v>
      </c>
      <c r="F84188" s="14" t="s">
        <v>28</v>
      </c>
      <c r="G84188" s="16">
        <v>1.9493203594788469</v>
      </c>
    </row>
    <row r="84189" spans="1:7" x14ac:dyDescent="0.3">
      <c r="A84189" s="13" t="s">
        <v>423</v>
      </c>
      <c r="B84189" s="14" t="s">
        <v>1</v>
      </c>
      <c r="C84189" s="14" t="s">
        <v>70</v>
      </c>
      <c r="D84189" s="14" t="s">
        <v>424</v>
      </c>
      <c r="E84189" s="15">
        <v>45615</v>
      </c>
      <c r="F84189" s="14" t="s">
        <v>28</v>
      </c>
      <c r="G84189" s="16">
        <v>1.9784425405014778</v>
      </c>
    </row>
    <row r="84190" spans="1:7" x14ac:dyDescent="0.3">
      <c r="A84190" s="13" t="s">
        <v>423</v>
      </c>
      <c r="B84190" s="14" t="s">
        <v>1</v>
      </c>
      <c r="C84190" s="14" t="s">
        <v>70</v>
      </c>
      <c r="D84190" s="14" t="s">
        <v>424</v>
      </c>
      <c r="E84190" s="15">
        <v>45616</v>
      </c>
      <c r="F84190" s="14" t="s">
        <v>28</v>
      </c>
      <c r="G84190" s="16">
        <v>1.9894712196860527</v>
      </c>
    </row>
    <row r="84191" spans="1:7" x14ac:dyDescent="0.3">
      <c r="A84191" s="13" t="s">
        <v>423</v>
      </c>
      <c r="B84191" s="14" t="s">
        <v>1</v>
      </c>
      <c r="C84191" s="14" t="s">
        <v>70</v>
      </c>
      <c r="D84191" s="14" t="s">
        <v>424</v>
      </c>
      <c r="E84191" s="15">
        <v>45617</v>
      </c>
      <c r="F84191" s="14" t="s">
        <v>28</v>
      </c>
      <c r="G84191" s="16">
        <v>2.0012636630421365</v>
      </c>
    </row>
    <row r="84192" spans="1:7" x14ac:dyDescent="0.3">
      <c r="A84192" s="13" t="s">
        <v>423</v>
      </c>
      <c r="B84192" s="14" t="s">
        <v>1</v>
      </c>
      <c r="C84192" s="14" t="s">
        <v>70</v>
      </c>
      <c r="D84192" s="14" t="s">
        <v>424</v>
      </c>
      <c r="E84192" s="15">
        <v>45618</v>
      </c>
      <c r="F84192" s="14" t="s">
        <v>28</v>
      </c>
      <c r="G84192" s="16">
        <v>2.0075215779906039</v>
      </c>
    </row>
    <row r="84193" spans="1:7" x14ac:dyDescent="0.3">
      <c r="A84193" s="13" t="s">
        <v>423</v>
      </c>
      <c r="B84193" s="14" t="s">
        <v>1</v>
      </c>
      <c r="C84193" s="14" t="s">
        <v>70</v>
      </c>
      <c r="D84193" s="14" t="s">
        <v>424</v>
      </c>
      <c r="E84193" s="15">
        <v>45619</v>
      </c>
      <c r="F84193" s="14" t="s">
        <v>28</v>
      </c>
      <c r="G84193" s="16">
        <v>2.0075215779906039</v>
      </c>
    </row>
    <row r="84194" spans="1:7" x14ac:dyDescent="0.3">
      <c r="A84194" s="13" t="s">
        <v>423</v>
      </c>
      <c r="B84194" s="14" t="s">
        <v>1</v>
      </c>
      <c r="C84194" s="14" t="s">
        <v>70</v>
      </c>
      <c r="D84194" s="14" t="s">
        <v>424</v>
      </c>
      <c r="E84194" s="15">
        <v>45620</v>
      </c>
      <c r="F84194" s="14" t="s">
        <v>28</v>
      </c>
      <c r="G84194" s="16">
        <v>2.0075215779906039</v>
      </c>
    </row>
    <row r="84195" spans="1:7" x14ac:dyDescent="0.3">
      <c r="A84195" s="13" t="s">
        <v>423</v>
      </c>
      <c r="B84195" s="14" t="s">
        <v>1</v>
      </c>
      <c r="C84195" s="14" t="s">
        <v>70</v>
      </c>
      <c r="D84195" s="14" t="s">
        <v>424</v>
      </c>
      <c r="E84195" s="15">
        <v>45621</v>
      </c>
      <c r="F84195" s="14" t="s">
        <v>28</v>
      </c>
      <c r="G84195" s="16">
        <v>2.0100684687999539</v>
      </c>
    </row>
    <row r="84196" spans="1:7" x14ac:dyDescent="0.3">
      <c r="A84196" s="13" t="s">
        <v>423</v>
      </c>
      <c r="B84196" s="14" t="s">
        <v>1</v>
      </c>
      <c r="C84196" s="14" t="s">
        <v>70</v>
      </c>
      <c r="D84196" s="14" t="s">
        <v>424</v>
      </c>
      <c r="E84196" s="15">
        <v>45622</v>
      </c>
      <c r="F84196" s="14" t="s">
        <v>28</v>
      </c>
      <c r="G84196" s="16">
        <v>2.0310749509991117</v>
      </c>
    </row>
    <row r="84197" spans="1:7" x14ac:dyDescent="0.3">
      <c r="A84197" s="13" t="s">
        <v>423</v>
      </c>
      <c r="B84197" s="14" t="s">
        <v>1</v>
      </c>
      <c r="C84197" s="14" t="s">
        <v>70</v>
      </c>
      <c r="D84197" s="14" t="s">
        <v>424</v>
      </c>
      <c r="E84197" s="15">
        <v>45623</v>
      </c>
      <c r="F84197" s="14" t="s">
        <v>28</v>
      </c>
      <c r="G84197" s="16">
        <v>2.0305248549778261</v>
      </c>
    </row>
    <row r="84198" spans="1:7" x14ac:dyDescent="0.3">
      <c r="A84198" s="13" t="s">
        <v>423</v>
      </c>
      <c r="B84198" s="14" t="s">
        <v>1</v>
      </c>
      <c r="C84198" s="14" t="s">
        <v>70</v>
      </c>
      <c r="D84198" s="14" t="s">
        <v>424</v>
      </c>
      <c r="E84198" s="15">
        <v>45624</v>
      </c>
      <c r="F84198" s="14" t="s">
        <v>28</v>
      </c>
      <c r="G84198" s="16">
        <v>2.0411069520974188</v>
      </c>
    </row>
    <row r="84199" spans="1:7" x14ac:dyDescent="0.3">
      <c r="A84199" s="13" t="s">
        <v>423</v>
      </c>
      <c r="B84199" s="14" t="s">
        <v>1</v>
      </c>
      <c r="C84199" s="14" t="s">
        <v>70</v>
      </c>
      <c r="D84199" s="14" t="s">
        <v>424</v>
      </c>
      <c r="E84199" s="15">
        <v>45625</v>
      </c>
      <c r="F84199" s="14" t="s">
        <v>28</v>
      </c>
      <c r="G84199" s="16">
        <v>2.0394955305823839</v>
      </c>
    </row>
    <row r="84200" spans="1:7" x14ac:dyDescent="0.3">
      <c r="A84200" s="13" t="s">
        <v>423</v>
      </c>
      <c r="B84200" s="14" t="s">
        <v>1</v>
      </c>
      <c r="C84200" s="14" t="s">
        <v>70</v>
      </c>
      <c r="D84200" s="14" t="s">
        <v>424</v>
      </c>
      <c r="E84200" s="15">
        <v>45626</v>
      </c>
      <c r="F84200" s="14" t="s">
        <v>28</v>
      </c>
      <c r="G84200" s="16">
        <v>2.0394955305823839</v>
      </c>
    </row>
    <row r="84201" spans="1:7" x14ac:dyDescent="0.3">
      <c r="A84201" s="13" t="s">
        <v>423</v>
      </c>
      <c r="B84201" s="14" t="s">
        <v>1</v>
      </c>
      <c r="C84201" s="14" t="s">
        <v>70</v>
      </c>
      <c r="D84201" s="14" t="s">
        <v>424</v>
      </c>
      <c r="E84201" s="15">
        <v>45627</v>
      </c>
      <c r="F84201" s="14" t="s">
        <v>28</v>
      </c>
      <c r="G84201" s="16">
        <v>2.0394955305823839</v>
      </c>
    </row>
    <row r="84202" spans="1:7" x14ac:dyDescent="0.3">
      <c r="A84202" s="13" t="s">
        <v>423</v>
      </c>
      <c r="B84202" s="14" t="s">
        <v>1</v>
      </c>
      <c r="C84202" s="14" t="s">
        <v>70</v>
      </c>
      <c r="D84202" s="14" t="s">
        <v>424</v>
      </c>
      <c r="E84202" s="15">
        <v>45628</v>
      </c>
      <c r="F84202" s="14" t="s">
        <v>28</v>
      </c>
      <c r="G84202" s="16">
        <v>2.0591994781339125</v>
      </c>
    </row>
    <row r="84203" spans="1:7" x14ac:dyDescent="0.3">
      <c r="A84203" s="13" t="s">
        <v>423</v>
      </c>
      <c r="B84203" s="14" t="s">
        <v>1</v>
      </c>
      <c r="C84203" s="14" t="s">
        <v>70</v>
      </c>
      <c r="D84203" s="14" t="s">
        <v>424</v>
      </c>
      <c r="E84203" s="15">
        <v>45629</v>
      </c>
      <c r="F84203" s="14" t="s">
        <v>28</v>
      </c>
      <c r="G84203" s="16">
        <v>2.0763978546990569</v>
      </c>
    </row>
    <row r="84204" spans="1:7" x14ac:dyDescent="0.3">
      <c r="A84204" s="13" t="s">
        <v>423</v>
      </c>
      <c r="B84204" s="14" t="s">
        <v>1</v>
      </c>
      <c r="C84204" s="14" t="s">
        <v>70</v>
      </c>
      <c r="D84204" s="14" t="s">
        <v>424</v>
      </c>
      <c r="E84204" s="15">
        <v>45630</v>
      </c>
      <c r="F84204" s="14" t="s">
        <v>28</v>
      </c>
      <c r="G84204" s="16">
        <v>2.081319814833646</v>
      </c>
    </row>
    <row r="84205" spans="1:7" x14ac:dyDescent="0.3">
      <c r="A84205" s="13" t="s">
        <v>423</v>
      </c>
      <c r="B84205" s="14" t="s">
        <v>1</v>
      </c>
      <c r="C84205" s="14" t="s">
        <v>70</v>
      </c>
      <c r="D84205" s="14" t="s">
        <v>424</v>
      </c>
      <c r="E84205" s="15">
        <v>45631</v>
      </c>
      <c r="F84205" s="14" t="s">
        <v>28</v>
      </c>
      <c r="G84205" s="16">
        <v>2.0780083527370494</v>
      </c>
    </row>
    <row r="84206" spans="1:7" x14ac:dyDescent="0.3">
      <c r="A84206" s="13" t="s">
        <v>423</v>
      </c>
      <c r="B84206" s="14" t="s">
        <v>1</v>
      </c>
      <c r="C84206" s="14" t="s">
        <v>70</v>
      </c>
      <c r="D84206" s="14" t="s">
        <v>424</v>
      </c>
      <c r="E84206" s="15">
        <v>45632</v>
      </c>
      <c r="F84206" s="14" t="s">
        <v>28</v>
      </c>
      <c r="G84206" s="16">
        <v>2.0898083241039789</v>
      </c>
    </row>
    <row r="84207" spans="1:7" x14ac:dyDescent="0.3">
      <c r="A84207" s="13" t="s">
        <v>423</v>
      </c>
      <c r="B84207" s="14" t="s">
        <v>1</v>
      </c>
      <c r="C84207" s="14" t="s">
        <v>70</v>
      </c>
      <c r="D84207" s="14" t="s">
        <v>424</v>
      </c>
      <c r="E84207" s="15">
        <v>45633</v>
      </c>
      <c r="F84207" s="14" t="s">
        <v>28</v>
      </c>
      <c r="G84207" s="16">
        <v>2.0898083241039789</v>
      </c>
    </row>
    <row r="84208" spans="1:7" x14ac:dyDescent="0.3">
      <c r="A84208" s="13" t="s">
        <v>423</v>
      </c>
      <c r="B84208" s="14" t="s">
        <v>1</v>
      </c>
      <c r="C84208" s="14" t="s">
        <v>70</v>
      </c>
      <c r="D84208" s="14" t="s">
        <v>424</v>
      </c>
      <c r="E84208" s="15">
        <v>45634</v>
      </c>
      <c r="F84208" s="14" t="s">
        <v>28</v>
      </c>
      <c r="G84208" s="16">
        <v>2.0898083241039789</v>
      </c>
    </row>
    <row r="84209" spans="1:7" x14ac:dyDescent="0.3">
      <c r="A84209" s="13" t="s">
        <v>423</v>
      </c>
      <c r="B84209" s="14" t="s">
        <v>1</v>
      </c>
      <c r="C84209" s="14" t="s">
        <v>70</v>
      </c>
      <c r="D84209" s="14" t="s">
        <v>424</v>
      </c>
      <c r="E84209" s="15">
        <v>45635</v>
      </c>
      <c r="F84209" s="14" t="s">
        <v>28</v>
      </c>
      <c r="G84209" s="16">
        <v>2.0914360301897732</v>
      </c>
    </row>
    <row r="84210" spans="1:7" x14ac:dyDescent="0.3">
      <c r="A84210" s="13" t="s">
        <v>423</v>
      </c>
      <c r="B84210" s="14" t="s">
        <v>1</v>
      </c>
      <c r="C84210" s="14" t="s">
        <v>70</v>
      </c>
      <c r="D84210" s="14" t="s">
        <v>424</v>
      </c>
      <c r="E84210" s="15">
        <v>45636</v>
      </c>
      <c r="F84210" s="14" t="s">
        <v>28</v>
      </c>
      <c r="G84210" s="16">
        <v>2.1087514094235087</v>
      </c>
    </row>
    <row r="84211" spans="1:7" x14ac:dyDescent="0.3">
      <c r="A84211" s="13" t="s">
        <v>423</v>
      </c>
      <c r="B84211" s="14" t="s">
        <v>1</v>
      </c>
      <c r="C84211" s="14" t="s">
        <v>70</v>
      </c>
      <c r="D84211" s="14" t="s">
        <v>424</v>
      </c>
      <c r="E84211" s="15">
        <v>45637</v>
      </c>
      <c r="F84211" s="14" t="s">
        <v>28</v>
      </c>
      <c r="G84211" s="16">
        <v>2.1173385405101293</v>
      </c>
    </row>
    <row r="84212" spans="1:7" x14ac:dyDescent="0.3">
      <c r="A84212" s="13" t="s">
        <v>423</v>
      </c>
      <c r="B84212" s="14" t="s">
        <v>1</v>
      </c>
      <c r="C84212" s="14" t="s">
        <v>70</v>
      </c>
      <c r="D84212" s="14" t="s">
        <v>424</v>
      </c>
      <c r="E84212" s="15">
        <v>45638</v>
      </c>
      <c r="F84212" s="14" t="s">
        <v>28</v>
      </c>
      <c r="G84212" s="16">
        <v>2.1259423492177536</v>
      </c>
    </row>
    <row r="84213" spans="1:7" x14ac:dyDescent="0.3">
      <c r="A84213" s="13" t="s">
        <v>423</v>
      </c>
      <c r="B84213" s="14" t="s">
        <v>1</v>
      </c>
      <c r="C84213" s="14" t="s">
        <v>70</v>
      </c>
      <c r="D84213" s="14" t="s">
        <v>424</v>
      </c>
      <c r="E84213" s="15">
        <v>45639</v>
      </c>
      <c r="F84213" s="14" t="s">
        <v>28</v>
      </c>
      <c r="G84213" s="16">
        <v>2.1333967598560921</v>
      </c>
    </row>
    <row r="84214" spans="1:7" x14ac:dyDescent="0.3">
      <c r="A84214" s="13" t="s">
        <v>423</v>
      </c>
      <c r="B84214" s="14" t="s">
        <v>1</v>
      </c>
      <c r="C84214" s="14" t="s">
        <v>70</v>
      </c>
      <c r="D84214" s="14" t="s">
        <v>424</v>
      </c>
      <c r="E84214" s="15">
        <v>45640</v>
      </c>
      <c r="F84214" s="14" t="s">
        <v>28</v>
      </c>
      <c r="G84214" s="16">
        <v>2.1333967598560921</v>
      </c>
    </row>
    <row r="84215" spans="1:7" x14ac:dyDescent="0.3">
      <c r="A84215" s="13" t="s">
        <v>423</v>
      </c>
      <c r="B84215" s="14" t="s">
        <v>1</v>
      </c>
      <c r="C84215" s="14" t="s">
        <v>70</v>
      </c>
      <c r="D84215" s="14" t="s">
        <v>424</v>
      </c>
      <c r="E84215" s="15">
        <v>45641</v>
      </c>
      <c r="F84215" s="14" t="s">
        <v>28</v>
      </c>
      <c r="G84215" s="16">
        <v>2.1333967598560921</v>
      </c>
    </row>
    <row r="84216" spans="1:7" x14ac:dyDescent="0.3">
      <c r="A84216" s="13" t="s">
        <v>423</v>
      </c>
      <c r="B84216" s="14" t="s">
        <v>1</v>
      </c>
      <c r="C84216" s="14" t="s">
        <v>70</v>
      </c>
      <c r="D84216" s="14" t="s">
        <v>424</v>
      </c>
      <c r="E84216" s="15">
        <v>45642</v>
      </c>
      <c r="F84216" s="14" t="s">
        <v>28</v>
      </c>
      <c r="G84216" s="16">
        <v>2.1432075546512341</v>
      </c>
    </row>
    <row r="84217" spans="1:7" x14ac:dyDescent="0.3">
      <c r="A84217" s="13" t="s">
        <v>423</v>
      </c>
      <c r="B84217" s="14" t="s">
        <v>1</v>
      </c>
      <c r="C84217" s="14" t="s">
        <v>70</v>
      </c>
      <c r="D84217" s="14" t="s">
        <v>424</v>
      </c>
      <c r="E84217" s="15">
        <v>45643</v>
      </c>
      <c r="F84217" s="14" t="s">
        <v>28</v>
      </c>
      <c r="G84217" s="16">
        <v>2.1577816991718364</v>
      </c>
    </row>
    <row r="84218" spans="1:7" x14ac:dyDescent="0.3">
      <c r="A84218" s="13" t="s">
        <v>423</v>
      </c>
      <c r="B84218" s="14" t="s">
        <v>1</v>
      </c>
      <c r="C84218" s="14" t="s">
        <v>70</v>
      </c>
      <c r="D84218" s="14" t="s">
        <v>424</v>
      </c>
      <c r="E84218" s="15">
        <v>45644</v>
      </c>
      <c r="F84218" s="14" t="s">
        <v>28</v>
      </c>
      <c r="G84218" s="16">
        <v>2.1796127370901903</v>
      </c>
    </row>
    <row r="84219" spans="1:7" x14ac:dyDescent="0.3">
      <c r="A84219" s="13" t="s">
        <v>423</v>
      </c>
      <c r="B84219" s="14" t="s">
        <v>1</v>
      </c>
      <c r="C84219" s="14" t="s">
        <v>70</v>
      </c>
      <c r="D84219" s="14" t="s">
        <v>424</v>
      </c>
      <c r="E84219" s="15">
        <v>45645</v>
      </c>
      <c r="F84219" s="14" t="s">
        <v>28</v>
      </c>
      <c r="G84219" s="16">
        <v>2.1793702359406986</v>
      </c>
    </row>
    <row r="84220" spans="1:7" x14ac:dyDescent="0.3">
      <c r="A84220" s="13" t="s">
        <v>423</v>
      </c>
      <c r="B84220" s="14" t="s">
        <v>1</v>
      </c>
      <c r="C84220" s="14" t="s">
        <v>70</v>
      </c>
      <c r="D84220" s="14" t="s">
        <v>424</v>
      </c>
      <c r="E84220" s="15">
        <v>45646</v>
      </c>
      <c r="F84220" s="14" t="s">
        <v>28</v>
      </c>
      <c r="G84220" s="16">
        <v>2.1770137821347118</v>
      </c>
    </row>
    <row r="84221" spans="1:7" x14ac:dyDescent="0.3">
      <c r="A84221" s="13" t="s">
        <v>423</v>
      </c>
      <c r="B84221" s="14" t="s">
        <v>1</v>
      </c>
      <c r="C84221" s="14" t="s">
        <v>70</v>
      </c>
      <c r="D84221" s="14" t="s">
        <v>424</v>
      </c>
      <c r="E84221" s="15">
        <v>45647</v>
      </c>
      <c r="F84221" s="14" t="s">
        <v>28</v>
      </c>
      <c r="G84221" s="16">
        <v>2.1770137821347118</v>
      </c>
    </row>
    <row r="84222" spans="1:7" x14ac:dyDescent="0.3">
      <c r="A84222" s="13" t="s">
        <v>423</v>
      </c>
      <c r="B84222" s="14" t="s">
        <v>1</v>
      </c>
      <c r="C84222" s="14" t="s">
        <v>70</v>
      </c>
      <c r="D84222" s="14" t="s">
        <v>424</v>
      </c>
      <c r="E84222" s="15">
        <v>45648</v>
      </c>
      <c r="F84222" s="14" t="s">
        <v>28</v>
      </c>
      <c r="G84222" s="16">
        <v>2.1770137821347118</v>
      </c>
    </row>
    <row r="84223" spans="1:7" x14ac:dyDescent="0.3">
      <c r="A84223" s="13" t="s">
        <v>423</v>
      </c>
      <c r="B84223" s="14" t="s">
        <v>1</v>
      </c>
      <c r="C84223" s="14" t="s">
        <v>70</v>
      </c>
      <c r="D84223" s="14" t="s">
        <v>424</v>
      </c>
      <c r="E84223" s="15">
        <v>45649</v>
      </c>
      <c r="F84223" s="14" t="s">
        <v>28</v>
      </c>
      <c r="G84223" s="16">
        <v>2.1841960566246521</v>
      </c>
    </row>
    <row r="84224" spans="1:7" x14ac:dyDescent="0.3">
      <c r="A84224" s="13" t="s">
        <v>423</v>
      </c>
      <c r="B84224" s="14" t="s">
        <v>1</v>
      </c>
      <c r="C84224" s="14" t="s">
        <v>70</v>
      </c>
      <c r="D84224" s="14" t="s">
        <v>424</v>
      </c>
      <c r="E84224" s="15">
        <v>45650</v>
      </c>
      <c r="F84224" s="14" t="s">
        <v>28</v>
      </c>
      <c r="G84224" s="16">
        <v>2.1983125703775688</v>
      </c>
    </row>
    <row r="84225" spans="1:7" x14ac:dyDescent="0.3">
      <c r="A84225" s="13" t="s">
        <v>423</v>
      </c>
      <c r="B84225" s="14" t="s">
        <v>1</v>
      </c>
      <c r="C84225" s="14" t="s">
        <v>70</v>
      </c>
      <c r="D84225" s="14" t="s">
        <v>424</v>
      </c>
      <c r="E84225" s="15">
        <v>45651</v>
      </c>
      <c r="F84225" s="14" t="s">
        <v>28</v>
      </c>
      <c r="G84225" s="16">
        <v>2.1983125703775688</v>
      </c>
    </row>
    <row r="84226" spans="1:7" x14ac:dyDescent="0.3">
      <c r="A84226" s="13" t="s">
        <v>423</v>
      </c>
      <c r="B84226" s="14" t="s">
        <v>1</v>
      </c>
      <c r="C84226" s="14" t="s">
        <v>70</v>
      </c>
      <c r="D84226" s="14" t="s">
        <v>424</v>
      </c>
      <c r="E84226" s="15">
        <v>45652</v>
      </c>
      <c r="F84226" s="14" t="s">
        <v>28</v>
      </c>
      <c r="G84226" s="16">
        <v>2.1983125703775688</v>
      </c>
    </row>
    <row r="84227" spans="1:7" x14ac:dyDescent="0.3">
      <c r="A84227" s="13" t="s">
        <v>423</v>
      </c>
      <c r="B84227" s="14" t="s">
        <v>1</v>
      </c>
      <c r="C84227" s="14" t="s">
        <v>70</v>
      </c>
      <c r="D84227" s="14" t="s">
        <v>424</v>
      </c>
      <c r="E84227" s="15">
        <v>45653</v>
      </c>
      <c r="F84227" s="14" t="s">
        <v>28</v>
      </c>
      <c r="G84227" s="16">
        <v>2.1983125703775688</v>
      </c>
    </row>
    <row r="84228" spans="1:7" x14ac:dyDescent="0.3">
      <c r="A84228" s="13" t="s">
        <v>423</v>
      </c>
      <c r="B84228" s="14" t="s">
        <v>1</v>
      </c>
      <c r="C84228" s="14" t="s">
        <v>70</v>
      </c>
      <c r="D84228" s="14" t="s">
        <v>424</v>
      </c>
      <c r="E84228" s="15">
        <v>45654</v>
      </c>
      <c r="F84228" s="14" t="s">
        <v>28</v>
      </c>
      <c r="G84228" s="16">
        <v>2.1983125703775688</v>
      </c>
    </row>
    <row r="84229" spans="1:7" x14ac:dyDescent="0.3">
      <c r="A84229" s="13" t="s">
        <v>423</v>
      </c>
      <c r="B84229" s="14" t="s">
        <v>1</v>
      </c>
      <c r="C84229" s="14" t="s">
        <v>70</v>
      </c>
      <c r="D84229" s="14" t="s">
        <v>424</v>
      </c>
      <c r="E84229" s="15">
        <v>45655</v>
      </c>
      <c r="F84229" s="14" t="s">
        <v>28</v>
      </c>
      <c r="G84229" s="16">
        <v>2.1983125703775688</v>
      </c>
    </row>
    <row r="84230" spans="1:7" x14ac:dyDescent="0.3">
      <c r="A84230" s="13" t="s">
        <v>423</v>
      </c>
      <c r="B84230" s="14" t="s">
        <v>1</v>
      </c>
      <c r="C84230" s="14" t="s">
        <v>70</v>
      </c>
      <c r="D84230" s="14" t="s">
        <v>424</v>
      </c>
      <c r="E84230" s="15">
        <v>45656</v>
      </c>
      <c r="F84230" s="14" t="s">
        <v>28</v>
      </c>
      <c r="G84230" s="16">
        <v>2.2038878437144858</v>
      </c>
    </row>
    <row r="84231" spans="1:7" x14ac:dyDescent="0.3">
      <c r="A84231" s="13" t="s">
        <v>423</v>
      </c>
      <c r="B84231" s="14" t="s">
        <v>1</v>
      </c>
      <c r="C84231" s="14" t="s">
        <v>70</v>
      </c>
      <c r="D84231" s="14" t="s">
        <v>424</v>
      </c>
      <c r="E84231" s="15">
        <v>45657</v>
      </c>
      <c r="F84231" s="14" t="s">
        <v>28</v>
      </c>
      <c r="G84231" s="16">
        <v>2.2347901060973041</v>
      </c>
    </row>
    <row r="84232" spans="1:7" x14ac:dyDescent="0.3">
      <c r="A84232" s="13" t="s">
        <v>423</v>
      </c>
      <c r="B84232" s="14" t="s">
        <v>1</v>
      </c>
      <c r="C84232" s="14" t="s">
        <v>70</v>
      </c>
      <c r="D84232" s="14" t="s">
        <v>424</v>
      </c>
      <c r="E84232" s="15">
        <v>45658</v>
      </c>
      <c r="F84232" s="14" t="s">
        <v>28</v>
      </c>
      <c r="G84232" s="16">
        <v>2.2347901060973041</v>
      </c>
    </row>
    <row r="84233" spans="1:7" x14ac:dyDescent="0.3">
      <c r="A84233" s="13" t="s">
        <v>423</v>
      </c>
      <c r="B84233" s="14" t="s">
        <v>1</v>
      </c>
      <c r="C84233" s="14" t="s">
        <v>70</v>
      </c>
      <c r="D84233" s="14" t="s">
        <v>424</v>
      </c>
      <c r="E84233" s="15">
        <v>45659</v>
      </c>
      <c r="F84233" s="14" t="s">
        <v>28</v>
      </c>
      <c r="G84233" s="16">
        <v>2.2347901060973041</v>
      </c>
    </row>
    <row r="84234" spans="1:7" x14ac:dyDescent="0.3">
      <c r="A84234" s="13" t="s">
        <v>423</v>
      </c>
      <c r="B84234" s="14" t="s">
        <v>1</v>
      </c>
      <c r="C84234" s="14" t="s">
        <v>70</v>
      </c>
      <c r="D84234" s="14" t="s">
        <v>424</v>
      </c>
      <c r="E84234" s="15">
        <v>45660</v>
      </c>
      <c r="F84234" s="14" t="s">
        <v>28</v>
      </c>
      <c r="G84234" s="16">
        <v>2.2524905386218514</v>
      </c>
    </row>
    <row r="84235" spans="1:7" x14ac:dyDescent="0.3">
      <c r="A84235" s="13" t="s">
        <v>423</v>
      </c>
      <c r="B84235" s="14" t="s">
        <v>1</v>
      </c>
      <c r="C84235" s="14" t="s">
        <v>70</v>
      </c>
      <c r="D84235" s="14" t="s">
        <v>424</v>
      </c>
      <c r="E84235" s="15">
        <v>45661</v>
      </c>
      <c r="F84235" s="14" t="s">
        <v>28</v>
      </c>
      <c r="G84235" s="16">
        <v>2.2524905386218514</v>
      </c>
    </row>
    <row r="84236" spans="1:7" x14ac:dyDescent="0.3">
      <c r="A84236" s="13" t="s">
        <v>423</v>
      </c>
      <c r="B84236" s="14" t="s">
        <v>1</v>
      </c>
      <c r="C84236" s="14" t="s">
        <v>70</v>
      </c>
      <c r="D84236" s="14" t="s">
        <v>424</v>
      </c>
      <c r="E84236" s="15">
        <v>45662</v>
      </c>
      <c r="F84236" s="14" t="s">
        <v>28</v>
      </c>
      <c r="G84236" s="16">
        <v>2.2524905386218514</v>
      </c>
    </row>
    <row r="84237" spans="1:7" x14ac:dyDescent="0.3">
      <c r="A84237" s="13" t="s">
        <v>423</v>
      </c>
      <c r="B84237" s="14" t="s">
        <v>1</v>
      </c>
      <c r="C84237" s="14" t="s">
        <v>70</v>
      </c>
      <c r="D84237" s="14" t="s">
        <v>424</v>
      </c>
      <c r="E84237" s="15">
        <v>45663</v>
      </c>
      <c r="F84237" s="14" t="s">
        <v>28</v>
      </c>
      <c r="G84237" s="16">
        <v>2.2683685396541122</v>
      </c>
    </row>
    <row r="84238" spans="1:7" x14ac:dyDescent="0.3">
      <c r="A84238" s="13" t="s">
        <v>423</v>
      </c>
      <c r="B84238" s="14" t="s">
        <v>1</v>
      </c>
      <c r="C84238" s="14" t="s">
        <v>70</v>
      </c>
      <c r="D84238" s="14" t="s">
        <v>424</v>
      </c>
      <c r="E84238" s="15">
        <v>45664</v>
      </c>
      <c r="F84238" s="14" t="s">
        <v>28</v>
      </c>
      <c r="G84238" s="16">
        <v>2.2878294261278072</v>
      </c>
    </row>
    <row r="84239" spans="1:7" x14ac:dyDescent="0.3">
      <c r="A84239" s="13" t="s">
        <v>423</v>
      </c>
      <c r="B84239" s="14" t="s">
        <v>1</v>
      </c>
      <c r="C84239" s="14" t="s">
        <v>70</v>
      </c>
      <c r="D84239" s="14" t="s">
        <v>424</v>
      </c>
      <c r="E84239" s="15">
        <v>45665</v>
      </c>
      <c r="F84239" s="14" t="s">
        <v>28</v>
      </c>
      <c r="G84239" s="16">
        <v>2.297452000700511</v>
      </c>
    </row>
    <row r="84240" spans="1:7" x14ac:dyDescent="0.3">
      <c r="A84240" s="13" t="s">
        <v>423</v>
      </c>
      <c r="B84240" s="14" t="s">
        <v>1</v>
      </c>
      <c r="C84240" s="14" t="s">
        <v>70</v>
      </c>
      <c r="D84240" s="14" t="s">
        <v>424</v>
      </c>
      <c r="E84240" s="15">
        <v>45666</v>
      </c>
      <c r="F84240" s="14" t="s">
        <v>28</v>
      </c>
      <c r="G84240" s="16">
        <v>2.3093158035924923</v>
      </c>
    </row>
    <row r="84241" spans="1:7" x14ac:dyDescent="0.3">
      <c r="A84241" s="13" t="s">
        <v>423</v>
      </c>
      <c r="B84241" s="14" t="s">
        <v>1</v>
      </c>
      <c r="C84241" s="14" t="s">
        <v>70</v>
      </c>
      <c r="D84241" s="14" t="s">
        <v>424</v>
      </c>
      <c r="E84241" s="15">
        <v>45667</v>
      </c>
      <c r="F84241" s="14" t="s">
        <v>28</v>
      </c>
      <c r="G84241" s="16">
        <v>2.3196711730907666</v>
      </c>
    </row>
    <row r="84242" spans="1:7" x14ac:dyDescent="0.3">
      <c r="A84242" s="13" t="s">
        <v>423</v>
      </c>
      <c r="B84242" s="14" t="s">
        <v>1</v>
      </c>
      <c r="C84242" s="14" t="s">
        <v>70</v>
      </c>
      <c r="D84242" s="14" t="s">
        <v>424</v>
      </c>
      <c r="E84242" s="15">
        <v>45668</v>
      </c>
      <c r="F84242" s="14" t="s">
        <v>28</v>
      </c>
      <c r="G84242" s="16">
        <v>2.3196711730907666</v>
      </c>
    </row>
    <row r="84243" spans="1:7" x14ac:dyDescent="0.3">
      <c r="A84243" s="13" t="s">
        <v>423</v>
      </c>
      <c r="B84243" s="14" t="s">
        <v>1</v>
      </c>
      <c r="C84243" s="14" t="s">
        <v>70</v>
      </c>
      <c r="D84243" s="14" t="s">
        <v>424</v>
      </c>
      <c r="E84243" s="15">
        <v>45669</v>
      </c>
      <c r="F84243" s="14" t="s">
        <v>28</v>
      </c>
      <c r="G84243" s="16">
        <v>2.3196711730907666</v>
      </c>
    </row>
    <row r="84244" spans="1:7" x14ac:dyDescent="0.3">
      <c r="A84244" s="13" t="s">
        <v>423</v>
      </c>
      <c r="B84244" s="14" t="s">
        <v>1</v>
      </c>
      <c r="C84244" s="14" t="s">
        <v>70</v>
      </c>
      <c r="D84244" s="14" t="s">
        <v>424</v>
      </c>
      <c r="E84244" s="15">
        <v>45670</v>
      </c>
      <c r="F84244" s="14" t="s">
        <v>28</v>
      </c>
      <c r="G84244" s="16">
        <v>2.3345488973849498</v>
      </c>
    </row>
    <row r="84245" spans="1:7" x14ac:dyDescent="0.3">
      <c r="A84245" s="13" t="s">
        <v>423</v>
      </c>
      <c r="B84245" s="14" t="s">
        <v>1</v>
      </c>
      <c r="C84245" s="14" t="s">
        <v>70</v>
      </c>
      <c r="D84245" s="14" t="s">
        <v>424</v>
      </c>
      <c r="E84245" s="15">
        <v>45671</v>
      </c>
      <c r="F84245" s="14" t="s">
        <v>28</v>
      </c>
      <c r="G84245" s="16">
        <v>2.3402733450901416</v>
      </c>
    </row>
    <row r="84246" spans="1:7" x14ac:dyDescent="0.3">
      <c r="A84246" s="13" t="s">
        <v>423</v>
      </c>
      <c r="B84246" s="14" t="s">
        <v>1</v>
      </c>
      <c r="C84246" s="14" t="s">
        <v>70</v>
      </c>
      <c r="D84246" s="14" t="s">
        <v>424</v>
      </c>
      <c r="E84246" s="15">
        <v>45672</v>
      </c>
      <c r="F84246" s="14" t="s">
        <v>28</v>
      </c>
      <c r="G84246" s="16">
        <v>2.3447900354597517</v>
      </c>
    </row>
    <row r="84247" spans="1:7" x14ac:dyDescent="0.3">
      <c r="A84247" s="13" t="s">
        <v>423</v>
      </c>
      <c r="B84247" s="14" t="s">
        <v>1</v>
      </c>
      <c r="C84247" s="14" t="s">
        <v>70</v>
      </c>
      <c r="D84247" s="14" t="s">
        <v>424</v>
      </c>
      <c r="E84247" s="15">
        <v>45673</v>
      </c>
      <c r="F84247" s="14" t="s">
        <v>28</v>
      </c>
      <c r="G84247" s="16">
        <v>2.3508991990275225</v>
      </c>
    </row>
    <row r="84248" spans="1:7" x14ac:dyDescent="0.3">
      <c r="A84248" s="13" t="s">
        <v>423</v>
      </c>
      <c r="B84248" s="14" t="s">
        <v>1</v>
      </c>
      <c r="C84248" s="14" t="s">
        <v>70</v>
      </c>
      <c r="D84248" s="14" t="s">
        <v>424</v>
      </c>
      <c r="E84248" s="15">
        <v>45674</v>
      </c>
      <c r="F84248" s="14" t="s">
        <v>28</v>
      </c>
      <c r="G84248" s="16">
        <v>2.3600217594726365</v>
      </c>
    </row>
    <row r="84249" spans="1:7" x14ac:dyDescent="0.3">
      <c r="A84249" s="13" t="s">
        <v>423</v>
      </c>
      <c r="B84249" s="14" t="s">
        <v>1</v>
      </c>
      <c r="C84249" s="14" t="s">
        <v>70</v>
      </c>
      <c r="D84249" s="14" t="s">
        <v>424</v>
      </c>
      <c r="E84249" s="15">
        <v>45675</v>
      </c>
      <c r="F84249" s="14" t="s">
        <v>28</v>
      </c>
      <c r="G84249" s="16">
        <v>2.3600217594726365</v>
      </c>
    </row>
    <row r="84250" spans="1:7" x14ac:dyDescent="0.3">
      <c r="A84250" s="13" t="s">
        <v>423</v>
      </c>
      <c r="B84250" s="14" t="s">
        <v>1</v>
      </c>
      <c r="C84250" s="14" t="s">
        <v>70</v>
      </c>
      <c r="D84250" s="14" t="s">
        <v>424</v>
      </c>
      <c r="E84250" s="15">
        <v>45676</v>
      </c>
      <c r="F84250" s="14" t="s">
        <v>28</v>
      </c>
      <c r="G84250" s="16">
        <v>2.3600217594726365</v>
      </c>
    </row>
    <row r="84251" spans="1:7" x14ac:dyDescent="0.3">
      <c r="A84251" s="13" t="s">
        <v>423</v>
      </c>
      <c r="B84251" s="14" t="s">
        <v>1</v>
      </c>
      <c r="C84251" s="14" t="s">
        <v>70</v>
      </c>
      <c r="D84251" s="14" t="s">
        <v>424</v>
      </c>
      <c r="E84251" s="15">
        <v>45677</v>
      </c>
      <c r="F84251" s="14" t="s">
        <v>28</v>
      </c>
      <c r="G84251" s="16">
        <v>2.3452546881674334</v>
      </c>
    </row>
    <row r="84252" spans="1:7" x14ac:dyDescent="0.3">
      <c r="A84252" s="13" t="s">
        <v>423</v>
      </c>
      <c r="B84252" s="14" t="s">
        <v>1</v>
      </c>
      <c r="C84252" s="14" t="s">
        <v>70</v>
      </c>
      <c r="D84252" s="14" t="s">
        <v>424</v>
      </c>
      <c r="E84252" s="15">
        <v>45678</v>
      </c>
      <c r="F84252" s="14" t="s">
        <v>28</v>
      </c>
      <c r="G84252" s="16">
        <v>2.3657777682143584</v>
      </c>
    </row>
    <row r="84253" spans="1:7" x14ac:dyDescent="0.3">
      <c r="A84253" s="13" t="s">
        <v>423</v>
      </c>
      <c r="B84253" s="14" t="s">
        <v>1</v>
      </c>
      <c r="C84253" s="14" t="s">
        <v>70</v>
      </c>
      <c r="D84253" s="14" t="s">
        <v>424</v>
      </c>
      <c r="E84253" s="15">
        <v>45679</v>
      </c>
      <c r="F84253" s="14" t="s">
        <v>28</v>
      </c>
      <c r="G84253" s="16">
        <v>2.3756088301574367</v>
      </c>
    </row>
    <row r="84254" spans="1:7" x14ac:dyDescent="0.3">
      <c r="A84254" s="13" t="s">
        <v>423</v>
      </c>
      <c r="B84254" s="14" t="s">
        <v>1</v>
      </c>
      <c r="C84254" s="14" t="s">
        <v>70</v>
      </c>
      <c r="D84254" s="14" t="s">
        <v>424</v>
      </c>
      <c r="E84254" s="15">
        <v>45680</v>
      </c>
      <c r="F84254" s="14" t="s">
        <v>28</v>
      </c>
      <c r="G84254" s="16">
        <v>2.3790662229110859</v>
      </c>
    </row>
    <row r="84255" spans="1:7" x14ac:dyDescent="0.3">
      <c r="A84255" s="13" t="s">
        <v>423</v>
      </c>
      <c r="B84255" s="14" t="s">
        <v>1</v>
      </c>
      <c r="C84255" s="14" t="s">
        <v>70</v>
      </c>
      <c r="D84255" s="14" t="s">
        <v>424</v>
      </c>
      <c r="E84255" s="15">
        <v>45681</v>
      </c>
      <c r="F84255" s="14" t="s">
        <v>28</v>
      </c>
      <c r="G84255" s="16">
        <v>2.3655989730477396</v>
      </c>
    </row>
    <row r="84256" spans="1:7" x14ac:dyDescent="0.3">
      <c r="A84256" s="13" t="s">
        <v>423</v>
      </c>
      <c r="B84256" s="14" t="s">
        <v>1</v>
      </c>
      <c r="C84256" s="14" t="s">
        <v>70</v>
      </c>
      <c r="D84256" s="14" t="s">
        <v>424</v>
      </c>
      <c r="E84256" s="15">
        <v>45682</v>
      </c>
      <c r="F84256" s="14" t="s">
        <v>28</v>
      </c>
      <c r="G84256" s="16">
        <v>2.3655989730477396</v>
      </c>
    </row>
    <row r="84257" spans="1:7" x14ac:dyDescent="0.3">
      <c r="A84257" s="13" t="s">
        <v>423</v>
      </c>
      <c r="B84257" s="14" t="s">
        <v>1</v>
      </c>
      <c r="C84257" s="14" t="s">
        <v>70</v>
      </c>
      <c r="D84257" s="14" t="s">
        <v>424</v>
      </c>
      <c r="E84257" s="15">
        <v>45683</v>
      </c>
      <c r="F84257" s="14" t="s">
        <v>28</v>
      </c>
      <c r="G84257" s="16">
        <v>2.3655989730477396</v>
      </c>
    </row>
    <row r="84258" spans="1:7" x14ac:dyDescent="0.3">
      <c r="A84258" s="13" t="s">
        <v>423</v>
      </c>
      <c r="B84258" s="14" t="s">
        <v>1</v>
      </c>
      <c r="C84258" s="14" t="s">
        <v>70</v>
      </c>
      <c r="D84258" s="14" t="s">
        <v>424</v>
      </c>
      <c r="E84258" s="15">
        <v>45684</v>
      </c>
      <c r="F84258" s="14" t="s">
        <v>28</v>
      </c>
      <c r="G84258" s="16">
        <v>2.372715771345741</v>
      </c>
    </row>
    <row r="84259" spans="1:7" x14ac:dyDescent="0.3">
      <c r="A84259" s="13" t="s">
        <v>423</v>
      </c>
      <c r="B84259" s="14" t="s">
        <v>1</v>
      </c>
      <c r="C84259" s="14" t="s">
        <v>70</v>
      </c>
      <c r="D84259" s="14" t="s">
        <v>424</v>
      </c>
      <c r="E84259" s="15">
        <v>45685</v>
      </c>
      <c r="F84259" s="14" t="s">
        <v>28</v>
      </c>
      <c r="G84259" s="16">
        <v>2.3927132677832814</v>
      </c>
    </row>
    <row r="84260" spans="1:7" x14ac:dyDescent="0.3">
      <c r="A84260" s="13" t="s">
        <v>423</v>
      </c>
      <c r="B84260" s="14" t="s">
        <v>1</v>
      </c>
      <c r="C84260" s="14" t="s">
        <v>70</v>
      </c>
      <c r="D84260" s="14" t="s">
        <v>424</v>
      </c>
      <c r="E84260" s="15">
        <v>45686</v>
      </c>
      <c r="F84260" s="14" t="s">
        <v>28</v>
      </c>
      <c r="G84260" s="16">
        <v>2.3928659880017165</v>
      </c>
    </row>
    <row r="84261" spans="1:7" x14ac:dyDescent="0.3">
      <c r="A84261" s="13" t="s">
        <v>423</v>
      </c>
      <c r="B84261" s="14" t="s">
        <v>1</v>
      </c>
      <c r="C84261" s="14" t="s">
        <v>70</v>
      </c>
      <c r="D84261" s="14" t="s">
        <v>424</v>
      </c>
      <c r="E84261" s="15">
        <v>45687</v>
      </c>
      <c r="F84261" s="14" t="s">
        <v>28</v>
      </c>
      <c r="G84261" s="16">
        <v>2.4046034144260622</v>
      </c>
    </row>
    <row r="84262" spans="1:7" x14ac:dyDescent="0.3">
      <c r="A84262" s="13" t="s">
        <v>423</v>
      </c>
      <c r="B84262" s="14" t="s">
        <v>1</v>
      </c>
      <c r="C84262" s="14" t="s">
        <v>70</v>
      </c>
      <c r="D84262" s="14" t="s">
        <v>424</v>
      </c>
      <c r="E84262" s="15">
        <v>45688</v>
      </c>
      <c r="F84262" s="14" t="s">
        <v>28</v>
      </c>
      <c r="G84262" s="16">
        <v>2.4177455148646381</v>
      </c>
    </row>
    <row r="84263" spans="1:7" x14ac:dyDescent="0.3">
      <c r="A84263" s="13" t="s">
        <v>423</v>
      </c>
      <c r="B84263" s="14" t="s">
        <v>1</v>
      </c>
      <c r="C84263" s="14" t="s">
        <v>70</v>
      </c>
      <c r="D84263" s="14" t="s">
        <v>424</v>
      </c>
      <c r="E84263" s="15">
        <v>45689</v>
      </c>
      <c r="F84263" s="14" t="s">
        <v>28</v>
      </c>
      <c r="G84263" s="16">
        <v>2.4177455148646381</v>
      </c>
    </row>
    <row r="84264" spans="1:7" x14ac:dyDescent="0.3">
      <c r="A84264" s="13" t="s">
        <v>423</v>
      </c>
      <c r="B84264" s="14" t="s">
        <v>1</v>
      </c>
      <c r="C84264" s="14" t="s">
        <v>70</v>
      </c>
      <c r="D84264" s="14" t="s">
        <v>424</v>
      </c>
      <c r="E84264" s="15">
        <v>45690</v>
      </c>
      <c r="F84264" s="14" t="s">
        <v>28</v>
      </c>
      <c r="G84264" s="16">
        <v>2.4177455148646381</v>
      </c>
    </row>
    <row r="84265" spans="1:7" x14ac:dyDescent="0.3">
      <c r="A84265" s="13" t="s">
        <v>423</v>
      </c>
      <c r="B84265" s="14" t="s">
        <v>1</v>
      </c>
      <c r="C84265" s="14" t="s">
        <v>70</v>
      </c>
      <c r="D84265" s="14" t="s">
        <v>424</v>
      </c>
      <c r="E84265" s="15">
        <v>45691</v>
      </c>
      <c r="F84265" s="14" t="s">
        <v>28</v>
      </c>
      <c r="G84265" s="16">
        <v>2.4177455148646381</v>
      </c>
    </row>
    <row r="84266" spans="1:7" x14ac:dyDescent="0.3">
      <c r="A84266" s="13" t="s">
        <v>423</v>
      </c>
      <c r="B84266" s="14" t="s">
        <v>1</v>
      </c>
      <c r="C84266" s="14" t="s">
        <v>70</v>
      </c>
      <c r="D84266" s="14" t="s">
        <v>424</v>
      </c>
      <c r="E84266" s="15">
        <v>45692</v>
      </c>
      <c r="F84266" s="14" t="s">
        <v>28</v>
      </c>
      <c r="G84266" s="16">
        <v>2.410784558210703</v>
      </c>
    </row>
    <row r="84267" spans="1:7" x14ac:dyDescent="0.3">
      <c r="A84267" s="13" t="s">
        <v>423</v>
      </c>
      <c r="B84267" s="14" t="s">
        <v>1</v>
      </c>
      <c r="C84267" s="14" t="s">
        <v>70</v>
      </c>
      <c r="D84267" s="14" t="s">
        <v>424</v>
      </c>
      <c r="E84267" s="15">
        <v>45693</v>
      </c>
      <c r="F84267" s="14" t="s">
        <v>28</v>
      </c>
      <c r="G84267" s="16">
        <v>2.4154051117094424</v>
      </c>
    </row>
    <row r="84268" spans="1:7" x14ac:dyDescent="0.3">
      <c r="A84268" s="13" t="s">
        <v>423</v>
      </c>
      <c r="B84268" s="14" t="s">
        <v>1</v>
      </c>
      <c r="C84268" s="14" t="s">
        <v>70</v>
      </c>
      <c r="D84268" s="14" t="s">
        <v>424</v>
      </c>
      <c r="E84268" s="15">
        <v>45694</v>
      </c>
      <c r="F84268" s="14" t="s">
        <v>28</v>
      </c>
      <c r="G84268" s="16">
        <v>2.4226305635514764</v>
      </c>
    </row>
    <row r="84269" spans="1:7" x14ac:dyDescent="0.3">
      <c r="A84269" s="13" t="s">
        <v>423</v>
      </c>
      <c r="B84269" s="14" t="s">
        <v>1</v>
      </c>
      <c r="C84269" s="14" t="s">
        <v>70</v>
      </c>
      <c r="D84269" s="14" t="s">
        <v>424</v>
      </c>
      <c r="E84269" s="15">
        <v>45695</v>
      </c>
      <c r="F84269" s="14" t="s">
        <v>28</v>
      </c>
      <c r="G84269" s="16">
        <v>2.4354343693499323</v>
      </c>
    </row>
    <row r="84270" spans="1:7" x14ac:dyDescent="0.3">
      <c r="A84270" s="13" t="s">
        <v>423</v>
      </c>
      <c r="B84270" s="14" t="s">
        <v>1</v>
      </c>
      <c r="C84270" s="14" t="s">
        <v>70</v>
      </c>
      <c r="D84270" s="14" t="s">
        <v>424</v>
      </c>
      <c r="E84270" s="15">
        <v>45696</v>
      </c>
      <c r="F84270" s="14" t="s">
        <v>28</v>
      </c>
      <c r="G84270" s="16">
        <v>2.4354343693499323</v>
      </c>
    </row>
    <row r="84271" spans="1:7" x14ac:dyDescent="0.3">
      <c r="A84271" s="13" t="s">
        <v>423</v>
      </c>
      <c r="B84271" s="14" t="s">
        <v>1</v>
      </c>
      <c r="C84271" s="14" t="s">
        <v>70</v>
      </c>
      <c r="D84271" s="14" t="s">
        <v>424</v>
      </c>
      <c r="E84271" s="15">
        <v>45697</v>
      </c>
      <c r="F84271" s="14" t="s">
        <v>28</v>
      </c>
      <c r="G84271" s="16">
        <v>2.4354343693499323</v>
      </c>
    </row>
    <row r="84272" spans="1:7" x14ac:dyDescent="0.3">
      <c r="A84272" s="13" t="s">
        <v>423</v>
      </c>
      <c r="B84272" s="14" t="s">
        <v>1</v>
      </c>
      <c r="C84272" s="14" t="s">
        <v>70</v>
      </c>
      <c r="D84272" s="14" t="s">
        <v>424</v>
      </c>
      <c r="E84272" s="15">
        <v>45698</v>
      </c>
      <c r="F84272" s="14" t="s">
        <v>28</v>
      </c>
      <c r="G84272" s="16">
        <v>2.4406911374683697</v>
      </c>
    </row>
    <row r="84273" spans="1:7" x14ac:dyDescent="0.3">
      <c r="A84273" s="13" t="s">
        <v>423</v>
      </c>
      <c r="B84273" s="14" t="s">
        <v>1</v>
      </c>
      <c r="C84273" s="14" t="s">
        <v>70</v>
      </c>
      <c r="D84273" s="14" t="s">
        <v>424</v>
      </c>
      <c r="E84273" s="15">
        <v>45699</v>
      </c>
      <c r="F84273" s="14" t="s">
        <v>28</v>
      </c>
      <c r="G84273" s="16">
        <v>2.4479795710582795</v>
      </c>
    </row>
    <row r="84274" spans="1:7" x14ac:dyDescent="0.3">
      <c r="A84274" s="13" t="s">
        <v>423</v>
      </c>
      <c r="B84274" s="14" t="s">
        <v>1</v>
      </c>
      <c r="C84274" s="14" t="s">
        <v>70</v>
      </c>
      <c r="D84274" s="14" t="s">
        <v>424</v>
      </c>
      <c r="E84274" s="15">
        <v>45700</v>
      </c>
      <c r="F84274" s="14" t="s">
        <v>28</v>
      </c>
      <c r="G84274" s="16">
        <v>2.4506754499735255</v>
      </c>
    </row>
    <row r="84275" spans="1:7" x14ac:dyDescent="0.3">
      <c r="A84275" s="13" t="s">
        <v>423</v>
      </c>
      <c r="B84275" s="14" t="s">
        <v>1</v>
      </c>
      <c r="C84275" s="14" t="s">
        <v>70</v>
      </c>
      <c r="D84275" s="14" t="s">
        <v>424</v>
      </c>
      <c r="E84275" s="15">
        <v>45701</v>
      </c>
      <c r="F84275" s="14" t="s">
        <v>28</v>
      </c>
      <c r="G84275" s="16">
        <v>2.4435193131552575</v>
      </c>
    </row>
    <row r="84276" spans="1:7" x14ac:dyDescent="0.3">
      <c r="A84276" s="13" t="s">
        <v>423</v>
      </c>
      <c r="B84276" s="14" t="s">
        <v>1</v>
      </c>
      <c r="C84276" s="14" t="s">
        <v>70</v>
      </c>
      <c r="D84276" s="14" t="s">
        <v>424</v>
      </c>
      <c r="E84276" s="15">
        <v>45702</v>
      </c>
      <c r="F84276" s="14" t="s">
        <v>28</v>
      </c>
      <c r="G84276" s="16">
        <v>2.4496682134995171</v>
      </c>
    </row>
    <row r="84277" spans="1:7" x14ac:dyDescent="0.3">
      <c r="A84277" s="13" t="s">
        <v>423</v>
      </c>
      <c r="B84277" s="14" t="s">
        <v>1</v>
      </c>
      <c r="C84277" s="14" t="s">
        <v>70</v>
      </c>
      <c r="D84277" s="14" t="s">
        <v>424</v>
      </c>
      <c r="E84277" s="15">
        <v>45703</v>
      </c>
      <c r="F84277" s="14" t="s">
        <v>28</v>
      </c>
      <c r="G84277" s="16">
        <v>2.4496682134995171</v>
      </c>
    </row>
    <row r="84278" spans="1:7" x14ac:dyDescent="0.3">
      <c r="A84278" s="13" t="s">
        <v>423</v>
      </c>
      <c r="B84278" s="14" t="s">
        <v>1</v>
      </c>
      <c r="C84278" s="14" t="s">
        <v>70</v>
      </c>
      <c r="D84278" s="14" t="s">
        <v>424</v>
      </c>
      <c r="E84278" s="15">
        <v>45704</v>
      </c>
      <c r="F84278" s="14" t="s">
        <v>28</v>
      </c>
      <c r="G84278" s="16">
        <v>2.4496682134995171</v>
      </c>
    </row>
    <row r="84279" spans="1:7" x14ac:dyDescent="0.3">
      <c r="A84279" s="13" t="s">
        <v>423</v>
      </c>
      <c r="B84279" s="14" t="s">
        <v>1</v>
      </c>
      <c r="C84279" s="14" t="s">
        <v>70</v>
      </c>
      <c r="D84279" s="14" t="s">
        <v>424</v>
      </c>
      <c r="E84279" s="15">
        <v>45705</v>
      </c>
      <c r="F84279" s="14" t="s">
        <v>28</v>
      </c>
      <c r="G84279" s="16">
        <v>2.4983468075025619</v>
      </c>
    </row>
    <row r="84280" spans="1:7" x14ac:dyDescent="0.3">
      <c r="A84280" s="13" t="s">
        <v>423</v>
      </c>
      <c r="B84280" s="14" t="s">
        <v>1</v>
      </c>
      <c r="C84280" s="14" t="s">
        <v>70</v>
      </c>
      <c r="D84280" s="14" t="s">
        <v>424</v>
      </c>
      <c r="E84280" s="15">
        <v>45706</v>
      </c>
      <c r="F84280" s="14" t="s">
        <v>28</v>
      </c>
      <c r="G84280" s="16">
        <v>2.5102811115951797</v>
      </c>
    </row>
    <row r="84281" spans="1:7" x14ac:dyDescent="0.3">
      <c r="A84281" s="13" t="s">
        <v>423</v>
      </c>
      <c r="B84281" s="14" t="s">
        <v>1</v>
      </c>
      <c r="C84281" s="14" t="s">
        <v>70</v>
      </c>
      <c r="D84281" s="14" t="s">
        <v>424</v>
      </c>
      <c r="E84281" s="15">
        <v>45707</v>
      </c>
      <c r="F84281" s="14" t="s">
        <v>28</v>
      </c>
      <c r="G84281" s="16">
        <v>2.5279949519286236</v>
      </c>
    </row>
    <row r="84282" spans="1:7" x14ac:dyDescent="0.3">
      <c r="A84282" s="13" t="s">
        <v>423</v>
      </c>
      <c r="B84282" s="14" t="s">
        <v>1</v>
      </c>
      <c r="C84282" s="14" t="s">
        <v>70</v>
      </c>
      <c r="D84282" s="14" t="s">
        <v>424</v>
      </c>
      <c r="E84282" s="15">
        <v>45708</v>
      </c>
      <c r="F84282" s="14" t="s">
        <v>28</v>
      </c>
      <c r="G84282" s="16">
        <v>2.5139004187019802</v>
      </c>
    </row>
    <row r="84283" spans="1:7" x14ac:dyDescent="0.3">
      <c r="A84283" s="13" t="s">
        <v>423</v>
      </c>
      <c r="B84283" s="14" t="s">
        <v>1</v>
      </c>
      <c r="C84283" s="14" t="s">
        <v>70</v>
      </c>
      <c r="D84283" s="14" t="s">
        <v>424</v>
      </c>
      <c r="E84283" s="15">
        <v>45709</v>
      </c>
      <c r="F84283" s="14" t="s">
        <v>28</v>
      </c>
      <c r="G84283" s="16">
        <v>2.5229845276020972</v>
      </c>
    </row>
    <row r="84284" spans="1:7" x14ac:dyDescent="0.3">
      <c r="A84284" s="13" t="s">
        <v>423</v>
      </c>
      <c r="B84284" s="14" t="s">
        <v>1</v>
      </c>
      <c r="C84284" s="14" t="s">
        <v>70</v>
      </c>
      <c r="D84284" s="14" t="s">
        <v>424</v>
      </c>
      <c r="E84284" s="15">
        <v>45710</v>
      </c>
      <c r="F84284" s="14" t="s">
        <v>28</v>
      </c>
      <c r="G84284" s="16">
        <v>2.5229845276020972</v>
      </c>
    </row>
    <row r="84285" spans="1:7" x14ac:dyDescent="0.3">
      <c r="A84285" s="13" t="s">
        <v>423</v>
      </c>
      <c r="B84285" s="14" t="s">
        <v>1</v>
      </c>
      <c r="C84285" s="14" t="s">
        <v>70</v>
      </c>
      <c r="D84285" s="14" t="s">
        <v>424</v>
      </c>
      <c r="E84285" s="15">
        <v>45711</v>
      </c>
      <c r="F84285" s="14" t="s">
        <v>28</v>
      </c>
      <c r="G84285" s="16">
        <v>2.5229845276020972</v>
      </c>
    </row>
    <row r="84286" spans="1:7" x14ac:dyDescent="0.3">
      <c r="A84286" s="13" t="s">
        <v>423</v>
      </c>
      <c r="B84286" s="14" t="s">
        <v>1</v>
      </c>
      <c r="C84286" s="14" t="s">
        <v>70</v>
      </c>
      <c r="D84286" s="14" t="s">
        <v>424</v>
      </c>
      <c r="E84286" s="15">
        <v>45712</v>
      </c>
      <c r="F84286" s="14" t="s">
        <v>28</v>
      </c>
      <c r="G84286" s="16">
        <v>2.5306399614251105</v>
      </c>
    </row>
    <row r="84287" spans="1:7" x14ac:dyDescent="0.3">
      <c r="A84287" s="13" t="s">
        <v>423</v>
      </c>
      <c r="B84287" s="14" t="s">
        <v>1</v>
      </c>
      <c r="C84287" s="14" t="s">
        <v>70</v>
      </c>
      <c r="D84287" s="14" t="s">
        <v>424</v>
      </c>
      <c r="E84287" s="15">
        <v>45713</v>
      </c>
      <c r="F84287" s="14" t="s">
        <v>28</v>
      </c>
      <c r="G84287" s="16">
        <v>2.5361197388350729</v>
      </c>
    </row>
    <row r="84288" spans="1:7" x14ac:dyDescent="0.3">
      <c r="A84288" s="13" t="s">
        <v>423</v>
      </c>
      <c r="B84288" s="14" t="s">
        <v>1</v>
      </c>
      <c r="C84288" s="14" t="s">
        <v>70</v>
      </c>
      <c r="D84288" s="14" t="s">
        <v>424</v>
      </c>
      <c r="E84288" s="15">
        <v>45714</v>
      </c>
      <c r="F84288" s="14" t="s">
        <v>28</v>
      </c>
      <c r="G84288" s="16">
        <v>2.5442773456884211</v>
      </c>
    </row>
    <row r="84289" spans="1:7" x14ac:dyDescent="0.3">
      <c r="A84289" s="13" t="s">
        <v>423</v>
      </c>
      <c r="B84289" s="14" t="s">
        <v>1</v>
      </c>
      <c r="C84289" s="14" t="s">
        <v>70</v>
      </c>
      <c r="D84289" s="14" t="s">
        <v>424</v>
      </c>
      <c r="E84289" s="15">
        <v>45715</v>
      </c>
      <c r="F84289" s="14" t="s">
        <v>28</v>
      </c>
      <c r="G84289" s="16">
        <v>2.5691198106335542</v>
      </c>
    </row>
    <row r="84290" spans="1:7" x14ac:dyDescent="0.3">
      <c r="A84290" s="13" t="s">
        <v>423</v>
      </c>
      <c r="B84290" s="14" t="s">
        <v>1</v>
      </c>
      <c r="C84290" s="14" t="s">
        <v>70</v>
      </c>
      <c r="D84290" s="14" t="s">
        <v>424</v>
      </c>
      <c r="E84290" s="15">
        <v>45716</v>
      </c>
      <c r="F84290" s="14" t="s">
        <v>28</v>
      </c>
      <c r="G84290" s="16">
        <v>2.5811758796910111</v>
      </c>
    </row>
    <row r="84291" spans="1:7" x14ac:dyDescent="0.3">
      <c r="A84291" s="13" t="s">
        <v>423</v>
      </c>
      <c r="B84291" s="14" t="s">
        <v>1</v>
      </c>
      <c r="C84291" s="14" t="s">
        <v>70</v>
      </c>
      <c r="D84291" s="14" t="s">
        <v>424</v>
      </c>
      <c r="E84291" s="15">
        <v>45717</v>
      </c>
      <c r="F84291" s="14" t="s">
        <v>28</v>
      </c>
      <c r="G84291" s="16">
        <v>2.5811758796910111</v>
      </c>
    </row>
    <row r="84292" spans="1:7" x14ac:dyDescent="0.3">
      <c r="A84292" s="13" t="s">
        <v>423</v>
      </c>
      <c r="B84292" s="14" t="s">
        <v>1</v>
      </c>
      <c r="C84292" s="14" t="s">
        <v>70</v>
      </c>
      <c r="D84292" s="14" t="s">
        <v>424</v>
      </c>
      <c r="E84292" s="15">
        <v>45718</v>
      </c>
      <c r="F84292" s="14" t="s">
        <v>28</v>
      </c>
      <c r="G84292" s="16">
        <v>2.5811758796910111</v>
      </c>
    </row>
    <row r="84293" spans="1:7" x14ac:dyDescent="0.3">
      <c r="A84293" s="13" t="s">
        <v>423</v>
      </c>
      <c r="B84293" s="14" t="s">
        <v>1</v>
      </c>
      <c r="C84293" s="14" t="s">
        <v>70</v>
      </c>
      <c r="D84293" s="14" t="s">
        <v>424</v>
      </c>
      <c r="E84293" s="15">
        <v>45719</v>
      </c>
      <c r="F84293" s="14" t="s">
        <v>28</v>
      </c>
      <c r="G84293" s="16">
        <v>2.5991079560493811</v>
      </c>
    </row>
    <row r="84294" spans="1:7" x14ac:dyDescent="0.3">
      <c r="A84294" s="13" t="s">
        <v>423</v>
      </c>
      <c r="B84294" s="14" t="s">
        <v>1</v>
      </c>
      <c r="C84294" s="14" t="s">
        <v>70</v>
      </c>
      <c r="D84294" s="14" t="s">
        <v>424</v>
      </c>
      <c r="E84294" s="15">
        <v>45720</v>
      </c>
      <c r="F84294" s="14" t="s">
        <v>28</v>
      </c>
      <c r="G84294" s="16">
        <v>2.5940627314540907</v>
      </c>
    </row>
    <row r="84295" spans="1:7" x14ac:dyDescent="0.3">
      <c r="A84295" s="13" t="s">
        <v>423</v>
      </c>
      <c r="B84295" s="14" t="s">
        <v>1</v>
      </c>
      <c r="C84295" s="14" t="s">
        <v>70</v>
      </c>
      <c r="D84295" s="14" t="s">
        <v>424</v>
      </c>
      <c r="E84295" s="15">
        <v>45721</v>
      </c>
      <c r="F84295" s="14" t="s">
        <v>28</v>
      </c>
      <c r="G84295" s="16">
        <v>2.5844823850826053</v>
      </c>
    </row>
    <row r="84296" spans="1:7" x14ac:dyDescent="0.3">
      <c r="A84296" s="13" t="s">
        <v>423</v>
      </c>
      <c r="B84296" s="14" t="s">
        <v>1</v>
      </c>
      <c r="C84296" s="14" t="s">
        <v>70</v>
      </c>
      <c r="D84296" s="14" t="s">
        <v>424</v>
      </c>
      <c r="E84296" s="15">
        <v>45722</v>
      </c>
      <c r="F84296" s="14" t="s">
        <v>28</v>
      </c>
      <c r="G84296" s="16">
        <v>2.5935936756539273</v>
      </c>
    </row>
    <row r="84297" spans="1:7" x14ac:dyDescent="0.3">
      <c r="A84297" s="13" t="s">
        <v>423</v>
      </c>
      <c r="B84297" s="14" t="s">
        <v>1</v>
      </c>
      <c r="C84297" s="14" t="s">
        <v>70</v>
      </c>
      <c r="D84297" s="14" t="s">
        <v>424</v>
      </c>
      <c r="E84297" s="15">
        <v>45723</v>
      </c>
      <c r="F84297" s="14" t="s">
        <v>28</v>
      </c>
      <c r="G84297" s="16">
        <v>2.6335359432986403</v>
      </c>
    </row>
    <row r="84298" spans="1:7" x14ac:dyDescent="0.3">
      <c r="A84298" s="13" t="s">
        <v>423</v>
      </c>
      <c r="B84298" s="14" t="s">
        <v>1</v>
      </c>
      <c r="C84298" s="14" t="s">
        <v>70</v>
      </c>
      <c r="D84298" s="14" t="s">
        <v>424</v>
      </c>
      <c r="E84298" s="15">
        <v>45724</v>
      </c>
      <c r="F84298" s="14" t="s">
        <v>28</v>
      </c>
      <c r="G84298" s="16">
        <v>2.6335359432986403</v>
      </c>
    </row>
    <row r="84299" spans="1:7" x14ac:dyDescent="0.3">
      <c r="A84299" s="13" t="s">
        <v>423</v>
      </c>
      <c r="B84299" s="14" t="s">
        <v>1</v>
      </c>
      <c r="C84299" s="14" t="s">
        <v>70</v>
      </c>
      <c r="D84299" s="14" t="s">
        <v>424</v>
      </c>
      <c r="E84299" s="15">
        <v>45725</v>
      </c>
      <c r="F84299" s="14" t="s">
        <v>28</v>
      </c>
      <c r="G84299" s="16">
        <v>2.6335359432986403</v>
      </c>
    </row>
    <row r="84300" spans="1:7" x14ac:dyDescent="0.3">
      <c r="A84300" s="13" t="s">
        <v>423</v>
      </c>
      <c r="B84300" s="14" t="s">
        <v>1</v>
      </c>
      <c r="C84300" s="14" t="s">
        <v>70</v>
      </c>
      <c r="D84300" s="14" t="s">
        <v>424</v>
      </c>
      <c r="E84300" s="15">
        <v>45726</v>
      </c>
      <c r="F84300" s="14" t="s">
        <v>28</v>
      </c>
      <c r="G84300" s="16">
        <v>2.6473105664303742</v>
      </c>
    </row>
    <row r="84301" spans="1:7" x14ac:dyDescent="0.3">
      <c r="A84301" s="13" t="s">
        <v>423</v>
      </c>
      <c r="B84301" s="14" t="s">
        <v>1</v>
      </c>
      <c r="C84301" s="14" t="s">
        <v>70</v>
      </c>
      <c r="D84301" s="14" t="s">
        <v>424</v>
      </c>
      <c r="E84301" s="15">
        <v>45727</v>
      </c>
      <c r="F84301" s="14" t="s">
        <v>28</v>
      </c>
      <c r="G84301" s="16">
        <v>2.6537417968055728</v>
      </c>
    </row>
    <row r="84302" spans="1:7" x14ac:dyDescent="0.3">
      <c r="A84302" s="13" t="s">
        <v>423</v>
      </c>
      <c r="B84302" s="14" t="s">
        <v>1</v>
      </c>
      <c r="C84302" s="14" t="s">
        <v>70</v>
      </c>
      <c r="D84302" s="14" t="s">
        <v>424</v>
      </c>
      <c r="E84302" s="15">
        <v>45728</v>
      </c>
      <c r="F84302" s="14" t="s">
        <v>28</v>
      </c>
      <c r="G84302" s="16">
        <v>2.6723895139267082</v>
      </c>
    </row>
    <row r="84303" spans="1:7" x14ac:dyDescent="0.3">
      <c r="A84303" s="13" t="s">
        <v>423</v>
      </c>
      <c r="B84303" s="14" t="s">
        <v>1</v>
      </c>
      <c r="C84303" s="14" t="s">
        <v>70</v>
      </c>
      <c r="D84303" s="14" t="s">
        <v>424</v>
      </c>
      <c r="E84303" s="15">
        <v>45729</v>
      </c>
      <c r="F84303" s="14" t="s">
        <v>28</v>
      </c>
      <c r="G84303" s="16">
        <v>2.6822948557844222</v>
      </c>
    </row>
    <row r="84304" spans="1:7" x14ac:dyDescent="0.3">
      <c r="A84304" s="13" t="s">
        <v>423</v>
      </c>
      <c r="B84304" s="14" t="s">
        <v>1</v>
      </c>
      <c r="C84304" s="14" t="s">
        <v>70</v>
      </c>
      <c r="D84304" s="14" t="s">
        <v>424</v>
      </c>
      <c r="E84304" s="15">
        <v>45730</v>
      </c>
      <c r="F84304" s="14" t="s">
        <v>28</v>
      </c>
      <c r="G84304" s="16">
        <v>2.6903549977936327</v>
      </c>
    </row>
    <row r="84305" spans="1:7" x14ac:dyDescent="0.3">
      <c r="A84305" s="13" t="s">
        <v>423</v>
      </c>
      <c r="B84305" s="14" t="s">
        <v>1</v>
      </c>
      <c r="C84305" s="14" t="s">
        <v>70</v>
      </c>
      <c r="D84305" s="14" t="s">
        <v>424</v>
      </c>
      <c r="E84305" s="15">
        <v>45731</v>
      </c>
      <c r="F84305" s="14" t="s">
        <v>28</v>
      </c>
      <c r="G84305" s="16">
        <v>2.6903549977936327</v>
      </c>
    </row>
    <row r="84306" spans="1:7" x14ac:dyDescent="0.3">
      <c r="A84306" s="13" t="s">
        <v>423</v>
      </c>
      <c r="B84306" s="14" t="s">
        <v>1</v>
      </c>
      <c r="C84306" s="14" t="s">
        <v>70</v>
      </c>
      <c r="D84306" s="14" t="s">
        <v>424</v>
      </c>
      <c r="E84306" s="15">
        <v>45732</v>
      </c>
      <c r="F84306" s="14" t="s">
        <v>28</v>
      </c>
      <c r="G84306" s="16">
        <v>2.6903549977936327</v>
      </c>
    </row>
    <row r="84307" spans="1:7" x14ac:dyDescent="0.3">
      <c r="A84307" s="13" t="s">
        <v>423</v>
      </c>
      <c r="B84307" s="14" t="s">
        <v>1</v>
      </c>
      <c r="C84307" s="14" t="s">
        <v>70</v>
      </c>
      <c r="D84307" s="14" t="s">
        <v>424</v>
      </c>
      <c r="E84307" s="15">
        <v>45733</v>
      </c>
      <c r="F84307" s="14" t="s">
        <v>28</v>
      </c>
      <c r="G84307" s="16">
        <v>2.6903549977936327</v>
      </c>
    </row>
    <row r="84308" spans="1:7" x14ac:dyDescent="0.3">
      <c r="A84308" s="13" t="s">
        <v>423</v>
      </c>
      <c r="B84308" s="14" t="s">
        <v>1</v>
      </c>
      <c r="C84308" s="14" t="s">
        <v>70</v>
      </c>
      <c r="D84308" s="14" t="s">
        <v>424</v>
      </c>
      <c r="E84308" s="15">
        <v>45734</v>
      </c>
      <c r="F84308" s="14" t="s">
        <v>28</v>
      </c>
      <c r="G84308" s="16">
        <v>2.6936539596074782</v>
      </c>
    </row>
    <row r="84309" spans="1:7" x14ac:dyDescent="0.3">
      <c r="A84309" s="13" t="s">
        <v>423</v>
      </c>
      <c r="B84309" s="14" t="s">
        <v>1</v>
      </c>
      <c r="C84309" s="14" t="s">
        <v>70</v>
      </c>
      <c r="D84309" s="14" t="s">
        <v>424</v>
      </c>
      <c r="E84309" s="15">
        <v>45735</v>
      </c>
      <c r="F84309" s="14" t="s">
        <v>28</v>
      </c>
      <c r="G84309" s="16">
        <v>2.7154494054126705</v>
      </c>
    </row>
    <row r="84310" spans="1:7" x14ac:dyDescent="0.3">
      <c r="A84310" s="13" t="s">
        <v>423</v>
      </c>
      <c r="B84310" s="14" t="s">
        <v>1</v>
      </c>
      <c r="C84310" s="14" t="s">
        <v>70</v>
      </c>
      <c r="D84310" s="14" t="s">
        <v>424</v>
      </c>
      <c r="E84310" s="15">
        <v>45736</v>
      </c>
      <c r="F84310" s="14" t="s">
        <v>28</v>
      </c>
      <c r="G84310" s="16">
        <v>2.7279863011199579</v>
      </c>
    </row>
    <row r="84311" spans="1:7" x14ac:dyDescent="0.3">
      <c r="A84311" s="13" t="s">
        <v>423</v>
      </c>
      <c r="B84311" s="14" t="s">
        <v>1</v>
      </c>
      <c r="C84311" s="14" t="s">
        <v>70</v>
      </c>
      <c r="D84311" s="14" t="s">
        <v>424</v>
      </c>
      <c r="E84311" s="15">
        <v>45737</v>
      </c>
      <c r="F84311" s="14" t="s">
        <v>28</v>
      </c>
      <c r="G84311" s="16">
        <v>2.7326566061229189</v>
      </c>
    </row>
    <row r="84312" spans="1:7" x14ac:dyDescent="0.3">
      <c r="A84312" s="13" t="s">
        <v>423</v>
      </c>
      <c r="B84312" s="14" t="s">
        <v>1</v>
      </c>
      <c r="C84312" s="14" t="s">
        <v>70</v>
      </c>
      <c r="D84312" s="14" t="s">
        <v>424</v>
      </c>
      <c r="E84312" s="15">
        <v>45738</v>
      </c>
      <c r="F84312" s="14" t="s">
        <v>28</v>
      </c>
      <c r="G84312" s="16">
        <v>2.7326566061229189</v>
      </c>
    </row>
    <row r="84313" spans="1:7" x14ac:dyDescent="0.3">
      <c r="A84313" s="13" t="s">
        <v>423</v>
      </c>
      <c r="B84313" s="14" t="s">
        <v>1</v>
      </c>
      <c r="C84313" s="14" t="s">
        <v>70</v>
      </c>
      <c r="D84313" s="14" t="s">
        <v>424</v>
      </c>
      <c r="E84313" s="15">
        <v>45739</v>
      </c>
      <c r="F84313" s="14" t="s">
        <v>28</v>
      </c>
      <c r="G84313" s="16">
        <v>2.7326566061229189</v>
      </c>
    </row>
    <row r="84314" spans="1:7" x14ac:dyDescent="0.3">
      <c r="A84314" s="13" t="s">
        <v>423</v>
      </c>
      <c r="B84314" s="14" t="s">
        <v>1</v>
      </c>
      <c r="C84314" s="14" t="s">
        <v>70</v>
      </c>
      <c r="D84314" s="14" t="s">
        <v>424</v>
      </c>
      <c r="E84314" s="15">
        <v>45740</v>
      </c>
      <c r="F84314" s="14" t="s">
        <v>28</v>
      </c>
      <c r="G84314" s="16">
        <v>2.7419911525464311</v>
      </c>
    </row>
    <row r="84315" spans="1:7" x14ac:dyDescent="0.3">
      <c r="A84315" s="13" t="s">
        <v>423</v>
      </c>
      <c r="B84315" s="14" t="s">
        <v>1</v>
      </c>
      <c r="C84315" s="14" t="s">
        <v>70</v>
      </c>
      <c r="D84315" s="14" t="s">
        <v>424</v>
      </c>
      <c r="E84315" s="15">
        <v>45741</v>
      </c>
      <c r="F84315" s="14" t="s">
        <v>28</v>
      </c>
      <c r="G84315" s="16">
        <v>2.7462063097765443</v>
      </c>
    </row>
    <row r="84316" spans="1:7" x14ac:dyDescent="0.3">
      <c r="A84316" s="13" t="s">
        <v>423</v>
      </c>
      <c r="B84316" s="14" t="s">
        <v>1</v>
      </c>
      <c r="C84316" s="14" t="s">
        <v>70</v>
      </c>
      <c r="D84316" s="14" t="s">
        <v>424</v>
      </c>
      <c r="E84316" s="15">
        <v>45742</v>
      </c>
      <c r="F84316" s="14" t="s">
        <v>28</v>
      </c>
      <c r="G84316" s="16">
        <v>2.7592056881932279</v>
      </c>
    </row>
    <row r="84317" spans="1:7" x14ac:dyDescent="0.3">
      <c r="A84317" s="13" t="s">
        <v>423</v>
      </c>
      <c r="B84317" s="14" t="s">
        <v>1</v>
      </c>
      <c r="C84317" s="14" t="s">
        <v>70</v>
      </c>
      <c r="D84317" s="14" t="s">
        <v>424</v>
      </c>
      <c r="E84317" s="15">
        <v>45743</v>
      </c>
      <c r="F84317" s="14" t="s">
        <v>28</v>
      </c>
      <c r="G84317" s="16">
        <v>2.7712510309826475</v>
      </c>
    </row>
    <row r="84318" spans="1:7" x14ac:dyDescent="0.3">
      <c r="A84318" s="13" t="s">
        <v>423</v>
      </c>
      <c r="B84318" s="14" t="s">
        <v>1</v>
      </c>
      <c r="C84318" s="14" t="s">
        <v>70</v>
      </c>
      <c r="D84318" s="14" t="s">
        <v>424</v>
      </c>
      <c r="E84318" s="15">
        <v>45744</v>
      </c>
      <c r="F84318" s="14" t="s">
        <v>28</v>
      </c>
      <c r="G84318" s="16">
        <v>2.8700136556401272</v>
      </c>
    </row>
    <row r="84319" spans="1:7" x14ac:dyDescent="0.3">
      <c r="A84319" s="13" t="s">
        <v>423</v>
      </c>
      <c r="B84319" s="14" t="s">
        <v>1</v>
      </c>
      <c r="C84319" s="14" t="s">
        <v>70</v>
      </c>
      <c r="D84319" s="14" t="s">
        <v>424</v>
      </c>
      <c r="E84319" s="15">
        <v>45745</v>
      </c>
      <c r="F84319" s="14" t="s">
        <v>28</v>
      </c>
      <c r="G84319" s="16">
        <v>2.8700136556401272</v>
      </c>
    </row>
    <row r="84320" spans="1:7" x14ac:dyDescent="0.3">
      <c r="A84320" s="13" t="s">
        <v>423</v>
      </c>
      <c r="B84320" s="14" t="s">
        <v>1</v>
      </c>
      <c r="C84320" s="14" t="s">
        <v>70</v>
      </c>
      <c r="D84320" s="14" t="s">
        <v>424</v>
      </c>
      <c r="E84320" s="15">
        <v>45746</v>
      </c>
      <c r="F84320" s="14" t="s">
        <v>28</v>
      </c>
      <c r="G84320" s="16">
        <v>2.8700136556401272</v>
      </c>
    </row>
    <row r="84321" spans="1:7" x14ac:dyDescent="0.3">
      <c r="A84321" s="13" t="s">
        <v>423</v>
      </c>
      <c r="B84321" s="14" t="s">
        <v>1</v>
      </c>
      <c r="C84321" s="14" t="s">
        <v>70</v>
      </c>
      <c r="D84321" s="14" t="s">
        <v>424</v>
      </c>
      <c r="E84321" s="15">
        <v>45747</v>
      </c>
      <c r="F84321" s="14" t="s">
        <v>28</v>
      </c>
      <c r="G84321" s="16">
        <v>2.9158542318288712</v>
      </c>
    </row>
    <row r="84322" spans="1:7" x14ac:dyDescent="0.3">
      <c r="A84322" s="13" t="s">
        <v>425</v>
      </c>
      <c r="B84322" s="14" t="s">
        <v>1</v>
      </c>
      <c r="C84322" s="14" t="s">
        <v>51</v>
      </c>
      <c r="D84322" s="14" t="s">
        <v>398</v>
      </c>
      <c r="E84322" s="15">
        <v>45383</v>
      </c>
      <c r="F84322" s="14" t="s">
        <v>53</v>
      </c>
      <c r="G84322" s="16">
        <v>0</v>
      </c>
    </row>
    <row r="84323" spans="1:7" x14ac:dyDescent="0.3">
      <c r="A84323" s="13" t="s">
        <v>425</v>
      </c>
      <c r="B84323" s="14" t="s">
        <v>1</v>
      </c>
      <c r="C84323" s="14" t="s">
        <v>51</v>
      </c>
      <c r="D84323" s="14" t="s">
        <v>398</v>
      </c>
      <c r="E84323" s="15">
        <v>45384</v>
      </c>
      <c r="F84323" s="14" t="s">
        <v>53</v>
      </c>
      <c r="G84323" s="16">
        <v>0</v>
      </c>
    </row>
    <row r="84324" spans="1:7" x14ac:dyDescent="0.3">
      <c r="A84324" s="13" t="s">
        <v>425</v>
      </c>
      <c r="B84324" s="14" t="s">
        <v>1</v>
      </c>
      <c r="C84324" s="14" t="s">
        <v>51</v>
      </c>
      <c r="D84324" s="14" t="s">
        <v>398</v>
      </c>
      <c r="E84324" s="15">
        <v>45385</v>
      </c>
      <c r="F84324" s="14" t="s">
        <v>53</v>
      </c>
      <c r="G84324" s="16">
        <v>0</v>
      </c>
    </row>
    <row r="84325" spans="1:7" x14ac:dyDescent="0.3">
      <c r="A84325" s="13" t="s">
        <v>425</v>
      </c>
      <c r="B84325" s="14" t="s">
        <v>1</v>
      </c>
      <c r="C84325" s="14" t="s">
        <v>51</v>
      </c>
      <c r="D84325" s="14" t="s">
        <v>398</v>
      </c>
      <c r="E84325" s="15">
        <v>45386</v>
      </c>
      <c r="F84325" s="14" t="s">
        <v>53</v>
      </c>
      <c r="G84325" s="16">
        <v>0</v>
      </c>
    </row>
    <row r="84326" spans="1:7" x14ac:dyDescent="0.3">
      <c r="A84326" s="13" t="s">
        <v>425</v>
      </c>
      <c r="B84326" s="14" t="s">
        <v>1</v>
      </c>
      <c r="C84326" s="14" t="s">
        <v>51</v>
      </c>
      <c r="D84326" s="14" t="s">
        <v>398</v>
      </c>
      <c r="E84326" s="15">
        <v>45387</v>
      </c>
      <c r="F84326" s="14" t="s">
        <v>53</v>
      </c>
      <c r="G84326" s="16">
        <v>0</v>
      </c>
    </row>
    <row r="84327" spans="1:7" x14ac:dyDescent="0.3">
      <c r="A84327" s="13" t="s">
        <v>425</v>
      </c>
      <c r="B84327" s="14" t="s">
        <v>1</v>
      </c>
      <c r="C84327" s="14" t="s">
        <v>51</v>
      </c>
      <c r="D84327" s="14" t="s">
        <v>398</v>
      </c>
      <c r="E84327" s="15">
        <v>45388</v>
      </c>
      <c r="F84327" s="14" t="s">
        <v>53</v>
      </c>
      <c r="G84327" s="16">
        <v>0</v>
      </c>
    </row>
    <row r="84328" spans="1:7" x14ac:dyDescent="0.3">
      <c r="A84328" s="13" t="s">
        <v>425</v>
      </c>
      <c r="B84328" s="14" t="s">
        <v>1</v>
      </c>
      <c r="C84328" s="14" t="s">
        <v>51</v>
      </c>
      <c r="D84328" s="14" t="s">
        <v>398</v>
      </c>
      <c r="E84328" s="15">
        <v>45389</v>
      </c>
      <c r="F84328" s="14" t="s">
        <v>53</v>
      </c>
      <c r="G84328" s="16">
        <v>0</v>
      </c>
    </row>
    <row r="84329" spans="1:7" x14ac:dyDescent="0.3">
      <c r="A84329" s="13" t="s">
        <v>425</v>
      </c>
      <c r="B84329" s="14" t="s">
        <v>1</v>
      </c>
      <c r="C84329" s="14" t="s">
        <v>51</v>
      </c>
      <c r="D84329" s="14" t="s">
        <v>398</v>
      </c>
      <c r="E84329" s="15">
        <v>45390</v>
      </c>
      <c r="F84329" s="14" t="s">
        <v>53</v>
      </c>
      <c r="G84329" s="16">
        <v>0</v>
      </c>
    </row>
    <row r="84330" spans="1:7" x14ac:dyDescent="0.3">
      <c r="A84330" s="13" t="s">
        <v>425</v>
      </c>
      <c r="B84330" s="14" t="s">
        <v>1</v>
      </c>
      <c r="C84330" s="14" t="s">
        <v>51</v>
      </c>
      <c r="D84330" s="14" t="s">
        <v>398</v>
      </c>
      <c r="E84330" s="15">
        <v>45391</v>
      </c>
      <c r="F84330" s="14" t="s">
        <v>53</v>
      </c>
      <c r="G84330" s="16">
        <v>0</v>
      </c>
    </row>
    <row r="84331" spans="1:7" x14ac:dyDescent="0.3">
      <c r="A84331" s="13" t="s">
        <v>425</v>
      </c>
      <c r="B84331" s="14" t="s">
        <v>1</v>
      </c>
      <c r="C84331" s="14" t="s">
        <v>51</v>
      </c>
      <c r="D84331" s="14" t="s">
        <v>398</v>
      </c>
      <c r="E84331" s="15">
        <v>45392</v>
      </c>
      <c r="F84331" s="14" t="s">
        <v>53</v>
      </c>
      <c r="G84331" s="16">
        <v>0</v>
      </c>
    </row>
    <row r="84332" spans="1:7" x14ac:dyDescent="0.3">
      <c r="A84332" s="13" t="s">
        <v>425</v>
      </c>
      <c r="B84332" s="14" t="s">
        <v>1</v>
      </c>
      <c r="C84332" s="14" t="s">
        <v>51</v>
      </c>
      <c r="D84332" s="14" t="s">
        <v>398</v>
      </c>
      <c r="E84332" s="15">
        <v>45393</v>
      </c>
      <c r="F84332" s="14" t="s">
        <v>53</v>
      </c>
      <c r="G84332" s="16">
        <v>0</v>
      </c>
    </row>
    <row r="84333" spans="1:7" x14ac:dyDescent="0.3">
      <c r="A84333" s="13" t="s">
        <v>425</v>
      </c>
      <c r="B84333" s="14" t="s">
        <v>1</v>
      </c>
      <c r="C84333" s="14" t="s">
        <v>51</v>
      </c>
      <c r="D84333" s="14" t="s">
        <v>398</v>
      </c>
      <c r="E84333" s="15">
        <v>45394</v>
      </c>
      <c r="F84333" s="14" t="s">
        <v>53</v>
      </c>
      <c r="G84333" s="16">
        <v>0</v>
      </c>
    </row>
    <row r="84334" spans="1:7" x14ac:dyDescent="0.3">
      <c r="A84334" s="13" t="s">
        <v>425</v>
      </c>
      <c r="B84334" s="14" t="s">
        <v>1</v>
      </c>
      <c r="C84334" s="14" t="s">
        <v>51</v>
      </c>
      <c r="D84334" s="14" t="s">
        <v>398</v>
      </c>
      <c r="E84334" s="15">
        <v>45395</v>
      </c>
      <c r="F84334" s="14" t="s">
        <v>53</v>
      </c>
      <c r="G84334" s="16">
        <v>0</v>
      </c>
    </row>
    <row r="84335" spans="1:7" x14ac:dyDescent="0.3">
      <c r="A84335" s="13" t="s">
        <v>425</v>
      </c>
      <c r="B84335" s="14" t="s">
        <v>1</v>
      </c>
      <c r="C84335" s="14" t="s">
        <v>51</v>
      </c>
      <c r="D84335" s="14" t="s">
        <v>398</v>
      </c>
      <c r="E84335" s="15">
        <v>45396</v>
      </c>
      <c r="F84335" s="14" t="s">
        <v>53</v>
      </c>
      <c r="G84335" s="16">
        <v>0</v>
      </c>
    </row>
    <row r="84336" spans="1:7" x14ac:dyDescent="0.3">
      <c r="A84336" s="13" t="s">
        <v>425</v>
      </c>
      <c r="B84336" s="14" t="s">
        <v>1</v>
      </c>
      <c r="C84336" s="14" t="s">
        <v>51</v>
      </c>
      <c r="D84336" s="14" t="s">
        <v>398</v>
      </c>
      <c r="E84336" s="15">
        <v>45397</v>
      </c>
      <c r="F84336" s="14" t="s">
        <v>53</v>
      </c>
      <c r="G84336" s="16">
        <v>0</v>
      </c>
    </row>
    <row r="84337" spans="1:7" x14ac:dyDescent="0.3">
      <c r="A84337" s="13" t="s">
        <v>425</v>
      </c>
      <c r="B84337" s="14" t="s">
        <v>1</v>
      </c>
      <c r="C84337" s="14" t="s">
        <v>51</v>
      </c>
      <c r="D84337" s="14" t="s">
        <v>398</v>
      </c>
      <c r="E84337" s="15">
        <v>45398</v>
      </c>
      <c r="F84337" s="14" t="s">
        <v>53</v>
      </c>
      <c r="G84337" s="16">
        <v>0</v>
      </c>
    </row>
    <row r="84338" spans="1:7" x14ac:dyDescent="0.3">
      <c r="A84338" s="13" t="s">
        <v>425</v>
      </c>
      <c r="B84338" s="14" t="s">
        <v>1</v>
      </c>
      <c r="C84338" s="14" t="s">
        <v>51</v>
      </c>
      <c r="D84338" s="14" t="s">
        <v>398</v>
      </c>
      <c r="E84338" s="15">
        <v>45399</v>
      </c>
      <c r="F84338" s="14" t="s">
        <v>53</v>
      </c>
      <c r="G84338" s="16">
        <v>0</v>
      </c>
    </row>
    <row r="84339" spans="1:7" x14ac:dyDescent="0.3">
      <c r="A84339" s="13" t="s">
        <v>425</v>
      </c>
      <c r="B84339" s="14" t="s">
        <v>1</v>
      </c>
      <c r="C84339" s="14" t="s">
        <v>51</v>
      </c>
      <c r="D84339" s="14" t="s">
        <v>398</v>
      </c>
      <c r="E84339" s="15">
        <v>45400</v>
      </c>
      <c r="F84339" s="14" t="s">
        <v>53</v>
      </c>
      <c r="G84339" s="16">
        <v>0</v>
      </c>
    </row>
    <row r="84340" spans="1:7" x14ac:dyDescent="0.3">
      <c r="A84340" s="13" t="s">
        <v>425</v>
      </c>
      <c r="B84340" s="14" t="s">
        <v>1</v>
      </c>
      <c r="C84340" s="14" t="s">
        <v>51</v>
      </c>
      <c r="D84340" s="14" t="s">
        <v>398</v>
      </c>
      <c r="E84340" s="15">
        <v>45401</v>
      </c>
      <c r="F84340" s="14" t="s">
        <v>53</v>
      </c>
      <c r="G84340" s="16">
        <v>0</v>
      </c>
    </row>
    <row r="84341" spans="1:7" x14ac:dyDescent="0.3">
      <c r="A84341" s="13" t="s">
        <v>425</v>
      </c>
      <c r="B84341" s="14" t="s">
        <v>1</v>
      </c>
      <c r="C84341" s="14" t="s">
        <v>51</v>
      </c>
      <c r="D84341" s="14" t="s">
        <v>398</v>
      </c>
      <c r="E84341" s="15">
        <v>45402</v>
      </c>
      <c r="F84341" s="14" t="s">
        <v>53</v>
      </c>
      <c r="G84341" s="16">
        <v>0</v>
      </c>
    </row>
    <row r="84342" spans="1:7" x14ac:dyDescent="0.3">
      <c r="A84342" s="13" t="s">
        <v>425</v>
      </c>
      <c r="B84342" s="14" t="s">
        <v>1</v>
      </c>
      <c r="C84342" s="14" t="s">
        <v>51</v>
      </c>
      <c r="D84342" s="14" t="s">
        <v>398</v>
      </c>
      <c r="E84342" s="15">
        <v>45403</v>
      </c>
      <c r="F84342" s="14" t="s">
        <v>53</v>
      </c>
      <c r="G84342" s="16">
        <v>0</v>
      </c>
    </row>
    <row r="84343" spans="1:7" x14ac:dyDescent="0.3">
      <c r="A84343" s="13" t="s">
        <v>425</v>
      </c>
      <c r="B84343" s="14" t="s">
        <v>1</v>
      </c>
      <c r="C84343" s="14" t="s">
        <v>51</v>
      </c>
      <c r="D84343" s="14" t="s">
        <v>398</v>
      </c>
      <c r="E84343" s="15">
        <v>45404</v>
      </c>
      <c r="F84343" s="14" t="s">
        <v>53</v>
      </c>
      <c r="G84343" s="16">
        <v>0</v>
      </c>
    </row>
    <row r="84344" spans="1:7" x14ac:dyDescent="0.3">
      <c r="A84344" s="13" t="s">
        <v>425</v>
      </c>
      <c r="B84344" s="14" t="s">
        <v>1</v>
      </c>
      <c r="C84344" s="14" t="s">
        <v>51</v>
      </c>
      <c r="D84344" s="14" t="s">
        <v>398</v>
      </c>
      <c r="E84344" s="15">
        <v>45405</v>
      </c>
      <c r="F84344" s="14" t="s">
        <v>53</v>
      </c>
      <c r="G84344" s="16">
        <v>0</v>
      </c>
    </row>
    <row r="84345" spans="1:7" x14ac:dyDescent="0.3">
      <c r="A84345" s="13" t="s">
        <v>425</v>
      </c>
      <c r="B84345" s="14" t="s">
        <v>1</v>
      </c>
      <c r="C84345" s="14" t="s">
        <v>51</v>
      </c>
      <c r="D84345" s="14" t="s">
        <v>398</v>
      </c>
      <c r="E84345" s="15">
        <v>45406</v>
      </c>
      <c r="F84345" s="14" t="s">
        <v>53</v>
      </c>
      <c r="G84345" s="16">
        <v>0</v>
      </c>
    </row>
    <row r="84346" spans="1:7" x14ac:dyDescent="0.3">
      <c r="A84346" s="13" t="s">
        <v>425</v>
      </c>
      <c r="B84346" s="14" t="s">
        <v>1</v>
      </c>
      <c r="C84346" s="14" t="s">
        <v>51</v>
      </c>
      <c r="D84346" s="14" t="s">
        <v>398</v>
      </c>
      <c r="E84346" s="15">
        <v>45407</v>
      </c>
      <c r="F84346" s="14" t="s">
        <v>53</v>
      </c>
      <c r="G84346" s="16">
        <v>0</v>
      </c>
    </row>
    <row r="84347" spans="1:7" x14ac:dyDescent="0.3">
      <c r="A84347" s="13" t="s">
        <v>425</v>
      </c>
      <c r="B84347" s="14" t="s">
        <v>1</v>
      </c>
      <c r="C84347" s="14" t="s">
        <v>51</v>
      </c>
      <c r="D84347" s="14" t="s">
        <v>398</v>
      </c>
      <c r="E84347" s="15">
        <v>45408</v>
      </c>
      <c r="F84347" s="14" t="s">
        <v>53</v>
      </c>
      <c r="G84347" s="16">
        <v>0</v>
      </c>
    </row>
    <row r="84348" spans="1:7" x14ac:dyDescent="0.3">
      <c r="A84348" s="13" t="s">
        <v>425</v>
      </c>
      <c r="B84348" s="14" t="s">
        <v>1</v>
      </c>
      <c r="C84348" s="14" t="s">
        <v>51</v>
      </c>
      <c r="D84348" s="14" t="s">
        <v>398</v>
      </c>
      <c r="E84348" s="15">
        <v>45409</v>
      </c>
      <c r="F84348" s="14" t="s">
        <v>53</v>
      </c>
      <c r="G84348" s="16">
        <v>0</v>
      </c>
    </row>
    <row r="84349" spans="1:7" x14ac:dyDescent="0.3">
      <c r="A84349" s="13" t="s">
        <v>425</v>
      </c>
      <c r="B84349" s="14" t="s">
        <v>1</v>
      </c>
      <c r="C84349" s="14" t="s">
        <v>51</v>
      </c>
      <c r="D84349" s="14" t="s">
        <v>398</v>
      </c>
      <c r="E84349" s="15">
        <v>45410</v>
      </c>
      <c r="F84349" s="14" t="s">
        <v>53</v>
      </c>
      <c r="G84349" s="16">
        <v>0</v>
      </c>
    </row>
    <row r="84350" spans="1:7" x14ac:dyDescent="0.3">
      <c r="A84350" s="13" t="s">
        <v>425</v>
      </c>
      <c r="B84350" s="14" t="s">
        <v>1</v>
      </c>
      <c r="C84350" s="14" t="s">
        <v>51</v>
      </c>
      <c r="D84350" s="14" t="s">
        <v>398</v>
      </c>
      <c r="E84350" s="15">
        <v>45411</v>
      </c>
      <c r="F84350" s="14" t="s">
        <v>53</v>
      </c>
      <c r="G84350" s="16">
        <v>0</v>
      </c>
    </row>
    <row r="84351" spans="1:7" x14ac:dyDescent="0.3">
      <c r="A84351" s="13" t="s">
        <v>425</v>
      </c>
      <c r="B84351" s="14" t="s">
        <v>1</v>
      </c>
      <c r="C84351" s="14" t="s">
        <v>51</v>
      </c>
      <c r="D84351" s="14" t="s">
        <v>398</v>
      </c>
      <c r="E84351" s="15">
        <v>45412</v>
      </c>
      <c r="F84351" s="14" t="s">
        <v>53</v>
      </c>
      <c r="G84351" s="16">
        <v>0</v>
      </c>
    </row>
    <row r="84352" spans="1:7" x14ac:dyDescent="0.3">
      <c r="A84352" s="13" t="s">
        <v>425</v>
      </c>
      <c r="B84352" s="14" t="s">
        <v>1</v>
      </c>
      <c r="C84352" s="14" t="s">
        <v>51</v>
      </c>
      <c r="D84352" s="14" t="s">
        <v>398</v>
      </c>
      <c r="E84352" s="15">
        <v>45413</v>
      </c>
      <c r="F84352" s="14" t="s">
        <v>53</v>
      </c>
      <c r="G84352" s="16">
        <v>0</v>
      </c>
    </row>
    <row r="84353" spans="1:7" x14ac:dyDescent="0.3">
      <c r="A84353" s="13" t="s">
        <v>425</v>
      </c>
      <c r="B84353" s="14" t="s">
        <v>1</v>
      </c>
      <c r="C84353" s="14" t="s">
        <v>51</v>
      </c>
      <c r="D84353" s="14" t="s">
        <v>398</v>
      </c>
      <c r="E84353" s="15">
        <v>45414</v>
      </c>
      <c r="F84353" s="14" t="s">
        <v>53</v>
      </c>
      <c r="G84353" s="16">
        <v>0</v>
      </c>
    </row>
    <row r="84354" spans="1:7" x14ac:dyDescent="0.3">
      <c r="A84354" s="13" t="s">
        <v>425</v>
      </c>
      <c r="B84354" s="14" t="s">
        <v>1</v>
      </c>
      <c r="C84354" s="14" t="s">
        <v>51</v>
      </c>
      <c r="D84354" s="14" t="s">
        <v>398</v>
      </c>
      <c r="E84354" s="15">
        <v>45415</v>
      </c>
      <c r="F84354" s="14" t="s">
        <v>53</v>
      </c>
      <c r="G84354" s="16">
        <v>0</v>
      </c>
    </row>
    <row r="84355" spans="1:7" x14ac:dyDescent="0.3">
      <c r="A84355" s="13" t="s">
        <v>425</v>
      </c>
      <c r="B84355" s="14" t="s">
        <v>1</v>
      </c>
      <c r="C84355" s="14" t="s">
        <v>51</v>
      </c>
      <c r="D84355" s="14" t="s">
        <v>398</v>
      </c>
      <c r="E84355" s="15">
        <v>45416</v>
      </c>
      <c r="F84355" s="14" t="s">
        <v>53</v>
      </c>
      <c r="G84355" s="16">
        <v>0</v>
      </c>
    </row>
    <row r="84356" spans="1:7" x14ac:dyDescent="0.3">
      <c r="A84356" s="13" t="s">
        <v>425</v>
      </c>
      <c r="B84356" s="14" t="s">
        <v>1</v>
      </c>
      <c r="C84356" s="14" t="s">
        <v>51</v>
      </c>
      <c r="D84356" s="14" t="s">
        <v>398</v>
      </c>
      <c r="E84356" s="15">
        <v>45417</v>
      </c>
      <c r="F84356" s="14" t="s">
        <v>53</v>
      </c>
      <c r="G84356" s="16">
        <v>0</v>
      </c>
    </row>
    <row r="84357" spans="1:7" x14ac:dyDescent="0.3">
      <c r="A84357" s="13" t="s">
        <v>425</v>
      </c>
      <c r="B84357" s="14" t="s">
        <v>1</v>
      </c>
      <c r="C84357" s="14" t="s">
        <v>51</v>
      </c>
      <c r="D84357" s="14" t="s">
        <v>398</v>
      </c>
      <c r="E84357" s="15">
        <v>45418</v>
      </c>
      <c r="F84357" s="14" t="s">
        <v>53</v>
      </c>
      <c r="G84357" s="16">
        <v>0</v>
      </c>
    </row>
    <row r="84358" spans="1:7" x14ac:dyDescent="0.3">
      <c r="A84358" s="13" t="s">
        <v>425</v>
      </c>
      <c r="B84358" s="14" t="s">
        <v>1</v>
      </c>
      <c r="C84358" s="14" t="s">
        <v>51</v>
      </c>
      <c r="D84358" s="14" t="s">
        <v>398</v>
      </c>
      <c r="E84358" s="15">
        <v>45419</v>
      </c>
      <c r="F84358" s="14" t="s">
        <v>53</v>
      </c>
      <c r="G84358" s="16">
        <v>0</v>
      </c>
    </row>
    <row r="84359" spans="1:7" x14ac:dyDescent="0.3">
      <c r="A84359" s="13" t="s">
        <v>425</v>
      </c>
      <c r="B84359" s="14" t="s">
        <v>1</v>
      </c>
      <c r="C84359" s="14" t="s">
        <v>51</v>
      </c>
      <c r="D84359" s="14" t="s">
        <v>398</v>
      </c>
      <c r="E84359" s="15">
        <v>45420</v>
      </c>
      <c r="F84359" s="14" t="s">
        <v>53</v>
      </c>
      <c r="G84359" s="16">
        <v>0</v>
      </c>
    </row>
    <row r="84360" spans="1:7" x14ac:dyDescent="0.3">
      <c r="A84360" s="13" t="s">
        <v>425</v>
      </c>
      <c r="B84360" s="14" t="s">
        <v>1</v>
      </c>
      <c r="C84360" s="14" t="s">
        <v>51</v>
      </c>
      <c r="D84360" s="14" t="s">
        <v>398</v>
      </c>
      <c r="E84360" s="15">
        <v>45421</v>
      </c>
      <c r="F84360" s="14" t="s">
        <v>53</v>
      </c>
      <c r="G84360" s="16">
        <v>0</v>
      </c>
    </row>
    <row r="84361" spans="1:7" x14ac:dyDescent="0.3">
      <c r="A84361" s="13" t="s">
        <v>425</v>
      </c>
      <c r="B84361" s="14" t="s">
        <v>1</v>
      </c>
      <c r="C84361" s="14" t="s">
        <v>51</v>
      </c>
      <c r="D84361" s="14" t="s">
        <v>398</v>
      </c>
      <c r="E84361" s="15">
        <v>45422</v>
      </c>
      <c r="F84361" s="14" t="s">
        <v>53</v>
      </c>
      <c r="G84361" s="16">
        <v>0</v>
      </c>
    </row>
    <row r="84362" spans="1:7" x14ac:dyDescent="0.3">
      <c r="A84362" s="13" t="s">
        <v>425</v>
      </c>
      <c r="B84362" s="14" t="s">
        <v>1</v>
      </c>
      <c r="C84362" s="14" t="s">
        <v>51</v>
      </c>
      <c r="D84362" s="14" t="s">
        <v>398</v>
      </c>
      <c r="E84362" s="15">
        <v>45423</v>
      </c>
      <c r="F84362" s="14" t="s">
        <v>53</v>
      </c>
      <c r="G84362" s="16">
        <v>0</v>
      </c>
    </row>
    <row r="84363" spans="1:7" x14ac:dyDescent="0.3">
      <c r="A84363" s="13" t="s">
        <v>425</v>
      </c>
      <c r="B84363" s="14" t="s">
        <v>1</v>
      </c>
      <c r="C84363" s="14" t="s">
        <v>51</v>
      </c>
      <c r="D84363" s="14" t="s">
        <v>398</v>
      </c>
      <c r="E84363" s="15">
        <v>45424</v>
      </c>
      <c r="F84363" s="14" t="s">
        <v>53</v>
      </c>
      <c r="G84363" s="16">
        <v>0</v>
      </c>
    </row>
    <row r="84364" spans="1:7" x14ac:dyDescent="0.3">
      <c r="A84364" s="13" t="s">
        <v>425</v>
      </c>
      <c r="B84364" s="14" t="s">
        <v>1</v>
      </c>
      <c r="C84364" s="14" t="s">
        <v>51</v>
      </c>
      <c r="D84364" s="14" t="s">
        <v>398</v>
      </c>
      <c r="E84364" s="15">
        <v>45425</v>
      </c>
      <c r="F84364" s="14" t="s">
        <v>53</v>
      </c>
      <c r="G84364" s="16">
        <v>0</v>
      </c>
    </row>
    <row r="84365" spans="1:7" x14ac:dyDescent="0.3">
      <c r="A84365" s="13" t="s">
        <v>425</v>
      </c>
      <c r="B84365" s="14" t="s">
        <v>1</v>
      </c>
      <c r="C84365" s="14" t="s">
        <v>51</v>
      </c>
      <c r="D84365" s="14" t="s">
        <v>398</v>
      </c>
      <c r="E84365" s="15">
        <v>45426</v>
      </c>
      <c r="F84365" s="14" t="s">
        <v>53</v>
      </c>
      <c r="G84365" s="16">
        <v>0</v>
      </c>
    </row>
    <row r="84366" spans="1:7" x14ac:dyDescent="0.3">
      <c r="A84366" s="13" t="s">
        <v>425</v>
      </c>
      <c r="B84366" s="14" t="s">
        <v>1</v>
      </c>
      <c r="C84366" s="14" t="s">
        <v>51</v>
      </c>
      <c r="D84366" s="14" t="s">
        <v>398</v>
      </c>
      <c r="E84366" s="15">
        <v>45427</v>
      </c>
      <c r="F84366" s="14" t="s">
        <v>53</v>
      </c>
      <c r="G84366" s="16">
        <v>0</v>
      </c>
    </row>
    <row r="84367" spans="1:7" x14ac:dyDescent="0.3">
      <c r="A84367" s="13" t="s">
        <v>425</v>
      </c>
      <c r="B84367" s="14" t="s">
        <v>1</v>
      </c>
      <c r="C84367" s="14" t="s">
        <v>51</v>
      </c>
      <c r="D84367" s="14" t="s">
        <v>398</v>
      </c>
      <c r="E84367" s="15">
        <v>45428</v>
      </c>
      <c r="F84367" s="14" t="s">
        <v>53</v>
      </c>
      <c r="G84367" s="16">
        <v>0</v>
      </c>
    </row>
    <row r="84368" spans="1:7" x14ac:dyDescent="0.3">
      <c r="A84368" s="13" t="s">
        <v>425</v>
      </c>
      <c r="B84368" s="14" t="s">
        <v>1</v>
      </c>
      <c r="C84368" s="14" t="s">
        <v>51</v>
      </c>
      <c r="D84368" s="14" t="s">
        <v>398</v>
      </c>
      <c r="E84368" s="15">
        <v>45429</v>
      </c>
      <c r="F84368" s="14" t="s">
        <v>53</v>
      </c>
      <c r="G84368" s="16">
        <v>0</v>
      </c>
    </row>
    <row r="84369" spans="1:7" x14ac:dyDescent="0.3">
      <c r="A84369" s="13" t="s">
        <v>425</v>
      </c>
      <c r="B84369" s="14" t="s">
        <v>1</v>
      </c>
      <c r="C84369" s="14" t="s">
        <v>51</v>
      </c>
      <c r="D84369" s="14" t="s">
        <v>398</v>
      </c>
      <c r="E84369" s="15">
        <v>45430</v>
      </c>
      <c r="F84369" s="14" t="s">
        <v>53</v>
      </c>
      <c r="G84369" s="16">
        <v>0</v>
      </c>
    </row>
    <row r="84370" spans="1:7" x14ac:dyDescent="0.3">
      <c r="A84370" s="13" t="s">
        <v>425</v>
      </c>
      <c r="B84370" s="14" t="s">
        <v>1</v>
      </c>
      <c r="C84370" s="14" t="s">
        <v>51</v>
      </c>
      <c r="D84370" s="14" t="s">
        <v>398</v>
      </c>
      <c r="E84370" s="15">
        <v>45431</v>
      </c>
      <c r="F84370" s="14" t="s">
        <v>53</v>
      </c>
      <c r="G84370" s="16">
        <v>0</v>
      </c>
    </row>
    <row r="84371" spans="1:7" x14ac:dyDescent="0.3">
      <c r="A84371" s="13" t="s">
        <v>425</v>
      </c>
      <c r="B84371" s="14" t="s">
        <v>1</v>
      </c>
      <c r="C84371" s="14" t="s">
        <v>51</v>
      </c>
      <c r="D84371" s="14" t="s">
        <v>398</v>
      </c>
      <c r="E84371" s="15">
        <v>45432</v>
      </c>
      <c r="F84371" s="14" t="s">
        <v>53</v>
      </c>
      <c r="G84371" s="16">
        <v>0</v>
      </c>
    </row>
    <row r="84372" spans="1:7" x14ac:dyDescent="0.3">
      <c r="A84372" s="13" t="s">
        <v>425</v>
      </c>
      <c r="B84372" s="14" t="s">
        <v>1</v>
      </c>
      <c r="C84372" s="14" t="s">
        <v>51</v>
      </c>
      <c r="D84372" s="14" t="s">
        <v>398</v>
      </c>
      <c r="E84372" s="15">
        <v>45433</v>
      </c>
      <c r="F84372" s="14" t="s">
        <v>53</v>
      </c>
      <c r="G84372" s="16">
        <v>0</v>
      </c>
    </row>
    <row r="84373" spans="1:7" x14ac:dyDescent="0.3">
      <c r="A84373" s="13" t="s">
        <v>425</v>
      </c>
      <c r="B84373" s="14" t="s">
        <v>1</v>
      </c>
      <c r="C84373" s="14" t="s">
        <v>51</v>
      </c>
      <c r="D84373" s="14" t="s">
        <v>398</v>
      </c>
      <c r="E84373" s="15">
        <v>45434</v>
      </c>
      <c r="F84373" s="14" t="s">
        <v>53</v>
      </c>
      <c r="G84373" s="16">
        <v>0</v>
      </c>
    </row>
    <row r="84374" spans="1:7" x14ac:dyDescent="0.3">
      <c r="A84374" s="13" t="s">
        <v>425</v>
      </c>
      <c r="B84374" s="14" t="s">
        <v>1</v>
      </c>
      <c r="C84374" s="14" t="s">
        <v>51</v>
      </c>
      <c r="D84374" s="14" t="s">
        <v>398</v>
      </c>
      <c r="E84374" s="15">
        <v>45435</v>
      </c>
      <c r="F84374" s="14" t="s">
        <v>53</v>
      </c>
      <c r="G84374" s="16">
        <v>0</v>
      </c>
    </row>
    <row r="84375" spans="1:7" x14ac:dyDescent="0.3">
      <c r="A84375" s="13" t="s">
        <v>425</v>
      </c>
      <c r="B84375" s="14" t="s">
        <v>1</v>
      </c>
      <c r="C84375" s="14" t="s">
        <v>51</v>
      </c>
      <c r="D84375" s="14" t="s">
        <v>398</v>
      </c>
      <c r="E84375" s="15">
        <v>45436</v>
      </c>
      <c r="F84375" s="14" t="s">
        <v>53</v>
      </c>
      <c r="G84375" s="16">
        <v>0</v>
      </c>
    </row>
    <row r="84376" spans="1:7" x14ac:dyDescent="0.3">
      <c r="A84376" s="13" t="s">
        <v>425</v>
      </c>
      <c r="B84376" s="14" t="s">
        <v>1</v>
      </c>
      <c r="C84376" s="14" t="s">
        <v>51</v>
      </c>
      <c r="D84376" s="14" t="s">
        <v>398</v>
      </c>
      <c r="E84376" s="15">
        <v>45437</v>
      </c>
      <c r="F84376" s="14" t="s">
        <v>53</v>
      </c>
      <c r="G84376" s="16">
        <v>0</v>
      </c>
    </row>
    <row r="84377" spans="1:7" x14ac:dyDescent="0.3">
      <c r="A84377" s="13" t="s">
        <v>425</v>
      </c>
      <c r="B84377" s="14" t="s">
        <v>1</v>
      </c>
      <c r="C84377" s="14" t="s">
        <v>51</v>
      </c>
      <c r="D84377" s="14" t="s">
        <v>398</v>
      </c>
      <c r="E84377" s="15">
        <v>45438</v>
      </c>
      <c r="F84377" s="14" t="s">
        <v>53</v>
      </c>
      <c r="G84377" s="16">
        <v>0</v>
      </c>
    </row>
    <row r="84378" spans="1:7" x14ac:dyDescent="0.3">
      <c r="A84378" s="13" t="s">
        <v>425</v>
      </c>
      <c r="B84378" s="14" t="s">
        <v>1</v>
      </c>
      <c r="C84378" s="14" t="s">
        <v>51</v>
      </c>
      <c r="D84378" s="14" t="s">
        <v>398</v>
      </c>
      <c r="E84378" s="15">
        <v>45439</v>
      </c>
      <c r="F84378" s="14" t="s">
        <v>53</v>
      </c>
      <c r="G84378" s="16">
        <v>0</v>
      </c>
    </row>
    <row r="84379" spans="1:7" x14ac:dyDescent="0.3">
      <c r="A84379" s="13" t="s">
        <v>425</v>
      </c>
      <c r="B84379" s="14" t="s">
        <v>1</v>
      </c>
      <c r="C84379" s="14" t="s">
        <v>51</v>
      </c>
      <c r="D84379" s="14" t="s">
        <v>398</v>
      </c>
      <c r="E84379" s="15">
        <v>45440</v>
      </c>
      <c r="F84379" s="14" t="s">
        <v>53</v>
      </c>
      <c r="G84379" s="16">
        <v>0</v>
      </c>
    </row>
    <row r="84380" spans="1:7" x14ac:dyDescent="0.3">
      <c r="A84380" s="13" t="s">
        <v>425</v>
      </c>
      <c r="B84380" s="14" t="s">
        <v>1</v>
      </c>
      <c r="C84380" s="14" t="s">
        <v>51</v>
      </c>
      <c r="D84380" s="14" t="s">
        <v>398</v>
      </c>
      <c r="E84380" s="15">
        <v>45441</v>
      </c>
      <c r="F84380" s="14" t="s">
        <v>53</v>
      </c>
      <c r="G84380" s="16">
        <v>0</v>
      </c>
    </row>
    <row r="84381" spans="1:7" x14ac:dyDescent="0.3">
      <c r="A84381" s="13" t="s">
        <v>425</v>
      </c>
      <c r="B84381" s="14" t="s">
        <v>1</v>
      </c>
      <c r="C84381" s="14" t="s">
        <v>51</v>
      </c>
      <c r="D84381" s="14" t="s">
        <v>398</v>
      </c>
      <c r="E84381" s="15">
        <v>45442</v>
      </c>
      <c r="F84381" s="14" t="s">
        <v>53</v>
      </c>
      <c r="G84381" s="16">
        <v>0</v>
      </c>
    </row>
    <row r="84382" spans="1:7" x14ac:dyDescent="0.3">
      <c r="A84382" s="13" t="s">
        <v>425</v>
      </c>
      <c r="B84382" s="14" t="s">
        <v>1</v>
      </c>
      <c r="C84382" s="14" t="s">
        <v>51</v>
      </c>
      <c r="D84382" s="14" t="s">
        <v>398</v>
      </c>
      <c r="E84382" s="15">
        <v>45443</v>
      </c>
      <c r="F84382" s="14" t="s">
        <v>53</v>
      </c>
      <c r="G84382" s="16">
        <v>0</v>
      </c>
    </row>
    <row r="84383" spans="1:7" x14ac:dyDescent="0.3">
      <c r="A84383" s="13" t="s">
        <v>425</v>
      </c>
      <c r="B84383" s="14" t="s">
        <v>1</v>
      </c>
      <c r="C84383" s="14" t="s">
        <v>51</v>
      </c>
      <c r="D84383" s="14" t="s">
        <v>398</v>
      </c>
      <c r="E84383" s="15">
        <v>45444</v>
      </c>
      <c r="F84383" s="14" t="s">
        <v>53</v>
      </c>
      <c r="G84383" s="16">
        <v>0</v>
      </c>
    </row>
    <row r="84384" spans="1:7" x14ac:dyDescent="0.3">
      <c r="A84384" s="13" t="s">
        <v>425</v>
      </c>
      <c r="B84384" s="14" t="s">
        <v>1</v>
      </c>
      <c r="C84384" s="14" t="s">
        <v>51</v>
      </c>
      <c r="D84384" s="14" t="s">
        <v>398</v>
      </c>
      <c r="E84384" s="15">
        <v>45445</v>
      </c>
      <c r="F84384" s="14" t="s">
        <v>53</v>
      </c>
      <c r="G84384" s="16">
        <v>0</v>
      </c>
    </row>
    <row r="84385" spans="1:7" x14ac:dyDescent="0.3">
      <c r="A84385" s="13" t="s">
        <v>425</v>
      </c>
      <c r="B84385" s="14" t="s">
        <v>1</v>
      </c>
      <c r="C84385" s="14" t="s">
        <v>51</v>
      </c>
      <c r="D84385" s="14" t="s">
        <v>398</v>
      </c>
      <c r="E84385" s="15">
        <v>45446</v>
      </c>
      <c r="F84385" s="14" t="s">
        <v>53</v>
      </c>
      <c r="G84385" s="16">
        <v>0</v>
      </c>
    </row>
    <row r="84386" spans="1:7" x14ac:dyDescent="0.3">
      <c r="A84386" s="13" t="s">
        <v>425</v>
      </c>
      <c r="B84386" s="14" t="s">
        <v>1</v>
      </c>
      <c r="C84386" s="14" t="s">
        <v>51</v>
      </c>
      <c r="D84386" s="14" t="s">
        <v>398</v>
      </c>
      <c r="E84386" s="15">
        <v>45447</v>
      </c>
      <c r="F84386" s="14" t="s">
        <v>53</v>
      </c>
      <c r="G84386" s="16">
        <v>0</v>
      </c>
    </row>
    <row r="84387" spans="1:7" x14ac:dyDescent="0.3">
      <c r="A84387" s="13" t="s">
        <v>425</v>
      </c>
      <c r="B84387" s="14" t="s">
        <v>1</v>
      </c>
      <c r="C84387" s="14" t="s">
        <v>51</v>
      </c>
      <c r="D84387" s="14" t="s">
        <v>398</v>
      </c>
      <c r="E84387" s="15">
        <v>45448</v>
      </c>
      <c r="F84387" s="14" t="s">
        <v>53</v>
      </c>
      <c r="G84387" s="16">
        <v>0</v>
      </c>
    </row>
    <row r="84388" spans="1:7" x14ac:dyDescent="0.3">
      <c r="A84388" s="13" t="s">
        <v>425</v>
      </c>
      <c r="B84388" s="14" t="s">
        <v>1</v>
      </c>
      <c r="C84388" s="14" t="s">
        <v>51</v>
      </c>
      <c r="D84388" s="14" t="s">
        <v>398</v>
      </c>
      <c r="E84388" s="15">
        <v>45449</v>
      </c>
      <c r="F84388" s="14" t="s">
        <v>53</v>
      </c>
      <c r="G84388" s="16">
        <v>0</v>
      </c>
    </row>
    <row r="84389" spans="1:7" x14ac:dyDescent="0.3">
      <c r="A84389" s="13" t="s">
        <v>425</v>
      </c>
      <c r="B84389" s="14" t="s">
        <v>1</v>
      </c>
      <c r="C84389" s="14" t="s">
        <v>51</v>
      </c>
      <c r="D84389" s="14" t="s">
        <v>398</v>
      </c>
      <c r="E84389" s="15">
        <v>45450</v>
      </c>
      <c r="F84389" s="14" t="s">
        <v>53</v>
      </c>
      <c r="G84389" s="16">
        <v>0</v>
      </c>
    </row>
    <row r="84390" spans="1:7" x14ac:dyDescent="0.3">
      <c r="A84390" s="13" t="s">
        <v>425</v>
      </c>
      <c r="B84390" s="14" t="s">
        <v>1</v>
      </c>
      <c r="C84390" s="14" t="s">
        <v>51</v>
      </c>
      <c r="D84390" s="14" t="s">
        <v>398</v>
      </c>
      <c r="E84390" s="15">
        <v>45451</v>
      </c>
      <c r="F84390" s="14" t="s">
        <v>53</v>
      </c>
      <c r="G84390" s="16">
        <v>0</v>
      </c>
    </row>
    <row r="84391" spans="1:7" x14ac:dyDescent="0.3">
      <c r="A84391" s="13" t="s">
        <v>425</v>
      </c>
      <c r="B84391" s="14" t="s">
        <v>1</v>
      </c>
      <c r="C84391" s="14" t="s">
        <v>51</v>
      </c>
      <c r="D84391" s="14" t="s">
        <v>398</v>
      </c>
      <c r="E84391" s="15">
        <v>45452</v>
      </c>
      <c r="F84391" s="14" t="s">
        <v>53</v>
      </c>
      <c r="G84391" s="16">
        <v>0</v>
      </c>
    </row>
    <row r="84392" spans="1:7" x14ac:dyDescent="0.3">
      <c r="A84392" s="13" t="s">
        <v>425</v>
      </c>
      <c r="B84392" s="14" t="s">
        <v>1</v>
      </c>
      <c r="C84392" s="14" t="s">
        <v>51</v>
      </c>
      <c r="D84392" s="14" t="s">
        <v>398</v>
      </c>
      <c r="E84392" s="15">
        <v>45453</v>
      </c>
      <c r="F84392" s="14" t="s">
        <v>53</v>
      </c>
      <c r="G84392" s="16">
        <v>0</v>
      </c>
    </row>
    <row r="84393" spans="1:7" x14ac:dyDescent="0.3">
      <c r="A84393" s="13" t="s">
        <v>425</v>
      </c>
      <c r="B84393" s="14" t="s">
        <v>1</v>
      </c>
      <c r="C84393" s="14" t="s">
        <v>51</v>
      </c>
      <c r="D84393" s="14" t="s">
        <v>398</v>
      </c>
      <c r="E84393" s="15">
        <v>45454</v>
      </c>
      <c r="F84393" s="14" t="s">
        <v>53</v>
      </c>
      <c r="G84393" s="16">
        <v>0</v>
      </c>
    </row>
    <row r="84394" spans="1:7" x14ac:dyDescent="0.3">
      <c r="A84394" s="13" t="s">
        <v>425</v>
      </c>
      <c r="B84394" s="14" t="s">
        <v>1</v>
      </c>
      <c r="C84394" s="14" t="s">
        <v>51</v>
      </c>
      <c r="D84394" s="14" t="s">
        <v>398</v>
      </c>
      <c r="E84394" s="15">
        <v>45455</v>
      </c>
      <c r="F84394" s="14" t="s">
        <v>53</v>
      </c>
      <c r="G84394" s="16">
        <v>0</v>
      </c>
    </row>
    <row r="84395" spans="1:7" x14ac:dyDescent="0.3">
      <c r="A84395" s="13" t="s">
        <v>425</v>
      </c>
      <c r="B84395" s="14" t="s">
        <v>1</v>
      </c>
      <c r="C84395" s="14" t="s">
        <v>51</v>
      </c>
      <c r="D84395" s="14" t="s">
        <v>398</v>
      </c>
      <c r="E84395" s="15">
        <v>45456</v>
      </c>
      <c r="F84395" s="14" t="s">
        <v>53</v>
      </c>
      <c r="G84395" s="16">
        <v>0</v>
      </c>
    </row>
    <row r="84396" spans="1:7" x14ac:dyDescent="0.3">
      <c r="A84396" s="13" t="s">
        <v>425</v>
      </c>
      <c r="B84396" s="14" t="s">
        <v>1</v>
      </c>
      <c r="C84396" s="14" t="s">
        <v>51</v>
      </c>
      <c r="D84396" s="14" t="s">
        <v>398</v>
      </c>
      <c r="E84396" s="15">
        <v>45457</v>
      </c>
      <c r="F84396" s="14" t="s">
        <v>53</v>
      </c>
      <c r="G84396" s="16">
        <v>0</v>
      </c>
    </row>
    <row r="84397" spans="1:7" x14ac:dyDescent="0.3">
      <c r="A84397" s="13" t="s">
        <v>425</v>
      </c>
      <c r="B84397" s="14" t="s">
        <v>1</v>
      </c>
      <c r="C84397" s="14" t="s">
        <v>51</v>
      </c>
      <c r="D84397" s="14" t="s">
        <v>398</v>
      </c>
      <c r="E84397" s="15">
        <v>45458</v>
      </c>
      <c r="F84397" s="14" t="s">
        <v>53</v>
      </c>
      <c r="G84397" s="16">
        <v>0</v>
      </c>
    </row>
    <row r="84398" spans="1:7" x14ac:dyDescent="0.3">
      <c r="A84398" s="13" t="s">
        <v>425</v>
      </c>
      <c r="B84398" s="14" t="s">
        <v>1</v>
      </c>
      <c r="C84398" s="14" t="s">
        <v>51</v>
      </c>
      <c r="D84398" s="14" t="s">
        <v>398</v>
      </c>
      <c r="E84398" s="15">
        <v>45459</v>
      </c>
      <c r="F84398" s="14" t="s">
        <v>53</v>
      </c>
      <c r="G84398" s="16">
        <v>0</v>
      </c>
    </row>
    <row r="84399" spans="1:7" x14ac:dyDescent="0.3">
      <c r="A84399" s="13" t="s">
        <v>425</v>
      </c>
      <c r="B84399" s="14" t="s">
        <v>1</v>
      </c>
      <c r="C84399" s="14" t="s">
        <v>51</v>
      </c>
      <c r="D84399" s="14" t="s">
        <v>398</v>
      </c>
      <c r="E84399" s="15">
        <v>45460</v>
      </c>
      <c r="F84399" s="14" t="s">
        <v>53</v>
      </c>
      <c r="G84399" s="16">
        <v>0</v>
      </c>
    </row>
    <row r="84400" spans="1:7" x14ac:dyDescent="0.3">
      <c r="A84400" s="13" t="s">
        <v>425</v>
      </c>
      <c r="B84400" s="14" t="s">
        <v>1</v>
      </c>
      <c r="C84400" s="14" t="s">
        <v>51</v>
      </c>
      <c r="D84400" s="14" t="s">
        <v>398</v>
      </c>
      <c r="E84400" s="15">
        <v>45461</v>
      </c>
      <c r="F84400" s="14" t="s">
        <v>53</v>
      </c>
      <c r="G84400" s="16">
        <v>0</v>
      </c>
    </row>
    <row r="84401" spans="1:7" x14ac:dyDescent="0.3">
      <c r="A84401" s="13" t="s">
        <v>425</v>
      </c>
      <c r="B84401" s="14" t="s">
        <v>1</v>
      </c>
      <c r="C84401" s="14" t="s">
        <v>51</v>
      </c>
      <c r="D84401" s="14" t="s">
        <v>398</v>
      </c>
      <c r="E84401" s="15">
        <v>45462</v>
      </c>
      <c r="F84401" s="14" t="s">
        <v>53</v>
      </c>
      <c r="G84401" s="16">
        <v>0</v>
      </c>
    </row>
    <row r="84402" spans="1:7" x14ac:dyDescent="0.3">
      <c r="A84402" s="13" t="s">
        <v>425</v>
      </c>
      <c r="B84402" s="14" t="s">
        <v>1</v>
      </c>
      <c r="C84402" s="14" t="s">
        <v>51</v>
      </c>
      <c r="D84402" s="14" t="s">
        <v>398</v>
      </c>
      <c r="E84402" s="15">
        <v>45463</v>
      </c>
      <c r="F84402" s="14" t="s">
        <v>53</v>
      </c>
      <c r="G84402" s="16">
        <v>0</v>
      </c>
    </row>
    <row r="84403" spans="1:7" x14ac:dyDescent="0.3">
      <c r="A84403" s="13" t="s">
        <v>425</v>
      </c>
      <c r="B84403" s="14" t="s">
        <v>1</v>
      </c>
      <c r="C84403" s="14" t="s">
        <v>51</v>
      </c>
      <c r="D84403" s="14" t="s">
        <v>398</v>
      </c>
      <c r="E84403" s="15">
        <v>45464</v>
      </c>
      <c r="F84403" s="14" t="s">
        <v>53</v>
      </c>
      <c r="G84403" s="16">
        <v>0</v>
      </c>
    </row>
    <row r="84404" spans="1:7" x14ac:dyDescent="0.3">
      <c r="A84404" s="13" t="s">
        <v>425</v>
      </c>
      <c r="B84404" s="14" t="s">
        <v>1</v>
      </c>
      <c r="C84404" s="14" t="s">
        <v>51</v>
      </c>
      <c r="D84404" s="14" t="s">
        <v>398</v>
      </c>
      <c r="E84404" s="15">
        <v>45465</v>
      </c>
      <c r="F84404" s="14" t="s">
        <v>53</v>
      </c>
      <c r="G84404" s="16">
        <v>0</v>
      </c>
    </row>
    <row r="84405" spans="1:7" x14ac:dyDescent="0.3">
      <c r="A84405" s="13" t="s">
        <v>425</v>
      </c>
      <c r="B84405" s="14" t="s">
        <v>1</v>
      </c>
      <c r="C84405" s="14" t="s">
        <v>51</v>
      </c>
      <c r="D84405" s="14" t="s">
        <v>398</v>
      </c>
      <c r="E84405" s="15">
        <v>45466</v>
      </c>
      <c r="F84405" s="14" t="s">
        <v>53</v>
      </c>
      <c r="G84405" s="16">
        <v>0</v>
      </c>
    </row>
    <row r="84406" spans="1:7" x14ac:dyDescent="0.3">
      <c r="A84406" s="13" t="s">
        <v>425</v>
      </c>
      <c r="B84406" s="14" t="s">
        <v>1</v>
      </c>
      <c r="C84406" s="14" t="s">
        <v>51</v>
      </c>
      <c r="D84406" s="14" t="s">
        <v>398</v>
      </c>
      <c r="E84406" s="15">
        <v>45467</v>
      </c>
      <c r="F84406" s="14" t="s">
        <v>53</v>
      </c>
      <c r="G84406" s="16">
        <v>0</v>
      </c>
    </row>
    <row r="84407" spans="1:7" x14ac:dyDescent="0.3">
      <c r="A84407" s="13" t="s">
        <v>425</v>
      </c>
      <c r="B84407" s="14" t="s">
        <v>1</v>
      </c>
      <c r="C84407" s="14" t="s">
        <v>51</v>
      </c>
      <c r="D84407" s="14" t="s">
        <v>398</v>
      </c>
      <c r="E84407" s="15">
        <v>45468</v>
      </c>
      <c r="F84407" s="14" t="s">
        <v>53</v>
      </c>
      <c r="G84407" s="16">
        <v>0</v>
      </c>
    </row>
    <row r="84408" spans="1:7" x14ac:dyDescent="0.3">
      <c r="A84408" s="13" t="s">
        <v>425</v>
      </c>
      <c r="B84408" s="14" t="s">
        <v>1</v>
      </c>
      <c r="C84408" s="14" t="s">
        <v>51</v>
      </c>
      <c r="D84408" s="14" t="s">
        <v>398</v>
      </c>
      <c r="E84408" s="15">
        <v>45469</v>
      </c>
      <c r="F84408" s="14" t="s">
        <v>53</v>
      </c>
      <c r="G84408" s="16">
        <v>0</v>
      </c>
    </row>
    <row r="84409" spans="1:7" x14ac:dyDescent="0.3">
      <c r="A84409" s="13" t="s">
        <v>425</v>
      </c>
      <c r="B84409" s="14" t="s">
        <v>1</v>
      </c>
      <c r="C84409" s="14" t="s">
        <v>51</v>
      </c>
      <c r="D84409" s="14" t="s">
        <v>398</v>
      </c>
      <c r="E84409" s="15">
        <v>45470</v>
      </c>
      <c r="F84409" s="14" t="s">
        <v>53</v>
      </c>
      <c r="G84409" s="16">
        <v>0</v>
      </c>
    </row>
    <row r="84410" spans="1:7" x14ac:dyDescent="0.3">
      <c r="A84410" s="13" t="s">
        <v>425</v>
      </c>
      <c r="B84410" s="14" t="s">
        <v>1</v>
      </c>
      <c r="C84410" s="14" t="s">
        <v>51</v>
      </c>
      <c r="D84410" s="14" t="s">
        <v>398</v>
      </c>
      <c r="E84410" s="15">
        <v>45471</v>
      </c>
      <c r="F84410" s="14" t="s">
        <v>53</v>
      </c>
      <c r="G84410" s="16">
        <v>0</v>
      </c>
    </row>
    <row r="84411" spans="1:7" x14ac:dyDescent="0.3">
      <c r="A84411" s="13" t="s">
        <v>425</v>
      </c>
      <c r="B84411" s="14" t="s">
        <v>1</v>
      </c>
      <c r="C84411" s="14" t="s">
        <v>51</v>
      </c>
      <c r="D84411" s="14" t="s">
        <v>398</v>
      </c>
      <c r="E84411" s="15">
        <v>45472</v>
      </c>
      <c r="F84411" s="14" t="s">
        <v>53</v>
      </c>
      <c r="G84411" s="16">
        <v>0</v>
      </c>
    </row>
    <row r="84412" spans="1:7" x14ac:dyDescent="0.3">
      <c r="A84412" s="13" t="s">
        <v>425</v>
      </c>
      <c r="B84412" s="14" t="s">
        <v>1</v>
      </c>
      <c r="C84412" s="14" t="s">
        <v>51</v>
      </c>
      <c r="D84412" s="14" t="s">
        <v>398</v>
      </c>
      <c r="E84412" s="15">
        <v>45473</v>
      </c>
      <c r="F84412" s="14" t="s">
        <v>53</v>
      </c>
      <c r="G84412" s="16">
        <v>0</v>
      </c>
    </row>
    <row r="84413" spans="1:7" x14ac:dyDescent="0.3">
      <c r="A84413" s="13" t="s">
        <v>425</v>
      </c>
      <c r="B84413" s="14" t="s">
        <v>1</v>
      </c>
      <c r="C84413" s="14" t="s">
        <v>51</v>
      </c>
      <c r="D84413" s="14" t="s">
        <v>398</v>
      </c>
      <c r="E84413" s="15">
        <v>45474</v>
      </c>
      <c r="F84413" s="14" t="s">
        <v>53</v>
      </c>
      <c r="G84413" s="16">
        <v>0</v>
      </c>
    </row>
    <row r="84414" spans="1:7" x14ac:dyDescent="0.3">
      <c r="A84414" s="13" t="s">
        <v>425</v>
      </c>
      <c r="B84414" s="14" t="s">
        <v>1</v>
      </c>
      <c r="C84414" s="14" t="s">
        <v>51</v>
      </c>
      <c r="D84414" s="14" t="s">
        <v>398</v>
      </c>
      <c r="E84414" s="15">
        <v>45475</v>
      </c>
      <c r="F84414" s="14" t="s">
        <v>53</v>
      </c>
      <c r="G84414" s="16">
        <v>0</v>
      </c>
    </row>
    <row r="84415" spans="1:7" x14ac:dyDescent="0.3">
      <c r="A84415" s="13" t="s">
        <v>425</v>
      </c>
      <c r="B84415" s="14" t="s">
        <v>1</v>
      </c>
      <c r="C84415" s="14" t="s">
        <v>51</v>
      </c>
      <c r="D84415" s="14" t="s">
        <v>398</v>
      </c>
      <c r="E84415" s="15">
        <v>45476</v>
      </c>
      <c r="F84415" s="14" t="s">
        <v>53</v>
      </c>
      <c r="G84415" s="16">
        <v>0</v>
      </c>
    </row>
    <row r="84416" spans="1:7" x14ac:dyDescent="0.3">
      <c r="A84416" s="13" t="s">
        <v>425</v>
      </c>
      <c r="B84416" s="14" t="s">
        <v>1</v>
      </c>
      <c r="C84416" s="14" t="s">
        <v>51</v>
      </c>
      <c r="D84416" s="14" t="s">
        <v>398</v>
      </c>
      <c r="E84416" s="15">
        <v>45477</v>
      </c>
      <c r="F84416" s="14" t="s">
        <v>53</v>
      </c>
      <c r="G84416" s="16">
        <v>0</v>
      </c>
    </row>
    <row r="84417" spans="1:7" x14ac:dyDescent="0.3">
      <c r="A84417" s="13" t="s">
        <v>425</v>
      </c>
      <c r="B84417" s="14" t="s">
        <v>1</v>
      </c>
      <c r="C84417" s="14" t="s">
        <v>51</v>
      </c>
      <c r="D84417" s="14" t="s">
        <v>398</v>
      </c>
      <c r="E84417" s="15">
        <v>45478</v>
      </c>
      <c r="F84417" s="14" t="s">
        <v>53</v>
      </c>
      <c r="G84417" s="16">
        <v>0</v>
      </c>
    </row>
    <row r="84418" spans="1:7" x14ac:dyDescent="0.3">
      <c r="A84418" s="13" t="s">
        <v>425</v>
      </c>
      <c r="B84418" s="14" t="s">
        <v>1</v>
      </c>
      <c r="C84418" s="14" t="s">
        <v>51</v>
      </c>
      <c r="D84418" s="14" t="s">
        <v>398</v>
      </c>
      <c r="E84418" s="15">
        <v>45479</v>
      </c>
      <c r="F84418" s="14" t="s">
        <v>53</v>
      </c>
      <c r="G84418" s="16">
        <v>0</v>
      </c>
    </row>
    <row r="84419" spans="1:7" x14ac:dyDescent="0.3">
      <c r="A84419" s="13" t="s">
        <v>425</v>
      </c>
      <c r="B84419" s="14" t="s">
        <v>1</v>
      </c>
      <c r="C84419" s="14" t="s">
        <v>51</v>
      </c>
      <c r="D84419" s="14" t="s">
        <v>398</v>
      </c>
      <c r="E84419" s="15">
        <v>45480</v>
      </c>
      <c r="F84419" s="14" t="s">
        <v>53</v>
      </c>
      <c r="G84419" s="16">
        <v>0</v>
      </c>
    </row>
    <row r="84420" spans="1:7" x14ac:dyDescent="0.3">
      <c r="A84420" s="13" t="s">
        <v>425</v>
      </c>
      <c r="B84420" s="14" t="s">
        <v>1</v>
      </c>
      <c r="C84420" s="14" t="s">
        <v>51</v>
      </c>
      <c r="D84420" s="14" t="s">
        <v>398</v>
      </c>
      <c r="E84420" s="15">
        <v>45481</v>
      </c>
      <c r="F84420" s="14" t="s">
        <v>53</v>
      </c>
      <c r="G84420" s="16">
        <v>0</v>
      </c>
    </row>
    <row r="84421" spans="1:7" x14ac:dyDescent="0.3">
      <c r="A84421" s="13" t="s">
        <v>425</v>
      </c>
      <c r="B84421" s="14" t="s">
        <v>1</v>
      </c>
      <c r="C84421" s="14" t="s">
        <v>51</v>
      </c>
      <c r="D84421" s="14" t="s">
        <v>398</v>
      </c>
      <c r="E84421" s="15">
        <v>45482</v>
      </c>
      <c r="F84421" s="14" t="s">
        <v>53</v>
      </c>
      <c r="G84421" s="16">
        <v>0</v>
      </c>
    </row>
    <row r="84422" spans="1:7" x14ac:dyDescent="0.3">
      <c r="A84422" s="13" t="s">
        <v>425</v>
      </c>
      <c r="B84422" s="14" t="s">
        <v>1</v>
      </c>
      <c r="C84422" s="14" t="s">
        <v>51</v>
      </c>
      <c r="D84422" s="14" t="s">
        <v>398</v>
      </c>
      <c r="E84422" s="15">
        <v>45483</v>
      </c>
      <c r="F84422" s="14" t="s">
        <v>53</v>
      </c>
      <c r="G84422" s="16">
        <v>0</v>
      </c>
    </row>
    <row r="84423" spans="1:7" x14ac:dyDescent="0.3">
      <c r="A84423" s="13" t="s">
        <v>425</v>
      </c>
      <c r="B84423" s="14" t="s">
        <v>1</v>
      </c>
      <c r="C84423" s="14" t="s">
        <v>51</v>
      </c>
      <c r="D84423" s="14" t="s">
        <v>398</v>
      </c>
      <c r="E84423" s="15">
        <v>45484</v>
      </c>
      <c r="F84423" s="14" t="s">
        <v>53</v>
      </c>
      <c r="G84423" s="16">
        <v>0</v>
      </c>
    </row>
    <row r="84424" spans="1:7" x14ac:dyDescent="0.3">
      <c r="A84424" s="13" t="s">
        <v>425</v>
      </c>
      <c r="B84424" s="14" t="s">
        <v>1</v>
      </c>
      <c r="C84424" s="14" t="s">
        <v>51</v>
      </c>
      <c r="D84424" s="14" t="s">
        <v>398</v>
      </c>
      <c r="E84424" s="15">
        <v>45485</v>
      </c>
      <c r="F84424" s="14" t="s">
        <v>53</v>
      </c>
      <c r="G84424" s="16">
        <v>0</v>
      </c>
    </row>
    <row r="84425" spans="1:7" x14ac:dyDescent="0.3">
      <c r="A84425" s="13" t="s">
        <v>425</v>
      </c>
      <c r="B84425" s="14" t="s">
        <v>1</v>
      </c>
      <c r="C84425" s="14" t="s">
        <v>51</v>
      </c>
      <c r="D84425" s="14" t="s">
        <v>398</v>
      </c>
      <c r="E84425" s="15">
        <v>45486</v>
      </c>
      <c r="F84425" s="14" t="s">
        <v>53</v>
      </c>
      <c r="G84425" s="16">
        <v>0</v>
      </c>
    </row>
    <row r="84426" spans="1:7" x14ac:dyDescent="0.3">
      <c r="A84426" s="13" t="s">
        <v>425</v>
      </c>
      <c r="B84426" s="14" t="s">
        <v>1</v>
      </c>
      <c r="C84426" s="14" t="s">
        <v>51</v>
      </c>
      <c r="D84426" s="14" t="s">
        <v>398</v>
      </c>
      <c r="E84426" s="15">
        <v>45487</v>
      </c>
      <c r="F84426" s="14" t="s">
        <v>53</v>
      </c>
      <c r="G84426" s="16">
        <v>0</v>
      </c>
    </row>
    <row r="84427" spans="1:7" x14ac:dyDescent="0.3">
      <c r="A84427" s="13" t="s">
        <v>425</v>
      </c>
      <c r="B84427" s="14" t="s">
        <v>1</v>
      </c>
      <c r="C84427" s="14" t="s">
        <v>51</v>
      </c>
      <c r="D84427" s="14" t="s">
        <v>398</v>
      </c>
      <c r="E84427" s="15">
        <v>45488</v>
      </c>
      <c r="F84427" s="14" t="s">
        <v>53</v>
      </c>
      <c r="G84427" s="16">
        <v>0</v>
      </c>
    </row>
    <row r="84428" spans="1:7" x14ac:dyDescent="0.3">
      <c r="A84428" s="13" t="s">
        <v>425</v>
      </c>
      <c r="B84428" s="14" t="s">
        <v>1</v>
      </c>
      <c r="C84428" s="14" t="s">
        <v>51</v>
      </c>
      <c r="D84428" s="14" t="s">
        <v>398</v>
      </c>
      <c r="E84428" s="15">
        <v>45489</v>
      </c>
      <c r="F84428" s="14" t="s">
        <v>53</v>
      </c>
      <c r="G84428" s="16">
        <v>0</v>
      </c>
    </row>
    <row r="84429" spans="1:7" x14ac:dyDescent="0.3">
      <c r="A84429" s="13" t="s">
        <v>425</v>
      </c>
      <c r="B84429" s="14" t="s">
        <v>1</v>
      </c>
      <c r="C84429" s="14" t="s">
        <v>51</v>
      </c>
      <c r="D84429" s="14" t="s">
        <v>398</v>
      </c>
      <c r="E84429" s="15">
        <v>45490</v>
      </c>
      <c r="F84429" s="14" t="s">
        <v>53</v>
      </c>
      <c r="G84429" s="16">
        <v>0</v>
      </c>
    </row>
    <row r="84430" spans="1:7" x14ac:dyDescent="0.3">
      <c r="A84430" s="13" t="s">
        <v>425</v>
      </c>
      <c r="B84430" s="14" t="s">
        <v>1</v>
      </c>
      <c r="C84430" s="14" t="s">
        <v>51</v>
      </c>
      <c r="D84430" s="14" t="s">
        <v>398</v>
      </c>
      <c r="E84430" s="15">
        <v>45491</v>
      </c>
      <c r="F84430" s="14" t="s">
        <v>53</v>
      </c>
      <c r="G84430" s="16">
        <v>0</v>
      </c>
    </row>
    <row r="84431" spans="1:7" x14ac:dyDescent="0.3">
      <c r="A84431" s="13" t="s">
        <v>425</v>
      </c>
      <c r="B84431" s="14" t="s">
        <v>1</v>
      </c>
      <c r="C84431" s="14" t="s">
        <v>51</v>
      </c>
      <c r="D84431" s="14" t="s">
        <v>398</v>
      </c>
      <c r="E84431" s="15">
        <v>45492</v>
      </c>
      <c r="F84431" s="14" t="s">
        <v>53</v>
      </c>
      <c r="G84431" s="16">
        <v>0</v>
      </c>
    </row>
    <row r="84432" spans="1:7" x14ac:dyDescent="0.3">
      <c r="A84432" s="13" t="s">
        <v>425</v>
      </c>
      <c r="B84432" s="14" t="s">
        <v>1</v>
      </c>
      <c r="C84432" s="14" t="s">
        <v>51</v>
      </c>
      <c r="D84432" s="14" t="s">
        <v>398</v>
      </c>
      <c r="E84432" s="15">
        <v>45493</v>
      </c>
      <c r="F84432" s="14" t="s">
        <v>53</v>
      </c>
      <c r="G84432" s="16">
        <v>0</v>
      </c>
    </row>
    <row r="84433" spans="1:7" x14ac:dyDescent="0.3">
      <c r="A84433" s="13" t="s">
        <v>425</v>
      </c>
      <c r="B84433" s="14" t="s">
        <v>1</v>
      </c>
      <c r="C84433" s="14" t="s">
        <v>51</v>
      </c>
      <c r="D84433" s="14" t="s">
        <v>398</v>
      </c>
      <c r="E84433" s="15">
        <v>45494</v>
      </c>
      <c r="F84433" s="14" t="s">
        <v>53</v>
      </c>
      <c r="G84433" s="16">
        <v>0</v>
      </c>
    </row>
    <row r="84434" spans="1:7" x14ac:dyDescent="0.3">
      <c r="A84434" s="13" t="s">
        <v>425</v>
      </c>
      <c r="B84434" s="14" t="s">
        <v>1</v>
      </c>
      <c r="C84434" s="14" t="s">
        <v>51</v>
      </c>
      <c r="D84434" s="14" t="s">
        <v>398</v>
      </c>
      <c r="E84434" s="15">
        <v>45495</v>
      </c>
      <c r="F84434" s="14" t="s">
        <v>53</v>
      </c>
      <c r="G84434" s="16">
        <v>0</v>
      </c>
    </row>
    <row r="84435" spans="1:7" x14ac:dyDescent="0.3">
      <c r="A84435" s="13" t="s">
        <v>425</v>
      </c>
      <c r="B84435" s="14" t="s">
        <v>1</v>
      </c>
      <c r="C84435" s="14" t="s">
        <v>51</v>
      </c>
      <c r="D84435" s="14" t="s">
        <v>398</v>
      </c>
      <c r="E84435" s="15">
        <v>45496</v>
      </c>
      <c r="F84435" s="14" t="s">
        <v>53</v>
      </c>
      <c r="G84435" s="16">
        <v>0</v>
      </c>
    </row>
    <row r="84436" spans="1:7" x14ac:dyDescent="0.3">
      <c r="A84436" s="13" t="s">
        <v>425</v>
      </c>
      <c r="B84436" s="14" t="s">
        <v>1</v>
      </c>
      <c r="C84436" s="14" t="s">
        <v>51</v>
      </c>
      <c r="D84436" s="14" t="s">
        <v>398</v>
      </c>
      <c r="E84436" s="15">
        <v>45497</v>
      </c>
      <c r="F84436" s="14" t="s">
        <v>53</v>
      </c>
      <c r="G84436" s="16">
        <v>0</v>
      </c>
    </row>
    <row r="84437" spans="1:7" x14ac:dyDescent="0.3">
      <c r="A84437" s="13" t="s">
        <v>425</v>
      </c>
      <c r="B84437" s="14" t="s">
        <v>1</v>
      </c>
      <c r="C84437" s="14" t="s">
        <v>51</v>
      </c>
      <c r="D84437" s="14" t="s">
        <v>398</v>
      </c>
      <c r="E84437" s="15">
        <v>45498</v>
      </c>
      <c r="F84437" s="14" t="s">
        <v>53</v>
      </c>
      <c r="G84437" s="16">
        <v>0</v>
      </c>
    </row>
    <row r="84438" spans="1:7" x14ac:dyDescent="0.3">
      <c r="A84438" s="13" t="s">
        <v>425</v>
      </c>
      <c r="B84438" s="14" t="s">
        <v>1</v>
      </c>
      <c r="C84438" s="14" t="s">
        <v>51</v>
      </c>
      <c r="D84438" s="14" t="s">
        <v>398</v>
      </c>
      <c r="E84438" s="15">
        <v>45499</v>
      </c>
      <c r="F84438" s="14" t="s">
        <v>53</v>
      </c>
      <c r="G84438" s="16">
        <v>0</v>
      </c>
    </row>
    <row r="84439" spans="1:7" x14ac:dyDescent="0.3">
      <c r="A84439" s="13" t="s">
        <v>425</v>
      </c>
      <c r="B84439" s="14" t="s">
        <v>1</v>
      </c>
      <c r="C84439" s="14" t="s">
        <v>51</v>
      </c>
      <c r="D84439" s="14" t="s">
        <v>398</v>
      </c>
      <c r="E84439" s="15">
        <v>45500</v>
      </c>
      <c r="F84439" s="14" t="s">
        <v>53</v>
      </c>
      <c r="G84439" s="16">
        <v>0</v>
      </c>
    </row>
    <row r="84440" spans="1:7" x14ac:dyDescent="0.3">
      <c r="A84440" s="13" t="s">
        <v>425</v>
      </c>
      <c r="B84440" s="14" t="s">
        <v>1</v>
      </c>
      <c r="C84440" s="14" t="s">
        <v>51</v>
      </c>
      <c r="D84440" s="14" t="s">
        <v>398</v>
      </c>
      <c r="E84440" s="15">
        <v>45501</v>
      </c>
      <c r="F84440" s="14" t="s">
        <v>53</v>
      </c>
      <c r="G84440" s="16">
        <v>0</v>
      </c>
    </row>
    <row r="84441" spans="1:7" x14ac:dyDescent="0.3">
      <c r="A84441" s="13" t="s">
        <v>425</v>
      </c>
      <c r="B84441" s="14" t="s">
        <v>1</v>
      </c>
      <c r="C84441" s="14" t="s">
        <v>51</v>
      </c>
      <c r="D84441" s="14" t="s">
        <v>398</v>
      </c>
      <c r="E84441" s="15">
        <v>45502</v>
      </c>
      <c r="F84441" s="14" t="s">
        <v>53</v>
      </c>
      <c r="G84441" s="16">
        <v>0</v>
      </c>
    </row>
    <row r="84442" spans="1:7" x14ac:dyDescent="0.3">
      <c r="A84442" s="13" t="s">
        <v>425</v>
      </c>
      <c r="B84442" s="14" t="s">
        <v>1</v>
      </c>
      <c r="C84442" s="14" t="s">
        <v>51</v>
      </c>
      <c r="D84442" s="14" t="s">
        <v>398</v>
      </c>
      <c r="E84442" s="15">
        <v>45503</v>
      </c>
      <c r="F84442" s="14" t="s">
        <v>53</v>
      </c>
      <c r="G84442" s="16">
        <v>0</v>
      </c>
    </row>
    <row r="84443" spans="1:7" x14ac:dyDescent="0.3">
      <c r="A84443" s="13" t="s">
        <v>425</v>
      </c>
      <c r="B84443" s="14" t="s">
        <v>1</v>
      </c>
      <c r="C84443" s="14" t="s">
        <v>51</v>
      </c>
      <c r="D84443" s="14" t="s">
        <v>398</v>
      </c>
      <c r="E84443" s="15">
        <v>45504</v>
      </c>
      <c r="F84443" s="14" t="s">
        <v>53</v>
      </c>
      <c r="G84443" s="16">
        <v>0</v>
      </c>
    </row>
    <row r="84444" spans="1:7" x14ac:dyDescent="0.3">
      <c r="A84444" s="13" t="s">
        <v>425</v>
      </c>
      <c r="B84444" s="14" t="s">
        <v>1</v>
      </c>
      <c r="C84444" s="14" t="s">
        <v>51</v>
      </c>
      <c r="D84444" s="14" t="s">
        <v>398</v>
      </c>
      <c r="E84444" s="15">
        <v>45505</v>
      </c>
      <c r="F84444" s="14" t="s">
        <v>53</v>
      </c>
      <c r="G84444" s="16">
        <v>0</v>
      </c>
    </row>
    <row r="84445" spans="1:7" x14ac:dyDescent="0.3">
      <c r="A84445" s="13" t="s">
        <v>425</v>
      </c>
      <c r="B84445" s="14" t="s">
        <v>1</v>
      </c>
      <c r="C84445" s="14" t="s">
        <v>51</v>
      </c>
      <c r="D84445" s="14" t="s">
        <v>398</v>
      </c>
      <c r="E84445" s="15">
        <v>45506</v>
      </c>
      <c r="F84445" s="14" t="s">
        <v>53</v>
      </c>
      <c r="G84445" s="16">
        <v>0</v>
      </c>
    </row>
    <row r="84446" spans="1:7" x14ac:dyDescent="0.3">
      <c r="A84446" s="13" t="s">
        <v>425</v>
      </c>
      <c r="B84446" s="14" t="s">
        <v>1</v>
      </c>
      <c r="C84446" s="14" t="s">
        <v>51</v>
      </c>
      <c r="D84446" s="14" t="s">
        <v>398</v>
      </c>
      <c r="E84446" s="15">
        <v>45507</v>
      </c>
      <c r="F84446" s="14" t="s">
        <v>53</v>
      </c>
      <c r="G84446" s="16">
        <v>0</v>
      </c>
    </row>
    <row r="84447" spans="1:7" x14ac:dyDescent="0.3">
      <c r="A84447" s="13" t="s">
        <v>425</v>
      </c>
      <c r="B84447" s="14" t="s">
        <v>1</v>
      </c>
      <c r="C84447" s="14" t="s">
        <v>51</v>
      </c>
      <c r="D84447" s="14" t="s">
        <v>398</v>
      </c>
      <c r="E84447" s="15">
        <v>45508</v>
      </c>
      <c r="F84447" s="14" t="s">
        <v>53</v>
      </c>
      <c r="G84447" s="16">
        <v>0</v>
      </c>
    </row>
    <row r="84448" spans="1:7" x14ac:dyDescent="0.3">
      <c r="A84448" s="13" t="s">
        <v>425</v>
      </c>
      <c r="B84448" s="14" t="s">
        <v>1</v>
      </c>
      <c r="C84448" s="14" t="s">
        <v>51</v>
      </c>
      <c r="D84448" s="14" t="s">
        <v>398</v>
      </c>
      <c r="E84448" s="15">
        <v>45509</v>
      </c>
      <c r="F84448" s="14" t="s">
        <v>53</v>
      </c>
      <c r="G84448" s="16">
        <v>0</v>
      </c>
    </row>
    <row r="84449" spans="1:7" x14ac:dyDescent="0.3">
      <c r="A84449" s="13" t="s">
        <v>425</v>
      </c>
      <c r="B84449" s="14" t="s">
        <v>1</v>
      </c>
      <c r="C84449" s="14" t="s">
        <v>51</v>
      </c>
      <c r="D84449" s="14" t="s">
        <v>398</v>
      </c>
      <c r="E84449" s="15">
        <v>45510</v>
      </c>
      <c r="F84449" s="14" t="s">
        <v>53</v>
      </c>
      <c r="G84449" s="16">
        <v>0</v>
      </c>
    </row>
    <row r="84450" spans="1:7" x14ac:dyDescent="0.3">
      <c r="A84450" s="13" t="s">
        <v>425</v>
      </c>
      <c r="B84450" s="14" t="s">
        <v>1</v>
      </c>
      <c r="C84450" s="14" t="s">
        <v>51</v>
      </c>
      <c r="D84450" s="14" t="s">
        <v>398</v>
      </c>
      <c r="E84450" s="15">
        <v>45511</v>
      </c>
      <c r="F84450" s="14" t="s">
        <v>53</v>
      </c>
      <c r="G84450" s="16">
        <v>0</v>
      </c>
    </row>
    <row r="84451" spans="1:7" x14ac:dyDescent="0.3">
      <c r="A84451" s="13" t="s">
        <v>425</v>
      </c>
      <c r="B84451" s="14" t="s">
        <v>1</v>
      </c>
      <c r="C84451" s="14" t="s">
        <v>51</v>
      </c>
      <c r="D84451" s="14" t="s">
        <v>398</v>
      </c>
      <c r="E84451" s="15">
        <v>45512</v>
      </c>
      <c r="F84451" s="14" t="s">
        <v>53</v>
      </c>
      <c r="G84451" s="16">
        <v>0</v>
      </c>
    </row>
    <row r="84452" spans="1:7" x14ac:dyDescent="0.3">
      <c r="A84452" s="13" t="s">
        <v>425</v>
      </c>
      <c r="B84452" s="14" t="s">
        <v>1</v>
      </c>
      <c r="C84452" s="14" t="s">
        <v>51</v>
      </c>
      <c r="D84452" s="14" t="s">
        <v>398</v>
      </c>
      <c r="E84452" s="15">
        <v>45513</v>
      </c>
      <c r="F84452" s="14" t="s">
        <v>53</v>
      </c>
      <c r="G84452" s="16">
        <v>0</v>
      </c>
    </row>
    <row r="84453" spans="1:7" x14ac:dyDescent="0.3">
      <c r="A84453" s="13" t="s">
        <v>425</v>
      </c>
      <c r="B84453" s="14" t="s">
        <v>1</v>
      </c>
      <c r="C84453" s="14" t="s">
        <v>51</v>
      </c>
      <c r="D84453" s="14" t="s">
        <v>398</v>
      </c>
      <c r="E84453" s="15">
        <v>45514</v>
      </c>
      <c r="F84453" s="14" t="s">
        <v>53</v>
      </c>
      <c r="G84453" s="16">
        <v>0</v>
      </c>
    </row>
    <row r="84454" spans="1:7" x14ac:dyDescent="0.3">
      <c r="A84454" s="13" t="s">
        <v>425</v>
      </c>
      <c r="B84454" s="14" t="s">
        <v>1</v>
      </c>
      <c r="C84454" s="14" t="s">
        <v>51</v>
      </c>
      <c r="D84454" s="14" t="s">
        <v>398</v>
      </c>
      <c r="E84454" s="15">
        <v>45515</v>
      </c>
      <c r="F84454" s="14" t="s">
        <v>53</v>
      </c>
      <c r="G84454" s="16">
        <v>0</v>
      </c>
    </row>
    <row r="84455" spans="1:7" x14ac:dyDescent="0.3">
      <c r="A84455" s="13" t="s">
        <v>425</v>
      </c>
      <c r="B84455" s="14" t="s">
        <v>1</v>
      </c>
      <c r="C84455" s="14" t="s">
        <v>51</v>
      </c>
      <c r="D84455" s="14" t="s">
        <v>398</v>
      </c>
      <c r="E84455" s="15">
        <v>45516</v>
      </c>
      <c r="F84455" s="14" t="s">
        <v>53</v>
      </c>
      <c r="G84455" s="16">
        <v>0</v>
      </c>
    </row>
    <row r="84456" spans="1:7" x14ac:dyDescent="0.3">
      <c r="A84456" s="13" t="s">
        <v>425</v>
      </c>
      <c r="B84456" s="14" t="s">
        <v>1</v>
      </c>
      <c r="C84456" s="14" t="s">
        <v>51</v>
      </c>
      <c r="D84456" s="14" t="s">
        <v>398</v>
      </c>
      <c r="E84456" s="15">
        <v>45517</v>
      </c>
      <c r="F84456" s="14" t="s">
        <v>53</v>
      </c>
      <c r="G84456" s="16">
        <v>0</v>
      </c>
    </row>
    <row r="84457" spans="1:7" x14ac:dyDescent="0.3">
      <c r="A84457" s="13" t="s">
        <v>425</v>
      </c>
      <c r="B84457" s="14" t="s">
        <v>1</v>
      </c>
      <c r="C84457" s="14" t="s">
        <v>51</v>
      </c>
      <c r="D84457" s="14" t="s">
        <v>398</v>
      </c>
      <c r="E84457" s="15">
        <v>45518</v>
      </c>
      <c r="F84457" s="14" t="s">
        <v>53</v>
      </c>
      <c r="G84457" s="16">
        <v>0</v>
      </c>
    </row>
    <row r="84458" spans="1:7" x14ac:dyDescent="0.3">
      <c r="A84458" s="13" t="s">
        <v>425</v>
      </c>
      <c r="B84458" s="14" t="s">
        <v>1</v>
      </c>
      <c r="C84458" s="14" t="s">
        <v>51</v>
      </c>
      <c r="D84458" s="14" t="s">
        <v>398</v>
      </c>
      <c r="E84458" s="15">
        <v>45519</v>
      </c>
      <c r="F84458" s="14" t="s">
        <v>53</v>
      </c>
      <c r="G84458" s="16">
        <v>0</v>
      </c>
    </row>
    <row r="84459" spans="1:7" x14ac:dyDescent="0.3">
      <c r="A84459" s="13" t="s">
        <v>425</v>
      </c>
      <c r="B84459" s="14" t="s">
        <v>1</v>
      </c>
      <c r="C84459" s="14" t="s">
        <v>51</v>
      </c>
      <c r="D84459" s="14" t="s">
        <v>398</v>
      </c>
      <c r="E84459" s="15">
        <v>45520</v>
      </c>
      <c r="F84459" s="14" t="s">
        <v>53</v>
      </c>
      <c r="G84459" s="16">
        <v>0</v>
      </c>
    </row>
    <row r="84460" spans="1:7" x14ac:dyDescent="0.3">
      <c r="A84460" s="13" t="s">
        <v>425</v>
      </c>
      <c r="B84460" s="14" t="s">
        <v>1</v>
      </c>
      <c r="C84460" s="14" t="s">
        <v>51</v>
      </c>
      <c r="D84460" s="14" t="s">
        <v>398</v>
      </c>
      <c r="E84460" s="15">
        <v>45521</v>
      </c>
      <c r="F84460" s="14" t="s">
        <v>53</v>
      </c>
      <c r="G84460" s="16">
        <v>0</v>
      </c>
    </row>
    <row r="84461" spans="1:7" x14ac:dyDescent="0.3">
      <c r="A84461" s="13" t="s">
        <v>425</v>
      </c>
      <c r="B84461" s="14" t="s">
        <v>1</v>
      </c>
      <c r="C84461" s="14" t="s">
        <v>51</v>
      </c>
      <c r="D84461" s="14" t="s">
        <v>398</v>
      </c>
      <c r="E84461" s="15">
        <v>45522</v>
      </c>
      <c r="F84461" s="14" t="s">
        <v>53</v>
      </c>
      <c r="G84461" s="16">
        <v>0</v>
      </c>
    </row>
    <row r="84462" spans="1:7" x14ac:dyDescent="0.3">
      <c r="A84462" s="13" t="s">
        <v>425</v>
      </c>
      <c r="B84462" s="14" t="s">
        <v>1</v>
      </c>
      <c r="C84462" s="14" t="s">
        <v>51</v>
      </c>
      <c r="D84462" s="14" t="s">
        <v>398</v>
      </c>
      <c r="E84462" s="15">
        <v>45523</v>
      </c>
      <c r="F84462" s="14" t="s">
        <v>53</v>
      </c>
      <c r="G84462" s="16">
        <v>0</v>
      </c>
    </row>
    <row r="84463" spans="1:7" x14ac:dyDescent="0.3">
      <c r="A84463" s="13" t="s">
        <v>425</v>
      </c>
      <c r="B84463" s="14" t="s">
        <v>1</v>
      </c>
      <c r="C84463" s="14" t="s">
        <v>51</v>
      </c>
      <c r="D84463" s="14" t="s">
        <v>398</v>
      </c>
      <c r="E84463" s="15">
        <v>45524</v>
      </c>
      <c r="F84463" s="14" t="s">
        <v>53</v>
      </c>
      <c r="G84463" s="16">
        <v>0</v>
      </c>
    </row>
    <row r="84464" spans="1:7" x14ac:dyDescent="0.3">
      <c r="A84464" s="13" t="s">
        <v>425</v>
      </c>
      <c r="B84464" s="14" t="s">
        <v>1</v>
      </c>
      <c r="C84464" s="14" t="s">
        <v>51</v>
      </c>
      <c r="D84464" s="14" t="s">
        <v>398</v>
      </c>
      <c r="E84464" s="15">
        <v>45525</v>
      </c>
      <c r="F84464" s="14" t="s">
        <v>53</v>
      </c>
      <c r="G84464" s="16">
        <v>0</v>
      </c>
    </row>
    <row r="84465" spans="1:7" x14ac:dyDescent="0.3">
      <c r="A84465" s="13" t="s">
        <v>425</v>
      </c>
      <c r="B84465" s="14" t="s">
        <v>1</v>
      </c>
      <c r="C84465" s="14" t="s">
        <v>51</v>
      </c>
      <c r="D84465" s="14" t="s">
        <v>398</v>
      </c>
      <c r="E84465" s="15">
        <v>45526</v>
      </c>
      <c r="F84465" s="14" t="s">
        <v>53</v>
      </c>
      <c r="G84465" s="16">
        <v>0</v>
      </c>
    </row>
    <row r="84466" spans="1:7" x14ac:dyDescent="0.3">
      <c r="A84466" s="13" t="s">
        <v>425</v>
      </c>
      <c r="B84466" s="14" t="s">
        <v>1</v>
      </c>
      <c r="C84466" s="14" t="s">
        <v>51</v>
      </c>
      <c r="D84466" s="14" t="s">
        <v>398</v>
      </c>
      <c r="E84466" s="15">
        <v>45527</v>
      </c>
      <c r="F84466" s="14" t="s">
        <v>53</v>
      </c>
      <c r="G84466" s="16">
        <v>0</v>
      </c>
    </row>
    <row r="84467" spans="1:7" x14ac:dyDescent="0.3">
      <c r="A84467" s="13" t="s">
        <v>425</v>
      </c>
      <c r="B84467" s="14" t="s">
        <v>1</v>
      </c>
      <c r="C84467" s="14" t="s">
        <v>51</v>
      </c>
      <c r="D84467" s="14" t="s">
        <v>398</v>
      </c>
      <c r="E84467" s="15">
        <v>45528</v>
      </c>
      <c r="F84467" s="14" t="s">
        <v>53</v>
      </c>
      <c r="G84467" s="16">
        <v>0</v>
      </c>
    </row>
    <row r="84468" spans="1:7" x14ac:dyDescent="0.3">
      <c r="A84468" s="13" t="s">
        <v>425</v>
      </c>
      <c r="B84468" s="14" t="s">
        <v>1</v>
      </c>
      <c r="C84468" s="14" t="s">
        <v>51</v>
      </c>
      <c r="D84468" s="14" t="s">
        <v>398</v>
      </c>
      <c r="E84468" s="15">
        <v>45529</v>
      </c>
      <c r="F84468" s="14" t="s">
        <v>53</v>
      </c>
      <c r="G84468" s="16">
        <v>0</v>
      </c>
    </row>
    <row r="84469" spans="1:7" x14ac:dyDescent="0.3">
      <c r="A84469" s="13" t="s">
        <v>425</v>
      </c>
      <c r="B84469" s="14" t="s">
        <v>1</v>
      </c>
      <c r="C84469" s="14" t="s">
        <v>51</v>
      </c>
      <c r="D84469" s="14" t="s">
        <v>398</v>
      </c>
      <c r="E84469" s="15">
        <v>45530</v>
      </c>
      <c r="F84469" s="14" t="s">
        <v>53</v>
      </c>
      <c r="G84469" s="16">
        <v>0</v>
      </c>
    </row>
    <row r="84470" spans="1:7" x14ac:dyDescent="0.3">
      <c r="A84470" s="13" t="s">
        <v>425</v>
      </c>
      <c r="B84470" s="14" t="s">
        <v>1</v>
      </c>
      <c r="C84470" s="14" t="s">
        <v>51</v>
      </c>
      <c r="D84470" s="14" t="s">
        <v>398</v>
      </c>
      <c r="E84470" s="15">
        <v>45531</v>
      </c>
      <c r="F84470" s="14" t="s">
        <v>53</v>
      </c>
      <c r="G84470" s="16">
        <v>0</v>
      </c>
    </row>
    <row r="84471" spans="1:7" x14ac:dyDescent="0.3">
      <c r="A84471" s="13" t="s">
        <v>425</v>
      </c>
      <c r="B84471" s="14" t="s">
        <v>1</v>
      </c>
      <c r="C84471" s="14" t="s">
        <v>51</v>
      </c>
      <c r="D84471" s="14" t="s">
        <v>398</v>
      </c>
      <c r="E84471" s="15">
        <v>45532</v>
      </c>
      <c r="F84471" s="14" t="s">
        <v>53</v>
      </c>
      <c r="G84471" s="16">
        <v>0</v>
      </c>
    </row>
    <row r="84472" spans="1:7" x14ac:dyDescent="0.3">
      <c r="A84472" s="13" t="s">
        <v>425</v>
      </c>
      <c r="B84472" s="14" t="s">
        <v>1</v>
      </c>
      <c r="C84472" s="14" t="s">
        <v>51</v>
      </c>
      <c r="D84472" s="14" t="s">
        <v>398</v>
      </c>
      <c r="E84472" s="15">
        <v>45533</v>
      </c>
      <c r="F84472" s="14" t="s">
        <v>53</v>
      </c>
      <c r="G84472" s="16">
        <v>0</v>
      </c>
    </row>
    <row r="84473" spans="1:7" x14ac:dyDescent="0.3">
      <c r="A84473" s="13" t="s">
        <v>425</v>
      </c>
      <c r="B84473" s="14" t="s">
        <v>1</v>
      </c>
      <c r="C84473" s="14" t="s">
        <v>51</v>
      </c>
      <c r="D84473" s="14" t="s">
        <v>398</v>
      </c>
      <c r="E84473" s="15">
        <v>45534</v>
      </c>
      <c r="F84473" s="14" t="s">
        <v>53</v>
      </c>
      <c r="G84473" s="16">
        <v>0</v>
      </c>
    </row>
    <row r="84474" spans="1:7" x14ac:dyDescent="0.3">
      <c r="A84474" s="13" t="s">
        <v>425</v>
      </c>
      <c r="B84474" s="14" t="s">
        <v>1</v>
      </c>
      <c r="C84474" s="14" t="s">
        <v>51</v>
      </c>
      <c r="D84474" s="14" t="s">
        <v>398</v>
      </c>
      <c r="E84474" s="15">
        <v>45535</v>
      </c>
      <c r="F84474" s="14" t="s">
        <v>53</v>
      </c>
      <c r="G84474" s="16">
        <v>0</v>
      </c>
    </row>
    <row r="84475" spans="1:7" x14ac:dyDescent="0.3">
      <c r="A84475" s="13" t="s">
        <v>425</v>
      </c>
      <c r="B84475" s="14" t="s">
        <v>1</v>
      </c>
      <c r="C84475" s="14" t="s">
        <v>51</v>
      </c>
      <c r="D84475" s="14" t="s">
        <v>398</v>
      </c>
      <c r="E84475" s="15">
        <v>45536</v>
      </c>
      <c r="F84475" s="14" t="s">
        <v>53</v>
      </c>
      <c r="G84475" s="16">
        <v>0</v>
      </c>
    </row>
    <row r="84476" spans="1:7" x14ac:dyDescent="0.3">
      <c r="A84476" s="13" t="s">
        <v>425</v>
      </c>
      <c r="B84476" s="14" t="s">
        <v>1</v>
      </c>
      <c r="C84476" s="14" t="s">
        <v>51</v>
      </c>
      <c r="D84476" s="14" t="s">
        <v>398</v>
      </c>
      <c r="E84476" s="15">
        <v>45537</v>
      </c>
      <c r="F84476" s="14" t="s">
        <v>53</v>
      </c>
      <c r="G84476" s="16">
        <v>0</v>
      </c>
    </row>
    <row r="84477" spans="1:7" x14ac:dyDescent="0.3">
      <c r="A84477" s="13" t="s">
        <v>425</v>
      </c>
      <c r="B84477" s="14" t="s">
        <v>1</v>
      </c>
      <c r="C84477" s="14" t="s">
        <v>51</v>
      </c>
      <c r="D84477" s="14" t="s">
        <v>398</v>
      </c>
      <c r="E84477" s="15">
        <v>45538</v>
      </c>
      <c r="F84477" s="14" t="s">
        <v>53</v>
      </c>
      <c r="G84477" s="16">
        <v>0</v>
      </c>
    </row>
    <row r="84478" spans="1:7" x14ac:dyDescent="0.3">
      <c r="A84478" s="13" t="s">
        <v>425</v>
      </c>
      <c r="B84478" s="14" t="s">
        <v>1</v>
      </c>
      <c r="C84478" s="14" t="s">
        <v>51</v>
      </c>
      <c r="D84478" s="14" t="s">
        <v>398</v>
      </c>
      <c r="E84478" s="15">
        <v>45539</v>
      </c>
      <c r="F84478" s="14" t="s">
        <v>53</v>
      </c>
      <c r="G84478" s="16">
        <v>0</v>
      </c>
    </row>
    <row r="84479" spans="1:7" x14ac:dyDescent="0.3">
      <c r="A84479" s="13" t="s">
        <v>425</v>
      </c>
      <c r="B84479" s="14" t="s">
        <v>1</v>
      </c>
      <c r="C84479" s="14" t="s">
        <v>51</v>
      </c>
      <c r="D84479" s="14" t="s">
        <v>398</v>
      </c>
      <c r="E84479" s="15">
        <v>45540</v>
      </c>
      <c r="F84479" s="14" t="s">
        <v>53</v>
      </c>
      <c r="G84479" s="16">
        <v>0</v>
      </c>
    </row>
    <row r="84480" spans="1:7" x14ac:dyDescent="0.3">
      <c r="A84480" s="13" t="s">
        <v>425</v>
      </c>
      <c r="B84480" s="14" t="s">
        <v>1</v>
      </c>
      <c r="C84480" s="14" t="s">
        <v>51</v>
      </c>
      <c r="D84480" s="14" t="s">
        <v>398</v>
      </c>
      <c r="E84480" s="15">
        <v>45541</v>
      </c>
      <c r="F84480" s="14" t="s">
        <v>53</v>
      </c>
      <c r="G84480" s="16">
        <v>0</v>
      </c>
    </row>
    <row r="84481" spans="1:7" x14ac:dyDescent="0.3">
      <c r="A84481" s="13" t="s">
        <v>425</v>
      </c>
      <c r="B84481" s="14" t="s">
        <v>1</v>
      </c>
      <c r="C84481" s="14" t="s">
        <v>51</v>
      </c>
      <c r="D84481" s="14" t="s">
        <v>398</v>
      </c>
      <c r="E84481" s="15">
        <v>45542</v>
      </c>
      <c r="F84481" s="14" t="s">
        <v>53</v>
      </c>
      <c r="G84481" s="16">
        <v>0</v>
      </c>
    </row>
    <row r="84482" spans="1:7" x14ac:dyDescent="0.3">
      <c r="A84482" s="13" t="s">
        <v>425</v>
      </c>
      <c r="B84482" s="14" t="s">
        <v>1</v>
      </c>
      <c r="C84482" s="14" t="s">
        <v>51</v>
      </c>
      <c r="D84482" s="14" t="s">
        <v>398</v>
      </c>
      <c r="E84482" s="15">
        <v>45543</v>
      </c>
      <c r="F84482" s="14" t="s">
        <v>53</v>
      </c>
      <c r="G84482" s="16">
        <v>0</v>
      </c>
    </row>
    <row r="84483" spans="1:7" x14ac:dyDescent="0.3">
      <c r="A84483" s="13" t="s">
        <v>425</v>
      </c>
      <c r="B84483" s="14" t="s">
        <v>1</v>
      </c>
      <c r="C84483" s="14" t="s">
        <v>51</v>
      </c>
      <c r="D84483" s="14" t="s">
        <v>398</v>
      </c>
      <c r="E84483" s="15">
        <v>45544</v>
      </c>
      <c r="F84483" s="14" t="s">
        <v>53</v>
      </c>
      <c r="G84483" s="16">
        <v>0</v>
      </c>
    </row>
    <row r="84484" spans="1:7" x14ac:dyDescent="0.3">
      <c r="A84484" s="13" t="s">
        <v>425</v>
      </c>
      <c r="B84484" s="14" t="s">
        <v>1</v>
      </c>
      <c r="C84484" s="14" t="s">
        <v>51</v>
      </c>
      <c r="D84484" s="14" t="s">
        <v>398</v>
      </c>
      <c r="E84484" s="15">
        <v>45545</v>
      </c>
      <c r="F84484" s="14" t="s">
        <v>53</v>
      </c>
      <c r="G84484" s="16">
        <v>0</v>
      </c>
    </row>
    <row r="84485" spans="1:7" x14ac:dyDescent="0.3">
      <c r="A84485" s="13" t="s">
        <v>425</v>
      </c>
      <c r="B84485" s="14" t="s">
        <v>1</v>
      </c>
      <c r="C84485" s="14" t="s">
        <v>51</v>
      </c>
      <c r="D84485" s="14" t="s">
        <v>398</v>
      </c>
      <c r="E84485" s="15">
        <v>45546</v>
      </c>
      <c r="F84485" s="14" t="s">
        <v>53</v>
      </c>
      <c r="G84485" s="16">
        <v>0</v>
      </c>
    </row>
    <row r="84486" spans="1:7" x14ac:dyDescent="0.3">
      <c r="A84486" s="13" t="s">
        <v>425</v>
      </c>
      <c r="B84486" s="14" t="s">
        <v>1</v>
      </c>
      <c r="C84486" s="14" t="s">
        <v>51</v>
      </c>
      <c r="D84486" s="14" t="s">
        <v>398</v>
      </c>
      <c r="E84486" s="15">
        <v>45547</v>
      </c>
      <c r="F84486" s="14" t="s">
        <v>53</v>
      </c>
      <c r="G84486" s="16">
        <v>0</v>
      </c>
    </row>
    <row r="84487" spans="1:7" x14ac:dyDescent="0.3">
      <c r="A84487" s="13" t="s">
        <v>425</v>
      </c>
      <c r="B84487" s="14" t="s">
        <v>1</v>
      </c>
      <c r="C84487" s="14" t="s">
        <v>51</v>
      </c>
      <c r="D84487" s="14" t="s">
        <v>398</v>
      </c>
      <c r="E84487" s="15">
        <v>45548</v>
      </c>
      <c r="F84487" s="14" t="s">
        <v>53</v>
      </c>
      <c r="G84487" s="16">
        <v>0</v>
      </c>
    </row>
    <row r="84488" spans="1:7" x14ac:dyDescent="0.3">
      <c r="A84488" s="13" t="s">
        <v>425</v>
      </c>
      <c r="B84488" s="14" t="s">
        <v>1</v>
      </c>
      <c r="C84488" s="14" t="s">
        <v>51</v>
      </c>
      <c r="D84488" s="14" t="s">
        <v>398</v>
      </c>
      <c r="E84488" s="15">
        <v>45549</v>
      </c>
      <c r="F84488" s="14" t="s">
        <v>53</v>
      </c>
      <c r="G84488" s="16">
        <v>0</v>
      </c>
    </row>
    <row r="84489" spans="1:7" x14ac:dyDescent="0.3">
      <c r="A84489" s="13" t="s">
        <v>425</v>
      </c>
      <c r="B84489" s="14" t="s">
        <v>1</v>
      </c>
      <c r="C84489" s="14" t="s">
        <v>51</v>
      </c>
      <c r="D84489" s="14" t="s">
        <v>398</v>
      </c>
      <c r="E84489" s="15">
        <v>45550</v>
      </c>
      <c r="F84489" s="14" t="s">
        <v>53</v>
      </c>
      <c r="G84489" s="16">
        <v>0</v>
      </c>
    </row>
    <row r="84490" spans="1:7" x14ac:dyDescent="0.3">
      <c r="A84490" s="13" t="s">
        <v>425</v>
      </c>
      <c r="B84490" s="14" t="s">
        <v>1</v>
      </c>
      <c r="C84490" s="14" t="s">
        <v>51</v>
      </c>
      <c r="D84490" s="14" t="s">
        <v>398</v>
      </c>
      <c r="E84490" s="15">
        <v>45551</v>
      </c>
      <c r="F84490" s="14" t="s">
        <v>53</v>
      </c>
      <c r="G84490" s="16">
        <v>0</v>
      </c>
    </row>
    <row r="84491" spans="1:7" x14ac:dyDescent="0.3">
      <c r="A84491" s="13" t="s">
        <v>425</v>
      </c>
      <c r="B84491" s="14" t="s">
        <v>1</v>
      </c>
      <c r="C84491" s="14" t="s">
        <v>51</v>
      </c>
      <c r="D84491" s="14" t="s">
        <v>398</v>
      </c>
      <c r="E84491" s="15">
        <v>45552</v>
      </c>
      <c r="F84491" s="14" t="s">
        <v>53</v>
      </c>
      <c r="G84491" s="16">
        <v>0</v>
      </c>
    </row>
    <row r="84492" spans="1:7" x14ac:dyDescent="0.3">
      <c r="A84492" s="13" t="s">
        <v>425</v>
      </c>
      <c r="B84492" s="14" t="s">
        <v>1</v>
      </c>
      <c r="C84492" s="14" t="s">
        <v>51</v>
      </c>
      <c r="D84492" s="14" t="s">
        <v>398</v>
      </c>
      <c r="E84492" s="15">
        <v>45553</v>
      </c>
      <c r="F84492" s="14" t="s">
        <v>53</v>
      </c>
      <c r="G84492" s="16">
        <v>0</v>
      </c>
    </row>
    <row r="84493" spans="1:7" x14ac:dyDescent="0.3">
      <c r="A84493" s="13" t="s">
        <v>425</v>
      </c>
      <c r="B84493" s="14" t="s">
        <v>1</v>
      </c>
      <c r="C84493" s="14" t="s">
        <v>51</v>
      </c>
      <c r="D84493" s="14" t="s">
        <v>398</v>
      </c>
      <c r="E84493" s="15">
        <v>45554</v>
      </c>
      <c r="F84493" s="14" t="s">
        <v>53</v>
      </c>
      <c r="G84493" s="16">
        <v>0</v>
      </c>
    </row>
    <row r="84494" spans="1:7" x14ac:dyDescent="0.3">
      <c r="A84494" s="13" t="s">
        <v>425</v>
      </c>
      <c r="B84494" s="14" t="s">
        <v>1</v>
      </c>
      <c r="C84494" s="14" t="s">
        <v>51</v>
      </c>
      <c r="D84494" s="14" t="s">
        <v>398</v>
      </c>
      <c r="E84494" s="15">
        <v>45555</v>
      </c>
      <c r="F84494" s="14" t="s">
        <v>53</v>
      </c>
      <c r="G84494" s="16">
        <v>0</v>
      </c>
    </row>
    <row r="84495" spans="1:7" x14ac:dyDescent="0.3">
      <c r="A84495" s="13" t="s">
        <v>425</v>
      </c>
      <c r="B84495" s="14" t="s">
        <v>1</v>
      </c>
      <c r="C84495" s="14" t="s">
        <v>51</v>
      </c>
      <c r="D84495" s="14" t="s">
        <v>398</v>
      </c>
      <c r="E84495" s="15">
        <v>45556</v>
      </c>
      <c r="F84495" s="14" t="s">
        <v>53</v>
      </c>
      <c r="G84495" s="16">
        <v>0</v>
      </c>
    </row>
    <row r="84496" spans="1:7" x14ac:dyDescent="0.3">
      <c r="A84496" s="13" t="s">
        <v>425</v>
      </c>
      <c r="B84496" s="14" t="s">
        <v>1</v>
      </c>
      <c r="C84496" s="14" t="s">
        <v>51</v>
      </c>
      <c r="D84496" s="14" t="s">
        <v>398</v>
      </c>
      <c r="E84496" s="15">
        <v>45557</v>
      </c>
      <c r="F84496" s="14" t="s">
        <v>53</v>
      </c>
      <c r="G84496" s="16">
        <v>0</v>
      </c>
    </row>
    <row r="84497" spans="1:7" x14ac:dyDescent="0.3">
      <c r="A84497" s="13" t="s">
        <v>425</v>
      </c>
      <c r="B84497" s="14" t="s">
        <v>1</v>
      </c>
      <c r="C84497" s="14" t="s">
        <v>51</v>
      </c>
      <c r="D84497" s="14" t="s">
        <v>398</v>
      </c>
      <c r="E84497" s="15">
        <v>45558</v>
      </c>
      <c r="F84497" s="14" t="s">
        <v>53</v>
      </c>
      <c r="G84497" s="16">
        <v>0</v>
      </c>
    </row>
    <row r="84498" spans="1:7" x14ac:dyDescent="0.3">
      <c r="A84498" s="13" t="s">
        <v>425</v>
      </c>
      <c r="B84498" s="14" t="s">
        <v>1</v>
      </c>
      <c r="C84498" s="14" t="s">
        <v>51</v>
      </c>
      <c r="D84498" s="14" t="s">
        <v>398</v>
      </c>
      <c r="E84498" s="15">
        <v>45559</v>
      </c>
      <c r="F84498" s="14" t="s">
        <v>53</v>
      </c>
      <c r="G84498" s="16">
        <v>0</v>
      </c>
    </row>
    <row r="84499" spans="1:7" x14ac:dyDescent="0.3">
      <c r="A84499" s="13" t="s">
        <v>425</v>
      </c>
      <c r="B84499" s="14" t="s">
        <v>1</v>
      </c>
      <c r="C84499" s="14" t="s">
        <v>51</v>
      </c>
      <c r="D84499" s="14" t="s">
        <v>398</v>
      </c>
      <c r="E84499" s="15">
        <v>45560</v>
      </c>
      <c r="F84499" s="14" t="s">
        <v>53</v>
      </c>
      <c r="G84499" s="16">
        <v>0</v>
      </c>
    </row>
    <row r="84500" spans="1:7" x14ac:dyDescent="0.3">
      <c r="A84500" s="13" t="s">
        <v>425</v>
      </c>
      <c r="B84500" s="14" t="s">
        <v>1</v>
      </c>
      <c r="C84500" s="14" t="s">
        <v>51</v>
      </c>
      <c r="D84500" s="14" t="s">
        <v>398</v>
      </c>
      <c r="E84500" s="15">
        <v>45561</v>
      </c>
      <c r="F84500" s="14" t="s">
        <v>53</v>
      </c>
      <c r="G84500" s="16">
        <v>0</v>
      </c>
    </row>
    <row r="84501" spans="1:7" x14ac:dyDescent="0.3">
      <c r="A84501" s="13" t="s">
        <v>425</v>
      </c>
      <c r="B84501" s="14" t="s">
        <v>1</v>
      </c>
      <c r="C84501" s="14" t="s">
        <v>51</v>
      </c>
      <c r="D84501" s="14" t="s">
        <v>398</v>
      </c>
      <c r="E84501" s="15">
        <v>45562</v>
      </c>
      <c r="F84501" s="14" t="s">
        <v>53</v>
      </c>
      <c r="G84501" s="16">
        <v>0</v>
      </c>
    </row>
    <row r="84502" spans="1:7" x14ac:dyDescent="0.3">
      <c r="A84502" s="13" t="s">
        <v>425</v>
      </c>
      <c r="B84502" s="14" t="s">
        <v>1</v>
      </c>
      <c r="C84502" s="14" t="s">
        <v>51</v>
      </c>
      <c r="D84502" s="14" t="s">
        <v>398</v>
      </c>
      <c r="E84502" s="15">
        <v>45563</v>
      </c>
      <c r="F84502" s="14" t="s">
        <v>53</v>
      </c>
      <c r="G84502" s="16">
        <v>0</v>
      </c>
    </row>
    <row r="84503" spans="1:7" x14ac:dyDescent="0.3">
      <c r="A84503" s="13" t="s">
        <v>425</v>
      </c>
      <c r="B84503" s="14" t="s">
        <v>1</v>
      </c>
      <c r="C84503" s="14" t="s">
        <v>51</v>
      </c>
      <c r="D84503" s="14" t="s">
        <v>398</v>
      </c>
      <c r="E84503" s="15">
        <v>45564</v>
      </c>
      <c r="F84503" s="14" t="s">
        <v>53</v>
      </c>
      <c r="G84503" s="16">
        <v>0</v>
      </c>
    </row>
    <row r="84504" spans="1:7" x14ac:dyDescent="0.3">
      <c r="A84504" s="13" t="s">
        <v>425</v>
      </c>
      <c r="B84504" s="14" t="s">
        <v>1</v>
      </c>
      <c r="C84504" s="14" t="s">
        <v>51</v>
      </c>
      <c r="D84504" s="14" t="s">
        <v>398</v>
      </c>
      <c r="E84504" s="15">
        <v>45565</v>
      </c>
      <c r="F84504" s="14" t="s">
        <v>53</v>
      </c>
      <c r="G84504" s="16">
        <v>0</v>
      </c>
    </row>
    <row r="84505" spans="1:7" x14ac:dyDescent="0.3">
      <c r="A84505" s="13" t="s">
        <v>425</v>
      </c>
      <c r="B84505" s="14" t="s">
        <v>1</v>
      </c>
      <c r="C84505" s="14" t="s">
        <v>51</v>
      </c>
      <c r="D84505" s="14" t="s">
        <v>398</v>
      </c>
      <c r="E84505" s="15">
        <v>45566</v>
      </c>
      <c r="F84505" s="14" t="s">
        <v>53</v>
      </c>
      <c r="G84505" s="16">
        <v>0</v>
      </c>
    </row>
    <row r="84506" spans="1:7" x14ac:dyDescent="0.3">
      <c r="A84506" s="13" t="s">
        <v>425</v>
      </c>
      <c r="B84506" s="14" t="s">
        <v>1</v>
      </c>
      <c r="C84506" s="14" t="s">
        <v>51</v>
      </c>
      <c r="D84506" s="14" t="s">
        <v>398</v>
      </c>
      <c r="E84506" s="15">
        <v>45567</v>
      </c>
      <c r="F84506" s="14" t="s">
        <v>53</v>
      </c>
      <c r="G84506" s="16">
        <v>0</v>
      </c>
    </row>
    <row r="84507" spans="1:7" x14ac:dyDescent="0.3">
      <c r="A84507" s="13" t="s">
        <v>425</v>
      </c>
      <c r="B84507" s="14" t="s">
        <v>1</v>
      </c>
      <c r="C84507" s="14" t="s">
        <v>51</v>
      </c>
      <c r="D84507" s="14" t="s">
        <v>398</v>
      </c>
      <c r="E84507" s="15">
        <v>45568</v>
      </c>
      <c r="F84507" s="14" t="s">
        <v>53</v>
      </c>
      <c r="G84507" s="16">
        <v>0</v>
      </c>
    </row>
    <row r="84508" spans="1:7" x14ac:dyDescent="0.3">
      <c r="A84508" s="13" t="s">
        <v>425</v>
      </c>
      <c r="B84508" s="14" t="s">
        <v>1</v>
      </c>
      <c r="C84508" s="14" t="s">
        <v>51</v>
      </c>
      <c r="D84508" s="14" t="s">
        <v>398</v>
      </c>
      <c r="E84508" s="15">
        <v>45569</v>
      </c>
      <c r="F84508" s="14" t="s">
        <v>53</v>
      </c>
      <c r="G84508" s="16">
        <v>0</v>
      </c>
    </row>
    <row r="84509" spans="1:7" x14ac:dyDescent="0.3">
      <c r="A84509" s="13" t="s">
        <v>425</v>
      </c>
      <c r="B84509" s="14" t="s">
        <v>1</v>
      </c>
      <c r="C84509" s="14" t="s">
        <v>51</v>
      </c>
      <c r="D84509" s="14" t="s">
        <v>398</v>
      </c>
      <c r="E84509" s="15">
        <v>45570</v>
      </c>
      <c r="F84509" s="14" t="s">
        <v>53</v>
      </c>
      <c r="G84509" s="16">
        <v>0</v>
      </c>
    </row>
    <row r="84510" spans="1:7" x14ac:dyDescent="0.3">
      <c r="A84510" s="13" t="s">
        <v>425</v>
      </c>
      <c r="B84510" s="14" t="s">
        <v>1</v>
      </c>
      <c r="C84510" s="14" t="s">
        <v>51</v>
      </c>
      <c r="D84510" s="14" t="s">
        <v>398</v>
      </c>
      <c r="E84510" s="15">
        <v>45571</v>
      </c>
      <c r="F84510" s="14" t="s">
        <v>53</v>
      </c>
      <c r="G84510" s="16">
        <v>0</v>
      </c>
    </row>
    <row r="84511" spans="1:7" x14ac:dyDescent="0.3">
      <c r="A84511" s="13" t="s">
        <v>425</v>
      </c>
      <c r="B84511" s="14" t="s">
        <v>1</v>
      </c>
      <c r="C84511" s="14" t="s">
        <v>51</v>
      </c>
      <c r="D84511" s="14" t="s">
        <v>398</v>
      </c>
      <c r="E84511" s="15">
        <v>45572</v>
      </c>
      <c r="F84511" s="14" t="s">
        <v>53</v>
      </c>
      <c r="G84511" s="16">
        <v>0</v>
      </c>
    </row>
    <row r="84512" spans="1:7" x14ac:dyDescent="0.3">
      <c r="A84512" s="13" t="s">
        <v>425</v>
      </c>
      <c r="B84512" s="14" t="s">
        <v>1</v>
      </c>
      <c r="C84512" s="14" t="s">
        <v>51</v>
      </c>
      <c r="D84512" s="14" t="s">
        <v>398</v>
      </c>
      <c r="E84512" s="15">
        <v>45573</v>
      </c>
      <c r="F84512" s="14" t="s">
        <v>53</v>
      </c>
      <c r="G84512" s="16">
        <v>0</v>
      </c>
    </row>
    <row r="84513" spans="1:7" x14ac:dyDescent="0.3">
      <c r="A84513" s="13" t="s">
        <v>425</v>
      </c>
      <c r="B84513" s="14" t="s">
        <v>1</v>
      </c>
      <c r="C84513" s="14" t="s">
        <v>51</v>
      </c>
      <c r="D84513" s="14" t="s">
        <v>398</v>
      </c>
      <c r="E84513" s="15">
        <v>45574</v>
      </c>
      <c r="F84513" s="14" t="s">
        <v>53</v>
      </c>
      <c r="G84513" s="16">
        <v>0</v>
      </c>
    </row>
    <row r="84514" spans="1:7" x14ac:dyDescent="0.3">
      <c r="A84514" s="13" t="s">
        <v>425</v>
      </c>
      <c r="B84514" s="14" t="s">
        <v>1</v>
      </c>
      <c r="C84514" s="14" t="s">
        <v>51</v>
      </c>
      <c r="D84514" s="14" t="s">
        <v>398</v>
      </c>
      <c r="E84514" s="15">
        <v>45575</v>
      </c>
      <c r="F84514" s="14" t="s">
        <v>53</v>
      </c>
      <c r="G84514" s="16">
        <v>0</v>
      </c>
    </row>
    <row r="84515" spans="1:7" x14ac:dyDescent="0.3">
      <c r="A84515" s="13" t="s">
        <v>425</v>
      </c>
      <c r="B84515" s="14" t="s">
        <v>1</v>
      </c>
      <c r="C84515" s="14" t="s">
        <v>51</v>
      </c>
      <c r="D84515" s="14" t="s">
        <v>398</v>
      </c>
      <c r="E84515" s="15">
        <v>45576</v>
      </c>
      <c r="F84515" s="14" t="s">
        <v>53</v>
      </c>
      <c r="G84515" s="16">
        <v>0</v>
      </c>
    </row>
    <row r="84516" spans="1:7" x14ac:dyDescent="0.3">
      <c r="A84516" s="13" t="s">
        <v>425</v>
      </c>
      <c r="B84516" s="14" t="s">
        <v>1</v>
      </c>
      <c r="C84516" s="14" t="s">
        <v>51</v>
      </c>
      <c r="D84516" s="14" t="s">
        <v>398</v>
      </c>
      <c r="E84516" s="15">
        <v>45577</v>
      </c>
      <c r="F84516" s="14" t="s">
        <v>53</v>
      </c>
      <c r="G84516" s="16">
        <v>0</v>
      </c>
    </row>
    <row r="84517" spans="1:7" x14ac:dyDescent="0.3">
      <c r="A84517" s="13" t="s">
        <v>425</v>
      </c>
      <c r="B84517" s="14" t="s">
        <v>1</v>
      </c>
      <c r="C84517" s="14" t="s">
        <v>51</v>
      </c>
      <c r="D84517" s="14" t="s">
        <v>398</v>
      </c>
      <c r="E84517" s="15">
        <v>45578</v>
      </c>
      <c r="F84517" s="14" t="s">
        <v>53</v>
      </c>
      <c r="G84517" s="16">
        <v>0</v>
      </c>
    </row>
    <row r="84518" spans="1:7" x14ac:dyDescent="0.3">
      <c r="A84518" s="13" t="s">
        <v>425</v>
      </c>
      <c r="B84518" s="14" t="s">
        <v>1</v>
      </c>
      <c r="C84518" s="14" t="s">
        <v>51</v>
      </c>
      <c r="D84518" s="14" t="s">
        <v>398</v>
      </c>
      <c r="E84518" s="15">
        <v>45579</v>
      </c>
      <c r="F84518" s="14" t="s">
        <v>53</v>
      </c>
      <c r="G84518" s="16">
        <v>0</v>
      </c>
    </row>
    <row r="84519" spans="1:7" x14ac:dyDescent="0.3">
      <c r="A84519" s="13" t="s">
        <v>425</v>
      </c>
      <c r="B84519" s="14" t="s">
        <v>1</v>
      </c>
      <c r="C84519" s="14" t="s">
        <v>51</v>
      </c>
      <c r="D84519" s="14" t="s">
        <v>398</v>
      </c>
      <c r="E84519" s="15">
        <v>45580</v>
      </c>
      <c r="F84519" s="14" t="s">
        <v>53</v>
      </c>
      <c r="G84519" s="16">
        <v>0</v>
      </c>
    </row>
    <row r="84520" spans="1:7" x14ac:dyDescent="0.3">
      <c r="A84520" s="13" t="s">
        <v>425</v>
      </c>
      <c r="B84520" s="14" t="s">
        <v>1</v>
      </c>
      <c r="C84520" s="14" t="s">
        <v>51</v>
      </c>
      <c r="D84520" s="14" t="s">
        <v>398</v>
      </c>
      <c r="E84520" s="15">
        <v>45581</v>
      </c>
      <c r="F84520" s="14" t="s">
        <v>53</v>
      </c>
      <c r="G84520" s="16">
        <v>0</v>
      </c>
    </row>
    <row r="84521" spans="1:7" x14ac:dyDescent="0.3">
      <c r="A84521" s="13" t="s">
        <v>425</v>
      </c>
      <c r="B84521" s="14" t="s">
        <v>1</v>
      </c>
      <c r="C84521" s="14" t="s">
        <v>51</v>
      </c>
      <c r="D84521" s="14" t="s">
        <v>398</v>
      </c>
      <c r="E84521" s="15">
        <v>45582</v>
      </c>
      <c r="F84521" s="14" t="s">
        <v>53</v>
      </c>
      <c r="G84521" s="16">
        <v>0</v>
      </c>
    </row>
    <row r="84522" spans="1:7" x14ac:dyDescent="0.3">
      <c r="A84522" s="13" t="s">
        <v>425</v>
      </c>
      <c r="B84522" s="14" t="s">
        <v>1</v>
      </c>
      <c r="C84522" s="14" t="s">
        <v>51</v>
      </c>
      <c r="D84522" s="14" t="s">
        <v>398</v>
      </c>
      <c r="E84522" s="15">
        <v>45583</v>
      </c>
      <c r="F84522" s="14" t="s">
        <v>53</v>
      </c>
      <c r="G84522" s="16">
        <v>0</v>
      </c>
    </row>
    <row r="84523" spans="1:7" x14ac:dyDescent="0.3">
      <c r="A84523" s="13" t="s">
        <v>425</v>
      </c>
      <c r="B84523" s="14" t="s">
        <v>1</v>
      </c>
      <c r="C84523" s="14" t="s">
        <v>51</v>
      </c>
      <c r="D84523" s="14" t="s">
        <v>398</v>
      </c>
      <c r="E84523" s="15">
        <v>45584</v>
      </c>
      <c r="F84523" s="14" t="s">
        <v>53</v>
      </c>
      <c r="G84523" s="16">
        <v>0</v>
      </c>
    </row>
    <row r="84524" spans="1:7" x14ac:dyDescent="0.3">
      <c r="A84524" s="13" t="s">
        <v>425</v>
      </c>
      <c r="B84524" s="14" t="s">
        <v>1</v>
      </c>
      <c r="C84524" s="14" t="s">
        <v>51</v>
      </c>
      <c r="D84524" s="14" t="s">
        <v>398</v>
      </c>
      <c r="E84524" s="15">
        <v>45585</v>
      </c>
      <c r="F84524" s="14" t="s">
        <v>53</v>
      </c>
      <c r="G84524" s="16">
        <v>0</v>
      </c>
    </row>
    <row r="84525" spans="1:7" x14ac:dyDescent="0.3">
      <c r="A84525" s="13" t="s">
        <v>425</v>
      </c>
      <c r="B84525" s="14" t="s">
        <v>1</v>
      </c>
      <c r="C84525" s="14" t="s">
        <v>51</v>
      </c>
      <c r="D84525" s="14" t="s">
        <v>398</v>
      </c>
      <c r="E84525" s="15">
        <v>45586</v>
      </c>
      <c r="F84525" s="14" t="s">
        <v>53</v>
      </c>
      <c r="G84525" s="16">
        <v>0</v>
      </c>
    </row>
    <row r="84526" spans="1:7" x14ac:dyDescent="0.3">
      <c r="A84526" s="13" t="s">
        <v>425</v>
      </c>
      <c r="B84526" s="14" t="s">
        <v>1</v>
      </c>
      <c r="C84526" s="14" t="s">
        <v>51</v>
      </c>
      <c r="D84526" s="14" t="s">
        <v>398</v>
      </c>
      <c r="E84526" s="15">
        <v>45587</v>
      </c>
      <c r="F84526" s="14" t="s">
        <v>53</v>
      </c>
      <c r="G84526" s="16">
        <v>0</v>
      </c>
    </row>
    <row r="84527" spans="1:7" x14ac:dyDescent="0.3">
      <c r="A84527" s="13" t="s">
        <v>425</v>
      </c>
      <c r="B84527" s="14" t="s">
        <v>1</v>
      </c>
      <c r="C84527" s="14" t="s">
        <v>51</v>
      </c>
      <c r="D84527" s="14" t="s">
        <v>398</v>
      </c>
      <c r="E84527" s="15">
        <v>45588</v>
      </c>
      <c r="F84527" s="14" t="s">
        <v>53</v>
      </c>
      <c r="G84527" s="16">
        <v>0</v>
      </c>
    </row>
    <row r="84528" spans="1:7" x14ac:dyDescent="0.3">
      <c r="A84528" s="13" t="s">
        <v>425</v>
      </c>
      <c r="B84528" s="14" t="s">
        <v>1</v>
      </c>
      <c r="C84528" s="14" t="s">
        <v>51</v>
      </c>
      <c r="D84528" s="14" t="s">
        <v>398</v>
      </c>
      <c r="E84528" s="15">
        <v>45589</v>
      </c>
      <c r="F84528" s="14" t="s">
        <v>53</v>
      </c>
      <c r="G84528" s="16">
        <v>0</v>
      </c>
    </row>
    <row r="84529" spans="1:7" x14ac:dyDescent="0.3">
      <c r="A84529" s="13" t="s">
        <v>425</v>
      </c>
      <c r="B84529" s="14" t="s">
        <v>1</v>
      </c>
      <c r="C84529" s="14" t="s">
        <v>51</v>
      </c>
      <c r="D84529" s="14" t="s">
        <v>398</v>
      </c>
      <c r="E84529" s="15">
        <v>45590</v>
      </c>
      <c r="F84529" s="14" t="s">
        <v>53</v>
      </c>
      <c r="G84529" s="16">
        <v>0</v>
      </c>
    </row>
    <row r="84530" spans="1:7" x14ac:dyDescent="0.3">
      <c r="A84530" s="13" t="s">
        <v>425</v>
      </c>
      <c r="B84530" s="14" t="s">
        <v>1</v>
      </c>
      <c r="C84530" s="14" t="s">
        <v>51</v>
      </c>
      <c r="D84530" s="14" t="s">
        <v>398</v>
      </c>
      <c r="E84530" s="15">
        <v>45591</v>
      </c>
      <c r="F84530" s="14" t="s">
        <v>53</v>
      </c>
      <c r="G84530" s="16">
        <v>0</v>
      </c>
    </row>
    <row r="84531" spans="1:7" x14ac:dyDescent="0.3">
      <c r="A84531" s="13" t="s">
        <v>425</v>
      </c>
      <c r="B84531" s="14" t="s">
        <v>1</v>
      </c>
      <c r="C84531" s="14" t="s">
        <v>51</v>
      </c>
      <c r="D84531" s="14" t="s">
        <v>398</v>
      </c>
      <c r="E84531" s="15">
        <v>45592</v>
      </c>
      <c r="F84531" s="14" t="s">
        <v>53</v>
      </c>
      <c r="G84531" s="16">
        <v>0</v>
      </c>
    </row>
    <row r="84532" spans="1:7" x14ac:dyDescent="0.3">
      <c r="A84532" s="13" t="s">
        <v>425</v>
      </c>
      <c r="B84532" s="14" t="s">
        <v>1</v>
      </c>
      <c r="C84532" s="14" t="s">
        <v>51</v>
      </c>
      <c r="D84532" s="14" t="s">
        <v>398</v>
      </c>
      <c r="E84532" s="15">
        <v>45593</v>
      </c>
      <c r="F84532" s="14" t="s">
        <v>53</v>
      </c>
      <c r="G84532" s="16">
        <v>0</v>
      </c>
    </row>
    <row r="84533" spans="1:7" x14ac:dyDescent="0.3">
      <c r="A84533" s="13" t="s">
        <v>425</v>
      </c>
      <c r="B84533" s="14" t="s">
        <v>1</v>
      </c>
      <c r="C84533" s="14" t="s">
        <v>51</v>
      </c>
      <c r="D84533" s="14" t="s">
        <v>398</v>
      </c>
      <c r="E84533" s="15">
        <v>45594</v>
      </c>
      <c r="F84533" s="14" t="s">
        <v>53</v>
      </c>
      <c r="G84533" s="16">
        <v>0</v>
      </c>
    </row>
    <row r="84534" spans="1:7" x14ac:dyDescent="0.3">
      <c r="A84534" s="13" t="s">
        <v>425</v>
      </c>
      <c r="B84534" s="14" t="s">
        <v>1</v>
      </c>
      <c r="C84534" s="14" t="s">
        <v>51</v>
      </c>
      <c r="D84534" s="14" t="s">
        <v>398</v>
      </c>
      <c r="E84534" s="15">
        <v>45595</v>
      </c>
      <c r="F84534" s="14" t="s">
        <v>53</v>
      </c>
      <c r="G84534" s="16">
        <v>0</v>
      </c>
    </row>
    <row r="84535" spans="1:7" x14ac:dyDescent="0.3">
      <c r="A84535" s="13" t="s">
        <v>425</v>
      </c>
      <c r="B84535" s="14" t="s">
        <v>1</v>
      </c>
      <c r="C84535" s="14" t="s">
        <v>51</v>
      </c>
      <c r="D84535" s="14" t="s">
        <v>398</v>
      </c>
      <c r="E84535" s="15">
        <v>45596</v>
      </c>
      <c r="F84535" s="14" t="s">
        <v>53</v>
      </c>
      <c r="G84535" s="16">
        <v>0</v>
      </c>
    </row>
    <row r="84536" spans="1:7" x14ac:dyDescent="0.3">
      <c r="A84536" s="13" t="s">
        <v>425</v>
      </c>
      <c r="B84536" s="14" t="s">
        <v>1</v>
      </c>
      <c r="C84536" s="14" t="s">
        <v>51</v>
      </c>
      <c r="D84536" s="14" t="s">
        <v>398</v>
      </c>
      <c r="E84536" s="15">
        <v>45597</v>
      </c>
      <c r="F84536" s="14" t="s">
        <v>53</v>
      </c>
      <c r="G84536" s="16">
        <v>0</v>
      </c>
    </row>
    <row r="84537" spans="1:7" x14ac:dyDescent="0.3">
      <c r="A84537" s="13" t="s">
        <v>425</v>
      </c>
      <c r="B84537" s="14" t="s">
        <v>1</v>
      </c>
      <c r="C84537" s="14" t="s">
        <v>51</v>
      </c>
      <c r="D84537" s="14" t="s">
        <v>398</v>
      </c>
      <c r="E84537" s="15">
        <v>45598</v>
      </c>
      <c r="F84537" s="14" t="s">
        <v>53</v>
      </c>
      <c r="G84537" s="16">
        <v>0</v>
      </c>
    </row>
    <row r="84538" spans="1:7" x14ac:dyDescent="0.3">
      <c r="A84538" s="13" t="s">
        <v>425</v>
      </c>
      <c r="B84538" s="14" t="s">
        <v>1</v>
      </c>
      <c r="C84538" s="14" t="s">
        <v>51</v>
      </c>
      <c r="D84538" s="14" t="s">
        <v>398</v>
      </c>
      <c r="E84538" s="15">
        <v>45599</v>
      </c>
      <c r="F84538" s="14" t="s">
        <v>53</v>
      </c>
      <c r="G84538" s="16">
        <v>0</v>
      </c>
    </row>
    <row r="84539" spans="1:7" x14ac:dyDescent="0.3">
      <c r="A84539" s="13" t="s">
        <v>425</v>
      </c>
      <c r="B84539" s="14" t="s">
        <v>1</v>
      </c>
      <c r="C84539" s="14" t="s">
        <v>51</v>
      </c>
      <c r="D84539" s="14" t="s">
        <v>398</v>
      </c>
      <c r="E84539" s="15">
        <v>45600</v>
      </c>
      <c r="F84539" s="14" t="s">
        <v>53</v>
      </c>
      <c r="G84539" s="16">
        <v>0</v>
      </c>
    </row>
    <row r="84540" spans="1:7" x14ac:dyDescent="0.3">
      <c r="A84540" s="13" t="s">
        <v>425</v>
      </c>
      <c r="B84540" s="14" t="s">
        <v>1</v>
      </c>
      <c r="C84540" s="14" t="s">
        <v>51</v>
      </c>
      <c r="D84540" s="14" t="s">
        <v>398</v>
      </c>
      <c r="E84540" s="15">
        <v>45601</v>
      </c>
      <c r="F84540" s="14" t="s">
        <v>53</v>
      </c>
      <c r="G84540" s="16">
        <v>0</v>
      </c>
    </row>
    <row r="84541" spans="1:7" x14ac:dyDescent="0.3">
      <c r="A84541" s="13" t="s">
        <v>425</v>
      </c>
      <c r="B84541" s="14" t="s">
        <v>1</v>
      </c>
      <c r="C84541" s="14" t="s">
        <v>51</v>
      </c>
      <c r="D84541" s="14" t="s">
        <v>398</v>
      </c>
      <c r="E84541" s="15">
        <v>45602</v>
      </c>
      <c r="F84541" s="14" t="s">
        <v>53</v>
      </c>
      <c r="G84541" s="16">
        <v>0</v>
      </c>
    </row>
    <row r="84542" spans="1:7" x14ac:dyDescent="0.3">
      <c r="A84542" s="13" t="s">
        <v>425</v>
      </c>
      <c r="B84542" s="14" t="s">
        <v>1</v>
      </c>
      <c r="C84542" s="14" t="s">
        <v>51</v>
      </c>
      <c r="D84542" s="14" t="s">
        <v>398</v>
      </c>
      <c r="E84542" s="15">
        <v>45603</v>
      </c>
      <c r="F84542" s="14" t="s">
        <v>53</v>
      </c>
      <c r="G84542" s="16">
        <v>0</v>
      </c>
    </row>
    <row r="84543" spans="1:7" x14ac:dyDescent="0.3">
      <c r="A84543" s="13" t="s">
        <v>425</v>
      </c>
      <c r="B84543" s="14" t="s">
        <v>1</v>
      </c>
      <c r="C84543" s="14" t="s">
        <v>51</v>
      </c>
      <c r="D84543" s="14" t="s">
        <v>398</v>
      </c>
      <c r="E84543" s="15">
        <v>45604</v>
      </c>
      <c r="F84543" s="14" t="s">
        <v>53</v>
      </c>
      <c r="G84543" s="16">
        <v>0</v>
      </c>
    </row>
    <row r="84544" spans="1:7" x14ac:dyDescent="0.3">
      <c r="A84544" s="13" t="s">
        <v>425</v>
      </c>
      <c r="B84544" s="14" t="s">
        <v>1</v>
      </c>
      <c r="C84544" s="14" t="s">
        <v>51</v>
      </c>
      <c r="D84544" s="14" t="s">
        <v>398</v>
      </c>
      <c r="E84544" s="15">
        <v>45605</v>
      </c>
      <c r="F84544" s="14" t="s">
        <v>53</v>
      </c>
      <c r="G84544" s="16">
        <v>0</v>
      </c>
    </row>
    <row r="84545" spans="1:7" x14ac:dyDescent="0.3">
      <c r="A84545" s="13" t="s">
        <v>425</v>
      </c>
      <c r="B84545" s="14" t="s">
        <v>1</v>
      </c>
      <c r="C84545" s="14" t="s">
        <v>51</v>
      </c>
      <c r="D84545" s="14" t="s">
        <v>398</v>
      </c>
      <c r="E84545" s="15">
        <v>45606</v>
      </c>
      <c r="F84545" s="14" t="s">
        <v>53</v>
      </c>
      <c r="G84545" s="16">
        <v>0</v>
      </c>
    </row>
    <row r="84546" spans="1:7" x14ac:dyDescent="0.3">
      <c r="A84546" s="13" t="s">
        <v>425</v>
      </c>
      <c r="B84546" s="14" t="s">
        <v>1</v>
      </c>
      <c r="C84546" s="14" t="s">
        <v>51</v>
      </c>
      <c r="D84546" s="14" t="s">
        <v>398</v>
      </c>
      <c r="E84546" s="15">
        <v>45607</v>
      </c>
      <c r="F84546" s="14" t="s">
        <v>53</v>
      </c>
      <c r="G84546" s="16">
        <v>0</v>
      </c>
    </row>
    <row r="84547" spans="1:7" x14ac:dyDescent="0.3">
      <c r="A84547" s="13" t="s">
        <v>425</v>
      </c>
      <c r="B84547" s="14" t="s">
        <v>1</v>
      </c>
      <c r="C84547" s="14" t="s">
        <v>51</v>
      </c>
      <c r="D84547" s="14" t="s">
        <v>398</v>
      </c>
      <c r="E84547" s="15">
        <v>45608</v>
      </c>
      <c r="F84547" s="14" t="s">
        <v>53</v>
      </c>
      <c r="G84547" s="16">
        <v>0</v>
      </c>
    </row>
    <row r="84548" spans="1:7" x14ac:dyDescent="0.3">
      <c r="A84548" s="13" t="s">
        <v>425</v>
      </c>
      <c r="B84548" s="14" t="s">
        <v>1</v>
      </c>
      <c r="C84548" s="14" t="s">
        <v>51</v>
      </c>
      <c r="D84548" s="14" t="s">
        <v>398</v>
      </c>
      <c r="E84548" s="15">
        <v>45609</v>
      </c>
      <c r="F84548" s="14" t="s">
        <v>53</v>
      </c>
      <c r="G84548" s="16">
        <v>0</v>
      </c>
    </row>
    <row r="84549" spans="1:7" x14ac:dyDescent="0.3">
      <c r="A84549" s="13" t="s">
        <v>425</v>
      </c>
      <c r="B84549" s="14" t="s">
        <v>1</v>
      </c>
      <c r="C84549" s="14" t="s">
        <v>51</v>
      </c>
      <c r="D84549" s="14" t="s">
        <v>398</v>
      </c>
      <c r="E84549" s="15">
        <v>45610</v>
      </c>
      <c r="F84549" s="14" t="s">
        <v>53</v>
      </c>
      <c r="G84549" s="16">
        <v>0</v>
      </c>
    </row>
    <row r="84550" spans="1:7" x14ac:dyDescent="0.3">
      <c r="A84550" s="13" t="s">
        <v>425</v>
      </c>
      <c r="B84550" s="14" t="s">
        <v>1</v>
      </c>
      <c r="C84550" s="14" t="s">
        <v>51</v>
      </c>
      <c r="D84550" s="14" t="s">
        <v>398</v>
      </c>
      <c r="E84550" s="15">
        <v>45611</v>
      </c>
      <c r="F84550" s="14" t="s">
        <v>53</v>
      </c>
      <c r="G84550" s="16">
        <v>0</v>
      </c>
    </row>
    <row r="84551" spans="1:7" x14ac:dyDescent="0.3">
      <c r="A84551" s="13" t="s">
        <v>425</v>
      </c>
      <c r="B84551" s="14" t="s">
        <v>1</v>
      </c>
      <c r="C84551" s="14" t="s">
        <v>51</v>
      </c>
      <c r="D84551" s="14" t="s">
        <v>398</v>
      </c>
      <c r="E84551" s="15">
        <v>45612</v>
      </c>
      <c r="F84551" s="14" t="s">
        <v>53</v>
      </c>
      <c r="G84551" s="16">
        <v>0</v>
      </c>
    </row>
    <row r="84552" spans="1:7" x14ac:dyDescent="0.3">
      <c r="A84552" s="13" t="s">
        <v>425</v>
      </c>
      <c r="B84552" s="14" t="s">
        <v>1</v>
      </c>
      <c r="C84552" s="14" t="s">
        <v>51</v>
      </c>
      <c r="D84552" s="14" t="s">
        <v>398</v>
      </c>
      <c r="E84552" s="15">
        <v>45613</v>
      </c>
      <c r="F84552" s="14" t="s">
        <v>53</v>
      </c>
      <c r="G84552" s="16">
        <v>0</v>
      </c>
    </row>
    <row r="84553" spans="1:7" x14ac:dyDescent="0.3">
      <c r="A84553" s="13" t="s">
        <v>425</v>
      </c>
      <c r="B84553" s="14" t="s">
        <v>1</v>
      </c>
      <c r="C84553" s="14" t="s">
        <v>51</v>
      </c>
      <c r="D84553" s="14" t="s">
        <v>398</v>
      </c>
      <c r="E84553" s="15">
        <v>45614</v>
      </c>
      <c r="F84553" s="14" t="s">
        <v>53</v>
      </c>
      <c r="G84553" s="16">
        <v>0</v>
      </c>
    </row>
    <row r="84554" spans="1:7" x14ac:dyDescent="0.3">
      <c r="A84554" s="13" t="s">
        <v>425</v>
      </c>
      <c r="B84554" s="14" t="s">
        <v>1</v>
      </c>
      <c r="C84554" s="14" t="s">
        <v>51</v>
      </c>
      <c r="D84554" s="14" t="s">
        <v>398</v>
      </c>
      <c r="E84554" s="15">
        <v>45615</v>
      </c>
      <c r="F84554" s="14" t="s">
        <v>53</v>
      </c>
      <c r="G84554" s="16">
        <v>0</v>
      </c>
    </row>
    <row r="84555" spans="1:7" x14ac:dyDescent="0.3">
      <c r="A84555" s="13" t="s">
        <v>425</v>
      </c>
      <c r="B84555" s="14" t="s">
        <v>1</v>
      </c>
      <c r="C84555" s="14" t="s">
        <v>51</v>
      </c>
      <c r="D84555" s="14" t="s">
        <v>398</v>
      </c>
      <c r="E84555" s="15">
        <v>45616</v>
      </c>
      <c r="F84555" s="14" t="s">
        <v>53</v>
      </c>
      <c r="G84555" s="16">
        <v>0</v>
      </c>
    </row>
    <row r="84556" spans="1:7" x14ac:dyDescent="0.3">
      <c r="A84556" s="13" t="s">
        <v>425</v>
      </c>
      <c r="B84556" s="14" t="s">
        <v>1</v>
      </c>
      <c r="C84556" s="14" t="s">
        <v>51</v>
      </c>
      <c r="D84556" s="14" t="s">
        <v>398</v>
      </c>
      <c r="E84556" s="15">
        <v>45617</v>
      </c>
      <c r="F84556" s="14" t="s">
        <v>53</v>
      </c>
      <c r="G84556" s="16">
        <v>0</v>
      </c>
    </row>
    <row r="84557" spans="1:7" x14ac:dyDescent="0.3">
      <c r="A84557" s="13" t="s">
        <v>425</v>
      </c>
      <c r="B84557" s="14" t="s">
        <v>1</v>
      </c>
      <c r="C84557" s="14" t="s">
        <v>51</v>
      </c>
      <c r="D84557" s="14" t="s">
        <v>398</v>
      </c>
      <c r="E84557" s="15">
        <v>45618</v>
      </c>
      <c r="F84557" s="14" t="s">
        <v>53</v>
      </c>
      <c r="G84557" s="16">
        <v>0</v>
      </c>
    </row>
    <row r="84558" spans="1:7" x14ac:dyDescent="0.3">
      <c r="A84558" s="13" t="s">
        <v>425</v>
      </c>
      <c r="B84558" s="14" t="s">
        <v>1</v>
      </c>
      <c r="C84558" s="14" t="s">
        <v>51</v>
      </c>
      <c r="D84558" s="14" t="s">
        <v>398</v>
      </c>
      <c r="E84558" s="15">
        <v>45619</v>
      </c>
      <c r="F84558" s="14" t="s">
        <v>53</v>
      </c>
      <c r="G84558" s="16">
        <v>0</v>
      </c>
    </row>
    <row r="84559" spans="1:7" x14ac:dyDescent="0.3">
      <c r="A84559" s="13" t="s">
        <v>425</v>
      </c>
      <c r="B84559" s="14" t="s">
        <v>1</v>
      </c>
      <c r="C84559" s="14" t="s">
        <v>51</v>
      </c>
      <c r="D84559" s="14" t="s">
        <v>398</v>
      </c>
      <c r="E84559" s="15">
        <v>45620</v>
      </c>
      <c r="F84559" s="14" t="s">
        <v>53</v>
      </c>
      <c r="G84559" s="16">
        <v>0</v>
      </c>
    </row>
    <row r="84560" spans="1:7" x14ac:dyDescent="0.3">
      <c r="A84560" s="13" t="s">
        <v>425</v>
      </c>
      <c r="B84560" s="14" t="s">
        <v>1</v>
      </c>
      <c r="C84560" s="14" t="s">
        <v>51</v>
      </c>
      <c r="D84560" s="14" t="s">
        <v>398</v>
      </c>
      <c r="E84560" s="15">
        <v>45621</v>
      </c>
      <c r="F84560" s="14" t="s">
        <v>53</v>
      </c>
      <c r="G84560" s="16">
        <v>0</v>
      </c>
    </row>
    <row r="84561" spans="1:7" x14ac:dyDescent="0.3">
      <c r="A84561" s="13" t="s">
        <v>425</v>
      </c>
      <c r="B84561" s="14" t="s">
        <v>1</v>
      </c>
      <c r="C84561" s="14" t="s">
        <v>51</v>
      </c>
      <c r="D84561" s="14" t="s">
        <v>398</v>
      </c>
      <c r="E84561" s="15">
        <v>45622</v>
      </c>
      <c r="F84561" s="14" t="s">
        <v>53</v>
      </c>
      <c r="G84561" s="16">
        <v>0</v>
      </c>
    </row>
    <row r="84562" spans="1:7" x14ac:dyDescent="0.3">
      <c r="A84562" s="13" t="s">
        <v>425</v>
      </c>
      <c r="B84562" s="14" t="s">
        <v>1</v>
      </c>
      <c r="C84562" s="14" t="s">
        <v>51</v>
      </c>
      <c r="D84562" s="14" t="s">
        <v>398</v>
      </c>
      <c r="E84562" s="15">
        <v>45623</v>
      </c>
      <c r="F84562" s="14" t="s">
        <v>53</v>
      </c>
      <c r="G84562" s="16">
        <v>0</v>
      </c>
    </row>
    <row r="84563" spans="1:7" x14ac:dyDescent="0.3">
      <c r="A84563" s="13" t="s">
        <v>425</v>
      </c>
      <c r="B84563" s="14" t="s">
        <v>1</v>
      </c>
      <c r="C84563" s="14" t="s">
        <v>51</v>
      </c>
      <c r="D84563" s="14" t="s">
        <v>398</v>
      </c>
      <c r="E84563" s="15">
        <v>45624</v>
      </c>
      <c r="F84563" s="14" t="s">
        <v>53</v>
      </c>
      <c r="G84563" s="16">
        <v>0</v>
      </c>
    </row>
    <row r="84564" spans="1:7" x14ac:dyDescent="0.3">
      <c r="A84564" s="13" t="s">
        <v>425</v>
      </c>
      <c r="B84564" s="14" t="s">
        <v>1</v>
      </c>
      <c r="C84564" s="14" t="s">
        <v>51</v>
      </c>
      <c r="D84564" s="14" t="s">
        <v>398</v>
      </c>
      <c r="E84564" s="15">
        <v>45625</v>
      </c>
      <c r="F84564" s="14" t="s">
        <v>53</v>
      </c>
      <c r="G84564" s="16">
        <v>0</v>
      </c>
    </row>
    <row r="84565" spans="1:7" x14ac:dyDescent="0.3">
      <c r="A84565" s="13" t="s">
        <v>425</v>
      </c>
      <c r="B84565" s="14" t="s">
        <v>1</v>
      </c>
      <c r="C84565" s="14" t="s">
        <v>51</v>
      </c>
      <c r="D84565" s="14" t="s">
        <v>398</v>
      </c>
      <c r="E84565" s="15">
        <v>45626</v>
      </c>
      <c r="F84565" s="14" t="s">
        <v>53</v>
      </c>
      <c r="G84565" s="16">
        <v>0</v>
      </c>
    </row>
    <row r="84566" spans="1:7" x14ac:dyDescent="0.3">
      <c r="A84566" s="13" t="s">
        <v>425</v>
      </c>
      <c r="B84566" s="14" t="s">
        <v>1</v>
      </c>
      <c r="C84566" s="14" t="s">
        <v>51</v>
      </c>
      <c r="D84566" s="14" t="s">
        <v>398</v>
      </c>
      <c r="E84566" s="15">
        <v>45627</v>
      </c>
      <c r="F84566" s="14" t="s">
        <v>53</v>
      </c>
      <c r="G84566" s="16">
        <v>0</v>
      </c>
    </row>
    <row r="84567" spans="1:7" x14ac:dyDescent="0.3">
      <c r="A84567" s="13" t="s">
        <v>425</v>
      </c>
      <c r="B84567" s="14" t="s">
        <v>1</v>
      </c>
      <c r="C84567" s="14" t="s">
        <v>51</v>
      </c>
      <c r="D84567" s="14" t="s">
        <v>398</v>
      </c>
      <c r="E84567" s="15">
        <v>45628</v>
      </c>
      <c r="F84567" s="14" t="s">
        <v>53</v>
      </c>
      <c r="G84567" s="16">
        <v>0</v>
      </c>
    </row>
    <row r="84568" spans="1:7" x14ac:dyDescent="0.3">
      <c r="A84568" s="13" t="s">
        <v>425</v>
      </c>
      <c r="B84568" s="14" t="s">
        <v>1</v>
      </c>
      <c r="C84568" s="14" t="s">
        <v>51</v>
      </c>
      <c r="D84568" s="14" t="s">
        <v>398</v>
      </c>
      <c r="E84568" s="15">
        <v>45629</v>
      </c>
      <c r="F84568" s="14" t="s">
        <v>53</v>
      </c>
      <c r="G84568" s="16">
        <v>0</v>
      </c>
    </row>
    <row r="84569" spans="1:7" x14ac:dyDescent="0.3">
      <c r="A84569" s="13" t="s">
        <v>425</v>
      </c>
      <c r="B84569" s="14" t="s">
        <v>1</v>
      </c>
      <c r="C84569" s="14" t="s">
        <v>51</v>
      </c>
      <c r="D84569" s="14" t="s">
        <v>398</v>
      </c>
      <c r="E84569" s="15">
        <v>45630</v>
      </c>
      <c r="F84569" s="14" t="s">
        <v>53</v>
      </c>
      <c r="G84569" s="16">
        <v>0</v>
      </c>
    </row>
    <row r="84570" spans="1:7" x14ac:dyDescent="0.3">
      <c r="A84570" s="13" t="s">
        <v>425</v>
      </c>
      <c r="B84570" s="14" t="s">
        <v>1</v>
      </c>
      <c r="C84570" s="14" t="s">
        <v>51</v>
      </c>
      <c r="D84570" s="14" t="s">
        <v>398</v>
      </c>
      <c r="E84570" s="15">
        <v>45631</v>
      </c>
      <c r="F84570" s="14" t="s">
        <v>53</v>
      </c>
      <c r="G84570" s="16">
        <v>0</v>
      </c>
    </row>
    <row r="84571" spans="1:7" x14ac:dyDescent="0.3">
      <c r="A84571" s="13" t="s">
        <v>425</v>
      </c>
      <c r="B84571" s="14" t="s">
        <v>1</v>
      </c>
      <c r="C84571" s="14" t="s">
        <v>51</v>
      </c>
      <c r="D84571" s="14" t="s">
        <v>398</v>
      </c>
      <c r="E84571" s="15">
        <v>45632</v>
      </c>
      <c r="F84571" s="14" t="s">
        <v>53</v>
      </c>
      <c r="G84571" s="16">
        <v>0</v>
      </c>
    </row>
    <row r="84572" spans="1:7" x14ac:dyDescent="0.3">
      <c r="A84572" s="13" t="s">
        <v>425</v>
      </c>
      <c r="B84572" s="14" t="s">
        <v>1</v>
      </c>
      <c r="C84572" s="14" t="s">
        <v>51</v>
      </c>
      <c r="D84572" s="14" t="s">
        <v>398</v>
      </c>
      <c r="E84572" s="15">
        <v>45633</v>
      </c>
      <c r="F84572" s="14" t="s">
        <v>53</v>
      </c>
      <c r="G84572" s="16">
        <v>0</v>
      </c>
    </row>
    <row r="84573" spans="1:7" x14ac:dyDescent="0.3">
      <c r="A84573" s="13" t="s">
        <v>425</v>
      </c>
      <c r="B84573" s="14" t="s">
        <v>1</v>
      </c>
      <c r="C84573" s="14" t="s">
        <v>51</v>
      </c>
      <c r="D84573" s="14" t="s">
        <v>398</v>
      </c>
      <c r="E84573" s="15">
        <v>45634</v>
      </c>
      <c r="F84573" s="14" t="s">
        <v>53</v>
      </c>
      <c r="G84573" s="16">
        <v>0</v>
      </c>
    </row>
    <row r="84574" spans="1:7" x14ac:dyDescent="0.3">
      <c r="A84574" s="13" t="s">
        <v>425</v>
      </c>
      <c r="B84574" s="14" t="s">
        <v>1</v>
      </c>
      <c r="C84574" s="14" t="s">
        <v>51</v>
      </c>
      <c r="D84574" s="14" t="s">
        <v>398</v>
      </c>
      <c r="E84574" s="15">
        <v>45635</v>
      </c>
      <c r="F84574" s="14" t="s">
        <v>53</v>
      </c>
      <c r="G84574" s="16">
        <v>0</v>
      </c>
    </row>
    <row r="84575" spans="1:7" x14ac:dyDescent="0.3">
      <c r="A84575" s="13" t="s">
        <v>425</v>
      </c>
      <c r="B84575" s="14" t="s">
        <v>1</v>
      </c>
      <c r="C84575" s="14" t="s">
        <v>51</v>
      </c>
      <c r="D84575" s="14" t="s">
        <v>398</v>
      </c>
      <c r="E84575" s="15">
        <v>45636</v>
      </c>
      <c r="F84575" s="14" t="s">
        <v>53</v>
      </c>
      <c r="G84575" s="16">
        <v>0</v>
      </c>
    </row>
    <row r="84576" spans="1:7" x14ac:dyDescent="0.3">
      <c r="A84576" s="13" t="s">
        <v>425</v>
      </c>
      <c r="B84576" s="14" t="s">
        <v>1</v>
      </c>
      <c r="C84576" s="14" t="s">
        <v>51</v>
      </c>
      <c r="D84576" s="14" t="s">
        <v>398</v>
      </c>
      <c r="E84576" s="15">
        <v>45637</v>
      </c>
      <c r="F84576" s="14" t="s">
        <v>53</v>
      </c>
      <c r="G84576" s="16">
        <v>0</v>
      </c>
    </row>
    <row r="84577" spans="1:7" x14ac:dyDescent="0.3">
      <c r="A84577" s="13" t="s">
        <v>425</v>
      </c>
      <c r="B84577" s="14" t="s">
        <v>1</v>
      </c>
      <c r="C84577" s="14" t="s">
        <v>51</v>
      </c>
      <c r="D84577" s="14" t="s">
        <v>398</v>
      </c>
      <c r="E84577" s="15">
        <v>45638</v>
      </c>
      <c r="F84577" s="14" t="s">
        <v>53</v>
      </c>
      <c r="G84577" s="16">
        <v>0</v>
      </c>
    </row>
    <row r="84578" spans="1:7" x14ac:dyDescent="0.3">
      <c r="A84578" s="13" t="s">
        <v>425</v>
      </c>
      <c r="B84578" s="14" t="s">
        <v>1</v>
      </c>
      <c r="C84578" s="14" t="s">
        <v>51</v>
      </c>
      <c r="D84578" s="14" t="s">
        <v>398</v>
      </c>
      <c r="E84578" s="15">
        <v>45639</v>
      </c>
      <c r="F84578" s="14" t="s">
        <v>53</v>
      </c>
      <c r="G84578" s="16">
        <v>0</v>
      </c>
    </row>
    <row r="84579" spans="1:7" x14ac:dyDescent="0.3">
      <c r="A84579" s="13" t="s">
        <v>425</v>
      </c>
      <c r="B84579" s="14" t="s">
        <v>1</v>
      </c>
      <c r="C84579" s="14" t="s">
        <v>51</v>
      </c>
      <c r="D84579" s="14" t="s">
        <v>398</v>
      </c>
      <c r="E84579" s="15">
        <v>45640</v>
      </c>
      <c r="F84579" s="14" t="s">
        <v>53</v>
      </c>
      <c r="G84579" s="16">
        <v>0</v>
      </c>
    </row>
    <row r="84580" spans="1:7" x14ac:dyDescent="0.3">
      <c r="A84580" s="13" t="s">
        <v>425</v>
      </c>
      <c r="B84580" s="14" t="s">
        <v>1</v>
      </c>
      <c r="C84580" s="14" t="s">
        <v>51</v>
      </c>
      <c r="D84580" s="14" t="s">
        <v>398</v>
      </c>
      <c r="E84580" s="15">
        <v>45641</v>
      </c>
      <c r="F84580" s="14" t="s">
        <v>53</v>
      </c>
      <c r="G84580" s="16">
        <v>0</v>
      </c>
    </row>
    <row r="84581" spans="1:7" x14ac:dyDescent="0.3">
      <c r="A84581" s="13" t="s">
        <v>425</v>
      </c>
      <c r="B84581" s="14" t="s">
        <v>1</v>
      </c>
      <c r="C84581" s="14" t="s">
        <v>51</v>
      </c>
      <c r="D84581" s="14" t="s">
        <v>398</v>
      </c>
      <c r="E84581" s="15">
        <v>45642</v>
      </c>
      <c r="F84581" s="14" t="s">
        <v>53</v>
      </c>
      <c r="G84581" s="16">
        <v>0</v>
      </c>
    </row>
    <row r="84582" spans="1:7" x14ac:dyDescent="0.3">
      <c r="A84582" s="13" t="s">
        <v>425</v>
      </c>
      <c r="B84582" s="14" t="s">
        <v>1</v>
      </c>
      <c r="C84582" s="14" t="s">
        <v>51</v>
      </c>
      <c r="D84582" s="14" t="s">
        <v>398</v>
      </c>
      <c r="E84582" s="15">
        <v>45643</v>
      </c>
      <c r="F84582" s="14" t="s">
        <v>53</v>
      </c>
      <c r="G84582" s="16">
        <v>0</v>
      </c>
    </row>
    <row r="84583" spans="1:7" x14ac:dyDescent="0.3">
      <c r="A84583" s="13" t="s">
        <v>425</v>
      </c>
      <c r="B84583" s="14" t="s">
        <v>1</v>
      </c>
      <c r="C84583" s="14" t="s">
        <v>51</v>
      </c>
      <c r="D84583" s="14" t="s">
        <v>398</v>
      </c>
      <c r="E84583" s="15">
        <v>45644</v>
      </c>
      <c r="F84583" s="14" t="s">
        <v>53</v>
      </c>
      <c r="G84583" s="16">
        <v>0</v>
      </c>
    </row>
    <row r="84584" spans="1:7" x14ac:dyDescent="0.3">
      <c r="A84584" s="13" t="s">
        <v>425</v>
      </c>
      <c r="B84584" s="14" t="s">
        <v>1</v>
      </c>
      <c r="C84584" s="14" t="s">
        <v>51</v>
      </c>
      <c r="D84584" s="14" t="s">
        <v>398</v>
      </c>
      <c r="E84584" s="15">
        <v>45645</v>
      </c>
      <c r="F84584" s="14" t="s">
        <v>53</v>
      </c>
      <c r="G84584" s="16">
        <v>0</v>
      </c>
    </row>
    <row r="84585" spans="1:7" x14ac:dyDescent="0.3">
      <c r="A84585" s="13" t="s">
        <v>425</v>
      </c>
      <c r="B84585" s="14" t="s">
        <v>1</v>
      </c>
      <c r="C84585" s="14" t="s">
        <v>51</v>
      </c>
      <c r="D84585" s="14" t="s">
        <v>398</v>
      </c>
      <c r="E84585" s="15">
        <v>45646</v>
      </c>
      <c r="F84585" s="14" t="s">
        <v>53</v>
      </c>
      <c r="G84585" s="16">
        <v>0</v>
      </c>
    </row>
    <row r="84586" spans="1:7" x14ac:dyDescent="0.3">
      <c r="A84586" s="13" t="s">
        <v>425</v>
      </c>
      <c r="B84586" s="14" t="s">
        <v>1</v>
      </c>
      <c r="C84586" s="14" t="s">
        <v>51</v>
      </c>
      <c r="D84586" s="14" t="s">
        <v>398</v>
      </c>
      <c r="E84586" s="15">
        <v>45647</v>
      </c>
      <c r="F84586" s="14" t="s">
        <v>53</v>
      </c>
      <c r="G84586" s="16">
        <v>0</v>
      </c>
    </row>
    <row r="84587" spans="1:7" x14ac:dyDescent="0.3">
      <c r="A84587" s="13" t="s">
        <v>425</v>
      </c>
      <c r="B84587" s="14" t="s">
        <v>1</v>
      </c>
      <c r="C84587" s="14" t="s">
        <v>51</v>
      </c>
      <c r="D84587" s="14" t="s">
        <v>398</v>
      </c>
      <c r="E84587" s="15">
        <v>45648</v>
      </c>
      <c r="F84587" s="14" t="s">
        <v>53</v>
      </c>
      <c r="G84587" s="16">
        <v>0</v>
      </c>
    </row>
    <row r="84588" spans="1:7" x14ac:dyDescent="0.3">
      <c r="A84588" s="13" t="s">
        <v>425</v>
      </c>
      <c r="B84588" s="14" t="s">
        <v>1</v>
      </c>
      <c r="C84588" s="14" t="s">
        <v>51</v>
      </c>
      <c r="D84588" s="14" t="s">
        <v>398</v>
      </c>
      <c r="E84588" s="15">
        <v>45649</v>
      </c>
      <c r="F84588" s="14" t="s">
        <v>53</v>
      </c>
      <c r="G84588" s="16">
        <v>0</v>
      </c>
    </row>
    <row r="84589" spans="1:7" x14ac:dyDescent="0.3">
      <c r="A84589" s="13" t="s">
        <v>425</v>
      </c>
      <c r="B84589" s="14" t="s">
        <v>1</v>
      </c>
      <c r="C84589" s="14" t="s">
        <v>51</v>
      </c>
      <c r="D84589" s="14" t="s">
        <v>398</v>
      </c>
      <c r="E84589" s="15">
        <v>45650</v>
      </c>
      <c r="F84589" s="14" t="s">
        <v>53</v>
      </c>
      <c r="G84589" s="16">
        <v>0</v>
      </c>
    </row>
    <row r="84590" spans="1:7" x14ac:dyDescent="0.3">
      <c r="A84590" s="13" t="s">
        <v>425</v>
      </c>
      <c r="B84590" s="14" t="s">
        <v>1</v>
      </c>
      <c r="C84590" s="14" t="s">
        <v>51</v>
      </c>
      <c r="D84590" s="14" t="s">
        <v>398</v>
      </c>
      <c r="E84590" s="15">
        <v>45651</v>
      </c>
      <c r="F84590" s="14" t="s">
        <v>53</v>
      </c>
      <c r="G84590" s="16">
        <v>0</v>
      </c>
    </row>
    <row r="84591" spans="1:7" x14ac:dyDescent="0.3">
      <c r="A84591" s="13" t="s">
        <v>425</v>
      </c>
      <c r="B84591" s="14" t="s">
        <v>1</v>
      </c>
      <c r="C84591" s="14" t="s">
        <v>51</v>
      </c>
      <c r="D84591" s="14" t="s">
        <v>398</v>
      </c>
      <c r="E84591" s="15">
        <v>45652</v>
      </c>
      <c r="F84591" s="14" t="s">
        <v>53</v>
      </c>
      <c r="G84591" s="16">
        <v>0</v>
      </c>
    </row>
    <row r="84592" spans="1:7" x14ac:dyDescent="0.3">
      <c r="A84592" s="13" t="s">
        <v>425</v>
      </c>
      <c r="B84592" s="14" t="s">
        <v>1</v>
      </c>
      <c r="C84592" s="14" t="s">
        <v>51</v>
      </c>
      <c r="D84592" s="14" t="s">
        <v>398</v>
      </c>
      <c r="E84592" s="15">
        <v>45653</v>
      </c>
      <c r="F84592" s="14" t="s">
        <v>53</v>
      </c>
      <c r="G84592" s="16">
        <v>0</v>
      </c>
    </row>
    <row r="84593" spans="1:7" x14ac:dyDescent="0.3">
      <c r="A84593" s="13" t="s">
        <v>425</v>
      </c>
      <c r="B84593" s="14" t="s">
        <v>1</v>
      </c>
      <c r="C84593" s="14" t="s">
        <v>51</v>
      </c>
      <c r="D84593" s="14" t="s">
        <v>398</v>
      </c>
      <c r="E84593" s="15">
        <v>45654</v>
      </c>
      <c r="F84593" s="14" t="s">
        <v>53</v>
      </c>
      <c r="G84593" s="16">
        <v>0</v>
      </c>
    </row>
    <row r="84594" spans="1:7" x14ac:dyDescent="0.3">
      <c r="A84594" s="13" t="s">
        <v>425</v>
      </c>
      <c r="B84594" s="14" t="s">
        <v>1</v>
      </c>
      <c r="C84594" s="14" t="s">
        <v>51</v>
      </c>
      <c r="D84594" s="14" t="s">
        <v>398</v>
      </c>
      <c r="E84594" s="15">
        <v>45655</v>
      </c>
      <c r="F84594" s="14" t="s">
        <v>53</v>
      </c>
      <c r="G84594" s="16">
        <v>0</v>
      </c>
    </row>
    <row r="84595" spans="1:7" x14ac:dyDescent="0.3">
      <c r="A84595" s="13" t="s">
        <v>425</v>
      </c>
      <c r="B84595" s="14" t="s">
        <v>1</v>
      </c>
      <c r="C84595" s="14" t="s">
        <v>51</v>
      </c>
      <c r="D84595" s="14" t="s">
        <v>398</v>
      </c>
      <c r="E84595" s="15">
        <v>45656</v>
      </c>
      <c r="F84595" s="14" t="s">
        <v>53</v>
      </c>
      <c r="G84595" s="16">
        <v>0</v>
      </c>
    </row>
    <row r="84596" spans="1:7" x14ac:dyDescent="0.3">
      <c r="A84596" s="13" t="s">
        <v>425</v>
      </c>
      <c r="B84596" s="14" t="s">
        <v>1</v>
      </c>
      <c r="C84596" s="14" t="s">
        <v>51</v>
      </c>
      <c r="D84596" s="14" t="s">
        <v>398</v>
      </c>
      <c r="E84596" s="15">
        <v>45657</v>
      </c>
      <c r="F84596" s="14" t="s">
        <v>53</v>
      </c>
      <c r="G84596" s="16">
        <v>0</v>
      </c>
    </row>
    <row r="84597" spans="1:7" x14ac:dyDescent="0.3">
      <c r="A84597" s="13" t="s">
        <v>425</v>
      </c>
      <c r="B84597" s="14" t="s">
        <v>1</v>
      </c>
      <c r="C84597" s="14" t="s">
        <v>51</v>
      </c>
      <c r="D84597" s="14" t="s">
        <v>398</v>
      </c>
      <c r="E84597" s="15">
        <v>45658</v>
      </c>
      <c r="F84597" s="14" t="s">
        <v>53</v>
      </c>
      <c r="G84597" s="16">
        <v>0</v>
      </c>
    </row>
    <row r="84598" spans="1:7" x14ac:dyDescent="0.3">
      <c r="A84598" s="13" t="s">
        <v>425</v>
      </c>
      <c r="B84598" s="14" t="s">
        <v>1</v>
      </c>
      <c r="C84598" s="14" t="s">
        <v>51</v>
      </c>
      <c r="D84598" s="14" t="s">
        <v>398</v>
      </c>
      <c r="E84598" s="15">
        <v>45659</v>
      </c>
      <c r="F84598" s="14" t="s">
        <v>53</v>
      </c>
      <c r="G84598" s="16">
        <v>0</v>
      </c>
    </row>
    <row r="84599" spans="1:7" x14ac:dyDescent="0.3">
      <c r="A84599" s="13" t="s">
        <v>425</v>
      </c>
      <c r="B84599" s="14" t="s">
        <v>1</v>
      </c>
      <c r="C84599" s="14" t="s">
        <v>51</v>
      </c>
      <c r="D84599" s="14" t="s">
        <v>398</v>
      </c>
      <c r="E84599" s="15">
        <v>45660</v>
      </c>
      <c r="F84599" s="14" t="s">
        <v>53</v>
      </c>
      <c r="G84599" s="16">
        <v>0</v>
      </c>
    </row>
    <row r="84600" spans="1:7" x14ac:dyDescent="0.3">
      <c r="A84600" s="13" t="s">
        <v>425</v>
      </c>
      <c r="B84600" s="14" t="s">
        <v>1</v>
      </c>
      <c r="C84600" s="14" t="s">
        <v>51</v>
      </c>
      <c r="D84600" s="14" t="s">
        <v>398</v>
      </c>
      <c r="E84600" s="15">
        <v>45661</v>
      </c>
      <c r="F84600" s="14" t="s">
        <v>53</v>
      </c>
      <c r="G84600" s="16">
        <v>0</v>
      </c>
    </row>
    <row r="84601" spans="1:7" x14ac:dyDescent="0.3">
      <c r="A84601" s="13" t="s">
        <v>425</v>
      </c>
      <c r="B84601" s="14" t="s">
        <v>1</v>
      </c>
      <c r="C84601" s="14" t="s">
        <v>51</v>
      </c>
      <c r="D84601" s="14" t="s">
        <v>398</v>
      </c>
      <c r="E84601" s="15">
        <v>45662</v>
      </c>
      <c r="F84601" s="14" t="s">
        <v>53</v>
      </c>
      <c r="G84601" s="16">
        <v>0</v>
      </c>
    </row>
    <row r="84602" spans="1:7" x14ac:dyDescent="0.3">
      <c r="A84602" s="13" t="s">
        <v>425</v>
      </c>
      <c r="B84602" s="14" t="s">
        <v>1</v>
      </c>
      <c r="C84602" s="14" t="s">
        <v>51</v>
      </c>
      <c r="D84602" s="14" t="s">
        <v>398</v>
      </c>
      <c r="E84602" s="15">
        <v>45663</v>
      </c>
      <c r="F84602" s="14" t="s">
        <v>53</v>
      </c>
      <c r="G84602" s="16">
        <v>0</v>
      </c>
    </row>
    <row r="84603" spans="1:7" x14ac:dyDescent="0.3">
      <c r="A84603" s="13" t="s">
        <v>425</v>
      </c>
      <c r="B84603" s="14" t="s">
        <v>1</v>
      </c>
      <c r="C84603" s="14" t="s">
        <v>51</v>
      </c>
      <c r="D84603" s="14" t="s">
        <v>398</v>
      </c>
      <c r="E84603" s="15">
        <v>45664</v>
      </c>
      <c r="F84603" s="14" t="s">
        <v>53</v>
      </c>
      <c r="G84603" s="16">
        <v>0</v>
      </c>
    </row>
    <row r="84604" spans="1:7" x14ac:dyDescent="0.3">
      <c r="A84604" s="13" t="s">
        <v>425</v>
      </c>
      <c r="B84604" s="14" t="s">
        <v>1</v>
      </c>
      <c r="C84604" s="14" t="s">
        <v>51</v>
      </c>
      <c r="D84604" s="14" t="s">
        <v>398</v>
      </c>
      <c r="E84604" s="15">
        <v>45665</v>
      </c>
      <c r="F84604" s="14" t="s">
        <v>53</v>
      </c>
      <c r="G84604" s="16">
        <v>0</v>
      </c>
    </row>
    <row r="84605" spans="1:7" x14ac:dyDescent="0.3">
      <c r="A84605" s="13" t="s">
        <v>425</v>
      </c>
      <c r="B84605" s="14" t="s">
        <v>1</v>
      </c>
      <c r="C84605" s="14" t="s">
        <v>51</v>
      </c>
      <c r="D84605" s="14" t="s">
        <v>398</v>
      </c>
      <c r="E84605" s="15">
        <v>45666</v>
      </c>
      <c r="F84605" s="14" t="s">
        <v>53</v>
      </c>
      <c r="G84605" s="16">
        <v>0</v>
      </c>
    </row>
    <row r="84606" spans="1:7" x14ac:dyDescent="0.3">
      <c r="A84606" s="13" t="s">
        <v>425</v>
      </c>
      <c r="B84606" s="14" t="s">
        <v>1</v>
      </c>
      <c r="C84606" s="14" t="s">
        <v>51</v>
      </c>
      <c r="D84606" s="14" t="s">
        <v>398</v>
      </c>
      <c r="E84606" s="15">
        <v>45667</v>
      </c>
      <c r="F84606" s="14" t="s">
        <v>53</v>
      </c>
      <c r="G84606" s="16">
        <v>0</v>
      </c>
    </row>
    <row r="84607" spans="1:7" x14ac:dyDescent="0.3">
      <c r="A84607" s="13" t="s">
        <v>425</v>
      </c>
      <c r="B84607" s="14" t="s">
        <v>1</v>
      </c>
      <c r="C84607" s="14" t="s">
        <v>51</v>
      </c>
      <c r="D84607" s="14" t="s">
        <v>398</v>
      </c>
      <c r="E84607" s="15">
        <v>45668</v>
      </c>
      <c r="F84607" s="14" t="s">
        <v>53</v>
      </c>
      <c r="G84607" s="16">
        <v>0</v>
      </c>
    </row>
    <row r="84608" spans="1:7" x14ac:dyDescent="0.3">
      <c r="A84608" s="13" t="s">
        <v>425</v>
      </c>
      <c r="B84608" s="14" t="s">
        <v>1</v>
      </c>
      <c r="C84608" s="14" t="s">
        <v>51</v>
      </c>
      <c r="D84608" s="14" t="s">
        <v>398</v>
      </c>
      <c r="E84608" s="15">
        <v>45669</v>
      </c>
      <c r="F84608" s="14" t="s">
        <v>53</v>
      </c>
      <c r="G84608" s="16">
        <v>0</v>
      </c>
    </row>
    <row r="84609" spans="1:7" x14ac:dyDescent="0.3">
      <c r="A84609" s="13" t="s">
        <v>425</v>
      </c>
      <c r="B84609" s="14" t="s">
        <v>1</v>
      </c>
      <c r="C84609" s="14" t="s">
        <v>51</v>
      </c>
      <c r="D84609" s="14" t="s">
        <v>398</v>
      </c>
      <c r="E84609" s="15">
        <v>45670</v>
      </c>
      <c r="F84609" s="14" t="s">
        <v>53</v>
      </c>
      <c r="G84609" s="16">
        <v>0</v>
      </c>
    </row>
    <row r="84610" spans="1:7" x14ac:dyDescent="0.3">
      <c r="A84610" s="13" t="s">
        <v>425</v>
      </c>
      <c r="B84610" s="14" t="s">
        <v>1</v>
      </c>
      <c r="C84610" s="14" t="s">
        <v>51</v>
      </c>
      <c r="D84610" s="14" t="s">
        <v>398</v>
      </c>
      <c r="E84610" s="15">
        <v>45671</v>
      </c>
      <c r="F84610" s="14" t="s">
        <v>53</v>
      </c>
      <c r="G84610" s="16">
        <v>0</v>
      </c>
    </row>
    <row r="84611" spans="1:7" x14ac:dyDescent="0.3">
      <c r="A84611" s="13" t="s">
        <v>425</v>
      </c>
      <c r="B84611" s="14" t="s">
        <v>1</v>
      </c>
      <c r="C84611" s="14" t="s">
        <v>51</v>
      </c>
      <c r="D84611" s="14" t="s">
        <v>398</v>
      </c>
      <c r="E84611" s="15">
        <v>45672</v>
      </c>
      <c r="F84611" s="14" t="s">
        <v>53</v>
      </c>
      <c r="G84611" s="16">
        <v>0</v>
      </c>
    </row>
    <row r="84612" spans="1:7" x14ac:dyDescent="0.3">
      <c r="A84612" s="13" t="s">
        <v>425</v>
      </c>
      <c r="B84612" s="14" t="s">
        <v>1</v>
      </c>
      <c r="C84612" s="14" t="s">
        <v>51</v>
      </c>
      <c r="D84612" s="14" t="s">
        <v>398</v>
      </c>
      <c r="E84612" s="15">
        <v>45673</v>
      </c>
      <c r="F84612" s="14" t="s">
        <v>53</v>
      </c>
      <c r="G84612" s="16">
        <v>0</v>
      </c>
    </row>
    <row r="84613" spans="1:7" x14ac:dyDescent="0.3">
      <c r="A84613" s="13" t="s">
        <v>425</v>
      </c>
      <c r="B84613" s="14" t="s">
        <v>1</v>
      </c>
      <c r="C84613" s="14" t="s">
        <v>51</v>
      </c>
      <c r="D84613" s="14" t="s">
        <v>398</v>
      </c>
      <c r="E84613" s="15">
        <v>45674</v>
      </c>
      <c r="F84613" s="14" t="s">
        <v>53</v>
      </c>
      <c r="G84613" s="16">
        <v>0</v>
      </c>
    </row>
    <row r="84614" spans="1:7" x14ac:dyDescent="0.3">
      <c r="A84614" s="13" t="s">
        <v>425</v>
      </c>
      <c r="B84614" s="14" t="s">
        <v>1</v>
      </c>
      <c r="C84614" s="14" t="s">
        <v>51</v>
      </c>
      <c r="D84614" s="14" t="s">
        <v>398</v>
      </c>
      <c r="E84614" s="15">
        <v>45675</v>
      </c>
      <c r="F84614" s="14" t="s">
        <v>53</v>
      </c>
      <c r="G84614" s="16">
        <v>0</v>
      </c>
    </row>
    <row r="84615" spans="1:7" x14ac:dyDescent="0.3">
      <c r="A84615" s="13" t="s">
        <v>425</v>
      </c>
      <c r="B84615" s="14" t="s">
        <v>1</v>
      </c>
      <c r="C84615" s="14" t="s">
        <v>51</v>
      </c>
      <c r="D84615" s="14" t="s">
        <v>398</v>
      </c>
      <c r="E84615" s="15">
        <v>45676</v>
      </c>
      <c r="F84615" s="14" t="s">
        <v>53</v>
      </c>
      <c r="G84615" s="16">
        <v>0</v>
      </c>
    </row>
    <row r="84616" spans="1:7" x14ac:dyDescent="0.3">
      <c r="A84616" s="13" t="s">
        <v>425</v>
      </c>
      <c r="B84616" s="14" t="s">
        <v>1</v>
      </c>
      <c r="C84616" s="14" t="s">
        <v>51</v>
      </c>
      <c r="D84616" s="14" t="s">
        <v>398</v>
      </c>
      <c r="E84616" s="15">
        <v>45677</v>
      </c>
      <c r="F84616" s="14" t="s">
        <v>53</v>
      </c>
      <c r="G84616" s="16">
        <v>0</v>
      </c>
    </row>
    <row r="84617" spans="1:7" x14ac:dyDescent="0.3">
      <c r="A84617" s="13" t="s">
        <v>425</v>
      </c>
      <c r="B84617" s="14" t="s">
        <v>1</v>
      </c>
      <c r="C84617" s="14" t="s">
        <v>51</v>
      </c>
      <c r="D84617" s="14" t="s">
        <v>398</v>
      </c>
      <c r="E84617" s="15">
        <v>45678</v>
      </c>
      <c r="F84617" s="14" t="s">
        <v>53</v>
      </c>
      <c r="G84617" s="16">
        <v>0</v>
      </c>
    </row>
    <row r="84618" spans="1:7" x14ac:dyDescent="0.3">
      <c r="A84618" s="13" t="s">
        <v>425</v>
      </c>
      <c r="B84618" s="14" t="s">
        <v>1</v>
      </c>
      <c r="C84618" s="14" t="s">
        <v>51</v>
      </c>
      <c r="D84618" s="14" t="s">
        <v>398</v>
      </c>
      <c r="E84618" s="15">
        <v>45679</v>
      </c>
      <c r="F84618" s="14" t="s">
        <v>53</v>
      </c>
      <c r="G84618" s="16">
        <v>0</v>
      </c>
    </row>
    <row r="84619" spans="1:7" x14ac:dyDescent="0.3">
      <c r="A84619" s="13" t="s">
        <v>425</v>
      </c>
      <c r="B84619" s="14" t="s">
        <v>1</v>
      </c>
      <c r="C84619" s="14" t="s">
        <v>51</v>
      </c>
      <c r="D84619" s="14" t="s">
        <v>398</v>
      </c>
      <c r="E84619" s="15">
        <v>45680</v>
      </c>
      <c r="F84619" s="14" t="s">
        <v>53</v>
      </c>
      <c r="G84619" s="16">
        <v>0</v>
      </c>
    </row>
    <row r="84620" spans="1:7" x14ac:dyDescent="0.3">
      <c r="A84620" s="13" t="s">
        <v>425</v>
      </c>
      <c r="B84620" s="14" t="s">
        <v>1</v>
      </c>
      <c r="C84620" s="14" t="s">
        <v>51</v>
      </c>
      <c r="D84620" s="14" t="s">
        <v>398</v>
      </c>
      <c r="E84620" s="15">
        <v>45681</v>
      </c>
      <c r="F84620" s="14" t="s">
        <v>53</v>
      </c>
      <c r="G84620" s="16">
        <v>0</v>
      </c>
    </row>
    <row r="84621" spans="1:7" x14ac:dyDescent="0.3">
      <c r="A84621" s="13" t="s">
        <v>425</v>
      </c>
      <c r="B84621" s="14" t="s">
        <v>1</v>
      </c>
      <c r="C84621" s="14" t="s">
        <v>51</v>
      </c>
      <c r="D84621" s="14" t="s">
        <v>398</v>
      </c>
      <c r="E84621" s="15">
        <v>45682</v>
      </c>
      <c r="F84621" s="14" t="s">
        <v>53</v>
      </c>
      <c r="G84621" s="16">
        <v>0</v>
      </c>
    </row>
    <row r="84622" spans="1:7" x14ac:dyDescent="0.3">
      <c r="A84622" s="13" t="s">
        <v>425</v>
      </c>
      <c r="B84622" s="14" t="s">
        <v>1</v>
      </c>
      <c r="C84622" s="14" t="s">
        <v>51</v>
      </c>
      <c r="D84622" s="14" t="s">
        <v>398</v>
      </c>
      <c r="E84622" s="15">
        <v>45683</v>
      </c>
      <c r="F84622" s="14" t="s">
        <v>53</v>
      </c>
      <c r="G84622" s="16">
        <v>0</v>
      </c>
    </row>
    <row r="84623" spans="1:7" x14ac:dyDescent="0.3">
      <c r="A84623" s="13" t="s">
        <v>425</v>
      </c>
      <c r="B84623" s="14" t="s">
        <v>1</v>
      </c>
      <c r="C84623" s="14" t="s">
        <v>51</v>
      </c>
      <c r="D84623" s="14" t="s">
        <v>398</v>
      </c>
      <c r="E84623" s="15">
        <v>45684</v>
      </c>
      <c r="F84623" s="14" t="s">
        <v>53</v>
      </c>
      <c r="G84623" s="16">
        <v>0</v>
      </c>
    </row>
    <row r="84624" spans="1:7" x14ac:dyDescent="0.3">
      <c r="A84624" s="13" t="s">
        <v>425</v>
      </c>
      <c r="B84624" s="14" t="s">
        <v>1</v>
      </c>
      <c r="C84624" s="14" t="s">
        <v>51</v>
      </c>
      <c r="D84624" s="14" t="s">
        <v>398</v>
      </c>
      <c r="E84624" s="15">
        <v>45685</v>
      </c>
      <c r="F84624" s="14" t="s">
        <v>53</v>
      </c>
      <c r="G84624" s="16">
        <v>0</v>
      </c>
    </row>
    <row r="84625" spans="1:7" x14ac:dyDescent="0.3">
      <c r="A84625" s="13" t="s">
        <v>425</v>
      </c>
      <c r="B84625" s="14" t="s">
        <v>1</v>
      </c>
      <c r="C84625" s="14" t="s">
        <v>51</v>
      </c>
      <c r="D84625" s="14" t="s">
        <v>398</v>
      </c>
      <c r="E84625" s="15">
        <v>45686</v>
      </c>
      <c r="F84625" s="14" t="s">
        <v>53</v>
      </c>
      <c r="G84625" s="16">
        <v>0</v>
      </c>
    </row>
    <row r="84626" spans="1:7" x14ac:dyDescent="0.3">
      <c r="A84626" s="13" t="s">
        <v>425</v>
      </c>
      <c r="B84626" s="14" t="s">
        <v>1</v>
      </c>
      <c r="C84626" s="14" t="s">
        <v>51</v>
      </c>
      <c r="D84626" s="14" t="s">
        <v>398</v>
      </c>
      <c r="E84626" s="15">
        <v>45687</v>
      </c>
      <c r="F84626" s="14" t="s">
        <v>53</v>
      </c>
      <c r="G84626" s="16">
        <v>0</v>
      </c>
    </row>
    <row r="84627" spans="1:7" x14ac:dyDescent="0.3">
      <c r="A84627" s="13" t="s">
        <v>425</v>
      </c>
      <c r="B84627" s="14" t="s">
        <v>1</v>
      </c>
      <c r="C84627" s="14" t="s">
        <v>51</v>
      </c>
      <c r="D84627" s="14" t="s">
        <v>398</v>
      </c>
      <c r="E84627" s="15">
        <v>45688</v>
      </c>
      <c r="F84627" s="14" t="s">
        <v>53</v>
      </c>
      <c r="G84627" s="16">
        <v>0</v>
      </c>
    </row>
    <row r="84628" spans="1:7" x14ac:dyDescent="0.3">
      <c r="A84628" s="13" t="s">
        <v>425</v>
      </c>
      <c r="B84628" s="14" t="s">
        <v>1</v>
      </c>
      <c r="C84628" s="14" t="s">
        <v>51</v>
      </c>
      <c r="D84628" s="14" t="s">
        <v>398</v>
      </c>
      <c r="E84628" s="15">
        <v>45689</v>
      </c>
      <c r="F84628" s="14" t="s">
        <v>53</v>
      </c>
      <c r="G84628" s="16">
        <v>0</v>
      </c>
    </row>
    <row r="84629" spans="1:7" x14ac:dyDescent="0.3">
      <c r="A84629" s="13" t="s">
        <v>425</v>
      </c>
      <c r="B84629" s="14" t="s">
        <v>1</v>
      </c>
      <c r="C84629" s="14" t="s">
        <v>51</v>
      </c>
      <c r="D84629" s="14" t="s">
        <v>398</v>
      </c>
      <c r="E84629" s="15">
        <v>45690</v>
      </c>
      <c r="F84629" s="14" t="s">
        <v>53</v>
      </c>
      <c r="G84629" s="16">
        <v>0</v>
      </c>
    </row>
    <row r="84630" spans="1:7" x14ac:dyDescent="0.3">
      <c r="A84630" s="13" t="s">
        <v>425</v>
      </c>
      <c r="B84630" s="14" t="s">
        <v>1</v>
      </c>
      <c r="C84630" s="14" t="s">
        <v>51</v>
      </c>
      <c r="D84630" s="14" t="s">
        <v>398</v>
      </c>
      <c r="E84630" s="15">
        <v>45691</v>
      </c>
      <c r="F84630" s="14" t="s">
        <v>53</v>
      </c>
      <c r="G84630" s="16">
        <v>0</v>
      </c>
    </row>
    <row r="84631" spans="1:7" x14ac:dyDescent="0.3">
      <c r="A84631" s="13" t="s">
        <v>425</v>
      </c>
      <c r="B84631" s="14" t="s">
        <v>1</v>
      </c>
      <c r="C84631" s="14" t="s">
        <v>51</v>
      </c>
      <c r="D84631" s="14" t="s">
        <v>398</v>
      </c>
      <c r="E84631" s="15">
        <v>45692</v>
      </c>
      <c r="F84631" s="14" t="s">
        <v>53</v>
      </c>
      <c r="G84631" s="16">
        <v>0</v>
      </c>
    </row>
    <row r="84632" spans="1:7" x14ac:dyDescent="0.3">
      <c r="A84632" s="13" t="s">
        <v>425</v>
      </c>
      <c r="B84632" s="14" t="s">
        <v>1</v>
      </c>
      <c r="C84632" s="14" t="s">
        <v>51</v>
      </c>
      <c r="D84632" s="14" t="s">
        <v>398</v>
      </c>
      <c r="E84632" s="15">
        <v>45693</v>
      </c>
      <c r="F84632" s="14" t="s">
        <v>53</v>
      </c>
      <c r="G84632" s="16">
        <v>0</v>
      </c>
    </row>
    <row r="84633" spans="1:7" x14ac:dyDescent="0.3">
      <c r="A84633" s="13" t="s">
        <v>425</v>
      </c>
      <c r="B84633" s="14" t="s">
        <v>1</v>
      </c>
      <c r="C84633" s="14" t="s">
        <v>51</v>
      </c>
      <c r="D84633" s="14" t="s">
        <v>398</v>
      </c>
      <c r="E84633" s="15">
        <v>45694</v>
      </c>
      <c r="F84633" s="14" t="s">
        <v>53</v>
      </c>
      <c r="G84633" s="16">
        <v>0</v>
      </c>
    </row>
    <row r="84634" spans="1:7" x14ac:dyDescent="0.3">
      <c r="A84634" s="13" t="s">
        <v>425</v>
      </c>
      <c r="B84634" s="14" t="s">
        <v>1</v>
      </c>
      <c r="C84634" s="14" t="s">
        <v>51</v>
      </c>
      <c r="D84634" s="14" t="s">
        <v>398</v>
      </c>
      <c r="E84634" s="15">
        <v>45695</v>
      </c>
      <c r="F84634" s="14" t="s">
        <v>53</v>
      </c>
      <c r="G84634" s="16">
        <v>0</v>
      </c>
    </row>
    <row r="84635" spans="1:7" x14ac:dyDescent="0.3">
      <c r="A84635" s="13" t="s">
        <v>425</v>
      </c>
      <c r="B84635" s="14" t="s">
        <v>1</v>
      </c>
      <c r="C84635" s="14" t="s">
        <v>51</v>
      </c>
      <c r="D84635" s="14" t="s">
        <v>398</v>
      </c>
      <c r="E84635" s="15">
        <v>45696</v>
      </c>
      <c r="F84635" s="14" t="s">
        <v>53</v>
      </c>
      <c r="G84635" s="16">
        <v>0</v>
      </c>
    </row>
    <row r="84636" spans="1:7" x14ac:dyDescent="0.3">
      <c r="A84636" s="13" t="s">
        <v>425</v>
      </c>
      <c r="B84636" s="14" t="s">
        <v>1</v>
      </c>
      <c r="C84636" s="14" t="s">
        <v>51</v>
      </c>
      <c r="D84636" s="14" t="s">
        <v>398</v>
      </c>
      <c r="E84636" s="15">
        <v>45697</v>
      </c>
      <c r="F84636" s="14" t="s">
        <v>53</v>
      </c>
      <c r="G84636" s="16">
        <v>0</v>
      </c>
    </row>
    <row r="84637" spans="1:7" x14ac:dyDescent="0.3">
      <c r="A84637" s="13" t="s">
        <v>425</v>
      </c>
      <c r="B84637" s="14" t="s">
        <v>1</v>
      </c>
      <c r="C84637" s="14" t="s">
        <v>51</v>
      </c>
      <c r="D84637" s="14" t="s">
        <v>398</v>
      </c>
      <c r="E84637" s="15">
        <v>45698</v>
      </c>
      <c r="F84637" s="14" t="s">
        <v>53</v>
      </c>
      <c r="G84637" s="16">
        <v>0</v>
      </c>
    </row>
    <row r="84638" spans="1:7" x14ac:dyDescent="0.3">
      <c r="A84638" s="13" t="s">
        <v>425</v>
      </c>
      <c r="B84638" s="14" t="s">
        <v>1</v>
      </c>
      <c r="C84638" s="14" t="s">
        <v>51</v>
      </c>
      <c r="D84638" s="14" t="s">
        <v>398</v>
      </c>
      <c r="E84638" s="15">
        <v>45699</v>
      </c>
      <c r="F84638" s="14" t="s">
        <v>53</v>
      </c>
      <c r="G84638" s="16">
        <v>0</v>
      </c>
    </row>
    <row r="84639" spans="1:7" x14ac:dyDescent="0.3">
      <c r="A84639" s="13" t="s">
        <v>425</v>
      </c>
      <c r="B84639" s="14" t="s">
        <v>1</v>
      </c>
      <c r="C84639" s="14" t="s">
        <v>51</v>
      </c>
      <c r="D84639" s="14" t="s">
        <v>398</v>
      </c>
      <c r="E84639" s="15">
        <v>45700</v>
      </c>
      <c r="F84639" s="14" t="s">
        <v>53</v>
      </c>
      <c r="G84639" s="16">
        <v>0</v>
      </c>
    </row>
    <row r="84640" spans="1:7" x14ac:dyDescent="0.3">
      <c r="A84640" s="13" t="s">
        <v>425</v>
      </c>
      <c r="B84640" s="14" t="s">
        <v>1</v>
      </c>
      <c r="C84640" s="14" t="s">
        <v>51</v>
      </c>
      <c r="D84640" s="14" t="s">
        <v>398</v>
      </c>
      <c r="E84640" s="15">
        <v>45701</v>
      </c>
      <c r="F84640" s="14" t="s">
        <v>53</v>
      </c>
      <c r="G84640" s="16">
        <v>0</v>
      </c>
    </row>
    <row r="84641" spans="1:7" x14ac:dyDescent="0.3">
      <c r="A84641" s="13" t="s">
        <v>425</v>
      </c>
      <c r="B84641" s="14" t="s">
        <v>1</v>
      </c>
      <c r="C84641" s="14" t="s">
        <v>51</v>
      </c>
      <c r="D84641" s="14" t="s">
        <v>398</v>
      </c>
      <c r="E84641" s="15">
        <v>45702</v>
      </c>
      <c r="F84641" s="14" t="s">
        <v>53</v>
      </c>
      <c r="G84641" s="16">
        <v>0</v>
      </c>
    </row>
    <row r="84642" spans="1:7" x14ac:dyDescent="0.3">
      <c r="A84642" s="13" t="s">
        <v>425</v>
      </c>
      <c r="B84642" s="14" t="s">
        <v>1</v>
      </c>
      <c r="C84642" s="14" t="s">
        <v>51</v>
      </c>
      <c r="D84642" s="14" t="s">
        <v>398</v>
      </c>
      <c r="E84642" s="15">
        <v>45703</v>
      </c>
      <c r="F84642" s="14" t="s">
        <v>53</v>
      </c>
      <c r="G84642" s="16">
        <v>0</v>
      </c>
    </row>
    <row r="84643" spans="1:7" x14ac:dyDescent="0.3">
      <c r="A84643" s="13" t="s">
        <v>425</v>
      </c>
      <c r="B84643" s="14" t="s">
        <v>1</v>
      </c>
      <c r="C84643" s="14" t="s">
        <v>51</v>
      </c>
      <c r="D84643" s="14" t="s">
        <v>398</v>
      </c>
      <c r="E84643" s="15">
        <v>45704</v>
      </c>
      <c r="F84643" s="14" t="s">
        <v>53</v>
      </c>
      <c r="G84643" s="16">
        <v>0</v>
      </c>
    </row>
    <row r="84644" spans="1:7" x14ac:dyDescent="0.3">
      <c r="A84644" s="13" t="s">
        <v>425</v>
      </c>
      <c r="B84644" s="14" t="s">
        <v>1</v>
      </c>
      <c r="C84644" s="14" t="s">
        <v>51</v>
      </c>
      <c r="D84644" s="14" t="s">
        <v>398</v>
      </c>
      <c r="E84644" s="15">
        <v>45705</v>
      </c>
      <c r="F84644" s="14" t="s">
        <v>53</v>
      </c>
      <c r="G84644" s="16">
        <v>0</v>
      </c>
    </row>
    <row r="84645" spans="1:7" x14ac:dyDescent="0.3">
      <c r="A84645" s="13" t="s">
        <v>425</v>
      </c>
      <c r="B84645" s="14" t="s">
        <v>1</v>
      </c>
      <c r="C84645" s="14" t="s">
        <v>51</v>
      </c>
      <c r="D84645" s="14" t="s">
        <v>398</v>
      </c>
      <c r="E84645" s="15">
        <v>45706</v>
      </c>
      <c r="F84645" s="14" t="s">
        <v>53</v>
      </c>
      <c r="G84645" s="16">
        <v>0</v>
      </c>
    </row>
    <row r="84646" spans="1:7" x14ac:dyDescent="0.3">
      <c r="A84646" s="13" t="s">
        <v>425</v>
      </c>
      <c r="B84646" s="14" t="s">
        <v>1</v>
      </c>
      <c r="C84646" s="14" t="s">
        <v>51</v>
      </c>
      <c r="D84646" s="14" t="s">
        <v>398</v>
      </c>
      <c r="E84646" s="15">
        <v>45707</v>
      </c>
      <c r="F84646" s="14" t="s">
        <v>53</v>
      </c>
      <c r="G84646" s="16">
        <v>0</v>
      </c>
    </row>
    <row r="84647" spans="1:7" x14ac:dyDescent="0.3">
      <c r="A84647" s="13" t="s">
        <v>425</v>
      </c>
      <c r="B84647" s="14" t="s">
        <v>1</v>
      </c>
      <c r="C84647" s="14" t="s">
        <v>51</v>
      </c>
      <c r="D84647" s="14" t="s">
        <v>398</v>
      </c>
      <c r="E84647" s="15">
        <v>45708</v>
      </c>
      <c r="F84647" s="14" t="s">
        <v>53</v>
      </c>
      <c r="G84647" s="16">
        <v>0</v>
      </c>
    </row>
    <row r="84648" spans="1:7" x14ac:dyDescent="0.3">
      <c r="A84648" s="13" t="s">
        <v>425</v>
      </c>
      <c r="B84648" s="14" t="s">
        <v>1</v>
      </c>
      <c r="C84648" s="14" t="s">
        <v>51</v>
      </c>
      <c r="D84648" s="14" t="s">
        <v>398</v>
      </c>
      <c r="E84648" s="15">
        <v>45709</v>
      </c>
      <c r="F84648" s="14" t="s">
        <v>53</v>
      </c>
      <c r="G84648" s="16">
        <v>0</v>
      </c>
    </row>
    <row r="84649" spans="1:7" x14ac:dyDescent="0.3">
      <c r="A84649" s="13" t="s">
        <v>425</v>
      </c>
      <c r="B84649" s="14" t="s">
        <v>1</v>
      </c>
      <c r="C84649" s="14" t="s">
        <v>51</v>
      </c>
      <c r="D84649" s="14" t="s">
        <v>398</v>
      </c>
      <c r="E84649" s="15">
        <v>45710</v>
      </c>
      <c r="F84649" s="14" t="s">
        <v>53</v>
      </c>
      <c r="G84649" s="16">
        <v>0</v>
      </c>
    </row>
    <row r="84650" spans="1:7" x14ac:dyDescent="0.3">
      <c r="A84650" s="13" t="s">
        <v>425</v>
      </c>
      <c r="B84650" s="14" t="s">
        <v>1</v>
      </c>
      <c r="C84650" s="14" t="s">
        <v>51</v>
      </c>
      <c r="D84650" s="14" t="s">
        <v>398</v>
      </c>
      <c r="E84650" s="15">
        <v>45711</v>
      </c>
      <c r="F84650" s="14" t="s">
        <v>53</v>
      </c>
      <c r="G84650" s="16">
        <v>0</v>
      </c>
    </row>
    <row r="84651" spans="1:7" x14ac:dyDescent="0.3">
      <c r="A84651" s="13" t="s">
        <v>425</v>
      </c>
      <c r="B84651" s="14" t="s">
        <v>1</v>
      </c>
      <c r="C84651" s="14" t="s">
        <v>51</v>
      </c>
      <c r="D84651" s="14" t="s">
        <v>398</v>
      </c>
      <c r="E84651" s="15">
        <v>45712</v>
      </c>
      <c r="F84651" s="14" t="s">
        <v>53</v>
      </c>
      <c r="G84651" s="16">
        <v>0</v>
      </c>
    </row>
    <row r="84652" spans="1:7" x14ac:dyDescent="0.3">
      <c r="A84652" s="13" t="s">
        <v>425</v>
      </c>
      <c r="B84652" s="14" t="s">
        <v>1</v>
      </c>
      <c r="C84652" s="14" t="s">
        <v>51</v>
      </c>
      <c r="D84652" s="14" t="s">
        <v>398</v>
      </c>
      <c r="E84652" s="15">
        <v>45713</v>
      </c>
      <c r="F84652" s="14" t="s">
        <v>53</v>
      </c>
      <c r="G84652" s="16">
        <v>0</v>
      </c>
    </row>
    <row r="84653" spans="1:7" x14ac:dyDescent="0.3">
      <c r="A84653" s="13" t="s">
        <v>425</v>
      </c>
      <c r="B84653" s="14" t="s">
        <v>1</v>
      </c>
      <c r="C84653" s="14" t="s">
        <v>51</v>
      </c>
      <c r="D84653" s="14" t="s">
        <v>398</v>
      </c>
      <c r="E84653" s="15">
        <v>45714</v>
      </c>
      <c r="F84653" s="14" t="s">
        <v>53</v>
      </c>
      <c r="G84653" s="16">
        <v>0</v>
      </c>
    </row>
    <row r="84654" spans="1:7" x14ac:dyDescent="0.3">
      <c r="A84654" s="13" t="s">
        <v>425</v>
      </c>
      <c r="B84654" s="14" t="s">
        <v>1</v>
      </c>
      <c r="C84654" s="14" t="s">
        <v>51</v>
      </c>
      <c r="D84654" s="14" t="s">
        <v>398</v>
      </c>
      <c r="E84654" s="15">
        <v>45715</v>
      </c>
      <c r="F84654" s="14" t="s">
        <v>53</v>
      </c>
      <c r="G84654" s="16">
        <v>0</v>
      </c>
    </row>
    <row r="84655" spans="1:7" x14ac:dyDescent="0.3">
      <c r="A84655" s="13" t="s">
        <v>425</v>
      </c>
      <c r="B84655" s="14" t="s">
        <v>1</v>
      </c>
      <c r="C84655" s="14" t="s">
        <v>51</v>
      </c>
      <c r="D84655" s="14" t="s">
        <v>398</v>
      </c>
      <c r="E84655" s="15">
        <v>45716</v>
      </c>
      <c r="F84655" s="14" t="s">
        <v>53</v>
      </c>
      <c r="G84655" s="16">
        <v>0</v>
      </c>
    </row>
    <row r="84656" spans="1:7" x14ac:dyDescent="0.3">
      <c r="A84656" s="13" t="s">
        <v>425</v>
      </c>
      <c r="B84656" s="14" t="s">
        <v>1</v>
      </c>
      <c r="C84656" s="14" t="s">
        <v>51</v>
      </c>
      <c r="D84656" s="14" t="s">
        <v>398</v>
      </c>
      <c r="E84656" s="15">
        <v>45717</v>
      </c>
      <c r="F84656" s="14" t="s">
        <v>53</v>
      </c>
      <c r="G84656" s="16">
        <v>0</v>
      </c>
    </row>
    <row r="84657" spans="1:7" x14ac:dyDescent="0.3">
      <c r="A84657" s="13" t="s">
        <v>425</v>
      </c>
      <c r="B84657" s="14" t="s">
        <v>1</v>
      </c>
      <c r="C84657" s="14" t="s">
        <v>51</v>
      </c>
      <c r="D84657" s="14" t="s">
        <v>398</v>
      </c>
      <c r="E84657" s="15">
        <v>45718</v>
      </c>
      <c r="F84657" s="14" t="s">
        <v>53</v>
      </c>
      <c r="G84657" s="16">
        <v>0</v>
      </c>
    </row>
    <row r="84658" spans="1:7" x14ac:dyDescent="0.3">
      <c r="A84658" s="13" t="s">
        <v>425</v>
      </c>
      <c r="B84658" s="14" t="s">
        <v>1</v>
      </c>
      <c r="C84658" s="14" t="s">
        <v>51</v>
      </c>
      <c r="D84658" s="14" t="s">
        <v>398</v>
      </c>
      <c r="E84658" s="15">
        <v>45719</v>
      </c>
      <c r="F84658" s="14" t="s">
        <v>53</v>
      </c>
      <c r="G84658" s="16">
        <v>0</v>
      </c>
    </row>
    <row r="84659" spans="1:7" x14ac:dyDescent="0.3">
      <c r="A84659" s="13" t="s">
        <v>425</v>
      </c>
      <c r="B84659" s="14" t="s">
        <v>1</v>
      </c>
      <c r="C84659" s="14" t="s">
        <v>51</v>
      </c>
      <c r="D84659" s="14" t="s">
        <v>398</v>
      </c>
      <c r="E84659" s="15">
        <v>45720</v>
      </c>
      <c r="F84659" s="14" t="s">
        <v>53</v>
      </c>
      <c r="G84659" s="16">
        <v>0</v>
      </c>
    </row>
    <row r="84660" spans="1:7" x14ac:dyDescent="0.3">
      <c r="A84660" s="13" t="s">
        <v>425</v>
      </c>
      <c r="B84660" s="14" t="s">
        <v>1</v>
      </c>
      <c r="C84660" s="14" t="s">
        <v>51</v>
      </c>
      <c r="D84660" s="14" t="s">
        <v>398</v>
      </c>
      <c r="E84660" s="15">
        <v>45721</v>
      </c>
      <c r="F84660" s="14" t="s">
        <v>53</v>
      </c>
      <c r="G84660" s="16">
        <v>0</v>
      </c>
    </row>
    <row r="84661" spans="1:7" x14ac:dyDescent="0.3">
      <c r="A84661" s="13" t="s">
        <v>425</v>
      </c>
      <c r="B84661" s="14" t="s">
        <v>1</v>
      </c>
      <c r="C84661" s="14" t="s">
        <v>51</v>
      </c>
      <c r="D84661" s="14" t="s">
        <v>398</v>
      </c>
      <c r="E84661" s="15">
        <v>45722</v>
      </c>
      <c r="F84661" s="14" t="s">
        <v>53</v>
      </c>
      <c r="G84661" s="16">
        <v>0</v>
      </c>
    </row>
    <row r="84662" spans="1:7" x14ac:dyDescent="0.3">
      <c r="A84662" s="13" t="s">
        <v>425</v>
      </c>
      <c r="B84662" s="14" t="s">
        <v>1</v>
      </c>
      <c r="C84662" s="14" t="s">
        <v>51</v>
      </c>
      <c r="D84662" s="14" t="s">
        <v>398</v>
      </c>
      <c r="E84662" s="15">
        <v>45723</v>
      </c>
      <c r="F84662" s="14" t="s">
        <v>53</v>
      </c>
      <c r="G84662" s="16">
        <v>0</v>
      </c>
    </row>
    <row r="84663" spans="1:7" x14ac:dyDescent="0.3">
      <c r="A84663" s="13" t="s">
        <v>425</v>
      </c>
      <c r="B84663" s="14" t="s">
        <v>1</v>
      </c>
      <c r="C84663" s="14" t="s">
        <v>51</v>
      </c>
      <c r="D84663" s="14" t="s">
        <v>398</v>
      </c>
      <c r="E84663" s="15">
        <v>45724</v>
      </c>
      <c r="F84663" s="14" t="s">
        <v>53</v>
      </c>
      <c r="G84663" s="16">
        <v>0</v>
      </c>
    </row>
    <row r="84664" spans="1:7" x14ac:dyDescent="0.3">
      <c r="A84664" s="13" t="s">
        <v>425</v>
      </c>
      <c r="B84664" s="14" t="s">
        <v>1</v>
      </c>
      <c r="C84664" s="14" t="s">
        <v>51</v>
      </c>
      <c r="D84664" s="14" t="s">
        <v>398</v>
      </c>
      <c r="E84664" s="15">
        <v>45725</v>
      </c>
      <c r="F84664" s="14" t="s">
        <v>53</v>
      </c>
      <c r="G84664" s="16">
        <v>0</v>
      </c>
    </row>
    <row r="84665" spans="1:7" x14ac:dyDescent="0.3">
      <c r="A84665" s="13" t="s">
        <v>425</v>
      </c>
      <c r="B84665" s="14" t="s">
        <v>1</v>
      </c>
      <c r="C84665" s="14" t="s">
        <v>51</v>
      </c>
      <c r="D84665" s="14" t="s">
        <v>398</v>
      </c>
      <c r="E84665" s="15">
        <v>45726</v>
      </c>
      <c r="F84665" s="14" t="s">
        <v>53</v>
      </c>
      <c r="G84665" s="16">
        <v>0</v>
      </c>
    </row>
    <row r="84666" spans="1:7" x14ac:dyDescent="0.3">
      <c r="A84666" s="13" t="s">
        <v>425</v>
      </c>
      <c r="B84666" s="14" t="s">
        <v>1</v>
      </c>
      <c r="C84666" s="14" t="s">
        <v>51</v>
      </c>
      <c r="D84666" s="14" t="s">
        <v>398</v>
      </c>
      <c r="E84666" s="15">
        <v>45727</v>
      </c>
      <c r="F84666" s="14" t="s">
        <v>53</v>
      </c>
      <c r="G84666" s="16">
        <v>0</v>
      </c>
    </row>
    <row r="84667" spans="1:7" x14ac:dyDescent="0.3">
      <c r="A84667" s="13" t="s">
        <v>425</v>
      </c>
      <c r="B84667" s="14" t="s">
        <v>1</v>
      </c>
      <c r="C84667" s="14" t="s">
        <v>51</v>
      </c>
      <c r="D84667" s="14" t="s">
        <v>398</v>
      </c>
      <c r="E84667" s="15">
        <v>45728</v>
      </c>
      <c r="F84667" s="14" t="s">
        <v>53</v>
      </c>
      <c r="G84667" s="16">
        <v>0</v>
      </c>
    </row>
    <row r="84668" spans="1:7" x14ac:dyDescent="0.3">
      <c r="A84668" s="13" t="s">
        <v>425</v>
      </c>
      <c r="B84668" s="14" t="s">
        <v>1</v>
      </c>
      <c r="C84668" s="14" t="s">
        <v>51</v>
      </c>
      <c r="D84668" s="14" t="s">
        <v>398</v>
      </c>
      <c r="E84668" s="15">
        <v>45729</v>
      </c>
      <c r="F84668" s="14" t="s">
        <v>53</v>
      </c>
      <c r="G84668" s="16">
        <v>0</v>
      </c>
    </row>
    <row r="84669" spans="1:7" x14ac:dyDescent="0.3">
      <c r="A84669" s="13" t="s">
        <v>425</v>
      </c>
      <c r="B84669" s="14" t="s">
        <v>1</v>
      </c>
      <c r="C84669" s="14" t="s">
        <v>51</v>
      </c>
      <c r="D84669" s="14" t="s">
        <v>398</v>
      </c>
      <c r="E84669" s="15">
        <v>45730</v>
      </c>
      <c r="F84669" s="14" t="s">
        <v>53</v>
      </c>
      <c r="G84669" s="16">
        <v>0</v>
      </c>
    </row>
    <row r="84670" spans="1:7" x14ac:dyDescent="0.3">
      <c r="A84670" s="13" t="s">
        <v>425</v>
      </c>
      <c r="B84670" s="14" t="s">
        <v>1</v>
      </c>
      <c r="C84670" s="14" t="s">
        <v>51</v>
      </c>
      <c r="D84670" s="14" t="s">
        <v>398</v>
      </c>
      <c r="E84670" s="15">
        <v>45731</v>
      </c>
      <c r="F84670" s="14" t="s">
        <v>53</v>
      </c>
      <c r="G84670" s="16">
        <v>0</v>
      </c>
    </row>
    <row r="84671" spans="1:7" x14ac:dyDescent="0.3">
      <c r="A84671" s="13" t="s">
        <v>425</v>
      </c>
      <c r="B84671" s="14" t="s">
        <v>1</v>
      </c>
      <c r="C84671" s="14" t="s">
        <v>51</v>
      </c>
      <c r="D84671" s="14" t="s">
        <v>398</v>
      </c>
      <c r="E84671" s="15">
        <v>45732</v>
      </c>
      <c r="F84671" s="14" t="s">
        <v>53</v>
      </c>
      <c r="G84671" s="16">
        <v>0</v>
      </c>
    </row>
    <row r="84672" spans="1:7" x14ac:dyDescent="0.3">
      <c r="A84672" s="13" t="s">
        <v>425</v>
      </c>
      <c r="B84672" s="14" t="s">
        <v>1</v>
      </c>
      <c r="C84672" s="14" t="s">
        <v>51</v>
      </c>
      <c r="D84672" s="14" t="s">
        <v>398</v>
      </c>
      <c r="E84672" s="15">
        <v>45733</v>
      </c>
      <c r="F84672" s="14" t="s">
        <v>53</v>
      </c>
      <c r="G84672" s="16">
        <v>0</v>
      </c>
    </row>
    <row r="84673" spans="1:7" x14ac:dyDescent="0.3">
      <c r="A84673" s="13" t="s">
        <v>425</v>
      </c>
      <c r="B84673" s="14" t="s">
        <v>1</v>
      </c>
      <c r="C84673" s="14" t="s">
        <v>51</v>
      </c>
      <c r="D84673" s="14" t="s">
        <v>398</v>
      </c>
      <c r="E84673" s="15">
        <v>45734</v>
      </c>
      <c r="F84673" s="14" t="s">
        <v>53</v>
      </c>
      <c r="G84673" s="16">
        <v>0</v>
      </c>
    </row>
    <row r="84674" spans="1:7" x14ac:dyDescent="0.3">
      <c r="A84674" s="13" t="s">
        <v>425</v>
      </c>
      <c r="B84674" s="14" t="s">
        <v>1</v>
      </c>
      <c r="C84674" s="14" t="s">
        <v>51</v>
      </c>
      <c r="D84674" s="14" t="s">
        <v>398</v>
      </c>
      <c r="E84674" s="15">
        <v>45735</v>
      </c>
      <c r="F84674" s="14" t="s">
        <v>53</v>
      </c>
      <c r="G84674" s="16">
        <v>0</v>
      </c>
    </row>
    <row r="84675" spans="1:7" x14ac:dyDescent="0.3">
      <c r="A84675" s="13" t="s">
        <v>425</v>
      </c>
      <c r="B84675" s="14" t="s">
        <v>1</v>
      </c>
      <c r="C84675" s="14" t="s">
        <v>51</v>
      </c>
      <c r="D84675" s="14" t="s">
        <v>398</v>
      </c>
      <c r="E84675" s="15">
        <v>45736</v>
      </c>
      <c r="F84675" s="14" t="s">
        <v>53</v>
      </c>
      <c r="G84675" s="16">
        <v>0</v>
      </c>
    </row>
    <row r="84676" spans="1:7" x14ac:dyDescent="0.3">
      <c r="A84676" s="13" t="s">
        <v>425</v>
      </c>
      <c r="B84676" s="14" t="s">
        <v>1</v>
      </c>
      <c r="C84676" s="14" t="s">
        <v>51</v>
      </c>
      <c r="D84676" s="14" t="s">
        <v>398</v>
      </c>
      <c r="E84676" s="15">
        <v>45737</v>
      </c>
      <c r="F84676" s="14" t="s">
        <v>53</v>
      </c>
      <c r="G84676" s="16">
        <v>0</v>
      </c>
    </row>
    <row r="84677" spans="1:7" x14ac:dyDescent="0.3">
      <c r="A84677" s="13" t="s">
        <v>425</v>
      </c>
      <c r="B84677" s="14" t="s">
        <v>1</v>
      </c>
      <c r="C84677" s="14" t="s">
        <v>51</v>
      </c>
      <c r="D84677" s="14" t="s">
        <v>398</v>
      </c>
      <c r="E84677" s="15">
        <v>45738</v>
      </c>
      <c r="F84677" s="14" t="s">
        <v>53</v>
      </c>
      <c r="G84677" s="16">
        <v>0</v>
      </c>
    </row>
    <row r="84678" spans="1:7" x14ac:dyDescent="0.3">
      <c r="A84678" s="13" t="s">
        <v>425</v>
      </c>
      <c r="B84678" s="14" t="s">
        <v>1</v>
      </c>
      <c r="C84678" s="14" t="s">
        <v>51</v>
      </c>
      <c r="D84678" s="14" t="s">
        <v>398</v>
      </c>
      <c r="E84678" s="15">
        <v>45739</v>
      </c>
      <c r="F84678" s="14" t="s">
        <v>53</v>
      </c>
      <c r="G84678" s="16">
        <v>0</v>
      </c>
    </row>
    <row r="84679" spans="1:7" x14ac:dyDescent="0.3">
      <c r="A84679" s="13" t="s">
        <v>425</v>
      </c>
      <c r="B84679" s="14" t="s">
        <v>1</v>
      </c>
      <c r="C84679" s="14" t="s">
        <v>51</v>
      </c>
      <c r="D84679" s="14" t="s">
        <v>398</v>
      </c>
      <c r="E84679" s="15">
        <v>45740</v>
      </c>
      <c r="F84679" s="14" t="s">
        <v>53</v>
      </c>
      <c r="G84679" s="16">
        <v>0</v>
      </c>
    </row>
    <row r="84680" spans="1:7" x14ac:dyDescent="0.3">
      <c r="A84680" s="13" t="s">
        <v>425</v>
      </c>
      <c r="B84680" s="14" t="s">
        <v>1</v>
      </c>
      <c r="C84680" s="14" t="s">
        <v>51</v>
      </c>
      <c r="D84680" s="14" t="s">
        <v>398</v>
      </c>
      <c r="E84680" s="15">
        <v>45741</v>
      </c>
      <c r="F84680" s="14" t="s">
        <v>53</v>
      </c>
      <c r="G84680" s="16">
        <v>0</v>
      </c>
    </row>
    <row r="84681" spans="1:7" x14ac:dyDescent="0.3">
      <c r="A84681" s="13" t="s">
        <v>425</v>
      </c>
      <c r="B84681" s="14" t="s">
        <v>1</v>
      </c>
      <c r="C84681" s="14" t="s">
        <v>51</v>
      </c>
      <c r="D84681" s="14" t="s">
        <v>398</v>
      </c>
      <c r="E84681" s="15">
        <v>45742</v>
      </c>
      <c r="F84681" s="14" t="s">
        <v>53</v>
      </c>
      <c r="G84681" s="16">
        <v>0</v>
      </c>
    </row>
    <row r="84682" spans="1:7" x14ac:dyDescent="0.3">
      <c r="A84682" s="13" t="s">
        <v>425</v>
      </c>
      <c r="B84682" s="14" t="s">
        <v>1</v>
      </c>
      <c r="C84682" s="14" t="s">
        <v>51</v>
      </c>
      <c r="D84682" s="14" t="s">
        <v>398</v>
      </c>
      <c r="E84682" s="15">
        <v>45743</v>
      </c>
      <c r="F84682" s="14" t="s">
        <v>53</v>
      </c>
      <c r="G84682" s="16">
        <v>0</v>
      </c>
    </row>
    <row r="84683" spans="1:7" x14ac:dyDescent="0.3">
      <c r="A84683" s="13" t="s">
        <v>425</v>
      </c>
      <c r="B84683" s="14" t="s">
        <v>1</v>
      </c>
      <c r="C84683" s="14" t="s">
        <v>51</v>
      </c>
      <c r="D84683" s="14" t="s">
        <v>398</v>
      </c>
      <c r="E84683" s="15">
        <v>45744</v>
      </c>
      <c r="F84683" s="14" t="s">
        <v>53</v>
      </c>
      <c r="G84683" s="16">
        <v>0</v>
      </c>
    </row>
    <row r="84684" spans="1:7" x14ac:dyDescent="0.3">
      <c r="A84684" s="13" t="s">
        <v>425</v>
      </c>
      <c r="B84684" s="14" t="s">
        <v>1</v>
      </c>
      <c r="C84684" s="14" t="s">
        <v>51</v>
      </c>
      <c r="D84684" s="14" t="s">
        <v>398</v>
      </c>
      <c r="E84684" s="15">
        <v>45745</v>
      </c>
      <c r="F84684" s="14" t="s">
        <v>53</v>
      </c>
      <c r="G84684" s="16">
        <v>0</v>
      </c>
    </row>
    <row r="84685" spans="1:7" x14ac:dyDescent="0.3">
      <c r="A84685" s="13" t="s">
        <v>425</v>
      </c>
      <c r="B84685" s="14" t="s">
        <v>1</v>
      </c>
      <c r="C84685" s="14" t="s">
        <v>51</v>
      </c>
      <c r="D84685" s="14" t="s">
        <v>398</v>
      </c>
      <c r="E84685" s="15">
        <v>45746</v>
      </c>
      <c r="F84685" s="14" t="s">
        <v>53</v>
      </c>
      <c r="G84685" s="16">
        <v>0</v>
      </c>
    </row>
    <row r="84686" spans="1:7" x14ac:dyDescent="0.3">
      <c r="A84686" s="13" t="s">
        <v>425</v>
      </c>
      <c r="B84686" s="14" t="s">
        <v>1</v>
      </c>
      <c r="C84686" s="14" t="s">
        <v>51</v>
      </c>
      <c r="D84686" s="14" t="s">
        <v>398</v>
      </c>
      <c r="E84686" s="15">
        <v>45747</v>
      </c>
      <c r="F84686" s="14" t="s">
        <v>53</v>
      </c>
      <c r="G84686" s="16">
        <v>0</v>
      </c>
    </row>
    <row r="84687" spans="1:7" x14ac:dyDescent="0.3">
      <c r="A84687" s="13" t="s">
        <v>426</v>
      </c>
      <c r="B84687" s="14" t="s">
        <v>1</v>
      </c>
      <c r="C84687" s="14" t="s">
        <v>23</v>
      </c>
      <c r="D84687" s="14" t="s">
        <v>427</v>
      </c>
      <c r="E84687" s="15">
        <v>45383</v>
      </c>
      <c r="F84687" s="14" t="s">
        <v>28</v>
      </c>
      <c r="G84687" s="16">
        <v>0</v>
      </c>
    </row>
    <row r="84688" spans="1:7" x14ac:dyDescent="0.3">
      <c r="A84688" s="13" t="s">
        <v>426</v>
      </c>
      <c r="B84688" s="14" t="s">
        <v>1</v>
      </c>
      <c r="C84688" s="14" t="s">
        <v>23</v>
      </c>
      <c r="D84688" s="14" t="s">
        <v>427</v>
      </c>
      <c r="E84688" s="15">
        <v>45384</v>
      </c>
      <c r="F84688" s="14" t="s">
        <v>28</v>
      </c>
      <c r="G84688" s="16">
        <v>0</v>
      </c>
    </row>
    <row r="84689" spans="1:7" x14ac:dyDescent="0.3">
      <c r="A84689" s="13" t="s">
        <v>426</v>
      </c>
      <c r="B84689" s="14" t="s">
        <v>1</v>
      </c>
      <c r="C84689" s="14" t="s">
        <v>23</v>
      </c>
      <c r="D84689" s="14" t="s">
        <v>427</v>
      </c>
      <c r="E84689" s="15">
        <v>45385</v>
      </c>
      <c r="F84689" s="14" t="s">
        <v>28</v>
      </c>
      <c r="G84689" s="16">
        <v>7.8219546562763212E-2</v>
      </c>
    </row>
    <row r="84690" spans="1:7" x14ac:dyDescent="0.3">
      <c r="A84690" s="13" t="s">
        <v>426</v>
      </c>
      <c r="B84690" s="14" t="s">
        <v>1</v>
      </c>
      <c r="C84690" s="14" t="s">
        <v>23</v>
      </c>
      <c r="D84690" s="14" t="s">
        <v>427</v>
      </c>
      <c r="E84690" s="15">
        <v>45386</v>
      </c>
      <c r="F84690" s="14" t="s">
        <v>28</v>
      </c>
      <c r="G84690" s="16">
        <v>9.8520228105911309E-2</v>
      </c>
    </row>
    <row r="84691" spans="1:7" x14ac:dyDescent="0.3">
      <c r="A84691" s="13" t="s">
        <v>426</v>
      </c>
      <c r="B84691" s="14" t="s">
        <v>1</v>
      </c>
      <c r="C84691" s="14" t="s">
        <v>23</v>
      </c>
      <c r="D84691" s="14" t="s">
        <v>427</v>
      </c>
      <c r="E84691" s="15">
        <v>45387</v>
      </c>
      <c r="F84691" s="14" t="s">
        <v>28</v>
      </c>
      <c r="G84691" s="16">
        <v>0.12961673413532884</v>
      </c>
    </row>
    <row r="84692" spans="1:7" x14ac:dyDescent="0.3">
      <c r="A84692" s="13" t="s">
        <v>426</v>
      </c>
      <c r="B84692" s="14" t="s">
        <v>1</v>
      </c>
      <c r="C84692" s="14" t="s">
        <v>23</v>
      </c>
      <c r="D84692" s="14" t="s">
        <v>427</v>
      </c>
      <c r="E84692" s="15">
        <v>45388</v>
      </c>
      <c r="F84692" s="14" t="s">
        <v>28</v>
      </c>
      <c r="G84692" s="16">
        <v>0.12961673413532884</v>
      </c>
    </row>
    <row r="84693" spans="1:7" x14ac:dyDescent="0.3">
      <c r="A84693" s="13" t="s">
        <v>426</v>
      </c>
      <c r="B84693" s="14" t="s">
        <v>1</v>
      </c>
      <c r="C84693" s="14" t="s">
        <v>23</v>
      </c>
      <c r="D84693" s="14" t="s">
        <v>427</v>
      </c>
      <c r="E84693" s="15">
        <v>45389</v>
      </c>
      <c r="F84693" s="14" t="s">
        <v>28</v>
      </c>
      <c r="G84693" s="16">
        <v>0.12961673413532884</v>
      </c>
    </row>
    <row r="84694" spans="1:7" x14ac:dyDescent="0.3">
      <c r="A84694" s="13" t="s">
        <v>426</v>
      </c>
      <c r="B84694" s="14" t="s">
        <v>1</v>
      </c>
      <c r="C84694" s="14" t="s">
        <v>23</v>
      </c>
      <c r="D84694" s="14" t="s">
        <v>427</v>
      </c>
      <c r="E84694" s="15">
        <v>45390</v>
      </c>
      <c r="F84694" s="14" t="s">
        <v>28</v>
      </c>
      <c r="G84694" s="16">
        <v>0.14704421629028303</v>
      </c>
    </row>
    <row r="84695" spans="1:7" x14ac:dyDescent="0.3">
      <c r="A84695" s="13" t="s">
        <v>426</v>
      </c>
      <c r="B84695" s="14" t="s">
        <v>1</v>
      </c>
      <c r="C84695" s="14" t="s">
        <v>23</v>
      </c>
      <c r="D84695" s="14" t="s">
        <v>427</v>
      </c>
      <c r="E84695" s="15">
        <v>45391</v>
      </c>
      <c r="F84695" s="14" t="s">
        <v>28</v>
      </c>
      <c r="G84695" s="16">
        <v>0.19920633814727282</v>
      </c>
    </row>
    <row r="84696" spans="1:7" x14ac:dyDescent="0.3">
      <c r="A84696" s="13" t="s">
        <v>426</v>
      </c>
      <c r="B84696" s="14" t="s">
        <v>1</v>
      </c>
      <c r="C84696" s="14" t="s">
        <v>23</v>
      </c>
      <c r="D84696" s="14" t="s">
        <v>427</v>
      </c>
      <c r="E84696" s="15">
        <v>45392</v>
      </c>
      <c r="F84696" s="14" t="s">
        <v>28</v>
      </c>
      <c r="G84696" s="16">
        <v>0.22093721768220453</v>
      </c>
    </row>
    <row r="84697" spans="1:7" x14ac:dyDescent="0.3">
      <c r="A84697" s="13" t="s">
        <v>426</v>
      </c>
      <c r="B84697" s="14" t="s">
        <v>1</v>
      </c>
      <c r="C84697" s="14" t="s">
        <v>23</v>
      </c>
      <c r="D84697" s="14" t="s">
        <v>427</v>
      </c>
      <c r="E84697" s="15">
        <v>45393</v>
      </c>
      <c r="F84697" s="14" t="s">
        <v>28</v>
      </c>
      <c r="G84697" s="16">
        <v>0.23972367679400552</v>
      </c>
    </row>
    <row r="84698" spans="1:7" x14ac:dyDescent="0.3">
      <c r="A84698" s="13" t="s">
        <v>426</v>
      </c>
      <c r="B84698" s="14" t="s">
        <v>1</v>
      </c>
      <c r="C84698" s="14" t="s">
        <v>23</v>
      </c>
      <c r="D84698" s="14" t="s">
        <v>427</v>
      </c>
      <c r="E84698" s="15">
        <v>45394</v>
      </c>
      <c r="F84698" s="14" t="s">
        <v>28</v>
      </c>
      <c r="G84698" s="16">
        <v>0.25902795038367443</v>
      </c>
    </row>
    <row r="84699" spans="1:7" x14ac:dyDescent="0.3">
      <c r="A84699" s="13" t="s">
        <v>426</v>
      </c>
      <c r="B84699" s="14" t="s">
        <v>1</v>
      </c>
      <c r="C84699" s="14" t="s">
        <v>23</v>
      </c>
      <c r="D84699" s="14" t="s">
        <v>427</v>
      </c>
      <c r="E84699" s="15">
        <v>45395</v>
      </c>
      <c r="F84699" s="14" t="s">
        <v>28</v>
      </c>
      <c r="G84699" s="16">
        <v>0.25902795038367443</v>
      </c>
    </row>
    <row r="84700" spans="1:7" x14ac:dyDescent="0.3">
      <c r="A84700" s="13" t="s">
        <v>426</v>
      </c>
      <c r="B84700" s="14" t="s">
        <v>1</v>
      </c>
      <c r="C84700" s="14" t="s">
        <v>23</v>
      </c>
      <c r="D84700" s="14" t="s">
        <v>427</v>
      </c>
      <c r="E84700" s="15">
        <v>45396</v>
      </c>
      <c r="F84700" s="14" t="s">
        <v>28</v>
      </c>
      <c r="G84700" s="16">
        <v>0.25902795038367443</v>
      </c>
    </row>
    <row r="84701" spans="1:7" x14ac:dyDescent="0.3">
      <c r="A84701" s="13" t="s">
        <v>426</v>
      </c>
      <c r="B84701" s="14" t="s">
        <v>1</v>
      </c>
      <c r="C84701" s="14" t="s">
        <v>23</v>
      </c>
      <c r="D84701" s="14" t="s">
        <v>427</v>
      </c>
      <c r="E84701" s="15">
        <v>45397</v>
      </c>
      <c r="F84701" s="14" t="s">
        <v>28</v>
      </c>
      <c r="G84701" s="16">
        <v>0.27833808400509785</v>
      </c>
    </row>
    <row r="84702" spans="1:7" x14ac:dyDescent="0.3">
      <c r="A84702" s="13" t="s">
        <v>426</v>
      </c>
      <c r="B84702" s="14" t="s">
        <v>1</v>
      </c>
      <c r="C84702" s="14" t="s">
        <v>23</v>
      </c>
      <c r="D84702" s="14" t="s">
        <v>427</v>
      </c>
      <c r="E84702" s="15">
        <v>45398</v>
      </c>
      <c r="F84702" s="14" t="s">
        <v>28</v>
      </c>
      <c r="G84702" s="16">
        <v>0.33080748225383422</v>
      </c>
    </row>
    <row r="84703" spans="1:7" x14ac:dyDescent="0.3">
      <c r="A84703" s="13" t="s">
        <v>426</v>
      </c>
      <c r="B84703" s="14" t="s">
        <v>1</v>
      </c>
      <c r="C84703" s="14" t="s">
        <v>23</v>
      </c>
      <c r="D84703" s="14" t="s">
        <v>427</v>
      </c>
      <c r="E84703" s="15">
        <v>45399</v>
      </c>
      <c r="F84703" s="14" t="s">
        <v>28</v>
      </c>
      <c r="G84703" s="16">
        <v>0.34742546047174189</v>
      </c>
    </row>
    <row r="84704" spans="1:7" x14ac:dyDescent="0.3">
      <c r="A84704" s="13" t="s">
        <v>426</v>
      </c>
      <c r="B84704" s="14" t="s">
        <v>1</v>
      </c>
      <c r="C84704" s="14" t="s">
        <v>23</v>
      </c>
      <c r="D84704" s="14" t="s">
        <v>427</v>
      </c>
      <c r="E84704" s="15">
        <v>45400</v>
      </c>
      <c r="F84704" s="14" t="s">
        <v>28</v>
      </c>
      <c r="G84704" s="16">
        <v>0.3655877194107448</v>
      </c>
    </row>
    <row r="84705" spans="1:7" x14ac:dyDescent="0.3">
      <c r="A84705" s="13" t="s">
        <v>426</v>
      </c>
      <c r="B84705" s="14" t="s">
        <v>1</v>
      </c>
      <c r="C84705" s="14" t="s">
        <v>23</v>
      </c>
      <c r="D84705" s="14" t="s">
        <v>427</v>
      </c>
      <c r="E84705" s="15">
        <v>45401</v>
      </c>
      <c r="F84705" s="14" t="s">
        <v>28</v>
      </c>
      <c r="G84705" s="16">
        <v>0.38317248984797131</v>
      </c>
    </row>
    <row r="84706" spans="1:7" x14ac:dyDescent="0.3">
      <c r="A84706" s="13" t="s">
        <v>426</v>
      </c>
      <c r="B84706" s="14" t="s">
        <v>1</v>
      </c>
      <c r="C84706" s="14" t="s">
        <v>23</v>
      </c>
      <c r="D84706" s="14" t="s">
        <v>427</v>
      </c>
      <c r="E84706" s="15">
        <v>45402</v>
      </c>
      <c r="F84706" s="14" t="s">
        <v>28</v>
      </c>
      <c r="G84706" s="16">
        <v>0.38317248984797131</v>
      </c>
    </row>
    <row r="84707" spans="1:7" x14ac:dyDescent="0.3">
      <c r="A84707" s="13" t="s">
        <v>426</v>
      </c>
      <c r="B84707" s="14" t="s">
        <v>1</v>
      </c>
      <c r="C84707" s="14" t="s">
        <v>23</v>
      </c>
      <c r="D84707" s="14" t="s">
        <v>427</v>
      </c>
      <c r="E84707" s="15">
        <v>45403</v>
      </c>
      <c r="F84707" s="14" t="s">
        <v>28</v>
      </c>
      <c r="G84707" s="16">
        <v>0.38317248984797131</v>
      </c>
    </row>
    <row r="84708" spans="1:7" x14ac:dyDescent="0.3">
      <c r="A84708" s="13" t="s">
        <v>426</v>
      </c>
      <c r="B84708" s="14" t="s">
        <v>1</v>
      </c>
      <c r="C84708" s="14" t="s">
        <v>23</v>
      </c>
      <c r="D84708" s="14" t="s">
        <v>427</v>
      </c>
      <c r="E84708" s="15">
        <v>45404</v>
      </c>
      <c r="F84708" s="14" t="s">
        <v>28</v>
      </c>
      <c r="G84708" s="16">
        <v>0.4092369570066634</v>
      </c>
    </row>
    <row r="84709" spans="1:7" x14ac:dyDescent="0.3">
      <c r="A84709" s="13" t="s">
        <v>426</v>
      </c>
      <c r="B84709" s="14" t="s">
        <v>1</v>
      </c>
      <c r="C84709" s="14" t="s">
        <v>23</v>
      </c>
      <c r="D84709" s="14" t="s">
        <v>427</v>
      </c>
      <c r="E84709" s="15">
        <v>45405</v>
      </c>
      <c r="F84709" s="14" t="s">
        <v>28</v>
      </c>
      <c r="G84709" s="16">
        <v>0.45392712455765749</v>
      </c>
    </row>
    <row r="84710" spans="1:7" x14ac:dyDescent="0.3">
      <c r="A84710" s="13" t="s">
        <v>426</v>
      </c>
      <c r="B84710" s="14" t="s">
        <v>1</v>
      </c>
      <c r="C84710" s="14" t="s">
        <v>23</v>
      </c>
      <c r="D84710" s="14" t="s">
        <v>427</v>
      </c>
      <c r="E84710" s="15">
        <v>45406</v>
      </c>
      <c r="F84710" s="14" t="s">
        <v>28</v>
      </c>
      <c r="G84710" s="16">
        <v>0.46785958061042804</v>
      </c>
    </row>
    <row r="84711" spans="1:7" x14ac:dyDescent="0.3">
      <c r="A84711" s="13" t="s">
        <v>426</v>
      </c>
      <c r="B84711" s="14" t="s">
        <v>1</v>
      </c>
      <c r="C84711" s="14" t="s">
        <v>23</v>
      </c>
      <c r="D84711" s="14" t="s">
        <v>427</v>
      </c>
      <c r="E84711" s="15">
        <v>45407</v>
      </c>
      <c r="F84711" s="14" t="s">
        <v>28</v>
      </c>
      <c r="G84711" s="16">
        <v>0.43025215183225873</v>
      </c>
    </row>
    <row r="84712" spans="1:7" x14ac:dyDescent="0.3">
      <c r="A84712" s="13" t="s">
        <v>426</v>
      </c>
      <c r="B84712" s="14" t="s">
        <v>1</v>
      </c>
      <c r="C84712" s="14" t="s">
        <v>23</v>
      </c>
      <c r="D84712" s="14" t="s">
        <v>427</v>
      </c>
      <c r="E84712" s="15">
        <v>45408</v>
      </c>
      <c r="F84712" s="14" t="s">
        <v>28</v>
      </c>
      <c r="G84712" s="16">
        <v>0.44775789393958132</v>
      </c>
    </row>
    <row r="84713" spans="1:7" x14ac:dyDescent="0.3">
      <c r="A84713" s="13" t="s">
        <v>426</v>
      </c>
      <c r="B84713" s="14" t="s">
        <v>1</v>
      </c>
      <c r="C84713" s="14" t="s">
        <v>23</v>
      </c>
      <c r="D84713" s="14" t="s">
        <v>427</v>
      </c>
      <c r="E84713" s="15">
        <v>45409</v>
      </c>
      <c r="F84713" s="14" t="s">
        <v>28</v>
      </c>
      <c r="G84713" s="16">
        <v>0.44775789393958132</v>
      </c>
    </row>
    <row r="84714" spans="1:7" x14ac:dyDescent="0.3">
      <c r="A84714" s="13" t="s">
        <v>426</v>
      </c>
      <c r="B84714" s="14" t="s">
        <v>1</v>
      </c>
      <c r="C84714" s="14" t="s">
        <v>23</v>
      </c>
      <c r="D84714" s="14" t="s">
        <v>427</v>
      </c>
      <c r="E84714" s="15">
        <v>45410</v>
      </c>
      <c r="F84714" s="14" t="s">
        <v>28</v>
      </c>
      <c r="G84714" s="16">
        <v>0.44775789393958132</v>
      </c>
    </row>
    <row r="84715" spans="1:7" x14ac:dyDescent="0.3">
      <c r="A84715" s="13" t="s">
        <v>426</v>
      </c>
      <c r="B84715" s="14" t="s">
        <v>1</v>
      </c>
      <c r="C84715" s="14" t="s">
        <v>23</v>
      </c>
      <c r="D84715" s="14" t="s">
        <v>427</v>
      </c>
      <c r="E84715" s="15">
        <v>45411</v>
      </c>
      <c r="F84715" s="14" t="s">
        <v>28</v>
      </c>
      <c r="G84715" s="16">
        <v>0.46449306083206343</v>
      </c>
    </row>
    <row r="84716" spans="1:7" x14ac:dyDescent="0.3">
      <c r="A84716" s="13" t="s">
        <v>426</v>
      </c>
      <c r="B84716" s="14" t="s">
        <v>1</v>
      </c>
      <c r="C84716" s="14" t="s">
        <v>23</v>
      </c>
      <c r="D84716" s="14" t="s">
        <v>427</v>
      </c>
      <c r="E84716" s="15">
        <v>45412</v>
      </c>
      <c r="F84716" s="14" t="s">
        <v>28</v>
      </c>
      <c r="G84716" s="16">
        <v>0.51976917438997783</v>
      </c>
    </row>
    <row r="84717" spans="1:7" x14ac:dyDescent="0.3">
      <c r="A84717" s="13" t="s">
        <v>426</v>
      </c>
      <c r="B84717" s="14" t="s">
        <v>1</v>
      </c>
      <c r="C84717" s="14" t="s">
        <v>23</v>
      </c>
      <c r="D84717" s="14" t="s">
        <v>427</v>
      </c>
      <c r="E84717" s="15">
        <v>45413</v>
      </c>
      <c r="F84717" s="14" t="s">
        <v>28</v>
      </c>
      <c r="G84717" s="16">
        <v>0.53567590708667934</v>
      </c>
    </row>
    <row r="84718" spans="1:7" x14ac:dyDescent="0.3">
      <c r="A84718" s="13" t="s">
        <v>426</v>
      </c>
      <c r="B84718" s="14" t="s">
        <v>1</v>
      </c>
      <c r="C84718" s="14" t="s">
        <v>23</v>
      </c>
      <c r="D84718" s="14" t="s">
        <v>427</v>
      </c>
      <c r="E84718" s="15">
        <v>45414</v>
      </c>
      <c r="F84718" s="14" t="s">
        <v>28</v>
      </c>
      <c r="G84718" s="16">
        <v>0.55088802657583091</v>
      </c>
    </row>
    <row r="84719" spans="1:7" x14ac:dyDescent="0.3">
      <c r="A84719" s="13" t="s">
        <v>426</v>
      </c>
      <c r="B84719" s="14" t="s">
        <v>1</v>
      </c>
      <c r="C84719" s="14" t="s">
        <v>23</v>
      </c>
      <c r="D84719" s="14" t="s">
        <v>427</v>
      </c>
      <c r="E84719" s="15">
        <v>45415</v>
      </c>
      <c r="F84719" s="14" t="s">
        <v>28</v>
      </c>
      <c r="G84719" s="16">
        <v>0.56648425822171822</v>
      </c>
    </row>
    <row r="84720" spans="1:7" x14ac:dyDescent="0.3">
      <c r="A84720" s="13" t="s">
        <v>426</v>
      </c>
      <c r="B84720" s="14" t="s">
        <v>1</v>
      </c>
      <c r="C84720" s="14" t="s">
        <v>23</v>
      </c>
      <c r="D84720" s="14" t="s">
        <v>427</v>
      </c>
      <c r="E84720" s="15">
        <v>45416</v>
      </c>
      <c r="F84720" s="14" t="s">
        <v>28</v>
      </c>
      <c r="G84720" s="16">
        <v>0.56648425822171822</v>
      </c>
    </row>
    <row r="84721" spans="1:7" x14ac:dyDescent="0.3">
      <c r="A84721" s="13" t="s">
        <v>426</v>
      </c>
      <c r="B84721" s="14" t="s">
        <v>1</v>
      </c>
      <c r="C84721" s="14" t="s">
        <v>23</v>
      </c>
      <c r="D84721" s="14" t="s">
        <v>427</v>
      </c>
      <c r="E84721" s="15">
        <v>45417</v>
      </c>
      <c r="F84721" s="14" t="s">
        <v>28</v>
      </c>
      <c r="G84721" s="16">
        <v>0.56648425822171822</v>
      </c>
    </row>
    <row r="84722" spans="1:7" x14ac:dyDescent="0.3">
      <c r="A84722" s="13" t="s">
        <v>426</v>
      </c>
      <c r="B84722" s="14" t="s">
        <v>1</v>
      </c>
      <c r="C84722" s="14" t="s">
        <v>23</v>
      </c>
      <c r="D84722" s="14" t="s">
        <v>427</v>
      </c>
      <c r="E84722" s="15">
        <v>45418</v>
      </c>
      <c r="F84722" s="14" t="s">
        <v>28</v>
      </c>
      <c r="G84722" s="16">
        <v>0.56648425822171822</v>
      </c>
    </row>
    <row r="84723" spans="1:7" x14ac:dyDescent="0.3">
      <c r="A84723" s="13" t="s">
        <v>426</v>
      </c>
      <c r="B84723" s="14" t="s">
        <v>1</v>
      </c>
      <c r="C84723" s="14" t="s">
        <v>23</v>
      </c>
      <c r="D84723" s="14" t="s">
        <v>427</v>
      </c>
      <c r="E84723" s="15">
        <v>45419</v>
      </c>
      <c r="F84723" s="14" t="s">
        <v>28</v>
      </c>
      <c r="G84723" s="16">
        <v>0.58471072258758983</v>
      </c>
    </row>
    <row r="84724" spans="1:7" x14ac:dyDescent="0.3">
      <c r="A84724" s="13" t="s">
        <v>426</v>
      </c>
      <c r="B84724" s="14" t="s">
        <v>1</v>
      </c>
      <c r="C84724" s="14" t="s">
        <v>23</v>
      </c>
      <c r="D84724" s="14" t="s">
        <v>427</v>
      </c>
      <c r="E84724" s="15">
        <v>45420</v>
      </c>
      <c r="F84724" s="14" t="s">
        <v>28</v>
      </c>
      <c r="G84724" s="16">
        <v>0.67210831034221064</v>
      </c>
    </row>
    <row r="84725" spans="1:7" x14ac:dyDescent="0.3">
      <c r="A84725" s="13" t="s">
        <v>426</v>
      </c>
      <c r="B84725" s="14" t="s">
        <v>1</v>
      </c>
      <c r="C84725" s="14" t="s">
        <v>23</v>
      </c>
      <c r="D84725" s="14" t="s">
        <v>427</v>
      </c>
      <c r="E84725" s="15">
        <v>45421</v>
      </c>
      <c r="F84725" s="14" t="s">
        <v>28</v>
      </c>
      <c r="G84725" s="16">
        <v>0.6881474123878758</v>
      </c>
    </row>
    <row r="84726" spans="1:7" x14ac:dyDescent="0.3">
      <c r="A84726" s="13" t="s">
        <v>426</v>
      </c>
      <c r="B84726" s="14" t="s">
        <v>1</v>
      </c>
      <c r="C84726" s="14" t="s">
        <v>23</v>
      </c>
      <c r="D84726" s="14" t="s">
        <v>427</v>
      </c>
      <c r="E84726" s="15">
        <v>45422</v>
      </c>
      <c r="F84726" s="14" t="s">
        <v>28</v>
      </c>
      <c r="G84726" s="16">
        <v>0.70676500735807779</v>
      </c>
    </row>
    <row r="84727" spans="1:7" x14ac:dyDescent="0.3">
      <c r="A84727" s="13" t="s">
        <v>426</v>
      </c>
      <c r="B84727" s="14" t="s">
        <v>1</v>
      </c>
      <c r="C84727" s="14" t="s">
        <v>23</v>
      </c>
      <c r="D84727" s="14" t="s">
        <v>427</v>
      </c>
      <c r="E84727" s="15">
        <v>45423</v>
      </c>
      <c r="F84727" s="14" t="s">
        <v>28</v>
      </c>
      <c r="G84727" s="16">
        <v>0.70676500735807779</v>
      </c>
    </row>
    <row r="84728" spans="1:7" x14ac:dyDescent="0.3">
      <c r="A84728" s="13" t="s">
        <v>426</v>
      </c>
      <c r="B84728" s="14" t="s">
        <v>1</v>
      </c>
      <c r="C84728" s="14" t="s">
        <v>23</v>
      </c>
      <c r="D84728" s="14" t="s">
        <v>427</v>
      </c>
      <c r="E84728" s="15">
        <v>45424</v>
      </c>
      <c r="F84728" s="14" t="s">
        <v>28</v>
      </c>
      <c r="G84728" s="16">
        <v>0.70676500735807779</v>
      </c>
    </row>
    <row r="84729" spans="1:7" x14ac:dyDescent="0.3">
      <c r="A84729" s="13" t="s">
        <v>426</v>
      </c>
      <c r="B84729" s="14" t="s">
        <v>1</v>
      </c>
      <c r="C84729" s="14" t="s">
        <v>23</v>
      </c>
      <c r="D84729" s="14" t="s">
        <v>427</v>
      </c>
      <c r="E84729" s="15">
        <v>45425</v>
      </c>
      <c r="F84729" s="14" t="s">
        <v>28</v>
      </c>
      <c r="G84729" s="16">
        <v>0.72393419279156657</v>
      </c>
    </row>
    <row r="84730" spans="1:7" x14ac:dyDescent="0.3">
      <c r="A84730" s="13" t="s">
        <v>426</v>
      </c>
      <c r="B84730" s="14" t="s">
        <v>1</v>
      </c>
      <c r="C84730" s="14" t="s">
        <v>23</v>
      </c>
      <c r="D84730" s="14" t="s">
        <v>427</v>
      </c>
      <c r="E84730" s="15">
        <v>45426</v>
      </c>
      <c r="F84730" s="14" t="s">
        <v>28</v>
      </c>
      <c r="G84730" s="16">
        <v>0.7785411051585488</v>
      </c>
    </row>
    <row r="84731" spans="1:7" x14ac:dyDescent="0.3">
      <c r="A84731" s="13" t="s">
        <v>426</v>
      </c>
      <c r="B84731" s="14" t="s">
        <v>1</v>
      </c>
      <c r="C84731" s="14" t="s">
        <v>23</v>
      </c>
      <c r="D84731" s="14" t="s">
        <v>427</v>
      </c>
      <c r="E84731" s="15">
        <v>45427</v>
      </c>
      <c r="F84731" s="14" t="s">
        <v>28</v>
      </c>
      <c r="G84731" s="16">
        <v>0.79233036347172003</v>
      </c>
    </row>
    <row r="84732" spans="1:7" x14ac:dyDescent="0.3">
      <c r="A84732" s="13" t="s">
        <v>426</v>
      </c>
      <c r="B84732" s="14" t="s">
        <v>1</v>
      </c>
      <c r="C84732" s="14" t="s">
        <v>23</v>
      </c>
      <c r="D84732" s="14" t="s">
        <v>427</v>
      </c>
      <c r="E84732" s="15">
        <v>45428</v>
      </c>
      <c r="F84732" s="14" t="s">
        <v>28</v>
      </c>
      <c r="G84732" s="16">
        <v>0.81028517466179639</v>
      </c>
    </row>
    <row r="84733" spans="1:7" x14ac:dyDescent="0.3">
      <c r="A84733" s="13" t="s">
        <v>426</v>
      </c>
      <c r="B84733" s="14" t="s">
        <v>1</v>
      </c>
      <c r="C84733" s="14" t="s">
        <v>23</v>
      </c>
      <c r="D84733" s="14" t="s">
        <v>427</v>
      </c>
      <c r="E84733" s="15">
        <v>45429</v>
      </c>
      <c r="F84733" s="14" t="s">
        <v>28</v>
      </c>
      <c r="G84733" s="16">
        <v>0.82892700351486304</v>
      </c>
    </row>
    <row r="84734" spans="1:7" x14ac:dyDescent="0.3">
      <c r="A84734" s="13" t="s">
        <v>426</v>
      </c>
      <c r="B84734" s="14" t="s">
        <v>1</v>
      </c>
      <c r="C84734" s="14" t="s">
        <v>23</v>
      </c>
      <c r="D84734" s="14" t="s">
        <v>427</v>
      </c>
      <c r="E84734" s="15">
        <v>45430</v>
      </c>
      <c r="F84734" s="14" t="s">
        <v>28</v>
      </c>
      <c r="G84734" s="16">
        <v>0.82892700351486304</v>
      </c>
    </row>
    <row r="84735" spans="1:7" x14ac:dyDescent="0.3">
      <c r="A84735" s="13" t="s">
        <v>426</v>
      </c>
      <c r="B84735" s="14" t="s">
        <v>1</v>
      </c>
      <c r="C84735" s="14" t="s">
        <v>23</v>
      </c>
      <c r="D84735" s="14" t="s">
        <v>427</v>
      </c>
      <c r="E84735" s="15">
        <v>45431</v>
      </c>
      <c r="F84735" s="14" t="s">
        <v>28</v>
      </c>
      <c r="G84735" s="16">
        <v>0.82892700351486304</v>
      </c>
    </row>
    <row r="84736" spans="1:7" x14ac:dyDescent="0.3">
      <c r="A84736" s="13" t="s">
        <v>426</v>
      </c>
      <c r="B84736" s="14" t="s">
        <v>1</v>
      </c>
      <c r="C84736" s="14" t="s">
        <v>23</v>
      </c>
      <c r="D84736" s="14" t="s">
        <v>427</v>
      </c>
      <c r="E84736" s="15">
        <v>45432</v>
      </c>
      <c r="F84736" s="14" t="s">
        <v>28</v>
      </c>
      <c r="G84736" s="16">
        <v>0.8490069593948355</v>
      </c>
    </row>
    <row r="84737" spans="1:7" x14ac:dyDescent="0.3">
      <c r="A84737" s="13" t="s">
        <v>426</v>
      </c>
      <c r="B84737" s="14" t="s">
        <v>1</v>
      </c>
      <c r="C84737" s="14" t="s">
        <v>23</v>
      </c>
      <c r="D84737" s="14" t="s">
        <v>427</v>
      </c>
      <c r="E84737" s="15">
        <v>45433</v>
      </c>
      <c r="F84737" s="14" t="s">
        <v>28</v>
      </c>
      <c r="G84737" s="16">
        <v>0.90274503166748032</v>
      </c>
    </row>
    <row r="84738" spans="1:7" x14ac:dyDescent="0.3">
      <c r="A84738" s="13" t="s">
        <v>426</v>
      </c>
      <c r="B84738" s="14" t="s">
        <v>1</v>
      </c>
      <c r="C84738" s="14" t="s">
        <v>23</v>
      </c>
      <c r="D84738" s="14" t="s">
        <v>427</v>
      </c>
      <c r="E84738" s="15">
        <v>45434</v>
      </c>
      <c r="F84738" s="14" t="s">
        <v>28</v>
      </c>
      <c r="G84738" s="16">
        <v>0.92283108020577975</v>
      </c>
    </row>
    <row r="84739" spans="1:7" x14ac:dyDescent="0.3">
      <c r="A84739" s="13" t="s">
        <v>426</v>
      </c>
      <c r="B84739" s="14" t="s">
        <v>1</v>
      </c>
      <c r="C84739" s="14" t="s">
        <v>23</v>
      </c>
      <c r="D84739" s="14" t="s">
        <v>427</v>
      </c>
      <c r="E84739" s="15">
        <v>45435</v>
      </c>
      <c r="F84739" s="14" t="s">
        <v>28</v>
      </c>
      <c r="G84739" s="16">
        <v>0.94362760971735848</v>
      </c>
    </row>
    <row r="84740" spans="1:7" x14ac:dyDescent="0.3">
      <c r="A84740" s="13" t="s">
        <v>426</v>
      </c>
      <c r="B84740" s="14" t="s">
        <v>1</v>
      </c>
      <c r="C84740" s="14" t="s">
        <v>23</v>
      </c>
      <c r="D84740" s="14" t="s">
        <v>427</v>
      </c>
      <c r="E84740" s="15">
        <v>45436</v>
      </c>
      <c r="F84740" s="14" t="s">
        <v>28</v>
      </c>
      <c r="G84740" s="16">
        <v>0.95989162308844922</v>
      </c>
    </row>
    <row r="84741" spans="1:7" x14ac:dyDescent="0.3">
      <c r="A84741" s="13" t="s">
        <v>426</v>
      </c>
      <c r="B84741" s="14" t="s">
        <v>1</v>
      </c>
      <c r="C84741" s="14" t="s">
        <v>23</v>
      </c>
      <c r="D84741" s="14" t="s">
        <v>427</v>
      </c>
      <c r="E84741" s="15">
        <v>45437</v>
      </c>
      <c r="F84741" s="14" t="s">
        <v>28</v>
      </c>
      <c r="G84741" s="16">
        <v>0.95989162308844922</v>
      </c>
    </row>
    <row r="84742" spans="1:7" x14ac:dyDescent="0.3">
      <c r="A84742" s="13" t="s">
        <v>426</v>
      </c>
      <c r="B84742" s="14" t="s">
        <v>1</v>
      </c>
      <c r="C84742" s="14" t="s">
        <v>23</v>
      </c>
      <c r="D84742" s="14" t="s">
        <v>427</v>
      </c>
      <c r="E84742" s="15">
        <v>45438</v>
      </c>
      <c r="F84742" s="14" t="s">
        <v>28</v>
      </c>
      <c r="G84742" s="16">
        <v>0.95989162308844922</v>
      </c>
    </row>
    <row r="84743" spans="1:7" x14ac:dyDescent="0.3">
      <c r="A84743" s="13" t="s">
        <v>426</v>
      </c>
      <c r="B84743" s="14" t="s">
        <v>1</v>
      </c>
      <c r="C84743" s="14" t="s">
        <v>23</v>
      </c>
      <c r="D84743" s="14" t="s">
        <v>427</v>
      </c>
      <c r="E84743" s="15">
        <v>45439</v>
      </c>
      <c r="F84743" s="14" t="s">
        <v>28</v>
      </c>
      <c r="G84743" s="16">
        <v>0.95989162308844922</v>
      </c>
    </row>
    <row r="84744" spans="1:7" x14ac:dyDescent="0.3">
      <c r="A84744" s="13" t="s">
        <v>426</v>
      </c>
      <c r="B84744" s="14" t="s">
        <v>1</v>
      </c>
      <c r="C84744" s="14" t="s">
        <v>23</v>
      </c>
      <c r="D84744" s="14" t="s">
        <v>427</v>
      </c>
      <c r="E84744" s="15">
        <v>45440</v>
      </c>
      <c r="F84744" s="14" t="s">
        <v>28</v>
      </c>
      <c r="G84744" s="16">
        <v>0.97690286571416596</v>
      </c>
    </row>
    <row r="84745" spans="1:7" x14ac:dyDescent="0.3">
      <c r="A84745" s="13" t="s">
        <v>426</v>
      </c>
      <c r="B84745" s="14" t="s">
        <v>1</v>
      </c>
      <c r="C84745" s="14" t="s">
        <v>23</v>
      </c>
      <c r="D84745" s="14" t="s">
        <v>427</v>
      </c>
      <c r="E84745" s="15">
        <v>45441</v>
      </c>
      <c r="F84745" s="14" t="s">
        <v>28</v>
      </c>
      <c r="G84745" s="16">
        <v>1.0452017636173061</v>
      </c>
    </row>
    <row r="84746" spans="1:7" x14ac:dyDescent="0.3">
      <c r="A84746" s="13" t="s">
        <v>426</v>
      </c>
      <c r="B84746" s="14" t="s">
        <v>1</v>
      </c>
      <c r="C84746" s="14" t="s">
        <v>23</v>
      </c>
      <c r="D84746" s="14" t="s">
        <v>427</v>
      </c>
      <c r="E84746" s="15">
        <v>45442</v>
      </c>
      <c r="F84746" s="14" t="s">
        <v>28</v>
      </c>
      <c r="G84746" s="16">
        <v>1.0643389407843997</v>
      </c>
    </row>
    <row r="84747" spans="1:7" x14ac:dyDescent="0.3">
      <c r="A84747" s="13" t="s">
        <v>426</v>
      </c>
      <c r="B84747" s="14" t="s">
        <v>1</v>
      </c>
      <c r="C84747" s="14" t="s">
        <v>23</v>
      </c>
      <c r="D84747" s="14" t="s">
        <v>427</v>
      </c>
      <c r="E84747" s="15">
        <v>45443</v>
      </c>
      <c r="F84747" s="14" t="s">
        <v>28</v>
      </c>
      <c r="G84747" s="16">
        <v>1.0786845984997906</v>
      </c>
    </row>
    <row r="84748" spans="1:7" x14ac:dyDescent="0.3">
      <c r="A84748" s="13" t="s">
        <v>426</v>
      </c>
      <c r="B84748" s="14" t="s">
        <v>1</v>
      </c>
      <c r="C84748" s="14" t="s">
        <v>23</v>
      </c>
      <c r="D84748" s="14" t="s">
        <v>427</v>
      </c>
      <c r="E84748" s="15">
        <v>45444</v>
      </c>
      <c r="F84748" s="14" t="s">
        <v>28</v>
      </c>
      <c r="G84748" s="16">
        <v>1.0786845984997906</v>
      </c>
    </row>
    <row r="84749" spans="1:7" x14ac:dyDescent="0.3">
      <c r="A84749" s="13" t="s">
        <v>426</v>
      </c>
      <c r="B84749" s="14" t="s">
        <v>1</v>
      </c>
      <c r="C84749" s="14" t="s">
        <v>23</v>
      </c>
      <c r="D84749" s="14" t="s">
        <v>427</v>
      </c>
      <c r="E84749" s="15">
        <v>45445</v>
      </c>
      <c r="F84749" s="14" t="s">
        <v>28</v>
      </c>
      <c r="G84749" s="16">
        <v>1.0786845984997906</v>
      </c>
    </row>
    <row r="84750" spans="1:7" x14ac:dyDescent="0.3">
      <c r="A84750" s="13" t="s">
        <v>426</v>
      </c>
      <c r="B84750" s="14" t="s">
        <v>1</v>
      </c>
      <c r="C84750" s="14" t="s">
        <v>23</v>
      </c>
      <c r="D84750" s="14" t="s">
        <v>427</v>
      </c>
      <c r="E84750" s="15">
        <v>45446</v>
      </c>
      <c r="F84750" s="14" t="s">
        <v>28</v>
      </c>
      <c r="G84750" s="16">
        <v>1.0786845984997906</v>
      </c>
    </row>
    <row r="84751" spans="1:7" x14ac:dyDescent="0.3">
      <c r="A84751" s="13" t="s">
        <v>426</v>
      </c>
      <c r="B84751" s="14" t="s">
        <v>1</v>
      </c>
      <c r="C84751" s="14" t="s">
        <v>23</v>
      </c>
      <c r="D84751" s="14" t="s">
        <v>427</v>
      </c>
      <c r="E84751" s="15">
        <v>45447</v>
      </c>
      <c r="F84751" s="14" t="s">
        <v>28</v>
      </c>
      <c r="G84751" s="16">
        <v>1.0953362457070401</v>
      </c>
    </row>
    <row r="84752" spans="1:7" x14ac:dyDescent="0.3">
      <c r="A84752" s="13" t="s">
        <v>426</v>
      </c>
      <c r="B84752" s="14" t="s">
        <v>1</v>
      </c>
      <c r="C84752" s="14" t="s">
        <v>23</v>
      </c>
      <c r="D84752" s="14" t="s">
        <v>427</v>
      </c>
      <c r="E84752" s="15">
        <v>45448</v>
      </c>
      <c r="F84752" s="14" t="s">
        <v>28</v>
      </c>
      <c r="G84752" s="16">
        <v>1.171177855108404</v>
      </c>
    </row>
    <row r="84753" spans="1:7" x14ac:dyDescent="0.3">
      <c r="A84753" s="13" t="s">
        <v>426</v>
      </c>
      <c r="B84753" s="14" t="s">
        <v>1</v>
      </c>
      <c r="C84753" s="14" t="s">
        <v>23</v>
      </c>
      <c r="D84753" s="14" t="s">
        <v>427</v>
      </c>
      <c r="E84753" s="15">
        <v>45449</v>
      </c>
      <c r="F84753" s="14" t="s">
        <v>28</v>
      </c>
      <c r="G84753" s="16">
        <v>1.1862872165740175</v>
      </c>
    </row>
    <row r="84754" spans="1:7" x14ac:dyDescent="0.3">
      <c r="A84754" s="13" t="s">
        <v>426</v>
      </c>
      <c r="B84754" s="14" t="s">
        <v>1</v>
      </c>
      <c r="C84754" s="14" t="s">
        <v>23</v>
      </c>
      <c r="D84754" s="14" t="s">
        <v>427</v>
      </c>
      <c r="E84754" s="15">
        <v>45450</v>
      </c>
      <c r="F84754" s="14" t="s">
        <v>28</v>
      </c>
      <c r="G84754" s="16">
        <v>1.2306409195584302</v>
      </c>
    </row>
    <row r="84755" spans="1:7" x14ac:dyDescent="0.3">
      <c r="A84755" s="13" t="s">
        <v>426</v>
      </c>
      <c r="B84755" s="14" t="s">
        <v>1</v>
      </c>
      <c r="C84755" s="14" t="s">
        <v>23</v>
      </c>
      <c r="D84755" s="14" t="s">
        <v>427</v>
      </c>
      <c r="E84755" s="15">
        <v>45451</v>
      </c>
      <c r="F84755" s="14" t="s">
        <v>28</v>
      </c>
      <c r="G84755" s="16">
        <v>1.2306409195584302</v>
      </c>
    </row>
    <row r="84756" spans="1:7" x14ac:dyDescent="0.3">
      <c r="A84756" s="13" t="s">
        <v>426</v>
      </c>
      <c r="B84756" s="14" t="s">
        <v>1</v>
      </c>
      <c r="C84756" s="14" t="s">
        <v>23</v>
      </c>
      <c r="D84756" s="14" t="s">
        <v>427</v>
      </c>
      <c r="E84756" s="15">
        <v>45452</v>
      </c>
      <c r="F84756" s="14" t="s">
        <v>28</v>
      </c>
      <c r="G84756" s="16">
        <v>1.2306409195584302</v>
      </c>
    </row>
    <row r="84757" spans="1:7" x14ac:dyDescent="0.3">
      <c r="A84757" s="13" t="s">
        <v>426</v>
      </c>
      <c r="B84757" s="14" t="s">
        <v>1</v>
      </c>
      <c r="C84757" s="14" t="s">
        <v>23</v>
      </c>
      <c r="D84757" s="14" t="s">
        <v>427</v>
      </c>
      <c r="E84757" s="15">
        <v>45453</v>
      </c>
      <c r="F84757" s="14" t="s">
        <v>28</v>
      </c>
      <c r="G84757" s="16">
        <v>1.247644282826782</v>
      </c>
    </row>
    <row r="84758" spans="1:7" x14ac:dyDescent="0.3">
      <c r="A84758" s="13" t="s">
        <v>426</v>
      </c>
      <c r="B84758" s="14" t="s">
        <v>1</v>
      </c>
      <c r="C84758" s="14" t="s">
        <v>23</v>
      </c>
      <c r="D84758" s="14" t="s">
        <v>427</v>
      </c>
      <c r="E84758" s="15">
        <v>45454</v>
      </c>
      <c r="F84758" s="14" t="s">
        <v>28</v>
      </c>
      <c r="G84758" s="16">
        <v>1.2994632444325134</v>
      </c>
    </row>
    <row r="84759" spans="1:7" x14ac:dyDescent="0.3">
      <c r="A84759" s="13" t="s">
        <v>426</v>
      </c>
      <c r="B84759" s="14" t="s">
        <v>1</v>
      </c>
      <c r="C84759" s="14" t="s">
        <v>23</v>
      </c>
      <c r="D84759" s="14" t="s">
        <v>427</v>
      </c>
      <c r="E84759" s="15">
        <v>45455</v>
      </c>
      <c r="F84759" s="14" t="s">
        <v>28</v>
      </c>
      <c r="G84759" s="16">
        <v>1.31000415595416</v>
      </c>
    </row>
    <row r="84760" spans="1:7" x14ac:dyDescent="0.3">
      <c r="A84760" s="13" t="s">
        <v>426</v>
      </c>
      <c r="B84760" s="14" t="s">
        <v>1</v>
      </c>
      <c r="C84760" s="14" t="s">
        <v>23</v>
      </c>
      <c r="D84760" s="14" t="s">
        <v>427</v>
      </c>
      <c r="E84760" s="15">
        <v>45456</v>
      </c>
      <c r="F84760" s="14" t="s">
        <v>28</v>
      </c>
      <c r="G84760" s="16">
        <v>1.329954780884206</v>
      </c>
    </row>
    <row r="84761" spans="1:7" x14ac:dyDescent="0.3">
      <c r="A84761" s="13" t="s">
        <v>426</v>
      </c>
      <c r="B84761" s="14" t="s">
        <v>1</v>
      </c>
      <c r="C84761" s="14" t="s">
        <v>23</v>
      </c>
      <c r="D84761" s="14" t="s">
        <v>427</v>
      </c>
      <c r="E84761" s="15">
        <v>45457</v>
      </c>
      <c r="F84761" s="14" t="s">
        <v>28</v>
      </c>
      <c r="G84761" s="16">
        <v>1.3511076732343856</v>
      </c>
    </row>
    <row r="84762" spans="1:7" x14ac:dyDescent="0.3">
      <c r="A84762" s="13" t="s">
        <v>426</v>
      </c>
      <c r="B84762" s="14" t="s">
        <v>1</v>
      </c>
      <c r="C84762" s="14" t="s">
        <v>23</v>
      </c>
      <c r="D84762" s="14" t="s">
        <v>427</v>
      </c>
      <c r="E84762" s="15">
        <v>45458</v>
      </c>
      <c r="F84762" s="14" t="s">
        <v>28</v>
      </c>
      <c r="G84762" s="16">
        <v>1.3511076732343856</v>
      </c>
    </row>
    <row r="84763" spans="1:7" x14ac:dyDescent="0.3">
      <c r="A84763" s="13" t="s">
        <v>426</v>
      </c>
      <c r="B84763" s="14" t="s">
        <v>1</v>
      </c>
      <c r="C84763" s="14" t="s">
        <v>23</v>
      </c>
      <c r="D84763" s="14" t="s">
        <v>427</v>
      </c>
      <c r="E84763" s="15">
        <v>45459</v>
      </c>
      <c r="F84763" s="14" t="s">
        <v>28</v>
      </c>
      <c r="G84763" s="16">
        <v>1.3511076732343856</v>
      </c>
    </row>
    <row r="84764" spans="1:7" x14ac:dyDescent="0.3">
      <c r="A84764" s="13" t="s">
        <v>426</v>
      </c>
      <c r="B84764" s="14" t="s">
        <v>1</v>
      </c>
      <c r="C84764" s="14" t="s">
        <v>23</v>
      </c>
      <c r="D84764" s="14" t="s">
        <v>427</v>
      </c>
      <c r="E84764" s="15">
        <v>45460</v>
      </c>
      <c r="F84764" s="14" t="s">
        <v>28</v>
      </c>
      <c r="G84764" s="16">
        <v>1.3676284322994807</v>
      </c>
    </row>
    <row r="84765" spans="1:7" x14ac:dyDescent="0.3">
      <c r="A84765" s="13" t="s">
        <v>426</v>
      </c>
      <c r="B84765" s="14" t="s">
        <v>1</v>
      </c>
      <c r="C84765" s="14" t="s">
        <v>23</v>
      </c>
      <c r="D84765" s="14" t="s">
        <v>427</v>
      </c>
      <c r="E84765" s="15">
        <v>45461</v>
      </c>
      <c r="F84765" s="14" t="s">
        <v>28</v>
      </c>
      <c r="G84765" s="16">
        <v>1.4194462782037318</v>
      </c>
    </row>
    <row r="84766" spans="1:7" x14ac:dyDescent="0.3">
      <c r="A84766" s="13" t="s">
        <v>426</v>
      </c>
      <c r="B84766" s="14" t="s">
        <v>1</v>
      </c>
      <c r="C84766" s="14" t="s">
        <v>23</v>
      </c>
      <c r="D84766" s="14" t="s">
        <v>427</v>
      </c>
      <c r="E84766" s="15">
        <v>45462</v>
      </c>
      <c r="F84766" s="14" t="s">
        <v>28</v>
      </c>
      <c r="G84766" s="16">
        <v>1.4194462782037318</v>
      </c>
    </row>
    <row r="84767" spans="1:7" x14ac:dyDescent="0.3">
      <c r="A84767" s="13" t="s">
        <v>426</v>
      </c>
      <c r="B84767" s="14" t="s">
        <v>1</v>
      </c>
      <c r="C84767" s="14" t="s">
        <v>23</v>
      </c>
      <c r="D84767" s="14" t="s">
        <v>427</v>
      </c>
      <c r="E84767" s="15">
        <v>45463</v>
      </c>
      <c r="F84767" s="14" t="s">
        <v>28</v>
      </c>
      <c r="G84767" s="16">
        <v>1.4407774185690481</v>
      </c>
    </row>
    <row r="84768" spans="1:7" x14ac:dyDescent="0.3">
      <c r="A84768" s="13" t="s">
        <v>426</v>
      </c>
      <c r="B84768" s="14" t="s">
        <v>1</v>
      </c>
      <c r="C84768" s="14" t="s">
        <v>23</v>
      </c>
      <c r="D84768" s="14" t="s">
        <v>427</v>
      </c>
      <c r="E84768" s="15">
        <v>45464</v>
      </c>
      <c r="F84768" s="14" t="s">
        <v>28</v>
      </c>
      <c r="G84768" s="16">
        <v>1.4777181591865483</v>
      </c>
    </row>
    <row r="84769" spans="1:7" x14ac:dyDescent="0.3">
      <c r="A84769" s="13" t="s">
        <v>426</v>
      </c>
      <c r="B84769" s="14" t="s">
        <v>1</v>
      </c>
      <c r="C84769" s="14" t="s">
        <v>23</v>
      </c>
      <c r="D84769" s="14" t="s">
        <v>427</v>
      </c>
      <c r="E84769" s="15">
        <v>45465</v>
      </c>
      <c r="F84769" s="14" t="s">
        <v>28</v>
      </c>
      <c r="G84769" s="16">
        <v>1.4777181591865483</v>
      </c>
    </row>
    <row r="84770" spans="1:7" x14ac:dyDescent="0.3">
      <c r="A84770" s="13" t="s">
        <v>426</v>
      </c>
      <c r="B84770" s="14" t="s">
        <v>1</v>
      </c>
      <c r="C84770" s="14" t="s">
        <v>23</v>
      </c>
      <c r="D84770" s="14" t="s">
        <v>427</v>
      </c>
      <c r="E84770" s="15">
        <v>45466</v>
      </c>
      <c r="F84770" s="14" t="s">
        <v>28</v>
      </c>
      <c r="G84770" s="16">
        <v>1.4777181591865483</v>
      </c>
    </row>
    <row r="84771" spans="1:7" x14ac:dyDescent="0.3">
      <c r="A84771" s="13" t="s">
        <v>426</v>
      </c>
      <c r="B84771" s="14" t="s">
        <v>1</v>
      </c>
      <c r="C84771" s="14" t="s">
        <v>23</v>
      </c>
      <c r="D84771" s="14" t="s">
        <v>427</v>
      </c>
      <c r="E84771" s="15">
        <v>45467</v>
      </c>
      <c r="F84771" s="14" t="s">
        <v>28</v>
      </c>
      <c r="G84771" s="16">
        <v>1.4931674957735903</v>
      </c>
    </row>
    <row r="84772" spans="1:7" x14ac:dyDescent="0.3">
      <c r="A84772" s="13" t="s">
        <v>426</v>
      </c>
      <c r="B84772" s="14" t="s">
        <v>1</v>
      </c>
      <c r="C84772" s="14" t="s">
        <v>23</v>
      </c>
      <c r="D84772" s="14" t="s">
        <v>427</v>
      </c>
      <c r="E84772" s="15">
        <v>45468</v>
      </c>
      <c r="F84772" s="14" t="s">
        <v>28</v>
      </c>
      <c r="G84772" s="16">
        <v>1.5507323362649985</v>
      </c>
    </row>
    <row r="84773" spans="1:7" x14ac:dyDescent="0.3">
      <c r="A84773" s="13" t="s">
        <v>426</v>
      </c>
      <c r="B84773" s="14" t="s">
        <v>1</v>
      </c>
      <c r="C84773" s="14" t="s">
        <v>23</v>
      </c>
      <c r="D84773" s="14" t="s">
        <v>427</v>
      </c>
      <c r="E84773" s="15">
        <v>45469</v>
      </c>
      <c r="F84773" s="14" t="s">
        <v>28</v>
      </c>
      <c r="G84773" s="16">
        <v>1.5700708904496707</v>
      </c>
    </row>
    <row r="84774" spans="1:7" x14ac:dyDescent="0.3">
      <c r="A84774" s="13" t="s">
        <v>426</v>
      </c>
      <c r="B84774" s="14" t="s">
        <v>1</v>
      </c>
      <c r="C84774" s="14" t="s">
        <v>23</v>
      </c>
      <c r="D84774" s="14" t="s">
        <v>427</v>
      </c>
      <c r="E84774" s="15">
        <v>45470</v>
      </c>
      <c r="F84774" s="14" t="s">
        <v>28</v>
      </c>
      <c r="G84774" s="16">
        <v>1.5865336036946693</v>
      </c>
    </row>
    <row r="84775" spans="1:7" x14ac:dyDescent="0.3">
      <c r="A84775" s="13" t="s">
        <v>426</v>
      </c>
      <c r="B84775" s="14" t="s">
        <v>1</v>
      </c>
      <c r="C84775" s="14" t="s">
        <v>23</v>
      </c>
      <c r="D84775" s="14" t="s">
        <v>427</v>
      </c>
      <c r="E84775" s="15">
        <v>45471</v>
      </c>
      <c r="F84775" s="14" t="s">
        <v>28</v>
      </c>
      <c r="G84775" s="16">
        <v>1.599458532407618</v>
      </c>
    </row>
    <row r="84776" spans="1:7" x14ac:dyDescent="0.3">
      <c r="A84776" s="13" t="s">
        <v>426</v>
      </c>
      <c r="B84776" s="14" t="s">
        <v>1</v>
      </c>
      <c r="C84776" s="14" t="s">
        <v>23</v>
      </c>
      <c r="D84776" s="14" t="s">
        <v>427</v>
      </c>
      <c r="E84776" s="15">
        <v>45472</v>
      </c>
      <c r="F84776" s="14" t="s">
        <v>28</v>
      </c>
      <c r="G84776" s="16">
        <v>1.599458532407618</v>
      </c>
    </row>
    <row r="84777" spans="1:7" x14ac:dyDescent="0.3">
      <c r="A84777" s="13" t="s">
        <v>426</v>
      </c>
      <c r="B84777" s="14" t="s">
        <v>1</v>
      </c>
      <c r="C84777" s="14" t="s">
        <v>23</v>
      </c>
      <c r="D84777" s="14" t="s">
        <v>427</v>
      </c>
      <c r="E84777" s="15">
        <v>45473</v>
      </c>
      <c r="F84777" s="14" t="s">
        <v>28</v>
      </c>
      <c r="G84777" s="16">
        <v>1.599458532407618</v>
      </c>
    </row>
    <row r="84778" spans="1:7" x14ac:dyDescent="0.3">
      <c r="A84778" s="13" t="s">
        <v>426</v>
      </c>
      <c r="B84778" s="14" t="s">
        <v>1</v>
      </c>
      <c r="C84778" s="14" t="s">
        <v>23</v>
      </c>
      <c r="D84778" s="14" t="s">
        <v>427</v>
      </c>
      <c r="E84778" s="15">
        <v>45474</v>
      </c>
      <c r="F84778" s="14" t="s">
        <v>28</v>
      </c>
      <c r="G84778" s="16">
        <v>1.6196316523498036</v>
      </c>
    </row>
    <row r="84779" spans="1:7" x14ac:dyDescent="0.3">
      <c r="A84779" s="13" t="s">
        <v>426</v>
      </c>
      <c r="B84779" s="14" t="s">
        <v>1</v>
      </c>
      <c r="C84779" s="14" t="s">
        <v>23</v>
      </c>
      <c r="D84779" s="14" t="s">
        <v>427</v>
      </c>
      <c r="E84779" s="15">
        <v>45475</v>
      </c>
      <c r="F84779" s="14" t="s">
        <v>28</v>
      </c>
      <c r="G84779" s="16">
        <v>1.6704037973760388</v>
      </c>
    </row>
    <row r="84780" spans="1:7" x14ac:dyDescent="0.3">
      <c r="A84780" s="13" t="s">
        <v>426</v>
      </c>
      <c r="B84780" s="14" t="s">
        <v>1</v>
      </c>
      <c r="C84780" s="14" t="s">
        <v>23</v>
      </c>
      <c r="D84780" s="14" t="s">
        <v>427</v>
      </c>
      <c r="E84780" s="15">
        <v>45476</v>
      </c>
      <c r="F84780" s="14" t="s">
        <v>28</v>
      </c>
      <c r="G84780" s="16">
        <v>1.685460465837729</v>
      </c>
    </row>
    <row r="84781" spans="1:7" x14ac:dyDescent="0.3">
      <c r="A84781" s="13" t="s">
        <v>426</v>
      </c>
      <c r="B84781" s="14" t="s">
        <v>1</v>
      </c>
      <c r="C84781" s="14" t="s">
        <v>23</v>
      </c>
      <c r="D84781" s="14" t="s">
        <v>427</v>
      </c>
      <c r="E84781" s="15">
        <v>45477</v>
      </c>
      <c r="F84781" s="14" t="s">
        <v>28</v>
      </c>
      <c r="G84781" s="16">
        <v>1.685460465837729</v>
      </c>
    </row>
    <row r="84782" spans="1:7" x14ac:dyDescent="0.3">
      <c r="A84782" s="13" t="s">
        <v>426</v>
      </c>
      <c r="B84782" s="14" t="s">
        <v>1</v>
      </c>
      <c r="C84782" s="14" t="s">
        <v>23</v>
      </c>
      <c r="D84782" s="14" t="s">
        <v>427</v>
      </c>
      <c r="E84782" s="15">
        <v>45478</v>
      </c>
      <c r="F84782" s="14" t="s">
        <v>28</v>
      </c>
      <c r="G84782" s="16">
        <v>1.6965619557126328</v>
      </c>
    </row>
    <row r="84783" spans="1:7" x14ac:dyDescent="0.3">
      <c r="A84783" s="13" t="s">
        <v>426</v>
      </c>
      <c r="B84783" s="14" t="s">
        <v>1</v>
      </c>
      <c r="C84783" s="14" t="s">
        <v>23</v>
      </c>
      <c r="D84783" s="14" t="s">
        <v>427</v>
      </c>
      <c r="E84783" s="15">
        <v>45479</v>
      </c>
      <c r="F84783" s="14" t="s">
        <v>28</v>
      </c>
      <c r="G84783" s="16">
        <v>1.6965619557126328</v>
      </c>
    </row>
    <row r="84784" spans="1:7" x14ac:dyDescent="0.3">
      <c r="A84784" s="13" t="s">
        <v>426</v>
      </c>
      <c r="B84784" s="14" t="s">
        <v>1</v>
      </c>
      <c r="C84784" s="14" t="s">
        <v>23</v>
      </c>
      <c r="D84784" s="14" t="s">
        <v>427</v>
      </c>
      <c r="E84784" s="15">
        <v>45480</v>
      </c>
      <c r="F84784" s="14" t="s">
        <v>28</v>
      </c>
      <c r="G84784" s="16">
        <v>1.6965619557126328</v>
      </c>
    </row>
    <row r="84785" spans="1:7" x14ac:dyDescent="0.3">
      <c r="A84785" s="13" t="s">
        <v>426</v>
      </c>
      <c r="B84785" s="14" t="s">
        <v>1</v>
      </c>
      <c r="C84785" s="14" t="s">
        <v>23</v>
      </c>
      <c r="D84785" s="14" t="s">
        <v>427</v>
      </c>
      <c r="E84785" s="15">
        <v>45481</v>
      </c>
      <c r="F84785" s="14" t="s">
        <v>28</v>
      </c>
      <c r="G84785" s="16">
        <v>1.7603310336316502</v>
      </c>
    </row>
    <row r="84786" spans="1:7" x14ac:dyDescent="0.3">
      <c r="A84786" s="13" t="s">
        <v>426</v>
      </c>
      <c r="B84786" s="14" t="s">
        <v>1</v>
      </c>
      <c r="C84786" s="14" t="s">
        <v>23</v>
      </c>
      <c r="D84786" s="14" t="s">
        <v>427</v>
      </c>
      <c r="E84786" s="15">
        <v>45482</v>
      </c>
      <c r="F84786" s="14" t="s">
        <v>28</v>
      </c>
      <c r="G84786" s="16">
        <v>1.8154416656371595</v>
      </c>
    </row>
    <row r="84787" spans="1:7" x14ac:dyDescent="0.3">
      <c r="A84787" s="13" t="s">
        <v>426</v>
      </c>
      <c r="B84787" s="14" t="s">
        <v>1</v>
      </c>
      <c r="C84787" s="14" t="s">
        <v>23</v>
      </c>
      <c r="D84787" s="14" t="s">
        <v>427</v>
      </c>
      <c r="E84787" s="15">
        <v>45483</v>
      </c>
      <c r="F84787" s="14" t="s">
        <v>28</v>
      </c>
      <c r="G84787" s="16">
        <v>1.8318151201066961</v>
      </c>
    </row>
    <row r="84788" spans="1:7" x14ac:dyDescent="0.3">
      <c r="A84788" s="13" t="s">
        <v>426</v>
      </c>
      <c r="B84788" s="14" t="s">
        <v>1</v>
      </c>
      <c r="C84788" s="14" t="s">
        <v>23</v>
      </c>
      <c r="D84788" s="14" t="s">
        <v>427</v>
      </c>
      <c r="E84788" s="15">
        <v>45484</v>
      </c>
      <c r="F84788" s="14" t="s">
        <v>28</v>
      </c>
      <c r="G84788" s="16">
        <v>1.8408917638018811</v>
      </c>
    </row>
    <row r="84789" spans="1:7" x14ac:dyDescent="0.3">
      <c r="A84789" s="13" t="s">
        <v>426</v>
      </c>
      <c r="B84789" s="14" t="s">
        <v>1</v>
      </c>
      <c r="C84789" s="14" t="s">
        <v>23</v>
      </c>
      <c r="D84789" s="14" t="s">
        <v>427</v>
      </c>
      <c r="E84789" s="15">
        <v>45485</v>
      </c>
      <c r="F84789" s="14" t="s">
        <v>28</v>
      </c>
      <c r="G84789" s="16">
        <v>1.8575157156046895</v>
      </c>
    </row>
    <row r="84790" spans="1:7" x14ac:dyDescent="0.3">
      <c r="A84790" s="13" t="s">
        <v>426</v>
      </c>
      <c r="B84790" s="14" t="s">
        <v>1</v>
      </c>
      <c r="C84790" s="14" t="s">
        <v>23</v>
      </c>
      <c r="D84790" s="14" t="s">
        <v>427</v>
      </c>
      <c r="E84790" s="15">
        <v>45486</v>
      </c>
      <c r="F84790" s="14" t="s">
        <v>28</v>
      </c>
      <c r="G84790" s="16">
        <v>1.8575157156046895</v>
      </c>
    </row>
    <row r="84791" spans="1:7" x14ac:dyDescent="0.3">
      <c r="A84791" s="13" t="s">
        <v>426</v>
      </c>
      <c r="B84791" s="14" t="s">
        <v>1</v>
      </c>
      <c r="C84791" s="14" t="s">
        <v>23</v>
      </c>
      <c r="D84791" s="14" t="s">
        <v>427</v>
      </c>
      <c r="E84791" s="15">
        <v>45487</v>
      </c>
      <c r="F84791" s="14" t="s">
        <v>28</v>
      </c>
      <c r="G84791" s="16">
        <v>1.8575157156046895</v>
      </c>
    </row>
    <row r="84792" spans="1:7" x14ac:dyDescent="0.3">
      <c r="A84792" s="13" t="s">
        <v>426</v>
      </c>
      <c r="B84792" s="14" t="s">
        <v>1</v>
      </c>
      <c r="C84792" s="14" t="s">
        <v>23</v>
      </c>
      <c r="D84792" s="14" t="s">
        <v>427</v>
      </c>
      <c r="E84792" s="15">
        <v>45488</v>
      </c>
      <c r="F84792" s="14" t="s">
        <v>28</v>
      </c>
      <c r="G84792" s="16">
        <v>1.8790484168797759</v>
      </c>
    </row>
    <row r="84793" spans="1:7" x14ac:dyDescent="0.3">
      <c r="A84793" s="13" t="s">
        <v>426</v>
      </c>
      <c r="B84793" s="14" t="s">
        <v>1</v>
      </c>
      <c r="C84793" s="14" t="s">
        <v>23</v>
      </c>
      <c r="D84793" s="14" t="s">
        <v>427</v>
      </c>
      <c r="E84793" s="15">
        <v>45489</v>
      </c>
      <c r="F84793" s="14" t="s">
        <v>28</v>
      </c>
      <c r="G84793" s="16">
        <v>1.9319309546110441</v>
      </c>
    </row>
    <row r="84794" spans="1:7" x14ac:dyDescent="0.3">
      <c r="A84794" s="13" t="s">
        <v>426</v>
      </c>
      <c r="B84794" s="14" t="s">
        <v>1</v>
      </c>
      <c r="C84794" s="14" t="s">
        <v>23</v>
      </c>
      <c r="D84794" s="14" t="s">
        <v>427</v>
      </c>
      <c r="E84794" s="15">
        <v>45490</v>
      </c>
      <c r="F84794" s="14" t="s">
        <v>28</v>
      </c>
      <c r="G84794" s="16">
        <v>1.9448084207048963</v>
      </c>
    </row>
    <row r="84795" spans="1:7" x14ac:dyDescent="0.3">
      <c r="A84795" s="13" t="s">
        <v>426</v>
      </c>
      <c r="B84795" s="14" t="s">
        <v>1</v>
      </c>
      <c r="C84795" s="14" t="s">
        <v>23</v>
      </c>
      <c r="D84795" s="14" t="s">
        <v>427</v>
      </c>
      <c r="E84795" s="15">
        <v>45491</v>
      </c>
      <c r="F84795" s="14" t="s">
        <v>28</v>
      </c>
      <c r="G84795" s="16">
        <v>1.9665299263093317</v>
      </c>
    </row>
    <row r="84796" spans="1:7" x14ac:dyDescent="0.3">
      <c r="A84796" s="13" t="s">
        <v>426</v>
      </c>
      <c r="B84796" s="14" t="s">
        <v>1</v>
      </c>
      <c r="C84796" s="14" t="s">
        <v>23</v>
      </c>
      <c r="D84796" s="14" t="s">
        <v>427</v>
      </c>
      <c r="E84796" s="15">
        <v>45492</v>
      </c>
      <c r="F84796" s="14" t="s">
        <v>28</v>
      </c>
      <c r="G84796" s="16">
        <v>1.9856692383774239</v>
      </c>
    </row>
    <row r="84797" spans="1:7" x14ac:dyDescent="0.3">
      <c r="A84797" s="13" t="s">
        <v>426</v>
      </c>
      <c r="B84797" s="14" t="s">
        <v>1</v>
      </c>
      <c r="C84797" s="14" t="s">
        <v>23</v>
      </c>
      <c r="D84797" s="14" t="s">
        <v>427</v>
      </c>
      <c r="E84797" s="15">
        <v>45493</v>
      </c>
      <c r="F84797" s="14" t="s">
        <v>28</v>
      </c>
      <c r="G84797" s="16">
        <v>1.9856692383774239</v>
      </c>
    </row>
    <row r="84798" spans="1:7" x14ac:dyDescent="0.3">
      <c r="A84798" s="13" t="s">
        <v>426</v>
      </c>
      <c r="B84798" s="14" t="s">
        <v>1</v>
      </c>
      <c r="C84798" s="14" t="s">
        <v>23</v>
      </c>
      <c r="D84798" s="14" t="s">
        <v>427</v>
      </c>
      <c r="E84798" s="15">
        <v>45494</v>
      </c>
      <c r="F84798" s="14" t="s">
        <v>28</v>
      </c>
      <c r="G84798" s="16">
        <v>1.9856692383774239</v>
      </c>
    </row>
    <row r="84799" spans="1:7" x14ac:dyDescent="0.3">
      <c r="A84799" s="13" t="s">
        <v>426</v>
      </c>
      <c r="B84799" s="14" t="s">
        <v>1</v>
      </c>
      <c r="C84799" s="14" t="s">
        <v>23</v>
      </c>
      <c r="D84799" s="14" t="s">
        <v>427</v>
      </c>
      <c r="E84799" s="15">
        <v>45495</v>
      </c>
      <c r="F84799" s="14" t="s">
        <v>28</v>
      </c>
      <c r="G84799" s="16">
        <v>2.00424139198297</v>
      </c>
    </row>
    <row r="84800" spans="1:7" x14ac:dyDescent="0.3">
      <c r="A84800" s="13" t="s">
        <v>426</v>
      </c>
      <c r="B84800" s="14" t="s">
        <v>1</v>
      </c>
      <c r="C84800" s="14" t="s">
        <v>23</v>
      </c>
      <c r="D84800" s="14" t="s">
        <v>427</v>
      </c>
      <c r="E84800" s="15">
        <v>45496</v>
      </c>
      <c r="F84800" s="14" t="s">
        <v>28</v>
      </c>
      <c r="G84800" s="16">
        <v>2.0554174580908477</v>
      </c>
    </row>
    <row r="84801" spans="1:7" x14ac:dyDescent="0.3">
      <c r="A84801" s="13" t="s">
        <v>426</v>
      </c>
      <c r="B84801" s="14" t="s">
        <v>1</v>
      </c>
      <c r="C84801" s="14" t="s">
        <v>23</v>
      </c>
      <c r="D84801" s="14" t="s">
        <v>427</v>
      </c>
      <c r="E84801" s="15">
        <v>45497</v>
      </c>
      <c r="F84801" s="14" t="s">
        <v>28</v>
      </c>
      <c r="G84801" s="16">
        <v>2.0724074413292968</v>
      </c>
    </row>
    <row r="84802" spans="1:7" x14ac:dyDescent="0.3">
      <c r="A84802" s="13" t="s">
        <v>426</v>
      </c>
      <c r="B84802" s="14" t="s">
        <v>1</v>
      </c>
      <c r="C84802" s="14" t="s">
        <v>23</v>
      </c>
      <c r="D84802" s="14" t="s">
        <v>427</v>
      </c>
      <c r="E84802" s="15">
        <v>45498</v>
      </c>
      <c r="F84802" s="14" t="s">
        <v>28</v>
      </c>
      <c r="G84802" s="16">
        <v>2.0884197646294025</v>
      </c>
    </row>
    <row r="84803" spans="1:7" x14ac:dyDescent="0.3">
      <c r="A84803" s="13" t="s">
        <v>426</v>
      </c>
      <c r="B84803" s="14" t="s">
        <v>1</v>
      </c>
      <c r="C84803" s="14" t="s">
        <v>23</v>
      </c>
      <c r="D84803" s="14" t="s">
        <v>427</v>
      </c>
      <c r="E84803" s="15">
        <v>45499</v>
      </c>
      <c r="F84803" s="14" t="s">
        <v>28</v>
      </c>
      <c r="G84803" s="16">
        <v>2.1023929339224035</v>
      </c>
    </row>
    <row r="84804" spans="1:7" x14ac:dyDescent="0.3">
      <c r="A84804" s="13" t="s">
        <v>426</v>
      </c>
      <c r="B84804" s="14" t="s">
        <v>1</v>
      </c>
      <c r="C84804" s="14" t="s">
        <v>23</v>
      </c>
      <c r="D84804" s="14" t="s">
        <v>427</v>
      </c>
      <c r="E84804" s="15">
        <v>45500</v>
      </c>
      <c r="F84804" s="14" t="s">
        <v>28</v>
      </c>
      <c r="G84804" s="16">
        <v>2.1023929339224035</v>
      </c>
    </row>
    <row r="84805" spans="1:7" x14ac:dyDescent="0.3">
      <c r="A84805" s="13" t="s">
        <v>426</v>
      </c>
      <c r="B84805" s="14" t="s">
        <v>1</v>
      </c>
      <c r="C84805" s="14" t="s">
        <v>23</v>
      </c>
      <c r="D84805" s="14" t="s">
        <v>427</v>
      </c>
      <c r="E84805" s="15">
        <v>45501</v>
      </c>
      <c r="F84805" s="14" t="s">
        <v>28</v>
      </c>
      <c r="G84805" s="16">
        <v>2.1023929339224035</v>
      </c>
    </row>
    <row r="84806" spans="1:7" x14ac:dyDescent="0.3">
      <c r="A84806" s="13" t="s">
        <v>426</v>
      </c>
      <c r="B84806" s="14" t="s">
        <v>1</v>
      </c>
      <c r="C84806" s="14" t="s">
        <v>23</v>
      </c>
      <c r="D84806" s="14" t="s">
        <v>427</v>
      </c>
      <c r="E84806" s="15">
        <v>45502</v>
      </c>
      <c r="F84806" s="14" t="s">
        <v>28</v>
      </c>
      <c r="G84806" s="16">
        <v>2.1209108192765056</v>
      </c>
    </row>
    <row r="84807" spans="1:7" x14ac:dyDescent="0.3">
      <c r="A84807" s="13" t="s">
        <v>426</v>
      </c>
      <c r="B84807" s="14" t="s">
        <v>1</v>
      </c>
      <c r="C84807" s="14" t="s">
        <v>23</v>
      </c>
      <c r="D84807" s="14" t="s">
        <v>427</v>
      </c>
      <c r="E84807" s="15">
        <v>45503</v>
      </c>
      <c r="F84807" s="14" t="s">
        <v>28</v>
      </c>
      <c r="G84807" s="16">
        <v>2.1687246538086256</v>
      </c>
    </row>
    <row r="84808" spans="1:7" x14ac:dyDescent="0.3">
      <c r="A84808" s="13" t="s">
        <v>426</v>
      </c>
      <c r="B84808" s="14" t="s">
        <v>1</v>
      </c>
      <c r="C84808" s="14" t="s">
        <v>23</v>
      </c>
      <c r="D84808" s="14" t="s">
        <v>427</v>
      </c>
      <c r="E84808" s="15">
        <v>45504</v>
      </c>
      <c r="F84808" s="14" t="s">
        <v>28</v>
      </c>
      <c r="G84808" s="16">
        <v>2.1769684873085855</v>
      </c>
    </row>
    <row r="84809" spans="1:7" x14ac:dyDescent="0.3">
      <c r="A84809" s="13" t="s">
        <v>426</v>
      </c>
      <c r="B84809" s="14" t="s">
        <v>1</v>
      </c>
      <c r="C84809" s="14" t="s">
        <v>23</v>
      </c>
      <c r="D84809" s="14" t="s">
        <v>427</v>
      </c>
      <c r="E84809" s="15">
        <v>45505</v>
      </c>
      <c r="F84809" s="14" t="s">
        <v>28</v>
      </c>
      <c r="G84809" s="16">
        <v>2.1866652790002528</v>
      </c>
    </row>
    <row r="84810" spans="1:7" x14ac:dyDescent="0.3">
      <c r="A84810" s="13" t="s">
        <v>426</v>
      </c>
      <c r="B84810" s="14" t="s">
        <v>1</v>
      </c>
      <c r="C84810" s="14" t="s">
        <v>23</v>
      </c>
      <c r="D84810" s="14" t="s">
        <v>427</v>
      </c>
      <c r="E84810" s="15">
        <v>45506</v>
      </c>
      <c r="F84810" s="14" t="s">
        <v>28</v>
      </c>
      <c r="G84810" s="16">
        <v>2.1783132035612796</v>
      </c>
    </row>
    <row r="84811" spans="1:7" x14ac:dyDescent="0.3">
      <c r="A84811" s="13" t="s">
        <v>426</v>
      </c>
      <c r="B84811" s="14" t="s">
        <v>1</v>
      </c>
      <c r="C84811" s="14" t="s">
        <v>23</v>
      </c>
      <c r="D84811" s="14" t="s">
        <v>427</v>
      </c>
      <c r="E84811" s="15">
        <v>45507</v>
      </c>
      <c r="F84811" s="14" t="s">
        <v>28</v>
      </c>
      <c r="G84811" s="16">
        <v>2.1783132035612796</v>
      </c>
    </row>
    <row r="84812" spans="1:7" x14ac:dyDescent="0.3">
      <c r="A84812" s="13" t="s">
        <v>426</v>
      </c>
      <c r="B84812" s="14" t="s">
        <v>1</v>
      </c>
      <c r="C84812" s="14" t="s">
        <v>23</v>
      </c>
      <c r="D84812" s="14" t="s">
        <v>427</v>
      </c>
      <c r="E84812" s="15">
        <v>45508</v>
      </c>
      <c r="F84812" s="14" t="s">
        <v>28</v>
      </c>
      <c r="G84812" s="16">
        <v>2.1783132035612796</v>
      </c>
    </row>
    <row r="84813" spans="1:7" x14ac:dyDescent="0.3">
      <c r="A84813" s="13" t="s">
        <v>426</v>
      </c>
      <c r="B84813" s="14" t="s">
        <v>1</v>
      </c>
      <c r="C84813" s="14" t="s">
        <v>23</v>
      </c>
      <c r="D84813" s="14" t="s">
        <v>427</v>
      </c>
      <c r="E84813" s="15">
        <v>45509</v>
      </c>
      <c r="F84813" s="14" t="s">
        <v>28</v>
      </c>
      <c r="G84813" s="16">
        <v>2.1783132035612796</v>
      </c>
    </row>
    <row r="84814" spans="1:7" x14ac:dyDescent="0.3">
      <c r="A84814" s="13" t="s">
        <v>426</v>
      </c>
      <c r="B84814" s="14" t="s">
        <v>1</v>
      </c>
      <c r="C84814" s="14" t="s">
        <v>23</v>
      </c>
      <c r="D84814" s="14" t="s">
        <v>427</v>
      </c>
      <c r="E84814" s="15">
        <v>45510</v>
      </c>
      <c r="F84814" s="14" t="s">
        <v>28</v>
      </c>
      <c r="G84814" s="16">
        <v>2.191633710674191</v>
      </c>
    </row>
    <row r="84815" spans="1:7" x14ac:dyDescent="0.3">
      <c r="A84815" s="13" t="s">
        <v>426</v>
      </c>
      <c r="B84815" s="14" t="s">
        <v>1</v>
      </c>
      <c r="C84815" s="14" t="s">
        <v>23</v>
      </c>
      <c r="D84815" s="14" t="s">
        <v>427</v>
      </c>
      <c r="E84815" s="15">
        <v>45511</v>
      </c>
      <c r="F84815" s="14" t="s">
        <v>28</v>
      </c>
      <c r="G84815" s="16">
        <v>2.2796254938472793</v>
      </c>
    </row>
    <row r="84816" spans="1:7" x14ac:dyDescent="0.3">
      <c r="A84816" s="13" t="s">
        <v>426</v>
      </c>
      <c r="B84816" s="14" t="s">
        <v>1</v>
      </c>
      <c r="C84816" s="14" t="s">
        <v>23</v>
      </c>
      <c r="D84816" s="14" t="s">
        <v>427</v>
      </c>
      <c r="E84816" s="15">
        <v>45512</v>
      </c>
      <c r="F84816" s="14" t="s">
        <v>28</v>
      </c>
      <c r="G84816" s="16">
        <v>2.2861535173528638</v>
      </c>
    </row>
    <row r="84817" spans="1:7" x14ac:dyDescent="0.3">
      <c r="A84817" s="13" t="s">
        <v>426</v>
      </c>
      <c r="B84817" s="14" t="s">
        <v>1</v>
      </c>
      <c r="C84817" s="14" t="s">
        <v>23</v>
      </c>
      <c r="D84817" s="14" t="s">
        <v>427</v>
      </c>
      <c r="E84817" s="15">
        <v>45513</v>
      </c>
      <c r="F84817" s="14" t="s">
        <v>28</v>
      </c>
      <c r="G84817" s="16">
        <v>2.3000190249047838</v>
      </c>
    </row>
    <row r="84818" spans="1:7" x14ac:dyDescent="0.3">
      <c r="A84818" s="13" t="s">
        <v>426</v>
      </c>
      <c r="B84818" s="14" t="s">
        <v>1</v>
      </c>
      <c r="C84818" s="14" t="s">
        <v>23</v>
      </c>
      <c r="D84818" s="14" t="s">
        <v>427</v>
      </c>
      <c r="E84818" s="15">
        <v>45514</v>
      </c>
      <c r="F84818" s="14" t="s">
        <v>28</v>
      </c>
      <c r="G84818" s="16">
        <v>2.3000190249047838</v>
      </c>
    </row>
    <row r="84819" spans="1:7" x14ac:dyDescent="0.3">
      <c r="A84819" s="13" t="s">
        <v>426</v>
      </c>
      <c r="B84819" s="14" t="s">
        <v>1</v>
      </c>
      <c r="C84819" s="14" t="s">
        <v>23</v>
      </c>
      <c r="D84819" s="14" t="s">
        <v>427</v>
      </c>
      <c r="E84819" s="15">
        <v>45515</v>
      </c>
      <c r="F84819" s="14" t="s">
        <v>28</v>
      </c>
      <c r="G84819" s="16">
        <v>2.3000190249047838</v>
      </c>
    </row>
    <row r="84820" spans="1:7" x14ac:dyDescent="0.3">
      <c r="A84820" s="13" t="s">
        <v>426</v>
      </c>
      <c r="B84820" s="14" t="s">
        <v>1</v>
      </c>
      <c r="C84820" s="14" t="s">
        <v>23</v>
      </c>
      <c r="D84820" s="14" t="s">
        <v>427</v>
      </c>
      <c r="E84820" s="15">
        <v>45516</v>
      </c>
      <c r="F84820" s="14" t="s">
        <v>28</v>
      </c>
      <c r="G84820" s="16">
        <v>2.3157796346050379</v>
      </c>
    </row>
    <row r="84821" spans="1:7" x14ac:dyDescent="0.3">
      <c r="A84821" s="13" t="s">
        <v>426</v>
      </c>
      <c r="B84821" s="14" t="s">
        <v>1</v>
      </c>
      <c r="C84821" s="14" t="s">
        <v>23</v>
      </c>
      <c r="D84821" s="14" t="s">
        <v>427</v>
      </c>
      <c r="E84821" s="15">
        <v>45517</v>
      </c>
      <c r="F84821" s="14" t="s">
        <v>28</v>
      </c>
      <c r="G84821" s="16">
        <v>2.35362815585485</v>
      </c>
    </row>
    <row r="84822" spans="1:7" x14ac:dyDescent="0.3">
      <c r="A84822" s="13" t="s">
        <v>426</v>
      </c>
      <c r="B84822" s="14" t="s">
        <v>1</v>
      </c>
      <c r="C84822" s="14" t="s">
        <v>23</v>
      </c>
      <c r="D84822" s="14" t="s">
        <v>427</v>
      </c>
      <c r="E84822" s="15">
        <v>45518</v>
      </c>
      <c r="F84822" s="14" t="s">
        <v>28</v>
      </c>
      <c r="G84822" s="16">
        <v>2.3669594174932618</v>
      </c>
    </row>
    <row r="84823" spans="1:7" x14ac:dyDescent="0.3">
      <c r="A84823" s="13" t="s">
        <v>426</v>
      </c>
      <c r="B84823" s="14" t="s">
        <v>1</v>
      </c>
      <c r="C84823" s="14" t="s">
        <v>23</v>
      </c>
      <c r="D84823" s="14" t="s">
        <v>427</v>
      </c>
      <c r="E84823" s="15">
        <v>45519</v>
      </c>
      <c r="F84823" s="14" t="s">
        <v>28</v>
      </c>
      <c r="G84823" s="16">
        <v>2.389819083549805</v>
      </c>
    </row>
    <row r="84824" spans="1:7" x14ac:dyDescent="0.3">
      <c r="A84824" s="13" t="s">
        <v>426</v>
      </c>
      <c r="B84824" s="14" t="s">
        <v>1</v>
      </c>
      <c r="C84824" s="14" t="s">
        <v>23</v>
      </c>
      <c r="D84824" s="14" t="s">
        <v>427</v>
      </c>
      <c r="E84824" s="15">
        <v>45520</v>
      </c>
      <c r="F84824" s="14" t="s">
        <v>28</v>
      </c>
      <c r="G84824" s="16">
        <v>2.3941329924233772</v>
      </c>
    </row>
    <row r="84825" spans="1:7" x14ac:dyDescent="0.3">
      <c r="A84825" s="13" t="s">
        <v>426</v>
      </c>
      <c r="B84825" s="14" t="s">
        <v>1</v>
      </c>
      <c r="C84825" s="14" t="s">
        <v>23</v>
      </c>
      <c r="D84825" s="14" t="s">
        <v>427</v>
      </c>
      <c r="E84825" s="15">
        <v>45521</v>
      </c>
      <c r="F84825" s="14" t="s">
        <v>28</v>
      </c>
      <c r="G84825" s="16">
        <v>2.3941329924233772</v>
      </c>
    </row>
    <row r="84826" spans="1:7" x14ac:dyDescent="0.3">
      <c r="A84826" s="13" t="s">
        <v>426</v>
      </c>
      <c r="B84826" s="14" t="s">
        <v>1</v>
      </c>
      <c r="C84826" s="14" t="s">
        <v>23</v>
      </c>
      <c r="D84826" s="14" t="s">
        <v>427</v>
      </c>
      <c r="E84826" s="15">
        <v>45522</v>
      </c>
      <c r="F84826" s="14" t="s">
        <v>28</v>
      </c>
      <c r="G84826" s="16">
        <v>2.3941329924233772</v>
      </c>
    </row>
    <row r="84827" spans="1:7" x14ac:dyDescent="0.3">
      <c r="A84827" s="13" t="s">
        <v>426</v>
      </c>
      <c r="B84827" s="14" t="s">
        <v>1</v>
      </c>
      <c r="C84827" s="14" t="s">
        <v>23</v>
      </c>
      <c r="D84827" s="14" t="s">
        <v>427</v>
      </c>
      <c r="E84827" s="15">
        <v>45523</v>
      </c>
      <c r="F84827" s="14" t="s">
        <v>28</v>
      </c>
      <c r="G84827" s="16">
        <v>2.3975285033051663</v>
      </c>
    </row>
    <row r="84828" spans="1:7" x14ac:dyDescent="0.3">
      <c r="A84828" s="13" t="s">
        <v>426</v>
      </c>
      <c r="B84828" s="14" t="s">
        <v>1</v>
      </c>
      <c r="C84828" s="14" t="s">
        <v>23</v>
      </c>
      <c r="D84828" s="14" t="s">
        <v>427</v>
      </c>
      <c r="E84828" s="15">
        <v>45524</v>
      </c>
      <c r="F84828" s="14" t="s">
        <v>28</v>
      </c>
      <c r="G84828" s="16">
        <v>2.4418382132902847</v>
      </c>
    </row>
    <row r="84829" spans="1:7" x14ac:dyDescent="0.3">
      <c r="A84829" s="13" t="s">
        <v>426</v>
      </c>
      <c r="B84829" s="14" t="s">
        <v>1</v>
      </c>
      <c r="C84829" s="14" t="s">
        <v>23</v>
      </c>
      <c r="D84829" s="14" t="s">
        <v>427</v>
      </c>
      <c r="E84829" s="15">
        <v>45525</v>
      </c>
      <c r="F84829" s="14" t="s">
        <v>28</v>
      </c>
      <c r="G84829" s="16">
        <v>2.4547504285902053</v>
      </c>
    </row>
    <row r="84830" spans="1:7" x14ac:dyDescent="0.3">
      <c r="A84830" s="13" t="s">
        <v>426</v>
      </c>
      <c r="B84830" s="14" t="s">
        <v>1</v>
      </c>
      <c r="C84830" s="14" t="s">
        <v>23</v>
      </c>
      <c r="D84830" s="14" t="s">
        <v>427</v>
      </c>
      <c r="E84830" s="15">
        <v>45526</v>
      </c>
      <c r="F84830" s="14" t="s">
        <v>28</v>
      </c>
      <c r="G84830" s="16">
        <v>2.4827457480747279</v>
      </c>
    </row>
    <row r="84831" spans="1:7" x14ac:dyDescent="0.3">
      <c r="A84831" s="13" t="s">
        <v>426</v>
      </c>
      <c r="B84831" s="14" t="s">
        <v>1</v>
      </c>
      <c r="C84831" s="14" t="s">
        <v>23</v>
      </c>
      <c r="D84831" s="14" t="s">
        <v>427</v>
      </c>
      <c r="E84831" s="15">
        <v>45527</v>
      </c>
      <c r="F84831" s="14" t="s">
        <v>28</v>
      </c>
      <c r="G84831" s="16">
        <v>2.4798017658451563</v>
      </c>
    </row>
    <row r="84832" spans="1:7" x14ac:dyDescent="0.3">
      <c r="A84832" s="13" t="s">
        <v>426</v>
      </c>
      <c r="B84832" s="14" t="s">
        <v>1</v>
      </c>
      <c r="C84832" s="14" t="s">
        <v>23</v>
      </c>
      <c r="D84832" s="14" t="s">
        <v>427</v>
      </c>
      <c r="E84832" s="15">
        <v>45528</v>
      </c>
      <c r="F84832" s="14" t="s">
        <v>28</v>
      </c>
      <c r="G84832" s="16">
        <v>2.4798017658451563</v>
      </c>
    </row>
    <row r="84833" spans="1:7" x14ac:dyDescent="0.3">
      <c r="A84833" s="13" t="s">
        <v>426</v>
      </c>
      <c r="B84833" s="14" t="s">
        <v>1</v>
      </c>
      <c r="C84833" s="14" t="s">
        <v>23</v>
      </c>
      <c r="D84833" s="14" t="s">
        <v>427</v>
      </c>
      <c r="E84833" s="15">
        <v>45529</v>
      </c>
      <c r="F84833" s="14" t="s">
        <v>28</v>
      </c>
      <c r="G84833" s="16">
        <v>2.4798017658451563</v>
      </c>
    </row>
    <row r="84834" spans="1:7" x14ac:dyDescent="0.3">
      <c r="A84834" s="13" t="s">
        <v>426</v>
      </c>
      <c r="B84834" s="14" t="s">
        <v>1</v>
      </c>
      <c r="C84834" s="14" t="s">
        <v>23</v>
      </c>
      <c r="D84834" s="14" t="s">
        <v>427</v>
      </c>
      <c r="E84834" s="15">
        <v>45530</v>
      </c>
      <c r="F84834" s="14" t="s">
        <v>28</v>
      </c>
      <c r="G84834" s="16">
        <v>2.5040461705388952</v>
      </c>
    </row>
    <row r="84835" spans="1:7" x14ac:dyDescent="0.3">
      <c r="A84835" s="13" t="s">
        <v>426</v>
      </c>
      <c r="B84835" s="14" t="s">
        <v>1</v>
      </c>
      <c r="C84835" s="14" t="s">
        <v>23</v>
      </c>
      <c r="D84835" s="14" t="s">
        <v>427</v>
      </c>
      <c r="E84835" s="15">
        <v>45531</v>
      </c>
      <c r="F84835" s="14" t="s">
        <v>28</v>
      </c>
      <c r="G84835" s="16">
        <v>2.5492614385942574</v>
      </c>
    </row>
    <row r="84836" spans="1:7" x14ac:dyDescent="0.3">
      <c r="A84836" s="13" t="s">
        <v>426</v>
      </c>
      <c r="B84836" s="14" t="s">
        <v>1</v>
      </c>
      <c r="C84836" s="14" t="s">
        <v>23</v>
      </c>
      <c r="D84836" s="14" t="s">
        <v>427</v>
      </c>
      <c r="E84836" s="15">
        <v>45532</v>
      </c>
      <c r="F84836" s="14" t="s">
        <v>28</v>
      </c>
      <c r="G84836" s="16">
        <v>2.5722573433673825</v>
      </c>
    </row>
    <row r="84837" spans="1:7" x14ac:dyDescent="0.3">
      <c r="A84837" s="13" t="s">
        <v>426</v>
      </c>
      <c r="B84837" s="14" t="s">
        <v>1</v>
      </c>
      <c r="C84837" s="14" t="s">
        <v>23</v>
      </c>
      <c r="D84837" s="14" t="s">
        <v>427</v>
      </c>
      <c r="E84837" s="15">
        <v>45533</v>
      </c>
      <c r="F84837" s="14" t="s">
        <v>28</v>
      </c>
      <c r="G84837" s="16">
        <v>2.5876579103859569</v>
      </c>
    </row>
    <row r="84838" spans="1:7" x14ac:dyDescent="0.3">
      <c r="A84838" s="13" t="s">
        <v>426</v>
      </c>
      <c r="B84838" s="14" t="s">
        <v>1</v>
      </c>
      <c r="C84838" s="14" t="s">
        <v>23</v>
      </c>
      <c r="D84838" s="14" t="s">
        <v>427</v>
      </c>
      <c r="E84838" s="15">
        <v>45534</v>
      </c>
      <c r="F84838" s="14" t="s">
        <v>28</v>
      </c>
      <c r="G84838" s="16">
        <v>2.6124355910324342</v>
      </c>
    </row>
    <row r="84839" spans="1:7" x14ac:dyDescent="0.3">
      <c r="A84839" s="13" t="s">
        <v>426</v>
      </c>
      <c r="B84839" s="14" t="s">
        <v>1</v>
      </c>
      <c r="C84839" s="14" t="s">
        <v>23</v>
      </c>
      <c r="D84839" s="14" t="s">
        <v>427</v>
      </c>
      <c r="E84839" s="15">
        <v>45535</v>
      </c>
      <c r="F84839" s="14" t="s">
        <v>28</v>
      </c>
      <c r="G84839" s="16">
        <v>2.6124355910324342</v>
      </c>
    </row>
    <row r="84840" spans="1:7" x14ac:dyDescent="0.3">
      <c r="A84840" s="13" t="s">
        <v>426</v>
      </c>
      <c r="B84840" s="14" t="s">
        <v>1</v>
      </c>
      <c r="C84840" s="14" t="s">
        <v>23</v>
      </c>
      <c r="D84840" s="14" t="s">
        <v>427</v>
      </c>
      <c r="E84840" s="15">
        <v>45536</v>
      </c>
      <c r="F84840" s="14" t="s">
        <v>28</v>
      </c>
      <c r="G84840" s="16">
        <v>2.6124355910324342</v>
      </c>
    </row>
    <row r="84841" spans="1:7" x14ac:dyDescent="0.3">
      <c r="A84841" s="13" t="s">
        <v>426</v>
      </c>
      <c r="B84841" s="14" t="s">
        <v>1</v>
      </c>
      <c r="C84841" s="14" t="s">
        <v>23</v>
      </c>
      <c r="D84841" s="14" t="s">
        <v>427</v>
      </c>
      <c r="E84841" s="15">
        <v>45537</v>
      </c>
      <c r="F84841" s="14" t="s">
        <v>28</v>
      </c>
      <c r="G84841" s="16">
        <v>2.6124355910324342</v>
      </c>
    </row>
    <row r="84842" spans="1:7" x14ac:dyDescent="0.3">
      <c r="A84842" s="13" t="s">
        <v>426</v>
      </c>
      <c r="B84842" s="14" t="s">
        <v>1</v>
      </c>
      <c r="C84842" s="14" t="s">
        <v>23</v>
      </c>
      <c r="D84842" s="14" t="s">
        <v>427</v>
      </c>
      <c r="E84842" s="15">
        <v>45538</v>
      </c>
      <c r="F84842" s="14" t="s">
        <v>28</v>
      </c>
      <c r="G84842" s="16">
        <v>2.6306733546930876</v>
      </c>
    </row>
    <row r="84843" spans="1:7" x14ac:dyDescent="0.3">
      <c r="A84843" s="13" t="s">
        <v>426</v>
      </c>
      <c r="B84843" s="14" t="s">
        <v>1</v>
      </c>
      <c r="C84843" s="14" t="s">
        <v>23</v>
      </c>
      <c r="D84843" s="14" t="s">
        <v>427</v>
      </c>
      <c r="E84843" s="15">
        <v>45539</v>
      </c>
      <c r="F84843" s="14" t="s">
        <v>28</v>
      </c>
      <c r="G84843" s="16">
        <v>2.6799352084900869</v>
      </c>
    </row>
    <row r="84844" spans="1:7" x14ac:dyDescent="0.3">
      <c r="A84844" s="13" t="s">
        <v>426</v>
      </c>
      <c r="B84844" s="14" t="s">
        <v>1</v>
      </c>
      <c r="C84844" s="14" t="s">
        <v>23</v>
      </c>
      <c r="D84844" s="14" t="s">
        <v>427</v>
      </c>
      <c r="E84844" s="15">
        <v>45540</v>
      </c>
      <c r="F84844" s="14" t="s">
        <v>28</v>
      </c>
      <c r="G84844" s="16">
        <v>2.6892748225383438</v>
      </c>
    </row>
    <row r="84845" spans="1:7" x14ac:dyDescent="0.3">
      <c r="A84845" s="13" t="s">
        <v>426</v>
      </c>
      <c r="B84845" s="14" t="s">
        <v>1</v>
      </c>
      <c r="C84845" s="14" t="s">
        <v>23</v>
      </c>
      <c r="D84845" s="14" t="s">
        <v>427</v>
      </c>
      <c r="E84845" s="15">
        <v>45541</v>
      </c>
      <c r="F84845" s="14" t="s">
        <v>28</v>
      </c>
      <c r="G84845" s="16">
        <v>2.7112163960486262</v>
      </c>
    </row>
    <row r="84846" spans="1:7" x14ac:dyDescent="0.3">
      <c r="A84846" s="13" t="s">
        <v>426</v>
      </c>
      <c r="B84846" s="14" t="s">
        <v>1</v>
      </c>
      <c r="C84846" s="14" t="s">
        <v>23</v>
      </c>
      <c r="D84846" s="14" t="s">
        <v>427</v>
      </c>
      <c r="E84846" s="15">
        <v>45542</v>
      </c>
      <c r="F84846" s="14" t="s">
        <v>28</v>
      </c>
      <c r="G84846" s="16">
        <v>2.7112163960486262</v>
      </c>
    </row>
    <row r="84847" spans="1:7" x14ac:dyDescent="0.3">
      <c r="A84847" s="13" t="s">
        <v>426</v>
      </c>
      <c r="B84847" s="14" t="s">
        <v>1</v>
      </c>
      <c r="C84847" s="14" t="s">
        <v>23</v>
      </c>
      <c r="D84847" s="14" t="s">
        <v>427</v>
      </c>
      <c r="E84847" s="15">
        <v>45543</v>
      </c>
      <c r="F84847" s="14" t="s">
        <v>28</v>
      </c>
      <c r="G84847" s="16">
        <v>2.7112163960486262</v>
      </c>
    </row>
    <row r="84848" spans="1:7" x14ac:dyDescent="0.3">
      <c r="A84848" s="13" t="s">
        <v>426</v>
      </c>
      <c r="B84848" s="14" t="s">
        <v>1</v>
      </c>
      <c r="C84848" s="14" t="s">
        <v>23</v>
      </c>
      <c r="D84848" s="14" t="s">
        <v>427</v>
      </c>
      <c r="E84848" s="15">
        <v>45544</v>
      </c>
      <c r="F84848" s="14" t="s">
        <v>28</v>
      </c>
      <c r="G84848" s="16">
        <v>2.7655951089153481</v>
      </c>
    </row>
    <row r="84849" spans="1:7" x14ac:dyDescent="0.3">
      <c r="A84849" s="13" t="s">
        <v>426</v>
      </c>
      <c r="B84849" s="14" t="s">
        <v>1</v>
      </c>
      <c r="C84849" s="14" t="s">
        <v>23</v>
      </c>
      <c r="D84849" s="14" t="s">
        <v>427</v>
      </c>
      <c r="E84849" s="15">
        <v>45545</v>
      </c>
      <c r="F84849" s="14" t="s">
        <v>28</v>
      </c>
      <c r="G84849" s="16">
        <v>2.8104767909301844</v>
      </c>
    </row>
    <row r="84850" spans="1:7" x14ac:dyDescent="0.3">
      <c r="A84850" s="13" t="s">
        <v>426</v>
      </c>
      <c r="B84850" s="14" t="s">
        <v>1</v>
      </c>
      <c r="C84850" s="14" t="s">
        <v>23</v>
      </c>
      <c r="D84850" s="14" t="s">
        <v>427</v>
      </c>
      <c r="E84850" s="15">
        <v>45546</v>
      </c>
      <c r="F84850" s="14" t="s">
        <v>28</v>
      </c>
      <c r="G84850" s="16">
        <v>2.8246572468428375</v>
      </c>
    </row>
    <row r="84851" spans="1:7" x14ac:dyDescent="0.3">
      <c r="A84851" s="13" t="s">
        <v>426</v>
      </c>
      <c r="B84851" s="14" t="s">
        <v>1</v>
      </c>
      <c r="C84851" s="14" t="s">
        <v>23</v>
      </c>
      <c r="D84851" s="14" t="s">
        <v>427</v>
      </c>
      <c r="E84851" s="15">
        <v>45547</v>
      </c>
      <c r="F84851" s="14" t="s">
        <v>28</v>
      </c>
      <c r="G84851" s="16">
        <v>2.8366359972352089</v>
      </c>
    </row>
    <row r="84852" spans="1:7" x14ac:dyDescent="0.3">
      <c r="A84852" s="13" t="s">
        <v>426</v>
      </c>
      <c r="B84852" s="14" t="s">
        <v>1</v>
      </c>
      <c r="C84852" s="14" t="s">
        <v>23</v>
      </c>
      <c r="D84852" s="14" t="s">
        <v>427</v>
      </c>
      <c r="E84852" s="15">
        <v>45548</v>
      </c>
      <c r="F84852" s="14" t="s">
        <v>28</v>
      </c>
      <c r="G84852" s="16">
        <v>2.8452654624837255</v>
      </c>
    </row>
    <row r="84853" spans="1:7" x14ac:dyDescent="0.3">
      <c r="A84853" s="13" t="s">
        <v>426</v>
      </c>
      <c r="B84853" s="14" t="s">
        <v>1</v>
      </c>
      <c r="C84853" s="14" t="s">
        <v>23</v>
      </c>
      <c r="D84853" s="14" t="s">
        <v>427</v>
      </c>
      <c r="E84853" s="15">
        <v>45549</v>
      </c>
      <c r="F84853" s="14" t="s">
        <v>28</v>
      </c>
      <c r="G84853" s="16">
        <v>2.8452654624837255</v>
      </c>
    </row>
    <row r="84854" spans="1:7" x14ac:dyDescent="0.3">
      <c r="A84854" s="13" t="s">
        <v>426</v>
      </c>
      <c r="B84854" s="14" t="s">
        <v>1</v>
      </c>
      <c r="C84854" s="14" t="s">
        <v>23</v>
      </c>
      <c r="D84854" s="14" t="s">
        <v>427</v>
      </c>
      <c r="E84854" s="15">
        <v>45550</v>
      </c>
      <c r="F84854" s="14" t="s">
        <v>28</v>
      </c>
      <c r="G84854" s="16">
        <v>2.8452654624837255</v>
      </c>
    </row>
    <row r="84855" spans="1:7" x14ac:dyDescent="0.3">
      <c r="A84855" s="13" t="s">
        <v>426</v>
      </c>
      <c r="B84855" s="14" t="s">
        <v>1</v>
      </c>
      <c r="C84855" s="14" t="s">
        <v>23</v>
      </c>
      <c r="D84855" s="14" t="s">
        <v>427</v>
      </c>
      <c r="E84855" s="15">
        <v>45551</v>
      </c>
      <c r="F84855" s="14" t="s">
        <v>28</v>
      </c>
      <c r="G84855" s="16">
        <v>2.8562223714647352</v>
      </c>
    </row>
    <row r="84856" spans="1:7" x14ac:dyDescent="0.3">
      <c r="A84856" s="13" t="s">
        <v>426</v>
      </c>
      <c r="B84856" s="14" t="s">
        <v>1</v>
      </c>
      <c r="C84856" s="14" t="s">
        <v>23</v>
      </c>
      <c r="D84856" s="14" t="s">
        <v>427</v>
      </c>
      <c r="E84856" s="15">
        <v>45552</v>
      </c>
      <c r="F84856" s="14" t="s">
        <v>28</v>
      </c>
      <c r="G84856" s="16">
        <v>2.9140730649124351</v>
      </c>
    </row>
    <row r="84857" spans="1:7" x14ac:dyDescent="0.3">
      <c r="A84857" s="13" t="s">
        <v>426</v>
      </c>
      <c r="B84857" s="14" t="s">
        <v>1</v>
      </c>
      <c r="C84857" s="14" t="s">
        <v>23</v>
      </c>
      <c r="D84857" s="14" t="s">
        <v>427</v>
      </c>
      <c r="E84857" s="15">
        <v>45553</v>
      </c>
      <c r="F84857" s="14" t="s">
        <v>28</v>
      </c>
      <c r="G84857" s="16">
        <v>2.9279791542222382</v>
      </c>
    </row>
    <row r="84858" spans="1:7" x14ac:dyDescent="0.3">
      <c r="A84858" s="13" t="s">
        <v>426</v>
      </c>
      <c r="B84858" s="14" t="s">
        <v>1</v>
      </c>
      <c r="C84858" s="14" t="s">
        <v>23</v>
      </c>
      <c r="D84858" s="14" t="s">
        <v>427</v>
      </c>
      <c r="E84858" s="15">
        <v>45554</v>
      </c>
      <c r="F84858" s="14" t="s">
        <v>28</v>
      </c>
      <c r="G84858" s="16">
        <v>2.9369003742157584</v>
      </c>
    </row>
    <row r="84859" spans="1:7" x14ac:dyDescent="0.3">
      <c r="A84859" s="13" t="s">
        <v>426</v>
      </c>
      <c r="B84859" s="14" t="s">
        <v>1</v>
      </c>
      <c r="C84859" s="14" t="s">
        <v>23</v>
      </c>
      <c r="D84859" s="14" t="s">
        <v>427</v>
      </c>
      <c r="E84859" s="15">
        <v>45555</v>
      </c>
      <c r="F84859" s="14" t="s">
        <v>28</v>
      </c>
      <c r="G84859" s="16">
        <v>2.9509080474784857</v>
      </c>
    </row>
    <row r="84860" spans="1:7" x14ac:dyDescent="0.3">
      <c r="A84860" s="13" t="s">
        <v>426</v>
      </c>
      <c r="B84860" s="14" t="s">
        <v>1</v>
      </c>
      <c r="C84860" s="14" t="s">
        <v>23</v>
      </c>
      <c r="D84860" s="14" t="s">
        <v>427</v>
      </c>
      <c r="E84860" s="15">
        <v>45556</v>
      </c>
      <c r="F84860" s="14" t="s">
        <v>28</v>
      </c>
      <c r="G84860" s="16">
        <v>2.9509080474784857</v>
      </c>
    </row>
    <row r="84861" spans="1:7" x14ac:dyDescent="0.3">
      <c r="A84861" s="13" t="s">
        <v>426</v>
      </c>
      <c r="B84861" s="14" t="s">
        <v>1</v>
      </c>
      <c r="C84861" s="14" t="s">
        <v>23</v>
      </c>
      <c r="D84861" s="14" t="s">
        <v>427</v>
      </c>
      <c r="E84861" s="15">
        <v>45557</v>
      </c>
      <c r="F84861" s="14" t="s">
        <v>28</v>
      </c>
      <c r="G84861" s="16">
        <v>2.9509080474784857</v>
      </c>
    </row>
    <row r="84862" spans="1:7" x14ac:dyDescent="0.3">
      <c r="A84862" s="13" t="s">
        <v>426</v>
      </c>
      <c r="B84862" s="14" t="s">
        <v>1</v>
      </c>
      <c r="C84862" s="14" t="s">
        <v>23</v>
      </c>
      <c r="D84862" s="14" t="s">
        <v>427</v>
      </c>
      <c r="E84862" s="15">
        <v>45558</v>
      </c>
      <c r="F84862" s="14" t="s">
        <v>28</v>
      </c>
      <c r="G84862" s="16">
        <v>2.9690999173039057</v>
      </c>
    </row>
    <row r="84863" spans="1:7" x14ac:dyDescent="0.3">
      <c r="A84863" s="13" t="s">
        <v>426</v>
      </c>
      <c r="B84863" s="14" t="s">
        <v>1</v>
      </c>
      <c r="C84863" s="14" t="s">
        <v>23</v>
      </c>
      <c r="D84863" s="14" t="s">
        <v>427</v>
      </c>
      <c r="E84863" s="15">
        <v>45559</v>
      </c>
      <c r="F84863" s="14" t="s">
        <v>28</v>
      </c>
      <c r="G84863" s="16">
        <v>3.0187206714651555</v>
      </c>
    </row>
    <row r="84864" spans="1:7" x14ac:dyDescent="0.3">
      <c r="A84864" s="13" t="s">
        <v>426</v>
      </c>
      <c r="B84864" s="14" t="s">
        <v>1</v>
      </c>
      <c r="C84864" s="14" t="s">
        <v>23</v>
      </c>
      <c r="D84864" s="14" t="s">
        <v>427</v>
      </c>
      <c r="E84864" s="15">
        <v>45560</v>
      </c>
      <c r="F84864" s="14" t="s">
        <v>28</v>
      </c>
      <c r="G84864" s="16">
        <v>3.0511667575525272</v>
      </c>
    </row>
    <row r="84865" spans="1:7" x14ac:dyDescent="0.3">
      <c r="A84865" s="13" t="s">
        <v>426</v>
      </c>
      <c r="B84865" s="14" t="s">
        <v>1</v>
      </c>
      <c r="C84865" s="14" t="s">
        <v>23</v>
      </c>
      <c r="D84865" s="14" t="s">
        <v>427</v>
      </c>
      <c r="E84865" s="15">
        <v>45561</v>
      </c>
      <c r="F84865" s="14" t="s">
        <v>28</v>
      </c>
      <c r="G84865" s="16">
        <v>3.053317540529394</v>
      </c>
    </row>
    <row r="84866" spans="1:7" x14ac:dyDescent="0.3">
      <c r="A84866" s="13" t="s">
        <v>426</v>
      </c>
      <c r="B84866" s="14" t="s">
        <v>1</v>
      </c>
      <c r="C84866" s="14" t="s">
        <v>23</v>
      </c>
      <c r="D84866" s="14" t="s">
        <v>427</v>
      </c>
      <c r="E84866" s="15">
        <v>45562</v>
      </c>
      <c r="F84866" s="14" t="s">
        <v>28</v>
      </c>
      <c r="G84866" s="16">
        <v>3.0688551248513369</v>
      </c>
    </row>
    <row r="84867" spans="1:7" x14ac:dyDescent="0.3">
      <c r="A84867" s="13" t="s">
        <v>426</v>
      </c>
      <c r="B84867" s="14" t="s">
        <v>1</v>
      </c>
      <c r="C84867" s="14" t="s">
        <v>23</v>
      </c>
      <c r="D84867" s="14" t="s">
        <v>427</v>
      </c>
      <c r="E84867" s="15">
        <v>45563</v>
      </c>
      <c r="F84867" s="14" t="s">
        <v>28</v>
      </c>
      <c r="G84867" s="16">
        <v>3.0688551248513369</v>
      </c>
    </row>
    <row r="84868" spans="1:7" x14ac:dyDescent="0.3">
      <c r="A84868" s="13" t="s">
        <v>426</v>
      </c>
      <c r="B84868" s="14" t="s">
        <v>1</v>
      </c>
      <c r="C84868" s="14" t="s">
        <v>23</v>
      </c>
      <c r="D84868" s="14" t="s">
        <v>427</v>
      </c>
      <c r="E84868" s="15">
        <v>45564</v>
      </c>
      <c r="F84868" s="14" t="s">
        <v>28</v>
      </c>
      <c r="G84868" s="16">
        <v>3.0688551248513369</v>
      </c>
    </row>
    <row r="84869" spans="1:7" x14ac:dyDescent="0.3">
      <c r="A84869" s="13" t="s">
        <v>426</v>
      </c>
      <c r="B84869" s="14" t="s">
        <v>1</v>
      </c>
      <c r="C84869" s="14" t="s">
        <v>23</v>
      </c>
      <c r="D84869" s="14" t="s">
        <v>427</v>
      </c>
      <c r="E84869" s="15">
        <v>45565</v>
      </c>
      <c r="F84869" s="14" t="s">
        <v>28</v>
      </c>
      <c r="G84869" s="16">
        <v>3.0967118214187992</v>
      </c>
    </row>
    <row r="84870" spans="1:7" x14ac:dyDescent="0.3">
      <c r="A84870" s="13" t="s">
        <v>426</v>
      </c>
      <c r="B84870" s="14" t="s">
        <v>1</v>
      </c>
      <c r="C84870" s="14" t="s">
        <v>23</v>
      </c>
      <c r="D84870" s="14" t="s">
        <v>427</v>
      </c>
      <c r="E84870" s="15">
        <v>45566</v>
      </c>
      <c r="F84870" s="14" t="s">
        <v>28</v>
      </c>
      <c r="G84870" s="16">
        <v>3.1598537324968086</v>
      </c>
    </row>
    <row r="84871" spans="1:7" x14ac:dyDescent="0.3">
      <c r="A84871" s="13" t="s">
        <v>426</v>
      </c>
      <c r="B84871" s="14" t="s">
        <v>1</v>
      </c>
      <c r="C84871" s="14" t="s">
        <v>23</v>
      </c>
      <c r="D84871" s="14" t="s">
        <v>427</v>
      </c>
      <c r="E84871" s="15">
        <v>45567</v>
      </c>
      <c r="F84871" s="14" t="s">
        <v>28</v>
      </c>
      <c r="G84871" s="16">
        <v>3.1855216024763728</v>
      </c>
    </row>
    <row r="84872" spans="1:7" x14ac:dyDescent="0.3">
      <c r="A84872" s="13" t="s">
        <v>426</v>
      </c>
      <c r="B84872" s="14" t="s">
        <v>1</v>
      </c>
      <c r="C84872" s="14" t="s">
        <v>23</v>
      </c>
      <c r="D84872" s="14" t="s">
        <v>427</v>
      </c>
      <c r="E84872" s="15">
        <v>45568</v>
      </c>
      <c r="F84872" s="14" t="s">
        <v>28</v>
      </c>
      <c r="G84872" s="16">
        <v>3.2046287831368763</v>
      </c>
    </row>
    <row r="84873" spans="1:7" x14ac:dyDescent="0.3">
      <c r="A84873" s="13" t="s">
        <v>426</v>
      </c>
      <c r="B84873" s="14" t="s">
        <v>1</v>
      </c>
      <c r="C84873" s="14" t="s">
        <v>23</v>
      </c>
      <c r="D84873" s="14" t="s">
        <v>427</v>
      </c>
      <c r="E84873" s="15">
        <v>45569</v>
      </c>
      <c r="F84873" s="14" t="s">
        <v>28</v>
      </c>
      <c r="G84873" s="16">
        <v>3.2424626616770968</v>
      </c>
    </row>
    <row r="84874" spans="1:7" x14ac:dyDescent="0.3">
      <c r="A84874" s="13" t="s">
        <v>426</v>
      </c>
      <c r="B84874" s="14" t="s">
        <v>1</v>
      </c>
      <c r="C84874" s="14" t="s">
        <v>23</v>
      </c>
      <c r="D84874" s="14" t="s">
        <v>427</v>
      </c>
      <c r="E84874" s="15">
        <v>45570</v>
      </c>
      <c r="F84874" s="14" t="s">
        <v>28</v>
      </c>
      <c r="G84874" s="16">
        <v>3.2424626616770968</v>
      </c>
    </row>
    <row r="84875" spans="1:7" x14ac:dyDescent="0.3">
      <c r="A84875" s="13" t="s">
        <v>426</v>
      </c>
      <c r="B84875" s="14" t="s">
        <v>1</v>
      </c>
      <c r="C84875" s="14" t="s">
        <v>23</v>
      </c>
      <c r="D84875" s="14" t="s">
        <v>427</v>
      </c>
      <c r="E84875" s="15">
        <v>45571</v>
      </c>
      <c r="F84875" s="14" t="s">
        <v>28</v>
      </c>
      <c r="G84875" s="16">
        <v>3.2424626616770968</v>
      </c>
    </row>
    <row r="84876" spans="1:7" x14ac:dyDescent="0.3">
      <c r="A84876" s="13" t="s">
        <v>426</v>
      </c>
      <c r="B84876" s="14" t="s">
        <v>1</v>
      </c>
      <c r="C84876" s="14" t="s">
        <v>23</v>
      </c>
      <c r="D84876" s="14" t="s">
        <v>427</v>
      </c>
      <c r="E84876" s="15">
        <v>45572</v>
      </c>
      <c r="F84876" s="14" t="s">
        <v>28</v>
      </c>
      <c r="G84876" s="16">
        <v>3.2840490315819038</v>
      </c>
    </row>
    <row r="84877" spans="1:7" x14ac:dyDescent="0.3">
      <c r="A84877" s="13" t="s">
        <v>426</v>
      </c>
      <c r="B84877" s="14" t="s">
        <v>1</v>
      </c>
      <c r="C84877" s="14" t="s">
        <v>23</v>
      </c>
      <c r="D84877" s="14" t="s">
        <v>427</v>
      </c>
      <c r="E84877" s="15">
        <v>45573</v>
      </c>
      <c r="F84877" s="14" t="s">
        <v>28</v>
      </c>
      <c r="G84877" s="16">
        <v>3.3393982027570281</v>
      </c>
    </row>
    <row r="84878" spans="1:7" x14ac:dyDescent="0.3">
      <c r="A84878" s="13" t="s">
        <v>426</v>
      </c>
      <c r="B84878" s="14" t="s">
        <v>1</v>
      </c>
      <c r="C84878" s="14" t="s">
        <v>23</v>
      </c>
      <c r="D84878" s="14" t="s">
        <v>427</v>
      </c>
      <c r="E84878" s="15">
        <v>45574</v>
      </c>
      <c r="F84878" s="14" t="s">
        <v>28</v>
      </c>
      <c r="G84878" s="16">
        <v>3.3661947978346678</v>
      </c>
    </row>
    <row r="84879" spans="1:7" x14ac:dyDescent="0.3">
      <c r="A84879" s="13" t="s">
        <v>426</v>
      </c>
      <c r="B84879" s="14" t="s">
        <v>1</v>
      </c>
      <c r="C84879" s="14" t="s">
        <v>23</v>
      </c>
      <c r="D84879" s="14" t="s">
        <v>427</v>
      </c>
      <c r="E84879" s="15">
        <v>45575</v>
      </c>
      <c r="F84879" s="14" t="s">
        <v>28</v>
      </c>
      <c r="G84879" s="16">
        <v>3.380654196022673</v>
      </c>
    </row>
    <row r="84880" spans="1:7" x14ac:dyDescent="0.3">
      <c r="A84880" s="13" t="s">
        <v>426</v>
      </c>
      <c r="B84880" s="14" t="s">
        <v>1</v>
      </c>
      <c r="C84880" s="14" t="s">
        <v>23</v>
      </c>
      <c r="D84880" s="14" t="s">
        <v>427</v>
      </c>
      <c r="E84880" s="15">
        <v>45576</v>
      </c>
      <c r="F84880" s="14" t="s">
        <v>28</v>
      </c>
      <c r="G84880" s="16">
        <v>3.3971543552138597</v>
      </c>
    </row>
    <row r="84881" spans="1:7" x14ac:dyDescent="0.3">
      <c r="A84881" s="13" t="s">
        <v>426</v>
      </c>
      <c r="B84881" s="14" t="s">
        <v>1</v>
      </c>
      <c r="C84881" s="14" t="s">
        <v>23</v>
      </c>
      <c r="D84881" s="14" t="s">
        <v>427</v>
      </c>
      <c r="E84881" s="15">
        <v>45577</v>
      </c>
      <c r="F84881" s="14" t="s">
        <v>28</v>
      </c>
      <c r="G84881" s="16">
        <v>3.3971543552138597</v>
      </c>
    </row>
    <row r="84882" spans="1:7" x14ac:dyDescent="0.3">
      <c r="A84882" s="13" t="s">
        <v>426</v>
      </c>
      <c r="B84882" s="14" t="s">
        <v>1</v>
      </c>
      <c r="C84882" s="14" t="s">
        <v>23</v>
      </c>
      <c r="D84882" s="14" t="s">
        <v>427</v>
      </c>
      <c r="E84882" s="15">
        <v>45578</v>
      </c>
      <c r="F84882" s="14" t="s">
        <v>28</v>
      </c>
      <c r="G84882" s="16">
        <v>3.3971543552138597</v>
      </c>
    </row>
    <row r="84883" spans="1:7" x14ac:dyDescent="0.3">
      <c r="A84883" s="13" t="s">
        <v>426</v>
      </c>
      <c r="B84883" s="14" t="s">
        <v>1</v>
      </c>
      <c r="C84883" s="14" t="s">
        <v>23</v>
      </c>
      <c r="D84883" s="14" t="s">
        <v>427</v>
      </c>
      <c r="E84883" s="15">
        <v>45579</v>
      </c>
      <c r="F84883" s="14" t="s">
        <v>28</v>
      </c>
      <c r="G84883" s="16">
        <v>3.3971543552138597</v>
      </c>
    </row>
    <row r="84884" spans="1:7" x14ac:dyDescent="0.3">
      <c r="A84884" s="13" t="s">
        <v>426</v>
      </c>
      <c r="B84884" s="14" t="s">
        <v>1</v>
      </c>
      <c r="C84884" s="14" t="s">
        <v>23</v>
      </c>
      <c r="D84884" s="14" t="s">
        <v>427</v>
      </c>
      <c r="E84884" s="15">
        <v>45580</v>
      </c>
      <c r="F84884" s="14" t="s">
        <v>28</v>
      </c>
      <c r="G84884" s="16">
        <v>3.4264611907454592</v>
      </c>
    </row>
    <row r="84885" spans="1:7" x14ac:dyDescent="0.3">
      <c r="A84885" s="13" t="s">
        <v>426</v>
      </c>
      <c r="B84885" s="14" t="s">
        <v>1</v>
      </c>
      <c r="C84885" s="14" t="s">
        <v>23</v>
      </c>
      <c r="D84885" s="14" t="s">
        <v>427</v>
      </c>
      <c r="E84885" s="15">
        <v>45581</v>
      </c>
      <c r="F84885" s="14" t="s">
        <v>28</v>
      </c>
      <c r="G84885" s="16">
        <v>3.5110403201122908</v>
      </c>
    </row>
    <row r="84886" spans="1:7" x14ac:dyDescent="0.3">
      <c r="A84886" s="13" t="s">
        <v>426</v>
      </c>
      <c r="B84886" s="14" t="s">
        <v>1</v>
      </c>
      <c r="C84886" s="14" t="s">
        <v>23</v>
      </c>
      <c r="D84886" s="14" t="s">
        <v>427</v>
      </c>
      <c r="E84886" s="15">
        <v>45582</v>
      </c>
      <c r="F84886" s="14" t="s">
        <v>28</v>
      </c>
      <c r="G84886" s="16">
        <v>3.5313524375138403</v>
      </c>
    </row>
    <row r="84887" spans="1:7" x14ac:dyDescent="0.3">
      <c r="A84887" s="13" t="s">
        <v>426</v>
      </c>
      <c r="B84887" s="14" t="s">
        <v>1</v>
      </c>
      <c r="C84887" s="14" t="s">
        <v>23</v>
      </c>
      <c r="D84887" s="14" t="s">
        <v>427</v>
      </c>
      <c r="E84887" s="15">
        <v>45583</v>
      </c>
      <c r="F84887" s="14" t="s">
        <v>28</v>
      </c>
      <c r="G84887" s="16">
        <v>3.5397966255392999</v>
      </c>
    </row>
    <row r="84888" spans="1:7" x14ac:dyDescent="0.3">
      <c r="A84888" s="13" t="s">
        <v>426</v>
      </c>
      <c r="B84888" s="14" t="s">
        <v>1</v>
      </c>
      <c r="C84888" s="14" t="s">
        <v>23</v>
      </c>
      <c r="D84888" s="14" t="s">
        <v>427</v>
      </c>
      <c r="E84888" s="15">
        <v>45584</v>
      </c>
      <c r="F84888" s="14" t="s">
        <v>28</v>
      </c>
      <c r="G84888" s="16">
        <v>3.5397966255392999</v>
      </c>
    </row>
    <row r="84889" spans="1:7" x14ac:dyDescent="0.3">
      <c r="A84889" s="13" t="s">
        <v>426</v>
      </c>
      <c r="B84889" s="14" t="s">
        <v>1</v>
      </c>
      <c r="C84889" s="14" t="s">
        <v>23</v>
      </c>
      <c r="D84889" s="14" t="s">
        <v>427</v>
      </c>
      <c r="E84889" s="15">
        <v>45585</v>
      </c>
      <c r="F84889" s="14" t="s">
        <v>28</v>
      </c>
      <c r="G84889" s="16">
        <v>3.5397966255392999</v>
      </c>
    </row>
    <row r="84890" spans="1:7" x14ac:dyDescent="0.3">
      <c r="A84890" s="13" t="s">
        <v>426</v>
      </c>
      <c r="B84890" s="14" t="s">
        <v>1</v>
      </c>
      <c r="C84890" s="14" t="s">
        <v>23</v>
      </c>
      <c r="D84890" s="14" t="s">
        <v>427</v>
      </c>
      <c r="E84890" s="15">
        <v>45586</v>
      </c>
      <c r="F84890" s="14" t="s">
        <v>28</v>
      </c>
      <c r="G84890" s="16">
        <v>3.5731636008336665</v>
      </c>
    </row>
    <row r="84891" spans="1:7" x14ac:dyDescent="0.3">
      <c r="A84891" s="13" t="s">
        <v>426</v>
      </c>
      <c r="B84891" s="14" t="s">
        <v>1</v>
      </c>
      <c r="C84891" s="14" t="s">
        <v>23</v>
      </c>
      <c r="D84891" s="14" t="s">
        <v>427</v>
      </c>
      <c r="E84891" s="15">
        <v>45587</v>
      </c>
      <c r="F84891" s="14" t="s">
        <v>28</v>
      </c>
      <c r="G84891" s="16">
        <v>3.6282143627849934</v>
      </c>
    </row>
    <row r="84892" spans="1:7" x14ac:dyDescent="0.3">
      <c r="A84892" s="13" t="s">
        <v>426</v>
      </c>
      <c r="B84892" s="14" t="s">
        <v>1</v>
      </c>
      <c r="C84892" s="14" t="s">
        <v>23</v>
      </c>
      <c r="D84892" s="14" t="s">
        <v>427</v>
      </c>
      <c r="E84892" s="15">
        <v>45588</v>
      </c>
      <c r="F84892" s="14" t="s">
        <v>28</v>
      </c>
      <c r="G84892" s="16">
        <v>3.664973260604119</v>
      </c>
    </row>
    <row r="84893" spans="1:7" x14ac:dyDescent="0.3">
      <c r="A84893" s="13" t="s">
        <v>426</v>
      </c>
      <c r="B84893" s="14" t="s">
        <v>1</v>
      </c>
      <c r="C84893" s="14" t="s">
        <v>23</v>
      </c>
      <c r="D84893" s="14" t="s">
        <v>427</v>
      </c>
      <c r="E84893" s="15">
        <v>45589</v>
      </c>
      <c r="F84893" s="14" t="s">
        <v>28</v>
      </c>
      <c r="G84893" s="16">
        <v>3.6696130177917192</v>
      </c>
    </row>
    <row r="84894" spans="1:7" x14ac:dyDescent="0.3">
      <c r="A84894" s="13" t="s">
        <v>426</v>
      </c>
      <c r="B84894" s="14" t="s">
        <v>1</v>
      </c>
      <c r="C84894" s="14" t="s">
        <v>23</v>
      </c>
      <c r="D84894" s="14" t="s">
        <v>427</v>
      </c>
      <c r="E84894" s="15">
        <v>45590</v>
      </c>
      <c r="F84894" s="14" t="s">
        <v>28</v>
      </c>
      <c r="G84894" s="16">
        <v>3.6970633826573298</v>
      </c>
    </row>
    <row r="84895" spans="1:7" x14ac:dyDescent="0.3">
      <c r="A84895" s="13" t="s">
        <v>426</v>
      </c>
      <c r="B84895" s="14" t="s">
        <v>1</v>
      </c>
      <c r="C84895" s="14" t="s">
        <v>23</v>
      </c>
      <c r="D84895" s="14" t="s">
        <v>427</v>
      </c>
      <c r="E84895" s="15">
        <v>45591</v>
      </c>
      <c r="F84895" s="14" t="s">
        <v>28</v>
      </c>
      <c r="G84895" s="16">
        <v>3.6970633826573298</v>
      </c>
    </row>
    <row r="84896" spans="1:7" x14ac:dyDescent="0.3">
      <c r="A84896" s="13" t="s">
        <v>426</v>
      </c>
      <c r="B84896" s="14" t="s">
        <v>1</v>
      </c>
      <c r="C84896" s="14" t="s">
        <v>23</v>
      </c>
      <c r="D84896" s="14" t="s">
        <v>427</v>
      </c>
      <c r="E84896" s="15">
        <v>45592</v>
      </c>
      <c r="F84896" s="14" t="s">
        <v>28</v>
      </c>
      <c r="G84896" s="16">
        <v>3.6970633826573298</v>
      </c>
    </row>
    <row r="84897" spans="1:7" x14ac:dyDescent="0.3">
      <c r="A84897" s="13" t="s">
        <v>426</v>
      </c>
      <c r="B84897" s="14" t="s">
        <v>1</v>
      </c>
      <c r="C84897" s="14" t="s">
        <v>23</v>
      </c>
      <c r="D84897" s="14" t="s">
        <v>427</v>
      </c>
      <c r="E84897" s="15">
        <v>45593</v>
      </c>
      <c r="F84897" s="14" t="s">
        <v>28</v>
      </c>
      <c r="G84897" s="16">
        <v>3.6970633826573298</v>
      </c>
    </row>
    <row r="84898" spans="1:7" x14ac:dyDescent="0.3">
      <c r="A84898" s="13" t="s">
        <v>426</v>
      </c>
      <c r="B84898" s="14" t="s">
        <v>1</v>
      </c>
      <c r="C84898" s="14" t="s">
        <v>23</v>
      </c>
      <c r="D84898" s="14" t="s">
        <v>427</v>
      </c>
      <c r="E84898" s="15">
        <v>45594</v>
      </c>
      <c r="F84898" s="14" t="s">
        <v>28</v>
      </c>
      <c r="G84898" s="16">
        <v>3.7261257985036966</v>
      </c>
    </row>
    <row r="84899" spans="1:7" x14ac:dyDescent="0.3">
      <c r="A84899" s="13" t="s">
        <v>426</v>
      </c>
      <c r="B84899" s="14" t="s">
        <v>1</v>
      </c>
      <c r="C84899" s="14" t="s">
        <v>23</v>
      </c>
      <c r="D84899" s="14" t="s">
        <v>427</v>
      </c>
      <c r="E84899" s="15">
        <v>45595</v>
      </c>
      <c r="F84899" s="14" t="s">
        <v>28</v>
      </c>
      <c r="G84899" s="16">
        <v>3.7904173544957351</v>
      </c>
    </row>
    <row r="84900" spans="1:7" x14ac:dyDescent="0.3">
      <c r="A84900" s="13" t="s">
        <v>426</v>
      </c>
      <c r="B84900" s="14" t="s">
        <v>1</v>
      </c>
      <c r="C84900" s="14" t="s">
        <v>23</v>
      </c>
      <c r="D84900" s="14" t="s">
        <v>427</v>
      </c>
      <c r="E84900" s="15">
        <v>45596</v>
      </c>
      <c r="F84900" s="14" t="s">
        <v>28</v>
      </c>
      <c r="G84900" s="16">
        <v>3.7872548965750066</v>
      </c>
    </row>
    <row r="84901" spans="1:7" x14ac:dyDescent="0.3">
      <c r="A84901" s="13" t="s">
        <v>426</v>
      </c>
      <c r="B84901" s="14" t="s">
        <v>1</v>
      </c>
      <c r="C84901" s="14" t="s">
        <v>23</v>
      </c>
      <c r="D84901" s="14" t="s">
        <v>427</v>
      </c>
      <c r="E84901" s="15">
        <v>45597</v>
      </c>
      <c r="F84901" s="14" t="s">
        <v>28</v>
      </c>
      <c r="G84901" s="16">
        <v>3.821465776025923</v>
      </c>
    </row>
    <row r="84902" spans="1:7" x14ac:dyDescent="0.3">
      <c r="A84902" s="13" t="s">
        <v>426</v>
      </c>
      <c r="B84902" s="14" t="s">
        <v>1</v>
      </c>
      <c r="C84902" s="14" t="s">
        <v>23</v>
      </c>
      <c r="D84902" s="14" t="s">
        <v>427</v>
      </c>
      <c r="E84902" s="15">
        <v>45598</v>
      </c>
      <c r="F84902" s="14" t="s">
        <v>28</v>
      </c>
      <c r="G84902" s="16">
        <v>3.821465776025923</v>
      </c>
    </row>
    <row r="84903" spans="1:7" x14ac:dyDescent="0.3">
      <c r="A84903" s="13" t="s">
        <v>426</v>
      </c>
      <c r="B84903" s="14" t="s">
        <v>1</v>
      </c>
      <c r="C84903" s="14" t="s">
        <v>23</v>
      </c>
      <c r="D84903" s="14" t="s">
        <v>427</v>
      </c>
      <c r="E84903" s="15">
        <v>45599</v>
      </c>
      <c r="F84903" s="14" t="s">
        <v>28</v>
      </c>
      <c r="G84903" s="16">
        <v>3.821465776025923</v>
      </c>
    </row>
    <row r="84904" spans="1:7" x14ac:dyDescent="0.3">
      <c r="A84904" s="13" t="s">
        <v>426</v>
      </c>
      <c r="B84904" s="14" t="s">
        <v>1</v>
      </c>
      <c r="C84904" s="14" t="s">
        <v>23</v>
      </c>
      <c r="D84904" s="14" t="s">
        <v>427</v>
      </c>
      <c r="E84904" s="15">
        <v>45600</v>
      </c>
      <c r="F84904" s="14" t="s">
        <v>28</v>
      </c>
      <c r="G84904" s="16">
        <v>3.8137392168068249</v>
      </c>
    </row>
    <row r="84905" spans="1:7" x14ac:dyDescent="0.3">
      <c r="A84905" s="13" t="s">
        <v>426</v>
      </c>
      <c r="B84905" s="14" t="s">
        <v>1</v>
      </c>
      <c r="C84905" s="14" t="s">
        <v>23</v>
      </c>
      <c r="D84905" s="14" t="s">
        <v>427</v>
      </c>
      <c r="E84905" s="15">
        <v>45601</v>
      </c>
      <c r="F84905" s="14" t="s">
        <v>28</v>
      </c>
      <c r="G84905" s="16">
        <v>3.8500092233919445</v>
      </c>
    </row>
    <row r="84906" spans="1:7" x14ac:dyDescent="0.3">
      <c r="A84906" s="13" t="s">
        <v>426</v>
      </c>
      <c r="B84906" s="14" t="s">
        <v>1</v>
      </c>
      <c r="C84906" s="14" t="s">
        <v>23</v>
      </c>
      <c r="D84906" s="14" t="s">
        <v>427</v>
      </c>
      <c r="E84906" s="15">
        <v>45602</v>
      </c>
      <c r="F84906" s="14" t="s">
        <v>28</v>
      </c>
      <c r="G84906" s="16">
        <v>3.9255799271891534</v>
      </c>
    </row>
    <row r="84907" spans="1:7" x14ac:dyDescent="0.3">
      <c r="A84907" s="13" t="s">
        <v>426</v>
      </c>
      <c r="B84907" s="14" t="s">
        <v>1</v>
      </c>
      <c r="C84907" s="14" t="s">
        <v>23</v>
      </c>
      <c r="D84907" s="14" t="s">
        <v>427</v>
      </c>
      <c r="E84907" s="15">
        <v>45603</v>
      </c>
      <c r="F84907" s="14" t="s">
        <v>28</v>
      </c>
      <c r="G84907" s="16">
        <v>3.907433767993338</v>
      </c>
    </row>
    <row r="84908" spans="1:7" x14ac:dyDescent="0.3">
      <c r="A84908" s="13" t="s">
        <v>426</v>
      </c>
      <c r="B84908" s="14" t="s">
        <v>1</v>
      </c>
      <c r="C84908" s="14" t="s">
        <v>23</v>
      </c>
      <c r="D84908" s="14" t="s">
        <v>427</v>
      </c>
      <c r="E84908" s="15">
        <v>45604</v>
      </c>
      <c r="F84908" s="14" t="s">
        <v>28</v>
      </c>
      <c r="G84908" s="16">
        <v>3.9432103721500282</v>
      </c>
    </row>
    <row r="84909" spans="1:7" x14ac:dyDescent="0.3">
      <c r="A84909" s="13" t="s">
        <v>426</v>
      </c>
      <c r="B84909" s="14" t="s">
        <v>1</v>
      </c>
      <c r="C84909" s="14" t="s">
        <v>23</v>
      </c>
      <c r="D84909" s="14" t="s">
        <v>427</v>
      </c>
      <c r="E84909" s="15">
        <v>45605</v>
      </c>
      <c r="F84909" s="14" t="s">
        <v>28</v>
      </c>
      <c r="G84909" s="16">
        <v>3.9432103721500282</v>
      </c>
    </row>
    <row r="84910" spans="1:7" x14ac:dyDescent="0.3">
      <c r="A84910" s="13" t="s">
        <v>426</v>
      </c>
      <c r="B84910" s="14" t="s">
        <v>1</v>
      </c>
      <c r="C84910" s="14" t="s">
        <v>23</v>
      </c>
      <c r="D84910" s="14" t="s">
        <v>427</v>
      </c>
      <c r="E84910" s="15">
        <v>45606</v>
      </c>
      <c r="F84910" s="14" t="s">
        <v>28</v>
      </c>
      <c r="G84910" s="16">
        <v>3.9432103721500282</v>
      </c>
    </row>
    <row r="84911" spans="1:7" x14ac:dyDescent="0.3">
      <c r="A84911" s="13" t="s">
        <v>426</v>
      </c>
      <c r="B84911" s="14" t="s">
        <v>1</v>
      </c>
      <c r="C84911" s="14" t="s">
        <v>23</v>
      </c>
      <c r="D84911" s="14" t="s">
        <v>427</v>
      </c>
      <c r="E84911" s="15">
        <v>45607</v>
      </c>
      <c r="F84911" s="14" t="s">
        <v>28</v>
      </c>
      <c r="G84911" s="16">
        <v>3.9432103721500282</v>
      </c>
    </row>
    <row r="84912" spans="1:7" x14ac:dyDescent="0.3">
      <c r="A84912" s="13" t="s">
        <v>426</v>
      </c>
      <c r="B84912" s="14" t="s">
        <v>1</v>
      </c>
      <c r="C84912" s="14" t="s">
        <v>23</v>
      </c>
      <c r="D84912" s="14" t="s">
        <v>427</v>
      </c>
      <c r="E84912" s="15">
        <v>45608</v>
      </c>
      <c r="F84912" s="14" t="s">
        <v>28</v>
      </c>
      <c r="G84912" s="16">
        <v>3.996936563248684</v>
      </c>
    </row>
    <row r="84913" spans="1:7" x14ac:dyDescent="0.3">
      <c r="A84913" s="13" t="s">
        <v>426</v>
      </c>
      <c r="B84913" s="14" t="s">
        <v>1</v>
      </c>
      <c r="C84913" s="14" t="s">
        <v>23</v>
      </c>
      <c r="D84913" s="14" t="s">
        <v>427</v>
      </c>
      <c r="E84913" s="15">
        <v>45609</v>
      </c>
      <c r="F84913" s="14" t="s">
        <v>28</v>
      </c>
      <c r="G84913" s="16">
        <v>4.0959187207866474</v>
      </c>
    </row>
    <row r="84914" spans="1:7" x14ac:dyDescent="0.3">
      <c r="A84914" s="13" t="s">
        <v>426</v>
      </c>
      <c r="B84914" s="14" t="s">
        <v>1</v>
      </c>
      <c r="C84914" s="14" t="s">
        <v>23</v>
      </c>
      <c r="D84914" s="14" t="s">
        <v>427</v>
      </c>
      <c r="E84914" s="15">
        <v>45610</v>
      </c>
      <c r="F84914" s="14" t="s">
        <v>28</v>
      </c>
      <c r="G84914" s="16">
        <v>4.1226120435029996</v>
      </c>
    </row>
    <row r="84915" spans="1:7" x14ac:dyDescent="0.3">
      <c r="A84915" s="13" t="s">
        <v>426</v>
      </c>
      <c r="B84915" s="14" t="s">
        <v>1</v>
      </c>
      <c r="C84915" s="14" t="s">
        <v>23</v>
      </c>
      <c r="D84915" s="14" t="s">
        <v>427</v>
      </c>
      <c r="E84915" s="15">
        <v>45611</v>
      </c>
      <c r="F84915" s="14" t="s">
        <v>28</v>
      </c>
      <c r="G84915" s="16">
        <v>4.1303101937085467</v>
      </c>
    </row>
    <row r="84916" spans="1:7" x14ac:dyDescent="0.3">
      <c r="A84916" s="13" t="s">
        <v>426</v>
      </c>
      <c r="B84916" s="14" t="s">
        <v>1</v>
      </c>
      <c r="C84916" s="14" t="s">
        <v>23</v>
      </c>
      <c r="D84916" s="14" t="s">
        <v>427</v>
      </c>
      <c r="E84916" s="15">
        <v>45612</v>
      </c>
      <c r="F84916" s="14" t="s">
        <v>28</v>
      </c>
      <c r="G84916" s="16">
        <v>4.1303101937085467</v>
      </c>
    </row>
    <row r="84917" spans="1:7" x14ac:dyDescent="0.3">
      <c r="A84917" s="13" t="s">
        <v>426</v>
      </c>
      <c r="B84917" s="14" t="s">
        <v>1</v>
      </c>
      <c r="C84917" s="14" t="s">
        <v>23</v>
      </c>
      <c r="D84917" s="14" t="s">
        <v>427</v>
      </c>
      <c r="E84917" s="15">
        <v>45613</v>
      </c>
      <c r="F84917" s="14" t="s">
        <v>28</v>
      </c>
      <c r="G84917" s="16">
        <v>4.1303101937085467</v>
      </c>
    </row>
    <row r="84918" spans="1:7" x14ac:dyDescent="0.3">
      <c r="A84918" s="13" t="s">
        <v>426</v>
      </c>
      <c r="B84918" s="14" t="s">
        <v>1</v>
      </c>
      <c r="C84918" s="14" t="s">
        <v>23</v>
      </c>
      <c r="D84918" s="14" t="s">
        <v>427</v>
      </c>
      <c r="E84918" s="15">
        <v>45614</v>
      </c>
      <c r="F84918" s="14" t="s">
        <v>28</v>
      </c>
      <c r="G84918" s="16">
        <v>4.1351444717582853</v>
      </c>
    </row>
    <row r="84919" spans="1:7" x14ac:dyDescent="0.3">
      <c r="A84919" s="13" t="s">
        <v>426</v>
      </c>
      <c r="B84919" s="14" t="s">
        <v>1</v>
      </c>
      <c r="C84919" s="14" t="s">
        <v>23</v>
      </c>
      <c r="D84919" s="14" t="s">
        <v>427</v>
      </c>
      <c r="E84919" s="15">
        <v>45615</v>
      </c>
      <c r="F84919" s="14" t="s">
        <v>28</v>
      </c>
      <c r="G84919" s="16">
        <v>4.1823013866518775</v>
      </c>
    </row>
    <row r="84920" spans="1:7" x14ac:dyDescent="0.3">
      <c r="A84920" s="13" t="s">
        <v>426</v>
      </c>
      <c r="B84920" s="14" t="s">
        <v>1</v>
      </c>
      <c r="C84920" s="14" t="s">
        <v>23</v>
      </c>
      <c r="D84920" s="14" t="s">
        <v>427</v>
      </c>
      <c r="E84920" s="15">
        <v>45616</v>
      </c>
      <c r="F84920" s="14" t="s">
        <v>28</v>
      </c>
      <c r="G84920" s="16">
        <v>4.216063442008827</v>
      </c>
    </row>
    <row r="84921" spans="1:7" x14ac:dyDescent="0.3">
      <c r="A84921" s="13" t="s">
        <v>426</v>
      </c>
      <c r="B84921" s="14" t="s">
        <v>1</v>
      </c>
      <c r="C84921" s="14" t="s">
        <v>23</v>
      </c>
      <c r="D84921" s="14" t="s">
        <v>427</v>
      </c>
      <c r="E84921" s="15">
        <v>45617</v>
      </c>
      <c r="F84921" s="14" t="s">
        <v>28</v>
      </c>
      <c r="G84921" s="16">
        <v>4.2455461724731798</v>
      </c>
    </row>
    <row r="84922" spans="1:7" x14ac:dyDescent="0.3">
      <c r="A84922" s="13" t="s">
        <v>426</v>
      </c>
      <c r="B84922" s="14" t="s">
        <v>1</v>
      </c>
      <c r="C84922" s="14" t="s">
        <v>23</v>
      </c>
      <c r="D84922" s="14" t="s">
        <v>427</v>
      </c>
      <c r="E84922" s="15">
        <v>45618</v>
      </c>
      <c r="F84922" s="14" t="s">
        <v>28</v>
      </c>
      <c r="G84922" s="16">
        <v>4.2627785138752836</v>
      </c>
    </row>
    <row r="84923" spans="1:7" x14ac:dyDescent="0.3">
      <c r="A84923" s="13" t="s">
        <v>426</v>
      </c>
      <c r="B84923" s="14" t="s">
        <v>1</v>
      </c>
      <c r="C84923" s="14" t="s">
        <v>23</v>
      </c>
      <c r="D84923" s="14" t="s">
        <v>427</v>
      </c>
      <c r="E84923" s="15">
        <v>45619</v>
      </c>
      <c r="F84923" s="14" t="s">
        <v>28</v>
      </c>
      <c r="G84923" s="16">
        <v>4.2627785138752836</v>
      </c>
    </row>
    <row r="84924" spans="1:7" x14ac:dyDescent="0.3">
      <c r="A84924" s="13" t="s">
        <v>426</v>
      </c>
      <c r="B84924" s="14" t="s">
        <v>1</v>
      </c>
      <c r="C84924" s="14" t="s">
        <v>23</v>
      </c>
      <c r="D84924" s="14" t="s">
        <v>427</v>
      </c>
      <c r="E84924" s="15">
        <v>45620</v>
      </c>
      <c r="F84924" s="14" t="s">
        <v>28</v>
      </c>
      <c r="G84924" s="16">
        <v>4.2627785138752836</v>
      </c>
    </row>
    <row r="84925" spans="1:7" x14ac:dyDescent="0.3">
      <c r="A84925" s="13" t="s">
        <v>426</v>
      </c>
      <c r="B84925" s="14" t="s">
        <v>1</v>
      </c>
      <c r="C84925" s="14" t="s">
        <v>23</v>
      </c>
      <c r="D84925" s="14" t="s">
        <v>427</v>
      </c>
      <c r="E84925" s="15">
        <v>45621</v>
      </c>
      <c r="F84925" s="14" t="s">
        <v>28</v>
      </c>
      <c r="G84925" s="16">
        <v>4.2784184673407113</v>
      </c>
    </row>
    <row r="84926" spans="1:7" x14ac:dyDescent="0.3">
      <c r="A84926" s="13" t="s">
        <v>426</v>
      </c>
      <c r="B84926" s="14" t="s">
        <v>1</v>
      </c>
      <c r="C84926" s="14" t="s">
        <v>23</v>
      </c>
      <c r="D84926" s="14" t="s">
        <v>427</v>
      </c>
      <c r="E84926" s="15">
        <v>45622</v>
      </c>
      <c r="F84926" s="14" t="s">
        <v>28</v>
      </c>
      <c r="G84926" s="16">
        <v>4.3324941741220533</v>
      </c>
    </row>
    <row r="84927" spans="1:7" x14ac:dyDescent="0.3">
      <c r="A84927" s="13" t="s">
        <v>426</v>
      </c>
      <c r="B84927" s="14" t="s">
        <v>1</v>
      </c>
      <c r="C84927" s="14" t="s">
        <v>23</v>
      </c>
      <c r="D84927" s="14" t="s">
        <v>427</v>
      </c>
      <c r="E84927" s="15">
        <v>45623</v>
      </c>
      <c r="F84927" s="14" t="s">
        <v>28</v>
      </c>
      <c r="G84927" s="16">
        <v>4.3296927946059158</v>
      </c>
    </row>
    <row r="84928" spans="1:7" x14ac:dyDescent="0.3">
      <c r="A84928" s="13" t="s">
        <v>426</v>
      </c>
      <c r="B84928" s="14" t="s">
        <v>1</v>
      </c>
      <c r="C84928" s="14" t="s">
        <v>23</v>
      </c>
      <c r="D84928" s="14" t="s">
        <v>427</v>
      </c>
      <c r="E84928" s="15">
        <v>45624</v>
      </c>
      <c r="F84928" s="14" t="s">
        <v>28</v>
      </c>
      <c r="G84928" s="16">
        <v>4.3296927946059158</v>
      </c>
    </row>
    <row r="84929" spans="1:7" x14ac:dyDescent="0.3">
      <c r="A84929" s="13" t="s">
        <v>426</v>
      </c>
      <c r="B84929" s="14" t="s">
        <v>1</v>
      </c>
      <c r="C84929" s="14" t="s">
        <v>23</v>
      </c>
      <c r="D84929" s="14" t="s">
        <v>427</v>
      </c>
      <c r="E84929" s="15">
        <v>45625</v>
      </c>
      <c r="F84929" s="14" t="s">
        <v>28</v>
      </c>
      <c r="G84929" s="16">
        <v>4.3463128750842248</v>
      </c>
    </row>
    <row r="84930" spans="1:7" x14ac:dyDescent="0.3">
      <c r="A84930" s="13" t="s">
        <v>426</v>
      </c>
      <c r="B84930" s="14" t="s">
        <v>1</v>
      </c>
      <c r="C84930" s="14" t="s">
        <v>23</v>
      </c>
      <c r="D84930" s="14" t="s">
        <v>427</v>
      </c>
      <c r="E84930" s="15">
        <v>45626</v>
      </c>
      <c r="F84930" s="14" t="s">
        <v>28</v>
      </c>
      <c r="G84930" s="16">
        <v>4.3463128750842248</v>
      </c>
    </row>
    <row r="84931" spans="1:7" x14ac:dyDescent="0.3">
      <c r="A84931" s="13" t="s">
        <v>426</v>
      </c>
      <c r="B84931" s="14" t="s">
        <v>1</v>
      </c>
      <c r="C84931" s="14" t="s">
        <v>23</v>
      </c>
      <c r="D84931" s="14" t="s">
        <v>427</v>
      </c>
      <c r="E84931" s="15">
        <v>45627</v>
      </c>
      <c r="F84931" s="14" t="s">
        <v>28</v>
      </c>
      <c r="G84931" s="16">
        <v>4.3463128750842248</v>
      </c>
    </row>
    <row r="84932" spans="1:7" x14ac:dyDescent="0.3">
      <c r="A84932" s="13" t="s">
        <v>426</v>
      </c>
      <c r="B84932" s="14" t="s">
        <v>1</v>
      </c>
      <c r="C84932" s="14" t="s">
        <v>23</v>
      </c>
      <c r="D84932" s="14" t="s">
        <v>427</v>
      </c>
      <c r="E84932" s="15">
        <v>45628</v>
      </c>
      <c r="F84932" s="14" t="s">
        <v>28</v>
      </c>
      <c r="G84932" s="16">
        <v>4.4008373334208182</v>
      </c>
    </row>
    <row r="84933" spans="1:7" x14ac:dyDescent="0.3">
      <c r="A84933" s="13" t="s">
        <v>426</v>
      </c>
      <c r="B84933" s="14" t="s">
        <v>1</v>
      </c>
      <c r="C84933" s="14" t="s">
        <v>23</v>
      </c>
      <c r="D84933" s="14" t="s">
        <v>427</v>
      </c>
      <c r="E84933" s="15">
        <v>45629</v>
      </c>
      <c r="F84933" s="14" t="s">
        <v>28</v>
      </c>
      <c r="G84933" s="16">
        <v>4.4395152785871712</v>
      </c>
    </row>
    <row r="84934" spans="1:7" x14ac:dyDescent="0.3">
      <c r="A84934" s="13" t="s">
        <v>426</v>
      </c>
      <c r="B84934" s="14" t="s">
        <v>1</v>
      </c>
      <c r="C84934" s="14" t="s">
        <v>23</v>
      </c>
      <c r="D84934" s="14" t="s">
        <v>427</v>
      </c>
      <c r="E84934" s="15">
        <v>45630</v>
      </c>
      <c r="F84934" s="14" t="s">
        <v>28</v>
      </c>
      <c r="G84934" s="16">
        <v>4.4517026958018961</v>
      </c>
    </row>
    <row r="84935" spans="1:7" x14ac:dyDescent="0.3">
      <c r="A84935" s="13" t="s">
        <v>426</v>
      </c>
      <c r="B84935" s="14" t="s">
        <v>1</v>
      </c>
      <c r="C84935" s="14" t="s">
        <v>23</v>
      </c>
      <c r="D84935" s="14" t="s">
        <v>427</v>
      </c>
      <c r="E84935" s="15">
        <v>45631</v>
      </c>
      <c r="F84935" s="14" t="s">
        <v>28</v>
      </c>
      <c r="G84935" s="16">
        <v>4.4525900687236559</v>
      </c>
    </row>
    <row r="84936" spans="1:7" x14ac:dyDescent="0.3">
      <c r="A84936" s="13" t="s">
        <v>426</v>
      </c>
      <c r="B84936" s="14" t="s">
        <v>1</v>
      </c>
      <c r="C84936" s="14" t="s">
        <v>23</v>
      </c>
      <c r="D84936" s="14" t="s">
        <v>427</v>
      </c>
      <c r="E84936" s="15">
        <v>45632</v>
      </c>
      <c r="F84936" s="14" t="s">
        <v>28</v>
      </c>
      <c r="G84936" s="16">
        <v>4.4790561731185052</v>
      </c>
    </row>
    <row r="84937" spans="1:7" x14ac:dyDescent="0.3">
      <c r="A84937" s="13" t="s">
        <v>426</v>
      </c>
      <c r="B84937" s="14" t="s">
        <v>1</v>
      </c>
      <c r="C84937" s="14" t="s">
        <v>23</v>
      </c>
      <c r="D84937" s="14" t="s">
        <v>427</v>
      </c>
      <c r="E84937" s="15">
        <v>45633</v>
      </c>
      <c r="F84937" s="14" t="s">
        <v>28</v>
      </c>
      <c r="G84937" s="16">
        <v>4.4790561731185052</v>
      </c>
    </row>
    <row r="84938" spans="1:7" x14ac:dyDescent="0.3">
      <c r="A84938" s="13" t="s">
        <v>426</v>
      </c>
      <c r="B84938" s="14" t="s">
        <v>1</v>
      </c>
      <c r="C84938" s="14" t="s">
        <v>23</v>
      </c>
      <c r="D84938" s="14" t="s">
        <v>427</v>
      </c>
      <c r="E84938" s="15">
        <v>45634</v>
      </c>
      <c r="F84938" s="14" t="s">
        <v>28</v>
      </c>
      <c r="G84938" s="16">
        <v>4.4790561731185052</v>
      </c>
    </row>
    <row r="84939" spans="1:7" x14ac:dyDescent="0.3">
      <c r="A84939" s="13" t="s">
        <v>426</v>
      </c>
      <c r="B84939" s="14" t="s">
        <v>1</v>
      </c>
      <c r="C84939" s="14" t="s">
        <v>23</v>
      </c>
      <c r="D84939" s="14" t="s">
        <v>427</v>
      </c>
      <c r="E84939" s="15">
        <v>45635</v>
      </c>
      <c r="F84939" s="14" t="s">
        <v>28</v>
      </c>
      <c r="G84939" s="16">
        <v>4.5008979349297142</v>
      </c>
    </row>
    <row r="84940" spans="1:7" x14ac:dyDescent="0.3">
      <c r="A84940" s="13" t="s">
        <v>426</v>
      </c>
      <c r="B84940" s="14" t="s">
        <v>1</v>
      </c>
      <c r="C84940" s="14" t="s">
        <v>23</v>
      </c>
      <c r="D84940" s="14" t="s">
        <v>427</v>
      </c>
      <c r="E84940" s="15">
        <v>45636</v>
      </c>
      <c r="F84940" s="14" t="s">
        <v>28</v>
      </c>
      <c r="G84940" s="16">
        <v>4.556294707828191</v>
      </c>
    </row>
    <row r="84941" spans="1:7" x14ac:dyDescent="0.3">
      <c r="A84941" s="13" t="s">
        <v>426</v>
      </c>
      <c r="B84941" s="14" t="s">
        <v>1</v>
      </c>
      <c r="C84941" s="14" t="s">
        <v>23</v>
      </c>
      <c r="D84941" s="14" t="s">
        <v>427</v>
      </c>
      <c r="E84941" s="15">
        <v>45637</v>
      </c>
      <c r="F84941" s="14" t="s">
        <v>28</v>
      </c>
      <c r="G84941" s="16">
        <v>4.5823061076741887</v>
      </c>
    </row>
    <row r="84942" spans="1:7" x14ac:dyDescent="0.3">
      <c r="A84942" s="13" t="s">
        <v>426</v>
      </c>
      <c r="B84942" s="14" t="s">
        <v>1</v>
      </c>
      <c r="C84942" s="14" t="s">
        <v>23</v>
      </c>
      <c r="D84942" s="14" t="s">
        <v>427</v>
      </c>
      <c r="E84942" s="15">
        <v>45638</v>
      </c>
      <c r="F84942" s="14" t="s">
        <v>28</v>
      </c>
      <c r="G84942" s="16">
        <v>4.6087248805866912</v>
      </c>
    </row>
    <row r="84943" spans="1:7" x14ac:dyDescent="0.3">
      <c r="A84943" s="13" t="s">
        <v>426</v>
      </c>
      <c r="B84943" s="14" t="s">
        <v>1</v>
      </c>
      <c r="C84943" s="14" t="s">
        <v>23</v>
      </c>
      <c r="D84943" s="14" t="s">
        <v>427</v>
      </c>
      <c r="E84943" s="15">
        <v>45639</v>
      </c>
      <c r="F84943" s="14" t="s">
        <v>28</v>
      </c>
      <c r="G84943" s="16">
        <v>4.6307459137831328</v>
      </c>
    </row>
    <row r="84944" spans="1:7" x14ac:dyDescent="0.3">
      <c r="A84944" s="13" t="s">
        <v>426</v>
      </c>
      <c r="B84944" s="14" t="s">
        <v>1</v>
      </c>
      <c r="C84944" s="14" t="s">
        <v>23</v>
      </c>
      <c r="D84944" s="14" t="s">
        <v>427</v>
      </c>
      <c r="E84944" s="15">
        <v>45640</v>
      </c>
      <c r="F84944" s="14" t="s">
        <v>28</v>
      </c>
      <c r="G84944" s="16">
        <v>4.6307459137831328</v>
      </c>
    </row>
    <row r="84945" spans="1:7" x14ac:dyDescent="0.3">
      <c r="A84945" s="13" t="s">
        <v>426</v>
      </c>
      <c r="B84945" s="14" t="s">
        <v>1</v>
      </c>
      <c r="C84945" s="14" t="s">
        <v>23</v>
      </c>
      <c r="D84945" s="14" t="s">
        <v>427</v>
      </c>
      <c r="E84945" s="15">
        <v>45641</v>
      </c>
      <c r="F84945" s="14" t="s">
        <v>28</v>
      </c>
      <c r="G84945" s="16">
        <v>4.6307459137831328</v>
      </c>
    </row>
    <row r="84946" spans="1:7" x14ac:dyDescent="0.3">
      <c r="A84946" s="13" t="s">
        <v>426</v>
      </c>
      <c r="B84946" s="14" t="s">
        <v>1</v>
      </c>
      <c r="C84946" s="14" t="s">
        <v>23</v>
      </c>
      <c r="D84946" s="14" t="s">
        <v>427</v>
      </c>
      <c r="E84946" s="15">
        <v>45642</v>
      </c>
      <c r="F84946" s="14" t="s">
        <v>28</v>
      </c>
      <c r="G84946" s="16">
        <v>4.6541800585712094</v>
      </c>
    </row>
    <row r="84947" spans="1:7" x14ac:dyDescent="0.3">
      <c r="A84947" s="13" t="s">
        <v>426</v>
      </c>
      <c r="B84947" s="14" t="s">
        <v>1</v>
      </c>
      <c r="C84947" s="14" t="s">
        <v>23</v>
      </c>
      <c r="D84947" s="14" t="s">
        <v>427</v>
      </c>
      <c r="E84947" s="15">
        <v>45643</v>
      </c>
      <c r="F84947" s="14" t="s">
        <v>28</v>
      </c>
      <c r="G84947" s="16">
        <v>4.7048224577773476</v>
      </c>
    </row>
    <row r="84948" spans="1:7" x14ac:dyDescent="0.3">
      <c r="A84948" s="13" t="s">
        <v>426</v>
      </c>
      <c r="B84948" s="14" t="s">
        <v>1</v>
      </c>
      <c r="C84948" s="14" t="s">
        <v>23</v>
      </c>
      <c r="D84948" s="14" t="s">
        <v>427</v>
      </c>
      <c r="E84948" s="15">
        <v>45644</v>
      </c>
      <c r="F84948" s="14" t="s">
        <v>28</v>
      </c>
      <c r="G84948" s="16">
        <v>4.7710157084641214</v>
      </c>
    </row>
    <row r="84949" spans="1:7" x14ac:dyDescent="0.3">
      <c r="A84949" s="13" t="s">
        <v>426</v>
      </c>
      <c r="B84949" s="14" t="s">
        <v>1</v>
      </c>
      <c r="C84949" s="14" t="s">
        <v>23</v>
      </c>
      <c r="D84949" s="14" t="s">
        <v>427</v>
      </c>
      <c r="E84949" s="15">
        <v>45645</v>
      </c>
      <c r="F84949" s="14" t="s">
        <v>28</v>
      </c>
      <c r="G84949" s="16">
        <v>4.778991414512193</v>
      </c>
    </row>
    <row r="84950" spans="1:7" x14ac:dyDescent="0.3">
      <c r="A84950" s="13" t="s">
        <v>426</v>
      </c>
      <c r="B84950" s="14" t="s">
        <v>1</v>
      </c>
      <c r="C84950" s="14" t="s">
        <v>23</v>
      </c>
      <c r="D84950" s="14" t="s">
        <v>427</v>
      </c>
      <c r="E84950" s="15">
        <v>45646</v>
      </c>
      <c r="F84950" s="14" t="s">
        <v>28</v>
      </c>
      <c r="G84950" s="16">
        <v>4.7756319397644118</v>
      </c>
    </row>
    <row r="84951" spans="1:7" x14ac:dyDescent="0.3">
      <c r="A84951" s="13" t="s">
        <v>426</v>
      </c>
      <c r="B84951" s="14" t="s">
        <v>1</v>
      </c>
      <c r="C84951" s="14" t="s">
        <v>23</v>
      </c>
      <c r="D84951" s="14" t="s">
        <v>427</v>
      </c>
      <c r="E84951" s="15">
        <v>45647</v>
      </c>
      <c r="F84951" s="14" t="s">
        <v>28</v>
      </c>
      <c r="G84951" s="16">
        <v>4.7756319397644118</v>
      </c>
    </row>
    <row r="84952" spans="1:7" x14ac:dyDescent="0.3">
      <c r="A84952" s="13" t="s">
        <v>426</v>
      </c>
      <c r="B84952" s="14" t="s">
        <v>1</v>
      </c>
      <c r="C84952" s="14" t="s">
        <v>23</v>
      </c>
      <c r="D84952" s="14" t="s">
        <v>427</v>
      </c>
      <c r="E84952" s="15">
        <v>45648</v>
      </c>
      <c r="F84952" s="14" t="s">
        <v>28</v>
      </c>
      <c r="G84952" s="16">
        <v>4.7756319397644118</v>
      </c>
    </row>
    <row r="84953" spans="1:7" x14ac:dyDescent="0.3">
      <c r="A84953" s="13" t="s">
        <v>426</v>
      </c>
      <c r="B84953" s="14" t="s">
        <v>1</v>
      </c>
      <c r="C84953" s="14" t="s">
        <v>23</v>
      </c>
      <c r="D84953" s="14" t="s">
        <v>427</v>
      </c>
      <c r="E84953" s="15">
        <v>45649</v>
      </c>
      <c r="F84953" s="14" t="s">
        <v>28</v>
      </c>
      <c r="G84953" s="16">
        <v>4.7579944626535617</v>
      </c>
    </row>
    <row r="84954" spans="1:7" x14ac:dyDescent="0.3">
      <c r="A84954" s="13" t="s">
        <v>426</v>
      </c>
      <c r="B84954" s="14" t="s">
        <v>1</v>
      </c>
      <c r="C84954" s="14" t="s">
        <v>23</v>
      </c>
      <c r="D84954" s="14" t="s">
        <v>427</v>
      </c>
      <c r="E84954" s="15">
        <v>45650</v>
      </c>
      <c r="F84954" s="14" t="s">
        <v>28</v>
      </c>
      <c r="G84954" s="16">
        <v>4.8084406588146962</v>
      </c>
    </row>
    <row r="84955" spans="1:7" x14ac:dyDescent="0.3">
      <c r="A84955" s="13" t="s">
        <v>426</v>
      </c>
      <c r="B84955" s="14" t="s">
        <v>1</v>
      </c>
      <c r="C84955" s="14" t="s">
        <v>23</v>
      </c>
      <c r="D84955" s="14" t="s">
        <v>427</v>
      </c>
      <c r="E84955" s="15">
        <v>45651</v>
      </c>
      <c r="F84955" s="14" t="s">
        <v>28</v>
      </c>
      <c r="G84955" s="16">
        <v>4.8084406588146962</v>
      </c>
    </row>
    <row r="84956" spans="1:7" x14ac:dyDescent="0.3">
      <c r="A84956" s="13" t="s">
        <v>426</v>
      </c>
      <c r="B84956" s="14" t="s">
        <v>1</v>
      </c>
      <c r="C84956" s="14" t="s">
        <v>23</v>
      </c>
      <c r="D84956" s="14" t="s">
        <v>427</v>
      </c>
      <c r="E84956" s="15">
        <v>45652</v>
      </c>
      <c r="F84956" s="14" t="s">
        <v>28</v>
      </c>
      <c r="G84956" s="16">
        <v>4.8084406588146962</v>
      </c>
    </row>
    <row r="84957" spans="1:7" x14ac:dyDescent="0.3">
      <c r="A84957" s="13" t="s">
        <v>426</v>
      </c>
      <c r="B84957" s="14" t="s">
        <v>1</v>
      </c>
      <c r="C84957" s="14" t="s">
        <v>23</v>
      </c>
      <c r="D84957" s="14" t="s">
        <v>427</v>
      </c>
      <c r="E84957" s="15">
        <v>45653</v>
      </c>
      <c r="F84957" s="14" t="s">
        <v>28</v>
      </c>
      <c r="G84957" s="16">
        <v>4.8084406588146962</v>
      </c>
    </row>
    <row r="84958" spans="1:7" x14ac:dyDescent="0.3">
      <c r="A84958" s="13" t="s">
        <v>426</v>
      </c>
      <c r="B84958" s="14" t="s">
        <v>1</v>
      </c>
      <c r="C84958" s="14" t="s">
        <v>23</v>
      </c>
      <c r="D84958" s="14" t="s">
        <v>427</v>
      </c>
      <c r="E84958" s="15">
        <v>45654</v>
      </c>
      <c r="F84958" s="14" t="s">
        <v>28</v>
      </c>
      <c r="G84958" s="16">
        <v>4.8084406588146962</v>
      </c>
    </row>
    <row r="84959" spans="1:7" x14ac:dyDescent="0.3">
      <c r="A84959" s="13" t="s">
        <v>426</v>
      </c>
      <c r="B84959" s="14" t="s">
        <v>1</v>
      </c>
      <c r="C84959" s="14" t="s">
        <v>23</v>
      </c>
      <c r="D84959" s="14" t="s">
        <v>427</v>
      </c>
      <c r="E84959" s="15">
        <v>45655</v>
      </c>
      <c r="F84959" s="14" t="s">
        <v>28</v>
      </c>
      <c r="G84959" s="16">
        <v>4.8084406588146962</v>
      </c>
    </row>
    <row r="84960" spans="1:7" x14ac:dyDescent="0.3">
      <c r="A84960" s="13" t="s">
        <v>426</v>
      </c>
      <c r="B84960" s="14" t="s">
        <v>1</v>
      </c>
      <c r="C84960" s="14" t="s">
        <v>23</v>
      </c>
      <c r="D84960" s="14" t="s">
        <v>427</v>
      </c>
      <c r="E84960" s="15">
        <v>45656</v>
      </c>
      <c r="F84960" s="14" t="s">
        <v>28</v>
      </c>
      <c r="G84960" s="16">
        <v>4.8317725389287531</v>
      </c>
    </row>
    <row r="84961" spans="1:7" x14ac:dyDescent="0.3">
      <c r="A84961" s="13" t="s">
        <v>426</v>
      </c>
      <c r="B84961" s="14" t="s">
        <v>1</v>
      </c>
      <c r="C84961" s="14" t="s">
        <v>23</v>
      </c>
      <c r="D84961" s="14" t="s">
        <v>427</v>
      </c>
      <c r="E84961" s="15">
        <v>45657</v>
      </c>
      <c r="F84961" s="14" t="s">
        <v>28</v>
      </c>
      <c r="G84961" s="16">
        <v>4.9602240950843326</v>
      </c>
    </row>
    <row r="84962" spans="1:7" x14ac:dyDescent="0.3">
      <c r="A84962" s="13" t="s">
        <v>426</v>
      </c>
      <c r="B84962" s="14" t="s">
        <v>1</v>
      </c>
      <c r="C84962" s="14" t="s">
        <v>23</v>
      </c>
      <c r="D84962" s="14" t="s">
        <v>427</v>
      </c>
      <c r="E84962" s="15">
        <v>45658</v>
      </c>
      <c r="F84962" s="14" t="s">
        <v>28</v>
      </c>
      <c r="G84962" s="16">
        <v>4.9602240950843326</v>
      </c>
    </row>
    <row r="84963" spans="1:7" x14ac:dyDescent="0.3">
      <c r="A84963" s="13" t="s">
        <v>426</v>
      </c>
      <c r="B84963" s="14" t="s">
        <v>1</v>
      </c>
      <c r="C84963" s="14" t="s">
        <v>23</v>
      </c>
      <c r="D84963" s="14" t="s">
        <v>427</v>
      </c>
      <c r="E84963" s="15">
        <v>45659</v>
      </c>
      <c r="F84963" s="14" t="s">
        <v>28</v>
      </c>
      <c r="G84963" s="16">
        <v>4.9947927358840278</v>
      </c>
    </row>
    <row r="84964" spans="1:7" x14ac:dyDescent="0.3">
      <c r="A84964" s="13" t="s">
        <v>426</v>
      </c>
      <c r="B84964" s="14" t="s">
        <v>1</v>
      </c>
      <c r="C84964" s="14" t="s">
        <v>23</v>
      </c>
      <c r="D84964" s="14" t="s">
        <v>427</v>
      </c>
      <c r="E84964" s="15">
        <v>45660</v>
      </c>
      <c r="F84964" s="14" t="s">
        <v>28</v>
      </c>
      <c r="G84964" s="16">
        <v>5.0187641717331726</v>
      </c>
    </row>
    <row r="84965" spans="1:7" x14ac:dyDescent="0.3">
      <c r="A84965" s="13" t="s">
        <v>426</v>
      </c>
      <c r="B84965" s="14" t="s">
        <v>1</v>
      </c>
      <c r="C84965" s="14" t="s">
        <v>23</v>
      </c>
      <c r="D84965" s="14" t="s">
        <v>427</v>
      </c>
      <c r="E84965" s="15">
        <v>45661</v>
      </c>
      <c r="F84965" s="14" t="s">
        <v>28</v>
      </c>
      <c r="G84965" s="16">
        <v>5.0187641717331726</v>
      </c>
    </row>
    <row r="84966" spans="1:7" x14ac:dyDescent="0.3">
      <c r="A84966" s="13" t="s">
        <v>426</v>
      </c>
      <c r="B84966" s="14" t="s">
        <v>1</v>
      </c>
      <c r="C84966" s="14" t="s">
        <v>23</v>
      </c>
      <c r="D84966" s="14" t="s">
        <v>427</v>
      </c>
      <c r="E84966" s="15">
        <v>45662</v>
      </c>
      <c r="F84966" s="14" t="s">
        <v>28</v>
      </c>
      <c r="G84966" s="16">
        <v>5.0187641717331726</v>
      </c>
    </row>
    <row r="84967" spans="1:7" x14ac:dyDescent="0.3">
      <c r="A84967" s="13" t="s">
        <v>426</v>
      </c>
      <c r="B84967" s="14" t="s">
        <v>1</v>
      </c>
      <c r="C84967" s="14" t="s">
        <v>23</v>
      </c>
      <c r="D84967" s="14" t="s">
        <v>427</v>
      </c>
      <c r="E84967" s="15">
        <v>45663</v>
      </c>
      <c r="F84967" s="14" t="s">
        <v>28</v>
      </c>
      <c r="G84967" s="16">
        <v>5.0134490316061546</v>
      </c>
    </row>
    <row r="84968" spans="1:7" x14ac:dyDescent="0.3">
      <c r="A84968" s="13" t="s">
        <v>426</v>
      </c>
      <c r="B84968" s="14" t="s">
        <v>1</v>
      </c>
      <c r="C84968" s="14" t="s">
        <v>23</v>
      </c>
      <c r="D84968" s="14" t="s">
        <v>427</v>
      </c>
      <c r="E84968" s="15">
        <v>45664</v>
      </c>
      <c r="F84968" s="14" t="s">
        <v>28</v>
      </c>
      <c r="G84968" s="16">
        <v>5.0682744974618492</v>
      </c>
    </row>
    <row r="84969" spans="1:7" x14ac:dyDescent="0.3">
      <c r="A84969" s="13" t="s">
        <v>426</v>
      </c>
      <c r="B84969" s="14" t="s">
        <v>1</v>
      </c>
      <c r="C84969" s="14" t="s">
        <v>23</v>
      </c>
      <c r="D84969" s="14" t="s">
        <v>427</v>
      </c>
      <c r="E84969" s="15">
        <v>45665</v>
      </c>
      <c r="F84969" s="14" t="s">
        <v>28</v>
      </c>
      <c r="G84969" s="16">
        <v>5.1022135370706119</v>
      </c>
    </row>
    <row r="84970" spans="1:7" x14ac:dyDescent="0.3">
      <c r="A84970" s="13" t="s">
        <v>426</v>
      </c>
      <c r="B84970" s="14" t="s">
        <v>1</v>
      </c>
      <c r="C84970" s="14" t="s">
        <v>23</v>
      </c>
      <c r="D84970" s="14" t="s">
        <v>427</v>
      </c>
      <c r="E84970" s="15">
        <v>45666</v>
      </c>
      <c r="F84970" s="14" t="s">
        <v>28</v>
      </c>
      <c r="G84970" s="16">
        <v>5.1022135370706119</v>
      </c>
    </row>
    <row r="84971" spans="1:7" x14ac:dyDescent="0.3">
      <c r="A84971" s="13" t="s">
        <v>426</v>
      </c>
      <c r="B84971" s="14" t="s">
        <v>1</v>
      </c>
      <c r="C84971" s="14" t="s">
        <v>23</v>
      </c>
      <c r="D84971" s="14" t="s">
        <v>427</v>
      </c>
      <c r="E84971" s="15">
        <v>45667</v>
      </c>
      <c r="F84971" s="14" t="s">
        <v>28</v>
      </c>
      <c r="G84971" s="16">
        <v>5.1407495826713445</v>
      </c>
    </row>
    <row r="84972" spans="1:7" x14ac:dyDescent="0.3">
      <c r="A84972" s="13" t="s">
        <v>426</v>
      </c>
      <c r="B84972" s="14" t="s">
        <v>1</v>
      </c>
      <c r="C84972" s="14" t="s">
        <v>23</v>
      </c>
      <c r="D84972" s="14" t="s">
        <v>427</v>
      </c>
      <c r="E84972" s="15">
        <v>45668</v>
      </c>
      <c r="F84972" s="14" t="s">
        <v>28</v>
      </c>
      <c r="G84972" s="16">
        <v>5.1407495826713445</v>
      </c>
    </row>
    <row r="84973" spans="1:7" x14ac:dyDescent="0.3">
      <c r="A84973" s="13" t="s">
        <v>426</v>
      </c>
      <c r="B84973" s="14" t="s">
        <v>1</v>
      </c>
      <c r="C84973" s="14" t="s">
        <v>23</v>
      </c>
      <c r="D84973" s="14" t="s">
        <v>427</v>
      </c>
      <c r="E84973" s="15">
        <v>45669</v>
      </c>
      <c r="F84973" s="14" t="s">
        <v>28</v>
      </c>
      <c r="G84973" s="16">
        <v>5.1407495826713445</v>
      </c>
    </row>
    <row r="84974" spans="1:7" x14ac:dyDescent="0.3">
      <c r="A84974" s="13" t="s">
        <v>426</v>
      </c>
      <c r="B84974" s="14" t="s">
        <v>1</v>
      </c>
      <c r="C84974" s="14" t="s">
        <v>23</v>
      </c>
      <c r="D84974" s="14" t="s">
        <v>427</v>
      </c>
      <c r="E84974" s="15">
        <v>45670</v>
      </c>
      <c r="F84974" s="14" t="s">
        <v>28</v>
      </c>
      <c r="G84974" s="16">
        <v>5.172021259777706</v>
      </c>
    </row>
    <row r="84975" spans="1:7" x14ac:dyDescent="0.3">
      <c r="A84975" s="13" t="s">
        <v>426</v>
      </c>
      <c r="B84975" s="14" t="s">
        <v>1</v>
      </c>
      <c r="C84975" s="14" t="s">
        <v>23</v>
      </c>
      <c r="D84975" s="14" t="s">
        <v>427</v>
      </c>
      <c r="E84975" s="15">
        <v>45671</v>
      </c>
      <c r="F84975" s="14" t="s">
        <v>28</v>
      </c>
      <c r="G84975" s="16">
        <v>5.2095520704073106</v>
      </c>
    </row>
    <row r="84976" spans="1:7" x14ac:dyDescent="0.3">
      <c r="A84976" s="13" t="s">
        <v>426</v>
      </c>
      <c r="B84976" s="14" t="s">
        <v>1</v>
      </c>
      <c r="C84976" s="14" t="s">
        <v>23</v>
      </c>
      <c r="D84976" s="14" t="s">
        <v>427</v>
      </c>
      <c r="E84976" s="15">
        <v>45672</v>
      </c>
      <c r="F84976" s="14" t="s">
        <v>28</v>
      </c>
      <c r="G84976" s="16">
        <v>5.2306427907417987</v>
      </c>
    </row>
    <row r="84977" spans="1:7" x14ac:dyDescent="0.3">
      <c r="A84977" s="13" t="s">
        <v>426</v>
      </c>
      <c r="B84977" s="14" t="s">
        <v>1</v>
      </c>
      <c r="C84977" s="14" t="s">
        <v>23</v>
      </c>
      <c r="D84977" s="14" t="s">
        <v>427</v>
      </c>
      <c r="E84977" s="15">
        <v>45673</v>
      </c>
      <c r="F84977" s="14" t="s">
        <v>28</v>
      </c>
      <c r="G84977" s="16">
        <v>5.2467546604271016</v>
      </c>
    </row>
    <row r="84978" spans="1:7" x14ac:dyDescent="0.3">
      <c r="A84978" s="13" t="s">
        <v>426</v>
      </c>
      <c r="B84978" s="14" t="s">
        <v>1</v>
      </c>
      <c r="C84978" s="14" t="s">
        <v>23</v>
      </c>
      <c r="D84978" s="14" t="s">
        <v>427</v>
      </c>
      <c r="E84978" s="15">
        <v>45674</v>
      </c>
      <c r="F84978" s="14" t="s">
        <v>28</v>
      </c>
      <c r="G84978" s="16">
        <v>5.2694473823261676</v>
      </c>
    </row>
    <row r="84979" spans="1:7" x14ac:dyDescent="0.3">
      <c r="A84979" s="13" t="s">
        <v>426</v>
      </c>
      <c r="B84979" s="14" t="s">
        <v>1</v>
      </c>
      <c r="C84979" s="14" t="s">
        <v>23</v>
      </c>
      <c r="D84979" s="14" t="s">
        <v>427</v>
      </c>
      <c r="E84979" s="15">
        <v>45675</v>
      </c>
      <c r="F84979" s="14" t="s">
        <v>28</v>
      </c>
      <c r="G84979" s="16">
        <v>5.2694473823261676</v>
      </c>
    </row>
    <row r="84980" spans="1:7" x14ac:dyDescent="0.3">
      <c r="A84980" s="13" t="s">
        <v>426</v>
      </c>
      <c r="B84980" s="14" t="s">
        <v>1</v>
      </c>
      <c r="C84980" s="14" t="s">
        <v>23</v>
      </c>
      <c r="D84980" s="14" t="s">
        <v>427</v>
      </c>
      <c r="E84980" s="15">
        <v>45676</v>
      </c>
      <c r="F84980" s="14" t="s">
        <v>28</v>
      </c>
      <c r="G84980" s="16">
        <v>5.2694473823261676</v>
      </c>
    </row>
    <row r="84981" spans="1:7" x14ac:dyDescent="0.3">
      <c r="A84981" s="13" t="s">
        <v>426</v>
      </c>
      <c r="B84981" s="14" t="s">
        <v>1</v>
      </c>
      <c r="C84981" s="14" t="s">
        <v>23</v>
      </c>
      <c r="D84981" s="14" t="s">
        <v>427</v>
      </c>
      <c r="E84981" s="15">
        <v>45677</v>
      </c>
      <c r="F84981" s="14" t="s">
        <v>28</v>
      </c>
      <c r="G84981" s="16">
        <v>5.2694473823261676</v>
      </c>
    </row>
    <row r="84982" spans="1:7" x14ac:dyDescent="0.3">
      <c r="A84982" s="13" t="s">
        <v>426</v>
      </c>
      <c r="B84982" s="14" t="s">
        <v>1</v>
      </c>
      <c r="C84982" s="14" t="s">
        <v>23</v>
      </c>
      <c r="D84982" s="14" t="s">
        <v>427</v>
      </c>
      <c r="E84982" s="15">
        <v>45678</v>
      </c>
      <c r="F84982" s="14" t="s">
        <v>28</v>
      </c>
      <c r="G84982" s="16">
        <v>5.2199291163490109</v>
      </c>
    </row>
    <row r="84983" spans="1:7" x14ac:dyDescent="0.3">
      <c r="A84983" s="13" t="s">
        <v>426</v>
      </c>
      <c r="B84983" s="14" t="s">
        <v>1</v>
      </c>
      <c r="C84983" s="14" t="s">
        <v>23</v>
      </c>
      <c r="D84983" s="14" t="s">
        <v>427</v>
      </c>
      <c r="E84983" s="15">
        <v>45679</v>
      </c>
      <c r="F84983" s="14" t="s">
        <v>28</v>
      </c>
      <c r="G84983" s="16">
        <v>5.298933229636086</v>
      </c>
    </row>
    <row r="84984" spans="1:7" x14ac:dyDescent="0.3">
      <c r="A84984" s="13" t="s">
        <v>426</v>
      </c>
      <c r="B84984" s="14" t="s">
        <v>1</v>
      </c>
      <c r="C84984" s="14" t="s">
        <v>23</v>
      </c>
      <c r="D84984" s="14" t="s">
        <v>427</v>
      </c>
      <c r="E84984" s="15">
        <v>45680</v>
      </c>
      <c r="F84984" s="14" t="s">
        <v>28</v>
      </c>
      <c r="G84984" s="16">
        <v>5.3152442385517356</v>
      </c>
    </row>
    <row r="84985" spans="1:7" x14ac:dyDescent="0.3">
      <c r="A84985" s="13" t="s">
        <v>426</v>
      </c>
      <c r="B84985" s="14" t="s">
        <v>1</v>
      </c>
      <c r="C84985" s="14" t="s">
        <v>23</v>
      </c>
      <c r="D84985" s="14" t="s">
        <v>427</v>
      </c>
      <c r="E84985" s="15">
        <v>45681</v>
      </c>
      <c r="F84985" s="14" t="s">
        <v>28</v>
      </c>
      <c r="G84985" s="16">
        <v>5.2941836139907092</v>
      </c>
    </row>
    <row r="84986" spans="1:7" x14ac:dyDescent="0.3">
      <c r="A84986" s="13" t="s">
        <v>426</v>
      </c>
      <c r="B84986" s="14" t="s">
        <v>1</v>
      </c>
      <c r="C84986" s="14" t="s">
        <v>23</v>
      </c>
      <c r="D84986" s="14" t="s">
        <v>427</v>
      </c>
      <c r="E84986" s="15">
        <v>45682</v>
      </c>
      <c r="F84986" s="14" t="s">
        <v>28</v>
      </c>
      <c r="G84986" s="16">
        <v>5.2941836139907092</v>
      </c>
    </row>
    <row r="84987" spans="1:7" x14ac:dyDescent="0.3">
      <c r="A84987" s="13" t="s">
        <v>426</v>
      </c>
      <c r="B84987" s="14" t="s">
        <v>1</v>
      </c>
      <c r="C84987" s="14" t="s">
        <v>23</v>
      </c>
      <c r="D84987" s="14" t="s">
        <v>427</v>
      </c>
      <c r="E84987" s="15">
        <v>45683</v>
      </c>
      <c r="F84987" s="14" t="s">
        <v>28</v>
      </c>
      <c r="G84987" s="16">
        <v>5.2941836139907092</v>
      </c>
    </row>
    <row r="84988" spans="1:7" x14ac:dyDescent="0.3">
      <c r="A84988" s="13" t="s">
        <v>426</v>
      </c>
      <c r="B84988" s="14" t="s">
        <v>1</v>
      </c>
      <c r="C84988" s="14" t="s">
        <v>23</v>
      </c>
      <c r="D84988" s="14" t="s">
        <v>427</v>
      </c>
      <c r="E84988" s="15">
        <v>45684</v>
      </c>
      <c r="F84988" s="14" t="s">
        <v>28</v>
      </c>
      <c r="G84988" s="16">
        <v>5.3054110647753836</v>
      </c>
    </row>
    <row r="84989" spans="1:7" x14ac:dyDescent="0.3">
      <c r="A84989" s="13" t="s">
        <v>426</v>
      </c>
      <c r="B84989" s="14" t="s">
        <v>1</v>
      </c>
      <c r="C84989" s="14" t="s">
        <v>23</v>
      </c>
      <c r="D84989" s="14" t="s">
        <v>427</v>
      </c>
      <c r="E84989" s="15">
        <v>45685</v>
      </c>
      <c r="F84989" s="14" t="s">
        <v>28</v>
      </c>
      <c r="G84989" s="16">
        <v>5.3836351829989848</v>
      </c>
    </row>
    <row r="84990" spans="1:7" x14ac:dyDescent="0.3">
      <c r="A84990" s="13" t="s">
        <v>426</v>
      </c>
      <c r="B84990" s="14" t="s">
        <v>1</v>
      </c>
      <c r="C84990" s="14" t="s">
        <v>23</v>
      </c>
      <c r="D84990" s="14" t="s">
        <v>427</v>
      </c>
      <c r="E84990" s="15">
        <v>45686</v>
      </c>
      <c r="F84990" s="14" t="s">
        <v>28</v>
      </c>
      <c r="G84990" s="16">
        <v>5.3932495193057921</v>
      </c>
    </row>
    <row r="84991" spans="1:7" x14ac:dyDescent="0.3">
      <c r="A84991" s="13" t="s">
        <v>426</v>
      </c>
      <c r="B84991" s="14" t="s">
        <v>1</v>
      </c>
      <c r="C84991" s="14" t="s">
        <v>23</v>
      </c>
      <c r="D84991" s="14" t="s">
        <v>427</v>
      </c>
      <c r="E84991" s="15">
        <v>45687</v>
      </c>
      <c r="F84991" s="14" t="s">
        <v>28</v>
      </c>
      <c r="G84991" s="16">
        <v>5.4268776921529334</v>
      </c>
    </row>
    <row r="84992" spans="1:7" x14ac:dyDescent="0.3">
      <c r="A84992" s="13" t="s">
        <v>426</v>
      </c>
      <c r="B84992" s="14" t="s">
        <v>1</v>
      </c>
      <c r="C84992" s="14" t="s">
        <v>23</v>
      </c>
      <c r="D84992" s="14" t="s">
        <v>427</v>
      </c>
      <c r="E84992" s="15">
        <v>45688</v>
      </c>
      <c r="F84992" s="14" t="s">
        <v>28</v>
      </c>
      <c r="G84992" s="16">
        <v>5.4644830852177284</v>
      </c>
    </row>
    <row r="84993" spans="1:7" x14ac:dyDescent="0.3">
      <c r="A84993" s="13" t="s">
        <v>426</v>
      </c>
      <c r="B84993" s="14" t="s">
        <v>1</v>
      </c>
      <c r="C84993" s="14" t="s">
        <v>23</v>
      </c>
      <c r="D84993" s="14" t="s">
        <v>427</v>
      </c>
      <c r="E84993" s="15">
        <v>45689</v>
      </c>
      <c r="F84993" s="14" t="s">
        <v>28</v>
      </c>
      <c r="G84993" s="16">
        <v>5.4644830852177284</v>
      </c>
    </row>
    <row r="84994" spans="1:7" x14ac:dyDescent="0.3">
      <c r="A84994" s="13" t="s">
        <v>426</v>
      </c>
      <c r="B84994" s="14" t="s">
        <v>1</v>
      </c>
      <c r="C84994" s="14" t="s">
        <v>23</v>
      </c>
      <c r="D84994" s="14" t="s">
        <v>427</v>
      </c>
      <c r="E84994" s="15">
        <v>45690</v>
      </c>
      <c r="F84994" s="14" t="s">
        <v>28</v>
      </c>
      <c r="G84994" s="16">
        <v>5.4644830852177284</v>
      </c>
    </row>
    <row r="84995" spans="1:7" x14ac:dyDescent="0.3">
      <c r="A84995" s="13" t="s">
        <v>426</v>
      </c>
      <c r="B84995" s="14" t="s">
        <v>1</v>
      </c>
      <c r="C84995" s="14" t="s">
        <v>23</v>
      </c>
      <c r="D84995" s="14" t="s">
        <v>427</v>
      </c>
      <c r="E84995" s="15">
        <v>45691</v>
      </c>
      <c r="F84995" s="14" t="s">
        <v>28</v>
      </c>
      <c r="G84995" s="16">
        <v>5.4644830852177284</v>
      </c>
    </row>
    <row r="84996" spans="1:7" x14ac:dyDescent="0.3">
      <c r="A84996" s="13" t="s">
        <v>426</v>
      </c>
      <c r="B84996" s="14" t="s">
        <v>1</v>
      </c>
      <c r="C84996" s="14" t="s">
        <v>23</v>
      </c>
      <c r="D84996" s="14" t="s">
        <v>427</v>
      </c>
      <c r="E84996" s="15">
        <v>45692</v>
      </c>
      <c r="F84996" s="14" t="s">
        <v>28</v>
      </c>
      <c r="G84996" s="16">
        <v>5.4512334368102886</v>
      </c>
    </row>
    <row r="84997" spans="1:7" x14ac:dyDescent="0.3">
      <c r="A84997" s="13" t="s">
        <v>426</v>
      </c>
      <c r="B84997" s="14" t="s">
        <v>1</v>
      </c>
      <c r="C84997" s="14" t="s">
        <v>23</v>
      </c>
      <c r="D84997" s="14" t="s">
        <v>427</v>
      </c>
      <c r="E84997" s="15">
        <v>45693</v>
      </c>
      <c r="F84997" s="14" t="s">
        <v>28</v>
      </c>
      <c r="G84997" s="16">
        <v>5.4966222229536257</v>
      </c>
    </row>
    <row r="84998" spans="1:7" x14ac:dyDescent="0.3">
      <c r="A84998" s="13" t="s">
        <v>426</v>
      </c>
      <c r="B84998" s="14" t="s">
        <v>1</v>
      </c>
      <c r="C84998" s="14" t="s">
        <v>23</v>
      </c>
      <c r="D84998" s="14" t="s">
        <v>427</v>
      </c>
      <c r="E84998" s="15">
        <v>45694</v>
      </c>
      <c r="F84998" s="14" t="s">
        <v>28</v>
      </c>
      <c r="G84998" s="16">
        <v>5.5210276659996955</v>
      </c>
    </row>
    <row r="84999" spans="1:7" x14ac:dyDescent="0.3">
      <c r="A84999" s="13" t="s">
        <v>426</v>
      </c>
      <c r="B84999" s="14" t="s">
        <v>1</v>
      </c>
      <c r="C84999" s="14" t="s">
        <v>23</v>
      </c>
      <c r="D84999" s="14" t="s">
        <v>427</v>
      </c>
      <c r="E84999" s="15">
        <v>45695</v>
      </c>
      <c r="F84999" s="14" t="s">
        <v>28</v>
      </c>
      <c r="G84999" s="16">
        <v>5.5546259738272221</v>
      </c>
    </row>
    <row r="85000" spans="1:7" x14ac:dyDescent="0.3">
      <c r="A85000" s="13" t="s">
        <v>426</v>
      </c>
      <c r="B85000" s="14" t="s">
        <v>1</v>
      </c>
      <c r="C85000" s="14" t="s">
        <v>23</v>
      </c>
      <c r="D85000" s="14" t="s">
        <v>427</v>
      </c>
      <c r="E85000" s="15">
        <v>45696</v>
      </c>
      <c r="F85000" s="14" t="s">
        <v>28</v>
      </c>
      <c r="G85000" s="16">
        <v>5.5546259738272221</v>
      </c>
    </row>
    <row r="85001" spans="1:7" x14ac:dyDescent="0.3">
      <c r="A85001" s="13" t="s">
        <v>426</v>
      </c>
      <c r="B85001" s="14" t="s">
        <v>1</v>
      </c>
      <c r="C85001" s="14" t="s">
        <v>23</v>
      </c>
      <c r="D85001" s="14" t="s">
        <v>427</v>
      </c>
      <c r="E85001" s="15">
        <v>45697</v>
      </c>
      <c r="F85001" s="14" t="s">
        <v>28</v>
      </c>
      <c r="G85001" s="16">
        <v>5.5546259738272221</v>
      </c>
    </row>
    <row r="85002" spans="1:7" x14ac:dyDescent="0.3">
      <c r="A85002" s="13" t="s">
        <v>426</v>
      </c>
      <c r="B85002" s="14" t="s">
        <v>1</v>
      </c>
      <c r="C85002" s="14" t="s">
        <v>23</v>
      </c>
      <c r="D85002" s="14" t="s">
        <v>427</v>
      </c>
      <c r="E85002" s="15">
        <v>45698</v>
      </c>
      <c r="F85002" s="14" t="s">
        <v>28</v>
      </c>
      <c r="G85002" s="16">
        <v>5.5841151366238853</v>
      </c>
    </row>
    <row r="85003" spans="1:7" x14ac:dyDescent="0.3">
      <c r="A85003" s="13" t="s">
        <v>426</v>
      </c>
      <c r="B85003" s="14" t="s">
        <v>1</v>
      </c>
      <c r="C85003" s="14" t="s">
        <v>23</v>
      </c>
      <c r="D85003" s="14" t="s">
        <v>427</v>
      </c>
      <c r="E85003" s="15">
        <v>45699</v>
      </c>
      <c r="F85003" s="14" t="s">
        <v>28</v>
      </c>
      <c r="G85003" s="16">
        <v>5.6247469913782862</v>
      </c>
    </row>
    <row r="85004" spans="1:7" x14ac:dyDescent="0.3">
      <c r="A85004" s="13" t="s">
        <v>426</v>
      </c>
      <c r="B85004" s="14" t="s">
        <v>1</v>
      </c>
      <c r="C85004" s="14" t="s">
        <v>23</v>
      </c>
      <c r="D85004" s="14" t="s">
        <v>427</v>
      </c>
      <c r="E85004" s="15">
        <v>45700</v>
      </c>
      <c r="F85004" s="14" t="s">
        <v>28</v>
      </c>
      <c r="G85004" s="16">
        <v>5.6402981818790217</v>
      </c>
    </row>
    <row r="85005" spans="1:7" x14ac:dyDescent="0.3">
      <c r="A85005" s="13" t="s">
        <v>426</v>
      </c>
      <c r="B85005" s="14" t="s">
        <v>1</v>
      </c>
      <c r="C85005" s="14" t="s">
        <v>23</v>
      </c>
      <c r="D85005" s="14" t="s">
        <v>427</v>
      </c>
      <c r="E85005" s="15">
        <v>45701</v>
      </c>
      <c r="F85005" s="14" t="s">
        <v>28</v>
      </c>
      <c r="G85005" s="16">
        <v>5.6191111082053382</v>
      </c>
    </row>
    <row r="85006" spans="1:7" x14ac:dyDescent="0.3">
      <c r="A85006" s="13" t="s">
        <v>426</v>
      </c>
      <c r="B85006" s="14" t="s">
        <v>1</v>
      </c>
      <c r="C85006" s="14" t="s">
        <v>23</v>
      </c>
      <c r="D85006" s="14" t="s">
        <v>427</v>
      </c>
      <c r="E85006" s="15">
        <v>45702</v>
      </c>
      <c r="F85006" s="14" t="s">
        <v>28</v>
      </c>
      <c r="G85006" s="16">
        <v>5.6198263998409015</v>
      </c>
    </row>
    <row r="85007" spans="1:7" x14ac:dyDescent="0.3">
      <c r="A85007" s="13" t="s">
        <v>426</v>
      </c>
      <c r="B85007" s="14" t="s">
        <v>1</v>
      </c>
      <c r="C85007" s="14" t="s">
        <v>23</v>
      </c>
      <c r="D85007" s="14" t="s">
        <v>427</v>
      </c>
      <c r="E85007" s="15">
        <v>45703</v>
      </c>
      <c r="F85007" s="14" t="s">
        <v>28</v>
      </c>
      <c r="G85007" s="16">
        <v>5.6198263998409015</v>
      </c>
    </row>
    <row r="85008" spans="1:7" x14ac:dyDescent="0.3">
      <c r="A85008" s="13" t="s">
        <v>426</v>
      </c>
      <c r="B85008" s="14" t="s">
        <v>1</v>
      </c>
      <c r="C85008" s="14" t="s">
        <v>23</v>
      </c>
      <c r="D85008" s="14" t="s">
        <v>427</v>
      </c>
      <c r="E85008" s="15">
        <v>45704</v>
      </c>
      <c r="F85008" s="14" t="s">
        <v>28</v>
      </c>
      <c r="G85008" s="16">
        <v>5.6198263998409015</v>
      </c>
    </row>
    <row r="85009" spans="1:7" x14ac:dyDescent="0.3">
      <c r="A85009" s="13" t="s">
        <v>426</v>
      </c>
      <c r="B85009" s="14" t="s">
        <v>1</v>
      </c>
      <c r="C85009" s="14" t="s">
        <v>23</v>
      </c>
      <c r="D85009" s="14" t="s">
        <v>427</v>
      </c>
      <c r="E85009" s="15">
        <v>45705</v>
      </c>
      <c r="F85009" s="14" t="s">
        <v>28</v>
      </c>
      <c r="G85009" s="16">
        <v>5.6198263998409015</v>
      </c>
    </row>
    <row r="85010" spans="1:7" x14ac:dyDescent="0.3">
      <c r="A85010" s="13" t="s">
        <v>426</v>
      </c>
      <c r="B85010" s="14" t="s">
        <v>1</v>
      </c>
      <c r="C85010" s="14" t="s">
        <v>23</v>
      </c>
      <c r="D85010" s="14" t="s">
        <v>427</v>
      </c>
      <c r="E85010" s="15">
        <v>45706</v>
      </c>
      <c r="F85010" s="14" t="s">
        <v>28</v>
      </c>
      <c r="G85010" s="16">
        <v>5.6482259253173943</v>
      </c>
    </row>
    <row r="85011" spans="1:7" x14ac:dyDescent="0.3">
      <c r="A85011" s="13" t="s">
        <v>426</v>
      </c>
      <c r="B85011" s="14" t="s">
        <v>1</v>
      </c>
      <c r="C85011" s="14" t="s">
        <v>23</v>
      </c>
      <c r="D85011" s="14" t="s">
        <v>427</v>
      </c>
      <c r="E85011" s="15">
        <v>45707</v>
      </c>
      <c r="F85011" s="14" t="s">
        <v>28</v>
      </c>
      <c r="G85011" s="16">
        <v>5.7178398257611711</v>
      </c>
    </row>
    <row r="85012" spans="1:7" x14ac:dyDescent="0.3">
      <c r="A85012" s="13" t="s">
        <v>426</v>
      </c>
      <c r="B85012" s="14" t="s">
        <v>1</v>
      </c>
      <c r="C85012" s="14" t="s">
        <v>23</v>
      </c>
      <c r="D85012" s="14" t="s">
        <v>427</v>
      </c>
      <c r="E85012" s="15">
        <v>45708</v>
      </c>
      <c r="F85012" s="14" t="s">
        <v>28</v>
      </c>
      <c r="G85012" s="16">
        <v>5.6960314358676136</v>
      </c>
    </row>
    <row r="85013" spans="1:7" x14ac:dyDescent="0.3">
      <c r="A85013" s="13" t="s">
        <v>426</v>
      </c>
      <c r="B85013" s="14" t="s">
        <v>1</v>
      </c>
      <c r="C85013" s="14" t="s">
        <v>23</v>
      </c>
      <c r="D85013" s="14" t="s">
        <v>427</v>
      </c>
      <c r="E85013" s="15">
        <v>45709</v>
      </c>
      <c r="F85013" s="14" t="s">
        <v>28</v>
      </c>
      <c r="G85013" s="16">
        <v>5.7183009833831511</v>
      </c>
    </row>
    <row r="85014" spans="1:7" x14ac:dyDescent="0.3">
      <c r="A85014" s="13" t="s">
        <v>426</v>
      </c>
      <c r="B85014" s="14" t="s">
        <v>1</v>
      </c>
      <c r="C85014" s="14" t="s">
        <v>23</v>
      </c>
      <c r="D85014" s="14" t="s">
        <v>427</v>
      </c>
      <c r="E85014" s="15">
        <v>45710</v>
      </c>
      <c r="F85014" s="14" t="s">
        <v>28</v>
      </c>
      <c r="G85014" s="16">
        <v>5.7183009833831511</v>
      </c>
    </row>
    <row r="85015" spans="1:7" x14ac:dyDescent="0.3">
      <c r="A85015" s="13" t="s">
        <v>426</v>
      </c>
      <c r="B85015" s="14" t="s">
        <v>1</v>
      </c>
      <c r="C85015" s="14" t="s">
        <v>23</v>
      </c>
      <c r="D85015" s="14" t="s">
        <v>427</v>
      </c>
      <c r="E85015" s="15">
        <v>45711</v>
      </c>
      <c r="F85015" s="14" t="s">
        <v>28</v>
      </c>
      <c r="G85015" s="16">
        <v>5.7183009833831511</v>
      </c>
    </row>
    <row r="85016" spans="1:7" x14ac:dyDescent="0.3">
      <c r="A85016" s="13" t="s">
        <v>426</v>
      </c>
      <c r="B85016" s="14" t="s">
        <v>1</v>
      </c>
      <c r="C85016" s="14" t="s">
        <v>23</v>
      </c>
      <c r="D85016" s="14" t="s">
        <v>427</v>
      </c>
      <c r="E85016" s="15">
        <v>45712</v>
      </c>
      <c r="F85016" s="14" t="s">
        <v>28</v>
      </c>
      <c r="G85016" s="16">
        <v>5.7411458594013896</v>
      </c>
    </row>
    <row r="85017" spans="1:7" x14ac:dyDescent="0.3">
      <c r="A85017" s="13" t="s">
        <v>426</v>
      </c>
      <c r="B85017" s="14" t="s">
        <v>1</v>
      </c>
      <c r="C85017" s="14" t="s">
        <v>23</v>
      </c>
      <c r="D85017" s="14" t="s">
        <v>427</v>
      </c>
      <c r="E85017" s="15">
        <v>45713</v>
      </c>
      <c r="F85017" s="14" t="s">
        <v>28</v>
      </c>
      <c r="G85017" s="16">
        <v>5.7794507216702602</v>
      </c>
    </row>
    <row r="85018" spans="1:7" x14ac:dyDescent="0.3">
      <c r="A85018" s="13" t="s">
        <v>426</v>
      </c>
      <c r="B85018" s="14" t="s">
        <v>1</v>
      </c>
      <c r="C85018" s="14" t="s">
        <v>23</v>
      </c>
      <c r="D85018" s="14" t="s">
        <v>427</v>
      </c>
      <c r="E85018" s="15">
        <v>45714</v>
      </c>
      <c r="F85018" s="14" t="s">
        <v>28</v>
      </c>
      <c r="G85018" s="16">
        <v>5.8050344148330968</v>
      </c>
    </row>
    <row r="85019" spans="1:7" x14ac:dyDescent="0.3">
      <c r="A85019" s="13" t="s">
        <v>426</v>
      </c>
      <c r="B85019" s="14" t="s">
        <v>1</v>
      </c>
      <c r="C85019" s="14" t="s">
        <v>23</v>
      </c>
      <c r="D85019" s="14" t="s">
        <v>427</v>
      </c>
      <c r="E85019" s="15">
        <v>45715</v>
      </c>
      <c r="F85019" s="14" t="s">
        <v>28</v>
      </c>
      <c r="G85019" s="16">
        <v>5.8677321261167243</v>
      </c>
    </row>
    <row r="85020" spans="1:7" x14ac:dyDescent="0.3">
      <c r="A85020" s="13" t="s">
        <v>426</v>
      </c>
      <c r="B85020" s="14" t="s">
        <v>1</v>
      </c>
      <c r="C85020" s="14" t="s">
        <v>23</v>
      </c>
      <c r="D85020" s="14" t="s">
        <v>427</v>
      </c>
      <c r="E85020" s="15">
        <v>45716</v>
      </c>
      <c r="F85020" s="14" t="s">
        <v>28</v>
      </c>
      <c r="G85020" s="16">
        <v>5.8949107472171614</v>
      </c>
    </row>
    <row r="85021" spans="1:7" x14ac:dyDescent="0.3">
      <c r="A85021" s="13" t="s">
        <v>426</v>
      </c>
      <c r="B85021" s="14" t="s">
        <v>1</v>
      </c>
      <c r="C85021" s="14" t="s">
        <v>23</v>
      </c>
      <c r="D85021" s="14" t="s">
        <v>427</v>
      </c>
      <c r="E85021" s="15">
        <v>45717</v>
      </c>
      <c r="F85021" s="14" t="s">
        <v>28</v>
      </c>
      <c r="G85021" s="16">
        <v>0</v>
      </c>
    </row>
    <row r="85022" spans="1:7" x14ac:dyDescent="0.3">
      <c r="A85022" s="13" t="s">
        <v>426</v>
      </c>
      <c r="B85022" s="14" t="s">
        <v>1</v>
      </c>
      <c r="C85022" s="14" t="s">
        <v>23</v>
      </c>
      <c r="D85022" s="14" t="s">
        <v>427</v>
      </c>
      <c r="E85022" s="15">
        <v>45718</v>
      </c>
      <c r="F85022" s="14" t="s">
        <v>28</v>
      </c>
      <c r="G85022" s="16">
        <v>0</v>
      </c>
    </row>
    <row r="85023" spans="1:7" x14ac:dyDescent="0.3">
      <c r="A85023" s="13" t="s">
        <v>426</v>
      </c>
      <c r="B85023" s="14" t="s">
        <v>1</v>
      </c>
      <c r="C85023" s="14" t="s">
        <v>23</v>
      </c>
      <c r="D85023" s="14" t="s">
        <v>427</v>
      </c>
      <c r="E85023" s="15">
        <v>45719</v>
      </c>
      <c r="F85023" s="14" t="s">
        <v>28</v>
      </c>
      <c r="G85023" s="16">
        <v>0</v>
      </c>
    </row>
    <row r="85024" spans="1:7" x14ac:dyDescent="0.3">
      <c r="A85024" s="13" t="s">
        <v>426</v>
      </c>
      <c r="B85024" s="14" t="s">
        <v>1</v>
      </c>
      <c r="C85024" s="14" t="s">
        <v>23</v>
      </c>
      <c r="D85024" s="14" t="s">
        <v>427</v>
      </c>
      <c r="E85024" s="15">
        <v>45720</v>
      </c>
      <c r="F85024" s="14" t="s">
        <v>28</v>
      </c>
      <c r="G85024" s="16">
        <v>0</v>
      </c>
    </row>
    <row r="85025" spans="1:7" x14ac:dyDescent="0.3">
      <c r="A85025" s="13" t="s">
        <v>426</v>
      </c>
      <c r="B85025" s="14" t="s">
        <v>1</v>
      </c>
      <c r="C85025" s="14" t="s">
        <v>23</v>
      </c>
      <c r="D85025" s="14" t="s">
        <v>427</v>
      </c>
      <c r="E85025" s="15">
        <v>45721</v>
      </c>
      <c r="F85025" s="14" t="s">
        <v>28</v>
      </c>
      <c r="G85025" s="16">
        <v>0</v>
      </c>
    </row>
    <row r="85026" spans="1:7" x14ac:dyDescent="0.3">
      <c r="A85026" s="13" t="s">
        <v>426</v>
      </c>
      <c r="B85026" s="14" t="s">
        <v>1</v>
      </c>
      <c r="C85026" s="14" t="s">
        <v>23</v>
      </c>
      <c r="D85026" s="14" t="s">
        <v>427</v>
      </c>
      <c r="E85026" s="15">
        <v>45722</v>
      </c>
      <c r="F85026" s="14" t="s">
        <v>28</v>
      </c>
      <c r="G85026" s="16">
        <v>0</v>
      </c>
    </row>
    <row r="85027" spans="1:7" x14ac:dyDescent="0.3">
      <c r="A85027" s="13" t="s">
        <v>426</v>
      </c>
      <c r="B85027" s="14" t="s">
        <v>1</v>
      </c>
      <c r="C85027" s="14" t="s">
        <v>23</v>
      </c>
      <c r="D85027" s="14" t="s">
        <v>427</v>
      </c>
      <c r="E85027" s="15">
        <v>45723</v>
      </c>
      <c r="F85027" s="14" t="s">
        <v>28</v>
      </c>
      <c r="G85027" s="16">
        <v>0</v>
      </c>
    </row>
    <row r="85028" spans="1:7" x14ac:dyDescent="0.3">
      <c r="A85028" s="13" t="s">
        <v>426</v>
      </c>
      <c r="B85028" s="14" t="s">
        <v>1</v>
      </c>
      <c r="C85028" s="14" t="s">
        <v>23</v>
      </c>
      <c r="D85028" s="14" t="s">
        <v>427</v>
      </c>
      <c r="E85028" s="15">
        <v>45724</v>
      </c>
      <c r="F85028" s="14" t="s">
        <v>28</v>
      </c>
      <c r="G85028" s="16">
        <v>0</v>
      </c>
    </row>
    <row r="85029" spans="1:7" x14ac:dyDescent="0.3">
      <c r="A85029" s="13" t="s">
        <v>426</v>
      </c>
      <c r="B85029" s="14" t="s">
        <v>1</v>
      </c>
      <c r="C85029" s="14" t="s">
        <v>23</v>
      </c>
      <c r="D85029" s="14" t="s">
        <v>427</v>
      </c>
      <c r="E85029" s="15">
        <v>45725</v>
      </c>
      <c r="F85029" s="14" t="s">
        <v>28</v>
      </c>
      <c r="G85029" s="16">
        <v>0</v>
      </c>
    </row>
    <row r="85030" spans="1:7" x14ac:dyDescent="0.3">
      <c r="A85030" s="13" t="s">
        <v>426</v>
      </c>
      <c r="B85030" s="14" t="s">
        <v>1</v>
      </c>
      <c r="C85030" s="14" t="s">
        <v>23</v>
      </c>
      <c r="D85030" s="14" t="s">
        <v>427</v>
      </c>
      <c r="E85030" s="15">
        <v>45726</v>
      </c>
      <c r="F85030" s="14" t="s">
        <v>28</v>
      </c>
      <c r="G85030" s="16">
        <v>0</v>
      </c>
    </row>
    <row r="85031" spans="1:7" x14ac:dyDescent="0.3">
      <c r="A85031" s="13" t="s">
        <v>426</v>
      </c>
      <c r="B85031" s="14" t="s">
        <v>1</v>
      </c>
      <c r="C85031" s="14" t="s">
        <v>23</v>
      </c>
      <c r="D85031" s="14" t="s">
        <v>427</v>
      </c>
      <c r="E85031" s="15">
        <v>45727</v>
      </c>
      <c r="F85031" s="14" t="s">
        <v>28</v>
      </c>
      <c r="G85031" s="16">
        <v>0</v>
      </c>
    </row>
    <row r="85032" spans="1:7" x14ac:dyDescent="0.3">
      <c r="A85032" s="13" t="s">
        <v>426</v>
      </c>
      <c r="B85032" s="14" t="s">
        <v>1</v>
      </c>
      <c r="C85032" s="14" t="s">
        <v>23</v>
      </c>
      <c r="D85032" s="14" t="s">
        <v>427</v>
      </c>
      <c r="E85032" s="15">
        <v>45728</v>
      </c>
      <c r="F85032" s="14" t="s">
        <v>28</v>
      </c>
      <c r="G85032" s="16">
        <v>0</v>
      </c>
    </row>
    <row r="85033" spans="1:7" x14ac:dyDescent="0.3">
      <c r="A85033" s="13" t="s">
        <v>426</v>
      </c>
      <c r="B85033" s="14" t="s">
        <v>1</v>
      </c>
      <c r="C85033" s="14" t="s">
        <v>23</v>
      </c>
      <c r="D85033" s="14" t="s">
        <v>427</v>
      </c>
      <c r="E85033" s="15">
        <v>45729</v>
      </c>
      <c r="F85033" s="14" t="s">
        <v>28</v>
      </c>
      <c r="G85033" s="16">
        <v>0</v>
      </c>
    </row>
    <row r="85034" spans="1:7" x14ac:dyDescent="0.3">
      <c r="A85034" s="13" t="s">
        <v>426</v>
      </c>
      <c r="B85034" s="14" t="s">
        <v>1</v>
      </c>
      <c r="C85034" s="14" t="s">
        <v>23</v>
      </c>
      <c r="D85034" s="14" t="s">
        <v>427</v>
      </c>
      <c r="E85034" s="15">
        <v>45730</v>
      </c>
      <c r="F85034" s="14" t="s">
        <v>28</v>
      </c>
      <c r="G85034" s="16">
        <v>0</v>
      </c>
    </row>
    <row r="85035" spans="1:7" x14ac:dyDescent="0.3">
      <c r="A85035" s="13" t="s">
        <v>426</v>
      </c>
      <c r="B85035" s="14" t="s">
        <v>1</v>
      </c>
      <c r="C85035" s="14" t="s">
        <v>23</v>
      </c>
      <c r="D85035" s="14" t="s">
        <v>427</v>
      </c>
      <c r="E85035" s="15">
        <v>45731</v>
      </c>
      <c r="F85035" s="14" t="s">
        <v>28</v>
      </c>
      <c r="G85035" s="16">
        <v>0</v>
      </c>
    </row>
    <row r="85036" spans="1:7" x14ac:dyDescent="0.3">
      <c r="A85036" s="13" t="s">
        <v>426</v>
      </c>
      <c r="B85036" s="14" t="s">
        <v>1</v>
      </c>
      <c r="C85036" s="14" t="s">
        <v>23</v>
      </c>
      <c r="D85036" s="14" t="s">
        <v>427</v>
      </c>
      <c r="E85036" s="15">
        <v>45732</v>
      </c>
      <c r="F85036" s="14" t="s">
        <v>28</v>
      </c>
      <c r="G85036" s="16">
        <v>0</v>
      </c>
    </row>
    <row r="85037" spans="1:7" x14ac:dyDescent="0.3">
      <c r="A85037" s="13" t="s">
        <v>426</v>
      </c>
      <c r="B85037" s="14" t="s">
        <v>1</v>
      </c>
      <c r="C85037" s="14" t="s">
        <v>23</v>
      </c>
      <c r="D85037" s="14" t="s">
        <v>427</v>
      </c>
      <c r="E85037" s="15">
        <v>45733</v>
      </c>
      <c r="F85037" s="14" t="s">
        <v>28</v>
      </c>
      <c r="G85037" s="16">
        <v>0</v>
      </c>
    </row>
    <row r="85038" spans="1:7" x14ac:dyDescent="0.3">
      <c r="A85038" s="13" t="s">
        <v>426</v>
      </c>
      <c r="B85038" s="14" t="s">
        <v>1</v>
      </c>
      <c r="C85038" s="14" t="s">
        <v>23</v>
      </c>
      <c r="D85038" s="14" t="s">
        <v>427</v>
      </c>
      <c r="E85038" s="15">
        <v>45734</v>
      </c>
      <c r="F85038" s="14" t="s">
        <v>28</v>
      </c>
      <c r="G85038" s="16">
        <v>0</v>
      </c>
    </row>
    <row r="85039" spans="1:7" x14ac:dyDescent="0.3">
      <c r="A85039" s="13" t="s">
        <v>426</v>
      </c>
      <c r="B85039" s="14" t="s">
        <v>1</v>
      </c>
      <c r="C85039" s="14" t="s">
        <v>23</v>
      </c>
      <c r="D85039" s="14" t="s">
        <v>427</v>
      </c>
      <c r="E85039" s="15">
        <v>45735</v>
      </c>
      <c r="F85039" s="14" t="s">
        <v>28</v>
      </c>
      <c r="G85039" s="16">
        <v>0</v>
      </c>
    </row>
    <row r="85040" spans="1:7" x14ac:dyDescent="0.3">
      <c r="A85040" s="13" t="s">
        <v>426</v>
      </c>
      <c r="B85040" s="14" t="s">
        <v>1</v>
      </c>
      <c r="C85040" s="14" t="s">
        <v>23</v>
      </c>
      <c r="D85040" s="14" t="s">
        <v>427</v>
      </c>
      <c r="E85040" s="15">
        <v>45736</v>
      </c>
      <c r="F85040" s="14" t="s">
        <v>28</v>
      </c>
      <c r="G85040" s="16">
        <v>0</v>
      </c>
    </row>
    <row r="85041" spans="1:7" x14ac:dyDescent="0.3">
      <c r="A85041" s="13" t="s">
        <v>426</v>
      </c>
      <c r="B85041" s="14" t="s">
        <v>1</v>
      </c>
      <c r="C85041" s="14" t="s">
        <v>23</v>
      </c>
      <c r="D85041" s="14" t="s">
        <v>427</v>
      </c>
      <c r="E85041" s="15">
        <v>45737</v>
      </c>
      <c r="F85041" s="14" t="s">
        <v>28</v>
      </c>
      <c r="G85041" s="16">
        <v>0</v>
      </c>
    </row>
    <row r="85042" spans="1:7" x14ac:dyDescent="0.3">
      <c r="A85042" s="13" t="s">
        <v>426</v>
      </c>
      <c r="B85042" s="14" t="s">
        <v>1</v>
      </c>
      <c r="C85042" s="14" t="s">
        <v>23</v>
      </c>
      <c r="D85042" s="14" t="s">
        <v>427</v>
      </c>
      <c r="E85042" s="15">
        <v>45738</v>
      </c>
      <c r="F85042" s="14" t="s">
        <v>28</v>
      </c>
      <c r="G85042" s="16">
        <v>0</v>
      </c>
    </row>
    <row r="85043" spans="1:7" x14ac:dyDescent="0.3">
      <c r="A85043" s="13" t="s">
        <v>426</v>
      </c>
      <c r="B85043" s="14" t="s">
        <v>1</v>
      </c>
      <c r="C85043" s="14" t="s">
        <v>23</v>
      </c>
      <c r="D85043" s="14" t="s">
        <v>427</v>
      </c>
      <c r="E85043" s="15">
        <v>45739</v>
      </c>
      <c r="F85043" s="14" t="s">
        <v>28</v>
      </c>
      <c r="G85043" s="16">
        <v>0</v>
      </c>
    </row>
    <row r="85044" spans="1:7" x14ac:dyDescent="0.3">
      <c r="A85044" s="13" t="s">
        <v>426</v>
      </c>
      <c r="B85044" s="14" t="s">
        <v>1</v>
      </c>
      <c r="C85044" s="14" t="s">
        <v>23</v>
      </c>
      <c r="D85044" s="14" t="s">
        <v>427</v>
      </c>
      <c r="E85044" s="15">
        <v>45740</v>
      </c>
      <c r="F85044" s="14" t="s">
        <v>28</v>
      </c>
      <c r="G85044" s="16">
        <v>0</v>
      </c>
    </row>
    <row r="85045" spans="1:7" x14ac:dyDescent="0.3">
      <c r="A85045" s="13" t="s">
        <v>426</v>
      </c>
      <c r="B85045" s="14" t="s">
        <v>1</v>
      </c>
      <c r="C85045" s="14" t="s">
        <v>23</v>
      </c>
      <c r="D85045" s="14" t="s">
        <v>427</v>
      </c>
      <c r="E85045" s="15">
        <v>45741</v>
      </c>
      <c r="F85045" s="14" t="s">
        <v>28</v>
      </c>
      <c r="G85045" s="16">
        <v>0</v>
      </c>
    </row>
    <row r="85046" spans="1:7" x14ac:dyDescent="0.3">
      <c r="A85046" s="13" t="s">
        <v>426</v>
      </c>
      <c r="B85046" s="14" t="s">
        <v>1</v>
      </c>
      <c r="C85046" s="14" t="s">
        <v>23</v>
      </c>
      <c r="D85046" s="14" t="s">
        <v>427</v>
      </c>
      <c r="E85046" s="15">
        <v>45742</v>
      </c>
      <c r="F85046" s="14" t="s">
        <v>28</v>
      </c>
      <c r="G85046" s="16">
        <v>0</v>
      </c>
    </row>
    <row r="85047" spans="1:7" x14ac:dyDescent="0.3">
      <c r="A85047" s="13" t="s">
        <v>426</v>
      </c>
      <c r="B85047" s="14" t="s">
        <v>1</v>
      </c>
      <c r="C85047" s="14" t="s">
        <v>23</v>
      </c>
      <c r="D85047" s="14" t="s">
        <v>427</v>
      </c>
      <c r="E85047" s="15">
        <v>45743</v>
      </c>
      <c r="F85047" s="14" t="s">
        <v>28</v>
      </c>
      <c r="G85047" s="16">
        <v>0</v>
      </c>
    </row>
    <row r="85048" spans="1:7" x14ac:dyDescent="0.3">
      <c r="A85048" s="13" t="s">
        <v>426</v>
      </c>
      <c r="B85048" s="14" t="s">
        <v>1</v>
      </c>
      <c r="C85048" s="14" t="s">
        <v>23</v>
      </c>
      <c r="D85048" s="14" t="s">
        <v>427</v>
      </c>
      <c r="E85048" s="15">
        <v>45744</v>
      </c>
      <c r="F85048" s="14" t="s">
        <v>28</v>
      </c>
      <c r="G85048" s="16">
        <v>0</v>
      </c>
    </row>
    <row r="85049" spans="1:7" x14ac:dyDescent="0.3">
      <c r="A85049" s="13" t="s">
        <v>426</v>
      </c>
      <c r="B85049" s="14" t="s">
        <v>1</v>
      </c>
      <c r="C85049" s="14" t="s">
        <v>23</v>
      </c>
      <c r="D85049" s="14" t="s">
        <v>427</v>
      </c>
      <c r="E85049" s="15">
        <v>45745</v>
      </c>
      <c r="F85049" s="14" t="s">
        <v>28</v>
      </c>
      <c r="G85049" s="16">
        <v>0</v>
      </c>
    </row>
    <row r="85050" spans="1:7" x14ac:dyDescent="0.3">
      <c r="A85050" s="13" t="s">
        <v>426</v>
      </c>
      <c r="B85050" s="14" t="s">
        <v>1</v>
      </c>
      <c r="C85050" s="14" t="s">
        <v>23</v>
      </c>
      <c r="D85050" s="14" t="s">
        <v>427</v>
      </c>
      <c r="E85050" s="15">
        <v>45746</v>
      </c>
      <c r="F85050" s="14" t="s">
        <v>28</v>
      </c>
      <c r="G85050" s="16">
        <v>0</v>
      </c>
    </row>
    <row r="85051" spans="1:7" x14ac:dyDescent="0.3">
      <c r="A85051" s="13" t="s">
        <v>426</v>
      </c>
      <c r="B85051" s="14" t="s">
        <v>1</v>
      </c>
      <c r="C85051" s="14" t="s">
        <v>23</v>
      </c>
      <c r="D85051" s="14" t="s">
        <v>427</v>
      </c>
      <c r="E85051" s="15">
        <v>45747</v>
      </c>
      <c r="F85051" s="14" t="s">
        <v>28</v>
      </c>
      <c r="G85051" s="16">
        <v>0</v>
      </c>
    </row>
    <row r="85052" spans="1:7" x14ac:dyDescent="0.3">
      <c r="A85052" s="13" t="s">
        <v>428</v>
      </c>
      <c r="B85052" s="14" t="s">
        <v>1</v>
      </c>
      <c r="C85052" s="14" t="s">
        <v>23</v>
      </c>
      <c r="D85052" s="14" t="s">
        <v>429</v>
      </c>
      <c r="E85052" s="15">
        <v>45383</v>
      </c>
      <c r="F85052" s="14" t="s">
        <v>15</v>
      </c>
      <c r="G85052" s="16">
        <v>0</v>
      </c>
    </row>
    <row r="85053" spans="1:7" x14ac:dyDescent="0.3">
      <c r="A85053" s="13" t="s">
        <v>428</v>
      </c>
      <c r="B85053" s="14" t="s">
        <v>1</v>
      </c>
      <c r="C85053" s="14" t="s">
        <v>23</v>
      </c>
      <c r="D85053" s="14" t="s">
        <v>429</v>
      </c>
      <c r="E85053" s="15">
        <v>45384</v>
      </c>
      <c r="F85053" s="14" t="s">
        <v>15</v>
      </c>
      <c r="G85053" s="16">
        <v>0</v>
      </c>
    </row>
    <row r="85054" spans="1:7" x14ac:dyDescent="0.3">
      <c r="A85054" s="13" t="s">
        <v>428</v>
      </c>
      <c r="B85054" s="14" t="s">
        <v>1</v>
      </c>
      <c r="C85054" s="14" t="s">
        <v>23</v>
      </c>
      <c r="D85054" s="14" t="s">
        <v>429</v>
      </c>
      <c r="E85054" s="15">
        <v>45385</v>
      </c>
      <c r="F85054" s="14" t="s">
        <v>15</v>
      </c>
      <c r="G85054" s="16">
        <v>7.5080580695019605E-2</v>
      </c>
    </row>
    <row r="85055" spans="1:7" x14ac:dyDescent="0.3">
      <c r="A85055" s="13" t="s">
        <v>428</v>
      </c>
      <c r="B85055" s="14" t="s">
        <v>1</v>
      </c>
      <c r="C85055" s="14" t="s">
        <v>23</v>
      </c>
      <c r="D85055" s="14" t="s">
        <v>429</v>
      </c>
      <c r="E85055" s="15">
        <v>45386</v>
      </c>
      <c r="F85055" s="14" t="s">
        <v>15</v>
      </c>
      <c r="G85055" s="16">
        <v>9.4161161390039202E-2</v>
      </c>
    </row>
    <row r="85056" spans="1:7" x14ac:dyDescent="0.3">
      <c r="A85056" s="13" t="s">
        <v>428</v>
      </c>
      <c r="B85056" s="14" t="s">
        <v>1</v>
      </c>
      <c r="C85056" s="14" t="s">
        <v>23</v>
      </c>
      <c r="D85056" s="14" t="s">
        <v>429</v>
      </c>
      <c r="E85056" s="15">
        <v>45387</v>
      </c>
      <c r="F85056" s="14" t="s">
        <v>15</v>
      </c>
      <c r="G85056" s="16">
        <v>0.12324174208505881</v>
      </c>
    </row>
    <row r="85057" spans="1:7" x14ac:dyDescent="0.3">
      <c r="A85057" s="13" t="s">
        <v>428</v>
      </c>
      <c r="B85057" s="14" t="s">
        <v>1</v>
      </c>
      <c r="C85057" s="14" t="s">
        <v>23</v>
      </c>
      <c r="D85057" s="14" t="s">
        <v>429</v>
      </c>
      <c r="E85057" s="15">
        <v>45388</v>
      </c>
      <c r="F85057" s="14" t="s">
        <v>15</v>
      </c>
      <c r="G85057" s="16">
        <v>0.12324174208505881</v>
      </c>
    </row>
    <row r="85058" spans="1:7" x14ac:dyDescent="0.3">
      <c r="A85058" s="13" t="s">
        <v>428</v>
      </c>
      <c r="B85058" s="14" t="s">
        <v>1</v>
      </c>
      <c r="C85058" s="14" t="s">
        <v>23</v>
      </c>
      <c r="D85058" s="14" t="s">
        <v>429</v>
      </c>
      <c r="E85058" s="15">
        <v>45389</v>
      </c>
      <c r="F85058" s="14" t="s">
        <v>15</v>
      </c>
      <c r="G85058" s="16">
        <v>0.12324174208505881</v>
      </c>
    </row>
    <row r="85059" spans="1:7" x14ac:dyDescent="0.3">
      <c r="A85059" s="13" t="s">
        <v>428</v>
      </c>
      <c r="B85059" s="14" t="s">
        <v>1</v>
      </c>
      <c r="C85059" s="14" t="s">
        <v>23</v>
      </c>
      <c r="D85059" s="14" t="s">
        <v>429</v>
      </c>
      <c r="E85059" s="15">
        <v>45390</v>
      </c>
      <c r="F85059" s="14" t="s">
        <v>15</v>
      </c>
      <c r="G85059" s="16">
        <v>0.13932232278007842</v>
      </c>
    </row>
    <row r="85060" spans="1:7" x14ac:dyDescent="0.3">
      <c r="A85060" s="13" t="s">
        <v>428</v>
      </c>
      <c r="B85060" s="14" t="s">
        <v>1</v>
      </c>
      <c r="C85060" s="14" t="s">
        <v>23</v>
      </c>
      <c r="D85060" s="14" t="s">
        <v>429</v>
      </c>
      <c r="E85060" s="15">
        <v>45391</v>
      </c>
      <c r="F85060" s="14" t="s">
        <v>15</v>
      </c>
      <c r="G85060" s="16">
        <v>0.18840290347509803</v>
      </c>
    </row>
    <row r="85061" spans="1:7" x14ac:dyDescent="0.3">
      <c r="A85061" s="13" t="s">
        <v>428</v>
      </c>
      <c r="B85061" s="14" t="s">
        <v>1</v>
      </c>
      <c r="C85061" s="14" t="s">
        <v>23</v>
      </c>
      <c r="D85061" s="14" t="s">
        <v>429</v>
      </c>
      <c r="E85061" s="15">
        <v>45392</v>
      </c>
      <c r="F85061" s="14" t="s">
        <v>15</v>
      </c>
      <c r="G85061" s="16">
        <v>0.20848348417011761</v>
      </c>
    </row>
    <row r="85062" spans="1:7" x14ac:dyDescent="0.3">
      <c r="A85062" s="13" t="s">
        <v>428</v>
      </c>
      <c r="B85062" s="14" t="s">
        <v>1</v>
      </c>
      <c r="C85062" s="14" t="s">
        <v>23</v>
      </c>
      <c r="D85062" s="14" t="s">
        <v>429</v>
      </c>
      <c r="E85062" s="15">
        <v>45393</v>
      </c>
      <c r="F85062" s="14" t="s">
        <v>15</v>
      </c>
      <c r="G85062" s="16">
        <v>0.22656406486513719</v>
      </c>
    </row>
    <row r="85063" spans="1:7" x14ac:dyDescent="0.3">
      <c r="A85063" s="13" t="s">
        <v>428</v>
      </c>
      <c r="B85063" s="14" t="s">
        <v>1</v>
      </c>
      <c r="C85063" s="14" t="s">
        <v>23</v>
      </c>
      <c r="D85063" s="14" t="s">
        <v>429</v>
      </c>
      <c r="E85063" s="15">
        <v>45394</v>
      </c>
      <c r="F85063" s="14" t="s">
        <v>15</v>
      </c>
      <c r="G85063" s="16">
        <v>0.2436446455601568</v>
      </c>
    </row>
    <row r="85064" spans="1:7" x14ac:dyDescent="0.3">
      <c r="A85064" s="13" t="s">
        <v>428</v>
      </c>
      <c r="B85064" s="14" t="s">
        <v>1</v>
      </c>
      <c r="C85064" s="14" t="s">
        <v>23</v>
      </c>
      <c r="D85064" s="14" t="s">
        <v>429</v>
      </c>
      <c r="E85064" s="15">
        <v>45395</v>
      </c>
      <c r="F85064" s="14" t="s">
        <v>15</v>
      </c>
      <c r="G85064" s="16">
        <v>0.2436446455601568</v>
      </c>
    </row>
    <row r="85065" spans="1:7" x14ac:dyDescent="0.3">
      <c r="A85065" s="13" t="s">
        <v>428</v>
      </c>
      <c r="B85065" s="14" t="s">
        <v>1</v>
      </c>
      <c r="C85065" s="14" t="s">
        <v>23</v>
      </c>
      <c r="D85065" s="14" t="s">
        <v>429</v>
      </c>
      <c r="E85065" s="15">
        <v>45396</v>
      </c>
      <c r="F85065" s="14" t="s">
        <v>15</v>
      </c>
      <c r="G85065" s="16">
        <v>0.2436446455601568</v>
      </c>
    </row>
    <row r="85066" spans="1:7" x14ac:dyDescent="0.3">
      <c r="A85066" s="13" t="s">
        <v>428</v>
      </c>
      <c r="B85066" s="14" t="s">
        <v>1</v>
      </c>
      <c r="C85066" s="14" t="s">
        <v>23</v>
      </c>
      <c r="D85066" s="14" t="s">
        <v>429</v>
      </c>
      <c r="E85066" s="15">
        <v>45397</v>
      </c>
      <c r="F85066" s="14" t="s">
        <v>15</v>
      </c>
      <c r="G85066" s="16">
        <v>0.26172522625517641</v>
      </c>
    </row>
    <row r="85067" spans="1:7" x14ac:dyDescent="0.3">
      <c r="A85067" s="13" t="s">
        <v>428</v>
      </c>
      <c r="B85067" s="14" t="s">
        <v>1</v>
      </c>
      <c r="C85067" s="14" t="s">
        <v>23</v>
      </c>
      <c r="D85067" s="14" t="s">
        <v>429</v>
      </c>
      <c r="E85067" s="15">
        <v>45398</v>
      </c>
      <c r="F85067" s="14" t="s">
        <v>15</v>
      </c>
      <c r="G85067" s="16">
        <v>0.30980580695019599</v>
      </c>
    </row>
    <row r="85068" spans="1:7" x14ac:dyDescent="0.3">
      <c r="A85068" s="13" t="s">
        <v>428</v>
      </c>
      <c r="B85068" s="14" t="s">
        <v>1</v>
      </c>
      <c r="C85068" s="14" t="s">
        <v>23</v>
      </c>
      <c r="D85068" s="14" t="s">
        <v>429</v>
      </c>
      <c r="E85068" s="15">
        <v>45399</v>
      </c>
      <c r="F85068" s="14" t="s">
        <v>15</v>
      </c>
      <c r="G85068" s="16">
        <v>0.3268863876452156</v>
      </c>
    </row>
    <row r="85069" spans="1:7" x14ac:dyDescent="0.3">
      <c r="A85069" s="13" t="s">
        <v>428</v>
      </c>
      <c r="B85069" s="14" t="s">
        <v>1</v>
      </c>
      <c r="C85069" s="14" t="s">
        <v>23</v>
      </c>
      <c r="D85069" s="14" t="s">
        <v>429</v>
      </c>
      <c r="E85069" s="15">
        <v>45400</v>
      </c>
      <c r="F85069" s="14" t="s">
        <v>15</v>
      </c>
      <c r="G85069" s="16">
        <v>0.34396696834023521</v>
      </c>
    </row>
    <row r="85070" spans="1:7" x14ac:dyDescent="0.3">
      <c r="A85070" s="13" t="s">
        <v>428</v>
      </c>
      <c r="B85070" s="14" t="s">
        <v>1</v>
      </c>
      <c r="C85070" s="14" t="s">
        <v>23</v>
      </c>
      <c r="D85070" s="14" t="s">
        <v>429</v>
      </c>
      <c r="E85070" s="15">
        <v>45401</v>
      </c>
      <c r="F85070" s="14" t="s">
        <v>15</v>
      </c>
      <c r="G85070" s="16">
        <v>0.36104754903525482</v>
      </c>
    </row>
    <row r="85071" spans="1:7" x14ac:dyDescent="0.3">
      <c r="A85071" s="13" t="s">
        <v>428</v>
      </c>
      <c r="B85071" s="14" t="s">
        <v>1</v>
      </c>
      <c r="C85071" s="14" t="s">
        <v>23</v>
      </c>
      <c r="D85071" s="14" t="s">
        <v>429</v>
      </c>
      <c r="E85071" s="15">
        <v>45402</v>
      </c>
      <c r="F85071" s="14" t="s">
        <v>15</v>
      </c>
      <c r="G85071" s="16">
        <v>0.36104754903525482</v>
      </c>
    </row>
    <row r="85072" spans="1:7" x14ac:dyDescent="0.3">
      <c r="A85072" s="13" t="s">
        <v>428</v>
      </c>
      <c r="B85072" s="14" t="s">
        <v>1</v>
      </c>
      <c r="C85072" s="14" t="s">
        <v>23</v>
      </c>
      <c r="D85072" s="14" t="s">
        <v>429</v>
      </c>
      <c r="E85072" s="15">
        <v>45403</v>
      </c>
      <c r="F85072" s="14" t="s">
        <v>15</v>
      </c>
      <c r="G85072" s="16">
        <v>0.36104754903525482</v>
      </c>
    </row>
    <row r="85073" spans="1:7" x14ac:dyDescent="0.3">
      <c r="A85073" s="13" t="s">
        <v>428</v>
      </c>
      <c r="B85073" s="14" t="s">
        <v>1</v>
      </c>
      <c r="C85073" s="14" t="s">
        <v>23</v>
      </c>
      <c r="D85073" s="14" t="s">
        <v>429</v>
      </c>
      <c r="E85073" s="15">
        <v>45404</v>
      </c>
      <c r="F85073" s="14" t="s">
        <v>15</v>
      </c>
      <c r="G85073" s="16">
        <v>0.38512812973027444</v>
      </c>
    </row>
    <row r="85074" spans="1:7" x14ac:dyDescent="0.3">
      <c r="A85074" s="13" t="s">
        <v>428</v>
      </c>
      <c r="B85074" s="14" t="s">
        <v>1</v>
      </c>
      <c r="C85074" s="14" t="s">
        <v>23</v>
      </c>
      <c r="D85074" s="14" t="s">
        <v>429</v>
      </c>
      <c r="E85074" s="15">
        <v>45405</v>
      </c>
      <c r="F85074" s="14" t="s">
        <v>15</v>
      </c>
      <c r="G85074" s="16">
        <v>0.42620871042529407</v>
      </c>
    </row>
    <row r="85075" spans="1:7" x14ac:dyDescent="0.3">
      <c r="A85075" s="13" t="s">
        <v>428</v>
      </c>
      <c r="B85075" s="14" t="s">
        <v>1</v>
      </c>
      <c r="C85075" s="14" t="s">
        <v>23</v>
      </c>
      <c r="D85075" s="14" t="s">
        <v>429</v>
      </c>
      <c r="E85075" s="15">
        <v>45406</v>
      </c>
      <c r="F85075" s="14" t="s">
        <v>15</v>
      </c>
      <c r="G85075" s="16">
        <v>0.44028929112031367</v>
      </c>
    </row>
    <row r="85076" spans="1:7" x14ac:dyDescent="0.3">
      <c r="A85076" s="13" t="s">
        <v>428</v>
      </c>
      <c r="B85076" s="14" t="s">
        <v>1</v>
      </c>
      <c r="C85076" s="14" t="s">
        <v>23</v>
      </c>
      <c r="D85076" s="14" t="s">
        <v>429</v>
      </c>
      <c r="E85076" s="15">
        <v>45407</v>
      </c>
      <c r="F85076" s="14" t="s">
        <v>15</v>
      </c>
      <c r="G85076" s="16">
        <v>0.40736987181533324</v>
      </c>
    </row>
    <row r="85077" spans="1:7" x14ac:dyDescent="0.3">
      <c r="A85077" s="13" t="s">
        <v>428</v>
      </c>
      <c r="B85077" s="14" t="s">
        <v>1</v>
      </c>
      <c r="C85077" s="14" t="s">
        <v>23</v>
      </c>
      <c r="D85077" s="14" t="s">
        <v>429</v>
      </c>
      <c r="E85077" s="15">
        <v>45408</v>
      </c>
      <c r="F85077" s="14" t="s">
        <v>15</v>
      </c>
      <c r="G85077" s="16">
        <v>0.42245045251035285</v>
      </c>
    </row>
    <row r="85078" spans="1:7" x14ac:dyDescent="0.3">
      <c r="A85078" s="13" t="s">
        <v>428</v>
      </c>
      <c r="B85078" s="14" t="s">
        <v>1</v>
      </c>
      <c r="C85078" s="14" t="s">
        <v>23</v>
      </c>
      <c r="D85078" s="14" t="s">
        <v>429</v>
      </c>
      <c r="E85078" s="15">
        <v>45409</v>
      </c>
      <c r="F85078" s="14" t="s">
        <v>15</v>
      </c>
      <c r="G85078" s="16">
        <v>0.42245045251035285</v>
      </c>
    </row>
    <row r="85079" spans="1:7" x14ac:dyDescent="0.3">
      <c r="A85079" s="13" t="s">
        <v>428</v>
      </c>
      <c r="B85079" s="14" t="s">
        <v>1</v>
      </c>
      <c r="C85079" s="14" t="s">
        <v>23</v>
      </c>
      <c r="D85079" s="14" t="s">
        <v>429</v>
      </c>
      <c r="E85079" s="15">
        <v>45410</v>
      </c>
      <c r="F85079" s="14" t="s">
        <v>15</v>
      </c>
      <c r="G85079" s="16">
        <v>0.42245045251035285</v>
      </c>
    </row>
    <row r="85080" spans="1:7" x14ac:dyDescent="0.3">
      <c r="A85080" s="13" t="s">
        <v>428</v>
      </c>
      <c r="B85080" s="14" t="s">
        <v>1</v>
      </c>
      <c r="C85080" s="14" t="s">
        <v>23</v>
      </c>
      <c r="D85080" s="14" t="s">
        <v>429</v>
      </c>
      <c r="E85080" s="15">
        <v>45411</v>
      </c>
      <c r="F85080" s="14" t="s">
        <v>15</v>
      </c>
      <c r="G85080" s="16">
        <v>0.43953103320537246</v>
      </c>
    </row>
    <row r="85081" spans="1:7" x14ac:dyDescent="0.3">
      <c r="A85081" s="13" t="s">
        <v>428</v>
      </c>
      <c r="B85081" s="14" t="s">
        <v>1</v>
      </c>
      <c r="C85081" s="14" t="s">
        <v>23</v>
      </c>
      <c r="D85081" s="14" t="s">
        <v>429</v>
      </c>
      <c r="E85081" s="15">
        <v>45412</v>
      </c>
      <c r="F85081" s="14" t="s">
        <v>15</v>
      </c>
      <c r="G85081" s="16">
        <v>0.48961161390039204</v>
      </c>
    </row>
    <row r="85082" spans="1:7" x14ac:dyDescent="0.3">
      <c r="A85082" s="13" t="s">
        <v>428</v>
      </c>
      <c r="B85082" s="14" t="s">
        <v>1</v>
      </c>
      <c r="C85082" s="14" t="s">
        <v>23</v>
      </c>
      <c r="D85082" s="14" t="s">
        <v>429</v>
      </c>
      <c r="E85082" s="15">
        <v>45413</v>
      </c>
      <c r="F85082" s="14" t="s">
        <v>15</v>
      </c>
      <c r="G85082" s="16">
        <v>0.5066921945954117</v>
      </c>
    </row>
    <row r="85083" spans="1:7" x14ac:dyDescent="0.3">
      <c r="A85083" s="13" t="s">
        <v>428</v>
      </c>
      <c r="B85083" s="14" t="s">
        <v>1</v>
      </c>
      <c r="C85083" s="14" t="s">
        <v>23</v>
      </c>
      <c r="D85083" s="14" t="s">
        <v>429</v>
      </c>
      <c r="E85083" s="15">
        <v>45414</v>
      </c>
      <c r="F85083" s="14" t="s">
        <v>15</v>
      </c>
      <c r="G85083" s="16">
        <v>0.52377277529043131</v>
      </c>
    </row>
    <row r="85084" spans="1:7" x14ac:dyDescent="0.3">
      <c r="A85084" s="13" t="s">
        <v>428</v>
      </c>
      <c r="B85084" s="14" t="s">
        <v>1</v>
      </c>
      <c r="C85084" s="14" t="s">
        <v>23</v>
      </c>
      <c r="D85084" s="14" t="s">
        <v>429</v>
      </c>
      <c r="E85084" s="15">
        <v>45415</v>
      </c>
      <c r="F85084" s="14" t="s">
        <v>15</v>
      </c>
      <c r="G85084" s="16">
        <v>0.54085335598545092</v>
      </c>
    </row>
    <row r="85085" spans="1:7" x14ac:dyDescent="0.3">
      <c r="A85085" s="13" t="s">
        <v>428</v>
      </c>
      <c r="B85085" s="14" t="s">
        <v>1</v>
      </c>
      <c r="C85085" s="14" t="s">
        <v>23</v>
      </c>
      <c r="D85085" s="14" t="s">
        <v>429</v>
      </c>
      <c r="E85085" s="15">
        <v>45416</v>
      </c>
      <c r="F85085" s="14" t="s">
        <v>15</v>
      </c>
      <c r="G85085" s="16">
        <v>0.54085335598545092</v>
      </c>
    </row>
    <row r="85086" spans="1:7" x14ac:dyDescent="0.3">
      <c r="A85086" s="13" t="s">
        <v>428</v>
      </c>
      <c r="B85086" s="14" t="s">
        <v>1</v>
      </c>
      <c r="C85086" s="14" t="s">
        <v>23</v>
      </c>
      <c r="D85086" s="14" t="s">
        <v>429</v>
      </c>
      <c r="E85086" s="15">
        <v>45417</v>
      </c>
      <c r="F85086" s="14" t="s">
        <v>15</v>
      </c>
      <c r="G85086" s="16">
        <v>0.54085335598545092</v>
      </c>
    </row>
    <row r="85087" spans="1:7" x14ac:dyDescent="0.3">
      <c r="A85087" s="13" t="s">
        <v>428</v>
      </c>
      <c r="B85087" s="14" t="s">
        <v>1</v>
      </c>
      <c r="C85087" s="14" t="s">
        <v>23</v>
      </c>
      <c r="D85087" s="14" t="s">
        <v>429</v>
      </c>
      <c r="E85087" s="15">
        <v>45418</v>
      </c>
      <c r="F85087" s="14" t="s">
        <v>15</v>
      </c>
      <c r="G85087" s="16">
        <v>0.54085335598545092</v>
      </c>
    </row>
    <row r="85088" spans="1:7" x14ac:dyDescent="0.3">
      <c r="A85088" s="13" t="s">
        <v>428</v>
      </c>
      <c r="B85088" s="14" t="s">
        <v>1</v>
      </c>
      <c r="C85088" s="14" t="s">
        <v>23</v>
      </c>
      <c r="D85088" s="14" t="s">
        <v>429</v>
      </c>
      <c r="E85088" s="15">
        <v>45419</v>
      </c>
      <c r="F85088" s="14" t="s">
        <v>15</v>
      </c>
      <c r="G85088" s="16">
        <v>0.55693393668047053</v>
      </c>
    </row>
    <row r="85089" spans="1:7" x14ac:dyDescent="0.3">
      <c r="A85089" s="13" t="s">
        <v>428</v>
      </c>
      <c r="B85089" s="14" t="s">
        <v>1</v>
      </c>
      <c r="C85089" s="14" t="s">
        <v>23</v>
      </c>
      <c r="D85089" s="14" t="s">
        <v>429</v>
      </c>
      <c r="E85089" s="15">
        <v>45420</v>
      </c>
      <c r="F85089" s="14" t="s">
        <v>15</v>
      </c>
      <c r="G85089" s="16">
        <v>0.63601451737549008</v>
      </c>
    </row>
    <row r="85090" spans="1:7" x14ac:dyDescent="0.3">
      <c r="A85090" s="13" t="s">
        <v>428</v>
      </c>
      <c r="B85090" s="14" t="s">
        <v>1</v>
      </c>
      <c r="C85090" s="14" t="s">
        <v>23</v>
      </c>
      <c r="D85090" s="14" t="s">
        <v>429</v>
      </c>
      <c r="E85090" s="15">
        <v>45421</v>
      </c>
      <c r="F85090" s="14" t="s">
        <v>15</v>
      </c>
      <c r="G85090" s="16">
        <v>0.65309509807050969</v>
      </c>
    </row>
    <row r="85091" spans="1:7" x14ac:dyDescent="0.3">
      <c r="A85091" s="13" t="s">
        <v>428</v>
      </c>
      <c r="B85091" s="14" t="s">
        <v>1</v>
      </c>
      <c r="C85091" s="14" t="s">
        <v>23</v>
      </c>
      <c r="D85091" s="14" t="s">
        <v>429</v>
      </c>
      <c r="E85091" s="15">
        <v>45422</v>
      </c>
      <c r="F85091" s="14" t="s">
        <v>15</v>
      </c>
      <c r="G85091" s="16">
        <v>0.66917567876552941</v>
      </c>
    </row>
    <row r="85092" spans="1:7" x14ac:dyDescent="0.3">
      <c r="A85092" s="13" t="s">
        <v>428</v>
      </c>
      <c r="B85092" s="14" t="s">
        <v>1</v>
      </c>
      <c r="C85092" s="14" t="s">
        <v>23</v>
      </c>
      <c r="D85092" s="14" t="s">
        <v>429</v>
      </c>
      <c r="E85092" s="15">
        <v>45423</v>
      </c>
      <c r="F85092" s="14" t="s">
        <v>15</v>
      </c>
      <c r="G85092" s="16">
        <v>0.66917567876552941</v>
      </c>
    </row>
    <row r="85093" spans="1:7" x14ac:dyDescent="0.3">
      <c r="A85093" s="13" t="s">
        <v>428</v>
      </c>
      <c r="B85093" s="14" t="s">
        <v>1</v>
      </c>
      <c r="C85093" s="14" t="s">
        <v>23</v>
      </c>
      <c r="D85093" s="14" t="s">
        <v>429</v>
      </c>
      <c r="E85093" s="15">
        <v>45424</v>
      </c>
      <c r="F85093" s="14" t="s">
        <v>15</v>
      </c>
      <c r="G85093" s="16">
        <v>0.66917567876552941</v>
      </c>
    </row>
    <row r="85094" spans="1:7" x14ac:dyDescent="0.3">
      <c r="A85094" s="13" t="s">
        <v>428</v>
      </c>
      <c r="B85094" s="14" t="s">
        <v>1</v>
      </c>
      <c r="C85094" s="14" t="s">
        <v>23</v>
      </c>
      <c r="D85094" s="14" t="s">
        <v>429</v>
      </c>
      <c r="E85094" s="15">
        <v>45425</v>
      </c>
      <c r="F85094" s="14" t="s">
        <v>15</v>
      </c>
      <c r="G85094" s="16">
        <v>0.68625625946054902</v>
      </c>
    </row>
    <row r="85095" spans="1:7" x14ac:dyDescent="0.3">
      <c r="A85095" s="13" t="s">
        <v>428</v>
      </c>
      <c r="B85095" s="14" t="s">
        <v>1</v>
      </c>
      <c r="C85095" s="14" t="s">
        <v>23</v>
      </c>
      <c r="D85095" s="14" t="s">
        <v>429</v>
      </c>
      <c r="E85095" s="15">
        <v>45426</v>
      </c>
      <c r="F85095" s="14" t="s">
        <v>15</v>
      </c>
      <c r="G85095" s="16">
        <v>0.73833684015556855</v>
      </c>
    </row>
    <row r="85096" spans="1:7" x14ac:dyDescent="0.3">
      <c r="A85096" s="13" t="s">
        <v>428</v>
      </c>
      <c r="B85096" s="14" t="s">
        <v>1</v>
      </c>
      <c r="C85096" s="14" t="s">
        <v>23</v>
      </c>
      <c r="D85096" s="14" t="s">
        <v>429</v>
      </c>
      <c r="E85096" s="15">
        <v>45427</v>
      </c>
      <c r="F85096" s="14" t="s">
        <v>15</v>
      </c>
      <c r="G85096" s="16">
        <v>0.75541742085058816</v>
      </c>
    </row>
    <row r="85097" spans="1:7" x14ac:dyDescent="0.3">
      <c r="A85097" s="13" t="s">
        <v>428</v>
      </c>
      <c r="B85097" s="14" t="s">
        <v>1</v>
      </c>
      <c r="C85097" s="14" t="s">
        <v>23</v>
      </c>
      <c r="D85097" s="14" t="s">
        <v>429</v>
      </c>
      <c r="E85097" s="15">
        <v>45428</v>
      </c>
      <c r="F85097" s="14" t="s">
        <v>15</v>
      </c>
      <c r="G85097" s="16">
        <v>0.77249800154560777</v>
      </c>
    </row>
    <row r="85098" spans="1:7" x14ac:dyDescent="0.3">
      <c r="A85098" s="13" t="s">
        <v>428</v>
      </c>
      <c r="B85098" s="14" t="s">
        <v>1</v>
      </c>
      <c r="C85098" s="14" t="s">
        <v>23</v>
      </c>
      <c r="D85098" s="14" t="s">
        <v>429</v>
      </c>
      <c r="E85098" s="15">
        <v>45429</v>
      </c>
      <c r="F85098" s="14" t="s">
        <v>15</v>
      </c>
      <c r="G85098" s="16">
        <v>0.78957858224062738</v>
      </c>
    </row>
    <row r="85099" spans="1:7" x14ac:dyDescent="0.3">
      <c r="A85099" s="13" t="s">
        <v>428</v>
      </c>
      <c r="B85099" s="14" t="s">
        <v>1</v>
      </c>
      <c r="C85099" s="14" t="s">
        <v>23</v>
      </c>
      <c r="D85099" s="14" t="s">
        <v>429</v>
      </c>
      <c r="E85099" s="15">
        <v>45430</v>
      </c>
      <c r="F85099" s="14" t="s">
        <v>15</v>
      </c>
      <c r="G85099" s="16">
        <v>0.78957858224062738</v>
      </c>
    </row>
    <row r="85100" spans="1:7" x14ac:dyDescent="0.3">
      <c r="A85100" s="13" t="s">
        <v>428</v>
      </c>
      <c r="B85100" s="14" t="s">
        <v>1</v>
      </c>
      <c r="C85100" s="14" t="s">
        <v>23</v>
      </c>
      <c r="D85100" s="14" t="s">
        <v>429</v>
      </c>
      <c r="E85100" s="15">
        <v>45431</v>
      </c>
      <c r="F85100" s="14" t="s">
        <v>15</v>
      </c>
      <c r="G85100" s="16">
        <v>0.78957858224062738</v>
      </c>
    </row>
    <row r="85101" spans="1:7" x14ac:dyDescent="0.3">
      <c r="A85101" s="13" t="s">
        <v>428</v>
      </c>
      <c r="B85101" s="14" t="s">
        <v>1</v>
      </c>
      <c r="C85101" s="14" t="s">
        <v>23</v>
      </c>
      <c r="D85101" s="14" t="s">
        <v>429</v>
      </c>
      <c r="E85101" s="15">
        <v>45432</v>
      </c>
      <c r="F85101" s="14" t="s">
        <v>15</v>
      </c>
      <c r="G85101" s="16">
        <v>0.80665916293564699</v>
      </c>
    </row>
    <row r="85102" spans="1:7" x14ac:dyDescent="0.3">
      <c r="A85102" s="13" t="s">
        <v>428</v>
      </c>
      <c r="B85102" s="14" t="s">
        <v>1</v>
      </c>
      <c r="C85102" s="14" t="s">
        <v>23</v>
      </c>
      <c r="D85102" s="14" t="s">
        <v>429</v>
      </c>
      <c r="E85102" s="15">
        <v>45433</v>
      </c>
      <c r="F85102" s="14" t="s">
        <v>15</v>
      </c>
      <c r="G85102" s="16">
        <v>0.85673974363066652</v>
      </c>
    </row>
    <row r="85103" spans="1:7" x14ac:dyDescent="0.3">
      <c r="A85103" s="13" t="s">
        <v>428</v>
      </c>
      <c r="B85103" s="14" t="s">
        <v>1</v>
      </c>
      <c r="C85103" s="14" t="s">
        <v>23</v>
      </c>
      <c r="D85103" s="14" t="s">
        <v>429</v>
      </c>
      <c r="E85103" s="15">
        <v>45434</v>
      </c>
      <c r="F85103" s="14" t="s">
        <v>15</v>
      </c>
      <c r="G85103" s="16">
        <v>0.87382032432568602</v>
      </c>
    </row>
    <row r="85104" spans="1:7" x14ac:dyDescent="0.3">
      <c r="A85104" s="13" t="s">
        <v>428</v>
      </c>
      <c r="B85104" s="14" t="s">
        <v>1</v>
      </c>
      <c r="C85104" s="14" t="s">
        <v>23</v>
      </c>
      <c r="D85104" s="14" t="s">
        <v>429</v>
      </c>
      <c r="E85104" s="15">
        <v>45435</v>
      </c>
      <c r="F85104" s="14" t="s">
        <v>15</v>
      </c>
      <c r="G85104" s="16">
        <v>0.89290090502070574</v>
      </c>
    </row>
    <row r="85105" spans="1:7" x14ac:dyDescent="0.3">
      <c r="A85105" s="13" t="s">
        <v>428</v>
      </c>
      <c r="B85105" s="14" t="s">
        <v>1</v>
      </c>
      <c r="C85105" s="14" t="s">
        <v>23</v>
      </c>
      <c r="D85105" s="14" t="s">
        <v>429</v>
      </c>
      <c r="E85105" s="15">
        <v>45436</v>
      </c>
      <c r="F85105" s="14" t="s">
        <v>15</v>
      </c>
      <c r="G85105" s="16">
        <v>0.90898148571572523</v>
      </c>
    </row>
    <row r="85106" spans="1:7" x14ac:dyDescent="0.3">
      <c r="A85106" s="13" t="s">
        <v>428</v>
      </c>
      <c r="B85106" s="14" t="s">
        <v>1</v>
      </c>
      <c r="C85106" s="14" t="s">
        <v>23</v>
      </c>
      <c r="D85106" s="14" t="s">
        <v>429</v>
      </c>
      <c r="E85106" s="15">
        <v>45437</v>
      </c>
      <c r="F85106" s="14" t="s">
        <v>15</v>
      </c>
      <c r="G85106" s="16">
        <v>0.90898148571572523</v>
      </c>
    </row>
    <row r="85107" spans="1:7" x14ac:dyDescent="0.3">
      <c r="A85107" s="13" t="s">
        <v>428</v>
      </c>
      <c r="B85107" s="14" t="s">
        <v>1</v>
      </c>
      <c r="C85107" s="14" t="s">
        <v>23</v>
      </c>
      <c r="D85107" s="14" t="s">
        <v>429</v>
      </c>
      <c r="E85107" s="15">
        <v>45438</v>
      </c>
      <c r="F85107" s="14" t="s">
        <v>15</v>
      </c>
      <c r="G85107" s="16">
        <v>0.90898148571572523</v>
      </c>
    </row>
    <row r="85108" spans="1:7" x14ac:dyDescent="0.3">
      <c r="A85108" s="13" t="s">
        <v>428</v>
      </c>
      <c r="B85108" s="14" t="s">
        <v>1</v>
      </c>
      <c r="C85108" s="14" t="s">
        <v>23</v>
      </c>
      <c r="D85108" s="14" t="s">
        <v>429</v>
      </c>
      <c r="E85108" s="15">
        <v>45439</v>
      </c>
      <c r="F85108" s="14" t="s">
        <v>15</v>
      </c>
      <c r="G85108" s="16">
        <v>0.90898148571572523</v>
      </c>
    </row>
    <row r="85109" spans="1:7" x14ac:dyDescent="0.3">
      <c r="A85109" s="13" t="s">
        <v>428</v>
      </c>
      <c r="B85109" s="14" t="s">
        <v>1</v>
      </c>
      <c r="C85109" s="14" t="s">
        <v>23</v>
      </c>
      <c r="D85109" s="14" t="s">
        <v>429</v>
      </c>
      <c r="E85109" s="15">
        <v>45440</v>
      </c>
      <c r="F85109" s="14" t="s">
        <v>15</v>
      </c>
      <c r="G85109" s="16">
        <v>0.92506206641074473</v>
      </c>
    </row>
    <row r="85110" spans="1:7" x14ac:dyDescent="0.3">
      <c r="A85110" s="13" t="s">
        <v>428</v>
      </c>
      <c r="B85110" s="14" t="s">
        <v>1</v>
      </c>
      <c r="C85110" s="14" t="s">
        <v>23</v>
      </c>
      <c r="D85110" s="14" t="s">
        <v>429</v>
      </c>
      <c r="E85110" s="15">
        <v>45441</v>
      </c>
      <c r="F85110" s="14" t="s">
        <v>15</v>
      </c>
      <c r="G85110" s="16">
        <v>0.98514264710576449</v>
      </c>
    </row>
    <row r="85111" spans="1:7" x14ac:dyDescent="0.3">
      <c r="A85111" s="13" t="s">
        <v>428</v>
      </c>
      <c r="B85111" s="14" t="s">
        <v>1</v>
      </c>
      <c r="C85111" s="14" t="s">
        <v>23</v>
      </c>
      <c r="D85111" s="14" t="s">
        <v>429</v>
      </c>
      <c r="E85111" s="15">
        <v>45442</v>
      </c>
      <c r="F85111" s="14" t="s">
        <v>15</v>
      </c>
      <c r="G85111" s="16">
        <v>1.0032232278007842</v>
      </c>
    </row>
    <row r="85112" spans="1:7" x14ac:dyDescent="0.3">
      <c r="A85112" s="13" t="s">
        <v>428</v>
      </c>
      <c r="B85112" s="14" t="s">
        <v>1</v>
      </c>
      <c r="C85112" s="14" t="s">
        <v>23</v>
      </c>
      <c r="D85112" s="14" t="s">
        <v>429</v>
      </c>
      <c r="E85112" s="15">
        <v>45443</v>
      </c>
      <c r="F85112" s="14" t="s">
        <v>15</v>
      </c>
      <c r="G85112" s="16">
        <v>1.0143038084958038</v>
      </c>
    </row>
    <row r="85113" spans="1:7" x14ac:dyDescent="0.3">
      <c r="A85113" s="13" t="s">
        <v>428</v>
      </c>
      <c r="B85113" s="14" t="s">
        <v>1</v>
      </c>
      <c r="C85113" s="14" t="s">
        <v>23</v>
      </c>
      <c r="D85113" s="14" t="s">
        <v>429</v>
      </c>
      <c r="E85113" s="15">
        <v>45444</v>
      </c>
      <c r="F85113" s="14" t="s">
        <v>15</v>
      </c>
      <c r="G85113" s="16">
        <v>1.0143038084958038</v>
      </c>
    </row>
    <row r="85114" spans="1:7" x14ac:dyDescent="0.3">
      <c r="A85114" s="13" t="s">
        <v>428</v>
      </c>
      <c r="B85114" s="14" t="s">
        <v>1</v>
      </c>
      <c r="C85114" s="14" t="s">
        <v>23</v>
      </c>
      <c r="D85114" s="14" t="s">
        <v>429</v>
      </c>
      <c r="E85114" s="15">
        <v>45445</v>
      </c>
      <c r="F85114" s="14" t="s">
        <v>15</v>
      </c>
      <c r="G85114" s="16">
        <v>1.0143038084958038</v>
      </c>
    </row>
    <row r="85115" spans="1:7" x14ac:dyDescent="0.3">
      <c r="A85115" s="13" t="s">
        <v>428</v>
      </c>
      <c r="B85115" s="14" t="s">
        <v>1</v>
      </c>
      <c r="C85115" s="14" t="s">
        <v>23</v>
      </c>
      <c r="D85115" s="14" t="s">
        <v>429</v>
      </c>
      <c r="E85115" s="15">
        <v>45446</v>
      </c>
      <c r="F85115" s="14" t="s">
        <v>15</v>
      </c>
      <c r="G85115" s="16">
        <v>1.0143038084958038</v>
      </c>
    </row>
    <row r="85116" spans="1:7" x14ac:dyDescent="0.3">
      <c r="A85116" s="13" t="s">
        <v>428</v>
      </c>
      <c r="B85116" s="14" t="s">
        <v>1</v>
      </c>
      <c r="C85116" s="14" t="s">
        <v>23</v>
      </c>
      <c r="D85116" s="14" t="s">
        <v>429</v>
      </c>
      <c r="E85116" s="15">
        <v>45447</v>
      </c>
      <c r="F85116" s="14" t="s">
        <v>15</v>
      </c>
      <c r="G85116" s="16">
        <v>1.0333843891908234</v>
      </c>
    </row>
    <row r="85117" spans="1:7" x14ac:dyDescent="0.3">
      <c r="A85117" s="13" t="s">
        <v>428</v>
      </c>
      <c r="B85117" s="14" t="s">
        <v>1</v>
      </c>
      <c r="C85117" s="14" t="s">
        <v>23</v>
      </c>
      <c r="D85117" s="14" t="s">
        <v>429</v>
      </c>
      <c r="E85117" s="15">
        <v>45448</v>
      </c>
      <c r="F85117" s="14" t="s">
        <v>15</v>
      </c>
      <c r="G85117" s="16">
        <v>1.1024649698858431</v>
      </c>
    </row>
    <row r="85118" spans="1:7" x14ac:dyDescent="0.3">
      <c r="A85118" s="13" t="s">
        <v>428</v>
      </c>
      <c r="B85118" s="14" t="s">
        <v>1</v>
      </c>
      <c r="C85118" s="14" t="s">
        <v>23</v>
      </c>
      <c r="D85118" s="14" t="s">
        <v>429</v>
      </c>
      <c r="E85118" s="15">
        <v>45449</v>
      </c>
      <c r="F85118" s="14" t="s">
        <v>15</v>
      </c>
      <c r="G85118" s="16">
        <v>1.1185455505808626</v>
      </c>
    </row>
    <row r="85119" spans="1:7" x14ac:dyDescent="0.3">
      <c r="A85119" s="13" t="s">
        <v>428</v>
      </c>
      <c r="B85119" s="14" t="s">
        <v>1</v>
      </c>
      <c r="C85119" s="14" t="s">
        <v>23</v>
      </c>
      <c r="D85119" s="14" t="s">
        <v>429</v>
      </c>
      <c r="E85119" s="15">
        <v>45450</v>
      </c>
      <c r="F85119" s="14" t="s">
        <v>15</v>
      </c>
      <c r="G85119" s="16">
        <v>1.1546261312758823</v>
      </c>
    </row>
    <row r="85120" spans="1:7" x14ac:dyDescent="0.3">
      <c r="A85120" s="13" t="s">
        <v>428</v>
      </c>
      <c r="B85120" s="14" t="s">
        <v>1</v>
      </c>
      <c r="C85120" s="14" t="s">
        <v>23</v>
      </c>
      <c r="D85120" s="14" t="s">
        <v>429</v>
      </c>
      <c r="E85120" s="15">
        <v>45451</v>
      </c>
      <c r="F85120" s="14" t="s">
        <v>15</v>
      </c>
      <c r="G85120" s="16">
        <v>1.1546261312758823</v>
      </c>
    </row>
    <row r="85121" spans="1:7" x14ac:dyDescent="0.3">
      <c r="A85121" s="13" t="s">
        <v>428</v>
      </c>
      <c r="B85121" s="14" t="s">
        <v>1</v>
      </c>
      <c r="C85121" s="14" t="s">
        <v>23</v>
      </c>
      <c r="D85121" s="14" t="s">
        <v>429</v>
      </c>
      <c r="E85121" s="15">
        <v>45452</v>
      </c>
      <c r="F85121" s="14" t="s">
        <v>15</v>
      </c>
      <c r="G85121" s="16">
        <v>1.1546261312758823</v>
      </c>
    </row>
    <row r="85122" spans="1:7" x14ac:dyDescent="0.3">
      <c r="A85122" s="13" t="s">
        <v>428</v>
      </c>
      <c r="B85122" s="14" t="s">
        <v>1</v>
      </c>
      <c r="C85122" s="14" t="s">
        <v>23</v>
      </c>
      <c r="D85122" s="14" t="s">
        <v>429</v>
      </c>
      <c r="E85122" s="15">
        <v>45453</v>
      </c>
      <c r="F85122" s="14" t="s">
        <v>15</v>
      </c>
      <c r="G85122" s="16">
        <v>1.1707067119709018</v>
      </c>
    </row>
    <row r="85123" spans="1:7" x14ac:dyDescent="0.3">
      <c r="A85123" s="13" t="s">
        <v>428</v>
      </c>
      <c r="B85123" s="14" t="s">
        <v>1</v>
      </c>
      <c r="C85123" s="14" t="s">
        <v>23</v>
      </c>
      <c r="D85123" s="14" t="s">
        <v>429</v>
      </c>
      <c r="E85123" s="15">
        <v>45454</v>
      </c>
      <c r="F85123" s="14" t="s">
        <v>15</v>
      </c>
      <c r="G85123" s="16">
        <v>1.2187872926659213</v>
      </c>
    </row>
    <row r="85124" spans="1:7" x14ac:dyDescent="0.3">
      <c r="A85124" s="13" t="s">
        <v>428</v>
      </c>
      <c r="B85124" s="14" t="s">
        <v>1</v>
      </c>
      <c r="C85124" s="14" t="s">
        <v>23</v>
      </c>
      <c r="D85124" s="14" t="s">
        <v>429</v>
      </c>
      <c r="E85124" s="15">
        <v>45455</v>
      </c>
      <c r="F85124" s="14" t="s">
        <v>15</v>
      </c>
      <c r="G85124" s="16">
        <v>1.2348678733609408</v>
      </c>
    </row>
    <row r="85125" spans="1:7" x14ac:dyDescent="0.3">
      <c r="A85125" s="13" t="s">
        <v>428</v>
      </c>
      <c r="B85125" s="14" t="s">
        <v>1</v>
      </c>
      <c r="C85125" s="14" t="s">
        <v>23</v>
      </c>
      <c r="D85125" s="14" t="s">
        <v>429</v>
      </c>
      <c r="E85125" s="15">
        <v>45456</v>
      </c>
      <c r="F85125" s="14" t="s">
        <v>15</v>
      </c>
      <c r="G85125" s="16">
        <v>1.2499484540559604</v>
      </c>
    </row>
    <row r="85126" spans="1:7" x14ac:dyDescent="0.3">
      <c r="A85126" s="13" t="s">
        <v>428</v>
      </c>
      <c r="B85126" s="14" t="s">
        <v>1</v>
      </c>
      <c r="C85126" s="14" t="s">
        <v>23</v>
      </c>
      <c r="D85126" s="14" t="s">
        <v>429</v>
      </c>
      <c r="E85126" s="15">
        <v>45457</v>
      </c>
      <c r="F85126" s="14" t="s">
        <v>15</v>
      </c>
      <c r="G85126" s="16">
        <v>1.2670290347509801</v>
      </c>
    </row>
    <row r="85127" spans="1:7" x14ac:dyDescent="0.3">
      <c r="A85127" s="13" t="s">
        <v>428</v>
      </c>
      <c r="B85127" s="14" t="s">
        <v>1</v>
      </c>
      <c r="C85127" s="14" t="s">
        <v>23</v>
      </c>
      <c r="D85127" s="14" t="s">
        <v>429</v>
      </c>
      <c r="E85127" s="15">
        <v>45458</v>
      </c>
      <c r="F85127" s="14" t="s">
        <v>15</v>
      </c>
      <c r="G85127" s="16">
        <v>1.2670290347509801</v>
      </c>
    </row>
    <row r="85128" spans="1:7" x14ac:dyDescent="0.3">
      <c r="A85128" s="13" t="s">
        <v>428</v>
      </c>
      <c r="B85128" s="14" t="s">
        <v>1</v>
      </c>
      <c r="C85128" s="14" t="s">
        <v>23</v>
      </c>
      <c r="D85128" s="14" t="s">
        <v>429</v>
      </c>
      <c r="E85128" s="15">
        <v>45459</v>
      </c>
      <c r="F85128" s="14" t="s">
        <v>15</v>
      </c>
      <c r="G85128" s="16">
        <v>1.2670290347509801</v>
      </c>
    </row>
    <row r="85129" spans="1:7" x14ac:dyDescent="0.3">
      <c r="A85129" s="13" t="s">
        <v>428</v>
      </c>
      <c r="B85129" s="14" t="s">
        <v>1</v>
      </c>
      <c r="C85129" s="14" t="s">
        <v>23</v>
      </c>
      <c r="D85129" s="14" t="s">
        <v>429</v>
      </c>
      <c r="E85129" s="15">
        <v>45460</v>
      </c>
      <c r="F85129" s="14" t="s">
        <v>15</v>
      </c>
      <c r="G85129" s="16">
        <v>1.2831096154459996</v>
      </c>
    </row>
    <row r="85130" spans="1:7" x14ac:dyDescent="0.3">
      <c r="A85130" s="13" t="s">
        <v>428</v>
      </c>
      <c r="B85130" s="14" t="s">
        <v>1</v>
      </c>
      <c r="C85130" s="14" t="s">
        <v>23</v>
      </c>
      <c r="D85130" s="14" t="s">
        <v>429</v>
      </c>
      <c r="E85130" s="15">
        <v>45461</v>
      </c>
      <c r="F85130" s="14" t="s">
        <v>15</v>
      </c>
      <c r="G85130" s="16">
        <v>1.3311901961410191</v>
      </c>
    </row>
    <row r="85131" spans="1:7" x14ac:dyDescent="0.3">
      <c r="A85131" s="13" t="s">
        <v>428</v>
      </c>
      <c r="B85131" s="14" t="s">
        <v>1</v>
      </c>
      <c r="C85131" s="14" t="s">
        <v>23</v>
      </c>
      <c r="D85131" s="14" t="s">
        <v>429</v>
      </c>
      <c r="E85131" s="15">
        <v>45462</v>
      </c>
      <c r="F85131" s="14" t="s">
        <v>15</v>
      </c>
      <c r="G85131" s="16">
        <v>1.3311901961410191</v>
      </c>
    </row>
    <row r="85132" spans="1:7" x14ac:dyDescent="0.3">
      <c r="A85132" s="13" t="s">
        <v>428</v>
      </c>
      <c r="B85132" s="14" t="s">
        <v>1</v>
      </c>
      <c r="C85132" s="14" t="s">
        <v>23</v>
      </c>
      <c r="D85132" s="14" t="s">
        <v>429</v>
      </c>
      <c r="E85132" s="15">
        <v>45463</v>
      </c>
      <c r="F85132" s="14" t="s">
        <v>15</v>
      </c>
      <c r="G85132" s="16">
        <v>1.3472707768360386</v>
      </c>
    </row>
    <row r="85133" spans="1:7" x14ac:dyDescent="0.3">
      <c r="A85133" s="13" t="s">
        <v>428</v>
      </c>
      <c r="B85133" s="14" t="s">
        <v>1</v>
      </c>
      <c r="C85133" s="14" t="s">
        <v>23</v>
      </c>
      <c r="D85133" s="14" t="s">
        <v>429</v>
      </c>
      <c r="E85133" s="15">
        <v>45464</v>
      </c>
      <c r="F85133" s="14" t="s">
        <v>15</v>
      </c>
      <c r="G85133" s="16">
        <v>1.3803513575310582</v>
      </c>
    </row>
    <row r="85134" spans="1:7" x14ac:dyDescent="0.3">
      <c r="A85134" s="13" t="s">
        <v>428</v>
      </c>
      <c r="B85134" s="14" t="s">
        <v>1</v>
      </c>
      <c r="C85134" s="14" t="s">
        <v>23</v>
      </c>
      <c r="D85134" s="14" t="s">
        <v>429</v>
      </c>
      <c r="E85134" s="15">
        <v>45465</v>
      </c>
      <c r="F85134" s="14" t="s">
        <v>15</v>
      </c>
      <c r="G85134" s="16">
        <v>1.3803513575310582</v>
      </c>
    </row>
    <row r="85135" spans="1:7" x14ac:dyDescent="0.3">
      <c r="A85135" s="13" t="s">
        <v>428</v>
      </c>
      <c r="B85135" s="14" t="s">
        <v>1</v>
      </c>
      <c r="C85135" s="14" t="s">
        <v>23</v>
      </c>
      <c r="D85135" s="14" t="s">
        <v>429</v>
      </c>
      <c r="E85135" s="15">
        <v>45466</v>
      </c>
      <c r="F85135" s="14" t="s">
        <v>15</v>
      </c>
      <c r="G85135" s="16">
        <v>1.3803513575310582</v>
      </c>
    </row>
    <row r="85136" spans="1:7" x14ac:dyDescent="0.3">
      <c r="A85136" s="13" t="s">
        <v>428</v>
      </c>
      <c r="B85136" s="14" t="s">
        <v>1</v>
      </c>
      <c r="C85136" s="14" t="s">
        <v>23</v>
      </c>
      <c r="D85136" s="14" t="s">
        <v>429</v>
      </c>
      <c r="E85136" s="15">
        <v>45467</v>
      </c>
      <c r="F85136" s="14" t="s">
        <v>15</v>
      </c>
      <c r="G85136" s="16">
        <v>1.3964319382260777</v>
      </c>
    </row>
    <row r="85137" spans="1:7" x14ac:dyDescent="0.3">
      <c r="A85137" s="13" t="s">
        <v>428</v>
      </c>
      <c r="B85137" s="14" t="s">
        <v>1</v>
      </c>
      <c r="C85137" s="14" t="s">
        <v>23</v>
      </c>
      <c r="D85137" s="14" t="s">
        <v>429</v>
      </c>
      <c r="E85137" s="15">
        <v>45468</v>
      </c>
      <c r="F85137" s="14" t="s">
        <v>15</v>
      </c>
      <c r="G85137" s="16">
        <v>1.4465125189210972</v>
      </c>
    </row>
    <row r="85138" spans="1:7" x14ac:dyDescent="0.3">
      <c r="A85138" s="13" t="s">
        <v>428</v>
      </c>
      <c r="B85138" s="14" t="s">
        <v>1</v>
      </c>
      <c r="C85138" s="14" t="s">
        <v>23</v>
      </c>
      <c r="D85138" s="14" t="s">
        <v>429</v>
      </c>
      <c r="E85138" s="15">
        <v>45469</v>
      </c>
      <c r="F85138" s="14" t="s">
        <v>15</v>
      </c>
      <c r="G85138" s="16">
        <v>1.4615930996161168</v>
      </c>
    </row>
    <row r="85139" spans="1:7" x14ac:dyDescent="0.3">
      <c r="A85139" s="13" t="s">
        <v>428</v>
      </c>
      <c r="B85139" s="14" t="s">
        <v>1</v>
      </c>
      <c r="C85139" s="14" t="s">
        <v>23</v>
      </c>
      <c r="D85139" s="14" t="s">
        <v>429</v>
      </c>
      <c r="E85139" s="15">
        <v>45470</v>
      </c>
      <c r="F85139" s="14" t="s">
        <v>15</v>
      </c>
      <c r="G85139" s="16">
        <v>1.4776736803111363</v>
      </c>
    </row>
    <row r="85140" spans="1:7" x14ac:dyDescent="0.3">
      <c r="A85140" s="13" t="s">
        <v>428</v>
      </c>
      <c r="B85140" s="14" t="s">
        <v>1</v>
      </c>
      <c r="C85140" s="14" t="s">
        <v>23</v>
      </c>
      <c r="D85140" s="14" t="s">
        <v>429</v>
      </c>
      <c r="E85140" s="15">
        <v>45471</v>
      </c>
      <c r="F85140" s="14" t="s">
        <v>15</v>
      </c>
      <c r="G85140" s="16">
        <v>1.4937542610061558</v>
      </c>
    </row>
    <row r="85141" spans="1:7" x14ac:dyDescent="0.3">
      <c r="A85141" s="13" t="s">
        <v>428</v>
      </c>
      <c r="B85141" s="14" t="s">
        <v>1</v>
      </c>
      <c r="C85141" s="14" t="s">
        <v>23</v>
      </c>
      <c r="D85141" s="14" t="s">
        <v>429</v>
      </c>
      <c r="E85141" s="15">
        <v>45472</v>
      </c>
      <c r="F85141" s="14" t="s">
        <v>15</v>
      </c>
      <c r="G85141" s="16">
        <v>1.4937542610061558</v>
      </c>
    </row>
    <row r="85142" spans="1:7" x14ac:dyDescent="0.3">
      <c r="A85142" s="13" t="s">
        <v>428</v>
      </c>
      <c r="B85142" s="14" t="s">
        <v>1</v>
      </c>
      <c r="C85142" s="14" t="s">
        <v>23</v>
      </c>
      <c r="D85142" s="14" t="s">
        <v>429</v>
      </c>
      <c r="E85142" s="15">
        <v>45473</v>
      </c>
      <c r="F85142" s="14" t="s">
        <v>15</v>
      </c>
      <c r="G85142" s="16">
        <v>1.4937542610061558</v>
      </c>
    </row>
    <row r="85143" spans="1:7" x14ac:dyDescent="0.3">
      <c r="A85143" s="13" t="s">
        <v>428</v>
      </c>
      <c r="B85143" s="14" t="s">
        <v>1</v>
      </c>
      <c r="C85143" s="14" t="s">
        <v>23</v>
      </c>
      <c r="D85143" s="14" t="s">
        <v>429</v>
      </c>
      <c r="E85143" s="15">
        <v>45474</v>
      </c>
      <c r="F85143" s="14" t="s">
        <v>15</v>
      </c>
      <c r="G85143" s="16">
        <v>1.5098348417011755</v>
      </c>
    </row>
    <row r="85144" spans="1:7" x14ac:dyDescent="0.3">
      <c r="A85144" s="13" t="s">
        <v>428</v>
      </c>
      <c r="B85144" s="14" t="s">
        <v>1</v>
      </c>
      <c r="C85144" s="14" t="s">
        <v>23</v>
      </c>
      <c r="D85144" s="14" t="s">
        <v>429</v>
      </c>
      <c r="E85144" s="15">
        <v>45475</v>
      </c>
      <c r="F85144" s="14" t="s">
        <v>15</v>
      </c>
      <c r="G85144" s="16">
        <v>1.558915422396195</v>
      </c>
    </row>
    <row r="85145" spans="1:7" x14ac:dyDescent="0.3">
      <c r="A85145" s="13" t="s">
        <v>428</v>
      </c>
      <c r="B85145" s="14" t="s">
        <v>1</v>
      </c>
      <c r="C85145" s="14" t="s">
        <v>23</v>
      </c>
      <c r="D85145" s="14" t="s">
        <v>429</v>
      </c>
      <c r="E85145" s="15">
        <v>45476</v>
      </c>
      <c r="F85145" s="14" t="s">
        <v>15</v>
      </c>
      <c r="G85145" s="16">
        <v>1.5749960030912145</v>
      </c>
    </row>
    <row r="85146" spans="1:7" x14ac:dyDescent="0.3">
      <c r="A85146" s="13" t="s">
        <v>428</v>
      </c>
      <c r="B85146" s="14" t="s">
        <v>1</v>
      </c>
      <c r="C85146" s="14" t="s">
        <v>23</v>
      </c>
      <c r="D85146" s="14" t="s">
        <v>429</v>
      </c>
      <c r="E85146" s="15">
        <v>45477</v>
      </c>
      <c r="F85146" s="14" t="s">
        <v>15</v>
      </c>
      <c r="G85146" s="16">
        <v>1.5749960030912145</v>
      </c>
    </row>
    <row r="85147" spans="1:7" x14ac:dyDescent="0.3">
      <c r="A85147" s="13" t="s">
        <v>428</v>
      </c>
      <c r="B85147" s="14" t="s">
        <v>1</v>
      </c>
      <c r="C85147" s="14" t="s">
        <v>23</v>
      </c>
      <c r="D85147" s="14" t="s">
        <v>429</v>
      </c>
      <c r="E85147" s="15">
        <v>45478</v>
      </c>
      <c r="F85147" s="14" t="s">
        <v>15</v>
      </c>
      <c r="G85147" s="16">
        <v>1.5910765837862342</v>
      </c>
    </row>
    <row r="85148" spans="1:7" x14ac:dyDescent="0.3">
      <c r="A85148" s="13" t="s">
        <v>428</v>
      </c>
      <c r="B85148" s="14" t="s">
        <v>1</v>
      </c>
      <c r="C85148" s="14" t="s">
        <v>23</v>
      </c>
      <c r="D85148" s="14" t="s">
        <v>429</v>
      </c>
      <c r="E85148" s="15">
        <v>45479</v>
      </c>
      <c r="F85148" s="14" t="s">
        <v>15</v>
      </c>
      <c r="G85148" s="16">
        <v>1.5910765837862342</v>
      </c>
    </row>
    <row r="85149" spans="1:7" x14ac:dyDescent="0.3">
      <c r="A85149" s="13" t="s">
        <v>428</v>
      </c>
      <c r="B85149" s="14" t="s">
        <v>1</v>
      </c>
      <c r="C85149" s="14" t="s">
        <v>23</v>
      </c>
      <c r="D85149" s="14" t="s">
        <v>429</v>
      </c>
      <c r="E85149" s="15">
        <v>45480</v>
      </c>
      <c r="F85149" s="14" t="s">
        <v>15</v>
      </c>
      <c r="G85149" s="16">
        <v>1.5910765837862342</v>
      </c>
    </row>
    <row r="85150" spans="1:7" x14ac:dyDescent="0.3">
      <c r="A85150" s="13" t="s">
        <v>428</v>
      </c>
      <c r="B85150" s="14" t="s">
        <v>1</v>
      </c>
      <c r="C85150" s="14" t="s">
        <v>23</v>
      </c>
      <c r="D85150" s="14" t="s">
        <v>429</v>
      </c>
      <c r="E85150" s="15">
        <v>45481</v>
      </c>
      <c r="F85150" s="14" t="s">
        <v>15</v>
      </c>
      <c r="G85150" s="16">
        <v>1.6491571644812537</v>
      </c>
    </row>
    <row r="85151" spans="1:7" x14ac:dyDescent="0.3">
      <c r="A85151" s="13" t="s">
        <v>428</v>
      </c>
      <c r="B85151" s="14" t="s">
        <v>1</v>
      </c>
      <c r="C85151" s="14" t="s">
        <v>23</v>
      </c>
      <c r="D85151" s="14" t="s">
        <v>429</v>
      </c>
      <c r="E85151" s="15">
        <v>45482</v>
      </c>
      <c r="F85151" s="14" t="s">
        <v>15</v>
      </c>
      <c r="G85151" s="16">
        <v>1.6982377451762734</v>
      </c>
    </row>
    <row r="85152" spans="1:7" x14ac:dyDescent="0.3">
      <c r="A85152" s="13" t="s">
        <v>428</v>
      </c>
      <c r="B85152" s="14" t="s">
        <v>1</v>
      </c>
      <c r="C85152" s="14" t="s">
        <v>23</v>
      </c>
      <c r="D85152" s="14" t="s">
        <v>429</v>
      </c>
      <c r="E85152" s="15">
        <v>45483</v>
      </c>
      <c r="F85152" s="14" t="s">
        <v>15</v>
      </c>
      <c r="G85152" s="16">
        <v>1.7163183258712931</v>
      </c>
    </row>
    <row r="85153" spans="1:7" x14ac:dyDescent="0.3">
      <c r="A85153" s="13" t="s">
        <v>428</v>
      </c>
      <c r="B85153" s="14" t="s">
        <v>1</v>
      </c>
      <c r="C85153" s="14" t="s">
        <v>23</v>
      </c>
      <c r="D85153" s="14" t="s">
        <v>429</v>
      </c>
      <c r="E85153" s="15">
        <v>45484</v>
      </c>
      <c r="F85153" s="14" t="s">
        <v>15</v>
      </c>
      <c r="G85153" s="16">
        <v>1.7333989065663125</v>
      </c>
    </row>
    <row r="85154" spans="1:7" x14ac:dyDescent="0.3">
      <c r="A85154" s="13" t="s">
        <v>428</v>
      </c>
      <c r="B85154" s="14" t="s">
        <v>1</v>
      </c>
      <c r="C85154" s="14" t="s">
        <v>23</v>
      </c>
      <c r="D85154" s="14" t="s">
        <v>429</v>
      </c>
      <c r="E85154" s="15">
        <v>45485</v>
      </c>
      <c r="F85154" s="14" t="s">
        <v>15</v>
      </c>
      <c r="G85154" s="16">
        <v>1.7504794872613321</v>
      </c>
    </row>
    <row r="85155" spans="1:7" x14ac:dyDescent="0.3">
      <c r="A85155" s="13" t="s">
        <v>428</v>
      </c>
      <c r="B85155" s="14" t="s">
        <v>1</v>
      </c>
      <c r="C85155" s="14" t="s">
        <v>23</v>
      </c>
      <c r="D85155" s="14" t="s">
        <v>429</v>
      </c>
      <c r="E85155" s="15">
        <v>45486</v>
      </c>
      <c r="F85155" s="14" t="s">
        <v>15</v>
      </c>
      <c r="G85155" s="16">
        <v>1.7504794872613321</v>
      </c>
    </row>
    <row r="85156" spans="1:7" x14ac:dyDescent="0.3">
      <c r="A85156" s="13" t="s">
        <v>428</v>
      </c>
      <c r="B85156" s="14" t="s">
        <v>1</v>
      </c>
      <c r="C85156" s="14" t="s">
        <v>23</v>
      </c>
      <c r="D85156" s="14" t="s">
        <v>429</v>
      </c>
      <c r="E85156" s="15">
        <v>45487</v>
      </c>
      <c r="F85156" s="14" t="s">
        <v>15</v>
      </c>
      <c r="G85156" s="16">
        <v>1.7504794872613321</v>
      </c>
    </row>
    <row r="85157" spans="1:7" x14ac:dyDescent="0.3">
      <c r="A85157" s="13" t="s">
        <v>428</v>
      </c>
      <c r="B85157" s="14" t="s">
        <v>1</v>
      </c>
      <c r="C85157" s="14" t="s">
        <v>23</v>
      </c>
      <c r="D85157" s="14" t="s">
        <v>429</v>
      </c>
      <c r="E85157" s="15">
        <v>45488</v>
      </c>
      <c r="F85157" s="14" t="s">
        <v>15</v>
      </c>
      <c r="G85157" s="16">
        <v>1.7665600679563518</v>
      </c>
    </row>
    <row r="85158" spans="1:7" x14ac:dyDescent="0.3">
      <c r="A85158" s="13" t="s">
        <v>428</v>
      </c>
      <c r="B85158" s="14" t="s">
        <v>1</v>
      </c>
      <c r="C85158" s="14" t="s">
        <v>23</v>
      </c>
      <c r="D85158" s="14" t="s">
        <v>429</v>
      </c>
      <c r="E85158" s="15">
        <v>45489</v>
      </c>
      <c r="F85158" s="14" t="s">
        <v>15</v>
      </c>
      <c r="G85158" s="16">
        <v>1.8146406486513715</v>
      </c>
    </row>
    <row r="85159" spans="1:7" x14ac:dyDescent="0.3">
      <c r="A85159" s="13" t="s">
        <v>428</v>
      </c>
      <c r="B85159" s="14" t="s">
        <v>1</v>
      </c>
      <c r="C85159" s="14" t="s">
        <v>23</v>
      </c>
      <c r="D85159" s="14" t="s">
        <v>429</v>
      </c>
      <c r="E85159" s="15">
        <v>45490</v>
      </c>
      <c r="F85159" s="14" t="s">
        <v>15</v>
      </c>
      <c r="G85159" s="16">
        <v>1.8307212293463913</v>
      </c>
    </row>
    <row r="85160" spans="1:7" x14ac:dyDescent="0.3">
      <c r="A85160" s="13" t="s">
        <v>428</v>
      </c>
      <c r="B85160" s="14" t="s">
        <v>1</v>
      </c>
      <c r="C85160" s="14" t="s">
        <v>23</v>
      </c>
      <c r="D85160" s="14" t="s">
        <v>429</v>
      </c>
      <c r="E85160" s="15">
        <v>45491</v>
      </c>
      <c r="F85160" s="14" t="s">
        <v>15</v>
      </c>
      <c r="G85160" s="16">
        <v>1.846801810041411</v>
      </c>
    </row>
    <row r="85161" spans="1:7" x14ac:dyDescent="0.3">
      <c r="A85161" s="13" t="s">
        <v>428</v>
      </c>
      <c r="B85161" s="14" t="s">
        <v>1</v>
      </c>
      <c r="C85161" s="14" t="s">
        <v>23</v>
      </c>
      <c r="D85161" s="14" t="s">
        <v>429</v>
      </c>
      <c r="E85161" s="15">
        <v>45492</v>
      </c>
      <c r="F85161" s="14" t="s">
        <v>15</v>
      </c>
      <c r="G85161" s="16">
        <v>1.8628823907364307</v>
      </c>
    </row>
    <row r="85162" spans="1:7" x14ac:dyDescent="0.3">
      <c r="A85162" s="13" t="s">
        <v>428</v>
      </c>
      <c r="B85162" s="14" t="s">
        <v>1</v>
      </c>
      <c r="C85162" s="14" t="s">
        <v>23</v>
      </c>
      <c r="D85162" s="14" t="s">
        <v>429</v>
      </c>
      <c r="E85162" s="15">
        <v>45493</v>
      </c>
      <c r="F85162" s="14" t="s">
        <v>15</v>
      </c>
      <c r="G85162" s="16">
        <v>1.8628823907364307</v>
      </c>
    </row>
    <row r="85163" spans="1:7" x14ac:dyDescent="0.3">
      <c r="A85163" s="13" t="s">
        <v>428</v>
      </c>
      <c r="B85163" s="14" t="s">
        <v>1</v>
      </c>
      <c r="C85163" s="14" t="s">
        <v>23</v>
      </c>
      <c r="D85163" s="14" t="s">
        <v>429</v>
      </c>
      <c r="E85163" s="15">
        <v>45494</v>
      </c>
      <c r="F85163" s="14" t="s">
        <v>15</v>
      </c>
      <c r="G85163" s="16">
        <v>1.8628823907364307</v>
      </c>
    </row>
    <row r="85164" spans="1:7" x14ac:dyDescent="0.3">
      <c r="A85164" s="13" t="s">
        <v>428</v>
      </c>
      <c r="B85164" s="14" t="s">
        <v>1</v>
      </c>
      <c r="C85164" s="14" t="s">
        <v>23</v>
      </c>
      <c r="D85164" s="14" t="s">
        <v>429</v>
      </c>
      <c r="E85164" s="15">
        <v>45495</v>
      </c>
      <c r="F85164" s="14" t="s">
        <v>15</v>
      </c>
      <c r="G85164" s="16">
        <v>1.8789629714314504</v>
      </c>
    </row>
    <row r="85165" spans="1:7" x14ac:dyDescent="0.3">
      <c r="A85165" s="13" t="s">
        <v>428</v>
      </c>
      <c r="B85165" s="14" t="s">
        <v>1</v>
      </c>
      <c r="C85165" s="14" t="s">
        <v>23</v>
      </c>
      <c r="D85165" s="14" t="s">
        <v>429</v>
      </c>
      <c r="E85165" s="15">
        <v>45496</v>
      </c>
      <c r="F85165" s="14" t="s">
        <v>15</v>
      </c>
      <c r="G85165" s="16">
        <v>1.92604355212647</v>
      </c>
    </row>
    <row r="85166" spans="1:7" x14ac:dyDescent="0.3">
      <c r="A85166" s="13" t="s">
        <v>428</v>
      </c>
      <c r="B85166" s="14" t="s">
        <v>1</v>
      </c>
      <c r="C85166" s="14" t="s">
        <v>23</v>
      </c>
      <c r="D85166" s="14" t="s">
        <v>429</v>
      </c>
      <c r="E85166" s="15">
        <v>45497</v>
      </c>
      <c r="F85166" s="14" t="s">
        <v>15</v>
      </c>
      <c r="G85166" s="16">
        <v>1.9441241328214898</v>
      </c>
    </row>
    <row r="85167" spans="1:7" x14ac:dyDescent="0.3">
      <c r="A85167" s="13" t="s">
        <v>428</v>
      </c>
      <c r="B85167" s="14" t="s">
        <v>1</v>
      </c>
      <c r="C85167" s="14" t="s">
        <v>23</v>
      </c>
      <c r="D85167" s="14" t="s">
        <v>429</v>
      </c>
      <c r="E85167" s="15">
        <v>45498</v>
      </c>
      <c r="F85167" s="14" t="s">
        <v>15</v>
      </c>
      <c r="G85167" s="16">
        <v>1.9602047135165095</v>
      </c>
    </row>
    <row r="85168" spans="1:7" x14ac:dyDescent="0.3">
      <c r="A85168" s="13" t="s">
        <v>428</v>
      </c>
      <c r="B85168" s="14" t="s">
        <v>1</v>
      </c>
      <c r="C85168" s="14" t="s">
        <v>23</v>
      </c>
      <c r="D85168" s="14" t="s">
        <v>429</v>
      </c>
      <c r="E85168" s="15">
        <v>45499</v>
      </c>
      <c r="F85168" s="14" t="s">
        <v>15</v>
      </c>
      <c r="G85168" s="16">
        <v>1.9762852942115292</v>
      </c>
    </row>
    <row r="85169" spans="1:7" x14ac:dyDescent="0.3">
      <c r="A85169" s="13" t="s">
        <v>428</v>
      </c>
      <c r="B85169" s="14" t="s">
        <v>1</v>
      </c>
      <c r="C85169" s="14" t="s">
        <v>23</v>
      </c>
      <c r="D85169" s="14" t="s">
        <v>429</v>
      </c>
      <c r="E85169" s="15">
        <v>45500</v>
      </c>
      <c r="F85169" s="14" t="s">
        <v>15</v>
      </c>
      <c r="G85169" s="16">
        <v>1.9762852942115292</v>
      </c>
    </row>
    <row r="85170" spans="1:7" x14ac:dyDescent="0.3">
      <c r="A85170" s="13" t="s">
        <v>428</v>
      </c>
      <c r="B85170" s="14" t="s">
        <v>1</v>
      </c>
      <c r="C85170" s="14" t="s">
        <v>23</v>
      </c>
      <c r="D85170" s="14" t="s">
        <v>429</v>
      </c>
      <c r="E85170" s="15">
        <v>45501</v>
      </c>
      <c r="F85170" s="14" t="s">
        <v>15</v>
      </c>
      <c r="G85170" s="16">
        <v>1.9762852942115292</v>
      </c>
    </row>
    <row r="85171" spans="1:7" x14ac:dyDescent="0.3">
      <c r="A85171" s="13" t="s">
        <v>428</v>
      </c>
      <c r="B85171" s="14" t="s">
        <v>1</v>
      </c>
      <c r="C85171" s="14" t="s">
        <v>23</v>
      </c>
      <c r="D85171" s="14" t="s">
        <v>429</v>
      </c>
      <c r="E85171" s="15">
        <v>45502</v>
      </c>
      <c r="F85171" s="14" t="s">
        <v>15</v>
      </c>
      <c r="G85171" s="16">
        <v>1.9923658749065489</v>
      </c>
    </row>
    <row r="85172" spans="1:7" x14ac:dyDescent="0.3">
      <c r="A85172" s="13" t="s">
        <v>428</v>
      </c>
      <c r="B85172" s="14" t="s">
        <v>1</v>
      </c>
      <c r="C85172" s="14" t="s">
        <v>23</v>
      </c>
      <c r="D85172" s="14" t="s">
        <v>429</v>
      </c>
      <c r="E85172" s="15">
        <v>45503</v>
      </c>
      <c r="F85172" s="14" t="s">
        <v>15</v>
      </c>
      <c r="G85172" s="16">
        <v>2.0374464556015686</v>
      </c>
    </row>
    <row r="85173" spans="1:7" x14ac:dyDescent="0.3">
      <c r="A85173" s="13" t="s">
        <v>428</v>
      </c>
      <c r="B85173" s="14" t="s">
        <v>1</v>
      </c>
      <c r="C85173" s="14" t="s">
        <v>23</v>
      </c>
      <c r="D85173" s="14" t="s">
        <v>429</v>
      </c>
      <c r="E85173" s="15">
        <v>45504</v>
      </c>
      <c r="F85173" s="14" t="s">
        <v>15</v>
      </c>
      <c r="G85173" s="16">
        <v>2.0545270362965882</v>
      </c>
    </row>
    <row r="85174" spans="1:7" x14ac:dyDescent="0.3">
      <c r="A85174" s="13" t="s">
        <v>428</v>
      </c>
      <c r="B85174" s="14" t="s">
        <v>1</v>
      </c>
      <c r="C85174" s="14" t="s">
        <v>23</v>
      </c>
      <c r="D85174" s="14" t="s">
        <v>429</v>
      </c>
      <c r="E85174" s="15">
        <v>45505</v>
      </c>
      <c r="F85174" s="14" t="s">
        <v>15</v>
      </c>
      <c r="G85174" s="16">
        <v>2.0616076169916076</v>
      </c>
    </row>
    <row r="85175" spans="1:7" x14ac:dyDescent="0.3">
      <c r="A85175" s="13" t="s">
        <v>428</v>
      </c>
      <c r="B85175" s="14" t="s">
        <v>1</v>
      </c>
      <c r="C85175" s="14" t="s">
        <v>23</v>
      </c>
      <c r="D85175" s="14" t="s">
        <v>429</v>
      </c>
      <c r="E85175" s="15">
        <v>45506</v>
      </c>
      <c r="F85175" s="14" t="s">
        <v>15</v>
      </c>
      <c r="G85175" s="16">
        <v>2.0696881976866273</v>
      </c>
    </row>
    <row r="85176" spans="1:7" x14ac:dyDescent="0.3">
      <c r="A85176" s="13" t="s">
        <v>428</v>
      </c>
      <c r="B85176" s="14" t="s">
        <v>1</v>
      </c>
      <c r="C85176" s="14" t="s">
        <v>23</v>
      </c>
      <c r="D85176" s="14" t="s">
        <v>429</v>
      </c>
      <c r="E85176" s="15">
        <v>45507</v>
      </c>
      <c r="F85176" s="14" t="s">
        <v>15</v>
      </c>
      <c r="G85176" s="16">
        <v>2.0696881976866273</v>
      </c>
    </row>
    <row r="85177" spans="1:7" x14ac:dyDescent="0.3">
      <c r="A85177" s="13" t="s">
        <v>428</v>
      </c>
      <c r="B85177" s="14" t="s">
        <v>1</v>
      </c>
      <c r="C85177" s="14" t="s">
        <v>23</v>
      </c>
      <c r="D85177" s="14" t="s">
        <v>429</v>
      </c>
      <c r="E85177" s="15">
        <v>45508</v>
      </c>
      <c r="F85177" s="14" t="s">
        <v>15</v>
      </c>
      <c r="G85177" s="16">
        <v>2.0696881976866273</v>
      </c>
    </row>
    <row r="85178" spans="1:7" x14ac:dyDescent="0.3">
      <c r="A85178" s="13" t="s">
        <v>428</v>
      </c>
      <c r="B85178" s="14" t="s">
        <v>1</v>
      </c>
      <c r="C85178" s="14" t="s">
        <v>23</v>
      </c>
      <c r="D85178" s="14" t="s">
        <v>429</v>
      </c>
      <c r="E85178" s="15">
        <v>45509</v>
      </c>
      <c r="F85178" s="14" t="s">
        <v>15</v>
      </c>
      <c r="G85178" s="16">
        <v>2.0696881976866273</v>
      </c>
    </row>
    <row r="85179" spans="1:7" x14ac:dyDescent="0.3">
      <c r="A85179" s="13" t="s">
        <v>428</v>
      </c>
      <c r="B85179" s="14" t="s">
        <v>1</v>
      </c>
      <c r="C85179" s="14" t="s">
        <v>23</v>
      </c>
      <c r="D85179" s="14" t="s">
        <v>429</v>
      </c>
      <c r="E85179" s="15">
        <v>45510</v>
      </c>
      <c r="F85179" s="14" t="s">
        <v>15</v>
      </c>
      <c r="G85179" s="16">
        <v>2.0847687783816466</v>
      </c>
    </row>
    <row r="85180" spans="1:7" x14ac:dyDescent="0.3">
      <c r="A85180" s="13" t="s">
        <v>428</v>
      </c>
      <c r="B85180" s="14" t="s">
        <v>1</v>
      </c>
      <c r="C85180" s="14" t="s">
        <v>23</v>
      </c>
      <c r="D85180" s="14" t="s">
        <v>429</v>
      </c>
      <c r="E85180" s="15">
        <v>45511</v>
      </c>
      <c r="F85180" s="14" t="s">
        <v>15</v>
      </c>
      <c r="G85180" s="16">
        <v>2.1608493590766664</v>
      </c>
    </row>
    <row r="85181" spans="1:7" x14ac:dyDescent="0.3">
      <c r="A85181" s="13" t="s">
        <v>428</v>
      </c>
      <c r="B85181" s="14" t="s">
        <v>1</v>
      </c>
      <c r="C85181" s="14" t="s">
        <v>23</v>
      </c>
      <c r="D85181" s="14" t="s">
        <v>429</v>
      </c>
      <c r="E85181" s="15">
        <v>45512</v>
      </c>
      <c r="F85181" s="14" t="s">
        <v>15</v>
      </c>
      <c r="G85181" s="16">
        <v>2.1709299397716859</v>
      </c>
    </row>
    <row r="85182" spans="1:7" x14ac:dyDescent="0.3">
      <c r="A85182" s="13" t="s">
        <v>428</v>
      </c>
      <c r="B85182" s="14" t="s">
        <v>1</v>
      </c>
      <c r="C85182" s="14" t="s">
        <v>23</v>
      </c>
      <c r="D85182" s="14" t="s">
        <v>429</v>
      </c>
      <c r="E85182" s="15">
        <v>45513</v>
      </c>
      <c r="F85182" s="14" t="s">
        <v>15</v>
      </c>
      <c r="G85182" s="16">
        <v>2.1860105204667053</v>
      </c>
    </row>
    <row r="85183" spans="1:7" x14ac:dyDescent="0.3">
      <c r="A85183" s="13" t="s">
        <v>428</v>
      </c>
      <c r="B85183" s="14" t="s">
        <v>1</v>
      </c>
      <c r="C85183" s="14" t="s">
        <v>23</v>
      </c>
      <c r="D85183" s="14" t="s">
        <v>429</v>
      </c>
      <c r="E85183" s="15">
        <v>45514</v>
      </c>
      <c r="F85183" s="14" t="s">
        <v>15</v>
      </c>
      <c r="G85183" s="16">
        <v>2.1860105204667053</v>
      </c>
    </row>
    <row r="85184" spans="1:7" x14ac:dyDescent="0.3">
      <c r="A85184" s="13" t="s">
        <v>428</v>
      </c>
      <c r="B85184" s="14" t="s">
        <v>1</v>
      </c>
      <c r="C85184" s="14" t="s">
        <v>23</v>
      </c>
      <c r="D85184" s="14" t="s">
        <v>429</v>
      </c>
      <c r="E85184" s="15">
        <v>45515</v>
      </c>
      <c r="F85184" s="14" t="s">
        <v>15</v>
      </c>
      <c r="G85184" s="16">
        <v>2.1860105204667053</v>
      </c>
    </row>
    <row r="85185" spans="1:7" x14ac:dyDescent="0.3">
      <c r="A85185" s="13" t="s">
        <v>428</v>
      </c>
      <c r="B85185" s="14" t="s">
        <v>1</v>
      </c>
      <c r="C85185" s="14" t="s">
        <v>23</v>
      </c>
      <c r="D85185" s="14" t="s">
        <v>429</v>
      </c>
      <c r="E85185" s="15">
        <v>45516</v>
      </c>
      <c r="F85185" s="14" t="s">
        <v>15</v>
      </c>
      <c r="G85185" s="16">
        <v>2.202091101161725</v>
      </c>
    </row>
    <row r="85186" spans="1:7" x14ac:dyDescent="0.3">
      <c r="A85186" s="13" t="s">
        <v>428</v>
      </c>
      <c r="B85186" s="14" t="s">
        <v>1</v>
      </c>
      <c r="C85186" s="14" t="s">
        <v>23</v>
      </c>
      <c r="D85186" s="14" t="s">
        <v>429</v>
      </c>
      <c r="E85186" s="15">
        <v>45517</v>
      </c>
      <c r="F85186" s="14" t="s">
        <v>15</v>
      </c>
      <c r="G85186" s="16">
        <v>2.2471716818567447</v>
      </c>
    </row>
    <row r="85187" spans="1:7" x14ac:dyDescent="0.3">
      <c r="A85187" s="13" t="s">
        <v>428</v>
      </c>
      <c r="B85187" s="14" t="s">
        <v>1</v>
      </c>
      <c r="C85187" s="14" t="s">
        <v>23</v>
      </c>
      <c r="D85187" s="14" t="s">
        <v>429</v>
      </c>
      <c r="E85187" s="15">
        <v>45518</v>
      </c>
      <c r="F85187" s="14" t="s">
        <v>15</v>
      </c>
      <c r="G85187" s="16">
        <v>2.2632522625517644</v>
      </c>
    </row>
    <row r="85188" spans="1:7" x14ac:dyDescent="0.3">
      <c r="A85188" s="13" t="s">
        <v>428</v>
      </c>
      <c r="B85188" s="14" t="s">
        <v>1</v>
      </c>
      <c r="C85188" s="14" t="s">
        <v>23</v>
      </c>
      <c r="D85188" s="14" t="s">
        <v>429</v>
      </c>
      <c r="E85188" s="15">
        <v>45519</v>
      </c>
      <c r="F85188" s="14" t="s">
        <v>15</v>
      </c>
      <c r="G85188" s="16">
        <v>2.2733328432467839</v>
      </c>
    </row>
    <row r="85189" spans="1:7" x14ac:dyDescent="0.3">
      <c r="A85189" s="13" t="s">
        <v>428</v>
      </c>
      <c r="B85189" s="14" t="s">
        <v>1</v>
      </c>
      <c r="C85189" s="14" t="s">
        <v>23</v>
      </c>
      <c r="D85189" s="14" t="s">
        <v>429</v>
      </c>
      <c r="E85189" s="15">
        <v>45520</v>
      </c>
      <c r="F85189" s="14" t="s">
        <v>15</v>
      </c>
      <c r="G85189" s="16">
        <v>2.2894134239418036</v>
      </c>
    </row>
    <row r="85190" spans="1:7" x14ac:dyDescent="0.3">
      <c r="A85190" s="13" t="s">
        <v>428</v>
      </c>
      <c r="B85190" s="14" t="s">
        <v>1</v>
      </c>
      <c r="C85190" s="14" t="s">
        <v>23</v>
      </c>
      <c r="D85190" s="14" t="s">
        <v>429</v>
      </c>
      <c r="E85190" s="15">
        <v>45521</v>
      </c>
      <c r="F85190" s="14" t="s">
        <v>15</v>
      </c>
      <c r="G85190" s="16">
        <v>2.2894134239418036</v>
      </c>
    </row>
    <row r="85191" spans="1:7" x14ac:dyDescent="0.3">
      <c r="A85191" s="13" t="s">
        <v>428</v>
      </c>
      <c r="B85191" s="14" t="s">
        <v>1</v>
      </c>
      <c r="C85191" s="14" t="s">
        <v>23</v>
      </c>
      <c r="D85191" s="14" t="s">
        <v>429</v>
      </c>
      <c r="E85191" s="15">
        <v>45522</v>
      </c>
      <c r="F85191" s="14" t="s">
        <v>15</v>
      </c>
      <c r="G85191" s="16">
        <v>2.2894134239418036</v>
      </c>
    </row>
    <row r="85192" spans="1:7" x14ac:dyDescent="0.3">
      <c r="A85192" s="13" t="s">
        <v>428</v>
      </c>
      <c r="B85192" s="14" t="s">
        <v>1</v>
      </c>
      <c r="C85192" s="14" t="s">
        <v>23</v>
      </c>
      <c r="D85192" s="14" t="s">
        <v>429</v>
      </c>
      <c r="E85192" s="15">
        <v>45523</v>
      </c>
      <c r="F85192" s="14" t="s">
        <v>15</v>
      </c>
      <c r="G85192" s="16">
        <v>2.3054940046368233</v>
      </c>
    </row>
    <row r="85193" spans="1:7" x14ac:dyDescent="0.3">
      <c r="A85193" s="13" t="s">
        <v>428</v>
      </c>
      <c r="B85193" s="14" t="s">
        <v>1</v>
      </c>
      <c r="C85193" s="14" t="s">
        <v>23</v>
      </c>
      <c r="D85193" s="14" t="s">
        <v>429</v>
      </c>
      <c r="E85193" s="15">
        <v>45524</v>
      </c>
      <c r="F85193" s="14" t="s">
        <v>15</v>
      </c>
      <c r="G85193" s="16">
        <v>2.3515745853318428</v>
      </c>
    </row>
    <row r="85194" spans="1:7" x14ac:dyDescent="0.3">
      <c r="A85194" s="13" t="s">
        <v>428</v>
      </c>
      <c r="B85194" s="14" t="s">
        <v>1</v>
      </c>
      <c r="C85194" s="14" t="s">
        <v>23</v>
      </c>
      <c r="D85194" s="14" t="s">
        <v>429</v>
      </c>
      <c r="E85194" s="15">
        <v>45525</v>
      </c>
      <c r="F85194" s="14" t="s">
        <v>15</v>
      </c>
      <c r="G85194" s="16">
        <v>2.3636551660268621</v>
      </c>
    </row>
    <row r="85195" spans="1:7" x14ac:dyDescent="0.3">
      <c r="A85195" s="13" t="s">
        <v>428</v>
      </c>
      <c r="B85195" s="14" t="s">
        <v>1</v>
      </c>
      <c r="C85195" s="14" t="s">
        <v>23</v>
      </c>
      <c r="D85195" s="14" t="s">
        <v>429</v>
      </c>
      <c r="E85195" s="15">
        <v>45526</v>
      </c>
      <c r="F85195" s="14" t="s">
        <v>15</v>
      </c>
      <c r="G85195" s="16">
        <v>2.3797357467218818</v>
      </c>
    </row>
    <row r="85196" spans="1:7" x14ac:dyDescent="0.3">
      <c r="A85196" s="13" t="s">
        <v>428</v>
      </c>
      <c r="B85196" s="14" t="s">
        <v>1</v>
      </c>
      <c r="C85196" s="14" t="s">
        <v>23</v>
      </c>
      <c r="D85196" s="14" t="s">
        <v>429</v>
      </c>
      <c r="E85196" s="15">
        <v>45527</v>
      </c>
      <c r="F85196" s="14" t="s">
        <v>15</v>
      </c>
      <c r="G85196" s="16">
        <v>2.3958163274169015</v>
      </c>
    </row>
    <row r="85197" spans="1:7" x14ac:dyDescent="0.3">
      <c r="A85197" s="13" t="s">
        <v>428</v>
      </c>
      <c r="B85197" s="14" t="s">
        <v>1</v>
      </c>
      <c r="C85197" s="14" t="s">
        <v>23</v>
      </c>
      <c r="D85197" s="14" t="s">
        <v>429</v>
      </c>
      <c r="E85197" s="15">
        <v>45528</v>
      </c>
      <c r="F85197" s="14" t="s">
        <v>15</v>
      </c>
      <c r="G85197" s="16">
        <v>2.3958163274169015</v>
      </c>
    </row>
    <row r="85198" spans="1:7" x14ac:dyDescent="0.3">
      <c r="A85198" s="13" t="s">
        <v>428</v>
      </c>
      <c r="B85198" s="14" t="s">
        <v>1</v>
      </c>
      <c r="C85198" s="14" t="s">
        <v>23</v>
      </c>
      <c r="D85198" s="14" t="s">
        <v>429</v>
      </c>
      <c r="E85198" s="15">
        <v>45529</v>
      </c>
      <c r="F85198" s="14" t="s">
        <v>15</v>
      </c>
      <c r="G85198" s="16">
        <v>2.3958163274169015</v>
      </c>
    </row>
    <row r="85199" spans="1:7" x14ac:dyDescent="0.3">
      <c r="A85199" s="13" t="s">
        <v>428</v>
      </c>
      <c r="B85199" s="14" t="s">
        <v>1</v>
      </c>
      <c r="C85199" s="14" t="s">
        <v>23</v>
      </c>
      <c r="D85199" s="14" t="s">
        <v>429</v>
      </c>
      <c r="E85199" s="15">
        <v>45530</v>
      </c>
      <c r="F85199" s="14" t="s">
        <v>15</v>
      </c>
      <c r="G85199" s="16">
        <v>2.4118969081119213</v>
      </c>
    </row>
    <row r="85200" spans="1:7" x14ac:dyDescent="0.3">
      <c r="A85200" s="13" t="s">
        <v>428</v>
      </c>
      <c r="B85200" s="14" t="s">
        <v>1</v>
      </c>
      <c r="C85200" s="14" t="s">
        <v>23</v>
      </c>
      <c r="D85200" s="14" t="s">
        <v>429</v>
      </c>
      <c r="E85200" s="15">
        <v>45531</v>
      </c>
      <c r="F85200" s="14" t="s">
        <v>15</v>
      </c>
      <c r="G85200" s="16">
        <v>2.4579774888069408</v>
      </c>
    </row>
    <row r="85201" spans="1:7" x14ac:dyDescent="0.3">
      <c r="A85201" s="13" t="s">
        <v>428</v>
      </c>
      <c r="B85201" s="14" t="s">
        <v>1</v>
      </c>
      <c r="C85201" s="14" t="s">
        <v>23</v>
      </c>
      <c r="D85201" s="14" t="s">
        <v>429</v>
      </c>
      <c r="E85201" s="15">
        <v>45532</v>
      </c>
      <c r="F85201" s="14" t="s">
        <v>15</v>
      </c>
      <c r="G85201" s="16">
        <v>2.4750580695019604</v>
      </c>
    </row>
    <row r="85202" spans="1:7" x14ac:dyDescent="0.3">
      <c r="A85202" s="13" t="s">
        <v>428</v>
      </c>
      <c r="B85202" s="14" t="s">
        <v>1</v>
      </c>
      <c r="C85202" s="14" t="s">
        <v>23</v>
      </c>
      <c r="D85202" s="14" t="s">
        <v>429</v>
      </c>
      <c r="E85202" s="15">
        <v>45533</v>
      </c>
      <c r="F85202" s="14" t="s">
        <v>15</v>
      </c>
      <c r="G85202" s="16">
        <v>2.4901386501969798</v>
      </c>
    </row>
    <row r="85203" spans="1:7" x14ac:dyDescent="0.3">
      <c r="A85203" s="13" t="s">
        <v>428</v>
      </c>
      <c r="B85203" s="14" t="s">
        <v>1</v>
      </c>
      <c r="C85203" s="14" t="s">
        <v>23</v>
      </c>
      <c r="D85203" s="14" t="s">
        <v>429</v>
      </c>
      <c r="E85203" s="15">
        <v>45534</v>
      </c>
      <c r="F85203" s="14" t="s">
        <v>15</v>
      </c>
      <c r="G85203" s="16">
        <v>2.5062192308919995</v>
      </c>
    </row>
    <row r="85204" spans="1:7" x14ac:dyDescent="0.3">
      <c r="A85204" s="13" t="s">
        <v>428</v>
      </c>
      <c r="B85204" s="14" t="s">
        <v>1</v>
      </c>
      <c r="C85204" s="14" t="s">
        <v>23</v>
      </c>
      <c r="D85204" s="14" t="s">
        <v>429</v>
      </c>
      <c r="E85204" s="15">
        <v>45535</v>
      </c>
      <c r="F85204" s="14" t="s">
        <v>15</v>
      </c>
      <c r="G85204" s="16">
        <v>2.5062192308919995</v>
      </c>
    </row>
    <row r="85205" spans="1:7" x14ac:dyDescent="0.3">
      <c r="A85205" s="13" t="s">
        <v>428</v>
      </c>
      <c r="B85205" s="14" t="s">
        <v>1</v>
      </c>
      <c r="C85205" s="14" t="s">
        <v>23</v>
      </c>
      <c r="D85205" s="14" t="s">
        <v>429</v>
      </c>
      <c r="E85205" s="15">
        <v>45536</v>
      </c>
      <c r="F85205" s="14" t="s">
        <v>15</v>
      </c>
      <c r="G85205" s="16">
        <v>2.5062192308919995</v>
      </c>
    </row>
    <row r="85206" spans="1:7" x14ac:dyDescent="0.3">
      <c r="A85206" s="13" t="s">
        <v>428</v>
      </c>
      <c r="B85206" s="14" t="s">
        <v>1</v>
      </c>
      <c r="C85206" s="14" t="s">
        <v>23</v>
      </c>
      <c r="D85206" s="14" t="s">
        <v>429</v>
      </c>
      <c r="E85206" s="15">
        <v>45537</v>
      </c>
      <c r="F85206" s="14" t="s">
        <v>15</v>
      </c>
      <c r="G85206" s="16">
        <v>2.5062192308919995</v>
      </c>
    </row>
    <row r="85207" spans="1:7" x14ac:dyDescent="0.3">
      <c r="A85207" s="13" t="s">
        <v>428</v>
      </c>
      <c r="B85207" s="14" t="s">
        <v>1</v>
      </c>
      <c r="C85207" s="14" t="s">
        <v>23</v>
      </c>
      <c r="D85207" s="14" t="s">
        <v>429</v>
      </c>
      <c r="E85207" s="15">
        <v>45538</v>
      </c>
      <c r="F85207" s="14" t="s">
        <v>15</v>
      </c>
      <c r="G85207" s="16">
        <v>2.5222998115870192</v>
      </c>
    </row>
    <row r="85208" spans="1:7" x14ac:dyDescent="0.3">
      <c r="A85208" s="13" t="s">
        <v>428</v>
      </c>
      <c r="B85208" s="14" t="s">
        <v>1</v>
      </c>
      <c r="C85208" s="14" t="s">
        <v>23</v>
      </c>
      <c r="D85208" s="14" t="s">
        <v>429</v>
      </c>
      <c r="E85208" s="15">
        <v>45539</v>
      </c>
      <c r="F85208" s="14" t="s">
        <v>15</v>
      </c>
      <c r="G85208" s="16">
        <v>2.574380392282039</v>
      </c>
    </row>
    <row r="85209" spans="1:7" x14ac:dyDescent="0.3">
      <c r="A85209" s="13" t="s">
        <v>428</v>
      </c>
      <c r="B85209" s="14" t="s">
        <v>1</v>
      </c>
      <c r="C85209" s="14" t="s">
        <v>23</v>
      </c>
      <c r="D85209" s="14" t="s">
        <v>429</v>
      </c>
      <c r="E85209" s="15">
        <v>45540</v>
      </c>
      <c r="F85209" s="14" t="s">
        <v>15</v>
      </c>
      <c r="G85209" s="16">
        <v>2.5904609729770587</v>
      </c>
    </row>
    <row r="85210" spans="1:7" x14ac:dyDescent="0.3">
      <c r="A85210" s="13" t="s">
        <v>428</v>
      </c>
      <c r="B85210" s="14" t="s">
        <v>1</v>
      </c>
      <c r="C85210" s="14" t="s">
        <v>23</v>
      </c>
      <c r="D85210" s="14" t="s">
        <v>429</v>
      </c>
      <c r="E85210" s="15">
        <v>45541</v>
      </c>
      <c r="F85210" s="14" t="s">
        <v>15</v>
      </c>
      <c r="G85210" s="16">
        <v>2.6075415536720783</v>
      </c>
    </row>
    <row r="85211" spans="1:7" x14ac:dyDescent="0.3">
      <c r="A85211" s="13" t="s">
        <v>428</v>
      </c>
      <c r="B85211" s="14" t="s">
        <v>1</v>
      </c>
      <c r="C85211" s="14" t="s">
        <v>23</v>
      </c>
      <c r="D85211" s="14" t="s">
        <v>429</v>
      </c>
      <c r="E85211" s="15">
        <v>45542</v>
      </c>
      <c r="F85211" s="14" t="s">
        <v>15</v>
      </c>
      <c r="G85211" s="16">
        <v>2.6075415536720783</v>
      </c>
    </row>
    <row r="85212" spans="1:7" x14ac:dyDescent="0.3">
      <c r="A85212" s="13" t="s">
        <v>428</v>
      </c>
      <c r="B85212" s="14" t="s">
        <v>1</v>
      </c>
      <c r="C85212" s="14" t="s">
        <v>23</v>
      </c>
      <c r="D85212" s="14" t="s">
        <v>429</v>
      </c>
      <c r="E85212" s="15">
        <v>45543</v>
      </c>
      <c r="F85212" s="14" t="s">
        <v>15</v>
      </c>
      <c r="G85212" s="16">
        <v>2.6075415536720783</v>
      </c>
    </row>
    <row r="85213" spans="1:7" x14ac:dyDescent="0.3">
      <c r="A85213" s="13" t="s">
        <v>428</v>
      </c>
      <c r="B85213" s="14" t="s">
        <v>1</v>
      </c>
      <c r="C85213" s="14" t="s">
        <v>23</v>
      </c>
      <c r="D85213" s="14" t="s">
        <v>429</v>
      </c>
      <c r="E85213" s="15">
        <v>45544</v>
      </c>
      <c r="F85213" s="14" t="s">
        <v>15</v>
      </c>
      <c r="G85213" s="16">
        <v>2.6516221343670976</v>
      </c>
    </row>
    <row r="85214" spans="1:7" x14ac:dyDescent="0.3">
      <c r="A85214" s="13" t="s">
        <v>428</v>
      </c>
      <c r="B85214" s="14" t="s">
        <v>1</v>
      </c>
      <c r="C85214" s="14" t="s">
        <v>23</v>
      </c>
      <c r="D85214" s="14" t="s">
        <v>429</v>
      </c>
      <c r="E85214" s="15">
        <v>45545</v>
      </c>
      <c r="F85214" s="14" t="s">
        <v>15</v>
      </c>
      <c r="G85214" s="16">
        <v>2.6947027150621174</v>
      </c>
    </row>
    <row r="85215" spans="1:7" x14ac:dyDescent="0.3">
      <c r="A85215" s="13" t="s">
        <v>428</v>
      </c>
      <c r="B85215" s="14" t="s">
        <v>1</v>
      </c>
      <c r="C85215" s="14" t="s">
        <v>23</v>
      </c>
      <c r="D85215" s="14" t="s">
        <v>429</v>
      </c>
      <c r="E85215" s="15">
        <v>45546</v>
      </c>
      <c r="F85215" s="14" t="s">
        <v>15</v>
      </c>
      <c r="G85215" s="16">
        <v>2.7097832957571368</v>
      </c>
    </row>
    <row r="85216" spans="1:7" x14ac:dyDescent="0.3">
      <c r="A85216" s="13" t="s">
        <v>428</v>
      </c>
      <c r="B85216" s="14" t="s">
        <v>1</v>
      </c>
      <c r="C85216" s="14" t="s">
        <v>23</v>
      </c>
      <c r="D85216" s="14" t="s">
        <v>429</v>
      </c>
      <c r="E85216" s="15">
        <v>45547</v>
      </c>
      <c r="F85216" s="14" t="s">
        <v>15</v>
      </c>
      <c r="G85216" s="16">
        <v>2.7258638764521566</v>
      </c>
    </row>
    <row r="85217" spans="1:7" x14ac:dyDescent="0.3">
      <c r="A85217" s="13" t="s">
        <v>428</v>
      </c>
      <c r="B85217" s="14" t="s">
        <v>1</v>
      </c>
      <c r="C85217" s="14" t="s">
        <v>23</v>
      </c>
      <c r="D85217" s="14" t="s">
        <v>429</v>
      </c>
      <c r="E85217" s="15">
        <v>45548</v>
      </c>
      <c r="F85217" s="14" t="s">
        <v>15</v>
      </c>
      <c r="G85217" s="16">
        <v>2.7419444571471763</v>
      </c>
    </row>
    <row r="85218" spans="1:7" x14ac:dyDescent="0.3">
      <c r="A85218" s="13" t="s">
        <v>428</v>
      </c>
      <c r="B85218" s="14" t="s">
        <v>1</v>
      </c>
      <c r="C85218" s="14" t="s">
        <v>23</v>
      </c>
      <c r="D85218" s="14" t="s">
        <v>429</v>
      </c>
      <c r="E85218" s="15">
        <v>45549</v>
      </c>
      <c r="F85218" s="14" t="s">
        <v>15</v>
      </c>
      <c r="G85218" s="16">
        <v>2.7419444571471763</v>
      </c>
    </row>
    <row r="85219" spans="1:7" x14ac:dyDescent="0.3">
      <c r="A85219" s="13" t="s">
        <v>428</v>
      </c>
      <c r="B85219" s="14" t="s">
        <v>1</v>
      </c>
      <c r="C85219" s="14" t="s">
        <v>23</v>
      </c>
      <c r="D85219" s="14" t="s">
        <v>429</v>
      </c>
      <c r="E85219" s="15">
        <v>45550</v>
      </c>
      <c r="F85219" s="14" t="s">
        <v>15</v>
      </c>
      <c r="G85219" s="16">
        <v>2.7419444571471763</v>
      </c>
    </row>
    <row r="85220" spans="1:7" x14ac:dyDescent="0.3">
      <c r="A85220" s="13" t="s">
        <v>428</v>
      </c>
      <c r="B85220" s="14" t="s">
        <v>1</v>
      </c>
      <c r="C85220" s="14" t="s">
        <v>23</v>
      </c>
      <c r="D85220" s="14" t="s">
        <v>429</v>
      </c>
      <c r="E85220" s="15">
        <v>45551</v>
      </c>
      <c r="F85220" s="14" t="s">
        <v>15</v>
      </c>
      <c r="G85220" s="16">
        <v>2.7590250378421959</v>
      </c>
    </row>
    <row r="85221" spans="1:7" x14ac:dyDescent="0.3">
      <c r="A85221" s="13" t="s">
        <v>428</v>
      </c>
      <c r="B85221" s="14" t="s">
        <v>1</v>
      </c>
      <c r="C85221" s="14" t="s">
        <v>23</v>
      </c>
      <c r="D85221" s="14" t="s">
        <v>429</v>
      </c>
      <c r="E85221" s="15">
        <v>45552</v>
      </c>
      <c r="F85221" s="14" t="s">
        <v>15</v>
      </c>
      <c r="G85221" s="16">
        <v>2.8071056185372156</v>
      </c>
    </row>
    <row r="85222" spans="1:7" x14ac:dyDescent="0.3">
      <c r="A85222" s="13" t="s">
        <v>428</v>
      </c>
      <c r="B85222" s="14" t="s">
        <v>1</v>
      </c>
      <c r="C85222" s="14" t="s">
        <v>23</v>
      </c>
      <c r="D85222" s="14" t="s">
        <v>429</v>
      </c>
      <c r="E85222" s="15">
        <v>45553</v>
      </c>
      <c r="F85222" s="14" t="s">
        <v>15</v>
      </c>
      <c r="G85222" s="16">
        <v>2.8241861992322352</v>
      </c>
    </row>
    <row r="85223" spans="1:7" x14ac:dyDescent="0.3">
      <c r="A85223" s="13" t="s">
        <v>428</v>
      </c>
      <c r="B85223" s="14" t="s">
        <v>1</v>
      </c>
      <c r="C85223" s="14" t="s">
        <v>23</v>
      </c>
      <c r="D85223" s="14" t="s">
        <v>429</v>
      </c>
      <c r="E85223" s="15">
        <v>45554</v>
      </c>
      <c r="F85223" s="14" t="s">
        <v>15</v>
      </c>
      <c r="G85223" s="16">
        <v>2.840266779927255</v>
      </c>
    </row>
    <row r="85224" spans="1:7" x14ac:dyDescent="0.3">
      <c r="A85224" s="13" t="s">
        <v>428</v>
      </c>
      <c r="B85224" s="14" t="s">
        <v>1</v>
      </c>
      <c r="C85224" s="14" t="s">
        <v>23</v>
      </c>
      <c r="D85224" s="14" t="s">
        <v>429</v>
      </c>
      <c r="E85224" s="15">
        <v>45555</v>
      </c>
      <c r="F85224" s="14" t="s">
        <v>15</v>
      </c>
      <c r="G85224" s="16">
        <v>2.8573473606222746</v>
      </c>
    </row>
    <row r="85225" spans="1:7" x14ac:dyDescent="0.3">
      <c r="A85225" s="13" t="s">
        <v>428</v>
      </c>
      <c r="B85225" s="14" t="s">
        <v>1</v>
      </c>
      <c r="C85225" s="14" t="s">
        <v>23</v>
      </c>
      <c r="D85225" s="14" t="s">
        <v>429</v>
      </c>
      <c r="E85225" s="15">
        <v>45556</v>
      </c>
      <c r="F85225" s="14" t="s">
        <v>15</v>
      </c>
      <c r="G85225" s="16">
        <v>2.8573473606222746</v>
      </c>
    </row>
    <row r="85226" spans="1:7" x14ac:dyDescent="0.3">
      <c r="A85226" s="13" t="s">
        <v>428</v>
      </c>
      <c r="B85226" s="14" t="s">
        <v>1</v>
      </c>
      <c r="C85226" s="14" t="s">
        <v>23</v>
      </c>
      <c r="D85226" s="14" t="s">
        <v>429</v>
      </c>
      <c r="E85226" s="15">
        <v>45557</v>
      </c>
      <c r="F85226" s="14" t="s">
        <v>15</v>
      </c>
      <c r="G85226" s="16">
        <v>2.8573473606222746</v>
      </c>
    </row>
    <row r="85227" spans="1:7" x14ac:dyDescent="0.3">
      <c r="A85227" s="13" t="s">
        <v>428</v>
      </c>
      <c r="B85227" s="14" t="s">
        <v>1</v>
      </c>
      <c r="C85227" s="14" t="s">
        <v>23</v>
      </c>
      <c r="D85227" s="14" t="s">
        <v>429</v>
      </c>
      <c r="E85227" s="15">
        <v>45558</v>
      </c>
      <c r="F85227" s="14" t="s">
        <v>15</v>
      </c>
      <c r="G85227" s="16">
        <v>2.8744279413172942</v>
      </c>
    </row>
    <row r="85228" spans="1:7" x14ac:dyDescent="0.3">
      <c r="A85228" s="13" t="s">
        <v>428</v>
      </c>
      <c r="B85228" s="14" t="s">
        <v>1</v>
      </c>
      <c r="C85228" s="14" t="s">
        <v>23</v>
      </c>
      <c r="D85228" s="14" t="s">
        <v>429</v>
      </c>
      <c r="E85228" s="15">
        <v>45559</v>
      </c>
      <c r="F85228" s="14" t="s">
        <v>15</v>
      </c>
      <c r="G85228" s="16">
        <v>2.9355085220123138</v>
      </c>
    </row>
    <row r="85229" spans="1:7" x14ac:dyDescent="0.3">
      <c r="A85229" s="13" t="s">
        <v>428</v>
      </c>
      <c r="B85229" s="14" t="s">
        <v>1</v>
      </c>
      <c r="C85229" s="14" t="s">
        <v>23</v>
      </c>
      <c r="D85229" s="14" t="s">
        <v>429</v>
      </c>
      <c r="E85229" s="15">
        <v>45560</v>
      </c>
      <c r="F85229" s="14" t="s">
        <v>15</v>
      </c>
      <c r="G85229" s="16">
        <v>2.952589102707333</v>
      </c>
    </row>
    <row r="85230" spans="1:7" x14ac:dyDescent="0.3">
      <c r="A85230" s="13" t="s">
        <v>428</v>
      </c>
      <c r="B85230" s="14" t="s">
        <v>1</v>
      </c>
      <c r="C85230" s="14" t="s">
        <v>23</v>
      </c>
      <c r="D85230" s="14" t="s">
        <v>429</v>
      </c>
      <c r="E85230" s="15">
        <v>45561</v>
      </c>
      <c r="F85230" s="14" t="s">
        <v>15</v>
      </c>
      <c r="G85230" s="16">
        <v>2.9696696834023526</v>
      </c>
    </row>
    <row r="85231" spans="1:7" x14ac:dyDescent="0.3">
      <c r="A85231" s="13" t="s">
        <v>428</v>
      </c>
      <c r="B85231" s="14" t="s">
        <v>1</v>
      </c>
      <c r="C85231" s="14" t="s">
        <v>23</v>
      </c>
      <c r="D85231" s="14" t="s">
        <v>429</v>
      </c>
      <c r="E85231" s="15">
        <v>45562</v>
      </c>
      <c r="F85231" s="14" t="s">
        <v>15</v>
      </c>
      <c r="G85231" s="16">
        <v>2.988750264097372</v>
      </c>
    </row>
    <row r="85232" spans="1:7" x14ac:dyDescent="0.3">
      <c r="A85232" s="13" t="s">
        <v>428</v>
      </c>
      <c r="B85232" s="14" t="s">
        <v>1</v>
      </c>
      <c r="C85232" s="14" t="s">
        <v>23</v>
      </c>
      <c r="D85232" s="14" t="s">
        <v>429</v>
      </c>
      <c r="E85232" s="15">
        <v>45563</v>
      </c>
      <c r="F85232" s="14" t="s">
        <v>15</v>
      </c>
      <c r="G85232" s="16">
        <v>2.988750264097372</v>
      </c>
    </row>
    <row r="85233" spans="1:7" x14ac:dyDescent="0.3">
      <c r="A85233" s="13" t="s">
        <v>428</v>
      </c>
      <c r="B85233" s="14" t="s">
        <v>1</v>
      </c>
      <c r="C85233" s="14" t="s">
        <v>23</v>
      </c>
      <c r="D85233" s="14" t="s">
        <v>429</v>
      </c>
      <c r="E85233" s="15">
        <v>45564</v>
      </c>
      <c r="F85233" s="14" t="s">
        <v>15</v>
      </c>
      <c r="G85233" s="16">
        <v>2.988750264097372</v>
      </c>
    </row>
    <row r="85234" spans="1:7" x14ac:dyDescent="0.3">
      <c r="A85234" s="13" t="s">
        <v>428</v>
      </c>
      <c r="B85234" s="14" t="s">
        <v>1</v>
      </c>
      <c r="C85234" s="14" t="s">
        <v>23</v>
      </c>
      <c r="D85234" s="14" t="s">
        <v>429</v>
      </c>
      <c r="E85234" s="15">
        <v>45565</v>
      </c>
      <c r="F85234" s="14" t="s">
        <v>15</v>
      </c>
      <c r="G85234" s="16">
        <v>3.0058308447923916</v>
      </c>
    </row>
    <row r="85235" spans="1:7" x14ac:dyDescent="0.3">
      <c r="A85235" s="13" t="s">
        <v>428</v>
      </c>
      <c r="B85235" s="14" t="s">
        <v>1</v>
      </c>
      <c r="C85235" s="14" t="s">
        <v>23</v>
      </c>
      <c r="D85235" s="14" t="s">
        <v>429</v>
      </c>
      <c r="E85235" s="15">
        <v>45566</v>
      </c>
      <c r="F85235" s="14" t="s">
        <v>15</v>
      </c>
      <c r="G85235" s="16">
        <v>3.0549114254874112</v>
      </c>
    </row>
    <row r="85236" spans="1:7" x14ac:dyDescent="0.3">
      <c r="A85236" s="13" t="s">
        <v>428</v>
      </c>
      <c r="B85236" s="14" t="s">
        <v>1</v>
      </c>
      <c r="C85236" s="14" t="s">
        <v>23</v>
      </c>
      <c r="D85236" s="14" t="s">
        <v>429</v>
      </c>
      <c r="E85236" s="15">
        <v>45567</v>
      </c>
      <c r="F85236" s="14" t="s">
        <v>15</v>
      </c>
      <c r="G85236" s="16">
        <v>3.070992006182431</v>
      </c>
    </row>
    <row r="85237" spans="1:7" x14ac:dyDescent="0.3">
      <c r="A85237" s="13" t="s">
        <v>428</v>
      </c>
      <c r="B85237" s="14" t="s">
        <v>1</v>
      </c>
      <c r="C85237" s="14" t="s">
        <v>23</v>
      </c>
      <c r="D85237" s="14" t="s">
        <v>429</v>
      </c>
      <c r="E85237" s="15">
        <v>45568</v>
      </c>
      <c r="F85237" s="14" t="s">
        <v>15</v>
      </c>
      <c r="G85237" s="16">
        <v>3.0780725868774508</v>
      </c>
    </row>
    <row r="85238" spans="1:7" x14ac:dyDescent="0.3">
      <c r="A85238" s="13" t="s">
        <v>428</v>
      </c>
      <c r="B85238" s="14" t="s">
        <v>1</v>
      </c>
      <c r="C85238" s="14" t="s">
        <v>23</v>
      </c>
      <c r="D85238" s="14" t="s">
        <v>429</v>
      </c>
      <c r="E85238" s="15">
        <v>45569</v>
      </c>
      <c r="F85238" s="14" t="s">
        <v>15</v>
      </c>
      <c r="G85238" s="16">
        <v>3.0951531675724704</v>
      </c>
    </row>
    <row r="85239" spans="1:7" x14ac:dyDescent="0.3">
      <c r="A85239" s="13" t="s">
        <v>428</v>
      </c>
      <c r="B85239" s="14" t="s">
        <v>1</v>
      </c>
      <c r="C85239" s="14" t="s">
        <v>23</v>
      </c>
      <c r="D85239" s="14" t="s">
        <v>429</v>
      </c>
      <c r="E85239" s="15">
        <v>45570</v>
      </c>
      <c r="F85239" s="14" t="s">
        <v>15</v>
      </c>
      <c r="G85239" s="16">
        <v>3.0951531675724704</v>
      </c>
    </row>
    <row r="85240" spans="1:7" x14ac:dyDescent="0.3">
      <c r="A85240" s="13" t="s">
        <v>428</v>
      </c>
      <c r="B85240" s="14" t="s">
        <v>1</v>
      </c>
      <c r="C85240" s="14" t="s">
        <v>23</v>
      </c>
      <c r="D85240" s="14" t="s">
        <v>429</v>
      </c>
      <c r="E85240" s="15">
        <v>45571</v>
      </c>
      <c r="F85240" s="14" t="s">
        <v>15</v>
      </c>
      <c r="G85240" s="16">
        <v>3.0951531675724704</v>
      </c>
    </row>
    <row r="85241" spans="1:7" x14ac:dyDescent="0.3">
      <c r="A85241" s="13" t="s">
        <v>428</v>
      </c>
      <c r="B85241" s="14" t="s">
        <v>1</v>
      </c>
      <c r="C85241" s="14" t="s">
        <v>23</v>
      </c>
      <c r="D85241" s="14" t="s">
        <v>429</v>
      </c>
      <c r="E85241" s="15">
        <v>45572</v>
      </c>
      <c r="F85241" s="14" t="s">
        <v>15</v>
      </c>
      <c r="G85241" s="16">
        <v>3.1352337482674897</v>
      </c>
    </row>
    <row r="85242" spans="1:7" x14ac:dyDescent="0.3">
      <c r="A85242" s="13" t="s">
        <v>428</v>
      </c>
      <c r="B85242" s="14" t="s">
        <v>1</v>
      </c>
      <c r="C85242" s="14" t="s">
        <v>23</v>
      </c>
      <c r="D85242" s="14" t="s">
        <v>429</v>
      </c>
      <c r="E85242" s="15">
        <v>45573</v>
      </c>
      <c r="F85242" s="14" t="s">
        <v>15</v>
      </c>
      <c r="G85242" s="16">
        <v>3.1883143289625093</v>
      </c>
    </row>
    <row r="85243" spans="1:7" x14ac:dyDescent="0.3">
      <c r="A85243" s="13" t="s">
        <v>428</v>
      </c>
      <c r="B85243" s="14" t="s">
        <v>1</v>
      </c>
      <c r="C85243" s="14" t="s">
        <v>23</v>
      </c>
      <c r="D85243" s="14" t="s">
        <v>429</v>
      </c>
      <c r="E85243" s="15">
        <v>45574</v>
      </c>
      <c r="F85243" s="14" t="s">
        <v>15</v>
      </c>
      <c r="G85243" s="16">
        <v>3.2053949096575289</v>
      </c>
    </row>
    <row r="85244" spans="1:7" x14ac:dyDescent="0.3">
      <c r="A85244" s="13" t="s">
        <v>428</v>
      </c>
      <c r="B85244" s="14" t="s">
        <v>1</v>
      </c>
      <c r="C85244" s="14" t="s">
        <v>23</v>
      </c>
      <c r="D85244" s="14" t="s">
        <v>429</v>
      </c>
      <c r="E85244" s="15">
        <v>45575</v>
      </c>
      <c r="F85244" s="14" t="s">
        <v>15</v>
      </c>
      <c r="G85244" s="16">
        <v>3.2224754903525485</v>
      </c>
    </row>
    <row r="85245" spans="1:7" x14ac:dyDescent="0.3">
      <c r="A85245" s="13" t="s">
        <v>428</v>
      </c>
      <c r="B85245" s="14" t="s">
        <v>1</v>
      </c>
      <c r="C85245" s="14" t="s">
        <v>23</v>
      </c>
      <c r="D85245" s="14" t="s">
        <v>429</v>
      </c>
      <c r="E85245" s="15">
        <v>45576</v>
      </c>
      <c r="F85245" s="14" t="s">
        <v>15</v>
      </c>
      <c r="G85245" s="16">
        <v>3.2395560710475686</v>
      </c>
    </row>
    <row r="85246" spans="1:7" x14ac:dyDescent="0.3">
      <c r="A85246" s="13" t="s">
        <v>428</v>
      </c>
      <c r="B85246" s="14" t="s">
        <v>1</v>
      </c>
      <c r="C85246" s="14" t="s">
        <v>23</v>
      </c>
      <c r="D85246" s="14" t="s">
        <v>429</v>
      </c>
      <c r="E85246" s="15">
        <v>45577</v>
      </c>
      <c r="F85246" s="14" t="s">
        <v>15</v>
      </c>
      <c r="G85246" s="16">
        <v>3.2395560710475686</v>
      </c>
    </row>
    <row r="85247" spans="1:7" x14ac:dyDescent="0.3">
      <c r="A85247" s="13" t="s">
        <v>428</v>
      </c>
      <c r="B85247" s="14" t="s">
        <v>1</v>
      </c>
      <c r="C85247" s="14" t="s">
        <v>23</v>
      </c>
      <c r="D85247" s="14" t="s">
        <v>429</v>
      </c>
      <c r="E85247" s="15">
        <v>45578</v>
      </c>
      <c r="F85247" s="14" t="s">
        <v>15</v>
      </c>
      <c r="G85247" s="16">
        <v>3.2395560710475686</v>
      </c>
    </row>
    <row r="85248" spans="1:7" x14ac:dyDescent="0.3">
      <c r="A85248" s="13" t="s">
        <v>428</v>
      </c>
      <c r="B85248" s="14" t="s">
        <v>1</v>
      </c>
      <c r="C85248" s="14" t="s">
        <v>23</v>
      </c>
      <c r="D85248" s="14" t="s">
        <v>429</v>
      </c>
      <c r="E85248" s="15">
        <v>45579</v>
      </c>
      <c r="F85248" s="14" t="s">
        <v>15</v>
      </c>
      <c r="G85248" s="16">
        <v>3.2395560710475686</v>
      </c>
    </row>
    <row r="85249" spans="1:7" x14ac:dyDescent="0.3">
      <c r="A85249" s="13" t="s">
        <v>428</v>
      </c>
      <c r="B85249" s="14" t="s">
        <v>1</v>
      </c>
      <c r="C85249" s="14" t="s">
        <v>23</v>
      </c>
      <c r="D85249" s="14" t="s">
        <v>429</v>
      </c>
      <c r="E85249" s="15">
        <v>45580</v>
      </c>
      <c r="F85249" s="14" t="s">
        <v>15</v>
      </c>
      <c r="G85249" s="16">
        <v>3.2566366517425882</v>
      </c>
    </row>
    <row r="85250" spans="1:7" x14ac:dyDescent="0.3">
      <c r="A85250" s="13" t="s">
        <v>428</v>
      </c>
      <c r="B85250" s="14" t="s">
        <v>1</v>
      </c>
      <c r="C85250" s="14" t="s">
        <v>23</v>
      </c>
      <c r="D85250" s="14" t="s">
        <v>429</v>
      </c>
      <c r="E85250" s="15">
        <v>45581</v>
      </c>
      <c r="F85250" s="14" t="s">
        <v>15</v>
      </c>
      <c r="G85250" s="16">
        <v>3.3237172324376081</v>
      </c>
    </row>
    <row r="85251" spans="1:7" x14ac:dyDescent="0.3">
      <c r="A85251" s="13" t="s">
        <v>428</v>
      </c>
      <c r="B85251" s="14" t="s">
        <v>1</v>
      </c>
      <c r="C85251" s="14" t="s">
        <v>23</v>
      </c>
      <c r="D85251" s="14" t="s">
        <v>429</v>
      </c>
      <c r="E85251" s="15">
        <v>45582</v>
      </c>
      <c r="F85251" s="14" t="s">
        <v>15</v>
      </c>
      <c r="G85251" s="16">
        <v>3.3407978131326281</v>
      </c>
    </row>
    <row r="85252" spans="1:7" x14ac:dyDescent="0.3">
      <c r="A85252" s="13" t="s">
        <v>428</v>
      </c>
      <c r="B85252" s="14" t="s">
        <v>1</v>
      </c>
      <c r="C85252" s="14" t="s">
        <v>23</v>
      </c>
      <c r="D85252" s="14" t="s">
        <v>429</v>
      </c>
      <c r="E85252" s="15">
        <v>45583</v>
      </c>
      <c r="F85252" s="14" t="s">
        <v>15</v>
      </c>
      <c r="G85252" s="16">
        <v>3.3578783938276482</v>
      </c>
    </row>
    <row r="85253" spans="1:7" x14ac:dyDescent="0.3">
      <c r="A85253" s="13" t="s">
        <v>428</v>
      </c>
      <c r="B85253" s="14" t="s">
        <v>1</v>
      </c>
      <c r="C85253" s="14" t="s">
        <v>23</v>
      </c>
      <c r="D85253" s="14" t="s">
        <v>429</v>
      </c>
      <c r="E85253" s="15">
        <v>45584</v>
      </c>
      <c r="F85253" s="14" t="s">
        <v>15</v>
      </c>
      <c r="G85253" s="16">
        <v>3.3578783938276482</v>
      </c>
    </row>
    <row r="85254" spans="1:7" x14ac:dyDescent="0.3">
      <c r="A85254" s="13" t="s">
        <v>428</v>
      </c>
      <c r="B85254" s="14" t="s">
        <v>1</v>
      </c>
      <c r="C85254" s="14" t="s">
        <v>23</v>
      </c>
      <c r="D85254" s="14" t="s">
        <v>429</v>
      </c>
      <c r="E85254" s="15">
        <v>45585</v>
      </c>
      <c r="F85254" s="14" t="s">
        <v>15</v>
      </c>
      <c r="G85254" s="16">
        <v>3.3578783938276482</v>
      </c>
    </row>
    <row r="85255" spans="1:7" x14ac:dyDescent="0.3">
      <c r="A85255" s="13" t="s">
        <v>428</v>
      </c>
      <c r="B85255" s="14" t="s">
        <v>1</v>
      </c>
      <c r="C85255" s="14" t="s">
        <v>23</v>
      </c>
      <c r="D85255" s="14" t="s">
        <v>429</v>
      </c>
      <c r="E85255" s="15">
        <v>45586</v>
      </c>
      <c r="F85255" s="14" t="s">
        <v>15</v>
      </c>
      <c r="G85255" s="16">
        <v>3.3739589745226675</v>
      </c>
    </row>
    <row r="85256" spans="1:7" x14ac:dyDescent="0.3">
      <c r="A85256" s="13" t="s">
        <v>428</v>
      </c>
      <c r="B85256" s="14" t="s">
        <v>1</v>
      </c>
      <c r="C85256" s="14" t="s">
        <v>23</v>
      </c>
      <c r="D85256" s="14" t="s">
        <v>429</v>
      </c>
      <c r="E85256" s="15">
        <v>45587</v>
      </c>
      <c r="F85256" s="14" t="s">
        <v>15</v>
      </c>
      <c r="G85256" s="16">
        <v>3.424039555217687</v>
      </c>
    </row>
    <row r="85257" spans="1:7" x14ac:dyDescent="0.3">
      <c r="A85257" s="13" t="s">
        <v>428</v>
      </c>
      <c r="B85257" s="14" t="s">
        <v>1</v>
      </c>
      <c r="C85257" s="14" t="s">
        <v>23</v>
      </c>
      <c r="D85257" s="14" t="s">
        <v>429</v>
      </c>
      <c r="E85257" s="15">
        <v>45588</v>
      </c>
      <c r="F85257" s="14" t="s">
        <v>15</v>
      </c>
      <c r="G85257" s="16">
        <v>3.441120135912707</v>
      </c>
    </row>
    <row r="85258" spans="1:7" x14ac:dyDescent="0.3">
      <c r="A85258" s="13" t="s">
        <v>428</v>
      </c>
      <c r="B85258" s="14" t="s">
        <v>1</v>
      </c>
      <c r="C85258" s="14" t="s">
        <v>23</v>
      </c>
      <c r="D85258" s="14" t="s">
        <v>429</v>
      </c>
      <c r="E85258" s="15">
        <v>45589</v>
      </c>
      <c r="F85258" s="14" t="s">
        <v>15</v>
      </c>
      <c r="G85258" s="16">
        <v>3.4582007166077267</v>
      </c>
    </row>
    <row r="85259" spans="1:7" x14ac:dyDescent="0.3">
      <c r="A85259" s="13" t="s">
        <v>428</v>
      </c>
      <c r="B85259" s="14" t="s">
        <v>1</v>
      </c>
      <c r="C85259" s="14" t="s">
        <v>23</v>
      </c>
      <c r="D85259" s="14" t="s">
        <v>429</v>
      </c>
      <c r="E85259" s="15">
        <v>45590</v>
      </c>
      <c r="F85259" s="14" t="s">
        <v>15</v>
      </c>
      <c r="G85259" s="16">
        <v>3.4752812973027467</v>
      </c>
    </row>
    <row r="85260" spans="1:7" x14ac:dyDescent="0.3">
      <c r="A85260" s="13" t="s">
        <v>428</v>
      </c>
      <c r="B85260" s="14" t="s">
        <v>1</v>
      </c>
      <c r="C85260" s="14" t="s">
        <v>23</v>
      </c>
      <c r="D85260" s="14" t="s">
        <v>429</v>
      </c>
      <c r="E85260" s="15">
        <v>45591</v>
      </c>
      <c r="F85260" s="14" t="s">
        <v>15</v>
      </c>
      <c r="G85260" s="16">
        <v>3.4752812973027467</v>
      </c>
    </row>
    <row r="85261" spans="1:7" x14ac:dyDescent="0.3">
      <c r="A85261" s="13" t="s">
        <v>428</v>
      </c>
      <c r="B85261" s="14" t="s">
        <v>1</v>
      </c>
      <c r="C85261" s="14" t="s">
        <v>23</v>
      </c>
      <c r="D85261" s="14" t="s">
        <v>429</v>
      </c>
      <c r="E85261" s="15">
        <v>45592</v>
      </c>
      <c r="F85261" s="14" t="s">
        <v>15</v>
      </c>
      <c r="G85261" s="16">
        <v>3.4752812973027467</v>
      </c>
    </row>
    <row r="85262" spans="1:7" x14ac:dyDescent="0.3">
      <c r="A85262" s="13" t="s">
        <v>428</v>
      </c>
      <c r="B85262" s="14" t="s">
        <v>1</v>
      </c>
      <c r="C85262" s="14" t="s">
        <v>23</v>
      </c>
      <c r="D85262" s="14" t="s">
        <v>429</v>
      </c>
      <c r="E85262" s="15">
        <v>45593</v>
      </c>
      <c r="F85262" s="14" t="s">
        <v>15</v>
      </c>
      <c r="G85262" s="16">
        <v>3.4752812973027467</v>
      </c>
    </row>
    <row r="85263" spans="1:7" x14ac:dyDescent="0.3">
      <c r="A85263" s="13" t="s">
        <v>428</v>
      </c>
      <c r="B85263" s="14" t="s">
        <v>1</v>
      </c>
      <c r="C85263" s="14" t="s">
        <v>23</v>
      </c>
      <c r="D85263" s="14" t="s">
        <v>429</v>
      </c>
      <c r="E85263" s="15">
        <v>45594</v>
      </c>
      <c r="F85263" s="14" t="s">
        <v>15</v>
      </c>
      <c r="G85263" s="16">
        <v>3.495361877997766</v>
      </c>
    </row>
    <row r="85264" spans="1:7" x14ac:dyDescent="0.3">
      <c r="A85264" s="13" t="s">
        <v>428</v>
      </c>
      <c r="B85264" s="14" t="s">
        <v>1</v>
      </c>
      <c r="C85264" s="14" t="s">
        <v>23</v>
      </c>
      <c r="D85264" s="14" t="s">
        <v>429</v>
      </c>
      <c r="E85264" s="15">
        <v>45595</v>
      </c>
      <c r="F85264" s="14" t="s">
        <v>15</v>
      </c>
      <c r="G85264" s="16">
        <v>3.5594424586927857</v>
      </c>
    </row>
    <row r="85265" spans="1:7" x14ac:dyDescent="0.3">
      <c r="A85265" s="13" t="s">
        <v>428</v>
      </c>
      <c r="B85265" s="14" t="s">
        <v>1</v>
      </c>
      <c r="C85265" s="14" t="s">
        <v>23</v>
      </c>
      <c r="D85265" s="14" t="s">
        <v>429</v>
      </c>
      <c r="E85265" s="15">
        <v>45596</v>
      </c>
      <c r="F85265" s="14" t="s">
        <v>15</v>
      </c>
      <c r="G85265" s="16">
        <v>3.5645230393878053</v>
      </c>
    </row>
    <row r="85266" spans="1:7" x14ac:dyDescent="0.3">
      <c r="A85266" s="13" t="s">
        <v>428</v>
      </c>
      <c r="B85266" s="14" t="s">
        <v>1</v>
      </c>
      <c r="C85266" s="14" t="s">
        <v>23</v>
      </c>
      <c r="D85266" s="14" t="s">
        <v>429</v>
      </c>
      <c r="E85266" s="15">
        <v>45597</v>
      </c>
      <c r="F85266" s="14" t="s">
        <v>15</v>
      </c>
      <c r="G85266" s="16">
        <v>3.5806036200828246</v>
      </c>
    </row>
    <row r="85267" spans="1:7" x14ac:dyDescent="0.3">
      <c r="A85267" s="13" t="s">
        <v>428</v>
      </c>
      <c r="B85267" s="14" t="s">
        <v>1</v>
      </c>
      <c r="C85267" s="14" t="s">
        <v>23</v>
      </c>
      <c r="D85267" s="14" t="s">
        <v>429</v>
      </c>
      <c r="E85267" s="15">
        <v>45598</v>
      </c>
      <c r="F85267" s="14" t="s">
        <v>15</v>
      </c>
      <c r="G85267" s="16">
        <v>3.5806036200828246</v>
      </c>
    </row>
    <row r="85268" spans="1:7" x14ac:dyDescent="0.3">
      <c r="A85268" s="13" t="s">
        <v>428</v>
      </c>
      <c r="B85268" s="14" t="s">
        <v>1</v>
      </c>
      <c r="C85268" s="14" t="s">
        <v>23</v>
      </c>
      <c r="D85268" s="14" t="s">
        <v>429</v>
      </c>
      <c r="E85268" s="15">
        <v>45599</v>
      </c>
      <c r="F85268" s="14" t="s">
        <v>15</v>
      </c>
      <c r="G85268" s="16">
        <v>3.5806036200828246</v>
      </c>
    </row>
    <row r="85269" spans="1:7" x14ac:dyDescent="0.3">
      <c r="A85269" s="13" t="s">
        <v>428</v>
      </c>
      <c r="B85269" s="14" t="s">
        <v>1</v>
      </c>
      <c r="C85269" s="14" t="s">
        <v>23</v>
      </c>
      <c r="D85269" s="14" t="s">
        <v>429</v>
      </c>
      <c r="E85269" s="15">
        <v>45600</v>
      </c>
      <c r="F85269" s="14" t="s">
        <v>15</v>
      </c>
      <c r="G85269" s="16">
        <v>3.5886842007778439</v>
      </c>
    </row>
    <row r="85270" spans="1:7" x14ac:dyDescent="0.3">
      <c r="A85270" s="13" t="s">
        <v>428</v>
      </c>
      <c r="B85270" s="14" t="s">
        <v>1</v>
      </c>
      <c r="C85270" s="14" t="s">
        <v>23</v>
      </c>
      <c r="D85270" s="14" t="s">
        <v>429</v>
      </c>
      <c r="E85270" s="15">
        <v>45601</v>
      </c>
      <c r="F85270" s="14" t="s">
        <v>15</v>
      </c>
      <c r="G85270" s="16">
        <v>3.6387647814728639</v>
      </c>
    </row>
    <row r="85271" spans="1:7" x14ac:dyDescent="0.3">
      <c r="A85271" s="13" t="s">
        <v>428</v>
      </c>
      <c r="B85271" s="14" t="s">
        <v>1</v>
      </c>
      <c r="C85271" s="14" t="s">
        <v>23</v>
      </c>
      <c r="D85271" s="14" t="s">
        <v>429</v>
      </c>
      <c r="E85271" s="15">
        <v>45602</v>
      </c>
      <c r="F85271" s="14" t="s">
        <v>15</v>
      </c>
      <c r="G85271" s="16">
        <v>3.6558453621678835</v>
      </c>
    </row>
    <row r="85272" spans="1:7" x14ac:dyDescent="0.3">
      <c r="A85272" s="13" t="s">
        <v>428</v>
      </c>
      <c r="B85272" s="14" t="s">
        <v>1</v>
      </c>
      <c r="C85272" s="14" t="s">
        <v>23</v>
      </c>
      <c r="D85272" s="14" t="s">
        <v>429</v>
      </c>
      <c r="E85272" s="15">
        <v>45603</v>
      </c>
      <c r="F85272" s="14" t="s">
        <v>15</v>
      </c>
      <c r="G85272" s="16">
        <v>3.6739259428629034</v>
      </c>
    </row>
    <row r="85273" spans="1:7" x14ac:dyDescent="0.3">
      <c r="A85273" s="13" t="s">
        <v>428</v>
      </c>
      <c r="B85273" s="14" t="s">
        <v>1</v>
      </c>
      <c r="C85273" s="14" t="s">
        <v>23</v>
      </c>
      <c r="D85273" s="14" t="s">
        <v>429</v>
      </c>
      <c r="E85273" s="15">
        <v>45604</v>
      </c>
      <c r="F85273" s="14" t="s">
        <v>15</v>
      </c>
      <c r="G85273" s="16">
        <v>3.691006523557923</v>
      </c>
    </row>
    <row r="85274" spans="1:7" x14ac:dyDescent="0.3">
      <c r="A85274" s="13" t="s">
        <v>428</v>
      </c>
      <c r="B85274" s="14" t="s">
        <v>1</v>
      </c>
      <c r="C85274" s="14" t="s">
        <v>23</v>
      </c>
      <c r="D85274" s="14" t="s">
        <v>429</v>
      </c>
      <c r="E85274" s="15">
        <v>45605</v>
      </c>
      <c r="F85274" s="14" t="s">
        <v>15</v>
      </c>
      <c r="G85274" s="16">
        <v>3.691006523557923</v>
      </c>
    </row>
    <row r="85275" spans="1:7" x14ac:dyDescent="0.3">
      <c r="A85275" s="13" t="s">
        <v>428</v>
      </c>
      <c r="B85275" s="14" t="s">
        <v>1</v>
      </c>
      <c r="C85275" s="14" t="s">
        <v>23</v>
      </c>
      <c r="D85275" s="14" t="s">
        <v>429</v>
      </c>
      <c r="E85275" s="15">
        <v>45606</v>
      </c>
      <c r="F85275" s="14" t="s">
        <v>15</v>
      </c>
      <c r="G85275" s="16">
        <v>3.691006523557923</v>
      </c>
    </row>
    <row r="85276" spans="1:7" x14ac:dyDescent="0.3">
      <c r="A85276" s="13" t="s">
        <v>428</v>
      </c>
      <c r="B85276" s="14" t="s">
        <v>1</v>
      </c>
      <c r="C85276" s="14" t="s">
        <v>23</v>
      </c>
      <c r="D85276" s="14" t="s">
        <v>429</v>
      </c>
      <c r="E85276" s="15">
        <v>45607</v>
      </c>
      <c r="F85276" s="14" t="s">
        <v>15</v>
      </c>
      <c r="G85276" s="16">
        <v>3.691006523557923</v>
      </c>
    </row>
    <row r="85277" spans="1:7" x14ac:dyDescent="0.3">
      <c r="A85277" s="13" t="s">
        <v>428</v>
      </c>
      <c r="B85277" s="14" t="s">
        <v>1</v>
      </c>
      <c r="C85277" s="14" t="s">
        <v>23</v>
      </c>
      <c r="D85277" s="14" t="s">
        <v>429</v>
      </c>
      <c r="E85277" s="15">
        <v>45608</v>
      </c>
      <c r="F85277" s="14" t="s">
        <v>15</v>
      </c>
      <c r="G85277" s="16">
        <v>3.7080871042529431</v>
      </c>
    </row>
    <row r="85278" spans="1:7" x14ac:dyDescent="0.3">
      <c r="A85278" s="13" t="s">
        <v>428</v>
      </c>
      <c r="B85278" s="14" t="s">
        <v>1</v>
      </c>
      <c r="C85278" s="14" t="s">
        <v>23</v>
      </c>
      <c r="D85278" s="14" t="s">
        <v>429</v>
      </c>
      <c r="E85278" s="15">
        <v>45609</v>
      </c>
      <c r="F85278" s="14" t="s">
        <v>15</v>
      </c>
      <c r="G85278" s="16">
        <v>3.7861676849479631</v>
      </c>
    </row>
    <row r="85279" spans="1:7" x14ac:dyDescent="0.3">
      <c r="A85279" s="13" t="s">
        <v>428</v>
      </c>
      <c r="B85279" s="14" t="s">
        <v>1</v>
      </c>
      <c r="C85279" s="14" t="s">
        <v>23</v>
      </c>
      <c r="D85279" s="14" t="s">
        <v>429</v>
      </c>
      <c r="E85279" s="15">
        <v>45610</v>
      </c>
      <c r="F85279" s="14" t="s">
        <v>15</v>
      </c>
      <c r="G85279" s="16">
        <v>3.8032482656429827</v>
      </c>
    </row>
    <row r="85280" spans="1:7" x14ac:dyDescent="0.3">
      <c r="A85280" s="13" t="s">
        <v>428</v>
      </c>
      <c r="B85280" s="14" t="s">
        <v>1</v>
      </c>
      <c r="C85280" s="14" t="s">
        <v>23</v>
      </c>
      <c r="D85280" s="14" t="s">
        <v>429</v>
      </c>
      <c r="E85280" s="15">
        <v>45611</v>
      </c>
      <c r="F85280" s="14" t="s">
        <v>15</v>
      </c>
      <c r="G85280" s="16">
        <v>3.8203288463380027</v>
      </c>
    </row>
    <row r="85281" spans="1:7" x14ac:dyDescent="0.3">
      <c r="A85281" s="13" t="s">
        <v>428</v>
      </c>
      <c r="B85281" s="14" t="s">
        <v>1</v>
      </c>
      <c r="C85281" s="14" t="s">
        <v>23</v>
      </c>
      <c r="D85281" s="14" t="s">
        <v>429</v>
      </c>
      <c r="E85281" s="15">
        <v>45612</v>
      </c>
      <c r="F85281" s="14" t="s">
        <v>15</v>
      </c>
      <c r="G85281" s="16">
        <v>3.8203288463380027</v>
      </c>
    </row>
    <row r="85282" spans="1:7" x14ac:dyDescent="0.3">
      <c r="A85282" s="13" t="s">
        <v>428</v>
      </c>
      <c r="B85282" s="14" t="s">
        <v>1</v>
      </c>
      <c r="C85282" s="14" t="s">
        <v>23</v>
      </c>
      <c r="D85282" s="14" t="s">
        <v>429</v>
      </c>
      <c r="E85282" s="15">
        <v>45613</v>
      </c>
      <c r="F85282" s="14" t="s">
        <v>15</v>
      </c>
      <c r="G85282" s="16">
        <v>3.8203288463380027</v>
      </c>
    </row>
    <row r="85283" spans="1:7" x14ac:dyDescent="0.3">
      <c r="A85283" s="13" t="s">
        <v>428</v>
      </c>
      <c r="B85283" s="14" t="s">
        <v>1</v>
      </c>
      <c r="C85283" s="14" t="s">
        <v>23</v>
      </c>
      <c r="D85283" s="14" t="s">
        <v>429</v>
      </c>
      <c r="E85283" s="15">
        <v>45614</v>
      </c>
      <c r="F85283" s="14" t="s">
        <v>15</v>
      </c>
      <c r="G85283" s="16">
        <v>3.8374094270330223</v>
      </c>
    </row>
    <row r="85284" spans="1:7" x14ac:dyDescent="0.3">
      <c r="A85284" s="13" t="s">
        <v>428</v>
      </c>
      <c r="B85284" s="14" t="s">
        <v>1</v>
      </c>
      <c r="C85284" s="14" t="s">
        <v>23</v>
      </c>
      <c r="D85284" s="14" t="s">
        <v>429</v>
      </c>
      <c r="E85284" s="15">
        <v>45615</v>
      </c>
      <c r="F85284" s="14" t="s">
        <v>15</v>
      </c>
      <c r="G85284" s="16">
        <v>3.8854900077280421</v>
      </c>
    </row>
    <row r="85285" spans="1:7" x14ac:dyDescent="0.3">
      <c r="A85285" s="13" t="s">
        <v>428</v>
      </c>
      <c r="B85285" s="14" t="s">
        <v>1</v>
      </c>
      <c r="C85285" s="14" t="s">
        <v>23</v>
      </c>
      <c r="D85285" s="14" t="s">
        <v>429</v>
      </c>
      <c r="E85285" s="15">
        <v>45616</v>
      </c>
      <c r="F85285" s="14" t="s">
        <v>15</v>
      </c>
      <c r="G85285" s="16">
        <v>3.9025705884230617</v>
      </c>
    </row>
    <row r="85286" spans="1:7" x14ac:dyDescent="0.3">
      <c r="A85286" s="13" t="s">
        <v>428</v>
      </c>
      <c r="B85286" s="14" t="s">
        <v>1</v>
      </c>
      <c r="C85286" s="14" t="s">
        <v>23</v>
      </c>
      <c r="D85286" s="14" t="s">
        <v>429</v>
      </c>
      <c r="E85286" s="15">
        <v>45617</v>
      </c>
      <c r="F85286" s="14" t="s">
        <v>15</v>
      </c>
      <c r="G85286" s="16">
        <v>3.9196511691180818</v>
      </c>
    </row>
    <row r="85287" spans="1:7" x14ac:dyDescent="0.3">
      <c r="A85287" s="13" t="s">
        <v>428</v>
      </c>
      <c r="B85287" s="14" t="s">
        <v>1</v>
      </c>
      <c r="C85287" s="14" t="s">
        <v>23</v>
      </c>
      <c r="D85287" s="14" t="s">
        <v>429</v>
      </c>
      <c r="E85287" s="15">
        <v>45618</v>
      </c>
      <c r="F85287" s="14" t="s">
        <v>15</v>
      </c>
      <c r="G85287" s="16">
        <v>3.9367317498131014</v>
      </c>
    </row>
    <row r="85288" spans="1:7" x14ac:dyDescent="0.3">
      <c r="A85288" s="13" t="s">
        <v>428</v>
      </c>
      <c r="B85288" s="14" t="s">
        <v>1</v>
      </c>
      <c r="C85288" s="14" t="s">
        <v>23</v>
      </c>
      <c r="D85288" s="14" t="s">
        <v>429</v>
      </c>
      <c r="E85288" s="15">
        <v>45619</v>
      </c>
      <c r="F85288" s="14" t="s">
        <v>15</v>
      </c>
      <c r="G85288" s="16">
        <v>3.9367317498131014</v>
      </c>
    </row>
    <row r="85289" spans="1:7" x14ac:dyDescent="0.3">
      <c r="A85289" s="13" t="s">
        <v>428</v>
      </c>
      <c r="B85289" s="14" t="s">
        <v>1</v>
      </c>
      <c r="C85289" s="14" t="s">
        <v>23</v>
      </c>
      <c r="D85289" s="14" t="s">
        <v>429</v>
      </c>
      <c r="E85289" s="15">
        <v>45620</v>
      </c>
      <c r="F85289" s="14" t="s">
        <v>15</v>
      </c>
      <c r="G85289" s="16">
        <v>3.9367317498131014</v>
      </c>
    </row>
    <row r="85290" spans="1:7" x14ac:dyDescent="0.3">
      <c r="A85290" s="13" t="s">
        <v>428</v>
      </c>
      <c r="B85290" s="14" t="s">
        <v>1</v>
      </c>
      <c r="C85290" s="14" t="s">
        <v>23</v>
      </c>
      <c r="D85290" s="14" t="s">
        <v>429</v>
      </c>
      <c r="E85290" s="15">
        <v>45621</v>
      </c>
      <c r="F85290" s="14" t="s">
        <v>15</v>
      </c>
      <c r="G85290" s="16">
        <v>3.9538123305081214</v>
      </c>
    </row>
    <row r="85291" spans="1:7" x14ac:dyDescent="0.3">
      <c r="A85291" s="13" t="s">
        <v>428</v>
      </c>
      <c r="B85291" s="14" t="s">
        <v>1</v>
      </c>
      <c r="C85291" s="14" t="s">
        <v>23</v>
      </c>
      <c r="D85291" s="14" t="s">
        <v>429</v>
      </c>
      <c r="E85291" s="15">
        <v>45622</v>
      </c>
      <c r="F85291" s="14" t="s">
        <v>15</v>
      </c>
      <c r="G85291" s="16">
        <v>4.0038929112031409</v>
      </c>
    </row>
    <row r="85292" spans="1:7" x14ac:dyDescent="0.3">
      <c r="A85292" s="13" t="s">
        <v>428</v>
      </c>
      <c r="B85292" s="14" t="s">
        <v>1</v>
      </c>
      <c r="C85292" s="14" t="s">
        <v>23</v>
      </c>
      <c r="D85292" s="14" t="s">
        <v>429</v>
      </c>
      <c r="E85292" s="15">
        <v>45623</v>
      </c>
      <c r="F85292" s="14" t="s">
        <v>15</v>
      </c>
      <c r="G85292" s="16">
        <v>4.020973491898161</v>
      </c>
    </row>
    <row r="85293" spans="1:7" x14ac:dyDescent="0.3">
      <c r="A85293" s="13" t="s">
        <v>428</v>
      </c>
      <c r="B85293" s="14" t="s">
        <v>1</v>
      </c>
      <c r="C85293" s="14" t="s">
        <v>23</v>
      </c>
      <c r="D85293" s="14" t="s">
        <v>429</v>
      </c>
      <c r="E85293" s="15">
        <v>45624</v>
      </c>
      <c r="F85293" s="14" t="s">
        <v>15</v>
      </c>
      <c r="G85293" s="16">
        <v>4.020973491898161</v>
      </c>
    </row>
    <row r="85294" spans="1:7" x14ac:dyDescent="0.3">
      <c r="A85294" s="13" t="s">
        <v>428</v>
      </c>
      <c r="B85294" s="14" t="s">
        <v>1</v>
      </c>
      <c r="C85294" s="14" t="s">
        <v>23</v>
      </c>
      <c r="D85294" s="14" t="s">
        <v>429</v>
      </c>
      <c r="E85294" s="15">
        <v>45625</v>
      </c>
      <c r="F85294" s="14" t="s">
        <v>15</v>
      </c>
      <c r="G85294" s="16">
        <v>4.0410540725931803</v>
      </c>
    </row>
    <row r="85295" spans="1:7" x14ac:dyDescent="0.3">
      <c r="A85295" s="13" t="s">
        <v>428</v>
      </c>
      <c r="B85295" s="14" t="s">
        <v>1</v>
      </c>
      <c r="C85295" s="14" t="s">
        <v>23</v>
      </c>
      <c r="D85295" s="14" t="s">
        <v>429</v>
      </c>
      <c r="E85295" s="15">
        <v>45626</v>
      </c>
      <c r="F85295" s="14" t="s">
        <v>15</v>
      </c>
      <c r="G85295" s="16">
        <v>4.0410540725931803</v>
      </c>
    </row>
    <row r="85296" spans="1:7" x14ac:dyDescent="0.3">
      <c r="A85296" s="13" t="s">
        <v>428</v>
      </c>
      <c r="B85296" s="14" t="s">
        <v>1</v>
      </c>
      <c r="C85296" s="14" t="s">
        <v>23</v>
      </c>
      <c r="D85296" s="14" t="s">
        <v>429</v>
      </c>
      <c r="E85296" s="15">
        <v>45627</v>
      </c>
      <c r="F85296" s="14" t="s">
        <v>15</v>
      </c>
      <c r="G85296" s="16">
        <v>4.0410540725931803</v>
      </c>
    </row>
    <row r="85297" spans="1:7" x14ac:dyDescent="0.3">
      <c r="A85297" s="13" t="s">
        <v>428</v>
      </c>
      <c r="B85297" s="14" t="s">
        <v>1</v>
      </c>
      <c r="C85297" s="14" t="s">
        <v>23</v>
      </c>
      <c r="D85297" s="14" t="s">
        <v>429</v>
      </c>
      <c r="E85297" s="15">
        <v>45628</v>
      </c>
      <c r="F85297" s="14" t="s">
        <v>15</v>
      </c>
      <c r="G85297" s="16">
        <v>4.0741346532881995</v>
      </c>
    </row>
    <row r="85298" spans="1:7" x14ac:dyDescent="0.3">
      <c r="A85298" s="13" t="s">
        <v>428</v>
      </c>
      <c r="B85298" s="14" t="s">
        <v>1</v>
      </c>
      <c r="C85298" s="14" t="s">
        <v>23</v>
      </c>
      <c r="D85298" s="14" t="s">
        <v>429</v>
      </c>
      <c r="E85298" s="15">
        <v>45629</v>
      </c>
      <c r="F85298" s="14" t="s">
        <v>15</v>
      </c>
      <c r="G85298" s="16">
        <v>4.1112152339832191</v>
      </c>
    </row>
    <row r="85299" spans="1:7" x14ac:dyDescent="0.3">
      <c r="A85299" s="13" t="s">
        <v>428</v>
      </c>
      <c r="B85299" s="14" t="s">
        <v>1</v>
      </c>
      <c r="C85299" s="14" t="s">
        <v>23</v>
      </c>
      <c r="D85299" s="14" t="s">
        <v>429</v>
      </c>
      <c r="E85299" s="15">
        <v>45630</v>
      </c>
      <c r="F85299" s="14" t="s">
        <v>15</v>
      </c>
      <c r="G85299" s="16">
        <v>4.1262958146782385</v>
      </c>
    </row>
    <row r="85300" spans="1:7" x14ac:dyDescent="0.3">
      <c r="A85300" s="13" t="s">
        <v>428</v>
      </c>
      <c r="B85300" s="14" t="s">
        <v>1</v>
      </c>
      <c r="C85300" s="14" t="s">
        <v>23</v>
      </c>
      <c r="D85300" s="14" t="s">
        <v>429</v>
      </c>
      <c r="E85300" s="15">
        <v>45631</v>
      </c>
      <c r="F85300" s="14" t="s">
        <v>15</v>
      </c>
      <c r="G85300" s="16">
        <v>4.1433763953732585</v>
      </c>
    </row>
    <row r="85301" spans="1:7" x14ac:dyDescent="0.3">
      <c r="A85301" s="13" t="s">
        <v>428</v>
      </c>
      <c r="B85301" s="14" t="s">
        <v>1</v>
      </c>
      <c r="C85301" s="14" t="s">
        <v>23</v>
      </c>
      <c r="D85301" s="14" t="s">
        <v>429</v>
      </c>
      <c r="E85301" s="15">
        <v>45632</v>
      </c>
      <c r="F85301" s="14" t="s">
        <v>15</v>
      </c>
      <c r="G85301" s="16">
        <v>4.1604569760682786</v>
      </c>
    </row>
    <row r="85302" spans="1:7" x14ac:dyDescent="0.3">
      <c r="A85302" s="13" t="s">
        <v>428</v>
      </c>
      <c r="B85302" s="14" t="s">
        <v>1</v>
      </c>
      <c r="C85302" s="14" t="s">
        <v>23</v>
      </c>
      <c r="D85302" s="14" t="s">
        <v>429</v>
      </c>
      <c r="E85302" s="15">
        <v>45633</v>
      </c>
      <c r="F85302" s="14" t="s">
        <v>15</v>
      </c>
      <c r="G85302" s="16">
        <v>4.1604569760682786</v>
      </c>
    </row>
    <row r="85303" spans="1:7" x14ac:dyDescent="0.3">
      <c r="A85303" s="13" t="s">
        <v>428</v>
      </c>
      <c r="B85303" s="14" t="s">
        <v>1</v>
      </c>
      <c r="C85303" s="14" t="s">
        <v>23</v>
      </c>
      <c r="D85303" s="14" t="s">
        <v>429</v>
      </c>
      <c r="E85303" s="15">
        <v>45634</v>
      </c>
      <c r="F85303" s="14" t="s">
        <v>15</v>
      </c>
      <c r="G85303" s="16">
        <v>4.1604569760682786</v>
      </c>
    </row>
    <row r="85304" spans="1:7" x14ac:dyDescent="0.3">
      <c r="A85304" s="13" t="s">
        <v>428</v>
      </c>
      <c r="B85304" s="14" t="s">
        <v>1</v>
      </c>
      <c r="C85304" s="14" t="s">
        <v>23</v>
      </c>
      <c r="D85304" s="14" t="s">
        <v>429</v>
      </c>
      <c r="E85304" s="15">
        <v>45635</v>
      </c>
      <c r="F85304" s="14" t="s">
        <v>15</v>
      </c>
      <c r="G85304" s="16">
        <v>4.1845375567632983</v>
      </c>
    </row>
    <row r="85305" spans="1:7" x14ac:dyDescent="0.3">
      <c r="A85305" s="13" t="s">
        <v>428</v>
      </c>
      <c r="B85305" s="14" t="s">
        <v>1</v>
      </c>
      <c r="C85305" s="14" t="s">
        <v>23</v>
      </c>
      <c r="D85305" s="14" t="s">
        <v>429</v>
      </c>
      <c r="E85305" s="15">
        <v>45636</v>
      </c>
      <c r="F85305" s="14" t="s">
        <v>15</v>
      </c>
      <c r="G85305" s="16">
        <v>4.2336181374583184</v>
      </c>
    </row>
    <row r="85306" spans="1:7" x14ac:dyDescent="0.3">
      <c r="A85306" s="13" t="s">
        <v>428</v>
      </c>
      <c r="B85306" s="14" t="s">
        <v>1</v>
      </c>
      <c r="C85306" s="14" t="s">
        <v>23</v>
      </c>
      <c r="D85306" s="14" t="s">
        <v>429</v>
      </c>
      <c r="E85306" s="15">
        <v>45637</v>
      </c>
      <c r="F85306" s="14" t="s">
        <v>15</v>
      </c>
      <c r="G85306" s="16">
        <v>4.2506987181533384</v>
      </c>
    </row>
    <row r="85307" spans="1:7" x14ac:dyDescent="0.3">
      <c r="A85307" s="13" t="s">
        <v>428</v>
      </c>
      <c r="B85307" s="14" t="s">
        <v>1</v>
      </c>
      <c r="C85307" s="14" t="s">
        <v>23</v>
      </c>
      <c r="D85307" s="14" t="s">
        <v>429</v>
      </c>
      <c r="E85307" s="15">
        <v>45638</v>
      </c>
      <c r="F85307" s="14" t="s">
        <v>15</v>
      </c>
      <c r="G85307" s="16">
        <v>4.2677792988483585</v>
      </c>
    </row>
    <row r="85308" spans="1:7" x14ac:dyDescent="0.3">
      <c r="A85308" s="13" t="s">
        <v>428</v>
      </c>
      <c r="B85308" s="14" t="s">
        <v>1</v>
      </c>
      <c r="C85308" s="14" t="s">
        <v>23</v>
      </c>
      <c r="D85308" s="14" t="s">
        <v>429</v>
      </c>
      <c r="E85308" s="15">
        <v>45639</v>
      </c>
      <c r="F85308" s="14" t="s">
        <v>15</v>
      </c>
      <c r="G85308" s="16">
        <v>4.2838598795433773</v>
      </c>
    </row>
    <row r="85309" spans="1:7" x14ac:dyDescent="0.3">
      <c r="A85309" s="13" t="s">
        <v>428</v>
      </c>
      <c r="B85309" s="14" t="s">
        <v>1</v>
      </c>
      <c r="C85309" s="14" t="s">
        <v>23</v>
      </c>
      <c r="D85309" s="14" t="s">
        <v>429</v>
      </c>
      <c r="E85309" s="15">
        <v>45640</v>
      </c>
      <c r="F85309" s="14" t="s">
        <v>15</v>
      </c>
      <c r="G85309" s="16">
        <v>4.2838598795433773</v>
      </c>
    </row>
    <row r="85310" spans="1:7" x14ac:dyDescent="0.3">
      <c r="A85310" s="13" t="s">
        <v>428</v>
      </c>
      <c r="B85310" s="14" t="s">
        <v>1</v>
      </c>
      <c r="C85310" s="14" t="s">
        <v>23</v>
      </c>
      <c r="D85310" s="14" t="s">
        <v>429</v>
      </c>
      <c r="E85310" s="15">
        <v>45641</v>
      </c>
      <c r="F85310" s="14" t="s">
        <v>15</v>
      </c>
      <c r="G85310" s="16">
        <v>4.2838598795433773</v>
      </c>
    </row>
    <row r="85311" spans="1:7" x14ac:dyDescent="0.3">
      <c r="A85311" s="13" t="s">
        <v>428</v>
      </c>
      <c r="B85311" s="14" t="s">
        <v>1</v>
      </c>
      <c r="C85311" s="14" t="s">
        <v>23</v>
      </c>
      <c r="D85311" s="14" t="s">
        <v>429</v>
      </c>
      <c r="E85311" s="15">
        <v>45642</v>
      </c>
      <c r="F85311" s="14" t="s">
        <v>15</v>
      </c>
      <c r="G85311" s="16">
        <v>4.3009404602383974</v>
      </c>
    </row>
    <row r="85312" spans="1:7" x14ac:dyDescent="0.3">
      <c r="A85312" s="13" t="s">
        <v>428</v>
      </c>
      <c r="B85312" s="14" t="s">
        <v>1</v>
      </c>
      <c r="C85312" s="14" t="s">
        <v>23</v>
      </c>
      <c r="D85312" s="14" t="s">
        <v>429</v>
      </c>
      <c r="E85312" s="15">
        <v>45643</v>
      </c>
      <c r="F85312" s="14" t="s">
        <v>15</v>
      </c>
      <c r="G85312" s="16">
        <v>4.3490210409334171</v>
      </c>
    </row>
    <row r="85313" spans="1:7" x14ac:dyDescent="0.3">
      <c r="A85313" s="13" t="s">
        <v>428</v>
      </c>
      <c r="B85313" s="14" t="s">
        <v>1</v>
      </c>
      <c r="C85313" s="14" t="s">
        <v>23</v>
      </c>
      <c r="D85313" s="14" t="s">
        <v>429</v>
      </c>
      <c r="E85313" s="15">
        <v>45644</v>
      </c>
      <c r="F85313" s="14" t="s">
        <v>15</v>
      </c>
      <c r="G85313" s="16">
        <v>4.3661016216284363</v>
      </c>
    </row>
    <row r="85314" spans="1:7" x14ac:dyDescent="0.3">
      <c r="A85314" s="13" t="s">
        <v>428</v>
      </c>
      <c r="B85314" s="14" t="s">
        <v>1</v>
      </c>
      <c r="C85314" s="14" t="s">
        <v>23</v>
      </c>
      <c r="D85314" s="14" t="s">
        <v>429</v>
      </c>
      <c r="E85314" s="15">
        <v>45645</v>
      </c>
      <c r="F85314" s="14" t="s">
        <v>15</v>
      </c>
      <c r="G85314" s="16">
        <v>4.382182202323456</v>
      </c>
    </row>
    <row r="85315" spans="1:7" x14ac:dyDescent="0.3">
      <c r="A85315" s="13" t="s">
        <v>428</v>
      </c>
      <c r="B85315" s="14" t="s">
        <v>1</v>
      </c>
      <c r="C85315" s="14" t="s">
        <v>23</v>
      </c>
      <c r="D85315" s="14" t="s">
        <v>429</v>
      </c>
      <c r="E85315" s="15">
        <v>45646</v>
      </c>
      <c r="F85315" s="14" t="s">
        <v>15</v>
      </c>
      <c r="G85315" s="16">
        <v>4.3982627830184757</v>
      </c>
    </row>
    <row r="85316" spans="1:7" x14ac:dyDescent="0.3">
      <c r="A85316" s="13" t="s">
        <v>428</v>
      </c>
      <c r="B85316" s="14" t="s">
        <v>1</v>
      </c>
      <c r="C85316" s="14" t="s">
        <v>23</v>
      </c>
      <c r="D85316" s="14" t="s">
        <v>429</v>
      </c>
      <c r="E85316" s="15">
        <v>45647</v>
      </c>
      <c r="F85316" s="14" t="s">
        <v>15</v>
      </c>
      <c r="G85316" s="16">
        <v>4.3982627830184757</v>
      </c>
    </row>
    <row r="85317" spans="1:7" x14ac:dyDescent="0.3">
      <c r="A85317" s="13" t="s">
        <v>428</v>
      </c>
      <c r="B85317" s="14" t="s">
        <v>1</v>
      </c>
      <c r="C85317" s="14" t="s">
        <v>23</v>
      </c>
      <c r="D85317" s="14" t="s">
        <v>429</v>
      </c>
      <c r="E85317" s="15">
        <v>45648</v>
      </c>
      <c r="F85317" s="14" t="s">
        <v>15</v>
      </c>
      <c r="G85317" s="16">
        <v>4.3982627830184757</v>
      </c>
    </row>
    <row r="85318" spans="1:7" x14ac:dyDescent="0.3">
      <c r="A85318" s="13" t="s">
        <v>428</v>
      </c>
      <c r="B85318" s="14" t="s">
        <v>1</v>
      </c>
      <c r="C85318" s="14" t="s">
        <v>23</v>
      </c>
      <c r="D85318" s="14" t="s">
        <v>429</v>
      </c>
      <c r="E85318" s="15">
        <v>45649</v>
      </c>
      <c r="F85318" s="14" t="s">
        <v>15</v>
      </c>
      <c r="G85318" s="16">
        <v>4.3753433637134949</v>
      </c>
    </row>
    <row r="85319" spans="1:7" x14ac:dyDescent="0.3">
      <c r="A85319" s="13" t="s">
        <v>428</v>
      </c>
      <c r="B85319" s="14" t="s">
        <v>1</v>
      </c>
      <c r="C85319" s="14" t="s">
        <v>23</v>
      </c>
      <c r="D85319" s="14" t="s">
        <v>429</v>
      </c>
      <c r="E85319" s="15">
        <v>45650</v>
      </c>
      <c r="F85319" s="14" t="s">
        <v>15</v>
      </c>
      <c r="G85319" s="16">
        <v>4.4194239444085142</v>
      </c>
    </row>
    <row r="85320" spans="1:7" x14ac:dyDescent="0.3">
      <c r="A85320" s="13" t="s">
        <v>428</v>
      </c>
      <c r="B85320" s="14" t="s">
        <v>1</v>
      </c>
      <c r="C85320" s="14" t="s">
        <v>23</v>
      </c>
      <c r="D85320" s="14" t="s">
        <v>429</v>
      </c>
      <c r="E85320" s="15">
        <v>45651</v>
      </c>
      <c r="F85320" s="14" t="s">
        <v>15</v>
      </c>
      <c r="G85320" s="16">
        <v>4.4194239444085142</v>
      </c>
    </row>
    <row r="85321" spans="1:7" x14ac:dyDescent="0.3">
      <c r="A85321" s="13" t="s">
        <v>428</v>
      </c>
      <c r="B85321" s="14" t="s">
        <v>1</v>
      </c>
      <c r="C85321" s="14" t="s">
        <v>23</v>
      </c>
      <c r="D85321" s="14" t="s">
        <v>429</v>
      </c>
      <c r="E85321" s="15">
        <v>45652</v>
      </c>
      <c r="F85321" s="14" t="s">
        <v>15</v>
      </c>
      <c r="G85321" s="16">
        <v>4.4194239444085142</v>
      </c>
    </row>
    <row r="85322" spans="1:7" x14ac:dyDescent="0.3">
      <c r="A85322" s="13" t="s">
        <v>428</v>
      </c>
      <c r="B85322" s="14" t="s">
        <v>1</v>
      </c>
      <c r="C85322" s="14" t="s">
        <v>23</v>
      </c>
      <c r="D85322" s="14" t="s">
        <v>429</v>
      </c>
      <c r="E85322" s="15">
        <v>45653</v>
      </c>
      <c r="F85322" s="14" t="s">
        <v>15</v>
      </c>
      <c r="G85322" s="16">
        <v>4.4194239444085142</v>
      </c>
    </row>
    <row r="85323" spans="1:7" x14ac:dyDescent="0.3">
      <c r="A85323" s="13" t="s">
        <v>428</v>
      </c>
      <c r="B85323" s="14" t="s">
        <v>1</v>
      </c>
      <c r="C85323" s="14" t="s">
        <v>23</v>
      </c>
      <c r="D85323" s="14" t="s">
        <v>429</v>
      </c>
      <c r="E85323" s="15">
        <v>45654</v>
      </c>
      <c r="F85323" s="14" t="s">
        <v>15</v>
      </c>
      <c r="G85323" s="16">
        <v>4.4194239444085142</v>
      </c>
    </row>
    <row r="85324" spans="1:7" x14ac:dyDescent="0.3">
      <c r="A85324" s="13" t="s">
        <v>428</v>
      </c>
      <c r="B85324" s="14" t="s">
        <v>1</v>
      </c>
      <c r="C85324" s="14" t="s">
        <v>23</v>
      </c>
      <c r="D85324" s="14" t="s">
        <v>429</v>
      </c>
      <c r="E85324" s="15">
        <v>45655</v>
      </c>
      <c r="F85324" s="14" t="s">
        <v>15</v>
      </c>
      <c r="G85324" s="16">
        <v>4.4194239444085142</v>
      </c>
    </row>
    <row r="85325" spans="1:7" x14ac:dyDescent="0.3">
      <c r="A85325" s="13" t="s">
        <v>428</v>
      </c>
      <c r="B85325" s="14" t="s">
        <v>1</v>
      </c>
      <c r="C85325" s="14" t="s">
        <v>23</v>
      </c>
      <c r="D85325" s="14" t="s">
        <v>429</v>
      </c>
      <c r="E85325" s="15">
        <v>45656</v>
      </c>
      <c r="F85325" s="14" t="s">
        <v>15</v>
      </c>
      <c r="G85325" s="16">
        <v>4.4365045251035342</v>
      </c>
    </row>
    <row r="85326" spans="1:7" x14ac:dyDescent="0.3">
      <c r="A85326" s="13" t="s">
        <v>428</v>
      </c>
      <c r="B85326" s="14" t="s">
        <v>1</v>
      </c>
      <c r="C85326" s="14" t="s">
        <v>23</v>
      </c>
      <c r="D85326" s="14" t="s">
        <v>429</v>
      </c>
      <c r="E85326" s="15">
        <v>45657</v>
      </c>
      <c r="F85326" s="14" t="s">
        <v>15</v>
      </c>
      <c r="G85326" s="16">
        <v>4.5395851057985537</v>
      </c>
    </row>
    <row r="85327" spans="1:7" x14ac:dyDescent="0.3">
      <c r="A85327" s="13" t="s">
        <v>428</v>
      </c>
      <c r="B85327" s="14" t="s">
        <v>1</v>
      </c>
      <c r="C85327" s="14" t="s">
        <v>23</v>
      </c>
      <c r="D85327" s="14" t="s">
        <v>429</v>
      </c>
      <c r="E85327" s="15">
        <v>45658</v>
      </c>
      <c r="F85327" s="14" t="s">
        <v>15</v>
      </c>
      <c r="G85327" s="16">
        <v>4.5395851057985537</v>
      </c>
    </row>
    <row r="85328" spans="1:7" x14ac:dyDescent="0.3">
      <c r="A85328" s="13" t="s">
        <v>428</v>
      </c>
      <c r="B85328" s="14" t="s">
        <v>1</v>
      </c>
      <c r="C85328" s="14" t="s">
        <v>23</v>
      </c>
      <c r="D85328" s="14" t="s">
        <v>429</v>
      </c>
      <c r="E85328" s="15">
        <v>45659</v>
      </c>
      <c r="F85328" s="14" t="s">
        <v>15</v>
      </c>
      <c r="G85328" s="16">
        <v>4.5546656864935731</v>
      </c>
    </row>
    <row r="85329" spans="1:7" x14ac:dyDescent="0.3">
      <c r="A85329" s="13" t="s">
        <v>428</v>
      </c>
      <c r="B85329" s="14" t="s">
        <v>1</v>
      </c>
      <c r="C85329" s="14" t="s">
        <v>23</v>
      </c>
      <c r="D85329" s="14" t="s">
        <v>429</v>
      </c>
      <c r="E85329" s="15">
        <v>45660</v>
      </c>
      <c r="F85329" s="14" t="s">
        <v>15</v>
      </c>
      <c r="G85329" s="16">
        <v>4.5777462671885925</v>
      </c>
    </row>
    <row r="85330" spans="1:7" x14ac:dyDescent="0.3">
      <c r="A85330" s="13" t="s">
        <v>428</v>
      </c>
      <c r="B85330" s="14" t="s">
        <v>1</v>
      </c>
      <c r="C85330" s="14" t="s">
        <v>23</v>
      </c>
      <c r="D85330" s="14" t="s">
        <v>429</v>
      </c>
      <c r="E85330" s="15">
        <v>45661</v>
      </c>
      <c r="F85330" s="14" t="s">
        <v>15</v>
      </c>
      <c r="G85330" s="16">
        <v>4.5777462671885925</v>
      </c>
    </row>
    <row r="85331" spans="1:7" x14ac:dyDescent="0.3">
      <c r="A85331" s="13" t="s">
        <v>428</v>
      </c>
      <c r="B85331" s="14" t="s">
        <v>1</v>
      </c>
      <c r="C85331" s="14" t="s">
        <v>23</v>
      </c>
      <c r="D85331" s="14" t="s">
        <v>429</v>
      </c>
      <c r="E85331" s="15">
        <v>45662</v>
      </c>
      <c r="F85331" s="14" t="s">
        <v>15</v>
      </c>
      <c r="G85331" s="16">
        <v>4.5777462671885925</v>
      </c>
    </row>
    <row r="85332" spans="1:7" x14ac:dyDescent="0.3">
      <c r="A85332" s="13" t="s">
        <v>428</v>
      </c>
      <c r="B85332" s="14" t="s">
        <v>1</v>
      </c>
      <c r="C85332" s="14" t="s">
        <v>23</v>
      </c>
      <c r="D85332" s="14" t="s">
        <v>429</v>
      </c>
      <c r="E85332" s="15">
        <v>45663</v>
      </c>
      <c r="F85332" s="14" t="s">
        <v>15</v>
      </c>
      <c r="G85332" s="16">
        <v>4.5948268478836125</v>
      </c>
    </row>
    <row r="85333" spans="1:7" x14ac:dyDescent="0.3">
      <c r="A85333" s="13" t="s">
        <v>428</v>
      </c>
      <c r="B85333" s="14" t="s">
        <v>1</v>
      </c>
      <c r="C85333" s="14" t="s">
        <v>23</v>
      </c>
      <c r="D85333" s="14" t="s">
        <v>429</v>
      </c>
      <c r="E85333" s="15">
        <v>45664</v>
      </c>
      <c r="F85333" s="14" t="s">
        <v>15</v>
      </c>
      <c r="G85333" s="16">
        <v>4.6459074285786324</v>
      </c>
    </row>
    <row r="85334" spans="1:7" x14ac:dyDescent="0.3">
      <c r="A85334" s="13" t="s">
        <v>428</v>
      </c>
      <c r="B85334" s="14" t="s">
        <v>1</v>
      </c>
      <c r="C85334" s="14" t="s">
        <v>23</v>
      </c>
      <c r="D85334" s="14" t="s">
        <v>429</v>
      </c>
      <c r="E85334" s="15">
        <v>45665</v>
      </c>
      <c r="F85334" s="14" t="s">
        <v>15</v>
      </c>
      <c r="G85334" s="16">
        <v>4.6639880092736519</v>
      </c>
    </row>
    <row r="85335" spans="1:7" x14ac:dyDescent="0.3">
      <c r="A85335" s="13" t="s">
        <v>428</v>
      </c>
      <c r="B85335" s="14" t="s">
        <v>1</v>
      </c>
      <c r="C85335" s="14" t="s">
        <v>23</v>
      </c>
      <c r="D85335" s="14" t="s">
        <v>429</v>
      </c>
      <c r="E85335" s="15">
        <v>45666</v>
      </c>
      <c r="F85335" s="14" t="s">
        <v>15</v>
      </c>
      <c r="G85335" s="16">
        <v>4.6639880092736519</v>
      </c>
    </row>
    <row r="85336" spans="1:7" x14ac:dyDescent="0.3">
      <c r="A85336" s="13" t="s">
        <v>428</v>
      </c>
      <c r="B85336" s="14" t="s">
        <v>1</v>
      </c>
      <c r="C85336" s="14" t="s">
        <v>23</v>
      </c>
      <c r="D85336" s="14" t="s">
        <v>429</v>
      </c>
      <c r="E85336" s="15">
        <v>45667</v>
      </c>
      <c r="F85336" s="14" t="s">
        <v>15</v>
      </c>
      <c r="G85336" s="16">
        <v>4.6860685899686718</v>
      </c>
    </row>
    <row r="85337" spans="1:7" x14ac:dyDescent="0.3">
      <c r="A85337" s="13" t="s">
        <v>428</v>
      </c>
      <c r="B85337" s="14" t="s">
        <v>1</v>
      </c>
      <c r="C85337" s="14" t="s">
        <v>23</v>
      </c>
      <c r="D85337" s="14" t="s">
        <v>429</v>
      </c>
      <c r="E85337" s="15">
        <v>45668</v>
      </c>
      <c r="F85337" s="14" t="s">
        <v>15</v>
      </c>
      <c r="G85337" s="16">
        <v>4.6860685899686718</v>
      </c>
    </row>
    <row r="85338" spans="1:7" x14ac:dyDescent="0.3">
      <c r="A85338" s="13" t="s">
        <v>428</v>
      </c>
      <c r="B85338" s="14" t="s">
        <v>1</v>
      </c>
      <c r="C85338" s="14" t="s">
        <v>23</v>
      </c>
      <c r="D85338" s="14" t="s">
        <v>429</v>
      </c>
      <c r="E85338" s="15">
        <v>45669</v>
      </c>
      <c r="F85338" s="14" t="s">
        <v>15</v>
      </c>
      <c r="G85338" s="16">
        <v>4.6860685899686718</v>
      </c>
    </row>
    <row r="85339" spans="1:7" x14ac:dyDescent="0.3">
      <c r="A85339" s="13" t="s">
        <v>428</v>
      </c>
      <c r="B85339" s="14" t="s">
        <v>1</v>
      </c>
      <c r="C85339" s="14" t="s">
        <v>23</v>
      </c>
      <c r="D85339" s="14" t="s">
        <v>429</v>
      </c>
      <c r="E85339" s="15">
        <v>45670</v>
      </c>
      <c r="F85339" s="14" t="s">
        <v>15</v>
      </c>
      <c r="G85339" s="16">
        <v>4.7221491706636911</v>
      </c>
    </row>
    <row r="85340" spans="1:7" x14ac:dyDescent="0.3">
      <c r="A85340" s="13" t="s">
        <v>428</v>
      </c>
      <c r="B85340" s="14" t="s">
        <v>1</v>
      </c>
      <c r="C85340" s="14" t="s">
        <v>23</v>
      </c>
      <c r="D85340" s="14" t="s">
        <v>429</v>
      </c>
      <c r="E85340" s="15">
        <v>45671</v>
      </c>
      <c r="F85340" s="14" t="s">
        <v>15</v>
      </c>
      <c r="G85340" s="16">
        <v>4.7672297513587107</v>
      </c>
    </row>
    <row r="85341" spans="1:7" x14ac:dyDescent="0.3">
      <c r="A85341" s="13" t="s">
        <v>428</v>
      </c>
      <c r="B85341" s="14" t="s">
        <v>1</v>
      </c>
      <c r="C85341" s="14" t="s">
        <v>23</v>
      </c>
      <c r="D85341" s="14" t="s">
        <v>429</v>
      </c>
      <c r="E85341" s="15">
        <v>45672</v>
      </c>
      <c r="F85341" s="14" t="s">
        <v>15</v>
      </c>
      <c r="G85341" s="16">
        <v>4.7843103320537299</v>
      </c>
    </row>
    <row r="85342" spans="1:7" x14ac:dyDescent="0.3">
      <c r="A85342" s="13" t="s">
        <v>428</v>
      </c>
      <c r="B85342" s="14" t="s">
        <v>1</v>
      </c>
      <c r="C85342" s="14" t="s">
        <v>23</v>
      </c>
      <c r="D85342" s="14" t="s">
        <v>429</v>
      </c>
      <c r="E85342" s="15">
        <v>45673</v>
      </c>
      <c r="F85342" s="14" t="s">
        <v>15</v>
      </c>
      <c r="G85342" s="16">
        <v>4.80139091274875</v>
      </c>
    </row>
    <row r="85343" spans="1:7" x14ac:dyDescent="0.3">
      <c r="A85343" s="13" t="s">
        <v>428</v>
      </c>
      <c r="B85343" s="14" t="s">
        <v>1</v>
      </c>
      <c r="C85343" s="14" t="s">
        <v>23</v>
      </c>
      <c r="D85343" s="14" t="s">
        <v>429</v>
      </c>
      <c r="E85343" s="15">
        <v>45674</v>
      </c>
      <c r="F85343" s="14" t="s">
        <v>15</v>
      </c>
      <c r="G85343" s="16">
        <v>4.8104714934437691</v>
      </c>
    </row>
    <row r="85344" spans="1:7" x14ac:dyDescent="0.3">
      <c r="A85344" s="13" t="s">
        <v>428</v>
      </c>
      <c r="B85344" s="14" t="s">
        <v>1</v>
      </c>
      <c r="C85344" s="14" t="s">
        <v>23</v>
      </c>
      <c r="D85344" s="14" t="s">
        <v>429</v>
      </c>
      <c r="E85344" s="15">
        <v>45675</v>
      </c>
      <c r="F85344" s="14" t="s">
        <v>15</v>
      </c>
      <c r="G85344" s="16">
        <v>4.8104714934437691</v>
      </c>
    </row>
    <row r="85345" spans="1:7" x14ac:dyDescent="0.3">
      <c r="A85345" s="13" t="s">
        <v>428</v>
      </c>
      <c r="B85345" s="14" t="s">
        <v>1</v>
      </c>
      <c r="C85345" s="14" t="s">
        <v>23</v>
      </c>
      <c r="D85345" s="14" t="s">
        <v>429</v>
      </c>
      <c r="E85345" s="15">
        <v>45676</v>
      </c>
      <c r="F85345" s="14" t="s">
        <v>15</v>
      </c>
      <c r="G85345" s="16">
        <v>4.8104714934437691</v>
      </c>
    </row>
    <row r="85346" spans="1:7" x14ac:dyDescent="0.3">
      <c r="A85346" s="13" t="s">
        <v>428</v>
      </c>
      <c r="B85346" s="14" t="s">
        <v>1</v>
      </c>
      <c r="C85346" s="14" t="s">
        <v>23</v>
      </c>
      <c r="D85346" s="14" t="s">
        <v>429</v>
      </c>
      <c r="E85346" s="15">
        <v>45677</v>
      </c>
      <c r="F85346" s="14" t="s">
        <v>15</v>
      </c>
      <c r="G85346" s="16">
        <v>4.8104714934437691</v>
      </c>
    </row>
    <row r="85347" spans="1:7" x14ac:dyDescent="0.3">
      <c r="A85347" s="13" t="s">
        <v>428</v>
      </c>
      <c r="B85347" s="14" t="s">
        <v>1</v>
      </c>
      <c r="C85347" s="14" t="s">
        <v>23</v>
      </c>
      <c r="D85347" s="14" t="s">
        <v>429</v>
      </c>
      <c r="E85347" s="15">
        <v>45678</v>
      </c>
      <c r="F85347" s="14" t="s">
        <v>15</v>
      </c>
      <c r="G85347" s="16">
        <v>4.8285520741387895</v>
      </c>
    </row>
    <row r="85348" spans="1:7" x14ac:dyDescent="0.3">
      <c r="A85348" s="13" t="s">
        <v>428</v>
      </c>
      <c r="B85348" s="14" t="s">
        <v>1</v>
      </c>
      <c r="C85348" s="14" t="s">
        <v>23</v>
      </c>
      <c r="D85348" s="14" t="s">
        <v>429</v>
      </c>
      <c r="E85348" s="15">
        <v>45679</v>
      </c>
      <c r="F85348" s="14" t="s">
        <v>15</v>
      </c>
      <c r="G85348" s="16">
        <v>4.8906326548338086</v>
      </c>
    </row>
    <row r="85349" spans="1:7" x14ac:dyDescent="0.3">
      <c r="A85349" s="13" t="s">
        <v>428</v>
      </c>
      <c r="B85349" s="14" t="s">
        <v>1</v>
      </c>
      <c r="C85349" s="14" t="s">
        <v>23</v>
      </c>
      <c r="D85349" s="14" t="s">
        <v>429</v>
      </c>
      <c r="E85349" s="15">
        <v>45680</v>
      </c>
      <c r="F85349" s="14" t="s">
        <v>15</v>
      </c>
      <c r="G85349" s="16">
        <v>4.9067132355288283</v>
      </c>
    </row>
    <row r="85350" spans="1:7" x14ac:dyDescent="0.3">
      <c r="A85350" s="13" t="s">
        <v>428</v>
      </c>
      <c r="B85350" s="14" t="s">
        <v>1</v>
      </c>
      <c r="C85350" s="14" t="s">
        <v>23</v>
      </c>
      <c r="D85350" s="14" t="s">
        <v>429</v>
      </c>
      <c r="E85350" s="15">
        <v>45681</v>
      </c>
      <c r="F85350" s="14" t="s">
        <v>15</v>
      </c>
      <c r="G85350" s="16">
        <v>4.9227938162238472</v>
      </c>
    </row>
    <row r="85351" spans="1:7" x14ac:dyDescent="0.3">
      <c r="A85351" s="13" t="s">
        <v>428</v>
      </c>
      <c r="B85351" s="14" t="s">
        <v>1</v>
      </c>
      <c r="C85351" s="14" t="s">
        <v>23</v>
      </c>
      <c r="D85351" s="14" t="s">
        <v>429</v>
      </c>
      <c r="E85351" s="15">
        <v>45682</v>
      </c>
      <c r="F85351" s="14" t="s">
        <v>15</v>
      </c>
      <c r="G85351" s="16">
        <v>4.9227938162238472</v>
      </c>
    </row>
    <row r="85352" spans="1:7" x14ac:dyDescent="0.3">
      <c r="A85352" s="13" t="s">
        <v>428</v>
      </c>
      <c r="B85352" s="14" t="s">
        <v>1</v>
      </c>
      <c r="C85352" s="14" t="s">
        <v>23</v>
      </c>
      <c r="D85352" s="14" t="s">
        <v>429</v>
      </c>
      <c r="E85352" s="15">
        <v>45683</v>
      </c>
      <c r="F85352" s="14" t="s">
        <v>15</v>
      </c>
      <c r="G85352" s="16">
        <v>4.9227938162238472</v>
      </c>
    </row>
    <row r="85353" spans="1:7" x14ac:dyDescent="0.3">
      <c r="A85353" s="13" t="s">
        <v>428</v>
      </c>
      <c r="B85353" s="14" t="s">
        <v>1</v>
      </c>
      <c r="C85353" s="14" t="s">
        <v>23</v>
      </c>
      <c r="D85353" s="14" t="s">
        <v>429</v>
      </c>
      <c r="E85353" s="15">
        <v>45684</v>
      </c>
      <c r="F85353" s="14" t="s">
        <v>15</v>
      </c>
      <c r="G85353" s="16">
        <v>4.9398743969188672</v>
      </c>
    </row>
    <row r="85354" spans="1:7" x14ac:dyDescent="0.3">
      <c r="A85354" s="13" t="s">
        <v>428</v>
      </c>
      <c r="B85354" s="14" t="s">
        <v>1</v>
      </c>
      <c r="C85354" s="14" t="s">
        <v>23</v>
      </c>
      <c r="D85354" s="14" t="s">
        <v>429</v>
      </c>
      <c r="E85354" s="15">
        <v>45685</v>
      </c>
      <c r="F85354" s="14" t="s">
        <v>15</v>
      </c>
      <c r="G85354" s="16">
        <v>4.9869549776138866</v>
      </c>
    </row>
    <row r="85355" spans="1:7" x14ac:dyDescent="0.3">
      <c r="A85355" s="13" t="s">
        <v>428</v>
      </c>
      <c r="B85355" s="14" t="s">
        <v>1</v>
      </c>
      <c r="C85355" s="14" t="s">
        <v>23</v>
      </c>
      <c r="D85355" s="14" t="s">
        <v>429</v>
      </c>
      <c r="E85355" s="15">
        <v>45686</v>
      </c>
      <c r="F85355" s="14" t="s">
        <v>15</v>
      </c>
      <c r="G85355" s="16">
        <v>5.0030355583089063</v>
      </c>
    </row>
    <row r="85356" spans="1:7" x14ac:dyDescent="0.3">
      <c r="A85356" s="13" t="s">
        <v>428</v>
      </c>
      <c r="B85356" s="14" t="s">
        <v>1</v>
      </c>
      <c r="C85356" s="14" t="s">
        <v>23</v>
      </c>
      <c r="D85356" s="14" t="s">
        <v>429</v>
      </c>
      <c r="E85356" s="15">
        <v>45687</v>
      </c>
      <c r="F85356" s="14" t="s">
        <v>15</v>
      </c>
      <c r="G85356" s="16">
        <v>5.0201161390039264</v>
      </c>
    </row>
    <row r="85357" spans="1:7" x14ac:dyDescent="0.3">
      <c r="A85357" s="13" t="s">
        <v>428</v>
      </c>
      <c r="B85357" s="14" t="s">
        <v>1</v>
      </c>
      <c r="C85357" s="14" t="s">
        <v>23</v>
      </c>
      <c r="D85357" s="14" t="s">
        <v>429</v>
      </c>
      <c r="E85357" s="15">
        <v>45688</v>
      </c>
      <c r="F85357" s="14" t="s">
        <v>15</v>
      </c>
      <c r="G85357" s="16">
        <v>5.0361967196989452</v>
      </c>
    </row>
    <row r="85358" spans="1:7" x14ac:dyDescent="0.3">
      <c r="A85358" s="13" t="s">
        <v>428</v>
      </c>
      <c r="B85358" s="14" t="s">
        <v>1</v>
      </c>
      <c r="C85358" s="14" t="s">
        <v>23</v>
      </c>
      <c r="D85358" s="14" t="s">
        <v>429</v>
      </c>
      <c r="E85358" s="15">
        <v>45689</v>
      </c>
      <c r="F85358" s="14" t="s">
        <v>15</v>
      </c>
      <c r="G85358" s="16">
        <v>5.0361967196989452</v>
      </c>
    </row>
    <row r="85359" spans="1:7" x14ac:dyDescent="0.3">
      <c r="A85359" s="13" t="s">
        <v>428</v>
      </c>
      <c r="B85359" s="14" t="s">
        <v>1</v>
      </c>
      <c r="C85359" s="14" t="s">
        <v>23</v>
      </c>
      <c r="D85359" s="14" t="s">
        <v>429</v>
      </c>
      <c r="E85359" s="15">
        <v>45690</v>
      </c>
      <c r="F85359" s="14" t="s">
        <v>15</v>
      </c>
      <c r="G85359" s="16">
        <v>5.0361967196989452</v>
      </c>
    </row>
    <row r="85360" spans="1:7" x14ac:dyDescent="0.3">
      <c r="A85360" s="13" t="s">
        <v>428</v>
      </c>
      <c r="B85360" s="14" t="s">
        <v>1</v>
      </c>
      <c r="C85360" s="14" t="s">
        <v>23</v>
      </c>
      <c r="D85360" s="14" t="s">
        <v>429</v>
      </c>
      <c r="E85360" s="15">
        <v>45691</v>
      </c>
      <c r="F85360" s="14" t="s">
        <v>15</v>
      </c>
      <c r="G85360" s="16">
        <v>5.0361967196989452</v>
      </c>
    </row>
    <row r="85361" spans="1:7" x14ac:dyDescent="0.3">
      <c r="A85361" s="13" t="s">
        <v>428</v>
      </c>
      <c r="B85361" s="14" t="s">
        <v>1</v>
      </c>
      <c r="C85361" s="14" t="s">
        <v>23</v>
      </c>
      <c r="D85361" s="14" t="s">
        <v>429</v>
      </c>
      <c r="E85361" s="15">
        <v>45692</v>
      </c>
      <c r="F85361" s="14" t="s">
        <v>15</v>
      </c>
      <c r="G85361" s="16">
        <v>5.0512773003939646</v>
      </c>
    </row>
    <row r="85362" spans="1:7" x14ac:dyDescent="0.3">
      <c r="A85362" s="13" t="s">
        <v>428</v>
      </c>
      <c r="B85362" s="14" t="s">
        <v>1</v>
      </c>
      <c r="C85362" s="14" t="s">
        <v>23</v>
      </c>
      <c r="D85362" s="14" t="s">
        <v>429</v>
      </c>
      <c r="E85362" s="15">
        <v>45693</v>
      </c>
      <c r="F85362" s="14" t="s">
        <v>15</v>
      </c>
      <c r="G85362" s="16">
        <v>5.1043578810889851</v>
      </c>
    </row>
    <row r="85363" spans="1:7" x14ac:dyDescent="0.3">
      <c r="A85363" s="13" t="s">
        <v>428</v>
      </c>
      <c r="B85363" s="14" t="s">
        <v>1</v>
      </c>
      <c r="C85363" s="14" t="s">
        <v>23</v>
      </c>
      <c r="D85363" s="14" t="s">
        <v>429</v>
      </c>
      <c r="E85363" s="15">
        <v>45694</v>
      </c>
      <c r="F85363" s="14" t="s">
        <v>15</v>
      </c>
      <c r="G85363" s="16">
        <v>5.120438461784004</v>
      </c>
    </row>
    <row r="85364" spans="1:7" x14ac:dyDescent="0.3">
      <c r="A85364" s="13" t="s">
        <v>428</v>
      </c>
      <c r="B85364" s="14" t="s">
        <v>1</v>
      </c>
      <c r="C85364" s="14" t="s">
        <v>23</v>
      </c>
      <c r="D85364" s="14" t="s">
        <v>429</v>
      </c>
      <c r="E85364" s="15">
        <v>45695</v>
      </c>
      <c r="F85364" s="14" t="s">
        <v>15</v>
      </c>
      <c r="G85364" s="16">
        <v>5.1365190424790237</v>
      </c>
    </row>
    <row r="85365" spans="1:7" x14ac:dyDescent="0.3">
      <c r="A85365" s="13" t="s">
        <v>428</v>
      </c>
      <c r="B85365" s="14" t="s">
        <v>1</v>
      </c>
      <c r="C85365" s="14" t="s">
        <v>23</v>
      </c>
      <c r="D85365" s="14" t="s">
        <v>429</v>
      </c>
      <c r="E85365" s="15">
        <v>45696</v>
      </c>
      <c r="F85365" s="14" t="s">
        <v>15</v>
      </c>
      <c r="G85365" s="16">
        <v>5.1365190424790237</v>
      </c>
    </row>
    <row r="85366" spans="1:7" x14ac:dyDescent="0.3">
      <c r="A85366" s="13" t="s">
        <v>428</v>
      </c>
      <c r="B85366" s="14" t="s">
        <v>1</v>
      </c>
      <c r="C85366" s="14" t="s">
        <v>23</v>
      </c>
      <c r="D85366" s="14" t="s">
        <v>429</v>
      </c>
      <c r="E85366" s="15">
        <v>45697</v>
      </c>
      <c r="F85366" s="14" t="s">
        <v>15</v>
      </c>
      <c r="G85366" s="16">
        <v>5.1365190424790237</v>
      </c>
    </row>
    <row r="85367" spans="1:7" x14ac:dyDescent="0.3">
      <c r="A85367" s="13" t="s">
        <v>428</v>
      </c>
      <c r="B85367" s="14" t="s">
        <v>1</v>
      </c>
      <c r="C85367" s="14" t="s">
        <v>23</v>
      </c>
      <c r="D85367" s="14" t="s">
        <v>429</v>
      </c>
      <c r="E85367" s="15">
        <v>45698</v>
      </c>
      <c r="F85367" s="14" t="s">
        <v>15</v>
      </c>
      <c r="G85367" s="16">
        <v>5.1615996231740429</v>
      </c>
    </row>
    <row r="85368" spans="1:7" x14ac:dyDescent="0.3">
      <c r="A85368" s="13" t="s">
        <v>428</v>
      </c>
      <c r="B85368" s="14" t="s">
        <v>1</v>
      </c>
      <c r="C85368" s="14" t="s">
        <v>23</v>
      </c>
      <c r="D85368" s="14" t="s">
        <v>429</v>
      </c>
      <c r="E85368" s="15">
        <v>45699</v>
      </c>
      <c r="F85368" s="14" t="s">
        <v>15</v>
      </c>
      <c r="G85368" s="16">
        <v>5.2096802038690626</v>
      </c>
    </row>
    <row r="85369" spans="1:7" x14ac:dyDescent="0.3">
      <c r="A85369" s="13" t="s">
        <v>428</v>
      </c>
      <c r="B85369" s="14" t="s">
        <v>1</v>
      </c>
      <c r="C85369" s="14" t="s">
        <v>23</v>
      </c>
      <c r="D85369" s="14" t="s">
        <v>429</v>
      </c>
      <c r="E85369" s="15">
        <v>45700</v>
      </c>
      <c r="F85369" s="14" t="s">
        <v>15</v>
      </c>
      <c r="G85369" s="16">
        <v>5.2267607845640827</v>
      </c>
    </row>
    <row r="85370" spans="1:7" x14ac:dyDescent="0.3">
      <c r="A85370" s="13" t="s">
        <v>428</v>
      </c>
      <c r="B85370" s="14" t="s">
        <v>1</v>
      </c>
      <c r="C85370" s="14" t="s">
        <v>23</v>
      </c>
      <c r="D85370" s="14" t="s">
        <v>429</v>
      </c>
      <c r="E85370" s="15">
        <v>45701</v>
      </c>
      <c r="F85370" s="14" t="s">
        <v>15</v>
      </c>
      <c r="G85370" s="16">
        <v>5.2448413652591022</v>
      </c>
    </row>
    <row r="85371" spans="1:7" x14ac:dyDescent="0.3">
      <c r="A85371" s="13" t="s">
        <v>428</v>
      </c>
      <c r="B85371" s="14" t="s">
        <v>1</v>
      </c>
      <c r="C85371" s="14" t="s">
        <v>23</v>
      </c>
      <c r="D85371" s="14" t="s">
        <v>429</v>
      </c>
      <c r="E85371" s="15">
        <v>45702</v>
      </c>
      <c r="F85371" s="14" t="s">
        <v>15</v>
      </c>
      <c r="G85371" s="16">
        <v>5.2619219459541222</v>
      </c>
    </row>
    <row r="85372" spans="1:7" x14ac:dyDescent="0.3">
      <c r="A85372" s="13" t="s">
        <v>428</v>
      </c>
      <c r="B85372" s="14" t="s">
        <v>1</v>
      </c>
      <c r="C85372" s="14" t="s">
        <v>23</v>
      </c>
      <c r="D85372" s="14" t="s">
        <v>429</v>
      </c>
      <c r="E85372" s="15">
        <v>45703</v>
      </c>
      <c r="F85372" s="14" t="s">
        <v>15</v>
      </c>
      <c r="G85372" s="16">
        <v>5.2619219459541222</v>
      </c>
    </row>
    <row r="85373" spans="1:7" x14ac:dyDescent="0.3">
      <c r="A85373" s="13" t="s">
        <v>428</v>
      </c>
      <c r="B85373" s="14" t="s">
        <v>1</v>
      </c>
      <c r="C85373" s="14" t="s">
        <v>23</v>
      </c>
      <c r="D85373" s="14" t="s">
        <v>429</v>
      </c>
      <c r="E85373" s="15">
        <v>45704</v>
      </c>
      <c r="F85373" s="14" t="s">
        <v>15</v>
      </c>
      <c r="G85373" s="16">
        <v>5.2619219459541222</v>
      </c>
    </row>
    <row r="85374" spans="1:7" x14ac:dyDescent="0.3">
      <c r="A85374" s="13" t="s">
        <v>428</v>
      </c>
      <c r="B85374" s="14" t="s">
        <v>1</v>
      </c>
      <c r="C85374" s="14" t="s">
        <v>23</v>
      </c>
      <c r="D85374" s="14" t="s">
        <v>429</v>
      </c>
      <c r="E85374" s="15">
        <v>45705</v>
      </c>
      <c r="F85374" s="14" t="s">
        <v>15</v>
      </c>
      <c r="G85374" s="16">
        <v>5.2619219459541222</v>
      </c>
    </row>
    <row r="85375" spans="1:7" x14ac:dyDescent="0.3">
      <c r="A85375" s="13" t="s">
        <v>428</v>
      </c>
      <c r="B85375" s="14" t="s">
        <v>1</v>
      </c>
      <c r="C85375" s="14" t="s">
        <v>23</v>
      </c>
      <c r="D85375" s="14" t="s">
        <v>429</v>
      </c>
      <c r="E85375" s="15">
        <v>45706</v>
      </c>
      <c r="F85375" s="14" t="s">
        <v>15</v>
      </c>
      <c r="G85375" s="16">
        <v>5.2790025266491423</v>
      </c>
    </row>
    <row r="85376" spans="1:7" x14ac:dyDescent="0.3">
      <c r="A85376" s="13" t="s">
        <v>428</v>
      </c>
      <c r="B85376" s="14" t="s">
        <v>1</v>
      </c>
      <c r="C85376" s="14" t="s">
        <v>23</v>
      </c>
      <c r="D85376" s="14" t="s">
        <v>429</v>
      </c>
      <c r="E85376" s="15">
        <v>45707</v>
      </c>
      <c r="F85376" s="14" t="s">
        <v>15</v>
      </c>
      <c r="G85376" s="16">
        <v>5.3420831073441617</v>
      </c>
    </row>
    <row r="85377" spans="1:7" x14ac:dyDescent="0.3">
      <c r="A85377" s="13" t="s">
        <v>428</v>
      </c>
      <c r="B85377" s="14" t="s">
        <v>1</v>
      </c>
      <c r="C85377" s="14" t="s">
        <v>23</v>
      </c>
      <c r="D85377" s="14" t="s">
        <v>429</v>
      </c>
      <c r="E85377" s="15">
        <v>45708</v>
      </c>
      <c r="F85377" s="14" t="s">
        <v>15</v>
      </c>
      <c r="G85377" s="16">
        <v>5.3591636880391817</v>
      </c>
    </row>
    <row r="85378" spans="1:7" x14ac:dyDescent="0.3">
      <c r="A85378" s="13" t="s">
        <v>428</v>
      </c>
      <c r="B85378" s="14" t="s">
        <v>1</v>
      </c>
      <c r="C85378" s="14" t="s">
        <v>23</v>
      </c>
      <c r="D85378" s="14" t="s">
        <v>429</v>
      </c>
      <c r="E85378" s="15">
        <v>45709</v>
      </c>
      <c r="F85378" s="14" t="s">
        <v>15</v>
      </c>
      <c r="G85378" s="16">
        <v>5.3702442687342016</v>
      </c>
    </row>
    <row r="85379" spans="1:7" x14ac:dyDescent="0.3">
      <c r="A85379" s="13" t="s">
        <v>428</v>
      </c>
      <c r="B85379" s="14" t="s">
        <v>1</v>
      </c>
      <c r="C85379" s="14" t="s">
        <v>23</v>
      </c>
      <c r="D85379" s="14" t="s">
        <v>429</v>
      </c>
      <c r="E85379" s="15">
        <v>45710</v>
      </c>
      <c r="F85379" s="14" t="s">
        <v>15</v>
      </c>
      <c r="G85379" s="16">
        <v>5.3702442687342016</v>
      </c>
    </row>
    <row r="85380" spans="1:7" x14ac:dyDescent="0.3">
      <c r="A85380" s="13" t="s">
        <v>428</v>
      </c>
      <c r="B85380" s="14" t="s">
        <v>1</v>
      </c>
      <c r="C85380" s="14" t="s">
        <v>23</v>
      </c>
      <c r="D85380" s="14" t="s">
        <v>429</v>
      </c>
      <c r="E85380" s="15">
        <v>45711</v>
      </c>
      <c r="F85380" s="14" t="s">
        <v>15</v>
      </c>
      <c r="G85380" s="16">
        <v>5.3702442687342016</v>
      </c>
    </row>
    <row r="85381" spans="1:7" x14ac:dyDescent="0.3">
      <c r="A85381" s="13" t="s">
        <v>428</v>
      </c>
      <c r="B85381" s="14" t="s">
        <v>1</v>
      </c>
      <c r="C85381" s="14" t="s">
        <v>23</v>
      </c>
      <c r="D85381" s="14" t="s">
        <v>429</v>
      </c>
      <c r="E85381" s="15">
        <v>45712</v>
      </c>
      <c r="F85381" s="14" t="s">
        <v>15</v>
      </c>
      <c r="G85381" s="16">
        <v>5.3843248494292215</v>
      </c>
    </row>
    <row r="85382" spans="1:7" x14ac:dyDescent="0.3">
      <c r="A85382" s="13" t="s">
        <v>428</v>
      </c>
      <c r="B85382" s="14" t="s">
        <v>1</v>
      </c>
      <c r="C85382" s="14" t="s">
        <v>23</v>
      </c>
      <c r="D85382" s="14" t="s">
        <v>429</v>
      </c>
      <c r="E85382" s="15">
        <v>45713</v>
      </c>
      <c r="F85382" s="14" t="s">
        <v>15</v>
      </c>
      <c r="G85382" s="16">
        <v>5.4324054301242404</v>
      </c>
    </row>
    <row r="85383" spans="1:7" x14ac:dyDescent="0.3">
      <c r="A85383" s="13" t="s">
        <v>428</v>
      </c>
      <c r="B85383" s="14" t="s">
        <v>1</v>
      </c>
      <c r="C85383" s="14" t="s">
        <v>23</v>
      </c>
      <c r="D85383" s="14" t="s">
        <v>429</v>
      </c>
      <c r="E85383" s="15">
        <v>45714</v>
      </c>
      <c r="F85383" s="14" t="s">
        <v>15</v>
      </c>
      <c r="G85383" s="16">
        <v>5.4464860108192603</v>
      </c>
    </row>
    <row r="85384" spans="1:7" x14ac:dyDescent="0.3">
      <c r="A85384" s="13" t="s">
        <v>428</v>
      </c>
      <c r="B85384" s="14" t="s">
        <v>1</v>
      </c>
      <c r="C85384" s="14" t="s">
        <v>23</v>
      </c>
      <c r="D85384" s="14" t="s">
        <v>429</v>
      </c>
      <c r="E85384" s="15">
        <v>45715</v>
      </c>
      <c r="F85384" s="14" t="s">
        <v>15</v>
      </c>
      <c r="G85384" s="16">
        <v>5.4635665915142804</v>
      </c>
    </row>
    <row r="85385" spans="1:7" x14ac:dyDescent="0.3">
      <c r="A85385" s="13" t="s">
        <v>428</v>
      </c>
      <c r="B85385" s="14" t="s">
        <v>1</v>
      </c>
      <c r="C85385" s="14" t="s">
        <v>23</v>
      </c>
      <c r="D85385" s="14" t="s">
        <v>429</v>
      </c>
      <c r="E85385" s="15">
        <v>45716</v>
      </c>
      <c r="F85385" s="14" t="s">
        <v>15</v>
      </c>
      <c r="G85385" s="16">
        <v>5.4806471722093004</v>
      </c>
    </row>
    <row r="85386" spans="1:7" x14ac:dyDescent="0.3">
      <c r="A85386" s="13" t="s">
        <v>428</v>
      </c>
      <c r="B85386" s="14" t="s">
        <v>1</v>
      </c>
      <c r="C85386" s="14" t="s">
        <v>23</v>
      </c>
      <c r="D85386" s="14" t="s">
        <v>429</v>
      </c>
      <c r="E85386" s="15">
        <v>45717</v>
      </c>
      <c r="F85386" s="14" t="s">
        <v>15</v>
      </c>
      <c r="G85386" s="16">
        <v>0</v>
      </c>
    </row>
    <row r="85387" spans="1:7" x14ac:dyDescent="0.3">
      <c r="A85387" s="13" t="s">
        <v>428</v>
      </c>
      <c r="B85387" s="14" t="s">
        <v>1</v>
      </c>
      <c r="C85387" s="14" t="s">
        <v>23</v>
      </c>
      <c r="D85387" s="14" t="s">
        <v>429</v>
      </c>
      <c r="E85387" s="15">
        <v>45718</v>
      </c>
      <c r="F85387" s="14" t="s">
        <v>15</v>
      </c>
      <c r="G85387" s="16">
        <v>0</v>
      </c>
    </row>
    <row r="85388" spans="1:7" x14ac:dyDescent="0.3">
      <c r="A85388" s="13" t="s">
        <v>428</v>
      </c>
      <c r="B85388" s="14" t="s">
        <v>1</v>
      </c>
      <c r="C85388" s="14" t="s">
        <v>23</v>
      </c>
      <c r="D85388" s="14" t="s">
        <v>429</v>
      </c>
      <c r="E85388" s="15">
        <v>45719</v>
      </c>
      <c r="F85388" s="14" t="s">
        <v>15</v>
      </c>
      <c r="G85388" s="16">
        <v>0</v>
      </c>
    </row>
    <row r="85389" spans="1:7" x14ac:dyDescent="0.3">
      <c r="A85389" s="13" t="s">
        <v>428</v>
      </c>
      <c r="B85389" s="14" t="s">
        <v>1</v>
      </c>
      <c r="C85389" s="14" t="s">
        <v>23</v>
      </c>
      <c r="D85389" s="14" t="s">
        <v>429</v>
      </c>
      <c r="E85389" s="15">
        <v>45720</v>
      </c>
      <c r="F85389" s="14" t="s">
        <v>15</v>
      </c>
      <c r="G85389" s="16">
        <v>0</v>
      </c>
    </row>
    <row r="85390" spans="1:7" x14ac:dyDescent="0.3">
      <c r="A85390" s="13" t="s">
        <v>428</v>
      </c>
      <c r="B85390" s="14" t="s">
        <v>1</v>
      </c>
      <c r="C85390" s="14" t="s">
        <v>23</v>
      </c>
      <c r="D85390" s="14" t="s">
        <v>429</v>
      </c>
      <c r="E85390" s="15">
        <v>45721</v>
      </c>
      <c r="F85390" s="14" t="s">
        <v>15</v>
      </c>
      <c r="G85390" s="16">
        <v>0</v>
      </c>
    </row>
    <row r="85391" spans="1:7" x14ac:dyDescent="0.3">
      <c r="A85391" s="13" t="s">
        <v>428</v>
      </c>
      <c r="B85391" s="14" t="s">
        <v>1</v>
      </c>
      <c r="C85391" s="14" t="s">
        <v>23</v>
      </c>
      <c r="D85391" s="14" t="s">
        <v>429</v>
      </c>
      <c r="E85391" s="15">
        <v>45722</v>
      </c>
      <c r="F85391" s="14" t="s">
        <v>15</v>
      </c>
      <c r="G85391" s="16">
        <v>0</v>
      </c>
    </row>
    <row r="85392" spans="1:7" x14ac:dyDescent="0.3">
      <c r="A85392" s="13" t="s">
        <v>428</v>
      </c>
      <c r="B85392" s="14" t="s">
        <v>1</v>
      </c>
      <c r="C85392" s="14" t="s">
        <v>23</v>
      </c>
      <c r="D85392" s="14" t="s">
        <v>429</v>
      </c>
      <c r="E85392" s="15">
        <v>45723</v>
      </c>
      <c r="F85392" s="14" t="s">
        <v>15</v>
      </c>
      <c r="G85392" s="16">
        <v>0</v>
      </c>
    </row>
    <row r="85393" spans="1:7" x14ac:dyDescent="0.3">
      <c r="A85393" s="13" t="s">
        <v>428</v>
      </c>
      <c r="B85393" s="14" t="s">
        <v>1</v>
      </c>
      <c r="C85393" s="14" t="s">
        <v>23</v>
      </c>
      <c r="D85393" s="14" t="s">
        <v>429</v>
      </c>
      <c r="E85393" s="15">
        <v>45724</v>
      </c>
      <c r="F85393" s="14" t="s">
        <v>15</v>
      </c>
      <c r="G85393" s="16">
        <v>0</v>
      </c>
    </row>
    <row r="85394" spans="1:7" x14ac:dyDescent="0.3">
      <c r="A85394" s="13" t="s">
        <v>428</v>
      </c>
      <c r="B85394" s="14" t="s">
        <v>1</v>
      </c>
      <c r="C85394" s="14" t="s">
        <v>23</v>
      </c>
      <c r="D85394" s="14" t="s">
        <v>429</v>
      </c>
      <c r="E85394" s="15">
        <v>45725</v>
      </c>
      <c r="F85394" s="14" t="s">
        <v>15</v>
      </c>
      <c r="G85394" s="16">
        <v>0</v>
      </c>
    </row>
    <row r="85395" spans="1:7" x14ac:dyDescent="0.3">
      <c r="A85395" s="13" t="s">
        <v>428</v>
      </c>
      <c r="B85395" s="14" t="s">
        <v>1</v>
      </c>
      <c r="C85395" s="14" t="s">
        <v>23</v>
      </c>
      <c r="D85395" s="14" t="s">
        <v>429</v>
      </c>
      <c r="E85395" s="15">
        <v>45726</v>
      </c>
      <c r="F85395" s="14" t="s">
        <v>15</v>
      </c>
      <c r="G85395" s="16">
        <v>0</v>
      </c>
    </row>
    <row r="85396" spans="1:7" x14ac:dyDescent="0.3">
      <c r="A85396" s="13" t="s">
        <v>428</v>
      </c>
      <c r="B85396" s="14" t="s">
        <v>1</v>
      </c>
      <c r="C85396" s="14" t="s">
        <v>23</v>
      </c>
      <c r="D85396" s="14" t="s">
        <v>429</v>
      </c>
      <c r="E85396" s="15">
        <v>45727</v>
      </c>
      <c r="F85396" s="14" t="s">
        <v>15</v>
      </c>
      <c r="G85396" s="16">
        <v>0</v>
      </c>
    </row>
    <row r="85397" spans="1:7" x14ac:dyDescent="0.3">
      <c r="A85397" s="13" t="s">
        <v>428</v>
      </c>
      <c r="B85397" s="14" t="s">
        <v>1</v>
      </c>
      <c r="C85397" s="14" t="s">
        <v>23</v>
      </c>
      <c r="D85397" s="14" t="s">
        <v>429</v>
      </c>
      <c r="E85397" s="15">
        <v>45728</v>
      </c>
      <c r="F85397" s="14" t="s">
        <v>15</v>
      </c>
      <c r="G85397" s="16">
        <v>0</v>
      </c>
    </row>
    <row r="85398" spans="1:7" x14ac:dyDescent="0.3">
      <c r="A85398" s="13" t="s">
        <v>428</v>
      </c>
      <c r="B85398" s="14" t="s">
        <v>1</v>
      </c>
      <c r="C85398" s="14" t="s">
        <v>23</v>
      </c>
      <c r="D85398" s="14" t="s">
        <v>429</v>
      </c>
      <c r="E85398" s="15">
        <v>45729</v>
      </c>
      <c r="F85398" s="14" t="s">
        <v>15</v>
      </c>
      <c r="G85398" s="16">
        <v>0</v>
      </c>
    </row>
    <row r="85399" spans="1:7" x14ac:dyDescent="0.3">
      <c r="A85399" s="13" t="s">
        <v>428</v>
      </c>
      <c r="B85399" s="14" t="s">
        <v>1</v>
      </c>
      <c r="C85399" s="14" t="s">
        <v>23</v>
      </c>
      <c r="D85399" s="14" t="s">
        <v>429</v>
      </c>
      <c r="E85399" s="15">
        <v>45730</v>
      </c>
      <c r="F85399" s="14" t="s">
        <v>15</v>
      </c>
      <c r="G85399" s="16">
        <v>0</v>
      </c>
    </row>
    <row r="85400" spans="1:7" x14ac:dyDescent="0.3">
      <c r="A85400" s="13" t="s">
        <v>428</v>
      </c>
      <c r="B85400" s="14" t="s">
        <v>1</v>
      </c>
      <c r="C85400" s="14" t="s">
        <v>23</v>
      </c>
      <c r="D85400" s="14" t="s">
        <v>429</v>
      </c>
      <c r="E85400" s="15">
        <v>45731</v>
      </c>
      <c r="F85400" s="14" t="s">
        <v>15</v>
      </c>
      <c r="G85400" s="16">
        <v>0</v>
      </c>
    </row>
    <row r="85401" spans="1:7" x14ac:dyDescent="0.3">
      <c r="A85401" s="13" t="s">
        <v>428</v>
      </c>
      <c r="B85401" s="14" t="s">
        <v>1</v>
      </c>
      <c r="C85401" s="14" t="s">
        <v>23</v>
      </c>
      <c r="D85401" s="14" t="s">
        <v>429</v>
      </c>
      <c r="E85401" s="15">
        <v>45732</v>
      </c>
      <c r="F85401" s="14" t="s">
        <v>15</v>
      </c>
      <c r="G85401" s="16">
        <v>0</v>
      </c>
    </row>
    <row r="85402" spans="1:7" x14ac:dyDescent="0.3">
      <c r="A85402" s="13" t="s">
        <v>428</v>
      </c>
      <c r="B85402" s="14" t="s">
        <v>1</v>
      </c>
      <c r="C85402" s="14" t="s">
        <v>23</v>
      </c>
      <c r="D85402" s="14" t="s">
        <v>429</v>
      </c>
      <c r="E85402" s="15">
        <v>45733</v>
      </c>
      <c r="F85402" s="14" t="s">
        <v>15</v>
      </c>
      <c r="G85402" s="16">
        <v>0</v>
      </c>
    </row>
    <row r="85403" spans="1:7" x14ac:dyDescent="0.3">
      <c r="A85403" s="13" t="s">
        <v>428</v>
      </c>
      <c r="B85403" s="14" t="s">
        <v>1</v>
      </c>
      <c r="C85403" s="14" t="s">
        <v>23</v>
      </c>
      <c r="D85403" s="14" t="s">
        <v>429</v>
      </c>
      <c r="E85403" s="15">
        <v>45734</v>
      </c>
      <c r="F85403" s="14" t="s">
        <v>15</v>
      </c>
      <c r="G85403" s="16">
        <v>0</v>
      </c>
    </row>
    <row r="85404" spans="1:7" x14ac:dyDescent="0.3">
      <c r="A85404" s="13" t="s">
        <v>428</v>
      </c>
      <c r="B85404" s="14" t="s">
        <v>1</v>
      </c>
      <c r="C85404" s="14" t="s">
        <v>23</v>
      </c>
      <c r="D85404" s="14" t="s">
        <v>429</v>
      </c>
      <c r="E85404" s="15">
        <v>45735</v>
      </c>
      <c r="F85404" s="14" t="s">
        <v>15</v>
      </c>
      <c r="G85404" s="16">
        <v>0</v>
      </c>
    </row>
    <row r="85405" spans="1:7" x14ac:dyDescent="0.3">
      <c r="A85405" s="13" t="s">
        <v>428</v>
      </c>
      <c r="B85405" s="14" t="s">
        <v>1</v>
      </c>
      <c r="C85405" s="14" t="s">
        <v>23</v>
      </c>
      <c r="D85405" s="14" t="s">
        <v>429</v>
      </c>
      <c r="E85405" s="15">
        <v>45736</v>
      </c>
      <c r="F85405" s="14" t="s">
        <v>15</v>
      </c>
      <c r="G85405" s="16">
        <v>0</v>
      </c>
    </row>
    <row r="85406" spans="1:7" x14ac:dyDescent="0.3">
      <c r="A85406" s="13" t="s">
        <v>428</v>
      </c>
      <c r="B85406" s="14" t="s">
        <v>1</v>
      </c>
      <c r="C85406" s="14" t="s">
        <v>23</v>
      </c>
      <c r="D85406" s="14" t="s">
        <v>429</v>
      </c>
      <c r="E85406" s="15">
        <v>45737</v>
      </c>
      <c r="F85406" s="14" t="s">
        <v>15</v>
      </c>
      <c r="G85406" s="16">
        <v>0</v>
      </c>
    </row>
    <row r="85407" spans="1:7" x14ac:dyDescent="0.3">
      <c r="A85407" s="13" t="s">
        <v>428</v>
      </c>
      <c r="B85407" s="14" t="s">
        <v>1</v>
      </c>
      <c r="C85407" s="14" t="s">
        <v>23</v>
      </c>
      <c r="D85407" s="14" t="s">
        <v>429</v>
      </c>
      <c r="E85407" s="15">
        <v>45738</v>
      </c>
      <c r="F85407" s="14" t="s">
        <v>15</v>
      </c>
      <c r="G85407" s="16">
        <v>0</v>
      </c>
    </row>
    <row r="85408" spans="1:7" x14ac:dyDescent="0.3">
      <c r="A85408" s="13" t="s">
        <v>428</v>
      </c>
      <c r="B85408" s="14" t="s">
        <v>1</v>
      </c>
      <c r="C85408" s="14" t="s">
        <v>23</v>
      </c>
      <c r="D85408" s="14" t="s">
        <v>429</v>
      </c>
      <c r="E85408" s="15">
        <v>45739</v>
      </c>
      <c r="F85408" s="14" t="s">
        <v>15</v>
      </c>
      <c r="G85408" s="16">
        <v>0</v>
      </c>
    </row>
    <row r="85409" spans="1:7" x14ac:dyDescent="0.3">
      <c r="A85409" s="13" t="s">
        <v>428</v>
      </c>
      <c r="B85409" s="14" t="s">
        <v>1</v>
      </c>
      <c r="C85409" s="14" t="s">
        <v>23</v>
      </c>
      <c r="D85409" s="14" t="s">
        <v>429</v>
      </c>
      <c r="E85409" s="15">
        <v>45740</v>
      </c>
      <c r="F85409" s="14" t="s">
        <v>15</v>
      </c>
      <c r="G85409" s="16">
        <v>0</v>
      </c>
    </row>
    <row r="85410" spans="1:7" x14ac:dyDescent="0.3">
      <c r="A85410" s="13" t="s">
        <v>428</v>
      </c>
      <c r="B85410" s="14" t="s">
        <v>1</v>
      </c>
      <c r="C85410" s="14" t="s">
        <v>23</v>
      </c>
      <c r="D85410" s="14" t="s">
        <v>429</v>
      </c>
      <c r="E85410" s="15">
        <v>45741</v>
      </c>
      <c r="F85410" s="14" t="s">
        <v>15</v>
      </c>
      <c r="G85410" s="16">
        <v>0</v>
      </c>
    </row>
    <row r="85411" spans="1:7" x14ac:dyDescent="0.3">
      <c r="A85411" s="13" t="s">
        <v>428</v>
      </c>
      <c r="B85411" s="14" t="s">
        <v>1</v>
      </c>
      <c r="C85411" s="14" t="s">
        <v>23</v>
      </c>
      <c r="D85411" s="14" t="s">
        <v>429</v>
      </c>
      <c r="E85411" s="15">
        <v>45742</v>
      </c>
      <c r="F85411" s="14" t="s">
        <v>15</v>
      </c>
      <c r="G85411" s="16">
        <v>0</v>
      </c>
    </row>
    <row r="85412" spans="1:7" x14ac:dyDescent="0.3">
      <c r="A85412" s="13" t="s">
        <v>428</v>
      </c>
      <c r="B85412" s="14" t="s">
        <v>1</v>
      </c>
      <c r="C85412" s="14" t="s">
        <v>23</v>
      </c>
      <c r="D85412" s="14" t="s">
        <v>429</v>
      </c>
      <c r="E85412" s="15">
        <v>45743</v>
      </c>
      <c r="F85412" s="14" t="s">
        <v>15</v>
      </c>
      <c r="G85412" s="16">
        <v>0</v>
      </c>
    </row>
    <row r="85413" spans="1:7" x14ac:dyDescent="0.3">
      <c r="A85413" s="13" t="s">
        <v>428</v>
      </c>
      <c r="B85413" s="14" t="s">
        <v>1</v>
      </c>
      <c r="C85413" s="14" t="s">
        <v>23</v>
      </c>
      <c r="D85413" s="14" t="s">
        <v>429</v>
      </c>
      <c r="E85413" s="15">
        <v>45744</v>
      </c>
      <c r="F85413" s="14" t="s">
        <v>15</v>
      </c>
      <c r="G85413" s="16">
        <v>0</v>
      </c>
    </row>
    <row r="85414" spans="1:7" x14ac:dyDescent="0.3">
      <c r="A85414" s="13" t="s">
        <v>428</v>
      </c>
      <c r="B85414" s="14" t="s">
        <v>1</v>
      </c>
      <c r="C85414" s="14" t="s">
        <v>23</v>
      </c>
      <c r="D85414" s="14" t="s">
        <v>429</v>
      </c>
      <c r="E85414" s="15">
        <v>45745</v>
      </c>
      <c r="F85414" s="14" t="s">
        <v>15</v>
      </c>
      <c r="G85414" s="16">
        <v>0</v>
      </c>
    </row>
    <row r="85415" spans="1:7" x14ac:dyDescent="0.3">
      <c r="A85415" s="13" t="s">
        <v>428</v>
      </c>
      <c r="B85415" s="14" t="s">
        <v>1</v>
      </c>
      <c r="C85415" s="14" t="s">
        <v>23</v>
      </c>
      <c r="D85415" s="14" t="s">
        <v>429</v>
      </c>
      <c r="E85415" s="15">
        <v>45746</v>
      </c>
      <c r="F85415" s="14" t="s">
        <v>15</v>
      </c>
      <c r="G85415" s="16">
        <v>0</v>
      </c>
    </row>
    <row r="85416" spans="1:7" x14ac:dyDescent="0.3">
      <c r="A85416" s="13" t="s">
        <v>428</v>
      </c>
      <c r="B85416" s="14" t="s">
        <v>1</v>
      </c>
      <c r="C85416" s="14" t="s">
        <v>23</v>
      </c>
      <c r="D85416" s="14" t="s">
        <v>429</v>
      </c>
      <c r="E85416" s="15">
        <v>45747</v>
      </c>
      <c r="F85416" s="14" t="s">
        <v>15</v>
      </c>
      <c r="G85416" s="16">
        <v>0</v>
      </c>
    </row>
    <row r="85417" spans="1:7" x14ac:dyDescent="0.3">
      <c r="A85417" s="13" t="s">
        <v>430</v>
      </c>
      <c r="B85417" s="14" t="s">
        <v>1</v>
      </c>
      <c r="C85417" s="14" t="s">
        <v>23</v>
      </c>
      <c r="D85417" s="14" t="s">
        <v>431</v>
      </c>
      <c r="E85417" s="15">
        <v>45383</v>
      </c>
      <c r="F85417" s="14" t="s">
        <v>15</v>
      </c>
      <c r="G85417" s="16">
        <v>0</v>
      </c>
    </row>
    <row r="85418" spans="1:7" x14ac:dyDescent="0.3">
      <c r="A85418" s="13" t="s">
        <v>430</v>
      </c>
      <c r="B85418" s="14" t="s">
        <v>1</v>
      </c>
      <c r="C85418" s="14" t="s">
        <v>23</v>
      </c>
      <c r="D85418" s="14" t="s">
        <v>431</v>
      </c>
      <c r="E85418" s="15">
        <v>45384</v>
      </c>
      <c r="F85418" s="14" t="s">
        <v>15</v>
      </c>
      <c r="G85418" s="16">
        <v>0</v>
      </c>
    </row>
    <row r="85419" spans="1:7" x14ac:dyDescent="0.3">
      <c r="A85419" s="13" t="s">
        <v>430</v>
      </c>
      <c r="B85419" s="14" t="s">
        <v>1</v>
      </c>
      <c r="C85419" s="14" t="s">
        <v>23</v>
      </c>
      <c r="D85419" s="14" t="s">
        <v>431</v>
      </c>
      <c r="E85419" s="15">
        <v>45385</v>
      </c>
      <c r="F85419" s="14" t="s">
        <v>15</v>
      </c>
      <c r="G85419" s="16">
        <v>6.0000227759931829E-2</v>
      </c>
    </row>
    <row r="85420" spans="1:7" x14ac:dyDescent="0.3">
      <c r="A85420" s="13" t="s">
        <v>430</v>
      </c>
      <c r="B85420" s="14" t="s">
        <v>1</v>
      </c>
      <c r="C85420" s="14" t="s">
        <v>23</v>
      </c>
      <c r="D85420" s="14" t="s">
        <v>431</v>
      </c>
      <c r="E85420" s="15">
        <v>45386</v>
      </c>
      <c r="F85420" s="14" t="s">
        <v>15</v>
      </c>
      <c r="G85420" s="16">
        <v>7.5687079902111959E-2</v>
      </c>
    </row>
    <row r="85421" spans="1:7" x14ac:dyDescent="0.3">
      <c r="A85421" s="13" t="s">
        <v>430</v>
      </c>
      <c r="B85421" s="14" t="s">
        <v>1</v>
      </c>
      <c r="C85421" s="14" t="s">
        <v>23</v>
      </c>
      <c r="D85421" s="14" t="s">
        <v>431</v>
      </c>
      <c r="E85421" s="15">
        <v>45387</v>
      </c>
      <c r="F85421" s="14" t="s">
        <v>15</v>
      </c>
      <c r="G85421" s="16">
        <v>0.10131495908257949</v>
      </c>
    </row>
    <row r="85422" spans="1:7" x14ac:dyDescent="0.3">
      <c r="A85422" s="13" t="s">
        <v>430</v>
      </c>
      <c r="B85422" s="14" t="s">
        <v>1</v>
      </c>
      <c r="C85422" s="14" t="s">
        <v>23</v>
      </c>
      <c r="D85422" s="14" t="s">
        <v>431</v>
      </c>
      <c r="E85422" s="15">
        <v>45388</v>
      </c>
      <c r="F85422" s="14" t="s">
        <v>15</v>
      </c>
      <c r="G85422" s="16">
        <v>0.10131495908257949</v>
      </c>
    </row>
    <row r="85423" spans="1:7" x14ac:dyDescent="0.3">
      <c r="A85423" s="13" t="s">
        <v>430</v>
      </c>
      <c r="B85423" s="14" t="s">
        <v>1</v>
      </c>
      <c r="C85423" s="14" t="s">
        <v>23</v>
      </c>
      <c r="D85423" s="14" t="s">
        <v>431</v>
      </c>
      <c r="E85423" s="15">
        <v>45389</v>
      </c>
      <c r="F85423" s="14" t="s">
        <v>15</v>
      </c>
      <c r="G85423" s="16">
        <v>0.10131495908257949</v>
      </c>
    </row>
    <row r="85424" spans="1:7" x14ac:dyDescent="0.3">
      <c r="A85424" s="13" t="s">
        <v>430</v>
      </c>
      <c r="B85424" s="14" t="s">
        <v>1</v>
      </c>
      <c r="C85424" s="14" t="s">
        <v>23</v>
      </c>
      <c r="D85424" s="14" t="s">
        <v>431</v>
      </c>
      <c r="E85424" s="15">
        <v>45390</v>
      </c>
      <c r="F85424" s="14" t="s">
        <v>15</v>
      </c>
      <c r="G85424" s="16">
        <v>0.11508495511414998</v>
      </c>
    </row>
    <row r="85425" spans="1:7" x14ac:dyDescent="0.3">
      <c r="A85425" s="13" t="s">
        <v>430</v>
      </c>
      <c r="B85425" s="14" t="s">
        <v>1</v>
      </c>
      <c r="C85425" s="14" t="s">
        <v>23</v>
      </c>
      <c r="D85425" s="14" t="s">
        <v>431</v>
      </c>
      <c r="E85425" s="15">
        <v>45391</v>
      </c>
      <c r="F85425" s="14" t="s">
        <v>15</v>
      </c>
      <c r="G85425" s="16">
        <v>0.15631727769740295</v>
      </c>
    </row>
    <row r="85426" spans="1:7" x14ac:dyDescent="0.3">
      <c r="A85426" s="13" t="s">
        <v>430</v>
      </c>
      <c r="B85426" s="14" t="s">
        <v>1</v>
      </c>
      <c r="C85426" s="14" t="s">
        <v>23</v>
      </c>
      <c r="D85426" s="14" t="s">
        <v>431</v>
      </c>
      <c r="E85426" s="15">
        <v>45392</v>
      </c>
      <c r="F85426" s="14" t="s">
        <v>15</v>
      </c>
      <c r="G85426" s="16">
        <v>0.17285544625859539</v>
      </c>
    </row>
    <row r="85427" spans="1:7" x14ac:dyDescent="0.3">
      <c r="A85427" s="13" t="s">
        <v>430</v>
      </c>
      <c r="B85427" s="14" t="s">
        <v>1</v>
      </c>
      <c r="C85427" s="14" t="s">
        <v>23</v>
      </c>
      <c r="D85427" s="14" t="s">
        <v>431</v>
      </c>
      <c r="E85427" s="15">
        <v>45393</v>
      </c>
      <c r="F85427" s="14" t="s">
        <v>15</v>
      </c>
      <c r="G85427" s="16">
        <v>0.18786176982411573</v>
      </c>
    </row>
    <row r="85428" spans="1:7" x14ac:dyDescent="0.3">
      <c r="A85428" s="13" t="s">
        <v>430</v>
      </c>
      <c r="B85428" s="14" t="s">
        <v>1</v>
      </c>
      <c r="C85428" s="14" t="s">
        <v>23</v>
      </c>
      <c r="D85428" s="14" t="s">
        <v>431</v>
      </c>
      <c r="E85428" s="15">
        <v>45394</v>
      </c>
      <c r="F85428" s="14" t="s">
        <v>15</v>
      </c>
      <c r="G85428" s="16">
        <v>0.20162619678974122</v>
      </c>
    </row>
    <row r="85429" spans="1:7" x14ac:dyDescent="0.3">
      <c r="A85429" s="13" t="s">
        <v>430</v>
      </c>
      <c r="B85429" s="14" t="s">
        <v>1</v>
      </c>
      <c r="C85429" s="14" t="s">
        <v>23</v>
      </c>
      <c r="D85429" s="14" t="s">
        <v>431</v>
      </c>
      <c r="E85429" s="15">
        <v>45395</v>
      </c>
      <c r="F85429" s="14" t="s">
        <v>15</v>
      </c>
      <c r="G85429" s="16">
        <v>0.20162619678974122</v>
      </c>
    </row>
    <row r="85430" spans="1:7" x14ac:dyDescent="0.3">
      <c r="A85430" s="13" t="s">
        <v>430</v>
      </c>
      <c r="B85430" s="14" t="s">
        <v>1</v>
      </c>
      <c r="C85430" s="14" t="s">
        <v>23</v>
      </c>
      <c r="D85430" s="14" t="s">
        <v>431</v>
      </c>
      <c r="E85430" s="15">
        <v>45396</v>
      </c>
      <c r="F85430" s="14" t="s">
        <v>15</v>
      </c>
      <c r="G85430" s="16">
        <v>0.20162619678974122</v>
      </c>
    </row>
    <row r="85431" spans="1:7" x14ac:dyDescent="0.3">
      <c r="A85431" s="13" t="s">
        <v>430</v>
      </c>
      <c r="B85431" s="14" t="s">
        <v>1</v>
      </c>
      <c r="C85431" s="14" t="s">
        <v>23</v>
      </c>
      <c r="D85431" s="14" t="s">
        <v>431</v>
      </c>
      <c r="E85431" s="15">
        <v>45397</v>
      </c>
      <c r="F85431" s="14" t="s">
        <v>15</v>
      </c>
      <c r="G85431" s="16">
        <v>0.21663822439096866</v>
      </c>
    </row>
    <row r="85432" spans="1:7" x14ac:dyDescent="0.3">
      <c r="A85432" s="13" t="s">
        <v>430</v>
      </c>
      <c r="B85432" s="14" t="s">
        <v>1</v>
      </c>
      <c r="C85432" s="14" t="s">
        <v>23</v>
      </c>
      <c r="D85432" s="14" t="s">
        <v>431</v>
      </c>
      <c r="E85432" s="15">
        <v>45398</v>
      </c>
      <c r="F85432" s="14" t="s">
        <v>15</v>
      </c>
      <c r="G85432" s="16">
        <v>0.25721133260734286</v>
      </c>
    </row>
    <row r="85433" spans="1:7" x14ac:dyDescent="0.3">
      <c r="A85433" s="13" t="s">
        <v>430</v>
      </c>
      <c r="B85433" s="14" t="s">
        <v>1</v>
      </c>
      <c r="C85433" s="14" t="s">
        <v>23</v>
      </c>
      <c r="D85433" s="14" t="s">
        <v>431</v>
      </c>
      <c r="E85433" s="15">
        <v>45399</v>
      </c>
      <c r="F85433" s="14" t="s">
        <v>15</v>
      </c>
      <c r="G85433" s="16">
        <v>0.27074986396210038</v>
      </c>
    </row>
    <row r="85434" spans="1:7" x14ac:dyDescent="0.3">
      <c r="A85434" s="13" t="s">
        <v>430</v>
      </c>
      <c r="B85434" s="14" t="s">
        <v>1</v>
      </c>
      <c r="C85434" s="14" t="s">
        <v>23</v>
      </c>
      <c r="D85434" s="14" t="s">
        <v>431</v>
      </c>
      <c r="E85434" s="15">
        <v>45400</v>
      </c>
      <c r="F85434" s="14" t="s">
        <v>15</v>
      </c>
      <c r="G85434" s="16">
        <v>0.28431611055615563</v>
      </c>
    </row>
    <row r="85435" spans="1:7" x14ac:dyDescent="0.3">
      <c r="A85435" s="13" t="s">
        <v>430</v>
      </c>
      <c r="B85435" s="14" t="s">
        <v>1</v>
      </c>
      <c r="C85435" s="14" t="s">
        <v>23</v>
      </c>
      <c r="D85435" s="14" t="s">
        <v>431</v>
      </c>
      <c r="E85435" s="15">
        <v>45401</v>
      </c>
      <c r="F85435" s="14" t="s">
        <v>15</v>
      </c>
      <c r="G85435" s="16">
        <v>0.29793263543688553</v>
      </c>
    </row>
    <row r="85436" spans="1:7" x14ac:dyDescent="0.3">
      <c r="A85436" s="13" t="s">
        <v>430</v>
      </c>
      <c r="B85436" s="14" t="s">
        <v>1</v>
      </c>
      <c r="C85436" s="14" t="s">
        <v>23</v>
      </c>
      <c r="D85436" s="14" t="s">
        <v>431</v>
      </c>
      <c r="E85436" s="15">
        <v>45402</v>
      </c>
      <c r="F85436" s="14" t="s">
        <v>15</v>
      </c>
      <c r="G85436" s="16">
        <v>0.29793263543688553</v>
      </c>
    </row>
    <row r="85437" spans="1:7" x14ac:dyDescent="0.3">
      <c r="A85437" s="13" t="s">
        <v>430</v>
      </c>
      <c r="B85437" s="14" t="s">
        <v>1</v>
      </c>
      <c r="C85437" s="14" t="s">
        <v>23</v>
      </c>
      <c r="D85437" s="14" t="s">
        <v>431</v>
      </c>
      <c r="E85437" s="15">
        <v>45403</v>
      </c>
      <c r="F85437" s="14" t="s">
        <v>15</v>
      </c>
      <c r="G85437" s="16">
        <v>0.29793263543688553</v>
      </c>
    </row>
    <row r="85438" spans="1:7" x14ac:dyDescent="0.3">
      <c r="A85438" s="13" t="s">
        <v>430</v>
      </c>
      <c r="B85438" s="14" t="s">
        <v>1</v>
      </c>
      <c r="C85438" s="14" t="s">
        <v>23</v>
      </c>
      <c r="D85438" s="14" t="s">
        <v>431</v>
      </c>
      <c r="E85438" s="15">
        <v>45404</v>
      </c>
      <c r="F85438" s="14" t="s">
        <v>15</v>
      </c>
      <c r="G85438" s="16">
        <v>0.31835398513646485</v>
      </c>
    </row>
    <row r="85439" spans="1:7" x14ac:dyDescent="0.3">
      <c r="A85439" s="13" t="s">
        <v>430</v>
      </c>
      <c r="B85439" s="14" t="s">
        <v>1</v>
      </c>
      <c r="C85439" s="14" t="s">
        <v>23</v>
      </c>
      <c r="D85439" s="14" t="s">
        <v>431</v>
      </c>
      <c r="E85439" s="15">
        <v>45405</v>
      </c>
      <c r="F85439" s="14" t="s">
        <v>15</v>
      </c>
      <c r="G85439" s="16">
        <v>0.35277339501291577</v>
      </c>
    </row>
    <row r="85440" spans="1:7" x14ac:dyDescent="0.3">
      <c r="A85440" s="13" t="s">
        <v>430</v>
      </c>
      <c r="B85440" s="14" t="s">
        <v>1</v>
      </c>
      <c r="C85440" s="14" t="s">
        <v>23</v>
      </c>
      <c r="D85440" s="14" t="s">
        <v>431</v>
      </c>
      <c r="E85440" s="15">
        <v>45406</v>
      </c>
      <c r="F85440" s="14" t="s">
        <v>15</v>
      </c>
      <c r="G85440" s="16">
        <v>0.36370700861445582</v>
      </c>
    </row>
    <row r="85441" spans="1:7" x14ac:dyDescent="0.3">
      <c r="A85441" s="13" t="s">
        <v>430</v>
      </c>
      <c r="B85441" s="14" t="s">
        <v>1</v>
      </c>
      <c r="C85441" s="14" t="s">
        <v>23</v>
      </c>
      <c r="D85441" s="14" t="s">
        <v>431</v>
      </c>
      <c r="E85441" s="15">
        <v>45407</v>
      </c>
      <c r="F85441" s="14" t="s">
        <v>15</v>
      </c>
      <c r="G85441" s="16">
        <v>0.32977313568830841</v>
      </c>
    </row>
    <row r="85442" spans="1:7" x14ac:dyDescent="0.3">
      <c r="A85442" s="13" t="s">
        <v>430</v>
      </c>
      <c r="B85442" s="14" t="s">
        <v>1</v>
      </c>
      <c r="C85442" s="14" t="s">
        <v>23</v>
      </c>
      <c r="D85442" s="14" t="s">
        <v>431</v>
      </c>
      <c r="E85442" s="15">
        <v>45408</v>
      </c>
      <c r="F85442" s="14" t="s">
        <v>15</v>
      </c>
      <c r="G85442" s="16">
        <v>0.34222645638564125</v>
      </c>
    </row>
    <row r="85443" spans="1:7" x14ac:dyDescent="0.3">
      <c r="A85443" s="13" t="s">
        <v>430</v>
      </c>
      <c r="B85443" s="14" t="s">
        <v>1</v>
      </c>
      <c r="C85443" s="14" t="s">
        <v>23</v>
      </c>
      <c r="D85443" s="14" t="s">
        <v>431</v>
      </c>
      <c r="E85443" s="15">
        <v>45409</v>
      </c>
      <c r="F85443" s="14" t="s">
        <v>15</v>
      </c>
      <c r="G85443" s="16">
        <v>0.34222645638564125</v>
      </c>
    </row>
    <row r="85444" spans="1:7" x14ac:dyDescent="0.3">
      <c r="A85444" s="13" t="s">
        <v>430</v>
      </c>
      <c r="B85444" s="14" t="s">
        <v>1</v>
      </c>
      <c r="C85444" s="14" t="s">
        <v>23</v>
      </c>
      <c r="D85444" s="14" t="s">
        <v>431</v>
      </c>
      <c r="E85444" s="15">
        <v>45410</v>
      </c>
      <c r="F85444" s="14" t="s">
        <v>15</v>
      </c>
      <c r="G85444" s="16">
        <v>0.34222645638564125</v>
      </c>
    </row>
    <row r="85445" spans="1:7" x14ac:dyDescent="0.3">
      <c r="A85445" s="13" t="s">
        <v>430</v>
      </c>
      <c r="B85445" s="14" t="s">
        <v>1</v>
      </c>
      <c r="C85445" s="14" t="s">
        <v>23</v>
      </c>
      <c r="D85445" s="14" t="s">
        <v>431</v>
      </c>
      <c r="E85445" s="15">
        <v>45411</v>
      </c>
      <c r="F85445" s="14" t="s">
        <v>15</v>
      </c>
      <c r="G85445" s="16">
        <v>0.35623396135834734</v>
      </c>
    </row>
    <row r="85446" spans="1:7" x14ac:dyDescent="0.3">
      <c r="A85446" s="13" t="s">
        <v>430</v>
      </c>
      <c r="B85446" s="14" t="s">
        <v>1</v>
      </c>
      <c r="C85446" s="14" t="s">
        <v>23</v>
      </c>
      <c r="D85446" s="14" t="s">
        <v>431</v>
      </c>
      <c r="E85446" s="15">
        <v>45412</v>
      </c>
      <c r="F85446" s="14" t="s">
        <v>15</v>
      </c>
      <c r="G85446" s="16">
        <v>0.39837457150694811</v>
      </c>
    </row>
    <row r="85447" spans="1:7" x14ac:dyDescent="0.3">
      <c r="A85447" s="13" t="s">
        <v>430</v>
      </c>
      <c r="B85447" s="14" t="s">
        <v>1</v>
      </c>
      <c r="C85447" s="14" t="s">
        <v>23</v>
      </c>
      <c r="D85447" s="14" t="s">
        <v>431</v>
      </c>
      <c r="E85447" s="15">
        <v>45413</v>
      </c>
      <c r="F85447" s="14" t="s">
        <v>15</v>
      </c>
      <c r="G85447" s="16">
        <v>0</v>
      </c>
    </row>
    <row r="85448" spans="1:7" x14ac:dyDescent="0.3">
      <c r="A85448" s="13" t="s">
        <v>430</v>
      </c>
      <c r="B85448" s="14" t="s">
        <v>1</v>
      </c>
      <c r="C85448" s="14" t="s">
        <v>23</v>
      </c>
      <c r="D85448" s="14" t="s">
        <v>431</v>
      </c>
      <c r="E85448" s="15">
        <v>45414</v>
      </c>
      <c r="F85448" s="14" t="s">
        <v>15</v>
      </c>
      <c r="G85448" s="16">
        <v>0</v>
      </c>
    </row>
    <row r="85449" spans="1:7" x14ac:dyDescent="0.3">
      <c r="A85449" s="13" t="s">
        <v>430</v>
      </c>
      <c r="B85449" s="14" t="s">
        <v>1</v>
      </c>
      <c r="C85449" s="14" t="s">
        <v>23</v>
      </c>
      <c r="D85449" s="14" t="s">
        <v>431</v>
      </c>
      <c r="E85449" s="15">
        <v>45415</v>
      </c>
      <c r="F85449" s="14" t="s">
        <v>15</v>
      </c>
      <c r="G85449" s="16">
        <v>0</v>
      </c>
    </row>
    <row r="85450" spans="1:7" x14ac:dyDescent="0.3">
      <c r="A85450" s="13" t="s">
        <v>430</v>
      </c>
      <c r="B85450" s="14" t="s">
        <v>1</v>
      </c>
      <c r="C85450" s="14" t="s">
        <v>23</v>
      </c>
      <c r="D85450" s="14" t="s">
        <v>431</v>
      </c>
      <c r="E85450" s="15">
        <v>45416</v>
      </c>
      <c r="F85450" s="14" t="s">
        <v>15</v>
      </c>
      <c r="G85450" s="16">
        <v>0</v>
      </c>
    </row>
    <row r="85451" spans="1:7" x14ac:dyDescent="0.3">
      <c r="A85451" s="13" t="s">
        <v>430</v>
      </c>
      <c r="B85451" s="14" t="s">
        <v>1</v>
      </c>
      <c r="C85451" s="14" t="s">
        <v>23</v>
      </c>
      <c r="D85451" s="14" t="s">
        <v>431</v>
      </c>
      <c r="E85451" s="15">
        <v>45417</v>
      </c>
      <c r="F85451" s="14" t="s">
        <v>15</v>
      </c>
      <c r="G85451" s="16">
        <v>0</v>
      </c>
    </row>
    <row r="85452" spans="1:7" x14ac:dyDescent="0.3">
      <c r="A85452" s="13" t="s">
        <v>430</v>
      </c>
      <c r="B85452" s="14" t="s">
        <v>1</v>
      </c>
      <c r="C85452" s="14" t="s">
        <v>23</v>
      </c>
      <c r="D85452" s="14" t="s">
        <v>431</v>
      </c>
      <c r="E85452" s="15">
        <v>45418</v>
      </c>
      <c r="F85452" s="14" t="s">
        <v>15</v>
      </c>
      <c r="G85452" s="16">
        <v>0</v>
      </c>
    </row>
    <row r="85453" spans="1:7" x14ac:dyDescent="0.3">
      <c r="A85453" s="13" t="s">
        <v>430</v>
      </c>
      <c r="B85453" s="14" t="s">
        <v>1</v>
      </c>
      <c r="C85453" s="14" t="s">
        <v>23</v>
      </c>
      <c r="D85453" s="14" t="s">
        <v>431</v>
      </c>
      <c r="E85453" s="15">
        <v>45419</v>
      </c>
      <c r="F85453" s="14" t="s">
        <v>15</v>
      </c>
      <c r="G85453" s="16">
        <v>0</v>
      </c>
    </row>
    <row r="85454" spans="1:7" x14ac:dyDescent="0.3">
      <c r="A85454" s="13" t="s">
        <v>430</v>
      </c>
      <c r="B85454" s="14" t="s">
        <v>1</v>
      </c>
      <c r="C85454" s="14" t="s">
        <v>23</v>
      </c>
      <c r="D85454" s="14" t="s">
        <v>431</v>
      </c>
      <c r="E85454" s="15">
        <v>45420</v>
      </c>
      <c r="F85454" s="14" t="s">
        <v>15</v>
      </c>
      <c r="G85454" s="16">
        <v>1.347925951332948E-2</v>
      </c>
    </row>
    <row r="85455" spans="1:7" x14ac:dyDescent="0.3">
      <c r="A85455" s="13" t="s">
        <v>430</v>
      </c>
      <c r="B85455" s="14" t="s">
        <v>1</v>
      </c>
      <c r="C85455" s="14" t="s">
        <v>23</v>
      </c>
      <c r="D85455" s="14" t="s">
        <v>431</v>
      </c>
      <c r="E85455" s="15">
        <v>45421</v>
      </c>
      <c r="F85455" s="14" t="s">
        <v>15</v>
      </c>
      <c r="G85455" s="16">
        <v>2.74153350016722E-2</v>
      </c>
    </row>
    <row r="85456" spans="1:7" x14ac:dyDescent="0.3">
      <c r="A85456" s="13" t="s">
        <v>430</v>
      </c>
      <c r="B85456" s="14" t="s">
        <v>1</v>
      </c>
      <c r="C85456" s="14" t="s">
        <v>23</v>
      </c>
      <c r="D85456" s="14" t="s">
        <v>431</v>
      </c>
      <c r="E85456" s="15">
        <v>45422</v>
      </c>
      <c r="F85456" s="14" t="s">
        <v>15</v>
      </c>
      <c r="G85456" s="16">
        <v>4.1217907226969705E-2</v>
      </c>
    </row>
    <row r="85457" spans="1:7" x14ac:dyDescent="0.3">
      <c r="A85457" s="13" t="s">
        <v>430</v>
      </c>
      <c r="B85457" s="14" t="s">
        <v>1</v>
      </c>
      <c r="C85457" s="14" t="s">
        <v>23</v>
      </c>
      <c r="D85457" s="14" t="s">
        <v>431</v>
      </c>
      <c r="E85457" s="15">
        <v>45423</v>
      </c>
      <c r="F85457" s="14" t="s">
        <v>15</v>
      </c>
      <c r="G85457" s="16">
        <v>4.1217907226969705E-2</v>
      </c>
    </row>
    <row r="85458" spans="1:7" x14ac:dyDescent="0.3">
      <c r="A85458" s="13" t="s">
        <v>430</v>
      </c>
      <c r="B85458" s="14" t="s">
        <v>1</v>
      </c>
      <c r="C85458" s="14" t="s">
        <v>23</v>
      </c>
      <c r="D85458" s="14" t="s">
        <v>431</v>
      </c>
      <c r="E85458" s="15">
        <v>45424</v>
      </c>
      <c r="F85458" s="14" t="s">
        <v>15</v>
      </c>
      <c r="G85458" s="16">
        <v>4.1217907226969705E-2</v>
      </c>
    </row>
    <row r="85459" spans="1:7" x14ac:dyDescent="0.3">
      <c r="A85459" s="13" t="s">
        <v>430</v>
      </c>
      <c r="B85459" s="14" t="s">
        <v>1</v>
      </c>
      <c r="C85459" s="14" t="s">
        <v>23</v>
      </c>
      <c r="D85459" s="14" t="s">
        <v>431</v>
      </c>
      <c r="E85459" s="15">
        <v>45425</v>
      </c>
      <c r="F85459" s="14" t="s">
        <v>15</v>
      </c>
      <c r="G85459" s="16">
        <v>5.5634735163139229E-2</v>
      </c>
    </row>
    <row r="85460" spans="1:7" x14ac:dyDescent="0.3">
      <c r="A85460" s="13" t="s">
        <v>430</v>
      </c>
      <c r="B85460" s="14" t="s">
        <v>1</v>
      </c>
      <c r="C85460" s="14" t="s">
        <v>23</v>
      </c>
      <c r="D85460" s="14" t="s">
        <v>431</v>
      </c>
      <c r="E85460" s="15">
        <v>45426</v>
      </c>
      <c r="F85460" s="14" t="s">
        <v>15</v>
      </c>
      <c r="G85460" s="16">
        <v>9.8662551978948326E-2</v>
      </c>
    </row>
    <row r="85461" spans="1:7" x14ac:dyDescent="0.3">
      <c r="A85461" s="13" t="s">
        <v>430</v>
      </c>
      <c r="B85461" s="14" t="s">
        <v>1</v>
      </c>
      <c r="C85461" s="14" t="s">
        <v>23</v>
      </c>
      <c r="D85461" s="14" t="s">
        <v>431</v>
      </c>
      <c r="E85461" s="15">
        <v>45427</v>
      </c>
      <c r="F85461" s="14" t="s">
        <v>15</v>
      </c>
      <c r="G85461" s="16">
        <v>0.11244751951042015</v>
      </c>
    </row>
    <row r="85462" spans="1:7" x14ac:dyDescent="0.3">
      <c r="A85462" s="13" t="s">
        <v>430</v>
      </c>
      <c r="B85462" s="14" t="s">
        <v>1</v>
      </c>
      <c r="C85462" s="14" t="s">
        <v>23</v>
      </c>
      <c r="D85462" s="14" t="s">
        <v>431</v>
      </c>
      <c r="E85462" s="15">
        <v>45428</v>
      </c>
      <c r="F85462" s="14" t="s">
        <v>15</v>
      </c>
      <c r="G85462" s="16">
        <v>0.12645566709426528</v>
      </c>
    </row>
    <row r="85463" spans="1:7" x14ac:dyDescent="0.3">
      <c r="A85463" s="13" t="s">
        <v>430</v>
      </c>
      <c r="B85463" s="14" t="s">
        <v>1</v>
      </c>
      <c r="C85463" s="14" t="s">
        <v>23</v>
      </c>
      <c r="D85463" s="14" t="s">
        <v>431</v>
      </c>
      <c r="E85463" s="15">
        <v>45429</v>
      </c>
      <c r="F85463" s="14" t="s">
        <v>15</v>
      </c>
      <c r="G85463" s="16">
        <v>0.14044933138391222</v>
      </c>
    </row>
    <row r="85464" spans="1:7" x14ac:dyDescent="0.3">
      <c r="A85464" s="13" t="s">
        <v>430</v>
      </c>
      <c r="B85464" s="14" t="s">
        <v>1</v>
      </c>
      <c r="C85464" s="14" t="s">
        <v>23</v>
      </c>
      <c r="D85464" s="14" t="s">
        <v>431</v>
      </c>
      <c r="E85464" s="15">
        <v>45430</v>
      </c>
      <c r="F85464" s="14" t="s">
        <v>15</v>
      </c>
      <c r="G85464" s="16">
        <v>0.14044933138391222</v>
      </c>
    </row>
    <row r="85465" spans="1:7" x14ac:dyDescent="0.3">
      <c r="A85465" s="13" t="s">
        <v>430</v>
      </c>
      <c r="B85465" s="14" t="s">
        <v>1</v>
      </c>
      <c r="C85465" s="14" t="s">
        <v>23</v>
      </c>
      <c r="D85465" s="14" t="s">
        <v>431</v>
      </c>
      <c r="E85465" s="15">
        <v>45431</v>
      </c>
      <c r="F85465" s="14" t="s">
        <v>15</v>
      </c>
      <c r="G85465" s="16">
        <v>0.14044933138391222</v>
      </c>
    </row>
    <row r="85466" spans="1:7" x14ac:dyDescent="0.3">
      <c r="A85466" s="13" t="s">
        <v>430</v>
      </c>
      <c r="B85466" s="14" t="s">
        <v>1</v>
      </c>
      <c r="C85466" s="14" t="s">
        <v>23</v>
      </c>
      <c r="D85466" s="14" t="s">
        <v>431</v>
      </c>
      <c r="E85466" s="15">
        <v>45432</v>
      </c>
      <c r="F85466" s="14" t="s">
        <v>15</v>
      </c>
      <c r="G85466" s="16">
        <v>0.15462016373338733</v>
      </c>
    </row>
    <row r="85467" spans="1:7" x14ac:dyDescent="0.3">
      <c r="A85467" s="13" t="s">
        <v>430</v>
      </c>
      <c r="B85467" s="14" t="s">
        <v>1</v>
      </c>
      <c r="C85467" s="14" t="s">
        <v>23</v>
      </c>
      <c r="D85467" s="14" t="s">
        <v>431</v>
      </c>
      <c r="E85467" s="15">
        <v>45433</v>
      </c>
      <c r="F85467" s="14" t="s">
        <v>15</v>
      </c>
      <c r="G85467" s="16">
        <v>0.19673619197464001</v>
      </c>
    </row>
    <row r="85468" spans="1:7" x14ac:dyDescent="0.3">
      <c r="A85468" s="13" t="s">
        <v>430</v>
      </c>
      <c r="B85468" s="14" t="s">
        <v>1</v>
      </c>
      <c r="C85468" s="14" t="s">
        <v>23</v>
      </c>
      <c r="D85468" s="14" t="s">
        <v>431</v>
      </c>
      <c r="E85468" s="15">
        <v>45434</v>
      </c>
      <c r="F85468" s="14" t="s">
        <v>15</v>
      </c>
      <c r="G85468" s="16">
        <v>0.21072727572189087</v>
      </c>
    </row>
    <row r="85469" spans="1:7" x14ac:dyDescent="0.3">
      <c r="A85469" s="13" t="s">
        <v>430</v>
      </c>
      <c r="B85469" s="14" t="s">
        <v>1</v>
      </c>
      <c r="C85469" s="14" t="s">
        <v>23</v>
      </c>
      <c r="D85469" s="14" t="s">
        <v>431</v>
      </c>
      <c r="E85469" s="15">
        <v>45435</v>
      </c>
      <c r="F85469" s="14" t="s">
        <v>15</v>
      </c>
      <c r="G85469" s="16">
        <v>0.22709125372937408</v>
      </c>
    </row>
    <row r="85470" spans="1:7" x14ac:dyDescent="0.3">
      <c r="A85470" s="13" t="s">
        <v>430</v>
      </c>
      <c r="B85470" s="14" t="s">
        <v>1</v>
      </c>
      <c r="C85470" s="14" t="s">
        <v>23</v>
      </c>
      <c r="D85470" s="14" t="s">
        <v>431</v>
      </c>
      <c r="E85470" s="15">
        <v>45436</v>
      </c>
      <c r="F85470" s="14" t="s">
        <v>15</v>
      </c>
      <c r="G85470" s="16">
        <v>0.24081510721017438</v>
      </c>
    </row>
    <row r="85471" spans="1:7" x14ac:dyDescent="0.3">
      <c r="A85471" s="13" t="s">
        <v>430</v>
      </c>
      <c r="B85471" s="14" t="s">
        <v>1</v>
      </c>
      <c r="C85471" s="14" t="s">
        <v>23</v>
      </c>
      <c r="D85471" s="14" t="s">
        <v>431</v>
      </c>
      <c r="E85471" s="15">
        <v>45437</v>
      </c>
      <c r="F85471" s="14" t="s">
        <v>15</v>
      </c>
      <c r="G85471" s="16">
        <v>0.24081510721017438</v>
      </c>
    </row>
    <row r="85472" spans="1:7" x14ac:dyDescent="0.3">
      <c r="A85472" s="13" t="s">
        <v>430</v>
      </c>
      <c r="B85472" s="14" t="s">
        <v>1</v>
      </c>
      <c r="C85472" s="14" t="s">
        <v>23</v>
      </c>
      <c r="D85472" s="14" t="s">
        <v>431</v>
      </c>
      <c r="E85472" s="15">
        <v>45438</v>
      </c>
      <c r="F85472" s="14" t="s">
        <v>15</v>
      </c>
      <c r="G85472" s="16">
        <v>0.24081510721017438</v>
      </c>
    </row>
    <row r="85473" spans="1:7" x14ac:dyDescent="0.3">
      <c r="A85473" s="13" t="s">
        <v>430</v>
      </c>
      <c r="B85473" s="14" t="s">
        <v>1</v>
      </c>
      <c r="C85473" s="14" t="s">
        <v>23</v>
      </c>
      <c r="D85473" s="14" t="s">
        <v>431</v>
      </c>
      <c r="E85473" s="15">
        <v>45439</v>
      </c>
      <c r="F85473" s="14" t="s">
        <v>15</v>
      </c>
      <c r="G85473" s="16">
        <v>0.24081510721017438</v>
      </c>
    </row>
    <row r="85474" spans="1:7" x14ac:dyDescent="0.3">
      <c r="A85474" s="13" t="s">
        <v>430</v>
      </c>
      <c r="B85474" s="14" t="s">
        <v>1</v>
      </c>
      <c r="C85474" s="14" t="s">
        <v>23</v>
      </c>
      <c r="D85474" s="14" t="s">
        <v>431</v>
      </c>
      <c r="E85474" s="15">
        <v>45440</v>
      </c>
      <c r="F85474" s="14" t="s">
        <v>15</v>
      </c>
      <c r="G85474" s="16">
        <v>0.25448160764630273</v>
      </c>
    </row>
    <row r="85475" spans="1:7" x14ac:dyDescent="0.3">
      <c r="A85475" s="13" t="s">
        <v>430</v>
      </c>
      <c r="B85475" s="14" t="s">
        <v>1</v>
      </c>
      <c r="C85475" s="14" t="s">
        <v>23</v>
      </c>
      <c r="D85475" s="14" t="s">
        <v>431</v>
      </c>
      <c r="E85475" s="15">
        <v>45441</v>
      </c>
      <c r="F85475" s="14" t="s">
        <v>15</v>
      </c>
      <c r="G85475" s="16">
        <v>0.30490587675918446</v>
      </c>
    </row>
    <row r="85476" spans="1:7" x14ac:dyDescent="0.3">
      <c r="A85476" s="13" t="s">
        <v>430</v>
      </c>
      <c r="B85476" s="14" t="s">
        <v>1</v>
      </c>
      <c r="C85476" s="14" t="s">
        <v>23</v>
      </c>
      <c r="D85476" s="14" t="s">
        <v>431</v>
      </c>
      <c r="E85476" s="15">
        <v>45442</v>
      </c>
      <c r="F85476" s="14" t="s">
        <v>15</v>
      </c>
      <c r="G85476" s="16">
        <v>0.32035743189473281</v>
      </c>
    </row>
    <row r="85477" spans="1:7" x14ac:dyDescent="0.3">
      <c r="A85477" s="13" t="s">
        <v>430</v>
      </c>
      <c r="B85477" s="14" t="s">
        <v>1</v>
      </c>
      <c r="C85477" s="14" t="s">
        <v>23</v>
      </c>
      <c r="D85477" s="14" t="s">
        <v>431</v>
      </c>
      <c r="E85477" s="15">
        <v>45443</v>
      </c>
      <c r="F85477" s="14" t="s">
        <v>15</v>
      </c>
      <c r="G85477" s="16">
        <v>0.32931038667009793</v>
      </c>
    </row>
    <row r="85478" spans="1:7" x14ac:dyDescent="0.3">
      <c r="A85478" s="13" t="s">
        <v>430</v>
      </c>
      <c r="B85478" s="14" t="s">
        <v>1</v>
      </c>
      <c r="C85478" s="14" t="s">
        <v>23</v>
      </c>
      <c r="D85478" s="14" t="s">
        <v>431</v>
      </c>
      <c r="E85478" s="15">
        <v>45444</v>
      </c>
      <c r="F85478" s="14" t="s">
        <v>15</v>
      </c>
      <c r="G85478" s="16">
        <v>0.32931038667009793</v>
      </c>
    </row>
    <row r="85479" spans="1:7" x14ac:dyDescent="0.3">
      <c r="A85479" s="13" t="s">
        <v>430</v>
      </c>
      <c r="B85479" s="14" t="s">
        <v>1</v>
      </c>
      <c r="C85479" s="14" t="s">
        <v>23</v>
      </c>
      <c r="D85479" s="14" t="s">
        <v>431</v>
      </c>
      <c r="E85479" s="15">
        <v>45445</v>
      </c>
      <c r="F85479" s="14" t="s">
        <v>15</v>
      </c>
      <c r="G85479" s="16">
        <v>0.32931038667009793</v>
      </c>
    </row>
    <row r="85480" spans="1:7" x14ac:dyDescent="0.3">
      <c r="A85480" s="13" t="s">
        <v>430</v>
      </c>
      <c r="B85480" s="14" t="s">
        <v>1</v>
      </c>
      <c r="C85480" s="14" t="s">
        <v>23</v>
      </c>
      <c r="D85480" s="14" t="s">
        <v>431</v>
      </c>
      <c r="E85480" s="15">
        <v>45446</v>
      </c>
      <c r="F85480" s="14" t="s">
        <v>15</v>
      </c>
      <c r="G85480" s="16">
        <v>0.32931038667009793</v>
      </c>
    </row>
    <row r="85481" spans="1:7" x14ac:dyDescent="0.3">
      <c r="A85481" s="13" t="s">
        <v>430</v>
      </c>
      <c r="B85481" s="14" t="s">
        <v>1</v>
      </c>
      <c r="C85481" s="14" t="s">
        <v>23</v>
      </c>
      <c r="D85481" s="14" t="s">
        <v>431</v>
      </c>
      <c r="E85481" s="15">
        <v>45447</v>
      </c>
      <c r="F85481" s="14" t="s">
        <v>15</v>
      </c>
      <c r="G85481" s="16">
        <v>0</v>
      </c>
    </row>
    <row r="85482" spans="1:7" x14ac:dyDescent="0.3">
      <c r="A85482" s="13" t="s">
        <v>430</v>
      </c>
      <c r="B85482" s="14" t="s">
        <v>1</v>
      </c>
      <c r="C85482" s="14" t="s">
        <v>23</v>
      </c>
      <c r="D85482" s="14" t="s">
        <v>431</v>
      </c>
      <c r="E85482" s="15">
        <v>45448</v>
      </c>
      <c r="F85482" s="14" t="s">
        <v>15</v>
      </c>
      <c r="G85482" s="16">
        <v>0</v>
      </c>
    </row>
    <row r="85483" spans="1:7" x14ac:dyDescent="0.3">
      <c r="A85483" s="13" t="s">
        <v>430</v>
      </c>
      <c r="B85483" s="14" t="s">
        <v>1</v>
      </c>
      <c r="C85483" s="14" t="s">
        <v>23</v>
      </c>
      <c r="D85483" s="14" t="s">
        <v>431</v>
      </c>
      <c r="E85483" s="15">
        <v>45449</v>
      </c>
      <c r="F85483" s="14" t="s">
        <v>15</v>
      </c>
      <c r="G85483" s="16">
        <v>0</v>
      </c>
    </row>
    <row r="85484" spans="1:7" x14ac:dyDescent="0.3">
      <c r="A85484" s="13" t="s">
        <v>430</v>
      </c>
      <c r="B85484" s="14" t="s">
        <v>1</v>
      </c>
      <c r="C85484" s="14" t="s">
        <v>23</v>
      </c>
      <c r="D85484" s="14" t="s">
        <v>431</v>
      </c>
      <c r="E85484" s="15">
        <v>45450</v>
      </c>
      <c r="F85484" s="14" t="s">
        <v>15</v>
      </c>
      <c r="G85484" s="16">
        <v>0</v>
      </c>
    </row>
    <row r="85485" spans="1:7" x14ac:dyDescent="0.3">
      <c r="A85485" s="13" t="s">
        <v>430</v>
      </c>
      <c r="B85485" s="14" t="s">
        <v>1</v>
      </c>
      <c r="C85485" s="14" t="s">
        <v>23</v>
      </c>
      <c r="D85485" s="14" t="s">
        <v>431</v>
      </c>
      <c r="E85485" s="15">
        <v>45451</v>
      </c>
      <c r="F85485" s="14" t="s">
        <v>15</v>
      </c>
      <c r="G85485" s="16">
        <v>0</v>
      </c>
    </row>
    <row r="85486" spans="1:7" x14ac:dyDescent="0.3">
      <c r="A85486" s="13" t="s">
        <v>430</v>
      </c>
      <c r="B85486" s="14" t="s">
        <v>1</v>
      </c>
      <c r="C85486" s="14" t="s">
        <v>23</v>
      </c>
      <c r="D85486" s="14" t="s">
        <v>431</v>
      </c>
      <c r="E85486" s="15">
        <v>45452</v>
      </c>
      <c r="F85486" s="14" t="s">
        <v>15</v>
      </c>
      <c r="G85486" s="16">
        <v>0</v>
      </c>
    </row>
    <row r="85487" spans="1:7" x14ac:dyDescent="0.3">
      <c r="A85487" s="13" t="s">
        <v>430</v>
      </c>
      <c r="B85487" s="14" t="s">
        <v>1</v>
      </c>
      <c r="C85487" s="14" t="s">
        <v>23</v>
      </c>
      <c r="D85487" s="14" t="s">
        <v>431</v>
      </c>
      <c r="E85487" s="15">
        <v>45453</v>
      </c>
      <c r="F85487" s="14" t="s">
        <v>15</v>
      </c>
      <c r="G85487" s="16">
        <v>0</v>
      </c>
    </row>
    <row r="85488" spans="1:7" x14ac:dyDescent="0.3">
      <c r="A85488" s="13" t="s">
        <v>430</v>
      </c>
      <c r="B85488" s="14" t="s">
        <v>1</v>
      </c>
      <c r="C85488" s="14" t="s">
        <v>23</v>
      </c>
      <c r="D85488" s="14" t="s">
        <v>431</v>
      </c>
      <c r="E85488" s="15">
        <v>45454</v>
      </c>
      <c r="F85488" s="14" t="s">
        <v>15</v>
      </c>
      <c r="G85488" s="16">
        <v>0</v>
      </c>
    </row>
    <row r="85489" spans="1:7" x14ac:dyDescent="0.3">
      <c r="A85489" s="13" t="s">
        <v>430</v>
      </c>
      <c r="B85489" s="14" t="s">
        <v>1</v>
      </c>
      <c r="C85489" s="14" t="s">
        <v>23</v>
      </c>
      <c r="D85489" s="14" t="s">
        <v>431</v>
      </c>
      <c r="E85489" s="15">
        <v>45455</v>
      </c>
      <c r="F85489" s="14" t="s">
        <v>15</v>
      </c>
      <c r="G85489" s="16">
        <v>0</v>
      </c>
    </row>
    <row r="85490" spans="1:7" x14ac:dyDescent="0.3">
      <c r="A85490" s="13" t="s">
        <v>430</v>
      </c>
      <c r="B85490" s="14" t="s">
        <v>1</v>
      </c>
      <c r="C85490" s="14" t="s">
        <v>23</v>
      </c>
      <c r="D85490" s="14" t="s">
        <v>431</v>
      </c>
      <c r="E85490" s="15">
        <v>45456</v>
      </c>
      <c r="F85490" s="14" t="s">
        <v>15</v>
      </c>
      <c r="G85490" s="16">
        <v>0</v>
      </c>
    </row>
    <row r="85491" spans="1:7" x14ac:dyDescent="0.3">
      <c r="A85491" s="13" t="s">
        <v>430</v>
      </c>
      <c r="B85491" s="14" t="s">
        <v>1</v>
      </c>
      <c r="C85491" s="14" t="s">
        <v>23</v>
      </c>
      <c r="D85491" s="14" t="s">
        <v>431</v>
      </c>
      <c r="E85491" s="15">
        <v>45457</v>
      </c>
      <c r="F85491" s="14" t="s">
        <v>15</v>
      </c>
      <c r="G85491" s="16">
        <v>8.6806566391840236E-3</v>
      </c>
    </row>
    <row r="85492" spans="1:7" x14ac:dyDescent="0.3">
      <c r="A85492" s="13" t="s">
        <v>430</v>
      </c>
      <c r="B85492" s="14" t="s">
        <v>1</v>
      </c>
      <c r="C85492" s="14" t="s">
        <v>23</v>
      </c>
      <c r="D85492" s="14" t="s">
        <v>431</v>
      </c>
      <c r="E85492" s="15">
        <v>45458</v>
      </c>
      <c r="F85492" s="14" t="s">
        <v>15</v>
      </c>
      <c r="G85492" s="16">
        <v>8.6806566391840236E-3</v>
      </c>
    </row>
    <row r="85493" spans="1:7" x14ac:dyDescent="0.3">
      <c r="A85493" s="13" t="s">
        <v>430</v>
      </c>
      <c r="B85493" s="14" t="s">
        <v>1</v>
      </c>
      <c r="C85493" s="14" t="s">
        <v>23</v>
      </c>
      <c r="D85493" s="14" t="s">
        <v>431</v>
      </c>
      <c r="E85493" s="15">
        <v>45459</v>
      </c>
      <c r="F85493" s="14" t="s">
        <v>15</v>
      </c>
      <c r="G85493" s="16">
        <v>8.6806566391840236E-3</v>
      </c>
    </row>
    <row r="85494" spans="1:7" x14ac:dyDescent="0.3">
      <c r="A85494" s="13" t="s">
        <v>430</v>
      </c>
      <c r="B85494" s="14" t="s">
        <v>1</v>
      </c>
      <c r="C85494" s="14" t="s">
        <v>23</v>
      </c>
      <c r="D85494" s="14" t="s">
        <v>431</v>
      </c>
      <c r="E85494" s="15">
        <v>45460</v>
      </c>
      <c r="F85494" s="14" t="s">
        <v>15</v>
      </c>
      <c r="G85494" s="16">
        <v>2.195794862037127E-2</v>
      </c>
    </row>
    <row r="85495" spans="1:7" x14ac:dyDescent="0.3">
      <c r="A85495" s="13" t="s">
        <v>430</v>
      </c>
      <c r="B85495" s="14" t="s">
        <v>1</v>
      </c>
      <c r="C85495" s="14" t="s">
        <v>23</v>
      </c>
      <c r="D85495" s="14" t="s">
        <v>431</v>
      </c>
      <c r="E85495" s="15">
        <v>45461</v>
      </c>
      <c r="F85495" s="14" t="s">
        <v>15</v>
      </c>
      <c r="G85495" s="16">
        <v>6.178786636815442E-2</v>
      </c>
    </row>
    <row r="85496" spans="1:7" x14ac:dyDescent="0.3">
      <c r="A85496" s="13" t="s">
        <v>430</v>
      </c>
      <c r="B85496" s="14" t="s">
        <v>1</v>
      </c>
      <c r="C85496" s="14" t="s">
        <v>23</v>
      </c>
      <c r="D85496" s="14" t="s">
        <v>431</v>
      </c>
      <c r="E85496" s="15">
        <v>45462</v>
      </c>
      <c r="F85496" s="14" t="s">
        <v>15</v>
      </c>
      <c r="G85496" s="16">
        <v>6.178786636815442E-2</v>
      </c>
    </row>
    <row r="85497" spans="1:7" x14ac:dyDescent="0.3">
      <c r="A85497" s="13" t="s">
        <v>430</v>
      </c>
      <c r="B85497" s="14" t="s">
        <v>1</v>
      </c>
      <c r="C85497" s="14" t="s">
        <v>23</v>
      </c>
      <c r="D85497" s="14" t="s">
        <v>431</v>
      </c>
      <c r="E85497" s="15">
        <v>45463</v>
      </c>
      <c r="F85497" s="14" t="s">
        <v>15</v>
      </c>
      <c r="G85497" s="16">
        <v>7.5096730603529713E-2</v>
      </c>
    </row>
    <row r="85498" spans="1:7" x14ac:dyDescent="0.3">
      <c r="A85498" s="13" t="s">
        <v>430</v>
      </c>
      <c r="B85498" s="14" t="s">
        <v>1</v>
      </c>
      <c r="C85498" s="14" t="s">
        <v>23</v>
      </c>
      <c r="D85498" s="14" t="s">
        <v>431</v>
      </c>
      <c r="E85498" s="15">
        <v>45464</v>
      </c>
      <c r="F85498" s="14" t="s">
        <v>15</v>
      </c>
      <c r="G85498" s="16">
        <v>0.10313091960794238</v>
      </c>
    </row>
    <row r="85499" spans="1:7" x14ac:dyDescent="0.3">
      <c r="A85499" s="13" t="s">
        <v>430</v>
      </c>
      <c r="B85499" s="14" t="s">
        <v>1</v>
      </c>
      <c r="C85499" s="14" t="s">
        <v>23</v>
      </c>
      <c r="D85499" s="14" t="s">
        <v>431</v>
      </c>
      <c r="E85499" s="15">
        <v>45465</v>
      </c>
      <c r="F85499" s="14" t="s">
        <v>15</v>
      </c>
      <c r="G85499" s="16">
        <v>0.10313091960794238</v>
      </c>
    </row>
    <row r="85500" spans="1:7" x14ac:dyDescent="0.3">
      <c r="A85500" s="13" t="s">
        <v>430</v>
      </c>
      <c r="B85500" s="14" t="s">
        <v>1</v>
      </c>
      <c r="C85500" s="14" t="s">
        <v>23</v>
      </c>
      <c r="D85500" s="14" t="s">
        <v>431</v>
      </c>
      <c r="E85500" s="15">
        <v>45466</v>
      </c>
      <c r="F85500" s="14" t="s">
        <v>15</v>
      </c>
      <c r="G85500" s="16">
        <v>0.10313091960794238</v>
      </c>
    </row>
    <row r="85501" spans="1:7" x14ac:dyDescent="0.3">
      <c r="A85501" s="13" t="s">
        <v>430</v>
      </c>
      <c r="B85501" s="14" t="s">
        <v>1</v>
      </c>
      <c r="C85501" s="14" t="s">
        <v>23</v>
      </c>
      <c r="D85501" s="14" t="s">
        <v>431</v>
      </c>
      <c r="E85501" s="15">
        <v>45467</v>
      </c>
      <c r="F85501" s="14" t="s">
        <v>15</v>
      </c>
      <c r="G85501" s="16">
        <v>0.11635353957359691</v>
      </c>
    </row>
    <row r="85502" spans="1:7" x14ac:dyDescent="0.3">
      <c r="A85502" s="13" t="s">
        <v>430</v>
      </c>
      <c r="B85502" s="14" t="s">
        <v>1</v>
      </c>
      <c r="C85502" s="14" t="s">
        <v>23</v>
      </c>
      <c r="D85502" s="14" t="s">
        <v>431</v>
      </c>
      <c r="E85502" s="15">
        <v>45468</v>
      </c>
      <c r="F85502" s="14" t="s">
        <v>15</v>
      </c>
      <c r="G85502" s="16">
        <v>0.15848311826155353</v>
      </c>
    </row>
    <row r="85503" spans="1:7" x14ac:dyDescent="0.3">
      <c r="A85503" s="13" t="s">
        <v>430</v>
      </c>
      <c r="B85503" s="14" t="s">
        <v>1</v>
      </c>
      <c r="C85503" s="14" t="s">
        <v>23</v>
      </c>
      <c r="D85503" s="14" t="s">
        <v>431</v>
      </c>
      <c r="E85503" s="15">
        <v>45469</v>
      </c>
      <c r="F85503" s="14" t="s">
        <v>15</v>
      </c>
      <c r="G85503" s="16">
        <v>0.17061054488004382</v>
      </c>
    </row>
    <row r="85504" spans="1:7" x14ac:dyDescent="0.3">
      <c r="A85504" s="13" t="s">
        <v>430</v>
      </c>
      <c r="B85504" s="14" t="s">
        <v>1</v>
      </c>
      <c r="C85504" s="14" t="s">
        <v>23</v>
      </c>
      <c r="D85504" s="14" t="s">
        <v>431</v>
      </c>
      <c r="E85504" s="15">
        <v>45470</v>
      </c>
      <c r="F85504" s="14" t="s">
        <v>15</v>
      </c>
      <c r="G85504" s="16">
        <v>0.18372131977990311</v>
      </c>
    </row>
    <row r="85505" spans="1:7" x14ac:dyDescent="0.3">
      <c r="A85505" s="13" t="s">
        <v>430</v>
      </c>
      <c r="B85505" s="14" t="s">
        <v>1</v>
      </c>
      <c r="C85505" s="14" t="s">
        <v>23</v>
      </c>
      <c r="D85505" s="14" t="s">
        <v>431</v>
      </c>
      <c r="E85505" s="15">
        <v>45471</v>
      </c>
      <c r="F85505" s="14" t="s">
        <v>15</v>
      </c>
      <c r="G85505" s="16">
        <v>0.19689228711705767</v>
      </c>
    </row>
    <row r="85506" spans="1:7" x14ac:dyDescent="0.3">
      <c r="A85506" s="13" t="s">
        <v>430</v>
      </c>
      <c r="B85506" s="14" t="s">
        <v>1</v>
      </c>
      <c r="C85506" s="14" t="s">
        <v>23</v>
      </c>
      <c r="D85506" s="14" t="s">
        <v>431</v>
      </c>
      <c r="E85506" s="15">
        <v>45472</v>
      </c>
      <c r="F85506" s="14" t="s">
        <v>15</v>
      </c>
      <c r="G85506" s="16">
        <v>0.19689228711705767</v>
      </c>
    </row>
    <row r="85507" spans="1:7" x14ac:dyDescent="0.3">
      <c r="A85507" s="13" t="s">
        <v>430</v>
      </c>
      <c r="B85507" s="14" t="s">
        <v>1</v>
      </c>
      <c r="C85507" s="14" t="s">
        <v>23</v>
      </c>
      <c r="D85507" s="14" t="s">
        <v>431</v>
      </c>
      <c r="E85507" s="15">
        <v>45473</v>
      </c>
      <c r="F85507" s="14" t="s">
        <v>15</v>
      </c>
      <c r="G85507" s="16">
        <v>0.19689228711705767</v>
      </c>
    </row>
    <row r="85508" spans="1:7" x14ac:dyDescent="0.3">
      <c r="A85508" s="13" t="s">
        <v>430</v>
      </c>
      <c r="B85508" s="14" t="s">
        <v>1</v>
      </c>
      <c r="C85508" s="14" t="s">
        <v>23</v>
      </c>
      <c r="D85508" s="14" t="s">
        <v>431</v>
      </c>
      <c r="E85508" s="15">
        <v>45474</v>
      </c>
      <c r="F85508" s="14" t="s">
        <v>15</v>
      </c>
      <c r="G85508" s="16">
        <v>0</v>
      </c>
    </row>
    <row r="85509" spans="1:7" x14ac:dyDescent="0.3">
      <c r="A85509" s="13" t="s">
        <v>430</v>
      </c>
      <c r="B85509" s="14" t="s">
        <v>1</v>
      </c>
      <c r="C85509" s="14" t="s">
        <v>23</v>
      </c>
      <c r="D85509" s="14" t="s">
        <v>431</v>
      </c>
      <c r="E85509" s="15">
        <v>45475</v>
      </c>
      <c r="F85509" s="14" t="s">
        <v>15</v>
      </c>
      <c r="G85509" s="16">
        <v>0</v>
      </c>
    </row>
    <row r="85510" spans="1:7" x14ac:dyDescent="0.3">
      <c r="A85510" s="13" t="s">
        <v>430</v>
      </c>
      <c r="B85510" s="14" t="s">
        <v>1</v>
      </c>
      <c r="C85510" s="14" t="s">
        <v>23</v>
      </c>
      <c r="D85510" s="14" t="s">
        <v>431</v>
      </c>
      <c r="E85510" s="15">
        <v>45476</v>
      </c>
      <c r="F85510" s="14" t="s">
        <v>15</v>
      </c>
      <c r="G85510" s="16">
        <v>0</v>
      </c>
    </row>
    <row r="85511" spans="1:7" x14ac:dyDescent="0.3">
      <c r="A85511" s="13" t="s">
        <v>430</v>
      </c>
      <c r="B85511" s="14" t="s">
        <v>1</v>
      </c>
      <c r="C85511" s="14" t="s">
        <v>23</v>
      </c>
      <c r="D85511" s="14" t="s">
        <v>431</v>
      </c>
      <c r="E85511" s="15">
        <v>45477</v>
      </c>
      <c r="F85511" s="14" t="s">
        <v>15</v>
      </c>
      <c r="G85511" s="16">
        <v>0</v>
      </c>
    </row>
    <row r="85512" spans="1:7" x14ac:dyDescent="0.3">
      <c r="A85512" s="13" t="s">
        <v>430</v>
      </c>
      <c r="B85512" s="14" t="s">
        <v>1</v>
      </c>
      <c r="C85512" s="14" t="s">
        <v>23</v>
      </c>
      <c r="D85512" s="14" t="s">
        <v>431</v>
      </c>
      <c r="E85512" s="15">
        <v>45478</v>
      </c>
      <c r="F85512" s="14" t="s">
        <v>15</v>
      </c>
      <c r="G85512" s="16">
        <v>0</v>
      </c>
    </row>
    <row r="85513" spans="1:7" x14ac:dyDescent="0.3">
      <c r="A85513" s="13" t="s">
        <v>430</v>
      </c>
      <c r="B85513" s="14" t="s">
        <v>1</v>
      </c>
      <c r="C85513" s="14" t="s">
        <v>23</v>
      </c>
      <c r="D85513" s="14" t="s">
        <v>431</v>
      </c>
      <c r="E85513" s="15">
        <v>45479</v>
      </c>
      <c r="F85513" s="14" t="s">
        <v>15</v>
      </c>
      <c r="G85513" s="16">
        <v>0</v>
      </c>
    </row>
    <row r="85514" spans="1:7" x14ac:dyDescent="0.3">
      <c r="A85514" s="13" t="s">
        <v>430</v>
      </c>
      <c r="B85514" s="14" t="s">
        <v>1</v>
      </c>
      <c r="C85514" s="14" t="s">
        <v>23</v>
      </c>
      <c r="D85514" s="14" t="s">
        <v>431</v>
      </c>
      <c r="E85514" s="15">
        <v>45480</v>
      </c>
      <c r="F85514" s="14" t="s">
        <v>15</v>
      </c>
      <c r="G85514" s="16">
        <v>0</v>
      </c>
    </row>
    <row r="85515" spans="1:7" x14ac:dyDescent="0.3">
      <c r="A85515" s="13" t="s">
        <v>430</v>
      </c>
      <c r="B85515" s="14" t="s">
        <v>1</v>
      </c>
      <c r="C85515" s="14" t="s">
        <v>23</v>
      </c>
      <c r="D85515" s="14" t="s">
        <v>431</v>
      </c>
      <c r="E85515" s="15">
        <v>45481</v>
      </c>
      <c r="F85515" s="14" t="s">
        <v>15</v>
      </c>
      <c r="G85515" s="16">
        <v>0</v>
      </c>
    </row>
    <row r="85516" spans="1:7" x14ac:dyDescent="0.3">
      <c r="A85516" s="13" t="s">
        <v>430</v>
      </c>
      <c r="B85516" s="14" t="s">
        <v>1</v>
      </c>
      <c r="C85516" s="14" t="s">
        <v>23</v>
      </c>
      <c r="D85516" s="14" t="s">
        <v>431</v>
      </c>
      <c r="E85516" s="15">
        <v>45482</v>
      </c>
      <c r="F85516" s="14" t="s">
        <v>15</v>
      </c>
      <c r="G85516" s="16">
        <v>0</v>
      </c>
    </row>
    <row r="85517" spans="1:7" x14ac:dyDescent="0.3">
      <c r="A85517" s="13" t="s">
        <v>430</v>
      </c>
      <c r="B85517" s="14" t="s">
        <v>1</v>
      </c>
      <c r="C85517" s="14" t="s">
        <v>23</v>
      </c>
      <c r="D85517" s="14" t="s">
        <v>431</v>
      </c>
      <c r="E85517" s="15">
        <v>45483</v>
      </c>
      <c r="F85517" s="14" t="s">
        <v>15</v>
      </c>
      <c r="G85517" s="16">
        <v>0</v>
      </c>
    </row>
    <row r="85518" spans="1:7" x14ac:dyDescent="0.3">
      <c r="A85518" s="13" t="s">
        <v>430</v>
      </c>
      <c r="B85518" s="14" t="s">
        <v>1</v>
      </c>
      <c r="C85518" s="14" t="s">
        <v>23</v>
      </c>
      <c r="D85518" s="14" t="s">
        <v>431</v>
      </c>
      <c r="E85518" s="15">
        <v>45484</v>
      </c>
      <c r="F85518" s="14" t="s">
        <v>15</v>
      </c>
      <c r="G85518" s="16">
        <v>0</v>
      </c>
    </row>
    <row r="85519" spans="1:7" x14ac:dyDescent="0.3">
      <c r="A85519" s="13" t="s">
        <v>430</v>
      </c>
      <c r="B85519" s="14" t="s">
        <v>1</v>
      </c>
      <c r="C85519" s="14" t="s">
        <v>23</v>
      </c>
      <c r="D85519" s="14" t="s">
        <v>431</v>
      </c>
      <c r="E85519" s="15">
        <v>45485</v>
      </c>
      <c r="F85519" s="14" t="s">
        <v>15</v>
      </c>
      <c r="G85519" s="16">
        <v>0</v>
      </c>
    </row>
    <row r="85520" spans="1:7" x14ac:dyDescent="0.3">
      <c r="A85520" s="13" t="s">
        <v>430</v>
      </c>
      <c r="B85520" s="14" t="s">
        <v>1</v>
      </c>
      <c r="C85520" s="14" t="s">
        <v>23</v>
      </c>
      <c r="D85520" s="14" t="s">
        <v>431</v>
      </c>
      <c r="E85520" s="15">
        <v>45486</v>
      </c>
      <c r="F85520" s="14" t="s">
        <v>15</v>
      </c>
      <c r="G85520" s="16">
        <v>0</v>
      </c>
    </row>
    <row r="85521" spans="1:7" x14ac:dyDescent="0.3">
      <c r="A85521" s="13" t="s">
        <v>430</v>
      </c>
      <c r="B85521" s="14" t="s">
        <v>1</v>
      </c>
      <c r="C85521" s="14" t="s">
        <v>23</v>
      </c>
      <c r="D85521" s="14" t="s">
        <v>431</v>
      </c>
      <c r="E85521" s="15">
        <v>45487</v>
      </c>
      <c r="F85521" s="14" t="s">
        <v>15</v>
      </c>
      <c r="G85521" s="16">
        <v>0</v>
      </c>
    </row>
    <row r="85522" spans="1:7" x14ac:dyDescent="0.3">
      <c r="A85522" s="13" t="s">
        <v>430</v>
      </c>
      <c r="B85522" s="14" t="s">
        <v>1</v>
      </c>
      <c r="C85522" s="14" t="s">
        <v>23</v>
      </c>
      <c r="D85522" s="14" t="s">
        <v>431</v>
      </c>
      <c r="E85522" s="15">
        <v>45488</v>
      </c>
      <c r="F85522" s="14" t="s">
        <v>15</v>
      </c>
      <c r="G85522" s="16">
        <v>0</v>
      </c>
    </row>
    <row r="85523" spans="1:7" x14ac:dyDescent="0.3">
      <c r="A85523" s="13" t="s">
        <v>430</v>
      </c>
      <c r="B85523" s="14" t="s">
        <v>1</v>
      </c>
      <c r="C85523" s="14" t="s">
        <v>23</v>
      </c>
      <c r="D85523" s="14" t="s">
        <v>431</v>
      </c>
      <c r="E85523" s="15">
        <v>45489</v>
      </c>
      <c r="F85523" s="14" t="s">
        <v>15</v>
      </c>
      <c r="G85523" s="16">
        <v>0</v>
      </c>
    </row>
    <row r="85524" spans="1:7" x14ac:dyDescent="0.3">
      <c r="A85524" s="13" t="s">
        <v>430</v>
      </c>
      <c r="B85524" s="14" t="s">
        <v>1</v>
      </c>
      <c r="C85524" s="14" t="s">
        <v>23</v>
      </c>
      <c r="D85524" s="14" t="s">
        <v>431</v>
      </c>
      <c r="E85524" s="15">
        <v>45490</v>
      </c>
      <c r="F85524" s="14" t="s">
        <v>15</v>
      </c>
      <c r="G85524" s="16">
        <v>0</v>
      </c>
    </row>
    <row r="85525" spans="1:7" x14ac:dyDescent="0.3">
      <c r="A85525" s="13" t="s">
        <v>430</v>
      </c>
      <c r="B85525" s="14" t="s">
        <v>1</v>
      </c>
      <c r="C85525" s="14" t="s">
        <v>23</v>
      </c>
      <c r="D85525" s="14" t="s">
        <v>431</v>
      </c>
      <c r="E85525" s="15">
        <v>45491</v>
      </c>
      <c r="F85525" s="14" t="s">
        <v>15</v>
      </c>
      <c r="G85525" s="16">
        <v>1.1192355726699911E-2</v>
      </c>
    </row>
    <row r="85526" spans="1:7" x14ac:dyDescent="0.3">
      <c r="A85526" s="13" t="s">
        <v>430</v>
      </c>
      <c r="B85526" s="14" t="s">
        <v>1</v>
      </c>
      <c r="C85526" s="14" t="s">
        <v>23</v>
      </c>
      <c r="D85526" s="14" t="s">
        <v>431</v>
      </c>
      <c r="E85526" s="15">
        <v>45492</v>
      </c>
      <c r="F85526" s="14" t="s">
        <v>15</v>
      </c>
      <c r="G85526" s="16">
        <v>2.4329680804523492E-2</v>
      </c>
    </row>
    <row r="85527" spans="1:7" x14ac:dyDescent="0.3">
      <c r="A85527" s="13" t="s">
        <v>430</v>
      </c>
      <c r="B85527" s="14" t="s">
        <v>1</v>
      </c>
      <c r="C85527" s="14" t="s">
        <v>23</v>
      </c>
      <c r="D85527" s="14" t="s">
        <v>431</v>
      </c>
      <c r="E85527" s="15">
        <v>45493</v>
      </c>
      <c r="F85527" s="14" t="s">
        <v>15</v>
      </c>
      <c r="G85527" s="16">
        <v>2.4329680804523492E-2</v>
      </c>
    </row>
    <row r="85528" spans="1:7" x14ac:dyDescent="0.3">
      <c r="A85528" s="13" t="s">
        <v>430</v>
      </c>
      <c r="B85528" s="14" t="s">
        <v>1</v>
      </c>
      <c r="C85528" s="14" t="s">
        <v>23</v>
      </c>
      <c r="D85528" s="14" t="s">
        <v>431</v>
      </c>
      <c r="E85528" s="15">
        <v>45494</v>
      </c>
      <c r="F85528" s="14" t="s">
        <v>15</v>
      </c>
      <c r="G85528" s="16">
        <v>2.4329680804523492E-2</v>
      </c>
    </row>
    <row r="85529" spans="1:7" x14ac:dyDescent="0.3">
      <c r="A85529" s="13" t="s">
        <v>430</v>
      </c>
      <c r="B85529" s="14" t="s">
        <v>1</v>
      </c>
      <c r="C85529" s="14" t="s">
        <v>23</v>
      </c>
      <c r="D85529" s="14" t="s">
        <v>431</v>
      </c>
      <c r="E85529" s="15">
        <v>45495</v>
      </c>
      <c r="F85529" s="14" t="s">
        <v>15</v>
      </c>
      <c r="G85529" s="16">
        <v>3.7404104818203006E-2</v>
      </c>
    </row>
    <row r="85530" spans="1:7" x14ac:dyDescent="0.3">
      <c r="A85530" s="13" t="s">
        <v>430</v>
      </c>
      <c r="B85530" s="14" t="s">
        <v>1</v>
      </c>
      <c r="C85530" s="14" t="s">
        <v>23</v>
      </c>
      <c r="D85530" s="14" t="s">
        <v>431</v>
      </c>
      <c r="E85530" s="15">
        <v>45496</v>
      </c>
      <c r="F85530" s="14" t="s">
        <v>15</v>
      </c>
      <c r="G85530" s="16">
        <v>7.6310657281924751E-2</v>
      </c>
    </row>
    <row r="85531" spans="1:7" x14ac:dyDescent="0.3">
      <c r="A85531" s="13" t="s">
        <v>430</v>
      </c>
      <c r="B85531" s="14" t="s">
        <v>1</v>
      </c>
      <c r="C85531" s="14" t="s">
        <v>23</v>
      </c>
      <c r="D85531" s="14" t="s">
        <v>431</v>
      </c>
      <c r="E85531" s="15">
        <v>45497</v>
      </c>
      <c r="F85531" s="14" t="s">
        <v>15</v>
      </c>
      <c r="G85531" s="16">
        <v>9.1104806335976882E-2</v>
      </c>
    </row>
    <row r="85532" spans="1:7" x14ac:dyDescent="0.3">
      <c r="A85532" s="13" t="s">
        <v>430</v>
      </c>
      <c r="B85532" s="14" t="s">
        <v>1</v>
      </c>
      <c r="C85532" s="14" t="s">
        <v>23</v>
      </c>
      <c r="D85532" s="14" t="s">
        <v>431</v>
      </c>
      <c r="E85532" s="15">
        <v>45498</v>
      </c>
      <c r="F85532" s="14" t="s">
        <v>15</v>
      </c>
      <c r="G85532" s="16">
        <v>0.10356620668631973</v>
      </c>
    </row>
    <row r="85533" spans="1:7" x14ac:dyDescent="0.3">
      <c r="A85533" s="13" t="s">
        <v>430</v>
      </c>
      <c r="B85533" s="14" t="s">
        <v>1</v>
      </c>
      <c r="C85533" s="14" t="s">
        <v>23</v>
      </c>
      <c r="D85533" s="14" t="s">
        <v>431</v>
      </c>
      <c r="E85533" s="15">
        <v>45499</v>
      </c>
      <c r="F85533" s="14" t="s">
        <v>15</v>
      </c>
      <c r="G85533" s="16">
        <v>0.11608238820637357</v>
      </c>
    </row>
    <row r="85534" spans="1:7" x14ac:dyDescent="0.3">
      <c r="A85534" s="13" t="s">
        <v>430</v>
      </c>
      <c r="B85534" s="14" t="s">
        <v>1</v>
      </c>
      <c r="C85534" s="14" t="s">
        <v>23</v>
      </c>
      <c r="D85534" s="14" t="s">
        <v>431</v>
      </c>
      <c r="E85534" s="15">
        <v>45500</v>
      </c>
      <c r="F85534" s="14" t="s">
        <v>15</v>
      </c>
      <c r="G85534" s="16">
        <v>0.11608238820637357</v>
      </c>
    </row>
    <row r="85535" spans="1:7" x14ac:dyDescent="0.3">
      <c r="A85535" s="13" t="s">
        <v>430</v>
      </c>
      <c r="B85535" s="14" t="s">
        <v>1</v>
      </c>
      <c r="C85535" s="14" t="s">
        <v>23</v>
      </c>
      <c r="D85535" s="14" t="s">
        <v>431</v>
      </c>
      <c r="E85535" s="15">
        <v>45501</v>
      </c>
      <c r="F85535" s="14" t="s">
        <v>15</v>
      </c>
      <c r="G85535" s="16">
        <v>0.11608238820637357</v>
      </c>
    </row>
    <row r="85536" spans="1:7" x14ac:dyDescent="0.3">
      <c r="A85536" s="13" t="s">
        <v>430</v>
      </c>
      <c r="B85536" s="14" t="s">
        <v>1</v>
      </c>
      <c r="C85536" s="14" t="s">
        <v>23</v>
      </c>
      <c r="D85536" s="14" t="s">
        <v>431</v>
      </c>
      <c r="E85536" s="15">
        <v>45502</v>
      </c>
      <c r="F85536" s="14" t="s">
        <v>15</v>
      </c>
      <c r="G85536" s="16">
        <v>0.12861277370114529</v>
      </c>
    </row>
    <row r="85537" spans="1:7" x14ac:dyDescent="0.3">
      <c r="A85537" s="13" t="s">
        <v>430</v>
      </c>
      <c r="B85537" s="14" t="s">
        <v>1</v>
      </c>
      <c r="C85537" s="14" t="s">
        <v>23</v>
      </c>
      <c r="D85537" s="14" t="s">
        <v>431</v>
      </c>
      <c r="E85537" s="15">
        <v>45503</v>
      </c>
      <c r="F85537" s="14" t="s">
        <v>15</v>
      </c>
      <c r="G85537" s="16">
        <v>0.1661549804495282</v>
      </c>
    </row>
    <row r="85538" spans="1:7" x14ac:dyDescent="0.3">
      <c r="A85538" s="13" t="s">
        <v>430</v>
      </c>
      <c r="B85538" s="14" t="s">
        <v>1</v>
      </c>
      <c r="C85538" s="14" t="s">
        <v>23</v>
      </c>
      <c r="D85538" s="14" t="s">
        <v>431</v>
      </c>
      <c r="E85538" s="15">
        <v>45504</v>
      </c>
      <c r="F85538" s="14" t="s">
        <v>15</v>
      </c>
      <c r="G85538" s="16">
        <v>0.17997259734886459</v>
      </c>
    </row>
    <row r="85539" spans="1:7" x14ac:dyDescent="0.3">
      <c r="A85539" s="13" t="s">
        <v>430</v>
      </c>
      <c r="B85539" s="14" t="s">
        <v>1</v>
      </c>
      <c r="C85539" s="14" t="s">
        <v>23</v>
      </c>
      <c r="D85539" s="14" t="s">
        <v>431</v>
      </c>
      <c r="E85539" s="15">
        <v>45505</v>
      </c>
      <c r="F85539" s="14" t="s">
        <v>15</v>
      </c>
      <c r="G85539" s="16">
        <v>0</v>
      </c>
    </row>
    <row r="85540" spans="1:7" x14ac:dyDescent="0.3">
      <c r="A85540" s="13" t="s">
        <v>430</v>
      </c>
      <c r="B85540" s="14" t="s">
        <v>1</v>
      </c>
      <c r="C85540" s="14" t="s">
        <v>23</v>
      </c>
      <c r="D85540" s="14" t="s">
        <v>431</v>
      </c>
      <c r="E85540" s="15">
        <v>45506</v>
      </c>
      <c r="F85540" s="14" t="s">
        <v>15</v>
      </c>
      <c r="G85540" s="16">
        <v>0</v>
      </c>
    </row>
    <row r="85541" spans="1:7" x14ac:dyDescent="0.3">
      <c r="A85541" s="13" t="s">
        <v>430</v>
      </c>
      <c r="B85541" s="14" t="s">
        <v>1</v>
      </c>
      <c r="C85541" s="14" t="s">
        <v>23</v>
      </c>
      <c r="D85541" s="14" t="s">
        <v>431</v>
      </c>
      <c r="E85541" s="15">
        <v>45507</v>
      </c>
      <c r="F85541" s="14" t="s">
        <v>15</v>
      </c>
      <c r="G85541" s="16">
        <v>0</v>
      </c>
    </row>
    <row r="85542" spans="1:7" x14ac:dyDescent="0.3">
      <c r="A85542" s="13" t="s">
        <v>430</v>
      </c>
      <c r="B85542" s="14" t="s">
        <v>1</v>
      </c>
      <c r="C85542" s="14" t="s">
        <v>23</v>
      </c>
      <c r="D85542" s="14" t="s">
        <v>431</v>
      </c>
      <c r="E85542" s="15">
        <v>45508</v>
      </c>
      <c r="F85542" s="14" t="s">
        <v>15</v>
      </c>
      <c r="G85542" s="16">
        <v>0</v>
      </c>
    </row>
    <row r="85543" spans="1:7" x14ac:dyDescent="0.3">
      <c r="A85543" s="13" t="s">
        <v>430</v>
      </c>
      <c r="B85543" s="14" t="s">
        <v>1</v>
      </c>
      <c r="C85543" s="14" t="s">
        <v>23</v>
      </c>
      <c r="D85543" s="14" t="s">
        <v>431</v>
      </c>
      <c r="E85543" s="15">
        <v>45509</v>
      </c>
      <c r="F85543" s="14" t="s">
        <v>15</v>
      </c>
      <c r="G85543" s="16">
        <v>0</v>
      </c>
    </row>
    <row r="85544" spans="1:7" x14ac:dyDescent="0.3">
      <c r="A85544" s="13" t="s">
        <v>430</v>
      </c>
      <c r="B85544" s="14" t="s">
        <v>1</v>
      </c>
      <c r="C85544" s="14" t="s">
        <v>23</v>
      </c>
      <c r="D85544" s="14" t="s">
        <v>431</v>
      </c>
      <c r="E85544" s="15">
        <v>45510</v>
      </c>
      <c r="F85544" s="14" t="s">
        <v>15</v>
      </c>
      <c r="G85544" s="16">
        <v>0</v>
      </c>
    </row>
    <row r="85545" spans="1:7" x14ac:dyDescent="0.3">
      <c r="A85545" s="13" t="s">
        <v>430</v>
      </c>
      <c r="B85545" s="14" t="s">
        <v>1</v>
      </c>
      <c r="C85545" s="14" t="s">
        <v>23</v>
      </c>
      <c r="D85545" s="14" t="s">
        <v>431</v>
      </c>
      <c r="E85545" s="15">
        <v>45511</v>
      </c>
      <c r="F85545" s="14" t="s">
        <v>15</v>
      </c>
      <c r="G85545" s="16">
        <v>0</v>
      </c>
    </row>
    <row r="85546" spans="1:7" x14ac:dyDescent="0.3">
      <c r="A85546" s="13" t="s">
        <v>430</v>
      </c>
      <c r="B85546" s="14" t="s">
        <v>1</v>
      </c>
      <c r="C85546" s="14" t="s">
        <v>23</v>
      </c>
      <c r="D85546" s="14" t="s">
        <v>431</v>
      </c>
      <c r="E85546" s="15">
        <v>45512</v>
      </c>
      <c r="F85546" s="14" t="s">
        <v>15</v>
      </c>
      <c r="G85546" s="16">
        <v>0</v>
      </c>
    </row>
    <row r="85547" spans="1:7" x14ac:dyDescent="0.3">
      <c r="A85547" s="13" t="s">
        <v>430</v>
      </c>
      <c r="B85547" s="14" t="s">
        <v>1</v>
      </c>
      <c r="C85547" s="14" t="s">
        <v>23</v>
      </c>
      <c r="D85547" s="14" t="s">
        <v>431</v>
      </c>
      <c r="E85547" s="15">
        <v>45513</v>
      </c>
      <c r="F85547" s="14" t="s">
        <v>15</v>
      </c>
      <c r="G85547" s="16">
        <v>0</v>
      </c>
    </row>
    <row r="85548" spans="1:7" x14ac:dyDescent="0.3">
      <c r="A85548" s="13" t="s">
        <v>430</v>
      </c>
      <c r="B85548" s="14" t="s">
        <v>1</v>
      </c>
      <c r="C85548" s="14" t="s">
        <v>23</v>
      </c>
      <c r="D85548" s="14" t="s">
        <v>431</v>
      </c>
      <c r="E85548" s="15">
        <v>45514</v>
      </c>
      <c r="F85548" s="14" t="s">
        <v>15</v>
      </c>
      <c r="G85548" s="16">
        <v>0</v>
      </c>
    </row>
    <row r="85549" spans="1:7" x14ac:dyDescent="0.3">
      <c r="A85549" s="13" t="s">
        <v>430</v>
      </c>
      <c r="B85549" s="14" t="s">
        <v>1</v>
      </c>
      <c r="C85549" s="14" t="s">
        <v>23</v>
      </c>
      <c r="D85549" s="14" t="s">
        <v>431</v>
      </c>
      <c r="E85549" s="15">
        <v>45515</v>
      </c>
      <c r="F85549" s="14" t="s">
        <v>15</v>
      </c>
      <c r="G85549" s="16">
        <v>0</v>
      </c>
    </row>
    <row r="85550" spans="1:7" x14ac:dyDescent="0.3">
      <c r="A85550" s="13" t="s">
        <v>430</v>
      </c>
      <c r="B85550" s="14" t="s">
        <v>1</v>
      </c>
      <c r="C85550" s="14" t="s">
        <v>23</v>
      </c>
      <c r="D85550" s="14" t="s">
        <v>431</v>
      </c>
      <c r="E85550" s="15">
        <v>45516</v>
      </c>
      <c r="F85550" s="14" t="s">
        <v>15</v>
      </c>
      <c r="G85550" s="16">
        <v>0</v>
      </c>
    </row>
    <row r="85551" spans="1:7" x14ac:dyDescent="0.3">
      <c r="A85551" s="13" t="s">
        <v>430</v>
      </c>
      <c r="B85551" s="14" t="s">
        <v>1</v>
      </c>
      <c r="C85551" s="14" t="s">
        <v>23</v>
      </c>
      <c r="D85551" s="14" t="s">
        <v>431</v>
      </c>
      <c r="E85551" s="15">
        <v>45517</v>
      </c>
      <c r="F85551" s="14" t="s">
        <v>15</v>
      </c>
      <c r="G85551" s="16">
        <v>0</v>
      </c>
    </row>
    <row r="85552" spans="1:7" x14ac:dyDescent="0.3">
      <c r="A85552" s="13" t="s">
        <v>430</v>
      </c>
      <c r="B85552" s="14" t="s">
        <v>1</v>
      </c>
      <c r="C85552" s="14" t="s">
        <v>23</v>
      </c>
      <c r="D85552" s="14" t="s">
        <v>431</v>
      </c>
      <c r="E85552" s="15">
        <v>45518</v>
      </c>
      <c r="F85552" s="14" t="s">
        <v>15</v>
      </c>
      <c r="G85552" s="16">
        <v>0</v>
      </c>
    </row>
    <row r="85553" spans="1:7" x14ac:dyDescent="0.3">
      <c r="A85553" s="13" t="s">
        <v>430</v>
      </c>
      <c r="B85553" s="14" t="s">
        <v>1</v>
      </c>
      <c r="C85553" s="14" t="s">
        <v>23</v>
      </c>
      <c r="D85553" s="14" t="s">
        <v>431</v>
      </c>
      <c r="E85553" s="15">
        <v>45519</v>
      </c>
      <c r="F85553" s="14" t="s">
        <v>15</v>
      </c>
      <c r="G85553" s="16">
        <v>0</v>
      </c>
    </row>
    <row r="85554" spans="1:7" x14ac:dyDescent="0.3">
      <c r="A85554" s="13" t="s">
        <v>430</v>
      </c>
      <c r="B85554" s="14" t="s">
        <v>1</v>
      </c>
      <c r="C85554" s="14" t="s">
        <v>23</v>
      </c>
      <c r="D85554" s="14" t="s">
        <v>431</v>
      </c>
      <c r="E85554" s="15">
        <v>45520</v>
      </c>
      <c r="F85554" s="14" t="s">
        <v>15</v>
      </c>
      <c r="G85554" s="16">
        <v>0</v>
      </c>
    </row>
    <row r="85555" spans="1:7" x14ac:dyDescent="0.3">
      <c r="A85555" s="13" t="s">
        <v>430</v>
      </c>
      <c r="B85555" s="14" t="s">
        <v>1</v>
      </c>
      <c r="C85555" s="14" t="s">
        <v>23</v>
      </c>
      <c r="D85555" s="14" t="s">
        <v>431</v>
      </c>
      <c r="E85555" s="15">
        <v>45521</v>
      </c>
      <c r="F85555" s="14" t="s">
        <v>15</v>
      </c>
      <c r="G85555" s="16">
        <v>0</v>
      </c>
    </row>
    <row r="85556" spans="1:7" x14ac:dyDescent="0.3">
      <c r="A85556" s="13" t="s">
        <v>430</v>
      </c>
      <c r="B85556" s="14" t="s">
        <v>1</v>
      </c>
      <c r="C85556" s="14" t="s">
        <v>23</v>
      </c>
      <c r="D85556" s="14" t="s">
        <v>431</v>
      </c>
      <c r="E85556" s="15">
        <v>45522</v>
      </c>
      <c r="F85556" s="14" t="s">
        <v>15</v>
      </c>
      <c r="G85556" s="16">
        <v>0</v>
      </c>
    </row>
    <row r="85557" spans="1:7" x14ac:dyDescent="0.3">
      <c r="A85557" s="13" t="s">
        <v>430</v>
      </c>
      <c r="B85557" s="14" t="s">
        <v>1</v>
      </c>
      <c r="C85557" s="14" t="s">
        <v>23</v>
      </c>
      <c r="D85557" s="14" t="s">
        <v>431</v>
      </c>
      <c r="E85557" s="15">
        <v>45523</v>
      </c>
      <c r="F85557" s="14" t="s">
        <v>15</v>
      </c>
      <c r="G85557" s="16">
        <v>0</v>
      </c>
    </row>
    <row r="85558" spans="1:7" x14ac:dyDescent="0.3">
      <c r="A85558" s="13" t="s">
        <v>430</v>
      </c>
      <c r="B85558" s="14" t="s">
        <v>1</v>
      </c>
      <c r="C85558" s="14" t="s">
        <v>23</v>
      </c>
      <c r="D85558" s="14" t="s">
        <v>431</v>
      </c>
      <c r="E85558" s="15">
        <v>45524</v>
      </c>
      <c r="F85558" s="14" t="s">
        <v>15</v>
      </c>
      <c r="G85558" s="16">
        <v>0</v>
      </c>
    </row>
    <row r="85559" spans="1:7" x14ac:dyDescent="0.3">
      <c r="A85559" s="13" t="s">
        <v>430</v>
      </c>
      <c r="B85559" s="14" t="s">
        <v>1</v>
      </c>
      <c r="C85559" s="14" t="s">
        <v>23</v>
      </c>
      <c r="D85559" s="14" t="s">
        <v>431</v>
      </c>
      <c r="E85559" s="15">
        <v>45525</v>
      </c>
      <c r="F85559" s="14" t="s">
        <v>15</v>
      </c>
      <c r="G85559" s="16">
        <v>0</v>
      </c>
    </row>
    <row r="85560" spans="1:7" x14ac:dyDescent="0.3">
      <c r="A85560" s="13" t="s">
        <v>430</v>
      </c>
      <c r="B85560" s="14" t="s">
        <v>1</v>
      </c>
      <c r="C85560" s="14" t="s">
        <v>23</v>
      </c>
      <c r="D85560" s="14" t="s">
        <v>431</v>
      </c>
      <c r="E85560" s="15">
        <v>45526</v>
      </c>
      <c r="F85560" s="14" t="s">
        <v>15</v>
      </c>
      <c r="G85560" s="16">
        <v>0</v>
      </c>
    </row>
    <row r="85561" spans="1:7" x14ac:dyDescent="0.3">
      <c r="A85561" s="13" t="s">
        <v>430</v>
      </c>
      <c r="B85561" s="14" t="s">
        <v>1</v>
      </c>
      <c r="C85561" s="14" t="s">
        <v>23</v>
      </c>
      <c r="D85561" s="14" t="s">
        <v>431</v>
      </c>
      <c r="E85561" s="15">
        <v>45527</v>
      </c>
      <c r="F85561" s="14" t="s">
        <v>15</v>
      </c>
      <c r="G85561" s="16">
        <v>0</v>
      </c>
    </row>
    <row r="85562" spans="1:7" x14ac:dyDescent="0.3">
      <c r="A85562" s="13" t="s">
        <v>430</v>
      </c>
      <c r="B85562" s="14" t="s">
        <v>1</v>
      </c>
      <c r="C85562" s="14" t="s">
        <v>23</v>
      </c>
      <c r="D85562" s="14" t="s">
        <v>431</v>
      </c>
      <c r="E85562" s="15">
        <v>45528</v>
      </c>
      <c r="F85562" s="14" t="s">
        <v>15</v>
      </c>
      <c r="G85562" s="16">
        <v>0</v>
      </c>
    </row>
    <row r="85563" spans="1:7" x14ac:dyDescent="0.3">
      <c r="A85563" s="13" t="s">
        <v>430</v>
      </c>
      <c r="B85563" s="14" t="s">
        <v>1</v>
      </c>
      <c r="C85563" s="14" t="s">
        <v>23</v>
      </c>
      <c r="D85563" s="14" t="s">
        <v>431</v>
      </c>
      <c r="E85563" s="15">
        <v>45529</v>
      </c>
      <c r="F85563" s="14" t="s">
        <v>15</v>
      </c>
      <c r="G85563" s="16">
        <v>0</v>
      </c>
    </row>
    <row r="85564" spans="1:7" x14ac:dyDescent="0.3">
      <c r="A85564" s="13" t="s">
        <v>430</v>
      </c>
      <c r="B85564" s="14" t="s">
        <v>1</v>
      </c>
      <c r="C85564" s="14" t="s">
        <v>23</v>
      </c>
      <c r="D85564" s="14" t="s">
        <v>431</v>
      </c>
      <c r="E85564" s="15">
        <v>45530</v>
      </c>
      <c r="F85564" s="14" t="s">
        <v>15</v>
      </c>
      <c r="G85564" s="16">
        <v>0</v>
      </c>
    </row>
    <row r="85565" spans="1:7" x14ac:dyDescent="0.3">
      <c r="A85565" s="13" t="s">
        <v>430</v>
      </c>
      <c r="B85565" s="14" t="s">
        <v>1</v>
      </c>
      <c r="C85565" s="14" t="s">
        <v>23</v>
      </c>
      <c r="D85565" s="14" t="s">
        <v>431</v>
      </c>
      <c r="E85565" s="15">
        <v>45531</v>
      </c>
      <c r="F85565" s="14" t="s">
        <v>15</v>
      </c>
      <c r="G85565" s="16">
        <v>0</v>
      </c>
    </row>
    <row r="85566" spans="1:7" x14ac:dyDescent="0.3">
      <c r="A85566" s="13" t="s">
        <v>430</v>
      </c>
      <c r="B85566" s="14" t="s">
        <v>1</v>
      </c>
      <c r="C85566" s="14" t="s">
        <v>23</v>
      </c>
      <c r="D85566" s="14" t="s">
        <v>431</v>
      </c>
      <c r="E85566" s="15">
        <v>45532</v>
      </c>
      <c r="F85566" s="14" t="s">
        <v>15</v>
      </c>
      <c r="G85566" s="16">
        <v>0</v>
      </c>
    </row>
    <row r="85567" spans="1:7" x14ac:dyDescent="0.3">
      <c r="A85567" s="13" t="s">
        <v>430</v>
      </c>
      <c r="B85567" s="14" t="s">
        <v>1</v>
      </c>
      <c r="C85567" s="14" t="s">
        <v>23</v>
      </c>
      <c r="D85567" s="14" t="s">
        <v>431</v>
      </c>
      <c r="E85567" s="15">
        <v>45533</v>
      </c>
      <c r="F85567" s="14" t="s">
        <v>15</v>
      </c>
      <c r="G85567" s="16">
        <v>0</v>
      </c>
    </row>
    <row r="85568" spans="1:7" x14ac:dyDescent="0.3">
      <c r="A85568" s="13" t="s">
        <v>430</v>
      </c>
      <c r="B85568" s="14" t="s">
        <v>1</v>
      </c>
      <c r="C85568" s="14" t="s">
        <v>23</v>
      </c>
      <c r="D85568" s="14" t="s">
        <v>431</v>
      </c>
      <c r="E85568" s="15">
        <v>45534</v>
      </c>
      <c r="F85568" s="14" t="s">
        <v>15</v>
      </c>
      <c r="G85568" s="16">
        <v>9.5792500276213402E-3</v>
      </c>
    </row>
    <row r="85569" spans="1:7" x14ac:dyDescent="0.3">
      <c r="A85569" s="13" t="s">
        <v>430</v>
      </c>
      <c r="B85569" s="14" t="s">
        <v>1</v>
      </c>
      <c r="C85569" s="14" t="s">
        <v>23</v>
      </c>
      <c r="D85569" s="14" t="s">
        <v>431</v>
      </c>
      <c r="E85569" s="15">
        <v>45535</v>
      </c>
      <c r="F85569" s="14" t="s">
        <v>15</v>
      </c>
      <c r="G85569" s="16">
        <v>9.5792500276213402E-3</v>
      </c>
    </row>
    <row r="85570" spans="1:7" x14ac:dyDescent="0.3">
      <c r="A85570" s="13" t="s">
        <v>430</v>
      </c>
      <c r="B85570" s="14" t="s">
        <v>1</v>
      </c>
      <c r="C85570" s="14" t="s">
        <v>23</v>
      </c>
      <c r="D85570" s="14" t="s">
        <v>431</v>
      </c>
      <c r="E85570" s="15">
        <v>45536</v>
      </c>
      <c r="F85570" s="14" t="s">
        <v>15</v>
      </c>
      <c r="G85570" s="16">
        <v>9.5792500276213402E-3</v>
      </c>
    </row>
    <row r="85571" spans="1:7" x14ac:dyDescent="0.3">
      <c r="A85571" s="13" t="s">
        <v>430</v>
      </c>
      <c r="B85571" s="14" t="s">
        <v>1</v>
      </c>
      <c r="C85571" s="14" t="s">
        <v>23</v>
      </c>
      <c r="D85571" s="14" t="s">
        <v>431</v>
      </c>
      <c r="E85571" s="15">
        <v>45537</v>
      </c>
      <c r="F85571" s="14" t="s">
        <v>15</v>
      </c>
      <c r="G85571" s="16">
        <v>9.5792500276213402E-3</v>
      </c>
    </row>
    <row r="85572" spans="1:7" x14ac:dyDescent="0.3">
      <c r="A85572" s="13" t="s">
        <v>430</v>
      </c>
      <c r="B85572" s="14" t="s">
        <v>1</v>
      </c>
      <c r="C85572" s="14" t="s">
        <v>23</v>
      </c>
      <c r="D85572" s="14" t="s">
        <v>431</v>
      </c>
      <c r="E85572" s="15">
        <v>45538</v>
      </c>
      <c r="F85572" s="14" t="s">
        <v>15</v>
      </c>
      <c r="G85572" s="16">
        <v>0</v>
      </c>
    </row>
    <row r="85573" spans="1:7" x14ac:dyDescent="0.3">
      <c r="A85573" s="13" t="s">
        <v>430</v>
      </c>
      <c r="B85573" s="14" t="s">
        <v>1</v>
      </c>
      <c r="C85573" s="14" t="s">
        <v>23</v>
      </c>
      <c r="D85573" s="14" t="s">
        <v>431</v>
      </c>
      <c r="E85573" s="15">
        <v>45539</v>
      </c>
      <c r="F85573" s="14" t="s">
        <v>15</v>
      </c>
      <c r="G85573" s="16">
        <v>0</v>
      </c>
    </row>
    <row r="85574" spans="1:7" x14ac:dyDescent="0.3">
      <c r="A85574" s="13" t="s">
        <v>430</v>
      </c>
      <c r="B85574" s="14" t="s">
        <v>1</v>
      </c>
      <c r="C85574" s="14" t="s">
        <v>23</v>
      </c>
      <c r="D85574" s="14" t="s">
        <v>431</v>
      </c>
      <c r="E85574" s="15">
        <v>45540</v>
      </c>
      <c r="F85574" s="14" t="s">
        <v>15</v>
      </c>
      <c r="G85574" s="16">
        <v>0</v>
      </c>
    </row>
    <row r="85575" spans="1:7" x14ac:dyDescent="0.3">
      <c r="A85575" s="13" t="s">
        <v>430</v>
      </c>
      <c r="B85575" s="14" t="s">
        <v>1</v>
      </c>
      <c r="C85575" s="14" t="s">
        <v>23</v>
      </c>
      <c r="D85575" s="14" t="s">
        <v>431</v>
      </c>
      <c r="E85575" s="15">
        <v>45541</v>
      </c>
      <c r="F85575" s="14" t="s">
        <v>15</v>
      </c>
      <c r="G85575" s="16">
        <v>0</v>
      </c>
    </row>
    <row r="85576" spans="1:7" x14ac:dyDescent="0.3">
      <c r="A85576" s="13" t="s">
        <v>430</v>
      </c>
      <c r="B85576" s="14" t="s">
        <v>1</v>
      </c>
      <c r="C85576" s="14" t="s">
        <v>23</v>
      </c>
      <c r="D85576" s="14" t="s">
        <v>431</v>
      </c>
      <c r="E85576" s="15">
        <v>45542</v>
      </c>
      <c r="F85576" s="14" t="s">
        <v>15</v>
      </c>
      <c r="G85576" s="16">
        <v>0</v>
      </c>
    </row>
    <row r="85577" spans="1:7" x14ac:dyDescent="0.3">
      <c r="A85577" s="13" t="s">
        <v>430</v>
      </c>
      <c r="B85577" s="14" t="s">
        <v>1</v>
      </c>
      <c r="C85577" s="14" t="s">
        <v>23</v>
      </c>
      <c r="D85577" s="14" t="s">
        <v>431</v>
      </c>
      <c r="E85577" s="15">
        <v>45543</v>
      </c>
      <c r="F85577" s="14" t="s">
        <v>15</v>
      </c>
      <c r="G85577" s="16">
        <v>0</v>
      </c>
    </row>
    <row r="85578" spans="1:7" x14ac:dyDescent="0.3">
      <c r="A85578" s="13" t="s">
        <v>430</v>
      </c>
      <c r="B85578" s="14" t="s">
        <v>1</v>
      </c>
      <c r="C85578" s="14" t="s">
        <v>23</v>
      </c>
      <c r="D85578" s="14" t="s">
        <v>431</v>
      </c>
      <c r="E85578" s="15">
        <v>45544</v>
      </c>
      <c r="F85578" s="14" t="s">
        <v>15</v>
      </c>
      <c r="G85578" s="16">
        <v>0</v>
      </c>
    </row>
    <row r="85579" spans="1:7" x14ac:dyDescent="0.3">
      <c r="A85579" s="13" t="s">
        <v>430</v>
      </c>
      <c r="B85579" s="14" t="s">
        <v>1</v>
      </c>
      <c r="C85579" s="14" t="s">
        <v>23</v>
      </c>
      <c r="D85579" s="14" t="s">
        <v>431</v>
      </c>
      <c r="E85579" s="15">
        <v>45545</v>
      </c>
      <c r="F85579" s="14" t="s">
        <v>15</v>
      </c>
      <c r="G85579" s="16">
        <v>0</v>
      </c>
    </row>
    <row r="85580" spans="1:7" x14ac:dyDescent="0.3">
      <c r="A85580" s="13" t="s">
        <v>430</v>
      </c>
      <c r="B85580" s="14" t="s">
        <v>1</v>
      </c>
      <c r="C85580" s="14" t="s">
        <v>23</v>
      </c>
      <c r="D85580" s="14" t="s">
        <v>431</v>
      </c>
      <c r="E85580" s="15">
        <v>45546</v>
      </c>
      <c r="F85580" s="14" t="s">
        <v>15</v>
      </c>
      <c r="G85580" s="16">
        <v>0</v>
      </c>
    </row>
    <row r="85581" spans="1:7" x14ac:dyDescent="0.3">
      <c r="A85581" s="13" t="s">
        <v>430</v>
      </c>
      <c r="B85581" s="14" t="s">
        <v>1</v>
      </c>
      <c r="C85581" s="14" t="s">
        <v>23</v>
      </c>
      <c r="D85581" s="14" t="s">
        <v>431</v>
      </c>
      <c r="E85581" s="15">
        <v>45547</v>
      </c>
      <c r="F85581" s="14" t="s">
        <v>15</v>
      </c>
      <c r="G85581" s="16">
        <v>0</v>
      </c>
    </row>
    <row r="85582" spans="1:7" x14ac:dyDescent="0.3">
      <c r="A85582" s="13" t="s">
        <v>430</v>
      </c>
      <c r="B85582" s="14" t="s">
        <v>1</v>
      </c>
      <c r="C85582" s="14" t="s">
        <v>23</v>
      </c>
      <c r="D85582" s="14" t="s">
        <v>431</v>
      </c>
      <c r="E85582" s="15">
        <v>45548</v>
      </c>
      <c r="F85582" s="14" t="s">
        <v>15</v>
      </c>
      <c r="G85582" s="16">
        <v>0</v>
      </c>
    </row>
    <row r="85583" spans="1:7" x14ac:dyDescent="0.3">
      <c r="A85583" s="13" t="s">
        <v>430</v>
      </c>
      <c r="B85583" s="14" t="s">
        <v>1</v>
      </c>
      <c r="C85583" s="14" t="s">
        <v>23</v>
      </c>
      <c r="D85583" s="14" t="s">
        <v>431</v>
      </c>
      <c r="E85583" s="15">
        <v>45549</v>
      </c>
      <c r="F85583" s="14" t="s">
        <v>15</v>
      </c>
      <c r="G85583" s="16">
        <v>0</v>
      </c>
    </row>
    <row r="85584" spans="1:7" x14ac:dyDescent="0.3">
      <c r="A85584" s="13" t="s">
        <v>430</v>
      </c>
      <c r="B85584" s="14" t="s">
        <v>1</v>
      </c>
      <c r="C85584" s="14" t="s">
        <v>23</v>
      </c>
      <c r="D85584" s="14" t="s">
        <v>431</v>
      </c>
      <c r="E85584" s="15">
        <v>45550</v>
      </c>
      <c r="F85584" s="14" t="s">
        <v>15</v>
      </c>
      <c r="G85584" s="16">
        <v>0</v>
      </c>
    </row>
    <row r="85585" spans="1:7" x14ac:dyDescent="0.3">
      <c r="A85585" s="13" t="s">
        <v>430</v>
      </c>
      <c r="B85585" s="14" t="s">
        <v>1</v>
      </c>
      <c r="C85585" s="14" t="s">
        <v>23</v>
      </c>
      <c r="D85585" s="14" t="s">
        <v>431</v>
      </c>
      <c r="E85585" s="15">
        <v>45551</v>
      </c>
      <c r="F85585" s="14" t="s">
        <v>15</v>
      </c>
      <c r="G85585" s="16">
        <v>0</v>
      </c>
    </row>
    <row r="85586" spans="1:7" x14ac:dyDescent="0.3">
      <c r="A85586" s="13" t="s">
        <v>430</v>
      </c>
      <c r="B85586" s="14" t="s">
        <v>1</v>
      </c>
      <c r="C85586" s="14" t="s">
        <v>23</v>
      </c>
      <c r="D85586" s="14" t="s">
        <v>431</v>
      </c>
      <c r="E85586" s="15">
        <v>45552</v>
      </c>
      <c r="F85586" s="14" t="s">
        <v>15</v>
      </c>
      <c r="G85586" s="16">
        <v>0</v>
      </c>
    </row>
    <row r="85587" spans="1:7" x14ac:dyDescent="0.3">
      <c r="A85587" s="13" t="s">
        <v>430</v>
      </c>
      <c r="B85587" s="14" t="s">
        <v>1</v>
      </c>
      <c r="C85587" s="14" t="s">
        <v>23</v>
      </c>
      <c r="D85587" s="14" t="s">
        <v>431</v>
      </c>
      <c r="E85587" s="15">
        <v>45553</v>
      </c>
      <c r="F85587" s="14" t="s">
        <v>15</v>
      </c>
      <c r="G85587" s="16">
        <v>0</v>
      </c>
    </row>
    <row r="85588" spans="1:7" x14ac:dyDescent="0.3">
      <c r="A85588" s="13" t="s">
        <v>430</v>
      </c>
      <c r="B85588" s="14" t="s">
        <v>1</v>
      </c>
      <c r="C85588" s="14" t="s">
        <v>23</v>
      </c>
      <c r="D85588" s="14" t="s">
        <v>431</v>
      </c>
      <c r="E85588" s="15">
        <v>45554</v>
      </c>
      <c r="F85588" s="14" t="s">
        <v>15</v>
      </c>
      <c r="G85588" s="16">
        <v>0</v>
      </c>
    </row>
    <row r="85589" spans="1:7" x14ac:dyDescent="0.3">
      <c r="A85589" s="13" t="s">
        <v>430</v>
      </c>
      <c r="B85589" s="14" t="s">
        <v>1</v>
      </c>
      <c r="C85589" s="14" t="s">
        <v>23</v>
      </c>
      <c r="D85589" s="14" t="s">
        <v>431</v>
      </c>
      <c r="E85589" s="15">
        <v>45555</v>
      </c>
      <c r="F85589" s="14" t="s">
        <v>15</v>
      </c>
      <c r="G85589" s="16">
        <v>0</v>
      </c>
    </row>
    <row r="85590" spans="1:7" x14ac:dyDescent="0.3">
      <c r="A85590" s="13" t="s">
        <v>430</v>
      </c>
      <c r="B85590" s="14" t="s">
        <v>1</v>
      </c>
      <c r="C85590" s="14" t="s">
        <v>23</v>
      </c>
      <c r="D85590" s="14" t="s">
        <v>431</v>
      </c>
      <c r="E85590" s="15">
        <v>45556</v>
      </c>
      <c r="F85590" s="14" t="s">
        <v>15</v>
      </c>
      <c r="G85590" s="16">
        <v>0</v>
      </c>
    </row>
    <row r="85591" spans="1:7" x14ac:dyDescent="0.3">
      <c r="A85591" s="13" t="s">
        <v>430</v>
      </c>
      <c r="B85591" s="14" t="s">
        <v>1</v>
      </c>
      <c r="C85591" s="14" t="s">
        <v>23</v>
      </c>
      <c r="D85591" s="14" t="s">
        <v>431</v>
      </c>
      <c r="E85591" s="15">
        <v>45557</v>
      </c>
      <c r="F85591" s="14" t="s">
        <v>15</v>
      </c>
      <c r="G85591" s="16">
        <v>0</v>
      </c>
    </row>
    <row r="85592" spans="1:7" x14ac:dyDescent="0.3">
      <c r="A85592" s="13" t="s">
        <v>430</v>
      </c>
      <c r="B85592" s="14" t="s">
        <v>1</v>
      </c>
      <c r="C85592" s="14" t="s">
        <v>23</v>
      </c>
      <c r="D85592" s="14" t="s">
        <v>431</v>
      </c>
      <c r="E85592" s="15">
        <v>45558</v>
      </c>
      <c r="F85592" s="14" t="s">
        <v>15</v>
      </c>
      <c r="G85592" s="16">
        <v>0</v>
      </c>
    </row>
    <row r="85593" spans="1:7" x14ac:dyDescent="0.3">
      <c r="A85593" s="13" t="s">
        <v>430</v>
      </c>
      <c r="B85593" s="14" t="s">
        <v>1</v>
      </c>
      <c r="C85593" s="14" t="s">
        <v>23</v>
      </c>
      <c r="D85593" s="14" t="s">
        <v>431</v>
      </c>
      <c r="E85593" s="15">
        <v>45559</v>
      </c>
      <c r="F85593" s="14" t="s">
        <v>15</v>
      </c>
      <c r="G85593" s="16">
        <v>0</v>
      </c>
    </row>
    <row r="85594" spans="1:7" x14ac:dyDescent="0.3">
      <c r="A85594" s="13" t="s">
        <v>430</v>
      </c>
      <c r="B85594" s="14" t="s">
        <v>1</v>
      </c>
      <c r="C85594" s="14" t="s">
        <v>23</v>
      </c>
      <c r="D85594" s="14" t="s">
        <v>431</v>
      </c>
      <c r="E85594" s="15">
        <v>45560</v>
      </c>
      <c r="F85594" s="14" t="s">
        <v>15</v>
      </c>
      <c r="G85594" s="16">
        <v>0</v>
      </c>
    </row>
    <row r="85595" spans="1:7" x14ac:dyDescent="0.3">
      <c r="A85595" s="13" t="s">
        <v>430</v>
      </c>
      <c r="B85595" s="14" t="s">
        <v>1</v>
      </c>
      <c r="C85595" s="14" t="s">
        <v>23</v>
      </c>
      <c r="D85595" s="14" t="s">
        <v>431</v>
      </c>
      <c r="E85595" s="15">
        <v>45561</v>
      </c>
      <c r="F85595" s="14" t="s">
        <v>15</v>
      </c>
      <c r="G85595" s="16">
        <v>0</v>
      </c>
    </row>
    <row r="85596" spans="1:7" x14ac:dyDescent="0.3">
      <c r="A85596" s="13" t="s">
        <v>430</v>
      </c>
      <c r="B85596" s="14" t="s">
        <v>1</v>
      </c>
      <c r="C85596" s="14" t="s">
        <v>23</v>
      </c>
      <c r="D85596" s="14" t="s">
        <v>431</v>
      </c>
      <c r="E85596" s="15">
        <v>45562</v>
      </c>
      <c r="F85596" s="14" t="s">
        <v>15</v>
      </c>
      <c r="G85596" s="16">
        <v>0</v>
      </c>
    </row>
    <row r="85597" spans="1:7" x14ac:dyDescent="0.3">
      <c r="A85597" s="13" t="s">
        <v>430</v>
      </c>
      <c r="B85597" s="14" t="s">
        <v>1</v>
      </c>
      <c r="C85597" s="14" t="s">
        <v>23</v>
      </c>
      <c r="D85597" s="14" t="s">
        <v>431</v>
      </c>
      <c r="E85597" s="15">
        <v>45563</v>
      </c>
      <c r="F85597" s="14" t="s">
        <v>15</v>
      </c>
      <c r="G85597" s="16">
        <v>0</v>
      </c>
    </row>
    <row r="85598" spans="1:7" x14ac:dyDescent="0.3">
      <c r="A85598" s="13" t="s">
        <v>430</v>
      </c>
      <c r="B85598" s="14" t="s">
        <v>1</v>
      </c>
      <c r="C85598" s="14" t="s">
        <v>23</v>
      </c>
      <c r="D85598" s="14" t="s">
        <v>431</v>
      </c>
      <c r="E85598" s="15">
        <v>45564</v>
      </c>
      <c r="F85598" s="14" t="s">
        <v>15</v>
      </c>
      <c r="G85598" s="16">
        <v>0</v>
      </c>
    </row>
    <row r="85599" spans="1:7" x14ac:dyDescent="0.3">
      <c r="A85599" s="13" t="s">
        <v>430</v>
      </c>
      <c r="B85599" s="14" t="s">
        <v>1</v>
      </c>
      <c r="C85599" s="14" t="s">
        <v>23</v>
      </c>
      <c r="D85599" s="14" t="s">
        <v>431</v>
      </c>
      <c r="E85599" s="15">
        <v>45565</v>
      </c>
      <c r="F85599" s="14" t="s">
        <v>15</v>
      </c>
      <c r="G85599" s="16">
        <v>0</v>
      </c>
    </row>
    <row r="85600" spans="1:7" x14ac:dyDescent="0.3">
      <c r="A85600" s="13" t="s">
        <v>430</v>
      </c>
      <c r="B85600" s="14" t="s">
        <v>1</v>
      </c>
      <c r="C85600" s="14" t="s">
        <v>23</v>
      </c>
      <c r="D85600" s="14" t="s">
        <v>431</v>
      </c>
      <c r="E85600" s="15">
        <v>45566</v>
      </c>
      <c r="F85600" s="14" t="s">
        <v>15</v>
      </c>
      <c r="G85600" s="16">
        <v>0</v>
      </c>
    </row>
    <row r="85601" spans="1:7" x14ac:dyDescent="0.3">
      <c r="A85601" s="13" t="s">
        <v>430</v>
      </c>
      <c r="B85601" s="14" t="s">
        <v>1</v>
      </c>
      <c r="C85601" s="14" t="s">
        <v>23</v>
      </c>
      <c r="D85601" s="14" t="s">
        <v>431</v>
      </c>
      <c r="E85601" s="15">
        <v>45567</v>
      </c>
      <c r="F85601" s="14" t="s">
        <v>15</v>
      </c>
      <c r="G85601" s="16">
        <v>0</v>
      </c>
    </row>
    <row r="85602" spans="1:7" x14ac:dyDescent="0.3">
      <c r="A85602" s="13" t="s">
        <v>430</v>
      </c>
      <c r="B85602" s="14" t="s">
        <v>1</v>
      </c>
      <c r="C85602" s="14" t="s">
        <v>23</v>
      </c>
      <c r="D85602" s="14" t="s">
        <v>431</v>
      </c>
      <c r="E85602" s="15">
        <v>45568</v>
      </c>
      <c r="F85602" s="14" t="s">
        <v>15</v>
      </c>
      <c r="G85602" s="16">
        <v>0</v>
      </c>
    </row>
    <row r="85603" spans="1:7" x14ac:dyDescent="0.3">
      <c r="A85603" s="13" t="s">
        <v>430</v>
      </c>
      <c r="B85603" s="14" t="s">
        <v>1</v>
      </c>
      <c r="C85603" s="14" t="s">
        <v>23</v>
      </c>
      <c r="D85603" s="14" t="s">
        <v>431</v>
      </c>
      <c r="E85603" s="15">
        <v>45569</v>
      </c>
      <c r="F85603" s="14" t="s">
        <v>15</v>
      </c>
      <c r="G85603" s="16">
        <v>0</v>
      </c>
    </row>
    <row r="85604" spans="1:7" x14ac:dyDescent="0.3">
      <c r="A85604" s="13" t="s">
        <v>430</v>
      </c>
      <c r="B85604" s="14" t="s">
        <v>1</v>
      </c>
      <c r="C85604" s="14" t="s">
        <v>23</v>
      </c>
      <c r="D85604" s="14" t="s">
        <v>431</v>
      </c>
      <c r="E85604" s="15">
        <v>45570</v>
      </c>
      <c r="F85604" s="14" t="s">
        <v>15</v>
      </c>
      <c r="G85604" s="16">
        <v>0</v>
      </c>
    </row>
    <row r="85605" spans="1:7" x14ac:dyDescent="0.3">
      <c r="A85605" s="13" t="s">
        <v>430</v>
      </c>
      <c r="B85605" s="14" t="s">
        <v>1</v>
      </c>
      <c r="C85605" s="14" t="s">
        <v>23</v>
      </c>
      <c r="D85605" s="14" t="s">
        <v>431</v>
      </c>
      <c r="E85605" s="15">
        <v>45571</v>
      </c>
      <c r="F85605" s="14" t="s">
        <v>15</v>
      </c>
      <c r="G85605" s="16">
        <v>0</v>
      </c>
    </row>
    <row r="85606" spans="1:7" x14ac:dyDescent="0.3">
      <c r="A85606" s="13" t="s">
        <v>430</v>
      </c>
      <c r="B85606" s="14" t="s">
        <v>1</v>
      </c>
      <c r="C85606" s="14" t="s">
        <v>23</v>
      </c>
      <c r="D85606" s="14" t="s">
        <v>431</v>
      </c>
      <c r="E85606" s="15">
        <v>45572</v>
      </c>
      <c r="F85606" s="14" t="s">
        <v>15</v>
      </c>
      <c r="G85606" s="16">
        <v>0</v>
      </c>
    </row>
    <row r="85607" spans="1:7" x14ac:dyDescent="0.3">
      <c r="A85607" s="13" t="s">
        <v>430</v>
      </c>
      <c r="B85607" s="14" t="s">
        <v>1</v>
      </c>
      <c r="C85607" s="14" t="s">
        <v>23</v>
      </c>
      <c r="D85607" s="14" t="s">
        <v>431</v>
      </c>
      <c r="E85607" s="15">
        <v>45573</v>
      </c>
      <c r="F85607" s="14" t="s">
        <v>15</v>
      </c>
      <c r="G85607" s="16">
        <v>0</v>
      </c>
    </row>
    <row r="85608" spans="1:7" x14ac:dyDescent="0.3">
      <c r="A85608" s="13" t="s">
        <v>430</v>
      </c>
      <c r="B85608" s="14" t="s">
        <v>1</v>
      </c>
      <c r="C85608" s="14" t="s">
        <v>23</v>
      </c>
      <c r="D85608" s="14" t="s">
        <v>431</v>
      </c>
      <c r="E85608" s="15">
        <v>45574</v>
      </c>
      <c r="F85608" s="14" t="s">
        <v>15</v>
      </c>
      <c r="G85608" s="16">
        <v>0</v>
      </c>
    </row>
    <row r="85609" spans="1:7" x14ac:dyDescent="0.3">
      <c r="A85609" s="13" t="s">
        <v>430</v>
      </c>
      <c r="B85609" s="14" t="s">
        <v>1</v>
      </c>
      <c r="C85609" s="14" t="s">
        <v>23</v>
      </c>
      <c r="D85609" s="14" t="s">
        <v>431</v>
      </c>
      <c r="E85609" s="15">
        <v>45575</v>
      </c>
      <c r="F85609" s="14" t="s">
        <v>15</v>
      </c>
      <c r="G85609" s="16">
        <v>0</v>
      </c>
    </row>
    <row r="85610" spans="1:7" x14ac:dyDescent="0.3">
      <c r="A85610" s="13" t="s">
        <v>430</v>
      </c>
      <c r="B85610" s="14" t="s">
        <v>1</v>
      </c>
      <c r="C85610" s="14" t="s">
        <v>23</v>
      </c>
      <c r="D85610" s="14" t="s">
        <v>431</v>
      </c>
      <c r="E85610" s="15">
        <v>45576</v>
      </c>
      <c r="F85610" s="14" t="s">
        <v>15</v>
      </c>
      <c r="G85610" s="16">
        <v>0</v>
      </c>
    </row>
    <row r="85611" spans="1:7" x14ac:dyDescent="0.3">
      <c r="A85611" s="13" t="s">
        <v>430</v>
      </c>
      <c r="B85611" s="14" t="s">
        <v>1</v>
      </c>
      <c r="C85611" s="14" t="s">
        <v>23</v>
      </c>
      <c r="D85611" s="14" t="s">
        <v>431</v>
      </c>
      <c r="E85611" s="15">
        <v>45577</v>
      </c>
      <c r="F85611" s="14" t="s">
        <v>15</v>
      </c>
      <c r="G85611" s="16">
        <v>0</v>
      </c>
    </row>
    <row r="85612" spans="1:7" x14ac:dyDescent="0.3">
      <c r="A85612" s="13" t="s">
        <v>430</v>
      </c>
      <c r="B85612" s="14" t="s">
        <v>1</v>
      </c>
      <c r="C85612" s="14" t="s">
        <v>23</v>
      </c>
      <c r="D85612" s="14" t="s">
        <v>431</v>
      </c>
      <c r="E85612" s="15">
        <v>45578</v>
      </c>
      <c r="F85612" s="14" t="s">
        <v>15</v>
      </c>
      <c r="G85612" s="16">
        <v>0</v>
      </c>
    </row>
    <row r="85613" spans="1:7" x14ac:dyDescent="0.3">
      <c r="A85613" s="13" t="s">
        <v>430</v>
      </c>
      <c r="B85613" s="14" t="s">
        <v>1</v>
      </c>
      <c r="C85613" s="14" t="s">
        <v>23</v>
      </c>
      <c r="D85613" s="14" t="s">
        <v>431</v>
      </c>
      <c r="E85613" s="15">
        <v>45579</v>
      </c>
      <c r="F85613" s="14" t="s">
        <v>15</v>
      </c>
      <c r="G85613" s="16">
        <v>0</v>
      </c>
    </row>
    <row r="85614" spans="1:7" x14ac:dyDescent="0.3">
      <c r="A85614" s="13" t="s">
        <v>430</v>
      </c>
      <c r="B85614" s="14" t="s">
        <v>1</v>
      </c>
      <c r="C85614" s="14" t="s">
        <v>23</v>
      </c>
      <c r="D85614" s="14" t="s">
        <v>431</v>
      </c>
      <c r="E85614" s="15">
        <v>45580</v>
      </c>
      <c r="F85614" s="14" t="s">
        <v>15</v>
      </c>
      <c r="G85614" s="16">
        <v>0</v>
      </c>
    </row>
    <row r="85615" spans="1:7" x14ac:dyDescent="0.3">
      <c r="A85615" s="13" t="s">
        <v>430</v>
      </c>
      <c r="B85615" s="14" t="s">
        <v>1</v>
      </c>
      <c r="C85615" s="14" t="s">
        <v>23</v>
      </c>
      <c r="D85615" s="14" t="s">
        <v>431</v>
      </c>
      <c r="E85615" s="15">
        <v>45581</v>
      </c>
      <c r="F85615" s="14" t="s">
        <v>15</v>
      </c>
      <c r="G85615" s="16">
        <v>0</v>
      </c>
    </row>
    <row r="85616" spans="1:7" x14ac:dyDescent="0.3">
      <c r="A85616" s="13" t="s">
        <v>430</v>
      </c>
      <c r="B85616" s="14" t="s">
        <v>1</v>
      </c>
      <c r="C85616" s="14" t="s">
        <v>23</v>
      </c>
      <c r="D85616" s="14" t="s">
        <v>431</v>
      </c>
      <c r="E85616" s="15">
        <v>45582</v>
      </c>
      <c r="F85616" s="14" t="s">
        <v>15</v>
      </c>
      <c r="G85616" s="16">
        <v>0</v>
      </c>
    </row>
    <row r="85617" spans="1:7" x14ac:dyDescent="0.3">
      <c r="A85617" s="13" t="s">
        <v>430</v>
      </c>
      <c r="B85617" s="14" t="s">
        <v>1</v>
      </c>
      <c r="C85617" s="14" t="s">
        <v>23</v>
      </c>
      <c r="D85617" s="14" t="s">
        <v>431</v>
      </c>
      <c r="E85617" s="15">
        <v>45583</v>
      </c>
      <c r="F85617" s="14" t="s">
        <v>15</v>
      </c>
      <c r="G85617" s="16">
        <v>0</v>
      </c>
    </row>
    <row r="85618" spans="1:7" x14ac:dyDescent="0.3">
      <c r="A85618" s="13" t="s">
        <v>430</v>
      </c>
      <c r="B85618" s="14" t="s">
        <v>1</v>
      </c>
      <c r="C85618" s="14" t="s">
        <v>23</v>
      </c>
      <c r="D85618" s="14" t="s">
        <v>431</v>
      </c>
      <c r="E85618" s="15">
        <v>45584</v>
      </c>
      <c r="F85618" s="14" t="s">
        <v>15</v>
      </c>
      <c r="G85618" s="16">
        <v>0</v>
      </c>
    </row>
    <row r="85619" spans="1:7" x14ac:dyDescent="0.3">
      <c r="A85619" s="13" t="s">
        <v>430</v>
      </c>
      <c r="B85619" s="14" t="s">
        <v>1</v>
      </c>
      <c r="C85619" s="14" t="s">
        <v>23</v>
      </c>
      <c r="D85619" s="14" t="s">
        <v>431</v>
      </c>
      <c r="E85619" s="15">
        <v>45585</v>
      </c>
      <c r="F85619" s="14" t="s">
        <v>15</v>
      </c>
      <c r="G85619" s="16">
        <v>0</v>
      </c>
    </row>
    <row r="85620" spans="1:7" x14ac:dyDescent="0.3">
      <c r="A85620" s="13" t="s">
        <v>430</v>
      </c>
      <c r="B85620" s="14" t="s">
        <v>1</v>
      </c>
      <c r="C85620" s="14" t="s">
        <v>23</v>
      </c>
      <c r="D85620" s="14" t="s">
        <v>431</v>
      </c>
      <c r="E85620" s="15">
        <v>45586</v>
      </c>
      <c r="F85620" s="14" t="s">
        <v>15</v>
      </c>
      <c r="G85620" s="16">
        <v>0</v>
      </c>
    </row>
    <row r="85621" spans="1:7" x14ac:dyDescent="0.3">
      <c r="A85621" s="13" t="s">
        <v>430</v>
      </c>
      <c r="B85621" s="14" t="s">
        <v>1</v>
      </c>
      <c r="C85621" s="14" t="s">
        <v>23</v>
      </c>
      <c r="D85621" s="14" t="s">
        <v>431</v>
      </c>
      <c r="E85621" s="15">
        <v>45587</v>
      </c>
      <c r="F85621" s="14" t="s">
        <v>15</v>
      </c>
      <c r="G85621" s="16">
        <v>0</v>
      </c>
    </row>
    <row r="85622" spans="1:7" x14ac:dyDescent="0.3">
      <c r="A85622" s="13" t="s">
        <v>430</v>
      </c>
      <c r="B85622" s="14" t="s">
        <v>1</v>
      </c>
      <c r="C85622" s="14" t="s">
        <v>23</v>
      </c>
      <c r="D85622" s="14" t="s">
        <v>431</v>
      </c>
      <c r="E85622" s="15">
        <v>45588</v>
      </c>
      <c r="F85622" s="14" t="s">
        <v>15</v>
      </c>
      <c r="G85622" s="16">
        <v>0</v>
      </c>
    </row>
    <row r="85623" spans="1:7" x14ac:dyDescent="0.3">
      <c r="A85623" s="13" t="s">
        <v>430</v>
      </c>
      <c r="B85623" s="14" t="s">
        <v>1</v>
      </c>
      <c r="C85623" s="14" t="s">
        <v>23</v>
      </c>
      <c r="D85623" s="14" t="s">
        <v>431</v>
      </c>
      <c r="E85623" s="15">
        <v>45589</v>
      </c>
      <c r="F85623" s="14" t="s">
        <v>15</v>
      </c>
      <c r="G85623" s="16">
        <v>0</v>
      </c>
    </row>
    <row r="85624" spans="1:7" x14ac:dyDescent="0.3">
      <c r="A85624" s="13" t="s">
        <v>430</v>
      </c>
      <c r="B85624" s="14" t="s">
        <v>1</v>
      </c>
      <c r="C85624" s="14" t="s">
        <v>23</v>
      </c>
      <c r="D85624" s="14" t="s">
        <v>431</v>
      </c>
      <c r="E85624" s="15">
        <v>45590</v>
      </c>
      <c r="F85624" s="14" t="s">
        <v>15</v>
      </c>
      <c r="G85624" s="16">
        <v>0</v>
      </c>
    </row>
    <row r="85625" spans="1:7" x14ac:dyDescent="0.3">
      <c r="A85625" s="13" t="s">
        <v>430</v>
      </c>
      <c r="B85625" s="14" t="s">
        <v>1</v>
      </c>
      <c r="C85625" s="14" t="s">
        <v>23</v>
      </c>
      <c r="D85625" s="14" t="s">
        <v>431</v>
      </c>
      <c r="E85625" s="15">
        <v>45591</v>
      </c>
      <c r="F85625" s="14" t="s">
        <v>15</v>
      </c>
      <c r="G85625" s="16">
        <v>0</v>
      </c>
    </row>
    <row r="85626" spans="1:7" x14ac:dyDescent="0.3">
      <c r="A85626" s="13" t="s">
        <v>430</v>
      </c>
      <c r="B85626" s="14" t="s">
        <v>1</v>
      </c>
      <c r="C85626" s="14" t="s">
        <v>23</v>
      </c>
      <c r="D85626" s="14" t="s">
        <v>431</v>
      </c>
      <c r="E85626" s="15">
        <v>45592</v>
      </c>
      <c r="F85626" s="14" t="s">
        <v>15</v>
      </c>
      <c r="G85626" s="16">
        <v>0</v>
      </c>
    </row>
    <row r="85627" spans="1:7" x14ac:dyDescent="0.3">
      <c r="A85627" s="13" t="s">
        <v>430</v>
      </c>
      <c r="B85627" s="14" t="s">
        <v>1</v>
      </c>
      <c r="C85627" s="14" t="s">
        <v>23</v>
      </c>
      <c r="D85627" s="14" t="s">
        <v>431</v>
      </c>
      <c r="E85627" s="15">
        <v>45593</v>
      </c>
      <c r="F85627" s="14" t="s">
        <v>15</v>
      </c>
      <c r="G85627" s="16">
        <v>0</v>
      </c>
    </row>
    <row r="85628" spans="1:7" x14ac:dyDescent="0.3">
      <c r="A85628" s="13" t="s">
        <v>430</v>
      </c>
      <c r="B85628" s="14" t="s">
        <v>1</v>
      </c>
      <c r="C85628" s="14" t="s">
        <v>23</v>
      </c>
      <c r="D85628" s="14" t="s">
        <v>431</v>
      </c>
      <c r="E85628" s="15">
        <v>45594</v>
      </c>
      <c r="F85628" s="14" t="s">
        <v>15</v>
      </c>
      <c r="G85628" s="16">
        <v>0</v>
      </c>
    </row>
    <row r="85629" spans="1:7" x14ac:dyDescent="0.3">
      <c r="A85629" s="13" t="s">
        <v>430</v>
      </c>
      <c r="B85629" s="14" t="s">
        <v>1</v>
      </c>
      <c r="C85629" s="14" t="s">
        <v>23</v>
      </c>
      <c r="D85629" s="14" t="s">
        <v>431</v>
      </c>
      <c r="E85629" s="15">
        <v>45595</v>
      </c>
      <c r="F85629" s="14" t="s">
        <v>15</v>
      </c>
      <c r="G85629" s="16">
        <v>0</v>
      </c>
    </row>
    <row r="85630" spans="1:7" x14ac:dyDescent="0.3">
      <c r="A85630" s="13" t="s">
        <v>430</v>
      </c>
      <c r="B85630" s="14" t="s">
        <v>1</v>
      </c>
      <c r="C85630" s="14" t="s">
        <v>23</v>
      </c>
      <c r="D85630" s="14" t="s">
        <v>431</v>
      </c>
      <c r="E85630" s="15">
        <v>45596</v>
      </c>
      <c r="F85630" s="14" t="s">
        <v>15</v>
      </c>
      <c r="G85630" s="16">
        <v>0</v>
      </c>
    </row>
    <row r="85631" spans="1:7" x14ac:dyDescent="0.3">
      <c r="A85631" s="13" t="s">
        <v>430</v>
      </c>
      <c r="B85631" s="14" t="s">
        <v>1</v>
      </c>
      <c r="C85631" s="14" t="s">
        <v>23</v>
      </c>
      <c r="D85631" s="14" t="s">
        <v>431</v>
      </c>
      <c r="E85631" s="15">
        <v>45597</v>
      </c>
      <c r="F85631" s="14" t="s">
        <v>15</v>
      </c>
      <c r="G85631" s="16">
        <v>0</v>
      </c>
    </row>
    <row r="85632" spans="1:7" x14ac:dyDescent="0.3">
      <c r="A85632" s="13" t="s">
        <v>430</v>
      </c>
      <c r="B85632" s="14" t="s">
        <v>1</v>
      </c>
      <c r="C85632" s="14" t="s">
        <v>23</v>
      </c>
      <c r="D85632" s="14" t="s">
        <v>431</v>
      </c>
      <c r="E85632" s="15">
        <v>45598</v>
      </c>
      <c r="F85632" s="14" t="s">
        <v>15</v>
      </c>
      <c r="G85632" s="16">
        <v>0</v>
      </c>
    </row>
    <row r="85633" spans="1:7" x14ac:dyDescent="0.3">
      <c r="A85633" s="13" t="s">
        <v>430</v>
      </c>
      <c r="B85633" s="14" t="s">
        <v>1</v>
      </c>
      <c r="C85633" s="14" t="s">
        <v>23</v>
      </c>
      <c r="D85633" s="14" t="s">
        <v>431</v>
      </c>
      <c r="E85633" s="15">
        <v>45599</v>
      </c>
      <c r="F85633" s="14" t="s">
        <v>15</v>
      </c>
      <c r="G85633" s="16">
        <v>0</v>
      </c>
    </row>
    <row r="85634" spans="1:7" x14ac:dyDescent="0.3">
      <c r="A85634" s="13" t="s">
        <v>430</v>
      </c>
      <c r="B85634" s="14" t="s">
        <v>1</v>
      </c>
      <c r="C85634" s="14" t="s">
        <v>23</v>
      </c>
      <c r="D85634" s="14" t="s">
        <v>431</v>
      </c>
      <c r="E85634" s="15">
        <v>45600</v>
      </c>
      <c r="F85634" s="14" t="s">
        <v>15</v>
      </c>
      <c r="G85634" s="16">
        <v>0</v>
      </c>
    </row>
    <row r="85635" spans="1:7" x14ac:dyDescent="0.3">
      <c r="A85635" s="13" t="s">
        <v>430</v>
      </c>
      <c r="B85635" s="14" t="s">
        <v>1</v>
      </c>
      <c r="C85635" s="14" t="s">
        <v>23</v>
      </c>
      <c r="D85635" s="14" t="s">
        <v>431</v>
      </c>
      <c r="E85635" s="15">
        <v>45601</v>
      </c>
      <c r="F85635" s="14" t="s">
        <v>15</v>
      </c>
      <c r="G85635" s="16">
        <v>0</v>
      </c>
    </row>
    <row r="85636" spans="1:7" x14ac:dyDescent="0.3">
      <c r="A85636" s="13" t="s">
        <v>430</v>
      </c>
      <c r="B85636" s="14" t="s">
        <v>1</v>
      </c>
      <c r="C85636" s="14" t="s">
        <v>23</v>
      </c>
      <c r="D85636" s="14" t="s">
        <v>431</v>
      </c>
      <c r="E85636" s="15">
        <v>45602</v>
      </c>
      <c r="F85636" s="14" t="s">
        <v>15</v>
      </c>
      <c r="G85636" s="16">
        <v>0</v>
      </c>
    </row>
    <row r="85637" spans="1:7" x14ac:dyDescent="0.3">
      <c r="A85637" s="13" t="s">
        <v>430</v>
      </c>
      <c r="B85637" s="14" t="s">
        <v>1</v>
      </c>
      <c r="C85637" s="14" t="s">
        <v>23</v>
      </c>
      <c r="D85637" s="14" t="s">
        <v>431</v>
      </c>
      <c r="E85637" s="15">
        <v>45603</v>
      </c>
      <c r="F85637" s="14" t="s">
        <v>15</v>
      </c>
      <c r="G85637" s="16">
        <v>0</v>
      </c>
    </row>
    <row r="85638" spans="1:7" x14ac:dyDescent="0.3">
      <c r="A85638" s="13" t="s">
        <v>430</v>
      </c>
      <c r="B85638" s="14" t="s">
        <v>1</v>
      </c>
      <c r="C85638" s="14" t="s">
        <v>23</v>
      </c>
      <c r="D85638" s="14" t="s">
        <v>431</v>
      </c>
      <c r="E85638" s="15">
        <v>45604</v>
      </c>
      <c r="F85638" s="14" t="s">
        <v>15</v>
      </c>
      <c r="G85638" s="16">
        <v>0</v>
      </c>
    </row>
    <row r="85639" spans="1:7" x14ac:dyDescent="0.3">
      <c r="A85639" s="13" t="s">
        <v>430</v>
      </c>
      <c r="B85639" s="14" t="s">
        <v>1</v>
      </c>
      <c r="C85639" s="14" t="s">
        <v>23</v>
      </c>
      <c r="D85639" s="14" t="s">
        <v>431</v>
      </c>
      <c r="E85639" s="15">
        <v>45605</v>
      </c>
      <c r="F85639" s="14" t="s">
        <v>15</v>
      </c>
      <c r="G85639" s="16">
        <v>0</v>
      </c>
    </row>
    <row r="85640" spans="1:7" x14ac:dyDescent="0.3">
      <c r="A85640" s="13" t="s">
        <v>430</v>
      </c>
      <c r="B85640" s="14" t="s">
        <v>1</v>
      </c>
      <c r="C85640" s="14" t="s">
        <v>23</v>
      </c>
      <c r="D85640" s="14" t="s">
        <v>431</v>
      </c>
      <c r="E85640" s="15">
        <v>45606</v>
      </c>
      <c r="F85640" s="14" t="s">
        <v>15</v>
      </c>
      <c r="G85640" s="16">
        <v>0</v>
      </c>
    </row>
    <row r="85641" spans="1:7" x14ac:dyDescent="0.3">
      <c r="A85641" s="13" t="s">
        <v>430</v>
      </c>
      <c r="B85641" s="14" t="s">
        <v>1</v>
      </c>
      <c r="C85641" s="14" t="s">
        <v>23</v>
      </c>
      <c r="D85641" s="14" t="s">
        <v>431</v>
      </c>
      <c r="E85641" s="15">
        <v>45607</v>
      </c>
      <c r="F85641" s="14" t="s">
        <v>15</v>
      </c>
      <c r="G85641" s="16">
        <v>0</v>
      </c>
    </row>
    <row r="85642" spans="1:7" x14ac:dyDescent="0.3">
      <c r="A85642" s="13" t="s">
        <v>430</v>
      </c>
      <c r="B85642" s="14" t="s">
        <v>1</v>
      </c>
      <c r="C85642" s="14" t="s">
        <v>23</v>
      </c>
      <c r="D85642" s="14" t="s">
        <v>431</v>
      </c>
      <c r="E85642" s="15">
        <v>45608</v>
      </c>
      <c r="F85642" s="14" t="s">
        <v>15</v>
      </c>
      <c r="G85642" s="16">
        <v>0</v>
      </c>
    </row>
    <row r="85643" spans="1:7" x14ac:dyDescent="0.3">
      <c r="A85643" s="13" t="s">
        <v>430</v>
      </c>
      <c r="B85643" s="14" t="s">
        <v>1</v>
      </c>
      <c r="C85643" s="14" t="s">
        <v>23</v>
      </c>
      <c r="D85643" s="14" t="s">
        <v>431</v>
      </c>
      <c r="E85643" s="15">
        <v>45609</v>
      </c>
      <c r="F85643" s="14" t="s">
        <v>15</v>
      </c>
      <c r="G85643" s="16">
        <v>0</v>
      </c>
    </row>
    <row r="85644" spans="1:7" x14ac:dyDescent="0.3">
      <c r="A85644" s="13" t="s">
        <v>430</v>
      </c>
      <c r="B85644" s="14" t="s">
        <v>1</v>
      </c>
      <c r="C85644" s="14" t="s">
        <v>23</v>
      </c>
      <c r="D85644" s="14" t="s">
        <v>431</v>
      </c>
      <c r="E85644" s="15">
        <v>45610</v>
      </c>
      <c r="F85644" s="14" t="s">
        <v>15</v>
      </c>
      <c r="G85644" s="16">
        <v>0</v>
      </c>
    </row>
    <row r="85645" spans="1:7" x14ac:dyDescent="0.3">
      <c r="A85645" s="13" t="s">
        <v>430</v>
      </c>
      <c r="B85645" s="14" t="s">
        <v>1</v>
      </c>
      <c r="C85645" s="14" t="s">
        <v>23</v>
      </c>
      <c r="D85645" s="14" t="s">
        <v>431</v>
      </c>
      <c r="E85645" s="15">
        <v>45611</v>
      </c>
      <c r="F85645" s="14" t="s">
        <v>15</v>
      </c>
      <c r="G85645" s="16">
        <v>0</v>
      </c>
    </row>
    <row r="85646" spans="1:7" x14ac:dyDescent="0.3">
      <c r="A85646" s="13" t="s">
        <v>430</v>
      </c>
      <c r="B85646" s="14" t="s">
        <v>1</v>
      </c>
      <c r="C85646" s="14" t="s">
        <v>23</v>
      </c>
      <c r="D85646" s="14" t="s">
        <v>431</v>
      </c>
      <c r="E85646" s="15">
        <v>45612</v>
      </c>
      <c r="F85646" s="14" t="s">
        <v>15</v>
      </c>
      <c r="G85646" s="16">
        <v>0</v>
      </c>
    </row>
    <row r="85647" spans="1:7" x14ac:dyDescent="0.3">
      <c r="A85647" s="13" t="s">
        <v>430</v>
      </c>
      <c r="B85647" s="14" t="s">
        <v>1</v>
      </c>
      <c r="C85647" s="14" t="s">
        <v>23</v>
      </c>
      <c r="D85647" s="14" t="s">
        <v>431</v>
      </c>
      <c r="E85647" s="15">
        <v>45613</v>
      </c>
      <c r="F85647" s="14" t="s">
        <v>15</v>
      </c>
      <c r="G85647" s="16">
        <v>0</v>
      </c>
    </row>
    <row r="85648" spans="1:7" x14ac:dyDescent="0.3">
      <c r="A85648" s="13" t="s">
        <v>430</v>
      </c>
      <c r="B85648" s="14" t="s">
        <v>1</v>
      </c>
      <c r="C85648" s="14" t="s">
        <v>23</v>
      </c>
      <c r="D85648" s="14" t="s">
        <v>431</v>
      </c>
      <c r="E85648" s="15">
        <v>45614</v>
      </c>
      <c r="F85648" s="14" t="s">
        <v>15</v>
      </c>
      <c r="G85648" s="16">
        <v>0</v>
      </c>
    </row>
    <row r="85649" spans="1:7" x14ac:dyDescent="0.3">
      <c r="A85649" s="13" t="s">
        <v>430</v>
      </c>
      <c r="B85649" s="14" t="s">
        <v>1</v>
      </c>
      <c r="C85649" s="14" t="s">
        <v>23</v>
      </c>
      <c r="D85649" s="14" t="s">
        <v>431</v>
      </c>
      <c r="E85649" s="15">
        <v>45615</v>
      </c>
      <c r="F85649" s="14" t="s">
        <v>15</v>
      </c>
      <c r="G85649" s="16">
        <v>0</v>
      </c>
    </row>
    <row r="85650" spans="1:7" x14ac:dyDescent="0.3">
      <c r="A85650" s="13" t="s">
        <v>430</v>
      </c>
      <c r="B85650" s="14" t="s">
        <v>1</v>
      </c>
      <c r="C85650" s="14" t="s">
        <v>23</v>
      </c>
      <c r="D85650" s="14" t="s">
        <v>431</v>
      </c>
      <c r="E85650" s="15">
        <v>45616</v>
      </c>
      <c r="F85650" s="14" t="s">
        <v>15</v>
      </c>
      <c r="G85650" s="16">
        <v>0</v>
      </c>
    </row>
    <row r="85651" spans="1:7" x14ac:dyDescent="0.3">
      <c r="A85651" s="13" t="s">
        <v>430</v>
      </c>
      <c r="B85651" s="14" t="s">
        <v>1</v>
      </c>
      <c r="C85651" s="14" t="s">
        <v>23</v>
      </c>
      <c r="D85651" s="14" t="s">
        <v>431</v>
      </c>
      <c r="E85651" s="15">
        <v>45617</v>
      </c>
      <c r="F85651" s="14" t="s">
        <v>15</v>
      </c>
      <c r="G85651" s="16">
        <v>0</v>
      </c>
    </row>
    <row r="85652" spans="1:7" x14ac:dyDescent="0.3">
      <c r="A85652" s="13" t="s">
        <v>430</v>
      </c>
      <c r="B85652" s="14" t="s">
        <v>1</v>
      </c>
      <c r="C85652" s="14" t="s">
        <v>23</v>
      </c>
      <c r="D85652" s="14" t="s">
        <v>431</v>
      </c>
      <c r="E85652" s="15">
        <v>45618</v>
      </c>
      <c r="F85652" s="14" t="s">
        <v>15</v>
      </c>
      <c r="G85652" s="16">
        <v>0</v>
      </c>
    </row>
    <row r="85653" spans="1:7" x14ac:dyDescent="0.3">
      <c r="A85653" s="13" t="s">
        <v>430</v>
      </c>
      <c r="B85653" s="14" t="s">
        <v>1</v>
      </c>
      <c r="C85653" s="14" t="s">
        <v>23</v>
      </c>
      <c r="D85653" s="14" t="s">
        <v>431</v>
      </c>
      <c r="E85653" s="15">
        <v>45619</v>
      </c>
      <c r="F85653" s="14" t="s">
        <v>15</v>
      </c>
      <c r="G85653" s="16">
        <v>0</v>
      </c>
    </row>
    <row r="85654" spans="1:7" x14ac:dyDescent="0.3">
      <c r="A85654" s="13" t="s">
        <v>430</v>
      </c>
      <c r="B85654" s="14" t="s">
        <v>1</v>
      </c>
      <c r="C85654" s="14" t="s">
        <v>23</v>
      </c>
      <c r="D85654" s="14" t="s">
        <v>431</v>
      </c>
      <c r="E85654" s="15">
        <v>45620</v>
      </c>
      <c r="F85654" s="14" t="s">
        <v>15</v>
      </c>
      <c r="G85654" s="16">
        <v>0</v>
      </c>
    </row>
    <row r="85655" spans="1:7" x14ac:dyDescent="0.3">
      <c r="A85655" s="13" t="s">
        <v>430</v>
      </c>
      <c r="B85655" s="14" t="s">
        <v>1</v>
      </c>
      <c r="C85655" s="14" t="s">
        <v>23</v>
      </c>
      <c r="D85655" s="14" t="s">
        <v>431</v>
      </c>
      <c r="E85655" s="15">
        <v>45621</v>
      </c>
      <c r="F85655" s="14" t="s">
        <v>15</v>
      </c>
      <c r="G85655" s="16">
        <v>0</v>
      </c>
    </row>
    <row r="85656" spans="1:7" x14ac:dyDescent="0.3">
      <c r="A85656" s="13" t="s">
        <v>430</v>
      </c>
      <c r="B85656" s="14" t="s">
        <v>1</v>
      </c>
      <c r="C85656" s="14" t="s">
        <v>23</v>
      </c>
      <c r="D85656" s="14" t="s">
        <v>431</v>
      </c>
      <c r="E85656" s="15">
        <v>45622</v>
      </c>
      <c r="F85656" s="14" t="s">
        <v>15</v>
      </c>
      <c r="G85656" s="16">
        <v>0</v>
      </c>
    </row>
    <row r="85657" spans="1:7" x14ac:dyDescent="0.3">
      <c r="A85657" s="13" t="s">
        <v>430</v>
      </c>
      <c r="B85657" s="14" t="s">
        <v>1</v>
      </c>
      <c r="C85657" s="14" t="s">
        <v>23</v>
      </c>
      <c r="D85657" s="14" t="s">
        <v>431</v>
      </c>
      <c r="E85657" s="15">
        <v>45623</v>
      </c>
      <c r="F85657" s="14" t="s">
        <v>15</v>
      </c>
      <c r="G85657" s="16">
        <v>0</v>
      </c>
    </row>
    <row r="85658" spans="1:7" x14ac:dyDescent="0.3">
      <c r="A85658" s="13" t="s">
        <v>430</v>
      </c>
      <c r="B85658" s="14" t="s">
        <v>1</v>
      </c>
      <c r="C85658" s="14" t="s">
        <v>23</v>
      </c>
      <c r="D85658" s="14" t="s">
        <v>431</v>
      </c>
      <c r="E85658" s="15">
        <v>45624</v>
      </c>
      <c r="F85658" s="14" t="s">
        <v>15</v>
      </c>
      <c r="G85658" s="16">
        <v>0</v>
      </c>
    </row>
    <row r="85659" spans="1:7" x14ac:dyDescent="0.3">
      <c r="A85659" s="13" t="s">
        <v>430</v>
      </c>
      <c r="B85659" s="14" t="s">
        <v>1</v>
      </c>
      <c r="C85659" s="14" t="s">
        <v>23</v>
      </c>
      <c r="D85659" s="14" t="s">
        <v>431</v>
      </c>
      <c r="E85659" s="15">
        <v>45625</v>
      </c>
      <c r="F85659" s="14" t="s">
        <v>15</v>
      </c>
      <c r="G85659" s="16">
        <v>0</v>
      </c>
    </row>
    <row r="85660" spans="1:7" x14ac:dyDescent="0.3">
      <c r="A85660" s="13" t="s">
        <v>430</v>
      </c>
      <c r="B85660" s="14" t="s">
        <v>1</v>
      </c>
      <c r="C85660" s="14" t="s">
        <v>23</v>
      </c>
      <c r="D85660" s="14" t="s">
        <v>431</v>
      </c>
      <c r="E85660" s="15">
        <v>45626</v>
      </c>
      <c r="F85660" s="14" t="s">
        <v>15</v>
      </c>
      <c r="G85660" s="16">
        <v>0</v>
      </c>
    </row>
    <row r="85661" spans="1:7" x14ac:dyDescent="0.3">
      <c r="A85661" s="13" t="s">
        <v>430</v>
      </c>
      <c r="B85661" s="14" t="s">
        <v>1</v>
      </c>
      <c r="C85661" s="14" t="s">
        <v>23</v>
      </c>
      <c r="D85661" s="14" t="s">
        <v>431</v>
      </c>
      <c r="E85661" s="15">
        <v>45627</v>
      </c>
      <c r="F85661" s="14" t="s">
        <v>15</v>
      </c>
      <c r="G85661" s="16">
        <v>0</v>
      </c>
    </row>
    <row r="85662" spans="1:7" x14ac:dyDescent="0.3">
      <c r="A85662" s="13" t="s">
        <v>430</v>
      </c>
      <c r="B85662" s="14" t="s">
        <v>1</v>
      </c>
      <c r="C85662" s="14" t="s">
        <v>23</v>
      </c>
      <c r="D85662" s="14" t="s">
        <v>431</v>
      </c>
      <c r="E85662" s="15">
        <v>45628</v>
      </c>
      <c r="F85662" s="14" t="s">
        <v>15</v>
      </c>
      <c r="G85662" s="16">
        <v>0</v>
      </c>
    </row>
    <row r="85663" spans="1:7" x14ac:dyDescent="0.3">
      <c r="A85663" s="13" t="s">
        <v>430</v>
      </c>
      <c r="B85663" s="14" t="s">
        <v>1</v>
      </c>
      <c r="C85663" s="14" t="s">
        <v>23</v>
      </c>
      <c r="D85663" s="14" t="s">
        <v>431</v>
      </c>
      <c r="E85663" s="15">
        <v>45629</v>
      </c>
      <c r="F85663" s="14" t="s">
        <v>15</v>
      </c>
      <c r="G85663" s="16">
        <v>0</v>
      </c>
    </row>
    <row r="85664" spans="1:7" x14ac:dyDescent="0.3">
      <c r="A85664" s="13" t="s">
        <v>430</v>
      </c>
      <c r="B85664" s="14" t="s">
        <v>1</v>
      </c>
      <c r="C85664" s="14" t="s">
        <v>23</v>
      </c>
      <c r="D85664" s="14" t="s">
        <v>431</v>
      </c>
      <c r="E85664" s="15">
        <v>45630</v>
      </c>
      <c r="F85664" s="14" t="s">
        <v>15</v>
      </c>
      <c r="G85664" s="16">
        <v>0</v>
      </c>
    </row>
    <row r="85665" spans="1:7" x14ac:dyDescent="0.3">
      <c r="A85665" s="13" t="s">
        <v>430</v>
      </c>
      <c r="B85665" s="14" t="s">
        <v>1</v>
      </c>
      <c r="C85665" s="14" t="s">
        <v>23</v>
      </c>
      <c r="D85665" s="14" t="s">
        <v>431</v>
      </c>
      <c r="E85665" s="15">
        <v>45631</v>
      </c>
      <c r="F85665" s="14" t="s">
        <v>15</v>
      </c>
      <c r="G85665" s="16">
        <v>0</v>
      </c>
    </row>
    <row r="85666" spans="1:7" x14ac:dyDescent="0.3">
      <c r="A85666" s="13" t="s">
        <v>430</v>
      </c>
      <c r="B85666" s="14" t="s">
        <v>1</v>
      </c>
      <c r="C85666" s="14" t="s">
        <v>23</v>
      </c>
      <c r="D85666" s="14" t="s">
        <v>431</v>
      </c>
      <c r="E85666" s="15">
        <v>45632</v>
      </c>
      <c r="F85666" s="14" t="s">
        <v>15</v>
      </c>
      <c r="G85666" s="16">
        <v>0</v>
      </c>
    </row>
    <row r="85667" spans="1:7" x14ac:dyDescent="0.3">
      <c r="A85667" s="13" t="s">
        <v>430</v>
      </c>
      <c r="B85667" s="14" t="s">
        <v>1</v>
      </c>
      <c r="C85667" s="14" t="s">
        <v>23</v>
      </c>
      <c r="D85667" s="14" t="s">
        <v>431</v>
      </c>
      <c r="E85667" s="15">
        <v>45633</v>
      </c>
      <c r="F85667" s="14" t="s">
        <v>15</v>
      </c>
      <c r="G85667" s="16">
        <v>0</v>
      </c>
    </row>
    <row r="85668" spans="1:7" x14ac:dyDescent="0.3">
      <c r="A85668" s="13" t="s">
        <v>430</v>
      </c>
      <c r="B85668" s="14" t="s">
        <v>1</v>
      </c>
      <c r="C85668" s="14" t="s">
        <v>23</v>
      </c>
      <c r="D85668" s="14" t="s">
        <v>431</v>
      </c>
      <c r="E85668" s="15">
        <v>45634</v>
      </c>
      <c r="F85668" s="14" t="s">
        <v>15</v>
      </c>
      <c r="G85668" s="16">
        <v>0</v>
      </c>
    </row>
    <row r="85669" spans="1:7" x14ac:dyDescent="0.3">
      <c r="A85669" s="13" t="s">
        <v>430</v>
      </c>
      <c r="B85669" s="14" t="s">
        <v>1</v>
      </c>
      <c r="C85669" s="14" t="s">
        <v>23</v>
      </c>
      <c r="D85669" s="14" t="s">
        <v>431</v>
      </c>
      <c r="E85669" s="15">
        <v>45635</v>
      </c>
      <c r="F85669" s="14" t="s">
        <v>15</v>
      </c>
      <c r="G85669" s="16">
        <v>0</v>
      </c>
    </row>
    <row r="85670" spans="1:7" x14ac:dyDescent="0.3">
      <c r="A85670" s="13" t="s">
        <v>430</v>
      </c>
      <c r="B85670" s="14" t="s">
        <v>1</v>
      </c>
      <c r="C85670" s="14" t="s">
        <v>23</v>
      </c>
      <c r="D85670" s="14" t="s">
        <v>431</v>
      </c>
      <c r="E85670" s="15">
        <v>45636</v>
      </c>
      <c r="F85670" s="14" t="s">
        <v>15</v>
      </c>
      <c r="G85670" s="16">
        <v>0</v>
      </c>
    </row>
    <row r="85671" spans="1:7" x14ac:dyDescent="0.3">
      <c r="A85671" s="13" t="s">
        <v>430</v>
      </c>
      <c r="B85671" s="14" t="s">
        <v>1</v>
      </c>
      <c r="C85671" s="14" t="s">
        <v>23</v>
      </c>
      <c r="D85671" s="14" t="s">
        <v>431</v>
      </c>
      <c r="E85671" s="15">
        <v>45637</v>
      </c>
      <c r="F85671" s="14" t="s">
        <v>15</v>
      </c>
      <c r="G85671" s="16">
        <v>0</v>
      </c>
    </row>
    <row r="85672" spans="1:7" x14ac:dyDescent="0.3">
      <c r="A85672" s="13" t="s">
        <v>430</v>
      </c>
      <c r="B85672" s="14" t="s">
        <v>1</v>
      </c>
      <c r="C85672" s="14" t="s">
        <v>23</v>
      </c>
      <c r="D85672" s="14" t="s">
        <v>431</v>
      </c>
      <c r="E85672" s="15">
        <v>45638</v>
      </c>
      <c r="F85672" s="14" t="s">
        <v>15</v>
      </c>
      <c r="G85672" s="16">
        <v>0</v>
      </c>
    </row>
    <row r="85673" spans="1:7" x14ac:dyDescent="0.3">
      <c r="A85673" s="13" t="s">
        <v>430</v>
      </c>
      <c r="B85673" s="14" t="s">
        <v>1</v>
      </c>
      <c r="C85673" s="14" t="s">
        <v>23</v>
      </c>
      <c r="D85673" s="14" t="s">
        <v>431</v>
      </c>
      <c r="E85673" s="15">
        <v>45639</v>
      </c>
      <c r="F85673" s="14" t="s">
        <v>15</v>
      </c>
      <c r="G85673" s="16">
        <v>0</v>
      </c>
    </row>
    <row r="85674" spans="1:7" x14ac:dyDescent="0.3">
      <c r="A85674" s="13" t="s">
        <v>430</v>
      </c>
      <c r="B85674" s="14" t="s">
        <v>1</v>
      </c>
      <c r="C85674" s="14" t="s">
        <v>23</v>
      </c>
      <c r="D85674" s="14" t="s">
        <v>431</v>
      </c>
      <c r="E85674" s="15">
        <v>45640</v>
      </c>
      <c r="F85674" s="14" t="s">
        <v>15</v>
      </c>
      <c r="G85674" s="16">
        <v>0</v>
      </c>
    </row>
    <row r="85675" spans="1:7" x14ac:dyDescent="0.3">
      <c r="A85675" s="13" t="s">
        <v>430</v>
      </c>
      <c r="B85675" s="14" t="s">
        <v>1</v>
      </c>
      <c r="C85675" s="14" t="s">
        <v>23</v>
      </c>
      <c r="D85675" s="14" t="s">
        <v>431</v>
      </c>
      <c r="E85675" s="15">
        <v>45641</v>
      </c>
      <c r="F85675" s="14" t="s">
        <v>15</v>
      </c>
      <c r="G85675" s="16">
        <v>0</v>
      </c>
    </row>
    <row r="85676" spans="1:7" x14ac:dyDescent="0.3">
      <c r="A85676" s="13" t="s">
        <v>430</v>
      </c>
      <c r="B85676" s="14" t="s">
        <v>1</v>
      </c>
      <c r="C85676" s="14" t="s">
        <v>23</v>
      </c>
      <c r="D85676" s="14" t="s">
        <v>431</v>
      </c>
      <c r="E85676" s="15">
        <v>45642</v>
      </c>
      <c r="F85676" s="14" t="s">
        <v>15</v>
      </c>
      <c r="G85676" s="16">
        <v>0</v>
      </c>
    </row>
    <row r="85677" spans="1:7" x14ac:dyDescent="0.3">
      <c r="A85677" s="13" t="s">
        <v>430</v>
      </c>
      <c r="B85677" s="14" t="s">
        <v>1</v>
      </c>
      <c r="C85677" s="14" t="s">
        <v>23</v>
      </c>
      <c r="D85677" s="14" t="s">
        <v>431</v>
      </c>
      <c r="E85677" s="15">
        <v>45643</v>
      </c>
      <c r="F85677" s="14" t="s">
        <v>15</v>
      </c>
      <c r="G85677" s="16">
        <v>0</v>
      </c>
    </row>
    <row r="85678" spans="1:7" x14ac:dyDescent="0.3">
      <c r="A85678" s="13" t="s">
        <v>430</v>
      </c>
      <c r="B85678" s="14" t="s">
        <v>1</v>
      </c>
      <c r="C85678" s="14" t="s">
        <v>23</v>
      </c>
      <c r="D85678" s="14" t="s">
        <v>431</v>
      </c>
      <c r="E85678" s="15">
        <v>45644</v>
      </c>
      <c r="F85678" s="14" t="s">
        <v>15</v>
      </c>
      <c r="G85678" s="16">
        <v>0</v>
      </c>
    </row>
    <row r="85679" spans="1:7" x14ac:dyDescent="0.3">
      <c r="A85679" s="13" t="s">
        <v>430</v>
      </c>
      <c r="B85679" s="14" t="s">
        <v>1</v>
      </c>
      <c r="C85679" s="14" t="s">
        <v>23</v>
      </c>
      <c r="D85679" s="14" t="s">
        <v>431</v>
      </c>
      <c r="E85679" s="15">
        <v>45645</v>
      </c>
      <c r="F85679" s="14" t="s">
        <v>15</v>
      </c>
      <c r="G85679" s="16">
        <v>0</v>
      </c>
    </row>
    <row r="85680" spans="1:7" x14ac:dyDescent="0.3">
      <c r="A85680" s="13" t="s">
        <v>430</v>
      </c>
      <c r="B85680" s="14" t="s">
        <v>1</v>
      </c>
      <c r="C85680" s="14" t="s">
        <v>23</v>
      </c>
      <c r="D85680" s="14" t="s">
        <v>431</v>
      </c>
      <c r="E85680" s="15">
        <v>45646</v>
      </c>
      <c r="F85680" s="14" t="s">
        <v>15</v>
      </c>
      <c r="G85680" s="16">
        <v>0</v>
      </c>
    </row>
    <row r="85681" spans="1:7" x14ac:dyDescent="0.3">
      <c r="A85681" s="13" t="s">
        <v>430</v>
      </c>
      <c r="B85681" s="14" t="s">
        <v>1</v>
      </c>
      <c r="C85681" s="14" t="s">
        <v>23</v>
      </c>
      <c r="D85681" s="14" t="s">
        <v>431</v>
      </c>
      <c r="E85681" s="15">
        <v>45647</v>
      </c>
      <c r="F85681" s="14" t="s">
        <v>15</v>
      </c>
      <c r="G85681" s="16">
        <v>0</v>
      </c>
    </row>
    <row r="85682" spans="1:7" x14ac:dyDescent="0.3">
      <c r="A85682" s="13" t="s">
        <v>430</v>
      </c>
      <c r="B85682" s="14" t="s">
        <v>1</v>
      </c>
      <c r="C85682" s="14" t="s">
        <v>23</v>
      </c>
      <c r="D85682" s="14" t="s">
        <v>431</v>
      </c>
      <c r="E85682" s="15">
        <v>45648</v>
      </c>
      <c r="F85682" s="14" t="s">
        <v>15</v>
      </c>
      <c r="G85682" s="16">
        <v>0</v>
      </c>
    </row>
    <row r="85683" spans="1:7" x14ac:dyDescent="0.3">
      <c r="A85683" s="13" t="s">
        <v>430</v>
      </c>
      <c r="B85683" s="14" t="s">
        <v>1</v>
      </c>
      <c r="C85683" s="14" t="s">
        <v>23</v>
      </c>
      <c r="D85683" s="14" t="s">
        <v>431</v>
      </c>
      <c r="E85683" s="15">
        <v>45649</v>
      </c>
      <c r="F85683" s="14" t="s">
        <v>15</v>
      </c>
      <c r="G85683" s="16">
        <v>0</v>
      </c>
    </row>
    <row r="85684" spans="1:7" x14ac:dyDescent="0.3">
      <c r="A85684" s="13" t="s">
        <v>430</v>
      </c>
      <c r="B85684" s="14" t="s">
        <v>1</v>
      </c>
      <c r="C85684" s="14" t="s">
        <v>23</v>
      </c>
      <c r="D85684" s="14" t="s">
        <v>431</v>
      </c>
      <c r="E85684" s="15">
        <v>45650</v>
      </c>
      <c r="F85684" s="14" t="s">
        <v>15</v>
      </c>
      <c r="G85684" s="16">
        <v>0</v>
      </c>
    </row>
    <row r="85685" spans="1:7" x14ac:dyDescent="0.3">
      <c r="A85685" s="13" t="s">
        <v>430</v>
      </c>
      <c r="B85685" s="14" t="s">
        <v>1</v>
      </c>
      <c r="C85685" s="14" t="s">
        <v>23</v>
      </c>
      <c r="D85685" s="14" t="s">
        <v>431</v>
      </c>
      <c r="E85685" s="15">
        <v>45651</v>
      </c>
      <c r="F85685" s="14" t="s">
        <v>15</v>
      </c>
      <c r="G85685" s="16">
        <v>0</v>
      </c>
    </row>
    <row r="85686" spans="1:7" x14ac:dyDescent="0.3">
      <c r="A85686" s="13" t="s">
        <v>430</v>
      </c>
      <c r="B85686" s="14" t="s">
        <v>1</v>
      </c>
      <c r="C85686" s="14" t="s">
        <v>23</v>
      </c>
      <c r="D85686" s="14" t="s">
        <v>431</v>
      </c>
      <c r="E85686" s="15">
        <v>45652</v>
      </c>
      <c r="F85686" s="14" t="s">
        <v>15</v>
      </c>
      <c r="G85686" s="16">
        <v>0</v>
      </c>
    </row>
    <row r="85687" spans="1:7" x14ac:dyDescent="0.3">
      <c r="A85687" s="13" t="s">
        <v>430</v>
      </c>
      <c r="B85687" s="14" t="s">
        <v>1</v>
      </c>
      <c r="C85687" s="14" t="s">
        <v>23</v>
      </c>
      <c r="D85687" s="14" t="s">
        <v>431</v>
      </c>
      <c r="E85687" s="15">
        <v>45653</v>
      </c>
      <c r="F85687" s="14" t="s">
        <v>15</v>
      </c>
      <c r="G85687" s="16">
        <v>0</v>
      </c>
    </row>
    <row r="85688" spans="1:7" x14ac:dyDescent="0.3">
      <c r="A85688" s="13" t="s">
        <v>430</v>
      </c>
      <c r="B85688" s="14" t="s">
        <v>1</v>
      </c>
      <c r="C85688" s="14" t="s">
        <v>23</v>
      </c>
      <c r="D85688" s="14" t="s">
        <v>431</v>
      </c>
      <c r="E85688" s="15">
        <v>45654</v>
      </c>
      <c r="F85688" s="14" t="s">
        <v>15</v>
      </c>
      <c r="G85688" s="16">
        <v>0</v>
      </c>
    </row>
    <row r="85689" spans="1:7" x14ac:dyDescent="0.3">
      <c r="A85689" s="13" t="s">
        <v>430</v>
      </c>
      <c r="B85689" s="14" t="s">
        <v>1</v>
      </c>
      <c r="C85689" s="14" t="s">
        <v>23</v>
      </c>
      <c r="D85689" s="14" t="s">
        <v>431</v>
      </c>
      <c r="E85689" s="15">
        <v>45655</v>
      </c>
      <c r="F85689" s="14" t="s">
        <v>15</v>
      </c>
      <c r="G85689" s="16">
        <v>0</v>
      </c>
    </row>
    <row r="85690" spans="1:7" x14ac:dyDescent="0.3">
      <c r="A85690" s="13" t="s">
        <v>430</v>
      </c>
      <c r="B85690" s="14" t="s">
        <v>1</v>
      </c>
      <c r="C85690" s="14" t="s">
        <v>23</v>
      </c>
      <c r="D85690" s="14" t="s">
        <v>431</v>
      </c>
      <c r="E85690" s="15">
        <v>45656</v>
      </c>
      <c r="F85690" s="14" t="s">
        <v>15</v>
      </c>
      <c r="G85690" s="16">
        <v>0</v>
      </c>
    </row>
    <row r="85691" spans="1:7" x14ac:dyDescent="0.3">
      <c r="A85691" s="13" t="s">
        <v>430</v>
      </c>
      <c r="B85691" s="14" t="s">
        <v>1</v>
      </c>
      <c r="C85691" s="14" t="s">
        <v>23</v>
      </c>
      <c r="D85691" s="14" t="s">
        <v>431</v>
      </c>
      <c r="E85691" s="15">
        <v>45657</v>
      </c>
      <c r="F85691" s="14" t="s">
        <v>15</v>
      </c>
      <c r="G85691" s="16">
        <v>0</v>
      </c>
    </row>
    <row r="85692" spans="1:7" x14ac:dyDescent="0.3">
      <c r="A85692" s="13" t="s">
        <v>430</v>
      </c>
      <c r="B85692" s="14" t="s">
        <v>1</v>
      </c>
      <c r="C85692" s="14" t="s">
        <v>23</v>
      </c>
      <c r="D85692" s="14" t="s">
        <v>431</v>
      </c>
      <c r="E85692" s="15">
        <v>45658</v>
      </c>
      <c r="F85692" s="14" t="s">
        <v>15</v>
      </c>
      <c r="G85692" s="16">
        <v>0</v>
      </c>
    </row>
    <row r="85693" spans="1:7" x14ac:dyDescent="0.3">
      <c r="A85693" s="13" t="s">
        <v>430</v>
      </c>
      <c r="B85693" s="14" t="s">
        <v>1</v>
      </c>
      <c r="C85693" s="14" t="s">
        <v>23</v>
      </c>
      <c r="D85693" s="14" t="s">
        <v>431</v>
      </c>
      <c r="E85693" s="15">
        <v>45659</v>
      </c>
      <c r="F85693" s="14" t="s">
        <v>15</v>
      </c>
      <c r="G85693" s="16">
        <v>0</v>
      </c>
    </row>
    <row r="85694" spans="1:7" x14ac:dyDescent="0.3">
      <c r="A85694" s="13" t="s">
        <v>430</v>
      </c>
      <c r="B85694" s="14" t="s">
        <v>1</v>
      </c>
      <c r="C85694" s="14" t="s">
        <v>23</v>
      </c>
      <c r="D85694" s="14" t="s">
        <v>431</v>
      </c>
      <c r="E85694" s="15">
        <v>45660</v>
      </c>
      <c r="F85694" s="14" t="s">
        <v>15</v>
      </c>
      <c r="G85694" s="16">
        <v>0</v>
      </c>
    </row>
    <row r="85695" spans="1:7" x14ac:dyDescent="0.3">
      <c r="A85695" s="13" t="s">
        <v>430</v>
      </c>
      <c r="B85695" s="14" t="s">
        <v>1</v>
      </c>
      <c r="C85695" s="14" t="s">
        <v>23</v>
      </c>
      <c r="D85695" s="14" t="s">
        <v>431</v>
      </c>
      <c r="E85695" s="15">
        <v>45661</v>
      </c>
      <c r="F85695" s="14" t="s">
        <v>15</v>
      </c>
      <c r="G85695" s="16">
        <v>0</v>
      </c>
    </row>
    <row r="85696" spans="1:7" x14ac:dyDescent="0.3">
      <c r="A85696" s="13" t="s">
        <v>430</v>
      </c>
      <c r="B85696" s="14" t="s">
        <v>1</v>
      </c>
      <c r="C85696" s="14" t="s">
        <v>23</v>
      </c>
      <c r="D85696" s="14" t="s">
        <v>431</v>
      </c>
      <c r="E85696" s="15">
        <v>45662</v>
      </c>
      <c r="F85696" s="14" t="s">
        <v>15</v>
      </c>
      <c r="G85696" s="16">
        <v>0</v>
      </c>
    </row>
    <row r="85697" spans="1:7" x14ac:dyDescent="0.3">
      <c r="A85697" s="13" t="s">
        <v>430</v>
      </c>
      <c r="B85697" s="14" t="s">
        <v>1</v>
      </c>
      <c r="C85697" s="14" t="s">
        <v>23</v>
      </c>
      <c r="D85697" s="14" t="s">
        <v>431</v>
      </c>
      <c r="E85697" s="15">
        <v>45663</v>
      </c>
      <c r="F85697" s="14" t="s">
        <v>15</v>
      </c>
      <c r="G85697" s="16">
        <v>0</v>
      </c>
    </row>
    <row r="85698" spans="1:7" x14ac:dyDescent="0.3">
      <c r="A85698" s="13" t="s">
        <v>430</v>
      </c>
      <c r="B85698" s="14" t="s">
        <v>1</v>
      </c>
      <c r="C85698" s="14" t="s">
        <v>23</v>
      </c>
      <c r="D85698" s="14" t="s">
        <v>431</v>
      </c>
      <c r="E85698" s="15">
        <v>45664</v>
      </c>
      <c r="F85698" s="14" t="s">
        <v>15</v>
      </c>
      <c r="G85698" s="16">
        <v>0</v>
      </c>
    </row>
    <row r="85699" spans="1:7" x14ac:dyDescent="0.3">
      <c r="A85699" s="13" t="s">
        <v>430</v>
      </c>
      <c r="B85699" s="14" t="s">
        <v>1</v>
      </c>
      <c r="C85699" s="14" t="s">
        <v>23</v>
      </c>
      <c r="D85699" s="14" t="s">
        <v>431</v>
      </c>
      <c r="E85699" s="15">
        <v>45665</v>
      </c>
      <c r="F85699" s="14" t="s">
        <v>15</v>
      </c>
      <c r="G85699" s="16">
        <v>0</v>
      </c>
    </row>
    <row r="85700" spans="1:7" x14ac:dyDescent="0.3">
      <c r="A85700" s="13" t="s">
        <v>430</v>
      </c>
      <c r="B85700" s="14" t="s">
        <v>1</v>
      </c>
      <c r="C85700" s="14" t="s">
        <v>23</v>
      </c>
      <c r="D85700" s="14" t="s">
        <v>431</v>
      </c>
      <c r="E85700" s="15">
        <v>45666</v>
      </c>
      <c r="F85700" s="14" t="s">
        <v>15</v>
      </c>
      <c r="G85700" s="16">
        <v>0</v>
      </c>
    </row>
    <row r="85701" spans="1:7" x14ac:dyDescent="0.3">
      <c r="A85701" s="13" t="s">
        <v>430</v>
      </c>
      <c r="B85701" s="14" t="s">
        <v>1</v>
      </c>
      <c r="C85701" s="14" t="s">
        <v>23</v>
      </c>
      <c r="D85701" s="14" t="s">
        <v>431</v>
      </c>
      <c r="E85701" s="15">
        <v>45667</v>
      </c>
      <c r="F85701" s="14" t="s">
        <v>15</v>
      </c>
      <c r="G85701" s="16">
        <v>0</v>
      </c>
    </row>
    <row r="85702" spans="1:7" x14ac:dyDescent="0.3">
      <c r="A85702" s="13" t="s">
        <v>430</v>
      </c>
      <c r="B85702" s="14" t="s">
        <v>1</v>
      </c>
      <c r="C85702" s="14" t="s">
        <v>23</v>
      </c>
      <c r="D85702" s="14" t="s">
        <v>431</v>
      </c>
      <c r="E85702" s="15">
        <v>45668</v>
      </c>
      <c r="F85702" s="14" t="s">
        <v>15</v>
      </c>
      <c r="G85702" s="16">
        <v>0</v>
      </c>
    </row>
    <row r="85703" spans="1:7" x14ac:dyDescent="0.3">
      <c r="A85703" s="13" t="s">
        <v>430</v>
      </c>
      <c r="B85703" s="14" t="s">
        <v>1</v>
      </c>
      <c r="C85703" s="14" t="s">
        <v>23</v>
      </c>
      <c r="D85703" s="14" t="s">
        <v>431</v>
      </c>
      <c r="E85703" s="15">
        <v>45669</v>
      </c>
      <c r="F85703" s="14" t="s">
        <v>15</v>
      </c>
      <c r="G85703" s="16">
        <v>0</v>
      </c>
    </row>
    <row r="85704" spans="1:7" x14ac:dyDescent="0.3">
      <c r="A85704" s="13" t="s">
        <v>430</v>
      </c>
      <c r="B85704" s="14" t="s">
        <v>1</v>
      </c>
      <c r="C85704" s="14" t="s">
        <v>23</v>
      </c>
      <c r="D85704" s="14" t="s">
        <v>431</v>
      </c>
      <c r="E85704" s="15">
        <v>45670</v>
      </c>
      <c r="F85704" s="14" t="s">
        <v>15</v>
      </c>
      <c r="G85704" s="16">
        <v>0</v>
      </c>
    </row>
    <row r="85705" spans="1:7" x14ac:dyDescent="0.3">
      <c r="A85705" s="13" t="s">
        <v>430</v>
      </c>
      <c r="B85705" s="14" t="s">
        <v>1</v>
      </c>
      <c r="C85705" s="14" t="s">
        <v>23</v>
      </c>
      <c r="D85705" s="14" t="s">
        <v>431</v>
      </c>
      <c r="E85705" s="15">
        <v>45671</v>
      </c>
      <c r="F85705" s="14" t="s">
        <v>15</v>
      </c>
      <c r="G85705" s="16">
        <v>0</v>
      </c>
    </row>
    <row r="85706" spans="1:7" x14ac:dyDescent="0.3">
      <c r="A85706" s="13" t="s">
        <v>430</v>
      </c>
      <c r="B85706" s="14" t="s">
        <v>1</v>
      </c>
      <c r="C85706" s="14" t="s">
        <v>23</v>
      </c>
      <c r="D85706" s="14" t="s">
        <v>431</v>
      </c>
      <c r="E85706" s="15">
        <v>45672</v>
      </c>
      <c r="F85706" s="14" t="s">
        <v>15</v>
      </c>
      <c r="G85706" s="16">
        <v>0</v>
      </c>
    </row>
    <row r="85707" spans="1:7" x14ac:dyDescent="0.3">
      <c r="A85707" s="13" t="s">
        <v>430</v>
      </c>
      <c r="B85707" s="14" t="s">
        <v>1</v>
      </c>
      <c r="C85707" s="14" t="s">
        <v>23</v>
      </c>
      <c r="D85707" s="14" t="s">
        <v>431</v>
      </c>
      <c r="E85707" s="15">
        <v>45673</v>
      </c>
      <c r="F85707" s="14" t="s">
        <v>15</v>
      </c>
      <c r="G85707" s="16">
        <v>0</v>
      </c>
    </row>
    <row r="85708" spans="1:7" x14ac:dyDescent="0.3">
      <c r="A85708" s="13" t="s">
        <v>430</v>
      </c>
      <c r="B85708" s="14" t="s">
        <v>1</v>
      </c>
      <c r="C85708" s="14" t="s">
        <v>23</v>
      </c>
      <c r="D85708" s="14" t="s">
        <v>431</v>
      </c>
      <c r="E85708" s="15">
        <v>45674</v>
      </c>
      <c r="F85708" s="14" t="s">
        <v>15</v>
      </c>
      <c r="G85708" s="16">
        <v>0</v>
      </c>
    </row>
    <row r="85709" spans="1:7" x14ac:dyDescent="0.3">
      <c r="A85709" s="13" t="s">
        <v>430</v>
      </c>
      <c r="B85709" s="14" t="s">
        <v>1</v>
      </c>
      <c r="C85709" s="14" t="s">
        <v>23</v>
      </c>
      <c r="D85709" s="14" t="s">
        <v>431</v>
      </c>
      <c r="E85709" s="15">
        <v>45675</v>
      </c>
      <c r="F85709" s="14" t="s">
        <v>15</v>
      </c>
      <c r="G85709" s="16">
        <v>0</v>
      </c>
    </row>
    <row r="85710" spans="1:7" x14ac:dyDescent="0.3">
      <c r="A85710" s="13" t="s">
        <v>430</v>
      </c>
      <c r="B85710" s="14" t="s">
        <v>1</v>
      </c>
      <c r="C85710" s="14" t="s">
        <v>23</v>
      </c>
      <c r="D85710" s="14" t="s">
        <v>431</v>
      </c>
      <c r="E85710" s="15">
        <v>45676</v>
      </c>
      <c r="F85710" s="14" t="s">
        <v>15</v>
      </c>
      <c r="G85710" s="16">
        <v>0</v>
      </c>
    </row>
    <row r="85711" spans="1:7" x14ac:dyDescent="0.3">
      <c r="A85711" s="13" t="s">
        <v>430</v>
      </c>
      <c r="B85711" s="14" t="s">
        <v>1</v>
      </c>
      <c r="C85711" s="14" t="s">
        <v>23</v>
      </c>
      <c r="D85711" s="14" t="s">
        <v>431</v>
      </c>
      <c r="E85711" s="15">
        <v>45677</v>
      </c>
      <c r="F85711" s="14" t="s">
        <v>15</v>
      </c>
      <c r="G85711" s="16">
        <v>0</v>
      </c>
    </row>
    <row r="85712" spans="1:7" x14ac:dyDescent="0.3">
      <c r="A85712" s="13" t="s">
        <v>430</v>
      </c>
      <c r="B85712" s="14" t="s">
        <v>1</v>
      </c>
      <c r="C85712" s="14" t="s">
        <v>23</v>
      </c>
      <c r="D85712" s="14" t="s">
        <v>431</v>
      </c>
      <c r="E85712" s="15">
        <v>45678</v>
      </c>
      <c r="F85712" s="14" t="s">
        <v>15</v>
      </c>
      <c r="G85712" s="16">
        <v>0</v>
      </c>
    </row>
    <row r="85713" spans="1:7" x14ac:dyDescent="0.3">
      <c r="A85713" s="13" t="s">
        <v>430</v>
      </c>
      <c r="B85713" s="14" t="s">
        <v>1</v>
      </c>
      <c r="C85713" s="14" t="s">
        <v>23</v>
      </c>
      <c r="D85713" s="14" t="s">
        <v>431</v>
      </c>
      <c r="E85713" s="15">
        <v>45679</v>
      </c>
      <c r="F85713" s="14" t="s">
        <v>15</v>
      </c>
      <c r="G85713" s="16">
        <v>0</v>
      </c>
    </row>
    <row r="85714" spans="1:7" x14ac:dyDescent="0.3">
      <c r="A85714" s="13" t="s">
        <v>430</v>
      </c>
      <c r="B85714" s="14" t="s">
        <v>1</v>
      </c>
      <c r="C85714" s="14" t="s">
        <v>23</v>
      </c>
      <c r="D85714" s="14" t="s">
        <v>431</v>
      </c>
      <c r="E85714" s="15">
        <v>45680</v>
      </c>
      <c r="F85714" s="14" t="s">
        <v>15</v>
      </c>
      <c r="G85714" s="16">
        <v>0</v>
      </c>
    </row>
    <row r="85715" spans="1:7" x14ac:dyDescent="0.3">
      <c r="A85715" s="13" t="s">
        <v>430</v>
      </c>
      <c r="B85715" s="14" t="s">
        <v>1</v>
      </c>
      <c r="C85715" s="14" t="s">
        <v>23</v>
      </c>
      <c r="D85715" s="14" t="s">
        <v>431</v>
      </c>
      <c r="E85715" s="15">
        <v>45681</v>
      </c>
      <c r="F85715" s="14" t="s">
        <v>15</v>
      </c>
      <c r="G85715" s="16">
        <v>0</v>
      </c>
    </row>
    <row r="85716" spans="1:7" x14ac:dyDescent="0.3">
      <c r="A85716" s="13" t="s">
        <v>430</v>
      </c>
      <c r="B85716" s="14" t="s">
        <v>1</v>
      </c>
      <c r="C85716" s="14" t="s">
        <v>23</v>
      </c>
      <c r="D85716" s="14" t="s">
        <v>431</v>
      </c>
      <c r="E85716" s="15">
        <v>45682</v>
      </c>
      <c r="F85716" s="14" t="s">
        <v>15</v>
      </c>
      <c r="G85716" s="16">
        <v>0</v>
      </c>
    </row>
    <row r="85717" spans="1:7" x14ac:dyDescent="0.3">
      <c r="A85717" s="13" t="s">
        <v>430</v>
      </c>
      <c r="B85717" s="14" t="s">
        <v>1</v>
      </c>
      <c r="C85717" s="14" t="s">
        <v>23</v>
      </c>
      <c r="D85717" s="14" t="s">
        <v>431</v>
      </c>
      <c r="E85717" s="15">
        <v>45683</v>
      </c>
      <c r="F85717" s="14" t="s">
        <v>15</v>
      </c>
      <c r="G85717" s="16">
        <v>0</v>
      </c>
    </row>
    <row r="85718" spans="1:7" x14ac:dyDescent="0.3">
      <c r="A85718" s="13" t="s">
        <v>430</v>
      </c>
      <c r="B85718" s="14" t="s">
        <v>1</v>
      </c>
      <c r="C85718" s="14" t="s">
        <v>23</v>
      </c>
      <c r="D85718" s="14" t="s">
        <v>431</v>
      </c>
      <c r="E85718" s="15">
        <v>45684</v>
      </c>
      <c r="F85718" s="14" t="s">
        <v>15</v>
      </c>
      <c r="G85718" s="16">
        <v>0</v>
      </c>
    </row>
    <row r="85719" spans="1:7" x14ac:dyDescent="0.3">
      <c r="A85719" s="13" t="s">
        <v>430</v>
      </c>
      <c r="B85719" s="14" t="s">
        <v>1</v>
      </c>
      <c r="C85719" s="14" t="s">
        <v>23</v>
      </c>
      <c r="D85719" s="14" t="s">
        <v>431</v>
      </c>
      <c r="E85719" s="15">
        <v>45685</v>
      </c>
      <c r="F85719" s="14" t="s">
        <v>15</v>
      </c>
      <c r="G85719" s="16">
        <v>0</v>
      </c>
    </row>
    <row r="85720" spans="1:7" x14ac:dyDescent="0.3">
      <c r="A85720" s="13" t="s">
        <v>430</v>
      </c>
      <c r="B85720" s="14" t="s">
        <v>1</v>
      </c>
      <c r="C85720" s="14" t="s">
        <v>23</v>
      </c>
      <c r="D85720" s="14" t="s">
        <v>431</v>
      </c>
      <c r="E85720" s="15">
        <v>45686</v>
      </c>
      <c r="F85720" s="14" t="s">
        <v>15</v>
      </c>
      <c r="G85720" s="16">
        <v>0</v>
      </c>
    </row>
    <row r="85721" spans="1:7" x14ac:dyDescent="0.3">
      <c r="A85721" s="13" t="s">
        <v>430</v>
      </c>
      <c r="B85721" s="14" t="s">
        <v>1</v>
      </c>
      <c r="C85721" s="14" t="s">
        <v>23</v>
      </c>
      <c r="D85721" s="14" t="s">
        <v>431</v>
      </c>
      <c r="E85721" s="15">
        <v>45687</v>
      </c>
      <c r="F85721" s="14" t="s">
        <v>15</v>
      </c>
      <c r="G85721" s="16">
        <v>0</v>
      </c>
    </row>
    <row r="85722" spans="1:7" x14ac:dyDescent="0.3">
      <c r="A85722" s="13" t="s">
        <v>430</v>
      </c>
      <c r="B85722" s="14" t="s">
        <v>1</v>
      </c>
      <c r="C85722" s="14" t="s">
        <v>23</v>
      </c>
      <c r="D85722" s="14" t="s">
        <v>431</v>
      </c>
      <c r="E85722" s="15">
        <v>45688</v>
      </c>
      <c r="F85722" s="14" t="s">
        <v>15</v>
      </c>
      <c r="G85722" s="16">
        <v>0</v>
      </c>
    </row>
    <row r="85723" spans="1:7" x14ac:dyDescent="0.3">
      <c r="A85723" s="13" t="s">
        <v>430</v>
      </c>
      <c r="B85723" s="14" t="s">
        <v>1</v>
      </c>
      <c r="C85723" s="14" t="s">
        <v>23</v>
      </c>
      <c r="D85723" s="14" t="s">
        <v>431</v>
      </c>
      <c r="E85723" s="15">
        <v>45689</v>
      </c>
      <c r="F85723" s="14" t="s">
        <v>15</v>
      </c>
      <c r="G85723" s="16">
        <v>0</v>
      </c>
    </row>
    <row r="85724" spans="1:7" x14ac:dyDescent="0.3">
      <c r="A85724" s="13" t="s">
        <v>430</v>
      </c>
      <c r="B85724" s="14" t="s">
        <v>1</v>
      </c>
      <c r="C85724" s="14" t="s">
        <v>23</v>
      </c>
      <c r="D85724" s="14" t="s">
        <v>431</v>
      </c>
      <c r="E85724" s="15">
        <v>45690</v>
      </c>
      <c r="F85724" s="14" t="s">
        <v>15</v>
      </c>
      <c r="G85724" s="16">
        <v>0</v>
      </c>
    </row>
    <row r="85725" spans="1:7" x14ac:dyDescent="0.3">
      <c r="A85725" s="13" t="s">
        <v>430</v>
      </c>
      <c r="B85725" s="14" t="s">
        <v>1</v>
      </c>
      <c r="C85725" s="14" t="s">
        <v>23</v>
      </c>
      <c r="D85725" s="14" t="s">
        <v>431</v>
      </c>
      <c r="E85725" s="15">
        <v>45691</v>
      </c>
      <c r="F85725" s="14" t="s">
        <v>15</v>
      </c>
      <c r="G85725" s="16">
        <v>0</v>
      </c>
    </row>
    <row r="85726" spans="1:7" x14ac:dyDescent="0.3">
      <c r="A85726" s="13" t="s">
        <v>430</v>
      </c>
      <c r="B85726" s="14" t="s">
        <v>1</v>
      </c>
      <c r="C85726" s="14" t="s">
        <v>23</v>
      </c>
      <c r="D85726" s="14" t="s">
        <v>431</v>
      </c>
      <c r="E85726" s="15">
        <v>45692</v>
      </c>
      <c r="F85726" s="14" t="s">
        <v>15</v>
      </c>
      <c r="G85726" s="16">
        <v>0</v>
      </c>
    </row>
    <row r="85727" spans="1:7" x14ac:dyDescent="0.3">
      <c r="A85727" s="13" t="s">
        <v>430</v>
      </c>
      <c r="B85727" s="14" t="s">
        <v>1</v>
      </c>
      <c r="C85727" s="14" t="s">
        <v>23</v>
      </c>
      <c r="D85727" s="14" t="s">
        <v>431</v>
      </c>
      <c r="E85727" s="15">
        <v>45693</v>
      </c>
      <c r="F85727" s="14" t="s">
        <v>15</v>
      </c>
      <c r="G85727" s="16">
        <v>0</v>
      </c>
    </row>
    <row r="85728" spans="1:7" x14ac:dyDescent="0.3">
      <c r="A85728" s="13" t="s">
        <v>430</v>
      </c>
      <c r="B85728" s="14" t="s">
        <v>1</v>
      </c>
      <c r="C85728" s="14" t="s">
        <v>23</v>
      </c>
      <c r="D85728" s="14" t="s">
        <v>431</v>
      </c>
      <c r="E85728" s="15">
        <v>45694</v>
      </c>
      <c r="F85728" s="14" t="s">
        <v>15</v>
      </c>
      <c r="G85728" s="16">
        <v>0</v>
      </c>
    </row>
    <row r="85729" spans="1:7" x14ac:dyDescent="0.3">
      <c r="A85729" s="13" t="s">
        <v>430</v>
      </c>
      <c r="B85729" s="14" t="s">
        <v>1</v>
      </c>
      <c r="C85729" s="14" t="s">
        <v>23</v>
      </c>
      <c r="D85729" s="14" t="s">
        <v>431</v>
      </c>
      <c r="E85729" s="15">
        <v>45695</v>
      </c>
      <c r="F85729" s="14" t="s">
        <v>15</v>
      </c>
      <c r="G85729" s="16">
        <v>0</v>
      </c>
    </row>
    <row r="85730" spans="1:7" x14ac:dyDescent="0.3">
      <c r="A85730" s="13" t="s">
        <v>430</v>
      </c>
      <c r="B85730" s="14" t="s">
        <v>1</v>
      </c>
      <c r="C85730" s="14" t="s">
        <v>23</v>
      </c>
      <c r="D85730" s="14" t="s">
        <v>431</v>
      </c>
      <c r="E85730" s="15">
        <v>45696</v>
      </c>
      <c r="F85730" s="14" t="s">
        <v>15</v>
      </c>
      <c r="G85730" s="16">
        <v>0</v>
      </c>
    </row>
    <row r="85731" spans="1:7" x14ac:dyDescent="0.3">
      <c r="A85731" s="13" t="s">
        <v>430</v>
      </c>
      <c r="B85731" s="14" t="s">
        <v>1</v>
      </c>
      <c r="C85731" s="14" t="s">
        <v>23</v>
      </c>
      <c r="D85731" s="14" t="s">
        <v>431</v>
      </c>
      <c r="E85731" s="15">
        <v>45697</v>
      </c>
      <c r="F85731" s="14" t="s">
        <v>15</v>
      </c>
      <c r="G85731" s="16">
        <v>0</v>
      </c>
    </row>
    <row r="85732" spans="1:7" x14ac:dyDescent="0.3">
      <c r="A85732" s="13" t="s">
        <v>430</v>
      </c>
      <c r="B85732" s="14" t="s">
        <v>1</v>
      </c>
      <c r="C85732" s="14" t="s">
        <v>23</v>
      </c>
      <c r="D85732" s="14" t="s">
        <v>431</v>
      </c>
      <c r="E85732" s="15">
        <v>45698</v>
      </c>
      <c r="F85732" s="14" t="s">
        <v>15</v>
      </c>
      <c r="G85732" s="16">
        <v>0</v>
      </c>
    </row>
    <row r="85733" spans="1:7" x14ac:dyDescent="0.3">
      <c r="A85733" s="13" t="s">
        <v>430</v>
      </c>
      <c r="B85733" s="14" t="s">
        <v>1</v>
      </c>
      <c r="C85733" s="14" t="s">
        <v>23</v>
      </c>
      <c r="D85733" s="14" t="s">
        <v>431</v>
      </c>
      <c r="E85733" s="15">
        <v>45699</v>
      </c>
      <c r="F85733" s="14" t="s">
        <v>15</v>
      </c>
      <c r="G85733" s="16">
        <v>0</v>
      </c>
    </row>
    <row r="85734" spans="1:7" x14ac:dyDescent="0.3">
      <c r="A85734" s="13" t="s">
        <v>430</v>
      </c>
      <c r="B85734" s="14" t="s">
        <v>1</v>
      </c>
      <c r="C85734" s="14" t="s">
        <v>23</v>
      </c>
      <c r="D85734" s="14" t="s">
        <v>431</v>
      </c>
      <c r="E85734" s="15">
        <v>45700</v>
      </c>
      <c r="F85734" s="14" t="s">
        <v>15</v>
      </c>
      <c r="G85734" s="16">
        <v>0</v>
      </c>
    </row>
    <row r="85735" spans="1:7" x14ac:dyDescent="0.3">
      <c r="A85735" s="13" t="s">
        <v>430</v>
      </c>
      <c r="B85735" s="14" t="s">
        <v>1</v>
      </c>
      <c r="C85735" s="14" t="s">
        <v>23</v>
      </c>
      <c r="D85735" s="14" t="s">
        <v>431</v>
      </c>
      <c r="E85735" s="15">
        <v>45701</v>
      </c>
      <c r="F85735" s="14" t="s">
        <v>15</v>
      </c>
      <c r="G85735" s="16">
        <v>0</v>
      </c>
    </row>
    <row r="85736" spans="1:7" x14ac:dyDescent="0.3">
      <c r="A85736" s="13" t="s">
        <v>430</v>
      </c>
      <c r="B85736" s="14" t="s">
        <v>1</v>
      </c>
      <c r="C85736" s="14" t="s">
        <v>23</v>
      </c>
      <c r="D85736" s="14" t="s">
        <v>431</v>
      </c>
      <c r="E85736" s="15">
        <v>45702</v>
      </c>
      <c r="F85736" s="14" t="s">
        <v>15</v>
      </c>
      <c r="G85736" s="16">
        <v>0</v>
      </c>
    </row>
    <row r="85737" spans="1:7" x14ac:dyDescent="0.3">
      <c r="A85737" s="13" t="s">
        <v>430</v>
      </c>
      <c r="B85737" s="14" t="s">
        <v>1</v>
      </c>
      <c r="C85737" s="14" t="s">
        <v>23</v>
      </c>
      <c r="D85737" s="14" t="s">
        <v>431</v>
      </c>
      <c r="E85737" s="15">
        <v>45703</v>
      </c>
      <c r="F85737" s="14" t="s">
        <v>15</v>
      </c>
      <c r="G85737" s="16">
        <v>0</v>
      </c>
    </row>
    <row r="85738" spans="1:7" x14ac:dyDescent="0.3">
      <c r="A85738" s="13" t="s">
        <v>430</v>
      </c>
      <c r="B85738" s="14" t="s">
        <v>1</v>
      </c>
      <c r="C85738" s="14" t="s">
        <v>23</v>
      </c>
      <c r="D85738" s="14" t="s">
        <v>431</v>
      </c>
      <c r="E85738" s="15">
        <v>45704</v>
      </c>
      <c r="F85738" s="14" t="s">
        <v>15</v>
      </c>
      <c r="G85738" s="16">
        <v>0</v>
      </c>
    </row>
    <row r="85739" spans="1:7" x14ac:dyDescent="0.3">
      <c r="A85739" s="13" t="s">
        <v>430</v>
      </c>
      <c r="B85739" s="14" t="s">
        <v>1</v>
      </c>
      <c r="C85739" s="14" t="s">
        <v>23</v>
      </c>
      <c r="D85739" s="14" t="s">
        <v>431</v>
      </c>
      <c r="E85739" s="15">
        <v>45705</v>
      </c>
      <c r="F85739" s="14" t="s">
        <v>15</v>
      </c>
      <c r="G85739" s="16">
        <v>0</v>
      </c>
    </row>
    <row r="85740" spans="1:7" x14ac:dyDescent="0.3">
      <c r="A85740" s="13" t="s">
        <v>430</v>
      </c>
      <c r="B85740" s="14" t="s">
        <v>1</v>
      </c>
      <c r="C85740" s="14" t="s">
        <v>23</v>
      </c>
      <c r="D85740" s="14" t="s">
        <v>431</v>
      </c>
      <c r="E85740" s="15">
        <v>45706</v>
      </c>
      <c r="F85740" s="14" t="s">
        <v>15</v>
      </c>
      <c r="G85740" s="16">
        <v>0</v>
      </c>
    </row>
    <row r="85741" spans="1:7" x14ac:dyDescent="0.3">
      <c r="A85741" s="13" t="s">
        <v>430</v>
      </c>
      <c r="B85741" s="14" t="s">
        <v>1</v>
      </c>
      <c r="C85741" s="14" t="s">
        <v>23</v>
      </c>
      <c r="D85741" s="14" t="s">
        <v>431</v>
      </c>
      <c r="E85741" s="15">
        <v>45707</v>
      </c>
      <c r="F85741" s="14" t="s">
        <v>15</v>
      </c>
      <c r="G85741" s="16">
        <v>0</v>
      </c>
    </row>
    <row r="85742" spans="1:7" x14ac:dyDescent="0.3">
      <c r="A85742" s="13" t="s">
        <v>430</v>
      </c>
      <c r="B85742" s="14" t="s">
        <v>1</v>
      </c>
      <c r="C85742" s="14" t="s">
        <v>23</v>
      </c>
      <c r="D85742" s="14" t="s">
        <v>431</v>
      </c>
      <c r="E85742" s="15">
        <v>45708</v>
      </c>
      <c r="F85742" s="14" t="s">
        <v>15</v>
      </c>
      <c r="G85742" s="16">
        <v>0</v>
      </c>
    </row>
    <row r="85743" spans="1:7" x14ac:dyDescent="0.3">
      <c r="A85743" s="13" t="s">
        <v>430</v>
      </c>
      <c r="B85743" s="14" t="s">
        <v>1</v>
      </c>
      <c r="C85743" s="14" t="s">
        <v>23</v>
      </c>
      <c r="D85743" s="14" t="s">
        <v>431</v>
      </c>
      <c r="E85743" s="15">
        <v>45709</v>
      </c>
      <c r="F85743" s="14" t="s">
        <v>15</v>
      </c>
      <c r="G85743" s="16">
        <v>0</v>
      </c>
    </row>
    <row r="85744" spans="1:7" x14ac:dyDescent="0.3">
      <c r="A85744" s="13" t="s">
        <v>430</v>
      </c>
      <c r="B85744" s="14" t="s">
        <v>1</v>
      </c>
      <c r="C85744" s="14" t="s">
        <v>23</v>
      </c>
      <c r="D85744" s="14" t="s">
        <v>431</v>
      </c>
      <c r="E85744" s="15">
        <v>45710</v>
      </c>
      <c r="F85744" s="14" t="s">
        <v>15</v>
      </c>
      <c r="G85744" s="16">
        <v>0</v>
      </c>
    </row>
    <row r="85745" spans="1:7" x14ac:dyDescent="0.3">
      <c r="A85745" s="13" t="s">
        <v>430</v>
      </c>
      <c r="B85745" s="14" t="s">
        <v>1</v>
      </c>
      <c r="C85745" s="14" t="s">
        <v>23</v>
      </c>
      <c r="D85745" s="14" t="s">
        <v>431</v>
      </c>
      <c r="E85745" s="15">
        <v>45711</v>
      </c>
      <c r="F85745" s="14" t="s">
        <v>15</v>
      </c>
      <c r="G85745" s="16">
        <v>0</v>
      </c>
    </row>
    <row r="85746" spans="1:7" x14ac:dyDescent="0.3">
      <c r="A85746" s="13" t="s">
        <v>430</v>
      </c>
      <c r="B85746" s="14" t="s">
        <v>1</v>
      </c>
      <c r="C85746" s="14" t="s">
        <v>23</v>
      </c>
      <c r="D85746" s="14" t="s">
        <v>431</v>
      </c>
      <c r="E85746" s="15">
        <v>45712</v>
      </c>
      <c r="F85746" s="14" t="s">
        <v>15</v>
      </c>
      <c r="G85746" s="16">
        <v>0</v>
      </c>
    </row>
    <row r="85747" spans="1:7" x14ac:dyDescent="0.3">
      <c r="A85747" s="13" t="s">
        <v>430</v>
      </c>
      <c r="B85747" s="14" t="s">
        <v>1</v>
      </c>
      <c r="C85747" s="14" t="s">
        <v>23</v>
      </c>
      <c r="D85747" s="14" t="s">
        <v>431</v>
      </c>
      <c r="E85747" s="15">
        <v>45713</v>
      </c>
      <c r="F85747" s="14" t="s">
        <v>15</v>
      </c>
      <c r="G85747" s="16">
        <v>0</v>
      </c>
    </row>
    <row r="85748" spans="1:7" x14ac:dyDescent="0.3">
      <c r="A85748" s="13" t="s">
        <v>430</v>
      </c>
      <c r="B85748" s="14" t="s">
        <v>1</v>
      </c>
      <c r="C85748" s="14" t="s">
        <v>23</v>
      </c>
      <c r="D85748" s="14" t="s">
        <v>431</v>
      </c>
      <c r="E85748" s="15">
        <v>45714</v>
      </c>
      <c r="F85748" s="14" t="s">
        <v>15</v>
      </c>
      <c r="G85748" s="16">
        <v>0</v>
      </c>
    </row>
    <row r="85749" spans="1:7" x14ac:dyDescent="0.3">
      <c r="A85749" s="13" t="s">
        <v>430</v>
      </c>
      <c r="B85749" s="14" t="s">
        <v>1</v>
      </c>
      <c r="C85749" s="14" t="s">
        <v>23</v>
      </c>
      <c r="D85749" s="14" t="s">
        <v>431</v>
      </c>
      <c r="E85749" s="15">
        <v>45715</v>
      </c>
      <c r="F85749" s="14" t="s">
        <v>15</v>
      </c>
      <c r="G85749" s="16">
        <v>0</v>
      </c>
    </row>
    <row r="85750" spans="1:7" x14ac:dyDescent="0.3">
      <c r="A85750" s="13" t="s">
        <v>430</v>
      </c>
      <c r="B85750" s="14" t="s">
        <v>1</v>
      </c>
      <c r="C85750" s="14" t="s">
        <v>23</v>
      </c>
      <c r="D85750" s="14" t="s">
        <v>431</v>
      </c>
      <c r="E85750" s="15">
        <v>45716</v>
      </c>
      <c r="F85750" s="14" t="s">
        <v>15</v>
      </c>
      <c r="G85750" s="16">
        <v>0</v>
      </c>
    </row>
    <row r="85751" spans="1:7" x14ac:dyDescent="0.3">
      <c r="A85751" s="13" t="s">
        <v>430</v>
      </c>
      <c r="B85751" s="14" t="s">
        <v>1</v>
      </c>
      <c r="C85751" s="14" t="s">
        <v>23</v>
      </c>
      <c r="D85751" s="14" t="s">
        <v>431</v>
      </c>
      <c r="E85751" s="15">
        <v>45717</v>
      </c>
      <c r="F85751" s="14" t="s">
        <v>15</v>
      </c>
      <c r="G85751" s="16">
        <v>0</v>
      </c>
    </row>
    <row r="85752" spans="1:7" x14ac:dyDescent="0.3">
      <c r="A85752" s="13" t="s">
        <v>430</v>
      </c>
      <c r="B85752" s="14" t="s">
        <v>1</v>
      </c>
      <c r="C85752" s="14" t="s">
        <v>23</v>
      </c>
      <c r="D85752" s="14" t="s">
        <v>431</v>
      </c>
      <c r="E85752" s="15">
        <v>45718</v>
      </c>
      <c r="F85752" s="14" t="s">
        <v>15</v>
      </c>
      <c r="G85752" s="16">
        <v>0</v>
      </c>
    </row>
    <row r="85753" spans="1:7" x14ac:dyDescent="0.3">
      <c r="A85753" s="13" t="s">
        <v>430</v>
      </c>
      <c r="B85753" s="14" t="s">
        <v>1</v>
      </c>
      <c r="C85753" s="14" t="s">
        <v>23</v>
      </c>
      <c r="D85753" s="14" t="s">
        <v>431</v>
      </c>
      <c r="E85753" s="15">
        <v>45719</v>
      </c>
      <c r="F85753" s="14" t="s">
        <v>15</v>
      </c>
      <c r="G85753" s="16">
        <v>0</v>
      </c>
    </row>
    <row r="85754" spans="1:7" x14ac:dyDescent="0.3">
      <c r="A85754" s="13" t="s">
        <v>430</v>
      </c>
      <c r="B85754" s="14" t="s">
        <v>1</v>
      </c>
      <c r="C85754" s="14" t="s">
        <v>23</v>
      </c>
      <c r="D85754" s="14" t="s">
        <v>431</v>
      </c>
      <c r="E85754" s="15">
        <v>45720</v>
      </c>
      <c r="F85754" s="14" t="s">
        <v>15</v>
      </c>
      <c r="G85754" s="16">
        <v>0</v>
      </c>
    </row>
    <row r="85755" spans="1:7" x14ac:dyDescent="0.3">
      <c r="A85755" s="13" t="s">
        <v>430</v>
      </c>
      <c r="B85755" s="14" t="s">
        <v>1</v>
      </c>
      <c r="C85755" s="14" t="s">
        <v>23</v>
      </c>
      <c r="D85755" s="14" t="s">
        <v>431</v>
      </c>
      <c r="E85755" s="15">
        <v>45721</v>
      </c>
      <c r="F85755" s="14" t="s">
        <v>15</v>
      </c>
      <c r="G85755" s="16">
        <v>0</v>
      </c>
    </row>
    <row r="85756" spans="1:7" x14ac:dyDescent="0.3">
      <c r="A85756" s="13" t="s">
        <v>430</v>
      </c>
      <c r="B85756" s="14" t="s">
        <v>1</v>
      </c>
      <c r="C85756" s="14" t="s">
        <v>23</v>
      </c>
      <c r="D85756" s="14" t="s">
        <v>431</v>
      </c>
      <c r="E85756" s="15">
        <v>45722</v>
      </c>
      <c r="F85756" s="14" t="s">
        <v>15</v>
      </c>
      <c r="G85756" s="16">
        <v>0</v>
      </c>
    </row>
    <row r="85757" spans="1:7" x14ac:dyDescent="0.3">
      <c r="A85757" s="13" t="s">
        <v>430</v>
      </c>
      <c r="B85757" s="14" t="s">
        <v>1</v>
      </c>
      <c r="C85757" s="14" t="s">
        <v>23</v>
      </c>
      <c r="D85757" s="14" t="s">
        <v>431</v>
      </c>
      <c r="E85757" s="15">
        <v>45723</v>
      </c>
      <c r="F85757" s="14" t="s">
        <v>15</v>
      </c>
      <c r="G85757" s="16">
        <v>0</v>
      </c>
    </row>
    <row r="85758" spans="1:7" x14ac:dyDescent="0.3">
      <c r="A85758" s="13" t="s">
        <v>430</v>
      </c>
      <c r="B85758" s="14" t="s">
        <v>1</v>
      </c>
      <c r="C85758" s="14" t="s">
        <v>23</v>
      </c>
      <c r="D85758" s="14" t="s">
        <v>431</v>
      </c>
      <c r="E85758" s="15">
        <v>45724</v>
      </c>
      <c r="F85758" s="14" t="s">
        <v>15</v>
      </c>
      <c r="G85758" s="16">
        <v>0</v>
      </c>
    </row>
    <row r="85759" spans="1:7" x14ac:dyDescent="0.3">
      <c r="A85759" s="13" t="s">
        <v>430</v>
      </c>
      <c r="B85759" s="14" t="s">
        <v>1</v>
      </c>
      <c r="C85759" s="14" t="s">
        <v>23</v>
      </c>
      <c r="D85759" s="14" t="s">
        <v>431</v>
      </c>
      <c r="E85759" s="15">
        <v>45725</v>
      </c>
      <c r="F85759" s="14" t="s">
        <v>15</v>
      </c>
      <c r="G85759" s="16">
        <v>0</v>
      </c>
    </row>
    <row r="85760" spans="1:7" x14ac:dyDescent="0.3">
      <c r="A85760" s="13" t="s">
        <v>430</v>
      </c>
      <c r="B85760" s="14" t="s">
        <v>1</v>
      </c>
      <c r="C85760" s="14" t="s">
        <v>23</v>
      </c>
      <c r="D85760" s="14" t="s">
        <v>431</v>
      </c>
      <c r="E85760" s="15">
        <v>45726</v>
      </c>
      <c r="F85760" s="14" t="s">
        <v>15</v>
      </c>
      <c r="G85760" s="16">
        <v>0</v>
      </c>
    </row>
    <row r="85761" spans="1:7" x14ac:dyDescent="0.3">
      <c r="A85761" s="13" t="s">
        <v>430</v>
      </c>
      <c r="B85761" s="14" t="s">
        <v>1</v>
      </c>
      <c r="C85761" s="14" t="s">
        <v>23</v>
      </c>
      <c r="D85761" s="14" t="s">
        <v>431</v>
      </c>
      <c r="E85761" s="15">
        <v>45727</v>
      </c>
      <c r="F85761" s="14" t="s">
        <v>15</v>
      </c>
      <c r="G85761" s="16">
        <v>0</v>
      </c>
    </row>
    <row r="85762" spans="1:7" x14ac:dyDescent="0.3">
      <c r="A85762" s="13" t="s">
        <v>430</v>
      </c>
      <c r="B85762" s="14" t="s">
        <v>1</v>
      </c>
      <c r="C85762" s="14" t="s">
        <v>23</v>
      </c>
      <c r="D85762" s="14" t="s">
        <v>431</v>
      </c>
      <c r="E85762" s="15">
        <v>45728</v>
      </c>
      <c r="F85762" s="14" t="s">
        <v>15</v>
      </c>
      <c r="G85762" s="16">
        <v>0</v>
      </c>
    </row>
    <row r="85763" spans="1:7" x14ac:dyDescent="0.3">
      <c r="A85763" s="13" t="s">
        <v>430</v>
      </c>
      <c r="B85763" s="14" t="s">
        <v>1</v>
      </c>
      <c r="C85763" s="14" t="s">
        <v>23</v>
      </c>
      <c r="D85763" s="14" t="s">
        <v>431</v>
      </c>
      <c r="E85763" s="15">
        <v>45729</v>
      </c>
      <c r="F85763" s="14" t="s">
        <v>15</v>
      </c>
      <c r="G85763" s="16">
        <v>0</v>
      </c>
    </row>
    <row r="85764" spans="1:7" x14ac:dyDescent="0.3">
      <c r="A85764" s="13" t="s">
        <v>430</v>
      </c>
      <c r="B85764" s="14" t="s">
        <v>1</v>
      </c>
      <c r="C85764" s="14" t="s">
        <v>23</v>
      </c>
      <c r="D85764" s="14" t="s">
        <v>431</v>
      </c>
      <c r="E85764" s="15">
        <v>45730</v>
      </c>
      <c r="F85764" s="14" t="s">
        <v>15</v>
      </c>
      <c r="G85764" s="16">
        <v>0</v>
      </c>
    </row>
    <row r="85765" spans="1:7" x14ac:dyDescent="0.3">
      <c r="A85765" s="13" t="s">
        <v>430</v>
      </c>
      <c r="B85765" s="14" t="s">
        <v>1</v>
      </c>
      <c r="C85765" s="14" t="s">
        <v>23</v>
      </c>
      <c r="D85765" s="14" t="s">
        <v>431</v>
      </c>
      <c r="E85765" s="15">
        <v>45731</v>
      </c>
      <c r="F85765" s="14" t="s">
        <v>15</v>
      </c>
      <c r="G85765" s="16">
        <v>0</v>
      </c>
    </row>
    <row r="85766" spans="1:7" x14ac:dyDescent="0.3">
      <c r="A85766" s="13" t="s">
        <v>430</v>
      </c>
      <c r="B85766" s="14" t="s">
        <v>1</v>
      </c>
      <c r="C85766" s="14" t="s">
        <v>23</v>
      </c>
      <c r="D85766" s="14" t="s">
        <v>431</v>
      </c>
      <c r="E85766" s="15">
        <v>45732</v>
      </c>
      <c r="F85766" s="14" t="s">
        <v>15</v>
      </c>
      <c r="G85766" s="16">
        <v>0</v>
      </c>
    </row>
    <row r="85767" spans="1:7" x14ac:dyDescent="0.3">
      <c r="A85767" s="13" t="s">
        <v>430</v>
      </c>
      <c r="B85767" s="14" t="s">
        <v>1</v>
      </c>
      <c r="C85767" s="14" t="s">
        <v>23</v>
      </c>
      <c r="D85767" s="14" t="s">
        <v>431</v>
      </c>
      <c r="E85767" s="15">
        <v>45733</v>
      </c>
      <c r="F85767" s="14" t="s">
        <v>15</v>
      </c>
      <c r="G85767" s="16">
        <v>0</v>
      </c>
    </row>
    <row r="85768" spans="1:7" x14ac:dyDescent="0.3">
      <c r="A85768" s="13" t="s">
        <v>430</v>
      </c>
      <c r="B85768" s="14" t="s">
        <v>1</v>
      </c>
      <c r="C85768" s="14" t="s">
        <v>23</v>
      </c>
      <c r="D85768" s="14" t="s">
        <v>431</v>
      </c>
      <c r="E85768" s="15">
        <v>45734</v>
      </c>
      <c r="F85768" s="14" t="s">
        <v>15</v>
      </c>
      <c r="G85768" s="16">
        <v>0</v>
      </c>
    </row>
    <row r="85769" spans="1:7" x14ac:dyDescent="0.3">
      <c r="A85769" s="13" t="s">
        <v>430</v>
      </c>
      <c r="B85769" s="14" t="s">
        <v>1</v>
      </c>
      <c r="C85769" s="14" t="s">
        <v>23</v>
      </c>
      <c r="D85769" s="14" t="s">
        <v>431</v>
      </c>
      <c r="E85769" s="15">
        <v>45735</v>
      </c>
      <c r="F85769" s="14" t="s">
        <v>15</v>
      </c>
      <c r="G85769" s="16">
        <v>0</v>
      </c>
    </row>
    <row r="85770" spans="1:7" x14ac:dyDescent="0.3">
      <c r="A85770" s="13" t="s">
        <v>430</v>
      </c>
      <c r="B85770" s="14" t="s">
        <v>1</v>
      </c>
      <c r="C85770" s="14" t="s">
        <v>23</v>
      </c>
      <c r="D85770" s="14" t="s">
        <v>431</v>
      </c>
      <c r="E85770" s="15">
        <v>45736</v>
      </c>
      <c r="F85770" s="14" t="s">
        <v>15</v>
      </c>
      <c r="G85770" s="16">
        <v>0</v>
      </c>
    </row>
    <row r="85771" spans="1:7" x14ac:dyDescent="0.3">
      <c r="A85771" s="13" t="s">
        <v>430</v>
      </c>
      <c r="B85771" s="14" t="s">
        <v>1</v>
      </c>
      <c r="C85771" s="14" t="s">
        <v>23</v>
      </c>
      <c r="D85771" s="14" t="s">
        <v>431</v>
      </c>
      <c r="E85771" s="15">
        <v>45737</v>
      </c>
      <c r="F85771" s="14" t="s">
        <v>15</v>
      </c>
      <c r="G85771" s="16">
        <v>0</v>
      </c>
    </row>
    <row r="85772" spans="1:7" x14ac:dyDescent="0.3">
      <c r="A85772" s="13" t="s">
        <v>430</v>
      </c>
      <c r="B85772" s="14" t="s">
        <v>1</v>
      </c>
      <c r="C85772" s="14" t="s">
        <v>23</v>
      </c>
      <c r="D85772" s="14" t="s">
        <v>431</v>
      </c>
      <c r="E85772" s="15">
        <v>45738</v>
      </c>
      <c r="F85772" s="14" t="s">
        <v>15</v>
      </c>
      <c r="G85772" s="16">
        <v>0</v>
      </c>
    </row>
    <row r="85773" spans="1:7" x14ac:dyDescent="0.3">
      <c r="A85773" s="13" t="s">
        <v>430</v>
      </c>
      <c r="B85773" s="14" t="s">
        <v>1</v>
      </c>
      <c r="C85773" s="14" t="s">
        <v>23</v>
      </c>
      <c r="D85773" s="14" t="s">
        <v>431</v>
      </c>
      <c r="E85773" s="15">
        <v>45739</v>
      </c>
      <c r="F85773" s="14" t="s">
        <v>15</v>
      </c>
      <c r="G85773" s="16">
        <v>0</v>
      </c>
    </row>
    <row r="85774" spans="1:7" x14ac:dyDescent="0.3">
      <c r="A85774" s="13" t="s">
        <v>430</v>
      </c>
      <c r="B85774" s="14" t="s">
        <v>1</v>
      </c>
      <c r="C85774" s="14" t="s">
        <v>23</v>
      </c>
      <c r="D85774" s="14" t="s">
        <v>431</v>
      </c>
      <c r="E85774" s="15">
        <v>45740</v>
      </c>
      <c r="F85774" s="14" t="s">
        <v>15</v>
      </c>
      <c r="G85774" s="16">
        <v>0</v>
      </c>
    </row>
    <row r="85775" spans="1:7" x14ac:dyDescent="0.3">
      <c r="A85775" s="13" t="s">
        <v>430</v>
      </c>
      <c r="B85775" s="14" t="s">
        <v>1</v>
      </c>
      <c r="C85775" s="14" t="s">
        <v>23</v>
      </c>
      <c r="D85775" s="14" t="s">
        <v>431</v>
      </c>
      <c r="E85775" s="15">
        <v>45741</v>
      </c>
      <c r="F85775" s="14" t="s">
        <v>15</v>
      </c>
      <c r="G85775" s="16">
        <v>0</v>
      </c>
    </row>
    <row r="85776" spans="1:7" x14ac:dyDescent="0.3">
      <c r="A85776" s="13" t="s">
        <v>430</v>
      </c>
      <c r="B85776" s="14" t="s">
        <v>1</v>
      </c>
      <c r="C85776" s="14" t="s">
        <v>23</v>
      </c>
      <c r="D85776" s="14" t="s">
        <v>431</v>
      </c>
      <c r="E85776" s="15">
        <v>45742</v>
      </c>
      <c r="F85776" s="14" t="s">
        <v>15</v>
      </c>
      <c r="G85776" s="16">
        <v>0</v>
      </c>
    </row>
    <row r="85777" spans="1:7" x14ac:dyDescent="0.3">
      <c r="A85777" s="13" t="s">
        <v>430</v>
      </c>
      <c r="B85777" s="14" t="s">
        <v>1</v>
      </c>
      <c r="C85777" s="14" t="s">
        <v>23</v>
      </c>
      <c r="D85777" s="14" t="s">
        <v>431</v>
      </c>
      <c r="E85777" s="15">
        <v>45743</v>
      </c>
      <c r="F85777" s="14" t="s">
        <v>15</v>
      </c>
      <c r="G85777" s="16">
        <v>0</v>
      </c>
    </row>
    <row r="85778" spans="1:7" x14ac:dyDescent="0.3">
      <c r="A85778" s="13" t="s">
        <v>430</v>
      </c>
      <c r="B85778" s="14" t="s">
        <v>1</v>
      </c>
      <c r="C85778" s="14" t="s">
        <v>23</v>
      </c>
      <c r="D85778" s="14" t="s">
        <v>431</v>
      </c>
      <c r="E85778" s="15">
        <v>45744</v>
      </c>
      <c r="F85778" s="14" t="s">
        <v>15</v>
      </c>
      <c r="G85778" s="16">
        <v>0</v>
      </c>
    </row>
    <row r="85779" spans="1:7" x14ac:dyDescent="0.3">
      <c r="A85779" s="13" t="s">
        <v>430</v>
      </c>
      <c r="B85779" s="14" t="s">
        <v>1</v>
      </c>
      <c r="C85779" s="14" t="s">
        <v>23</v>
      </c>
      <c r="D85779" s="14" t="s">
        <v>431</v>
      </c>
      <c r="E85779" s="15">
        <v>45745</v>
      </c>
      <c r="F85779" s="14" t="s">
        <v>15</v>
      </c>
      <c r="G85779" s="16">
        <v>0</v>
      </c>
    </row>
    <row r="85780" spans="1:7" x14ac:dyDescent="0.3">
      <c r="A85780" s="13" t="s">
        <v>430</v>
      </c>
      <c r="B85780" s="14" t="s">
        <v>1</v>
      </c>
      <c r="C85780" s="14" t="s">
        <v>23</v>
      </c>
      <c r="D85780" s="14" t="s">
        <v>431</v>
      </c>
      <c r="E85780" s="15">
        <v>45746</v>
      </c>
      <c r="F85780" s="14" t="s">
        <v>15</v>
      </c>
      <c r="G85780" s="16">
        <v>0</v>
      </c>
    </row>
    <row r="85781" spans="1:7" x14ac:dyDescent="0.3">
      <c r="A85781" s="13" t="s">
        <v>430</v>
      </c>
      <c r="B85781" s="14" t="s">
        <v>1</v>
      </c>
      <c r="C85781" s="14" t="s">
        <v>23</v>
      </c>
      <c r="D85781" s="14" t="s">
        <v>431</v>
      </c>
      <c r="E85781" s="15">
        <v>45747</v>
      </c>
      <c r="F85781" s="14" t="s">
        <v>15</v>
      </c>
      <c r="G85781" s="16">
        <v>0</v>
      </c>
    </row>
    <row r="85782" spans="1:7" x14ac:dyDescent="0.3">
      <c r="A85782" s="13" t="s">
        <v>432</v>
      </c>
      <c r="B85782" s="14" t="s">
        <v>1</v>
      </c>
      <c r="C85782" s="14" t="s">
        <v>200</v>
      </c>
      <c r="D85782" s="14" t="s">
        <v>213</v>
      </c>
      <c r="E85782" s="15">
        <v>45383</v>
      </c>
      <c r="F85782" s="14" t="s">
        <v>25</v>
      </c>
      <c r="G85782" s="16">
        <v>0</v>
      </c>
    </row>
    <row r="85783" spans="1:7" x14ac:dyDescent="0.3">
      <c r="A85783" s="13" t="s">
        <v>432</v>
      </c>
      <c r="B85783" s="14" t="s">
        <v>1</v>
      </c>
      <c r="C85783" s="14" t="s">
        <v>200</v>
      </c>
      <c r="D85783" s="14" t="s">
        <v>213</v>
      </c>
      <c r="E85783" s="15">
        <v>45384</v>
      </c>
      <c r="F85783" s="14" t="s">
        <v>25</v>
      </c>
      <c r="G85783" s="16">
        <v>0</v>
      </c>
    </row>
    <row r="85784" spans="1:7" x14ac:dyDescent="0.3">
      <c r="A85784" s="13" t="s">
        <v>432</v>
      </c>
      <c r="B85784" s="14" t="s">
        <v>1</v>
      </c>
      <c r="C85784" s="14" t="s">
        <v>200</v>
      </c>
      <c r="D85784" s="14" t="s">
        <v>213</v>
      </c>
      <c r="E85784" s="15">
        <v>45385</v>
      </c>
      <c r="F85784" s="14" t="s">
        <v>25</v>
      </c>
      <c r="G85784" s="16">
        <v>3.1484590147197067E-2</v>
      </c>
    </row>
    <row r="85785" spans="1:7" x14ac:dyDescent="0.3">
      <c r="A85785" s="13" t="s">
        <v>432</v>
      </c>
      <c r="B85785" s="14" t="s">
        <v>1</v>
      </c>
      <c r="C85785" s="14" t="s">
        <v>200</v>
      </c>
      <c r="D85785" s="14" t="s">
        <v>213</v>
      </c>
      <c r="E85785" s="15">
        <v>45386</v>
      </c>
      <c r="F85785" s="14" t="s">
        <v>25</v>
      </c>
      <c r="G85785" s="16">
        <v>3.9534389643656472E-2</v>
      </c>
    </row>
    <row r="85786" spans="1:7" x14ac:dyDescent="0.3">
      <c r="A85786" s="13" t="s">
        <v>432</v>
      </c>
      <c r="B85786" s="14" t="s">
        <v>1</v>
      </c>
      <c r="C85786" s="14" t="s">
        <v>200</v>
      </c>
      <c r="D85786" s="14" t="s">
        <v>213</v>
      </c>
      <c r="E85786" s="15">
        <v>45387</v>
      </c>
      <c r="F85786" s="14" t="s">
        <v>25</v>
      </c>
      <c r="G85786" s="16">
        <v>4.5814061136511347E-2</v>
      </c>
    </row>
    <row r="85787" spans="1:7" x14ac:dyDescent="0.3">
      <c r="A85787" s="13" t="s">
        <v>432</v>
      </c>
      <c r="B85787" s="14" t="s">
        <v>1</v>
      </c>
      <c r="C85787" s="14" t="s">
        <v>200</v>
      </c>
      <c r="D85787" s="14" t="s">
        <v>213</v>
      </c>
      <c r="E85787" s="15">
        <v>45388</v>
      </c>
      <c r="F85787" s="14" t="s">
        <v>25</v>
      </c>
      <c r="G85787" s="16">
        <v>4.5814061136511347E-2</v>
      </c>
    </row>
    <row r="85788" spans="1:7" x14ac:dyDescent="0.3">
      <c r="A85788" s="13" t="s">
        <v>432</v>
      </c>
      <c r="B85788" s="14" t="s">
        <v>1</v>
      </c>
      <c r="C85788" s="14" t="s">
        <v>200</v>
      </c>
      <c r="D85788" s="14" t="s">
        <v>213</v>
      </c>
      <c r="E85788" s="15">
        <v>45389</v>
      </c>
      <c r="F85788" s="14" t="s">
        <v>25</v>
      </c>
      <c r="G85788" s="16">
        <v>4.5814061136511347E-2</v>
      </c>
    </row>
    <row r="85789" spans="1:7" x14ac:dyDescent="0.3">
      <c r="A85789" s="13" t="s">
        <v>432</v>
      </c>
      <c r="B85789" s="14" t="s">
        <v>1</v>
      </c>
      <c r="C85789" s="14" t="s">
        <v>200</v>
      </c>
      <c r="D85789" s="14" t="s">
        <v>213</v>
      </c>
      <c r="E85789" s="15">
        <v>45390</v>
      </c>
      <c r="F85789" s="14" t="s">
        <v>25</v>
      </c>
      <c r="G85789" s="16">
        <v>4.5808951846221399E-2</v>
      </c>
    </row>
    <row r="85790" spans="1:7" x14ac:dyDescent="0.3">
      <c r="A85790" s="13" t="s">
        <v>432</v>
      </c>
      <c r="B85790" s="14" t="s">
        <v>1</v>
      </c>
      <c r="C85790" s="14" t="s">
        <v>200</v>
      </c>
      <c r="D85790" s="14" t="s">
        <v>213</v>
      </c>
      <c r="E85790" s="15">
        <v>45391</v>
      </c>
      <c r="F85790" s="14" t="s">
        <v>25</v>
      </c>
      <c r="G85790" s="16">
        <v>6.2682532813550781E-2</v>
      </c>
    </row>
    <row r="85791" spans="1:7" x14ac:dyDescent="0.3">
      <c r="A85791" s="13" t="s">
        <v>432</v>
      </c>
      <c r="B85791" s="14" t="s">
        <v>1</v>
      </c>
      <c r="C85791" s="14" t="s">
        <v>200</v>
      </c>
      <c r="D85791" s="14" t="s">
        <v>213</v>
      </c>
      <c r="E85791" s="15">
        <v>45392</v>
      </c>
      <c r="F85791" s="14" t="s">
        <v>25</v>
      </c>
      <c r="G85791" s="16">
        <v>7.9020329841356554E-2</v>
      </c>
    </row>
    <row r="85792" spans="1:7" x14ac:dyDescent="0.3">
      <c r="A85792" s="13" t="s">
        <v>432</v>
      </c>
      <c r="B85792" s="14" t="s">
        <v>1</v>
      </c>
      <c r="C85792" s="14" t="s">
        <v>200</v>
      </c>
      <c r="D85792" s="14" t="s">
        <v>213</v>
      </c>
      <c r="E85792" s="15">
        <v>45393</v>
      </c>
      <c r="F85792" s="14" t="s">
        <v>25</v>
      </c>
      <c r="G85792" s="16">
        <v>0.10013977534739078</v>
      </c>
    </row>
    <row r="85793" spans="1:7" x14ac:dyDescent="0.3">
      <c r="A85793" s="13" t="s">
        <v>432</v>
      </c>
      <c r="B85793" s="14" t="s">
        <v>1</v>
      </c>
      <c r="C85793" s="14" t="s">
        <v>200</v>
      </c>
      <c r="D85793" s="14" t="s">
        <v>213</v>
      </c>
      <c r="E85793" s="15">
        <v>45394</v>
      </c>
      <c r="F85793" s="14" t="s">
        <v>25</v>
      </c>
      <c r="G85793" s="16">
        <v>0.10465220256145237</v>
      </c>
    </row>
    <row r="85794" spans="1:7" x14ac:dyDescent="0.3">
      <c r="A85794" s="13" t="s">
        <v>432</v>
      </c>
      <c r="B85794" s="14" t="s">
        <v>1</v>
      </c>
      <c r="C85794" s="14" t="s">
        <v>200</v>
      </c>
      <c r="D85794" s="14" t="s">
        <v>213</v>
      </c>
      <c r="E85794" s="15">
        <v>45395</v>
      </c>
      <c r="F85794" s="14" t="s">
        <v>25</v>
      </c>
      <c r="G85794" s="16">
        <v>0.10465220256145237</v>
      </c>
    </row>
    <row r="85795" spans="1:7" x14ac:dyDescent="0.3">
      <c r="A85795" s="13" t="s">
        <v>432</v>
      </c>
      <c r="B85795" s="14" t="s">
        <v>1</v>
      </c>
      <c r="C85795" s="14" t="s">
        <v>200</v>
      </c>
      <c r="D85795" s="14" t="s">
        <v>213</v>
      </c>
      <c r="E85795" s="15">
        <v>45396</v>
      </c>
      <c r="F85795" s="14" t="s">
        <v>25</v>
      </c>
      <c r="G85795" s="16">
        <v>0.10465220256145237</v>
      </c>
    </row>
    <row r="85796" spans="1:7" x14ac:dyDescent="0.3">
      <c r="A85796" s="13" t="s">
        <v>432</v>
      </c>
      <c r="B85796" s="14" t="s">
        <v>1</v>
      </c>
      <c r="C85796" s="14" t="s">
        <v>200</v>
      </c>
      <c r="D85796" s="14" t="s">
        <v>213</v>
      </c>
      <c r="E85796" s="15">
        <v>45397</v>
      </c>
      <c r="F85796" s="14" t="s">
        <v>25</v>
      </c>
      <c r="G85796" s="16">
        <v>0.11085840198087608</v>
      </c>
    </row>
    <row r="85797" spans="1:7" x14ac:dyDescent="0.3">
      <c r="A85797" s="13" t="s">
        <v>432</v>
      </c>
      <c r="B85797" s="14" t="s">
        <v>1</v>
      </c>
      <c r="C85797" s="14" t="s">
        <v>200</v>
      </c>
      <c r="D85797" s="14" t="s">
        <v>213</v>
      </c>
      <c r="E85797" s="15">
        <v>45398</v>
      </c>
      <c r="F85797" s="14" t="s">
        <v>25</v>
      </c>
      <c r="G85797" s="16">
        <v>0.13092277490724535</v>
      </c>
    </row>
    <row r="85798" spans="1:7" x14ac:dyDescent="0.3">
      <c r="A85798" s="13" t="s">
        <v>432</v>
      </c>
      <c r="B85798" s="14" t="s">
        <v>1</v>
      </c>
      <c r="C85798" s="14" t="s">
        <v>200</v>
      </c>
      <c r="D85798" s="14" t="s">
        <v>213</v>
      </c>
      <c r="E85798" s="15">
        <v>45399</v>
      </c>
      <c r="F85798" s="14" t="s">
        <v>25</v>
      </c>
      <c r="G85798" s="16">
        <v>0.13671297928674456</v>
      </c>
    </row>
    <row r="85799" spans="1:7" x14ac:dyDescent="0.3">
      <c r="A85799" s="13" t="s">
        <v>432</v>
      </c>
      <c r="B85799" s="14" t="s">
        <v>1</v>
      </c>
      <c r="C85799" s="14" t="s">
        <v>200</v>
      </c>
      <c r="D85799" s="14" t="s">
        <v>213</v>
      </c>
      <c r="E85799" s="15">
        <v>45400</v>
      </c>
      <c r="F85799" s="14" t="s">
        <v>25</v>
      </c>
      <c r="G85799" s="16">
        <v>0.1429285950955832</v>
      </c>
    </row>
    <row r="85800" spans="1:7" x14ac:dyDescent="0.3">
      <c r="A85800" s="13" t="s">
        <v>432</v>
      </c>
      <c r="B85800" s="14" t="s">
        <v>1</v>
      </c>
      <c r="C85800" s="14" t="s">
        <v>200</v>
      </c>
      <c r="D85800" s="14" t="s">
        <v>213</v>
      </c>
      <c r="E85800" s="15">
        <v>45401</v>
      </c>
      <c r="F85800" s="14" t="s">
        <v>25</v>
      </c>
      <c r="G85800" s="16">
        <v>0.13845446245643456</v>
      </c>
    </row>
    <row r="85801" spans="1:7" x14ac:dyDescent="0.3">
      <c r="A85801" s="13" t="s">
        <v>432</v>
      </c>
      <c r="B85801" s="14" t="s">
        <v>1</v>
      </c>
      <c r="C85801" s="14" t="s">
        <v>200</v>
      </c>
      <c r="D85801" s="14" t="s">
        <v>213</v>
      </c>
      <c r="E85801" s="15">
        <v>45402</v>
      </c>
      <c r="F85801" s="14" t="s">
        <v>25</v>
      </c>
      <c r="G85801" s="16">
        <v>0.13845446245643456</v>
      </c>
    </row>
    <row r="85802" spans="1:7" x14ac:dyDescent="0.3">
      <c r="A85802" s="13" t="s">
        <v>432</v>
      </c>
      <c r="B85802" s="14" t="s">
        <v>1</v>
      </c>
      <c r="C85802" s="14" t="s">
        <v>200</v>
      </c>
      <c r="D85802" s="14" t="s">
        <v>213</v>
      </c>
      <c r="E85802" s="15">
        <v>45403</v>
      </c>
      <c r="F85802" s="14" t="s">
        <v>25</v>
      </c>
      <c r="G85802" s="16">
        <v>0.13845446245643456</v>
      </c>
    </row>
    <row r="85803" spans="1:7" x14ac:dyDescent="0.3">
      <c r="A85803" s="13" t="s">
        <v>432</v>
      </c>
      <c r="B85803" s="14" t="s">
        <v>1</v>
      </c>
      <c r="C85803" s="14" t="s">
        <v>200</v>
      </c>
      <c r="D85803" s="14" t="s">
        <v>213</v>
      </c>
      <c r="E85803" s="15">
        <v>45404</v>
      </c>
      <c r="F85803" s="14" t="s">
        <v>25</v>
      </c>
      <c r="G85803" s="16">
        <v>0.13468260029573961</v>
      </c>
    </row>
    <row r="85804" spans="1:7" x14ac:dyDescent="0.3">
      <c r="A85804" s="13" t="s">
        <v>432</v>
      </c>
      <c r="B85804" s="14" t="s">
        <v>1</v>
      </c>
      <c r="C85804" s="14" t="s">
        <v>200</v>
      </c>
      <c r="D85804" s="14" t="s">
        <v>213</v>
      </c>
      <c r="E85804" s="15">
        <v>45405</v>
      </c>
      <c r="F85804" s="14" t="s">
        <v>25</v>
      </c>
      <c r="G85804" s="16">
        <v>0.15480401057675844</v>
      </c>
    </row>
    <row r="85805" spans="1:7" x14ac:dyDescent="0.3">
      <c r="A85805" s="13" t="s">
        <v>432</v>
      </c>
      <c r="B85805" s="14" t="s">
        <v>1</v>
      </c>
      <c r="C85805" s="14" t="s">
        <v>200</v>
      </c>
      <c r="D85805" s="14" t="s">
        <v>213</v>
      </c>
      <c r="E85805" s="15">
        <v>45406</v>
      </c>
      <c r="F85805" s="14" t="s">
        <v>25</v>
      </c>
      <c r="G85805" s="16">
        <v>0.16283333726429736</v>
      </c>
    </row>
    <row r="85806" spans="1:7" x14ac:dyDescent="0.3">
      <c r="A85806" s="13" t="s">
        <v>432</v>
      </c>
      <c r="B85806" s="14" t="s">
        <v>1</v>
      </c>
      <c r="C85806" s="14" t="s">
        <v>200</v>
      </c>
      <c r="D85806" s="14" t="s">
        <v>213</v>
      </c>
      <c r="E85806" s="15">
        <v>45407</v>
      </c>
      <c r="F85806" s="14" t="s">
        <v>25</v>
      </c>
      <c r="G85806" s="16">
        <v>0.16773072340665687</v>
      </c>
    </row>
    <row r="85807" spans="1:7" x14ac:dyDescent="0.3">
      <c r="A85807" s="13" t="s">
        <v>432</v>
      </c>
      <c r="B85807" s="14" t="s">
        <v>1</v>
      </c>
      <c r="C85807" s="14" t="s">
        <v>200</v>
      </c>
      <c r="D85807" s="14" t="s">
        <v>213</v>
      </c>
      <c r="E85807" s="15">
        <v>45408</v>
      </c>
      <c r="F85807" s="14" t="s">
        <v>25</v>
      </c>
      <c r="G85807" s="16">
        <v>0.17366914081949264</v>
      </c>
    </row>
    <row r="85808" spans="1:7" x14ac:dyDescent="0.3">
      <c r="A85808" s="13" t="s">
        <v>432</v>
      </c>
      <c r="B85808" s="14" t="s">
        <v>1</v>
      </c>
      <c r="C85808" s="14" t="s">
        <v>200</v>
      </c>
      <c r="D85808" s="14" t="s">
        <v>213</v>
      </c>
      <c r="E85808" s="15">
        <v>45409</v>
      </c>
      <c r="F85808" s="14" t="s">
        <v>25</v>
      </c>
      <c r="G85808" s="16">
        <v>0.17366914081949264</v>
      </c>
    </row>
    <row r="85809" spans="1:7" x14ac:dyDescent="0.3">
      <c r="A85809" s="13" t="s">
        <v>432</v>
      </c>
      <c r="B85809" s="14" t="s">
        <v>1</v>
      </c>
      <c r="C85809" s="14" t="s">
        <v>200</v>
      </c>
      <c r="D85809" s="14" t="s">
        <v>213</v>
      </c>
      <c r="E85809" s="15">
        <v>45410</v>
      </c>
      <c r="F85809" s="14" t="s">
        <v>25</v>
      </c>
      <c r="G85809" s="16">
        <v>0.17366914081949264</v>
      </c>
    </row>
    <row r="85810" spans="1:7" x14ac:dyDescent="0.3">
      <c r="A85810" s="13" t="s">
        <v>432</v>
      </c>
      <c r="B85810" s="14" t="s">
        <v>1</v>
      </c>
      <c r="C85810" s="14" t="s">
        <v>200</v>
      </c>
      <c r="D85810" s="14" t="s">
        <v>213</v>
      </c>
      <c r="E85810" s="15">
        <v>45411</v>
      </c>
      <c r="F85810" s="14" t="s">
        <v>25</v>
      </c>
      <c r="G85810" s="16">
        <v>0.17866045080718324</v>
      </c>
    </row>
    <row r="85811" spans="1:7" x14ac:dyDescent="0.3">
      <c r="A85811" s="13" t="s">
        <v>432</v>
      </c>
      <c r="B85811" s="14" t="s">
        <v>1</v>
      </c>
      <c r="C85811" s="14" t="s">
        <v>200</v>
      </c>
      <c r="D85811" s="14" t="s">
        <v>213</v>
      </c>
      <c r="E85811" s="15">
        <v>45412</v>
      </c>
      <c r="F85811" s="14" t="s">
        <v>25</v>
      </c>
      <c r="G85811" s="16">
        <v>0.19682803969821414</v>
      </c>
    </row>
    <row r="85812" spans="1:7" x14ac:dyDescent="0.3">
      <c r="A85812" s="13" t="s">
        <v>432</v>
      </c>
      <c r="B85812" s="14" t="s">
        <v>1</v>
      </c>
      <c r="C85812" s="14" t="s">
        <v>200</v>
      </c>
      <c r="D85812" s="14" t="s">
        <v>213</v>
      </c>
      <c r="E85812" s="15">
        <v>45413</v>
      </c>
      <c r="F85812" s="14" t="s">
        <v>25</v>
      </c>
      <c r="G85812" s="16">
        <v>0.20073338111597888</v>
      </c>
    </row>
    <row r="85813" spans="1:7" x14ac:dyDescent="0.3">
      <c r="A85813" s="13" t="s">
        <v>432</v>
      </c>
      <c r="B85813" s="14" t="s">
        <v>1</v>
      </c>
      <c r="C85813" s="14" t="s">
        <v>200</v>
      </c>
      <c r="D85813" s="14" t="s">
        <v>213</v>
      </c>
      <c r="E85813" s="15">
        <v>45414</v>
      </c>
      <c r="F85813" s="14" t="s">
        <v>25</v>
      </c>
      <c r="G85813" s="16">
        <v>0.20737685863035396</v>
      </c>
    </row>
    <row r="85814" spans="1:7" x14ac:dyDescent="0.3">
      <c r="A85814" s="13" t="s">
        <v>432</v>
      </c>
      <c r="B85814" s="14" t="s">
        <v>1</v>
      </c>
      <c r="C85814" s="14" t="s">
        <v>200</v>
      </c>
      <c r="D85814" s="14" t="s">
        <v>213</v>
      </c>
      <c r="E85814" s="15">
        <v>45415</v>
      </c>
      <c r="F85814" s="14" t="s">
        <v>25</v>
      </c>
      <c r="G85814" s="16">
        <v>0.2113917038114394</v>
      </c>
    </row>
    <row r="85815" spans="1:7" x14ac:dyDescent="0.3">
      <c r="A85815" s="13" t="s">
        <v>432</v>
      </c>
      <c r="B85815" s="14" t="s">
        <v>1</v>
      </c>
      <c r="C85815" s="14" t="s">
        <v>200</v>
      </c>
      <c r="D85815" s="14" t="s">
        <v>213</v>
      </c>
      <c r="E85815" s="15">
        <v>45416</v>
      </c>
      <c r="F85815" s="14" t="s">
        <v>25</v>
      </c>
      <c r="G85815" s="16">
        <v>0.2113917038114394</v>
      </c>
    </row>
    <row r="85816" spans="1:7" x14ac:dyDescent="0.3">
      <c r="A85816" s="13" t="s">
        <v>432</v>
      </c>
      <c r="B85816" s="14" t="s">
        <v>1</v>
      </c>
      <c r="C85816" s="14" t="s">
        <v>200</v>
      </c>
      <c r="D85816" s="14" t="s">
        <v>213</v>
      </c>
      <c r="E85816" s="15">
        <v>45417</v>
      </c>
      <c r="F85816" s="14" t="s">
        <v>25</v>
      </c>
      <c r="G85816" s="16">
        <v>0.2113917038114394</v>
      </c>
    </row>
    <row r="85817" spans="1:7" x14ac:dyDescent="0.3">
      <c r="A85817" s="13" t="s">
        <v>432</v>
      </c>
      <c r="B85817" s="14" t="s">
        <v>1</v>
      </c>
      <c r="C85817" s="14" t="s">
        <v>200</v>
      </c>
      <c r="D85817" s="14" t="s">
        <v>213</v>
      </c>
      <c r="E85817" s="15">
        <v>45418</v>
      </c>
      <c r="F85817" s="14" t="s">
        <v>25</v>
      </c>
      <c r="G85817" s="16">
        <v>0.2113917038114394</v>
      </c>
    </row>
    <row r="85818" spans="1:7" x14ac:dyDescent="0.3">
      <c r="A85818" s="13" t="s">
        <v>432</v>
      </c>
      <c r="B85818" s="14" t="s">
        <v>1</v>
      </c>
      <c r="C85818" s="14" t="s">
        <v>200</v>
      </c>
      <c r="D85818" s="14" t="s">
        <v>213</v>
      </c>
      <c r="E85818" s="15">
        <v>45419</v>
      </c>
      <c r="F85818" s="14" t="s">
        <v>25</v>
      </c>
      <c r="G85818" s="16">
        <v>0.21573234214717854</v>
      </c>
    </row>
    <row r="85819" spans="1:7" x14ac:dyDescent="0.3">
      <c r="A85819" s="13" t="s">
        <v>432</v>
      </c>
      <c r="B85819" s="14" t="s">
        <v>1</v>
      </c>
      <c r="C85819" s="14" t="s">
        <v>200</v>
      </c>
      <c r="D85819" s="14" t="s">
        <v>213</v>
      </c>
      <c r="E85819" s="15">
        <v>45420</v>
      </c>
      <c r="F85819" s="14" t="s">
        <v>25</v>
      </c>
      <c r="G85819" s="16">
        <v>0.23498346207217766</v>
      </c>
    </row>
    <row r="85820" spans="1:7" x14ac:dyDescent="0.3">
      <c r="A85820" s="13" t="s">
        <v>432</v>
      </c>
      <c r="B85820" s="14" t="s">
        <v>1</v>
      </c>
      <c r="C85820" s="14" t="s">
        <v>200</v>
      </c>
      <c r="D85820" s="14" t="s">
        <v>213</v>
      </c>
      <c r="E85820" s="15">
        <v>45421</v>
      </c>
      <c r="F85820" s="14" t="s">
        <v>25</v>
      </c>
      <c r="G85820" s="16">
        <v>0.24009585351939641</v>
      </c>
    </row>
    <row r="85821" spans="1:7" x14ac:dyDescent="0.3">
      <c r="A85821" s="13" t="s">
        <v>432</v>
      </c>
      <c r="B85821" s="14" t="s">
        <v>1</v>
      </c>
      <c r="C85821" s="14" t="s">
        <v>200</v>
      </c>
      <c r="D85821" s="14" t="s">
        <v>213</v>
      </c>
      <c r="E85821" s="15">
        <v>45422</v>
      </c>
      <c r="F85821" s="14" t="s">
        <v>25</v>
      </c>
      <c r="G85821" s="16">
        <v>0.24521444991873687</v>
      </c>
    </row>
    <row r="85822" spans="1:7" x14ac:dyDescent="0.3">
      <c r="A85822" s="13" t="s">
        <v>432</v>
      </c>
      <c r="B85822" s="14" t="s">
        <v>1</v>
      </c>
      <c r="C85822" s="14" t="s">
        <v>200</v>
      </c>
      <c r="D85822" s="14" t="s">
        <v>213</v>
      </c>
      <c r="E85822" s="15">
        <v>45423</v>
      </c>
      <c r="F85822" s="14" t="s">
        <v>25</v>
      </c>
      <c r="G85822" s="16">
        <v>0.24521444991873687</v>
      </c>
    </row>
    <row r="85823" spans="1:7" x14ac:dyDescent="0.3">
      <c r="A85823" s="13" t="s">
        <v>432</v>
      </c>
      <c r="B85823" s="14" t="s">
        <v>1</v>
      </c>
      <c r="C85823" s="14" t="s">
        <v>200</v>
      </c>
      <c r="D85823" s="14" t="s">
        <v>213</v>
      </c>
      <c r="E85823" s="15">
        <v>45424</v>
      </c>
      <c r="F85823" s="14" t="s">
        <v>25</v>
      </c>
      <c r="G85823" s="16">
        <v>0.24521444991873687</v>
      </c>
    </row>
    <row r="85824" spans="1:7" x14ac:dyDescent="0.3">
      <c r="A85824" s="13" t="s">
        <v>432</v>
      </c>
      <c r="B85824" s="14" t="s">
        <v>1</v>
      </c>
      <c r="C85824" s="14" t="s">
        <v>200</v>
      </c>
      <c r="D85824" s="14" t="s">
        <v>213</v>
      </c>
      <c r="E85824" s="15">
        <v>45425</v>
      </c>
      <c r="F85824" s="14" t="s">
        <v>25</v>
      </c>
      <c r="G85824" s="16">
        <v>0.2495507751351328</v>
      </c>
    </row>
    <row r="85825" spans="1:7" x14ac:dyDescent="0.3">
      <c r="A85825" s="13" t="s">
        <v>432</v>
      </c>
      <c r="B85825" s="14" t="s">
        <v>1</v>
      </c>
      <c r="C85825" s="14" t="s">
        <v>200</v>
      </c>
      <c r="D85825" s="14" t="s">
        <v>213</v>
      </c>
      <c r="E85825" s="15">
        <v>45426</v>
      </c>
      <c r="F85825" s="14" t="s">
        <v>25</v>
      </c>
      <c r="G85825" s="16">
        <v>0.26892283979027154</v>
      </c>
    </row>
    <row r="85826" spans="1:7" x14ac:dyDescent="0.3">
      <c r="A85826" s="13" t="s">
        <v>432</v>
      </c>
      <c r="B85826" s="14" t="s">
        <v>1</v>
      </c>
      <c r="C85826" s="14" t="s">
        <v>200</v>
      </c>
      <c r="D85826" s="14" t="s">
        <v>213</v>
      </c>
      <c r="E85826" s="15">
        <v>45427</v>
      </c>
      <c r="F85826" s="14" t="s">
        <v>25</v>
      </c>
      <c r="G85826" s="16">
        <v>0.27288421050541672</v>
      </c>
    </row>
    <row r="85827" spans="1:7" x14ac:dyDescent="0.3">
      <c r="A85827" s="13" t="s">
        <v>432</v>
      </c>
      <c r="B85827" s="14" t="s">
        <v>1</v>
      </c>
      <c r="C85827" s="14" t="s">
        <v>200</v>
      </c>
      <c r="D85827" s="14" t="s">
        <v>213</v>
      </c>
      <c r="E85827" s="15">
        <v>45428</v>
      </c>
      <c r="F85827" s="14" t="s">
        <v>25</v>
      </c>
      <c r="G85827" s="16">
        <v>0.28031310247958846</v>
      </c>
    </row>
    <row r="85828" spans="1:7" x14ac:dyDescent="0.3">
      <c r="A85828" s="13" t="s">
        <v>432</v>
      </c>
      <c r="B85828" s="14" t="s">
        <v>1</v>
      </c>
      <c r="C85828" s="14" t="s">
        <v>200</v>
      </c>
      <c r="D85828" s="14" t="s">
        <v>213</v>
      </c>
      <c r="E85828" s="15">
        <v>45429</v>
      </c>
      <c r="F85828" s="14" t="s">
        <v>25</v>
      </c>
      <c r="G85828" s="16">
        <v>0.28685557703601211</v>
      </c>
    </row>
    <row r="85829" spans="1:7" x14ac:dyDescent="0.3">
      <c r="A85829" s="13" t="s">
        <v>432</v>
      </c>
      <c r="B85829" s="14" t="s">
        <v>1</v>
      </c>
      <c r="C85829" s="14" t="s">
        <v>200</v>
      </c>
      <c r="D85829" s="14" t="s">
        <v>213</v>
      </c>
      <c r="E85829" s="15">
        <v>45430</v>
      </c>
      <c r="F85829" s="14" t="s">
        <v>25</v>
      </c>
      <c r="G85829" s="16">
        <v>0.28685557703601211</v>
      </c>
    </row>
    <row r="85830" spans="1:7" x14ac:dyDescent="0.3">
      <c r="A85830" s="13" t="s">
        <v>432</v>
      </c>
      <c r="B85830" s="14" t="s">
        <v>1</v>
      </c>
      <c r="C85830" s="14" t="s">
        <v>200</v>
      </c>
      <c r="D85830" s="14" t="s">
        <v>213</v>
      </c>
      <c r="E85830" s="15">
        <v>45431</v>
      </c>
      <c r="F85830" s="14" t="s">
        <v>25</v>
      </c>
      <c r="G85830" s="16">
        <v>0.28685557703601211</v>
      </c>
    </row>
    <row r="85831" spans="1:7" x14ac:dyDescent="0.3">
      <c r="A85831" s="13" t="s">
        <v>432</v>
      </c>
      <c r="B85831" s="14" t="s">
        <v>1</v>
      </c>
      <c r="C85831" s="14" t="s">
        <v>200</v>
      </c>
      <c r="D85831" s="14" t="s">
        <v>213</v>
      </c>
      <c r="E85831" s="15">
        <v>45432</v>
      </c>
      <c r="F85831" s="14" t="s">
        <v>25</v>
      </c>
      <c r="G85831" s="16">
        <v>0.29096720769612128</v>
      </c>
    </row>
    <row r="85832" spans="1:7" x14ac:dyDescent="0.3">
      <c r="A85832" s="13" t="s">
        <v>432</v>
      </c>
      <c r="B85832" s="14" t="s">
        <v>1</v>
      </c>
      <c r="C85832" s="14" t="s">
        <v>200</v>
      </c>
      <c r="D85832" s="14" t="s">
        <v>213</v>
      </c>
      <c r="E85832" s="15">
        <v>45433</v>
      </c>
      <c r="F85832" s="14" t="s">
        <v>25</v>
      </c>
      <c r="G85832" s="16">
        <v>0.30855784780323703</v>
      </c>
    </row>
    <row r="85833" spans="1:7" x14ac:dyDescent="0.3">
      <c r="A85833" s="13" t="s">
        <v>432</v>
      </c>
      <c r="B85833" s="14" t="s">
        <v>1</v>
      </c>
      <c r="C85833" s="14" t="s">
        <v>200</v>
      </c>
      <c r="D85833" s="14" t="s">
        <v>213</v>
      </c>
      <c r="E85833" s="15">
        <v>45434</v>
      </c>
      <c r="F85833" s="14" t="s">
        <v>25</v>
      </c>
      <c r="G85833" s="16">
        <v>0.31647886283438004</v>
      </c>
    </row>
    <row r="85834" spans="1:7" x14ac:dyDescent="0.3">
      <c r="A85834" s="13" t="s">
        <v>432</v>
      </c>
      <c r="B85834" s="14" t="s">
        <v>1</v>
      </c>
      <c r="C85834" s="14" t="s">
        <v>200</v>
      </c>
      <c r="D85834" s="14" t="s">
        <v>213</v>
      </c>
      <c r="E85834" s="15">
        <v>45435</v>
      </c>
      <c r="F85834" s="14" t="s">
        <v>25</v>
      </c>
      <c r="G85834" s="16">
        <v>0.32151455026642606</v>
      </c>
    </row>
    <row r="85835" spans="1:7" x14ac:dyDescent="0.3">
      <c r="A85835" s="13" t="s">
        <v>432</v>
      </c>
      <c r="B85835" s="14" t="s">
        <v>1</v>
      </c>
      <c r="C85835" s="14" t="s">
        <v>200</v>
      </c>
      <c r="D85835" s="14" t="s">
        <v>213</v>
      </c>
      <c r="E85835" s="15">
        <v>45436</v>
      </c>
      <c r="F85835" s="14" t="s">
        <v>25</v>
      </c>
      <c r="G85835" s="16">
        <v>0.32702827018544256</v>
      </c>
    </row>
    <row r="85836" spans="1:7" x14ac:dyDescent="0.3">
      <c r="A85836" s="13" t="s">
        <v>432</v>
      </c>
      <c r="B85836" s="14" t="s">
        <v>1</v>
      </c>
      <c r="C85836" s="14" t="s">
        <v>200</v>
      </c>
      <c r="D85836" s="14" t="s">
        <v>213</v>
      </c>
      <c r="E85836" s="15">
        <v>45437</v>
      </c>
      <c r="F85836" s="14" t="s">
        <v>25</v>
      </c>
      <c r="G85836" s="16">
        <v>0.32702827018544256</v>
      </c>
    </row>
    <row r="85837" spans="1:7" x14ac:dyDescent="0.3">
      <c r="A85837" s="13" t="s">
        <v>432</v>
      </c>
      <c r="B85837" s="14" t="s">
        <v>1</v>
      </c>
      <c r="C85837" s="14" t="s">
        <v>200</v>
      </c>
      <c r="D85837" s="14" t="s">
        <v>213</v>
      </c>
      <c r="E85837" s="15">
        <v>45438</v>
      </c>
      <c r="F85837" s="14" t="s">
        <v>25</v>
      </c>
      <c r="G85837" s="16">
        <v>0.32702827018544256</v>
      </c>
    </row>
    <row r="85838" spans="1:7" x14ac:dyDescent="0.3">
      <c r="A85838" s="13" t="s">
        <v>432</v>
      </c>
      <c r="B85838" s="14" t="s">
        <v>1</v>
      </c>
      <c r="C85838" s="14" t="s">
        <v>200</v>
      </c>
      <c r="D85838" s="14" t="s">
        <v>213</v>
      </c>
      <c r="E85838" s="15">
        <v>45439</v>
      </c>
      <c r="F85838" s="14" t="s">
        <v>25</v>
      </c>
      <c r="G85838" s="16">
        <v>0.32702827018544256</v>
      </c>
    </row>
    <row r="85839" spans="1:7" x14ac:dyDescent="0.3">
      <c r="A85839" s="13" t="s">
        <v>432</v>
      </c>
      <c r="B85839" s="14" t="s">
        <v>1</v>
      </c>
      <c r="C85839" s="14" t="s">
        <v>200</v>
      </c>
      <c r="D85839" s="14" t="s">
        <v>213</v>
      </c>
      <c r="E85839" s="15">
        <v>45440</v>
      </c>
      <c r="F85839" s="14" t="s">
        <v>25</v>
      </c>
      <c r="G85839" s="16">
        <v>0.3315945742055495</v>
      </c>
    </row>
    <row r="85840" spans="1:7" x14ac:dyDescent="0.3">
      <c r="A85840" s="13" t="s">
        <v>432</v>
      </c>
      <c r="B85840" s="14" t="s">
        <v>1</v>
      </c>
      <c r="C85840" s="14" t="s">
        <v>200</v>
      </c>
      <c r="D85840" s="14" t="s">
        <v>213</v>
      </c>
      <c r="E85840" s="15">
        <v>45441</v>
      </c>
      <c r="F85840" s="14" t="s">
        <v>25</v>
      </c>
      <c r="G85840" s="16">
        <v>0.34217102401685728</v>
      </c>
    </row>
    <row r="85841" spans="1:7" x14ac:dyDescent="0.3">
      <c r="A85841" s="13" t="s">
        <v>432</v>
      </c>
      <c r="B85841" s="14" t="s">
        <v>1</v>
      </c>
      <c r="C85841" s="14" t="s">
        <v>200</v>
      </c>
      <c r="D85841" s="14" t="s">
        <v>213</v>
      </c>
      <c r="E85841" s="15">
        <v>45442</v>
      </c>
      <c r="F85841" s="14" t="s">
        <v>25</v>
      </c>
      <c r="G85841" s="16">
        <v>0.34019711945237319</v>
      </c>
    </row>
    <row r="85842" spans="1:7" x14ac:dyDescent="0.3">
      <c r="A85842" s="13" t="s">
        <v>432</v>
      </c>
      <c r="B85842" s="14" t="s">
        <v>1</v>
      </c>
      <c r="C85842" s="14" t="s">
        <v>200</v>
      </c>
      <c r="D85842" s="14" t="s">
        <v>213</v>
      </c>
      <c r="E85842" s="15">
        <v>45443</v>
      </c>
      <c r="F85842" s="14" t="s">
        <v>25</v>
      </c>
      <c r="G85842" s="16">
        <v>0.34434246785021061</v>
      </c>
    </row>
    <row r="85843" spans="1:7" x14ac:dyDescent="0.3">
      <c r="A85843" s="13" t="s">
        <v>432</v>
      </c>
      <c r="B85843" s="14" t="s">
        <v>1</v>
      </c>
      <c r="C85843" s="14" t="s">
        <v>200</v>
      </c>
      <c r="D85843" s="14" t="s">
        <v>213</v>
      </c>
      <c r="E85843" s="15">
        <v>45444</v>
      </c>
      <c r="F85843" s="14" t="s">
        <v>25</v>
      </c>
      <c r="G85843" s="16">
        <v>0.34434246785021061</v>
      </c>
    </row>
    <row r="85844" spans="1:7" x14ac:dyDescent="0.3">
      <c r="A85844" s="13" t="s">
        <v>432</v>
      </c>
      <c r="B85844" s="14" t="s">
        <v>1</v>
      </c>
      <c r="C85844" s="14" t="s">
        <v>200</v>
      </c>
      <c r="D85844" s="14" t="s">
        <v>213</v>
      </c>
      <c r="E85844" s="15">
        <v>45445</v>
      </c>
      <c r="F85844" s="14" t="s">
        <v>25</v>
      </c>
      <c r="G85844" s="16">
        <v>0.34434246785021061</v>
      </c>
    </row>
    <row r="85845" spans="1:7" x14ac:dyDescent="0.3">
      <c r="A85845" s="13" t="s">
        <v>432</v>
      </c>
      <c r="B85845" s="14" t="s">
        <v>1</v>
      </c>
      <c r="C85845" s="14" t="s">
        <v>200</v>
      </c>
      <c r="D85845" s="14" t="s">
        <v>213</v>
      </c>
      <c r="E85845" s="15">
        <v>45446</v>
      </c>
      <c r="F85845" s="14" t="s">
        <v>25</v>
      </c>
      <c r="G85845" s="16">
        <v>0.34434246785021061</v>
      </c>
    </row>
    <row r="85846" spans="1:7" x14ac:dyDescent="0.3">
      <c r="A85846" s="13" t="s">
        <v>432</v>
      </c>
      <c r="B85846" s="14" t="s">
        <v>1</v>
      </c>
      <c r="C85846" s="14" t="s">
        <v>200</v>
      </c>
      <c r="D85846" s="14" t="s">
        <v>213</v>
      </c>
      <c r="E85846" s="15">
        <v>45447</v>
      </c>
      <c r="F85846" s="14" t="s">
        <v>25</v>
      </c>
      <c r="G85846" s="16">
        <v>0.34593200405937058</v>
      </c>
    </row>
    <row r="85847" spans="1:7" x14ac:dyDescent="0.3">
      <c r="A85847" s="13" t="s">
        <v>432</v>
      </c>
      <c r="B85847" s="14" t="s">
        <v>1</v>
      </c>
      <c r="C85847" s="14" t="s">
        <v>200</v>
      </c>
      <c r="D85847" s="14" t="s">
        <v>213</v>
      </c>
      <c r="E85847" s="15">
        <v>45448</v>
      </c>
      <c r="F85847" s="14" t="s">
        <v>25</v>
      </c>
      <c r="G85847" s="16">
        <v>0.36750177384291105</v>
      </c>
    </row>
    <row r="85848" spans="1:7" x14ac:dyDescent="0.3">
      <c r="A85848" s="13" t="s">
        <v>432</v>
      </c>
      <c r="B85848" s="14" t="s">
        <v>1</v>
      </c>
      <c r="C85848" s="14" t="s">
        <v>200</v>
      </c>
      <c r="D85848" s="14" t="s">
        <v>213</v>
      </c>
      <c r="E85848" s="15">
        <v>45449</v>
      </c>
      <c r="F85848" s="14" t="s">
        <v>25</v>
      </c>
      <c r="G85848" s="16">
        <v>0.37085288586035853</v>
      </c>
    </row>
    <row r="85849" spans="1:7" x14ac:dyDescent="0.3">
      <c r="A85849" s="13" t="s">
        <v>432</v>
      </c>
      <c r="B85849" s="14" t="s">
        <v>1</v>
      </c>
      <c r="C85849" s="14" t="s">
        <v>200</v>
      </c>
      <c r="D85849" s="14" t="s">
        <v>213</v>
      </c>
      <c r="E85849" s="15">
        <v>45450</v>
      </c>
      <c r="F85849" s="14" t="s">
        <v>25</v>
      </c>
      <c r="G85849" s="16">
        <v>0.37877020342076312</v>
      </c>
    </row>
    <row r="85850" spans="1:7" x14ac:dyDescent="0.3">
      <c r="A85850" s="13" t="s">
        <v>432</v>
      </c>
      <c r="B85850" s="14" t="s">
        <v>1</v>
      </c>
      <c r="C85850" s="14" t="s">
        <v>200</v>
      </c>
      <c r="D85850" s="14" t="s">
        <v>213</v>
      </c>
      <c r="E85850" s="15">
        <v>45451</v>
      </c>
      <c r="F85850" s="14" t="s">
        <v>25</v>
      </c>
      <c r="G85850" s="16">
        <v>0.37877020342076312</v>
      </c>
    </row>
    <row r="85851" spans="1:7" x14ac:dyDescent="0.3">
      <c r="A85851" s="13" t="s">
        <v>432</v>
      </c>
      <c r="B85851" s="14" t="s">
        <v>1</v>
      </c>
      <c r="C85851" s="14" t="s">
        <v>200</v>
      </c>
      <c r="D85851" s="14" t="s">
        <v>213</v>
      </c>
      <c r="E85851" s="15">
        <v>45452</v>
      </c>
      <c r="F85851" s="14" t="s">
        <v>25</v>
      </c>
      <c r="G85851" s="16">
        <v>0.37877020342076312</v>
      </c>
    </row>
    <row r="85852" spans="1:7" x14ac:dyDescent="0.3">
      <c r="A85852" s="13" t="s">
        <v>432</v>
      </c>
      <c r="B85852" s="14" t="s">
        <v>1</v>
      </c>
      <c r="C85852" s="14" t="s">
        <v>200</v>
      </c>
      <c r="D85852" s="14" t="s">
        <v>213</v>
      </c>
      <c r="E85852" s="15">
        <v>45453</v>
      </c>
      <c r="F85852" s="14" t="s">
        <v>25</v>
      </c>
      <c r="G85852" s="16">
        <v>0.38429512911206987</v>
      </c>
    </row>
    <row r="85853" spans="1:7" x14ac:dyDescent="0.3">
      <c r="A85853" s="13" t="s">
        <v>432</v>
      </c>
      <c r="B85853" s="14" t="s">
        <v>1</v>
      </c>
      <c r="C85853" s="14" t="s">
        <v>200</v>
      </c>
      <c r="D85853" s="14" t="s">
        <v>213</v>
      </c>
      <c r="E85853" s="15">
        <v>45454</v>
      </c>
      <c r="F85853" s="14" t="s">
        <v>25</v>
      </c>
      <c r="G85853" s="16">
        <v>0.39973245184340866</v>
      </c>
    </row>
    <row r="85854" spans="1:7" x14ac:dyDescent="0.3">
      <c r="A85854" s="13" t="s">
        <v>432</v>
      </c>
      <c r="B85854" s="14" t="s">
        <v>1</v>
      </c>
      <c r="C85854" s="14" t="s">
        <v>200</v>
      </c>
      <c r="D85854" s="14" t="s">
        <v>213</v>
      </c>
      <c r="E85854" s="15">
        <v>45455</v>
      </c>
      <c r="F85854" s="14" t="s">
        <v>25</v>
      </c>
      <c r="G85854" s="16">
        <v>0.40515106796619588</v>
      </c>
    </row>
    <row r="85855" spans="1:7" x14ac:dyDescent="0.3">
      <c r="A85855" s="13" t="s">
        <v>432</v>
      </c>
      <c r="B85855" s="14" t="s">
        <v>1</v>
      </c>
      <c r="C85855" s="14" t="s">
        <v>200</v>
      </c>
      <c r="D85855" s="14" t="s">
        <v>213</v>
      </c>
      <c r="E85855" s="15">
        <v>45456</v>
      </c>
      <c r="F85855" s="14" t="s">
        <v>25</v>
      </c>
      <c r="G85855" s="16">
        <v>0.40850030688311262</v>
      </c>
    </row>
    <row r="85856" spans="1:7" x14ac:dyDescent="0.3">
      <c r="A85856" s="13" t="s">
        <v>432</v>
      </c>
      <c r="B85856" s="14" t="s">
        <v>1</v>
      </c>
      <c r="C85856" s="14" t="s">
        <v>200</v>
      </c>
      <c r="D85856" s="14" t="s">
        <v>213</v>
      </c>
      <c r="E85856" s="15">
        <v>45457</v>
      </c>
      <c r="F85856" s="14" t="s">
        <v>25</v>
      </c>
      <c r="G85856" s="16">
        <v>0.41188116998379559</v>
      </c>
    </row>
    <row r="85857" spans="1:7" x14ac:dyDescent="0.3">
      <c r="A85857" s="13" t="s">
        <v>432</v>
      </c>
      <c r="B85857" s="14" t="s">
        <v>1</v>
      </c>
      <c r="C85857" s="14" t="s">
        <v>200</v>
      </c>
      <c r="D85857" s="14" t="s">
        <v>213</v>
      </c>
      <c r="E85857" s="15">
        <v>45458</v>
      </c>
      <c r="F85857" s="14" t="s">
        <v>25</v>
      </c>
      <c r="G85857" s="16">
        <v>0.41188116998379559</v>
      </c>
    </row>
    <row r="85858" spans="1:7" x14ac:dyDescent="0.3">
      <c r="A85858" s="13" t="s">
        <v>432</v>
      </c>
      <c r="B85858" s="14" t="s">
        <v>1</v>
      </c>
      <c r="C85858" s="14" t="s">
        <v>200</v>
      </c>
      <c r="D85858" s="14" t="s">
        <v>213</v>
      </c>
      <c r="E85858" s="15">
        <v>45459</v>
      </c>
      <c r="F85858" s="14" t="s">
        <v>25</v>
      </c>
      <c r="G85858" s="16">
        <v>0.41188116998379559</v>
      </c>
    </row>
    <row r="85859" spans="1:7" x14ac:dyDescent="0.3">
      <c r="A85859" s="13" t="s">
        <v>432</v>
      </c>
      <c r="B85859" s="14" t="s">
        <v>1</v>
      </c>
      <c r="C85859" s="14" t="s">
        <v>200</v>
      </c>
      <c r="D85859" s="14" t="s">
        <v>213</v>
      </c>
      <c r="E85859" s="15">
        <v>45460</v>
      </c>
      <c r="F85859" s="14" t="s">
        <v>25</v>
      </c>
      <c r="G85859" s="16">
        <v>0.424063612125687</v>
      </c>
    </row>
    <row r="85860" spans="1:7" x14ac:dyDescent="0.3">
      <c r="A85860" s="13" t="s">
        <v>432</v>
      </c>
      <c r="B85860" s="14" t="s">
        <v>1</v>
      </c>
      <c r="C85860" s="14" t="s">
        <v>200</v>
      </c>
      <c r="D85860" s="14" t="s">
        <v>213</v>
      </c>
      <c r="E85860" s="15">
        <v>45461</v>
      </c>
      <c r="F85860" s="14" t="s">
        <v>25</v>
      </c>
      <c r="G85860" s="16">
        <v>0.43549973065340114</v>
      </c>
    </row>
    <row r="85861" spans="1:7" x14ac:dyDescent="0.3">
      <c r="A85861" s="13" t="s">
        <v>432</v>
      </c>
      <c r="B85861" s="14" t="s">
        <v>1</v>
      </c>
      <c r="C85861" s="14" t="s">
        <v>200</v>
      </c>
      <c r="D85861" s="14" t="s">
        <v>213</v>
      </c>
      <c r="E85861" s="15">
        <v>45462</v>
      </c>
      <c r="F85861" s="14" t="s">
        <v>25</v>
      </c>
      <c r="G85861" s="16">
        <v>0.43549973065340114</v>
      </c>
    </row>
    <row r="85862" spans="1:7" x14ac:dyDescent="0.3">
      <c r="A85862" s="13" t="s">
        <v>432</v>
      </c>
      <c r="B85862" s="14" t="s">
        <v>1</v>
      </c>
      <c r="C85862" s="14" t="s">
        <v>200</v>
      </c>
      <c r="D85862" s="14" t="s">
        <v>213</v>
      </c>
      <c r="E85862" s="15">
        <v>45463</v>
      </c>
      <c r="F85862" s="14" t="s">
        <v>25</v>
      </c>
      <c r="G85862" s="16">
        <v>0.4436992544125955</v>
      </c>
    </row>
    <row r="85863" spans="1:7" x14ac:dyDescent="0.3">
      <c r="A85863" s="13" t="s">
        <v>432</v>
      </c>
      <c r="B85863" s="14" t="s">
        <v>1</v>
      </c>
      <c r="C85863" s="14" t="s">
        <v>200</v>
      </c>
      <c r="D85863" s="14" t="s">
        <v>213</v>
      </c>
      <c r="E85863" s="15">
        <v>45464</v>
      </c>
      <c r="F85863" s="14" t="s">
        <v>25</v>
      </c>
      <c r="G85863" s="16">
        <v>0.4545171963077792</v>
      </c>
    </row>
    <row r="85864" spans="1:7" x14ac:dyDescent="0.3">
      <c r="A85864" s="13" t="s">
        <v>432</v>
      </c>
      <c r="B85864" s="14" t="s">
        <v>1</v>
      </c>
      <c r="C85864" s="14" t="s">
        <v>200</v>
      </c>
      <c r="D85864" s="14" t="s">
        <v>213</v>
      </c>
      <c r="E85864" s="15">
        <v>45465</v>
      </c>
      <c r="F85864" s="14" t="s">
        <v>25</v>
      </c>
      <c r="G85864" s="16">
        <v>0.4545171963077792</v>
      </c>
    </row>
    <row r="85865" spans="1:7" x14ac:dyDescent="0.3">
      <c r="A85865" s="13" t="s">
        <v>432</v>
      </c>
      <c r="B85865" s="14" t="s">
        <v>1</v>
      </c>
      <c r="C85865" s="14" t="s">
        <v>200</v>
      </c>
      <c r="D85865" s="14" t="s">
        <v>213</v>
      </c>
      <c r="E85865" s="15">
        <v>45466</v>
      </c>
      <c r="F85865" s="14" t="s">
        <v>25</v>
      </c>
      <c r="G85865" s="16">
        <v>0.4545171963077792</v>
      </c>
    </row>
    <row r="85866" spans="1:7" x14ac:dyDescent="0.3">
      <c r="A85866" s="13" t="s">
        <v>432</v>
      </c>
      <c r="B85866" s="14" t="s">
        <v>1</v>
      </c>
      <c r="C85866" s="14" t="s">
        <v>200</v>
      </c>
      <c r="D85866" s="14" t="s">
        <v>213</v>
      </c>
      <c r="E85866" s="15">
        <v>45467</v>
      </c>
      <c r="F85866" s="14" t="s">
        <v>25</v>
      </c>
      <c r="G85866" s="16">
        <v>0.45949486634747666</v>
      </c>
    </row>
    <row r="85867" spans="1:7" x14ac:dyDescent="0.3">
      <c r="A85867" s="13" t="s">
        <v>432</v>
      </c>
      <c r="B85867" s="14" t="s">
        <v>1</v>
      </c>
      <c r="C85867" s="14" t="s">
        <v>200</v>
      </c>
      <c r="D85867" s="14" t="s">
        <v>213</v>
      </c>
      <c r="E85867" s="15">
        <v>45468</v>
      </c>
      <c r="F85867" s="14" t="s">
        <v>25</v>
      </c>
      <c r="G85867" s="16">
        <v>0.47585888119483788</v>
      </c>
    </row>
    <row r="85868" spans="1:7" x14ac:dyDescent="0.3">
      <c r="A85868" s="13" t="s">
        <v>432</v>
      </c>
      <c r="B85868" s="14" t="s">
        <v>1</v>
      </c>
      <c r="C85868" s="14" t="s">
        <v>200</v>
      </c>
      <c r="D85868" s="14" t="s">
        <v>213</v>
      </c>
      <c r="E85868" s="15">
        <v>45469</v>
      </c>
      <c r="F85868" s="14" t="s">
        <v>25</v>
      </c>
      <c r="G85868" s="16">
        <v>0.48245898858175557</v>
      </c>
    </row>
    <row r="85869" spans="1:7" x14ac:dyDescent="0.3">
      <c r="A85869" s="13" t="s">
        <v>432</v>
      </c>
      <c r="B85869" s="14" t="s">
        <v>1</v>
      </c>
      <c r="C85869" s="14" t="s">
        <v>200</v>
      </c>
      <c r="D85869" s="14" t="s">
        <v>213</v>
      </c>
      <c r="E85869" s="15">
        <v>45470</v>
      </c>
      <c r="F85869" s="14" t="s">
        <v>25</v>
      </c>
      <c r="G85869" s="16">
        <v>0.48929997889910515</v>
      </c>
    </row>
    <row r="85870" spans="1:7" x14ac:dyDescent="0.3">
      <c r="A85870" s="13" t="s">
        <v>432</v>
      </c>
      <c r="B85870" s="14" t="s">
        <v>1</v>
      </c>
      <c r="C85870" s="14" t="s">
        <v>200</v>
      </c>
      <c r="D85870" s="14" t="s">
        <v>213</v>
      </c>
      <c r="E85870" s="15">
        <v>45471</v>
      </c>
      <c r="F85870" s="14" t="s">
        <v>25</v>
      </c>
      <c r="G85870" s="16">
        <v>0.49287729748252884</v>
      </c>
    </row>
    <row r="85871" spans="1:7" x14ac:dyDescent="0.3">
      <c r="A85871" s="13" t="s">
        <v>432</v>
      </c>
      <c r="B85871" s="14" t="s">
        <v>1</v>
      </c>
      <c r="C85871" s="14" t="s">
        <v>200</v>
      </c>
      <c r="D85871" s="14" t="s">
        <v>213</v>
      </c>
      <c r="E85871" s="15">
        <v>45472</v>
      </c>
      <c r="F85871" s="14" t="s">
        <v>25</v>
      </c>
      <c r="G85871" s="16">
        <v>0.49287729748252884</v>
      </c>
    </row>
    <row r="85872" spans="1:7" x14ac:dyDescent="0.3">
      <c r="A85872" s="13" t="s">
        <v>432</v>
      </c>
      <c r="B85872" s="14" t="s">
        <v>1</v>
      </c>
      <c r="C85872" s="14" t="s">
        <v>200</v>
      </c>
      <c r="D85872" s="14" t="s">
        <v>213</v>
      </c>
      <c r="E85872" s="15">
        <v>45473</v>
      </c>
      <c r="F85872" s="14" t="s">
        <v>25</v>
      </c>
      <c r="G85872" s="16">
        <v>0.49287729748252884</v>
      </c>
    </row>
    <row r="85873" spans="1:7" x14ac:dyDescent="0.3">
      <c r="A85873" s="13" t="s">
        <v>432</v>
      </c>
      <c r="B85873" s="14" t="s">
        <v>1</v>
      </c>
      <c r="C85873" s="14" t="s">
        <v>200</v>
      </c>
      <c r="D85873" s="14" t="s">
        <v>213</v>
      </c>
      <c r="E85873" s="15">
        <v>45474</v>
      </c>
      <c r="F85873" s="14" t="s">
        <v>25</v>
      </c>
      <c r="G85873" s="16">
        <v>0.50024307745735763</v>
      </c>
    </row>
    <row r="85874" spans="1:7" x14ac:dyDescent="0.3">
      <c r="A85874" s="13" t="s">
        <v>432</v>
      </c>
      <c r="B85874" s="14" t="s">
        <v>1</v>
      </c>
      <c r="C85874" s="14" t="s">
        <v>200</v>
      </c>
      <c r="D85874" s="14" t="s">
        <v>213</v>
      </c>
      <c r="E85874" s="15">
        <v>45475</v>
      </c>
      <c r="F85874" s="14" t="s">
        <v>25</v>
      </c>
      <c r="G85874" s="16">
        <v>0.51780559064861786</v>
      </c>
    </row>
    <row r="85875" spans="1:7" x14ac:dyDescent="0.3">
      <c r="A85875" s="13" t="s">
        <v>432</v>
      </c>
      <c r="B85875" s="14" t="s">
        <v>1</v>
      </c>
      <c r="C85875" s="14" t="s">
        <v>200</v>
      </c>
      <c r="D85875" s="14" t="s">
        <v>213</v>
      </c>
      <c r="E85875" s="15">
        <v>45476</v>
      </c>
      <c r="F85875" s="14" t="s">
        <v>25</v>
      </c>
      <c r="G85875" s="16">
        <v>0.52105859205068616</v>
      </c>
    </row>
    <row r="85876" spans="1:7" x14ac:dyDescent="0.3">
      <c r="A85876" s="13" t="s">
        <v>432</v>
      </c>
      <c r="B85876" s="14" t="s">
        <v>1</v>
      </c>
      <c r="C85876" s="14" t="s">
        <v>200</v>
      </c>
      <c r="D85876" s="14" t="s">
        <v>213</v>
      </c>
      <c r="E85876" s="15">
        <v>45477</v>
      </c>
      <c r="F85876" s="14" t="s">
        <v>25</v>
      </c>
      <c r="G85876" s="16">
        <v>0.52105859205068616</v>
      </c>
    </row>
    <row r="85877" spans="1:7" x14ac:dyDescent="0.3">
      <c r="A85877" s="13" t="s">
        <v>432</v>
      </c>
      <c r="B85877" s="14" t="s">
        <v>1</v>
      </c>
      <c r="C85877" s="14" t="s">
        <v>200</v>
      </c>
      <c r="D85877" s="14" t="s">
        <v>213</v>
      </c>
      <c r="E85877" s="15">
        <v>45478</v>
      </c>
      <c r="F85877" s="14" t="s">
        <v>25</v>
      </c>
      <c r="G85877" s="16">
        <v>0.52299814913793907</v>
      </c>
    </row>
    <row r="85878" spans="1:7" x14ac:dyDescent="0.3">
      <c r="A85878" s="13" t="s">
        <v>432</v>
      </c>
      <c r="B85878" s="14" t="s">
        <v>1</v>
      </c>
      <c r="C85878" s="14" t="s">
        <v>200</v>
      </c>
      <c r="D85878" s="14" t="s">
        <v>213</v>
      </c>
      <c r="E85878" s="15">
        <v>45479</v>
      </c>
      <c r="F85878" s="14" t="s">
        <v>25</v>
      </c>
      <c r="G85878" s="16">
        <v>0.52299814913793907</v>
      </c>
    </row>
    <row r="85879" spans="1:7" x14ac:dyDescent="0.3">
      <c r="A85879" s="13" t="s">
        <v>432</v>
      </c>
      <c r="B85879" s="14" t="s">
        <v>1</v>
      </c>
      <c r="C85879" s="14" t="s">
        <v>200</v>
      </c>
      <c r="D85879" s="14" t="s">
        <v>213</v>
      </c>
      <c r="E85879" s="15">
        <v>45480</v>
      </c>
      <c r="F85879" s="14" t="s">
        <v>25</v>
      </c>
      <c r="G85879" s="16">
        <v>0.52299814913793907</v>
      </c>
    </row>
    <row r="85880" spans="1:7" x14ac:dyDescent="0.3">
      <c r="A85880" s="13" t="s">
        <v>432</v>
      </c>
      <c r="B85880" s="14" t="s">
        <v>1</v>
      </c>
      <c r="C85880" s="14" t="s">
        <v>200</v>
      </c>
      <c r="D85880" s="14" t="s">
        <v>213</v>
      </c>
      <c r="E85880" s="15">
        <v>45481</v>
      </c>
      <c r="F85880" s="14" t="s">
        <v>25</v>
      </c>
      <c r="G85880" s="16">
        <v>0.5324939772111249</v>
      </c>
    </row>
    <row r="85881" spans="1:7" x14ac:dyDescent="0.3">
      <c r="A85881" s="13" t="s">
        <v>432</v>
      </c>
      <c r="B85881" s="14" t="s">
        <v>1</v>
      </c>
      <c r="C85881" s="14" t="s">
        <v>200</v>
      </c>
      <c r="D85881" s="14" t="s">
        <v>213</v>
      </c>
      <c r="E85881" s="15">
        <v>45482</v>
      </c>
      <c r="F85881" s="14" t="s">
        <v>25</v>
      </c>
      <c r="G85881" s="16">
        <v>0.54858827237745755</v>
      </c>
    </row>
    <row r="85882" spans="1:7" x14ac:dyDescent="0.3">
      <c r="A85882" s="13" t="s">
        <v>432</v>
      </c>
      <c r="B85882" s="14" t="s">
        <v>1</v>
      </c>
      <c r="C85882" s="14" t="s">
        <v>200</v>
      </c>
      <c r="D85882" s="14" t="s">
        <v>213</v>
      </c>
      <c r="E85882" s="15">
        <v>45483</v>
      </c>
      <c r="F85882" s="14" t="s">
        <v>25</v>
      </c>
      <c r="G85882" s="16">
        <v>0.5550741604567212</v>
      </c>
    </row>
    <row r="85883" spans="1:7" x14ac:dyDescent="0.3">
      <c r="A85883" s="13" t="s">
        <v>432</v>
      </c>
      <c r="B85883" s="14" t="s">
        <v>1</v>
      </c>
      <c r="C85883" s="14" t="s">
        <v>200</v>
      </c>
      <c r="D85883" s="14" t="s">
        <v>213</v>
      </c>
      <c r="E85883" s="15">
        <v>45484</v>
      </c>
      <c r="F85883" s="14" t="s">
        <v>25</v>
      </c>
      <c r="G85883" s="16">
        <v>0.55718235108357994</v>
      </c>
    </row>
    <row r="85884" spans="1:7" x14ac:dyDescent="0.3">
      <c r="A85884" s="13" t="s">
        <v>432</v>
      </c>
      <c r="B85884" s="14" t="s">
        <v>1</v>
      </c>
      <c r="C85884" s="14" t="s">
        <v>200</v>
      </c>
      <c r="D85884" s="14" t="s">
        <v>213</v>
      </c>
      <c r="E85884" s="15">
        <v>45485</v>
      </c>
      <c r="F85884" s="14" t="s">
        <v>25</v>
      </c>
      <c r="G85884" s="16">
        <v>0.56080609632838596</v>
      </c>
    </row>
    <row r="85885" spans="1:7" x14ac:dyDescent="0.3">
      <c r="A85885" s="13" t="s">
        <v>432</v>
      </c>
      <c r="B85885" s="14" t="s">
        <v>1</v>
      </c>
      <c r="C85885" s="14" t="s">
        <v>200</v>
      </c>
      <c r="D85885" s="14" t="s">
        <v>213</v>
      </c>
      <c r="E85885" s="15">
        <v>45486</v>
      </c>
      <c r="F85885" s="14" t="s">
        <v>25</v>
      </c>
      <c r="G85885" s="16">
        <v>0.56080609632838596</v>
      </c>
    </row>
    <row r="85886" spans="1:7" x14ac:dyDescent="0.3">
      <c r="A85886" s="13" t="s">
        <v>432</v>
      </c>
      <c r="B85886" s="14" t="s">
        <v>1</v>
      </c>
      <c r="C85886" s="14" t="s">
        <v>200</v>
      </c>
      <c r="D85886" s="14" t="s">
        <v>213</v>
      </c>
      <c r="E85886" s="15">
        <v>45487</v>
      </c>
      <c r="F85886" s="14" t="s">
        <v>25</v>
      </c>
      <c r="G85886" s="16">
        <v>0.56080609632838596</v>
      </c>
    </row>
    <row r="85887" spans="1:7" x14ac:dyDescent="0.3">
      <c r="A85887" s="13" t="s">
        <v>432</v>
      </c>
      <c r="B85887" s="14" t="s">
        <v>1</v>
      </c>
      <c r="C85887" s="14" t="s">
        <v>200</v>
      </c>
      <c r="D85887" s="14" t="s">
        <v>213</v>
      </c>
      <c r="E85887" s="15">
        <v>45488</v>
      </c>
      <c r="F85887" s="14" t="s">
        <v>25</v>
      </c>
      <c r="G85887" s="16">
        <v>0.56261328706976499</v>
      </c>
    </row>
    <row r="85888" spans="1:7" x14ac:dyDescent="0.3">
      <c r="A85888" s="13" t="s">
        <v>432</v>
      </c>
      <c r="B85888" s="14" t="s">
        <v>1</v>
      </c>
      <c r="C85888" s="14" t="s">
        <v>200</v>
      </c>
      <c r="D85888" s="14" t="s">
        <v>213</v>
      </c>
      <c r="E85888" s="15">
        <v>45489</v>
      </c>
      <c r="F85888" s="14" t="s">
        <v>25</v>
      </c>
      <c r="G85888" s="16">
        <v>0.57734592716539357</v>
      </c>
    </row>
    <row r="85889" spans="1:7" x14ac:dyDescent="0.3">
      <c r="A85889" s="13" t="s">
        <v>432</v>
      </c>
      <c r="B85889" s="14" t="s">
        <v>1</v>
      </c>
      <c r="C85889" s="14" t="s">
        <v>200</v>
      </c>
      <c r="D85889" s="14" t="s">
        <v>213</v>
      </c>
      <c r="E85889" s="15">
        <v>45490</v>
      </c>
      <c r="F85889" s="14" t="s">
        <v>25</v>
      </c>
      <c r="G85889" s="16">
        <v>0.56727944486292758</v>
      </c>
    </row>
    <row r="85890" spans="1:7" x14ac:dyDescent="0.3">
      <c r="A85890" s="13" t="s">
        <v>432</v>
      </c>
      <c r="B85890" s="14" t="s">
        <v>1</v>
      </c>
      <c r="C85890" s="14" t="s">
        <v>200</v>
      </c>
      <c r="D85890" s="14" t="s">
        <v>213</v>
      </c>
      <c r="E85890" s="15">
        <v>45491</v>
      </c>
      <c r="F85890" s="14" t="s">
        <v>25</v>
      </c>
      <c r="G85890" s="16">
        <v>0.57536433536215481</v>
      </c>
    </row>
    <row r="85891" spans="1:7" x14ac:dyDescent="0.3">
      <c r="A85891" s="13" t="s">
        <v>432</v>
      </c>
      <c r="B85891" s="14" t="s">
        <v>1</v>
      </c>
      <c r="C85891" s="14" t="s">
        <v>200</v>
      </c>
      <c r="D85891" s="14" t="s">
        <v>213</v>
      </c>
      <c r="E85891" s="15">
        <v>45492</v>
      </c>
      <c r="F85891" s="14" t="s">
        <v>25</v>
      </c>
      <c r="G85891" s="16">
        <v>0.58199973551916018</v>
      </c>
    </row>
    <row r="85892" spans="1:7" x14ac:dyDescent="0.3">
      <c r="A85892" s="13" t="s">
        <v>432</v>
      </c>
      <c r="B85892" s="14" t="s">
        <v>1</v>
      </c>
      <c r="C85892" s="14" t="s">
        <v>200</v>
      </c>
      <c r="D85892" s="14" t="s">
        <v>213</v>
      </c>
      <c r="E85892" s="15">
        <v>45493</v>
      </c>
      <c r="F85892" s="14" t="s">
        <v>25</v>
      </c>
      <c r="G85892" s="16">
        <v>0.58199973551916018</v>
      </c>
    </row>
    <row r="85893" spans="1:7" x14ac:dyDescent="0.3">
      <c r="A85893" s="13" t="s">
        <v>432</v>
      </c>
      <c r="B85893" s="14" t="s">
        <v>1</v>
      </c>
      <c r="C85893" s="14" t="s">
        <v>200</v>
      </c>
      <c r="D85893" s="14" t="s">
        <v>213</v>
      </c>
      <c r="E85893" s="15">
        <v>45494</v>
      </c>
      <c r="F85893" s="14" t="s">
        <v>25</v>
      </c>
      <c r="G85893" s="16">
        <v>0.58199973551916018</v>
      </c>
    </row>
    <row r="85894" spans="1:7" x14ac:dyDescent="0.3">
      <c r="A85894" s="13" t="s">
        <v>432</v>
      </c>
      <c r="B85894" s="14" t="s">
        <v>1</v>
      </c>
      <c r="C85894" s="14" t="s">
        <v>200</v>
      </c>
      <c r="D85894" s="14" t="s">
        <v>213</v>
      </c>
      <c r="E85894" s="15">
        <v>45495</v>
      </c>
      <c r="F85894" s="14" t="s">
        <v>25</v>
      </c>
      <c r="G85894" s="16">
        <v>0.5875675333404855</v>
      </c>
    </row>
    <row r="85895" spans="1:7" x14ac:dyDescent="0.3">
      <c r="A85895" s="13" t="s">
        <v>432</v>
      </c>
      <c r="B85895" s="14" t="s">
        <v>1</v>
      </c>
      <c r="C85895" s="14" t="s">
        <v>200</v>
      </c>
      <c r="D85895" s="14" t="s">
        <v>213</v>
      </c>
      <c r="E85895" s="15">
        <v>45496</v>
      </c>
      <c r="F85895" s="14" t="s">
        <v>25</v>
      </c>
      <c r="G85895" s="16">
        <v>0.60469018517142237</v>
      </c>
    </row>
    <row r="85896" spans="1:7" x14ac:dyDescent="0.3">
      <c r="A85896" s="13" t="s">
        <v>432</v>
      </c>
      <c r="B85896" s="14" t="s">
        <v>1</v>
      </c>
      <c r="C85896" s="14" t="s">
        <v>200</v>
      </c>
      <c r="D85896" s="14" t="s">
        <v>213</v>
      </c>
      <c r="E85896" s="15">
        <v>45497</v>
      </c>
      <c r="F85896" s="14" t="s">
        <v>25</v>
      </c>
      <c r="G85896" s="16">
        <v>0.60583347006810928</v>
      </c>
    </row>
    <row r="85897" spans="1:7" x14ac:dyDescent="0.3">
      <c r="A85897" s="13" t="s">
        <v>432</v>
      </c>
      <c r="B85897" s="14" t="s">
        <v>1</v>
      </c>
      <c r="C85897" s="14" t="s">
        <v>200</v>
      </c>
      <c r="D85897" s="14" t="s">
        <v>213</v>
      </c>
      <c r="E85897" s="15">
        <v>45498</v>
      </c>
      <c r="F85897" s="14" t="s">
        <v>25</v>
      </c>
      <c r="G85897" s="16">
        <v>0.60851462193818895</v>
      </c>
    </row>
    <row r="85898" spans="1:7" x14ac:dyDescent="0.3">
      <c r="A85898" s="13" t="s">
        <v>432</v>
      </c>
      <c r="B85898" s="14" t="s">
        <v>1</v>
      </c>
      <c r="C85898" s="14" t="s">
        <v>200</v>
      </c>
      <c r="D85898" s="14" t="s">
        <v>213</v>
      </c>
      <c r="E85898" s="15">
        <v>45499</v>
      </c>
      <c r="F85898" s="14" t="s">
        <v>25</v>
      </c>
      <c r="G85898" s="16">
        <v>0.61521983830473614</v>
      </c>
    </row>
    <row r="85899" spans="1:7" x14ac:dyDescent="0.3">
      <c r="A85899" s="13" t="s">
        <v>432</v>
      </c>
      <c r="B85899" s="14" t="s">
        <v>1</v>
      </c>
      <c r="C85899" s="14" t="s">
        <v>200</v>
      </c>
      <c r="D85899" s="14" t="s">
        <v>213</v>
      </c>
      <c r="E85899" s="15">
        <v>45500</v>
      </c>
      <c r="F85899" s="14" t="s">
        <v>25</v>
      </c>
      <c r="G85899" s="16">
        <v>0.61521983830473614</v>
      </c>
    </row>
    <row r="85900" spans="1:7" x14ac:dyDescent="0.3">
      <c r="A85900" s="13" t="s">
        <v>432</v>
      </c>
      <c r="B85900" s="14" t="s">
        <v>1</v>
      </c>
      <c r="C85900" s="14" t="s">
        <v>200</v>
      </c>
      <c r="D85900" s="14" t="s">
        <v>213</v>
      </c>
      <c r="E85900" s="15">
        <v>45501</v>
      </c>
      <c r="F85900" s="14" t="s">
        <v>25</v>
      </c>
      <c r="G85900" s="16">
        <v>0.61521983830473614</v>
      </c>
    </row>
    <row r="85901" spans="1:7" x14ac:dyDescent="0.3">
      <c r="A85901" s="13" t="s">
        <v>432</v>
      </c>
      <c r="B85901" s="14" t="s">
        <v>1</v>
      </c>
      <c r="C85901" s="14" t="s">
        <v>200</v>
      </c>
      <c r="D85901" s="14" t="s">
        <v>213</v>
      </c>
      <c r="E85901" s="15">
        <v>45502</v>
      </c>
      <c r="F85901" s="14" t="s">
        <v>25</v>
      </c>
      <c r="G85901" s="16">
        <v>0.62581863308060248</v>
      </c>
    </row>
    <row r="85902" spans="1:7" x14ac:dyDescent="0.3">
      <c r="A85902" s="13" t="s">
        <v>432</v>
      </c>
      <c r="B85902" s="14" t="s">
        <v>1</v>
      </c>
      <c r="C85902" s="14" t="s">
        <v>200</v>
      </c>
      <c r="D85902" s="14" t="s">
        <v>213</v>
      </c>
      <c r="E85902" s="15">
        <v>45503</v>
      </c>
      <c r="F85902" s="14" t="s">
        <v>25</v>
      </c>
      <c r="G85902" s="16">
        <v>0.63807180756376014</v>
      </c>
    </row>
    <row r="85903" spans="1:7" x14ac:dyDescent="0.3">
      <c r="A85903" s="13" t="s">
        <v>432</v>
      </c>
      <c r="B85903" s="14" t="s">
        <v>1</v>
      </c>
      <c r="C85903" s="14" t="s">
        <v>200</v>
      </c>
      <c r="D85903" s="14" t="s">
        <v>213</v>
      </c>
      <c r="E85903" s="15">
        <v>45504</v>
      </c>
      <c r="F85903" s="14" t="s">
        <v>25</v>
      </c>
      <c r="G85903" s="16">
        <v>0.63982674511153947</v>
      </c>
    </row>
    <row r="85904" spans="1:7" x14ac:dyDescent="0.3">
      <c r="A85904" s="13" t="s">
        <v>432</v>
      </c>
      <c r="B85904" s="14" t="s">
        <v>1</v>
      </c>
      <c r="C85904" s="14" t="s">
        <v>200</v>
      </c>
      <c r="D85904" s="14" t="s">
        <v>213</v>
      </c>
      <c r="E85904" s="15">
        <v>45505</v>
      </c>
      <c r="F85904" s="14" t="s">
        <v>25</v>
      </c>
      <c r="G85904" s="16">
        <v>0.64176525466540879</v>
      </c>
    </row>
    <row r="85905" spans="1:7" x14ac:dyDescent="0.3">
      <c r="A85905" s="13" t="s">
        <v>432</v>
      </c>
      <c r="B85905" s="14" t="s">
        <v>1</v>
      </c>
      <c r="C85905" s="14" t="s">
        <v>200</v>
      </c>
      <c r="D85905" s="14" t="s">
        <v>213</v>
      </c>
      <c r="E85905" s="15">
        <v>45506</v>
      </c>
      <c r="F85905" s="14" t="s">
        <v>25</v>
      </c>
      <c r="G85905" s="16">
        <v>0.64174415311022381</v>
      </c>
    </row>
    <row r="85906" spans="1:7" x14ac:dyDescent="0.3">
      <c r="A85906" s="13" t="s">
        <v>432</v>
      </c>
      <c r="B85906" s="14" t="s">
        <v>1</v>
      </c>
      <c r="C85906" s="14" t="s">
        <v>200</v>
      </c>
      <c r="D85906" s="14" t="s">
        <v>213</v>
      </c>
      <c r="E85906" s="15">
        <v>45507</v>
      </c>
      <c r="F85906" s="14" t="s">
        <v>25</v>
      </c>
      <c r="G85906" s="16">
        <v>0.64174415311022381</v>
      </c>
    </row>
    <row r="85907" spans="1:7" x14ac:dyDescent="0.3">
      <c r="A85907" s="13" t="s">
        <v>432</v>
      </c>
      <c r="B85907" s="14" t="s">
        <v>1</v>
      </c>
      <c r="C85907" s="14" t="s">
        <v>200</v>
      </c>
      <c r="D85907" s="14" t="s">
        <v>213</v>
      </c>
      <c r="E85907" s="15">
        <v>45508</v>
      </c>
      <c r="F85907" s="14" t="s">
        <v>25</v>
      </c>
      <c r="G85907" s="16">
        <v>0.64174415311022381</v>
      </c>
    </row>
    <row r="85908" spans="1:7" x14ac:dyDescent="0.3">
      <c r="A85908" s="13" t="s">
        <v>432</v>
      </c>
      <c r="B85908" s="14" t="s">
        <v>1</v>
      </c>
      <c r="C85908" s="14" t="s">
        <v>200</v>
      </c>
      <c r="D85908" s="14" t="s">
        <v>213</v>
      </c>
      <c r="E85908" s="15">
        <v>45509</v>
      </c>
      <c r="F85908" s="14" t="s">
        <v>25</v>
      </c>
      <c r="G85908" s="16">
        <v>0.64174415311022381</v>
      </c>
    </row>
    <row r="85909" spans="1:7" x14ac:dyDescent="0.3">
      <c r="A85909" s="13" t="s">
        <v>432</v>
      </c>
      <c r="B85909" s="14" t="s">
        <v>1</v>
      </c>
      <c r="C85909" s="14" t="s">
        <v>200</v>
      </c>
      <c r="D85909" s="14" t="s">
        <v>213</v>
      </c>
      <c r="E85909" s="15">
        <v>45510</v>
      </c>
      <c r="F85909" s="14" t="s">
        <v>25</v>
      </c>
      <c r="G85909" s="16">
        <v>0.64790040075594779</v>
      </c>
    </row>
    <row r="85910" spans="1:7" x14ac:dyDescent="0.3">
      <c r="A85910" s="13" t="s">
        <v>432</v>
      </c>
      <c r="B85910" s="14" t="s">
        <v>1</v>
      </c>
      <c r="C85910" s="14" t="s">
        <v>200</v>
      </c>
      <c r="D85910" s="14" t="s">
        <v>213</v>
      </c>
      <c r="E85910" s="15">
        <v>45511</v>
      </c>
      <c r="F85910" s="14" t="s">
        <v>25</v>
      </c>
      <c r="G85910" s="16">
        <v>0.67637803394677354</v>
      </c>
    </row>
    <row r="85911" spans="1:7" x14ac:dyDescent="0.3">
      <c r="A85911" s="13" t="s">
        <v>432</v>
      </c>
      <c r="B85911" s="14" t="s">
        <v>1</v>
      </c>
      <c r="C85911" s="14" t="s">
        <v>200</v>
      </c>
      <c r="D85911" s="14" t="s">
        <v>213</v>
      </c>
      <c r="E85911" s="15">
        <v>45512</v>
      </c>
      <c r="F85911" s="14" t="s">
        <v>25</v>
      </c>
      <c r="G85911" s="16">
        <v>0.68493732024144549</v>
      </c>
    </row>
    <row r="85912" spans="1:7" x14ac:dyDescent="0.3">
      <c r="A85912" s="13" t="s">
        <v>432</v>
      </c>
      <c r="B85912" s="14" t="s">
        <v>1</v>
      </c>
      <c r="C85912" s="14" t="s">
        <v>200</v>
      </c>
      <c r="D85912" s="14" t="s">
        <v>213</v>
      </c>
      <c r="E85912" s="15">
        <v>45513</v>
      </c>
      <c r="F85912" s="14" t="s">
        <v>25</v>
      </c>
      <c r="G85912" s="16">
        <v>0.68846113883419546</v>
      </c>
    </row>
    <row r="85913" spans="1:7" x14ac:dyDescent="0.3">
      <c r="A85913" s="13" t="s">
        <v>432</v>
      </c>
      <c r="B85913" s="14" t="s">
        <v>1</v>
      </c>
      <c r="C85913" s="14" t="s">
        <v>200</v>
      </c>
      <c r="D85913" s="14" t="s">
        <v>213</v>
      </c>
      <c r="E85913" s="15">
        <v>45514</v>
      </c>
      <c r="F85913" s="14" t="s">
        <v>25</v>
      </c>
      <c r="G85913" s="16">
        <v>0.68846113883419546</v>
      </c>
    </row>
    <row r="85914" spans="1:7" x14ac:dyDescent="0.3">
      <c r="A85914" s="13" t="s">
        <v>432</v>
      </c>
      <c r="B85914" s="14" t="s">
        <v>1</v>
      </c>
      <c r="C85914" s="14" t="s">
        <v>200</v>
      </c>
      <c r="D85914" s="14" t="s">
        <v>213</v>
      </c>
      <c r="E85914" s="15">
        <v>45515</v>
      </c>
      <c r="F85914" s="14" t="s">
        <v>25</v>
      </c>
      <c r="G85914" s="16">
        <v>0.68846113883419546</v>
      </c>
    </row>
    <row r="85915" spans="1:7" x14ac:dyDescent="0.3">
      <c r="A85915" s="13" t="s">
        <v>432</v>
      </c>
      <c r="B85915" s="14" t="s">
        <v>1</v>
      </c>
      <c r="C85915" s="14" t="s">
        <v>200</v>
      </c>
      <c r="D85915" s="14" t="s">
        <v>213</v>
      </c>
      <c r="E85915" s="15">
        <v>45516</v>
      </c>
      <c r="F85915" s="14" t="s">
        <v>25</v>
      </c>
      <c r="G85915" s="16">
        <v>0.69198276846504159</v>
      </c>
    </row>
    <row r="85916" spans="1:7" x14ac:dyDescent="0.3">
      <c r="A85916" s="13" t="s">
        <v>432</v>
      </c>
      <c r="B85916" s="14" t="s">
        <v>1</v>
      </c>
      <c r="C85916" s="14" t="s">
        <v>200</v>
      </c>
      <c r="D85916" s="14" t="s">
        <v>213</v>
      </c>
      <c r="E85916" s="15">
        <v>45517</v>
      </c>
      <c r="F85916" s="14" t="s">
        <v>25</v>
      </c>
      <c r="G85916" s="16">
        <v>0.70521544388505419</v>
      </c>
    </row>
    <row r="85917" spans="1:7" x14ac:dyDescent="0.3">
      <c r="A85917" s="13" t="s">
        <v>432</v>
      </c>
      <c r="B85917" s="14" t="s">
        <v>1</v>
      </c>
      <c r="C85917" s="14" t="s">
        <v>200</v>
      </c>
      <c r="D85917" s="14" t="s">
        <v>213</v>
      </c>
      <c r="E85917" s="15">
        <v>45518</v>
      </c>
      <c r="F85917" s="14" t="s">
        <v>25</v>
      </c>
      <c r="G85917" s="16">
        <v>0.71101691856584104</v>
      </c>
    </row>
    <row r="85918" spans="1:7" x14ac:dyDescent="0.3">
      <c r="A85918" s="13" t="s">
        <v>432</v>
      </c>
      <c r="B85918" s="14" t="s">
        <v>1</v>
      </c>
      <c r="C85918" s="14" t="s">
        <v>200</v>
      </c>
      <c r="D85918" s="14" t="s">
        <v>213</v>
      </c>
      <c r="E85918" s="15">
        <v>45519</v>
      </c>
      <c r="F85918" s="14" t="s">
        <v>25</v>
      </c>
      <c r="G85918" s="16">
        <v>0.72199547995520574</v>
      </c>
    </row>
    <row r="85919" spans="1:7" x14ac:dyDescent="0.3">
      <c r="A85919" s="13" t="s">
        <v>432</v>
      </c>
      <c r="B85919" s="14" t="s">
        <v>1</v>
      </c>
      <c r="C85919" s="14" t="s">
        <v>200</v>
      </c>
      <c r="D85919" s="14" t="s">
        <v>213</v>
      </c>
      <c r="E85919" s="15">
        <v>45520</v>
      </c>
      <c r="F85919" s="14" t="s">
        <v>25</v>
      </c>
      <c r="G85919" s="16">
        <v>0.72128603533517355</v>
      </c>
    </row>
    <row r="85920" spans="1:7" x14ac:dyDescent="0.3">
      <c r="A85920" s="13" t="s">
        <v>432</v>
      </c>
      <c r="B85920" s="14" t="s">
        <v>1</v>
      </c>
      <c r="C85920" s="14" t="s">
        <v>200</v>
      </c>
      <c r="D85920" s="14" t="s">
        <v>213</v>
      </c>
      <c r="E85920" s="15">
        <v>45521</v>
      </c>
      <c r="F85920" s="14" t="s">
        <v>25</v>
      </c>
      <c r="G85920" s="16">
        <v>0.72128603533517355</v>
      </c>
    </row>
    <row r="85921" spans="1:7" x14ac:dyDescent="0.3">
      <c r="A85921" s="13" t="s">
        <v>432</v>
      </c>
      <c r="B85921" s="14" t="s">
        <v>1</v>
      </c>
      <c r="C85921" s="14" t="s">
        <v>200</v>
      </c>
      <c r="D85921" s="14" t="s">
        <v>213</v>
      </c>
      <c r="E85921" s="15">
        <v>45522</v>
      </c>
      <c r="F85921" s="14" t="s">
        <v>25</v>
      </c>
      <c r="G85921" s="16">
        <v>0.72128603533517355</v>
      </c>
    </row>
    <row r="85922" spans="1:7" x14ac:dyDescent="0.3">
      <c r="A85922" s="13" t="s">
        <v>432</v>
      </c>
      <c r="B85922" s="14" t="s">
        <v>1</v>
      </c>
      <c r="C85922" s="14" t="s">
        <v>200</v>
      </c>
      <c r="D85922" s="14" t="s">
        <v>213</v>
      </c>
      <c r="E85922" s="15">
        <v>45523</v>
      </c>
      <c r="F85922" s="14" t="s">
        <v>25</v>
      </c>
      <c r="G85922" s="16">
        <v>0.72315526106008865</v>
      </c>
    </row>
    <row r="85923" spans="1:7" x14ac:dyDescent="0.3">
      <c r="A85923" s="13" t="s">
        <v>432</v>
      </c>
      <c r="B85923" s="14" t="s">
        <v>1</v>
      </c>
      <c r="C85923" s="14" t="s">
        <v>200</v>
      </c>
      <c r="D85923" s="14" t="s">
        <v>213</v>
      </c>
      <c r="E85923" s="15">
        <v>45524</v>
      </c>
      <c r="F85923" s="14" t="s">
        <v>25</v>
      </c>
      <c r="G85923" s="16">
        <v>0.72913936278879343</v>
      </c>
    </row>
    <row r="85924" spans="1:7" x14ac:dyDescent="0.3">
      <c r="A85924" s="13" t="s">
        <v>432</v>
      </c>
      <c r="B85924" s="14" t="s">
        <v>1</v>
      </c>
      <c r="C85924" s="14" t="s">
        <v>200</v>
      </c>
      <c r="D85924" s="14" t="s">
        <v>213</v>
      </c>
      <c r="E85924" s="15">
        <v>45525</v>
      </c>
      <c r="F85924" s="14" t="s">
        <v>25</v>
      </c>
      <c r="G85924" s="16">
        <v>0.73089291123952904</v>
      </c>
    </row>
    <row r="85925" spans="1:7" x14ac:dyDescent="0.3">
      <c r="A85925" s="13" t="s">
        <v>432</v>
      </c>
      <c r="B85925" s="14" t="s">
        <v>1</v>
      </c>
      <c r="C85925" s="14" t="s">
        <v>200</v>
      </c>
      <c r="D85925" s="14" t="s">
        <v>213</v>
      </c>
      <c r="E85925" s="15">
        <v>45526</v>
      </c>
      <c r="F85925" s="14" t="s">
        <v>25</v>
      </c>
      <c r="G85925" s="16">
        <v>0.73875253413117647</v>
      </c>
    </row>
    <row r="85926" spans="1:7" x14ac:dyDescent="0.3">
      <c r="A85926" s="13" t="s">
        <v>432</v>
      </c>
      <c r="B85926" s="14" t="s">
        <v>1</v>
      </c>
      <c r="C85926" s="14" t="s">
        <v>200</v>
      </c>
      <c r="D85926" s="14" t="s">
        <v>213</v>
      </c>
      <c r="E85926" s="15">
        <v>45527</v>
      </c>
      <c r="F85926" s="14" t="s">
        <v>25</v>
      </c>
      <c r="G85926" s="16">
        <v>0.73782295502999706</v>
      </c>
    </row>
    <row r="85927" spans="1:7" x14ac:dyDescent="0.3">
      <c r="A85927" s="13" t="s">
        <v>432</v>
      </c>
      <c r="B85927" s="14" t="s">
        <v>1</v>
      </c>
      <c r="C85927" s="14" t="s">
        <v>200</v>
      </c>
      <c r="D85927" s="14" t="s">
        <v>213</v>
      </c>
      <c r="E85927" s="15">
        <v>45528</v>
      </c>
      <c r="F85927" s="14" t="s">
        <v>25</v>
      </c>
      <c r="G85927" s="16">
        <v>0.73782295502999706</v>
      </c>
    </row>
    <row r="85928" spans="1:7" x14ac:dyDescent="0.3">
      <c r="A85928" s="13" t="s">
        <v>432</v>
      </c>
      <c r="B85928" s="14" t="s">
        <v>1</v>
      </c>
      <c r="C85928" s="14" t="s">
        <v>200</v>
      </c>
      <c r="D85928" s="14" t="s">
        <v>213</v>
      </c>
      <c r="E85928" s="15">
        <v>45529</v>
      </c>
      <c r="F85928" s="14" t="s">
        <v>25</v>
      </c>
      <c r="G85928" s="16">
        <v>0.73782295502999706</v>
      </c>
    </row>
    <row r="85929" spans="1:7" x14ac:dyDescent="0.3">
      <c r="A85929" s="13" t="s">
        <v>432</v>
      </c>
      <c r="B85929" s="14" t="s">
        <v>1</v>
      </c>
      <c r="C85929" s="14" t="s">
        <v>200</v>
      </c>
      <c r="D85929" s="14" t="s">
        <v>213</v>
      </c>
      <c r="E85929" s="15">
        <v>45530</v>
      </c>
      <c r="F85929" s="14" t="s">
        <v>25</v>
      </c>
      <c r="G85929" s="16">
        <v>0.74860159802348569</v>
      </c>
    </row>
    <row r="85930" spans="1:7" x14ac:dyDescent="0.3">
      <c r="A85930" s="13" t="s">
        <v>432</v>
      </c>
      <c r="B85930" s="14" t="s">
        <v>1</v>
      </c>
      <c r="C85930" s="14" t="s">
        <v>200</v>
      </c>
      <c r="D85930" s="14" t="s">
        <v>213</v>
      </c>
      <c r="E85930" s="15">
        <v>45531</v>
      </c>
      <c r="F85930" s="14" t="s">
        <v>25</v>
      </c>
      <c r="G85930" s="16">
        <v>0.75685674943059911</v>
      </c>
    </row>
    <row r="85931" spans="1:7" x14ac:dyDescent="0.3">
      <c r="A85931" s="13" t="s">
        <v>432</v>
      </c>
      <c r="B85931" s="14" t="s">
        <v>1</v>
      </c>
      <c r="C85931" s="14" t="s">
        <v>200</v>
      </c>
      <c r="D85931" s="14" t="s">
        <v>213</v>
      </c>
      <c r="E85931" s="15">
        <v>45532</v>
      </c>
      <c r="F85931" s="14" t="s">
        <v>25</v>
      </c>
      <c r="G85931" s="16">
        <v>0.76150860207329707</v>
      </c>
    </row>
    <row r="85932" spans="1:7" x14ac:dyDescent="0.3">
      <c r="A85932" s="13" t="s">
        <v>432</v>
      </c>
      <c r="B85932" s="14" t="s">
        <v>1</v>
      </c>
      <c r="C85932" s="14" t="s">
        <v>200</v>
      </c>
      <c r="D85932" s="14" t="s">
        <v>213</v>
      </c>
      <c r="E85932" s="15">
        <v>45533</v>
      </c>
      <c r="F85932" s="14" t="s">
        <v>25</v>
      </c>
      <c r="G85932" s="16">
        <v>0.7699026016735262</v>
      </c>
    </row>
    <row r="85933" spans="1:7" x14ac:dyDescent="0.3">
      <c r="A85933" s="13" t="s">
        <v>432</v>
      </c>
      <c r="B85933" s="14" t="s">
        <v>1</v>
      </c>
      <c r="C85933" s="14" t="s">
        <v>200</v>
      </c>
      <c r="D85933" s="14" t="s">
        <v>213</v>
      </c>
      <c r="E85933" s="15">
        <v>45534</v>
      </c>
      <c r="F85933" s="14" t="s">
        <v>25</v>
      </c>
      <c r="G85933" s="16">
        <v>0.77984607016776364</v>
      </c>
    </row>
    <row r="85934" spans="1:7" x14ac:dyDescent="0.3">
      <c r="A85934" s="13" t="s">
        <v>432</v>
      </c>
      <c r="B85934" s="14" t="s">
        <v>1</v>
      </c>
      <c r="C85934" s="14" t="s">
        <v>200</v>
      </c>
      <c r="D85934" s="14" t="s">
        <v>213</v>
      </c>
      <c r="E85934" s="15">
        <v>45535</v>
      </c>
      <c r="F85934" s="14" t="s">
        <v>25</v>
      </c>
      <c r="G85934" s="16">
        <v>0.77984607016776364</v>
      </c>
    </row>
    <row r="85935" spans="1:7" x14ac:dyDescent="0.3">
      <c r="A85935" s="13" t="s">
        <v>432</v>
      </c>
      <c r="B85935" s="14" t="s">
        <v>1</v>
      </c>
      <c r="C85935" s="14" t="s">
        <v>200</v>
      </c>
      <c r="D85935" s="14" t="s">
        <v>213</v>
      </c>
      <c r="E85935" s="15">
        <v>45536</v>
      </c>
      <c r="F85935" s="14" t="s">
        <v>25</v>
      </c>
      <c r="G85935" s="16">
        <v>0.77984607016776364</v>
      </c>
    </row>
    <row r="85936" spans="1:7" x14ac:dyDescent="0.3">
      <c r="A85936" s="13" t="s">
        <v>432</v>
      </c>
      <c r="B85936" s="14" t="s">
        <v>1</v>
      </c>
      <c r="C85936" s="14" t="s">
        <v>200</v>
      </c>
      <c r="D85936" s="14" t="s">
        <v>213</v>
      </c>
      <c r="E85936" s="15">
        <v>45537</v>
      </c>
      <c r="F85936" s="14" t="s">
        <v>25</v>
      </c>
      <c r="G85936" s="16">
        <v>0.77984607016776364</v>
      </c>
    </row>
    <row r="85937" spans="1:7" x14ac:dyDescent="0.3">
      <c r="A85937" s="13" t="s">
        <v>432</v>
      </c>
      <c r="B85937" s="14" t="s">
        <v>1</v>
      </c>
      <c r="C85937" s="14" t="s">
        <v>200</v>
      </c>
      <c r="D85937" s="14" t="s">
        <v>213</v>
      </c>
      <c r="E85937" s="15">
        <v>45538</v>
      </c>
      <c r="F85937" s="14" t="s">
        <v>25</v>
      </c>
      <c r="G85937" s="16">
        <v>0.78470708652278998</v>
      </c>
    </row>
    <row r="85938" spans="1:7" x14ac:dyDescent="0.3">
      <c r="A85938" s="13" t="s">
        <v>432</v>
      </c>
      <c r="B85938" s="14" t="s">
        <v>1</v>
      </c>
      <c r="C85938" s="14" t="s">
        <v>200</v>
      </c>
      <c r="D85938" s="14" t="s">
        <v>213</v>
      </c>
      <c r="E85938" s="15">
        <v>45539</v>
      </c>
      <c r="F85938" s="14" t="s">
        <v>25</v>
      </c>
      <c r="G85938" s="16">
        <v>0.79610299477630242</v>
      </c>
    </row>
    <row r="85939" spans="1:7" x14ac:dyDescent="0.3">
      <c r="A85939" s="13" t="s">
        <v>432</v>
      </c>
      <c r="B85939" s="14" t="s">
        <v>1</v>
      </c>
      <c r="C85939" s="14" t="s">
        <v>200</v>
      </c>
      <c r="D85939" s="14" t="s">
        <v>213</v>
      </c>
      <c r="E85939" s="15">
        <v>45540</v>
      </c>
      <c r="F85939" s="14" t="s">
        <v>25</v>
      </c>
      <c r="G85939" s="16">
        <v>0.79827624187569557</v>
      </c>
    </row>
    <row r="85940" spans="1:7" x14ac:dyDescent="0.3">
      <c r="A85940" s="13" t="s">
        <v>432</v>
      </c>
      <c r="B85940" s="14" t="s">
        <v>1</v>
      </c>
      <c r="C85940" s="14" t="s">
        <v>200</v>
      </c>
      <c r="D85940" s="14" t="s">
        <v>213</v>
      </c>
      <c r="E85940" s="15">
        <v>45541</v>
      </c>
      <c r="F85940" s="14" t="s">
        <v>25</v>
      </c>
      <c r="G85940" s="16">
        <v>0.80200020450479637</v>
      </c>
    </row>
    <row r="85941" spans="1:7" x14ac:dyDescent="0.3">
      <c r="A85941" s="13" t="s">
        <v>432</v>
      </c>
      <c r="B85941" s="14" t="s">
        <v>1</v>
      </c>
      <c r="C85941" s="14" t="s">
        <v>200</v>
      </c>
      <c r="D85941" s="14" t="s">
        <v>213</v>
      </c>
      <c r="E85941" s="15">
        <v>45542</v>
      </c>
      <c r="F85941" s="14" t="s">
        <v>25</v>
      </c>
      <c r="G85941" s="16">
        <v>0.80200020450479637</v>
      </c>
    </row>
    <row r="85942" spans="1:7" x14ac:dyDescent="0.3">
      <c r="A85942" s="13" t="s">
        <v>432</v>
      </c>
      <c r="B85942" s="14" t="s">
        <v>1</v>
      </c>
      <c r="C85942" s="14" t="s">
        <v>200</v>
      </c>
      <c r="D85942" s="14" t="s">
        <v>213</v>
      </c>
      <c r="E85942" s="15">
        <v>45543</v>
      </c>
      <c r="F85942" s="14" t="s">
        <v>25</v>
      </c>
      <c r="G85942" s="16">
        <v>0.80200020450479637</v>
      </c>
    </row>
    <row r="85943" spans="1:7" x14ac:dyDescent="0.3">
      <c r="A85943" s="13" t="s">
        <v>432</v>
      </c>
      <c r="B85943" s="14" t="s">
        <v>1</v>
      </c>
      <c r="C85943" s="14" t="s">
        <v>200</v>
      </c>
      <c r="D85943" s="14" t="s">
        <v>213</v>
      </c>
      <c r="E85943" s="15">
        <v>45544</v>
      </c>
      <c r="F85943" s="14" t="s">
        <v>25</v>
      </c>
      <c r="G85943" s="16">
        <v>0.8147085898977201</v>
      </c>
    </row>
    <row r="85944" spans="1:7" x14ac:dyDescent="0.3">
      <c r="A85944" s="13" t="s">
        <v>432</v>
      </c>
      <c r="B85944" s="14" t="s">
        <v>1</v>
      </c>
      <c r="C85944" s="14" t="s">
        <v>200</v>
      </c>
      <c r="D85944" s="14" t="s">
        <v>213</v>
      </c>
      <c r="E85944" s="15">
        <v>45545</v>
      </c>
      <c r="F85944" s="14" t="s">
        <v>25</v>
      </c>
      <c r="G85944" s="16">
        <v>0.82467751101716147</v>
      </c>
    </row>
    <row r="85945" spans="1:7" x14ac:dyDescent="0.3">
      <c r="A85945" s="13" t="s">
        <v>432</v>
      </c>
      <c r="B85945" s="14" t="s">
        <v>1</v>
      </c>
      <c r="C85945" s="14" t="s">
        <v>200</v>
      </c>
      <c r="D85945" s="14" t="s">
        <v>213</v>
      </c>
      <c r="E85945" s="15">
        <v>45546</v>
      </c>
      <c r="F85945" s="14" t="s">
        <v>25</v>
      </c>
      <c r="G85945" s="16">
        <v>0.83545949090832816</v>
      </c>
    </row>
    <row r="85946" spans="1:7" x14ac:dyDescent="0.3">
      <c r="A85946" s="13" t="s">
        <v>432</v>
      </c>
      <c r="B85946" s="14" t="s">
        <v>1</v>
      </c>
      <c r="C85946" s="14" t="s">
        <v>200</v>
      </c>
      <c r="D85946" s="14" t="s">
        <v>213</v>
      </c>
      <c r="E85946" s="15">
        <v>45547</v>
      </c>
      <c r="F85946" s="14" t="s">
        <v>25</v>
      </c>
      <c r="G85946" s="16">
        <v>0.8388562207733099</v>
      </c>
    </row>
    <row r="85947" spans="1:7" x14ac:dyDescent="0.3">
      <c r="A85947" s="13" t="s">
        <v>432</v>
      </c>
      <c r="B85947" s="14" t="s">
        <v>1</v>
      </c>
      <c r="C85947" s="14" t="s">
        <v>200</v>
      </c>
      <c r="D85947" s="14" t="s">
        <v>213</v>
      </c>
      <c r="E85947" s="15">
        <v>45548</v>
      </c>
      <c r="F85947" s="14" t="s">
        <v>25</v>
      </c>
      <c r="G85947" s="16">
        <v>0.84083079759831325</v>
      </c>
    </row>
    <row r="85948" spans="1:7" x14ac:dyDescent="0.3">
      <c r="A85948" s="13" t="s">
        <v>432</v>
      </c>
      <c r="B85948" s="14" t="s">
        <v>1</v>
      </c>
      <c r="C85948" s="14" t="s">
        <v>200</v>
      </c>
      <c r="D85948" s="14" t="s">
        <v>213</v>
      </c>
      <c r="E85948" s="15">
        <v>45549</v>
      </c>
      <c r="F85948" s="14" t="s">
        <v>25</v>
      </c>
      <c r="G85948" s="16">
        <v>0.84083079759831325</v>
      </c>
    </row>
    <row r="85949" spans="1:7" x14ac:dyDescent="0.3">
      <c r="A85949" s="13" t="s">
        <v>432</v>
      </c>
      <c r="B85949" s="14" t="s">
        <v>1</v>
      </c>
      <c r="C85949" s="14" t="s">
        <v>200</v>
      </c>
      <c r="D85949" s="14" t="s">
        <v>213</v>
      </c>
      <c r="E85949" s="15">
        <v>45550</v>
      </c>
      <c r="F85949" s="14" t="s">
        <v>25</v>
      </c>
      <c r="G85949" s="16">
        <v>0.84083079759831325</v>
      </c>
    </row>
    <row r="85950" spans="1:7" x14ac:dyDescent="0.3">
      <c r="A85950" s="13" t="s">
        <v>432</v>
      </c>
      <c r="B85950" s="14" t="s">
        <v>1</v>
      </c>
      <c r="C85950" s="14" t="s">
        <v>200</v>
      </c>
      <c r="D85950" s="14" t="s">
        <v>213</v>
      </c>
      <c r="E85950" s="15">
        <v>45551</v>
      </c>
      <c r="F85950" s="14" t="s">
        <v>25</v>
      </c>
      <c r="G85950" s="16">
        <v>0.84095884187995951</v>
      </c>
    </row>
    <row r="85951" spans="1:7" x14ac:dyDescent="0.3">
      <c r="A85951" s="13" t="s">
        <v>432</v>
      </c>
      <c r="B85951" s="14" t="s">
        <v>1</v>
      </c>
      <c r="C85951" s="14" t="s">
        <v>200</v>
      </c>
      <c r="D85951" s="14" t="s">
        <v>213</v>
      </c>
      <c r="E85951" s="15">
        <v>45552</v>
      </c>
      <c r="F85951" s="14" t="s">
        <v>25</v>
      </c>
      <c r="G85951" s="16">
        <v>0.85467943054775108</v>
      </c>
    </row>
    <row r="85952" spans="1:7" x14ac:dyDescent="0.3">
      <c r="A85952" s="13" t="s">
        <v>432</v>
      </c>
      <c r="B85952" s="14" t="s">
        <v>1</v>
      </c>
      <c r="C85952" s="14" t="s">
        <v>200</v>
      </c>
      <c r="D85952" s="14" t="s">
        <v>213</v>
      </c>
      <c r="E85952" s="15">
        <v>45553</v>
      </c>
      <c r="F85952" s="14" t="s">
        <v>25</v>
      </c>
      <c r="G85952" s="16">
        <v>0.85835023399952681</v>
      </c>
    </row>
    <row r="85953" spans="1:7" x14ac:dyDescent="0.3">
      <c r="A85953" s="13" t="s">
        <v>432</v>
      </c>
      <c r="B85953" s="14" t="s">
        <v>1</v>
      </c>
      <c r="C85953" s="14" t="s">
        <v>200</v>
      </c>
      <c r="D85953" s="14" t="s">
        <v>213</v>
      </c>
      <c r="E85953" s="15">
        <v>45554</v>
      </c>
      <c r="F85953" s="14" t="s">
        <v>25</v>
      </c>
      <c r="G85953" s="16">
        <v>0.86439508804752563</v>
      </c>
    </row>
    <row r="85954" spans="1:7" x14ac:dyDescent="0.3">
      <c r="A85954" s="13" t="s">
        <v>432</v>
      </c>
      <c r="B85954" s="14" t="s">
        <v>1</v>
      </c>
      <c r="C85954" s="14" t="s">
        <v>200</v>
      </c>
      <c r="D85954" s="14" t="s">
        <v>213</v>
      </c>
      <c r="E85954" s="15">
        <v>45555</v>
      </c>
      <c r="F85954" s="14" t="s">
        <v>25</v>
      </c>
      <c r="G85954" s="16">
        <v>0.87263699989034293</v>
      </c>
    </row>
    <row r="85955" spans="1:7" x14ac:dyDescent="0.3">
      <c r="A85955" s="13" t="s">
        <v>432</v>
      </c>
      <c r="B85955" s="14" t="s">
        <v>1</v>
      </c>
      <c r="C85955" s="14" t="s">
        <v>200</v>
      </c>
      <c r="D85955" s="14" t="s">
        <v>213</v>
      </c>
      <c r="E85955" s="15">
        <v>45556</v>
      </c>
      <c r="F85955" s="14" t="s">
        <v>25</v>
      </c>
      <c r="G85955" s="16">
        <v>0.87263699989034293</v>
      </c>
    </row>
    <row r="85956" spans="1:7" x14ac:dyDescent="0.3">
      <c r="A85956" s="13" t="s">
        <v>432</v>
      </c>
      <c r="B85956" s="14" t="s">
        <v>1</v>
      </c>
      <c r="C85956" s="14" t="s">
        <v>200</v>
      </c>
      <c r="D85956" s="14" t="s">
        <v>213</v>
      </c>
      <c r="E85956" s="15">
        <v>45557</v>
      </c>
      <c r="F85956" s="14" t="s">
        <v>25</v>
      </c>
      <c r="G85956" s="16">
        <v>0.87263699989034293</v>
      </c>
    </row>
    <row r="85957" spans="1:7" x14ac:dyDescent="0.3">
      <c r="A85957" s="13" t="s">
        <v>432</v>
      </c>
      <c r="B85957" s="14" t="s">
        <v>1</v>
      </c>
      <c r="C85957" s="14" t="s">
        <v>200</v>
      </c>
      <c r="D85957" s="14" t="s">
        <v>213</v>
      </c>
      <c r="E85957" s="15">
        <v>45558</v>
      </c>
      <c r="F85957" s="14" t="s">
        <v>25</v>
      </c>
      <c r="G85957" s="16">
        <v>0.8748383500500525</v>
      </c>
    </row>
    <row r="85958" spans="1:7" x14ac:dyDescent="0.3">
      <c r="A85958" s="13" t="s">
        <v>432</v>
      </c>
      <c r="B85958" s="14" t="s">
        <v>1</v>
      </c>
      <c r="C85958" s="14" t="s">
        <v>200</v>
      </c>
      <c r="D85958" s="14" t="s">
        <v>213</v>
      </c>
      <c r="E85958" s="15">
        <v>45559</v>
      </c>
      <c r="F85958" s="14" t="s">
        <v>25</v>
      </c>
      <c r="G85958" s="16">
        <v>0.88419313407795541</v>
      </c>
    </row>
    <row r="85959" spans="1:7" x14ac:dyDescent="0.3">
      <c r="A85959" s="13" t="s">
        <v>432</v>
      </c>
      <c r="B85959" s="14" t="s">
        <v>1</v>
      </c>
      <c r="C85959" s="14" t="s">
        <v>200</v>
      </c>
      <c r="D85959" s="14" t="s">
        <v>213</v>
      </c>
      <c r="E85959" s="15">
        <v>45560</v>
      </c>
      <c r="F85959" s="14" t="s">
        <v>25</v>
      </c>
      <c r="G85959" s="16">
        <v>0.89607050000298705</v>
      </c>
    </row>
    <row r="85960" spans="1:7" x14ac:dyDescent="0.3">
      <c r="A85960" s="13" t="s">
        <v>432</v>
      </c>
      <c r="B85960" s="14" t="s">
        <v>1</v>
      </c>
      <c r="C85960" s="14" t="s">
        <v>200</v>
      </c>
      <c r="D85960" s="14" t="s">
        <v>213</v>
      </c>
      <c r="E85960" s="15">
        <v>45561</v>
      </c>
      <c r="F85960" s="14" t="s">
        <v>25</v>
      </c>
      <c r="G85960" s="16">
        <v>0.89614682548492786</v>
      </c>
    </row>
    <row r="85961" spans="1:7" x14ac:dyDescent="0.3">
      <c r="A85961" s="13" t="s">
        <v>432</v>
      </c>
      <c r="B85961" s="14" t="s">
        <v>1</v>
      </c>
      <c r="C85961" s="14" t="s">
        <v>200</v>
      </c>
      <c r="D85961" s="14" t="s">
        <v>213</v>
      </c>
      <c r="E85961" s="15">
        <v>45562</v>
      </c>
      <c r="F85961" s="14" t="s">
        <v>25</v>
      </c>
      <c r="G85961" s="16">
        <v>0.89474938910554347</v>
      </c>
    </row>
    <row r="85962" spans="1:7" x14ac:dyDescent="0.3">
      <c r="A85962" s="13" t="s">
        <v>432</v>
      </c>
      <c r="B85962" s="14" t="s">
        <v>1</v>
      </c>
      <c r="C85962" s="14" t="s">
        <v>200</v>
      </c>
      <c r="D85962" s="14" t="s">
        <v>213</v>
      </c>
      <c r="E85962" s="15">
        <v>45563</v>
      </c>
      <c r="F85962" s="14" t="s">
        <v>25</v>
      </c>
      <c r="G85962" s="16">
        <v>0.89474938910554347</v>
      </c>
    </row>
    <row r="85963" spans="1:7" x14ac:dyDescent="0.3">
      <c r="A85963" s="13" t="s">
        <v>432</v>
      </c>
      <c r="B85963" s="14" t="s">
        <v>1</v>
      </c>
      <c r="C85963" s="14" t="s">
        <v>200</v>
      </c>
      <c r="D85963" s="14" t="s">
        <v>213</v>
      </c>
      <c r="E85963" s="15">
        <v>45564</v>
      </c>
      <c r="F85963" s="14" t="s">
        <v>25</v>
      </c>
      <c r="G85963" s="16">
        <v>0.89474938910554347</v>
      </c>
    </row>
    <row r="85964" spans="1:7" x14ac:dyDescent="0.3">
      <c r="A85964" s="13" t="s">
        <v>432</v>
      </c>
      <c r="B85964" s="14" t="s">
        <v>1</v>
      </c>
      <c r="C85964" s="14" t="s">
        <v>200</v>
      </c>
      <c r="D85964" s="14" t="s">
        <v>213</v>
      </c>
      <c r="E85964" s="15">
        <v>45565</v>
      </c>
      <c r="F85964" s="14" t="s">
        <v>25</v>
      </c>
      <c r="G85964" s="16">
        <v>0.90529887998316705</v>
      </c>
    </row>
    <row r="85965" spans="1:7" x14ac:dyDescent="0.3">
      <c r="A85965" s="13" t="s">
        <v>432</v>
      </c>
      <c r="B85965" s="14" t="s">
        <v>1</v>
      </c>
      <c r="C85965" s="14" t="s">
        <v>200</v>
      </c>
      <c r="D85965" s="14" t="s">
        <v>213</v>
      </c>
      <c r="E85965" s="15">
        <v>45566</v>
      </c>
      <c r="F85965" s="14" t="s">
        <v>25</v>
      </c>
      <c r="G85965" s="16">
        <v>0.91256936834775892</v>
      </c>
    </row>
    <row r="85966" spans="1:7" x14ac:dyDescent="0.3">
      <c r="A85966" s="13" t="s">
        <v>432</v>
      </c>
      <c r="B85966" s="14" t="s">
        <v>1</v>
      </c>
      <c r="C85966" s="14" t="s">
        <v>200</v>
      </c>
      <c r="D85966" s="14" t="s">
        <v>213</v>
      </c>
      <c r="E85966" s="15">
        <v>45567</v>
      </c>
      <c r="F85966" s="14" t="s">
        <v>25</v>
      </c>
      <c r="G85966" s="16">
        <v>0.92302404492535106</v>
      </c>
    </row>
    <row r="85967" spans="1:7" x14ac:dyDescent="0.3">
      <c r="A85967" s="13" t="s">
        <v>432</v>
      </c>
      <c r="B85967" s="14" t="s">
        <v>1</v>
      </c>
      <c r="C85967" s="14" t="s">
        <v>200</v>
      </c>
      <c r="D85967" s="14" t="s">
        <v>213</v>
      </c>
      <c r="E85967" s="15">
        <v>45568</v>
      </c>
      <c r="F85967" s="14" t="s">
        <v>25</v>
      </c>
      <c r="G85967" s="16">
        <v>0.93090990952363195</v>
      </c>
    </row>
    <row r="85968" spans="1:7" x14ac:dyDescent="0.3">
      <c r="A85968" s="13" t="s">
        <v>432</v>
      </c>
      <c r="B85968" s="14" t="s">
        <v>1</v>
      </c>
      <c r="C85968" s="14" t="s">
        <v>200</v>
      </c>
      <c r="D85968" s="14" t="s">
        <v>213</v>
      </c>
      <c r="E85968" s="15">
        <v>45569</v>
      </c>
      <c r="F85968" s="14" t="s">
        <v>25</v>
      </c>
      <c r="G85968" s="16">
        <v>0.94094114264291839</v>
      </c>
    </row>
    <row r="85969" spans="1:7" x14ac:dyDescent="0.3">
      <c r="A85969" s="13" t="s">
        <v>432</v>
      </c>
      <c r="B85969" s="14" t="s">
        <v>1</v>
      </c>
      <c r="C85969" s="14" t="s">
        <v>200</v>
      </c>
      <c r="D85969" s="14" t="s">
        <v>213</v>
      </c>
      <c r="E85969" s="15">
        <v>45570</v>
      </c>
      <c r="F85969" s="14" t="s">
        <v>25</v>
      </c>
      <c r="G85969" s="16">
        <v>0.94094114264291839</v>
      </c>
    </row>
    <row r="85970" spans="1:7" x14ac:dyDescent="0.3">
      <c r="A85970" s="13" t="s">
        <v>432</v>
      </c>
      <c r="B85970" s="14" t="s">
        <v>1</v>
      </c>
      <c r="C85970" s="14" t="s">
        <v>200</v>
      </c>
      <c r="D85970" s="14" t="s">
        <v>213</v>
      </c>
      <c r="E85970" s="15">
        <v>45571</v>
      </c>
      <c r="F85970" s="14" t="s">
        <v>25</v>
      </c>
      <c r="G85970" s="16">
        <v>0.94094114264291839</v>
      </c>
    </row>
    <row r="85971" spans="1:7" x14ac:dyDescent="0.3">
      <c r="A85971" s="13" t="s">
        <v>432</v>
      </c>
      <c r="B85971" s="14" t="s">
        <v>1</v>
      </c>
      <c r="C85971" s="14" t="s">
        <v>200</v>
      </c>
      <c r="D85971" s="14" t="s">
        <v>213</v>
      </c>
      <c r="E85971" s="15">
        <v>45572</v>
      </c>
      <c r="F85971" s="14" t="s">
        <v>25</v>
      </c>
      <c r="G85971" s="16">
        <v>0.94669743372648341</v>
      </c>
    </row>
    <row r="85972" spans="1:7" x14ac:dyDescent="0.3">
      <c r="A85972" s="13" t="s">
        <v>432</v>
      </c>
      <c r="B85972" s="14" t="s">
        <v>1</v>
      </c>
      <c r="C85972" s="14" t="s">
        <v>200</v>
      </c>
      <c r="D85972" s="14" t="s">
        <v>213</v>
      </c>
      <c r="E85972" s="15">
        <v>45573</v>
      </c>
      <c r="F85972" s="14" t="s">
        <v>25</v>
      </c>
      <c r="G85972" s="16">
        <v>0.96200911795613575</v>
      </c>
    </row>
    <row r="85973" spans="1:7" x14ac:dyDescent="0.3">
      <c r="A85973" s="13" t="s">
        <v>432</v>
      </c>
      <c r="B85973" s="14" t="s">
        <v>1</v>
      </c>
      <c r="C85973" s="14" t="s">
        <v>200</v>
      </c>
      <c r="D85973" s="14" t="s">
        <v>213</v>
      </c>
      <c r="E85973" s="15">
        <v>45574</v>
      </c>
      <c r="F85973" s="14" t="s">
        <v>25</v>
      </c>
      <c r="G85973" s="16">
        <v>0.97051452839725316</v>
      </c>
    </row>
    <row r="85974" spans="1:7" x14ac:dyDescent="0.3">
      <c r="A85974" s="13" t="s">
        <v>432</v>
      </c>
      <c r="B85974" s="14" t="s">
        <v>1</v>
      </c>
      <c r="C85974" s="14" t="s">
        <v>200</v>
      </c>
      <c r="D85974" s="14" t="s">
        <v>213</v>
      </c>
      <c r="E85974" s="15">
        <v>45575</v>
      </c>
      <c r="F85974" s="14" t="s">
        <v>25</v>
      </c>
      <c r="G85974" s="16">
        <v>0.96903414239254615</v>
      </c>
    </row>
    <row r="85975" spans="1:7" x14ac:dyDescent="0.3">
      <c r="A85975" s="13" t="s">
        <v>432</v>
      </c>
      <c r="B85975" s="14" t="s">
        <v>1</v>
      </c>
      <c r="C85975" s="14" t="s">
        <v>200</v>
      </c>
      <c r="D85975" s="14" t="s">
        <v>213</v>
      </c>
      <c r="E85975" s="15">
        <v>45576</v>
      </c>
      <c r="F85975" s="14" t="s">
        <v>25</v>
      </c>
      <c r="G85975" s="16">
        <v>0.9740750845394327</v>
      </c>
    </row>
    <row r="85976" spans="1:7" x14ac:dyDescent="0.3">
      <c r="A85976" s="13" t="s">
        <v>432</v>
      </c>
      <c r="B85976" s="14" t="s">
        <v>1</v>
      </c>
      <c r="C85976" s="14" t="s">
        <v>200</v>
      </c>
      <c r="D85976" s="14" t="s">
        <v>213</v>
      </c>
      <c r="E85976" s="15">
        <v>45577</v>
      </c>
      <c r="F85976" s="14" t="s">
        <v>25</v>
      </c>
      <c r="G85976" s="16">
        <v>0.9740750845394327</v>
      </c>
    </row>
    <row r="85977" spans="1:7" x14ac:dyDescent="0.3">
      <c r="A85977" s="13" t="s">
        <v>432</v>
      </c>
      <c r="B85977" s="14" t="s">
        <v>1</v>
      </c>
      <c r="C85977" s="14" t="s">
        <v>200</v>
      </c>
      <c r="D85977" s="14" t="s">
        <v>213</v>
      </c>
      <c r="E85977" s="15">
        <v>45578</v>
      </c>
      <c r="F85977" s="14" t="s">
        <v>25</v>
      </c>
      <c r="G85977" s="16">
        <v>0.9740750845394327</v>
      </c>
    </row>
    <row r="85978" spans="1:7" x14ac:dyDescent="0.3">
      <c r="A85978" s="13" t="s">
        <v>432</v>
      </c>
      <c r="B85978" s="14" t="s">
        <v>1</v>
      </c>
      <c r="C85978" s="14" t="s">
        <v>200</v>
      </c>
      <c r="D85978" s="14" t="s">
        <v>213</v>
      </c>
      <c r="E85978" s="15">
        <v>45579</v>
      </c>
      <c r="F85978" s="14" t="s">
        <v>25</v>
      </c>
      <c r="G85978" s="16">
        <v>0.9740750845394327</v>
      </c>
    </row>
    <row r="85979" spans="1:7" x14ac:dyDescent="0.3">
      <c r="A85979" s="13" t="s">
        <v>432</v>
      </c>
      <c r="B85979" s="14" t="s">
        <v>1</v>
      </c>
      <c r="C85979" s="14" t="s">
        <v>200</v>
      </c>
      <c r="D85979" s="14" t="s">
        <v>213</v>
      </c>
      <c r="E85979" s="15">
        <v>45580</v>
      </c>
      <c r="F85979" s="14" t="s">
        <v>25</v>
      </c>
      <c r="G85979" s="16">
        <v>0.98354749735254543</v>
      </c>
    </row>
    <row r="85980" spans="1:7" x14ac:dyDescent="0.3">
      <c r="A85980" s="13" t="s">
        <v>432</v>
      </c>
      <c r="B85980" s="14" t="s">
        <v>1</v>
      </c>
      <c r="C85980" s="14" t="s">
        <v>200</v>
      </c>
      <c r="D85980" s="14" t="s">
        <v>213</v>
      </c>
      <c r="E85980" s="15">
        <v>45581</v>
      </c>
      <c r="F85980" s="14" t="s">
        <v>25</v>
      </c>
      <c r="G85980" s="16">
        <v>1.0052301086147608</v>
      </c>
    </row>
    <row r="85981" spans="1:7" x14ac:dyDescent="0.3">
      <c r="A85981" s="13" t="s">
        <v>432</v>
      </c>
      <c r="B85981" s="14" t="s">
        <v>1</v>
      </c>
      <c r="C85981" s="14" t="s">
        <v>200</v>
      </c>
      <c r="D85981" s="14" t="s">
        <v>213</v>
      </c>
      <c r="E85981" s="15">
        <v>45582</v>
      </c>
      <c r="F85981" s="14" t="s">
        <v>25</v>
      </c>
      <c r="G85981" s="16">
        <v>1.011881275534396</v>
      </c>
    </row>
    <row r="85982" spans="1:7" x14ac:dyDescent="0.3">
      <c r="A85982" s="13" t="s">
        <v>432</v>
      </c>
      <c r="B85982" s="14" t="s">
        <v>1</v>
      </c>
      <c r="C85982" s="14" t="s">
        <v>200</v>
      </c>
      <c r="D85982" s="14" t="s">
        <v>213</v>
      </c>
      <c r="E85982" s="15">
        <v>45583</v>
      </c>
      <c r="F85982" s="14" t="s">
        <v>25</v>
      </c>
      <c r="G85982" s="16">
        <v>1.0213171511636305</v>
      </c>
    </row>
    <row r="85983" spans="1:7" x14ac:dyDescent="0.3">
      <c r="A85983" s="13" t="s">
        <v>432</v>
      </c>
      <c r="B85983" s="14" t="s">
        <v>1</v>
      </c>
      <c r="C85983" s="14" t="s">
        <v>200</v>
      </c>
      <c r="D85983" s="14" t="s">
        <v>213</v>
      </c>
      <c r="E85983" s="15">
        <v>45584</v>
      </c>
      <c r="F85983" s="14" t="s">
        <v>25</v>
      </c>
      <c r="G85983" s="16">
        <v>1.0213171511636305</v>
      </c>
    </row>
    <row r="85984" spans="1:7" x14ac:dyDescent="0.3">
      <c r="A85984" s="13" t="s">
        <v>432</v>
      </c>
      <c r="B85984" s="14" t="s">
        <v>1</v>
      </c>
      <c r="C85984" s="14" t="s">
        <v>200</v>
      </c>
      <c r="D85984" s="14" t="s">
        <v>213</v>
      </c>
      <c r="E85984" s="15">
        <v>45585</v>
      </c>
      <c r="F85984" s="14" t="s">
        <v>25</v>
      </c>
      <c r="G85984" s="16">
        <v>1.0213171511636305</v>
      </c>
    </row>
    <row r="85985" spans="1:7" x14ac:dyDescent="0.3">
      <c r="A85985" s="13" t="s">
        <v>432</v>
      </c>
      <c r="B85985" s="14" t="s">
        <v>1</v>
      </c>
      <c r="C85985" s="14" t="s">
        <v>200</v>
      </c>
      <c r="D85985" s="14" t="s">
        <v>213</v>
      </c>
      <c r="E85985" s="15">
        <v>45586</v>
      </c>
      <c r="F85985" s="14" t="s">
        <v>25</v>
      </c>
      <c r="G85985" s="16">
        <v>1.03178668447427</v>
      </c>
    </row>
    <row r="85986" spans="1:7" x14ac:dyDescent="0.3">
      <c r="A85986" s="13" t="s">
        <v>432</v>
      </c>
      <c r="B85986" s="14" t="s">
        <v>1</v>
      </c>
      <c r="C85986" s="14" t="s">
        <v>200</v>
      </c>
      <c r="D85986" s="14" t="s">
        <v>213</v>
      </c>
      <c r="E85986" s="15">
        <v>45587</v>
      </c>
      <c r="F85986" s="14" t="s">
        <v>25</v>
      </c>
      <c r="G85986" s="16">
        <v>1.0447022264248818</v>
      </c>
    </row>
    <row r="85987" spans="1:7" x14ac:dyDescent="0.3">
      <c r="A85987" s="13" t="s">
        <v>432</v>
      </c>
      <c r="B85987" s="14" t="s">
        <v>1</v>
      </c>
      <c r="C85987" s="14" t="s">
        <v>200</v>
      </c>
      <c r="D85987" s="14" t="s">
        <v>213</v>
      </c>
      <c r="E85987" s="15">
        <v>45588</v>
      </c>
      <c r="F85987" s="14" t="s">
        <v>25</v>
      </c>
      <c r="G85987" s="16">
        <v>1.0507631581859671</v>
      </c>
    </row>
    <row r="85988" spans="1:7" x14ac:dyDescent="0.3">
      <c r="A85988" s="13" t="s">
        <v>432</v>
      </c>
      <c r="B85988" s="14" t="s">
        <v>1</v>
      </c>
      <c r="C85988" s="14" t="s">
        <v>200</v>
      </c>
      <c r="D85988" s="14" t="s">
        <v>213</v>
      </c>
      <c r="E85988" s="15">
        <v>45589</v>
      </c>
      <c r="F85988" s="14" t="s">
        <v>25</v>
      </c>
      <c r="G85988" s="16">
        <v>1.0546135550676847</v>
      </c>
    </row>
    <row r="85989" spans="1:7" x14ac:dyDescent="0.3">
      <c r="A85989" s="13" t="s">
        <v>432</v>
      </c>
      <c r="B85989" s="14" t="s">
        <v>1</v>
      </c>
      <c r="C85989" s="14" t="s">
        <v>200</v>
      </c>
      <c r="D85989" s="14" t="s">
        <v>213</v>
      </c>
      <c r="E85989" s="15">
        <v>45590</v>
      </c>
      <c r="F85989" s="14" t="s">
        <v>25</v>
      </c>
      <c r="G85989" s="16">
        <v>1.0603547109664924</v>
      </c>
    </row>
    <row r="85990" spans="1:7" x14ac:dyDescent="0.3">
      <c r="A85990" s="13" t="s">
        <v>432</v>
      </c>
      <c r="B85990" s="14" t="s">
        <v>1</v>
      </c>
      <c r="C85990" s="14" t="s">
        <v>200</v>
      </c>
      <c r="D85990" s="14" t="s">
        <v>213</v>
      </c>
      <c r="E85990" s="15">
        <v>45591</v>
      </c>
      <c r="F85990" s="14" t="s">
        <v>25</v>
      </c>
      <c r="G85990" s="16">
        <v>1.0603547109664924</v>
      </c>
    </row>
    <row r="85991" spans="1:7" x14ac:dyDescent="0.3">
      <c r="A85991" s="13" t="s">
        <v>432</v>
      </c>
      <c r="B85991" s="14" t="s">
        <v>1</v>
      </c>
      <c r="C85991" s="14" t="s">
        <v>200</v>
      </c>
      <c r="D85991" s="14" t="s">
        <v>213</v>
      </c>
      <c r="E85991" s="15">
        <v>45592</v>
      </c>
      <c r="F85991" s="14" t="s">
        <v>25</v>
      </c>
      <c r="G85991" s="16">
        <v>1.0603547109664924</v>
      </c>
    </row>
    <row r="85992" spans="1:7" x14ac:dyDescent="0.3">
      <c r="A85992" s="13" t="s">
        <v>432</v>
      </c>
      <c r="B85992" s="14" t="s">
        <v>1</v>
      </c>
      <c r="C85992" s="14" t="s">
        <v>200</v>
      </c>
      <c r="D85992" s="14" t="s">
        <v>213</v>
      </c>
      <c r="E85992" s="15">
        <v>45593</v>
      </c>
      <c r="F85992" s="14" t="s">
        <v>25</v>
      </c>
      <c r="G85992" s="16">
        <v>1.0603547109664924</v>
      </c>
    </row>
    <row r="85993" spans="1:7" x14ac:dyDescent="0.3">
      <c r="A85993" s="13" t="s">
        <v>432</v>
      </c>
      <c r="B85993" s="14" t="s">
        <v>1</v>
      </c>
      <c r="C85993" s="14" t="s">
        <v>200</v>
      </c>
      <c r="D85993" s="14" t="s">
        <v>213</v>
      </c>
      <c r="E85993" s="15">
        <v>45594</v>
      </c>
      <c r="F85993" s="14" t="s">
        <v>25</v>
      </c>
      <c r="G85993" s="16">
        <v>1.0659546566752638</v>
      </c>
    </row>
    <row r="85994" spans="1:7" x14ac:dyDescent="0.3">
      <c r="A85994" s="13" t="s">
        <v>432</v>
      </c>
      <c r="B85994" s="14" t="s">
        <v>1</v>
      </c>
      <c r="C85994" s="14" t="s">
        <v>200</v>
      </c>
      <c r="D85994" s="14" t="s">
        <v>213</v>
      </c>
      <c r="E85994" s="15">
        <v>45595</v>
      </c>
      <c r="F85994" s="14" t="s">
        <v>25</v>
      </c>
      <c r="G85994" s="16">
        <v>1.0845124243422104</v>
      </c>
    </row>
    <row r="85995" spans="1:7" x14ac:dyDescent="0.3">
      <c r="A85995" s="13" t="s">
        <v>432</v>
      </c>
      <c r="B85995" s="14" t="s">
        <v>1</v>
      </c>
      <c r="C85995" s="14" t="s">
        <v>200</v>
      </c>
      <c r="D85995" s="14" t="s">
        <v>213</v>
      </c>
      <c r="E85995" s="15">
        <v>45596</v>
      </c>
      <c r="F85995" s="14" t="s">
        <v>25</v>
      </c>
      <c r="G85995" s="16">
        <v>1.0853762740044162</v>
      </c>
    </row>
    <row r="85996" spans="1:7" x14ac:dyDescent="0.3">
      <c r="A85996" s="13" t="s">
        <v>432</v>
      </c>
      <c r="B85996" s="14" t="s">
        <v>1</v>
      </c>
      <c r="C85996" s="14" t="s">
        <v>200</v>
      </c>
      <c r="D85996" s="14" t="s">
        <v>213</v>
      </c>
      <c r="E85996" s="15">
        <v>45597</v>
      </c>
      <c r="F85996" s="14" t="s">
        <v>25</v>
      </c>
      <c r="G85996" s="16">
        <v>1.097451423148244</v>
      </c>
    </row>
    <row r="85997" spans="1:7" x14ac:dyDescent="0.3">
      <c r="A85997" s="13" t="s">
        <v>432</v>
      </c>
      <c r="B85997" s="14" t="s">
        <v>1</v>
      </c>
      <c r="C85997" s="14" t="s">
        <v>200</v>
      </c>
      <c r="D85997" s="14" t="s">
        <v>213</v>
      </c>
      <c r="E85997" s="15">
        <v>45598</v>
      </c>
      <c r="F85997" s="14" t="s">
        <v>25</v>
      </c>
      <c r="G85997" s="16">
        <v>1.097451423148244</v>
      </c>
    </row>
    <row r="85998" spans="1:7" x14ac:dyDescent="0.3">
      <c r="A85998" s="13" t="s">
        <v>432</v>
      </c>
      <c r="B85998" s="14" t="s">
        <v>1</v>
      </c>
      <c r="C85998" s="14" t="s">
        <v>200</v>
      </c>
      <c r="D85998" s="14" t="s">
        <v>213</v>
      </c>
      <c r="E85998" s="15">
        <v>45599</v>
      </c>
      <c r="F85998" s="14" t="s">
        <v>25</v>
      </c>
      <c r="G85998" s="16">
        <v>1.097451423148244</v>
      </c>
    </row>
    <row r="85999" spans="1:7" x14ac:dyDescent="0.3">
      <c r="A85999" s="13" t="s">
        <v>432</v>
      </c>
      <c r="B85999" s="14" t="s">
        <v>1</v>
      </c>
      <c r="C85999" s="14" t="s">
        <v>200</v>
      </c>
      <c r="D85999" s="14" t="s">
        <v>213</v>
      </c>
      <c r="E85999" s="15">
        <v>45600</v>
      </c>
      <c r="F85999" s="14" t="s">
        <v>25</v>
      </c>
      <c r="G85999" s="16">
        <v>1.0962941463238431</v>
      </c>
    </row>
    <row r="86000" spans="1:7" x14ac:dyDescent="0.3">
      <c r="A86000" s="13" t="s">
        <v>432</v>
      </c>
      <c r="B86000" s="14" t="s">
        <v>1</v>
      </c>
      <c r="C86000" s="14" t="s">
        <v>200</v>
      </c>
      <c r="D86000" s="14" t="s">
        <v>213</v>
      </c>
      <c r="E86000" s="15">
        <v>45601</v>
      </c>
      <c r="F86000" s="14" t="s">
        <v>25</v>
      </c>
      <c r="G86000" s="16">
        <v>1.11571185657408</v>
      </c>
    </row>
    <row r="86001" spans="1:7" x14ac:dyDescent="0.3">
      <c r="A86001" s="13" t="s">
        <v>432</v>
      </c>
      <c r="B86001" s="14" t="s">
        <v>1</v>
      </c>
      <c r="C86001" s="14" t="s">
        <v>200</v>
      </c>
      <c r="D86001" s="14" t="s">
        <v>213</v>
      </c>
      <c r="E86001" s="15">
        <v>45602</v>
      </c>
      <c r="F86001" s="14" t="s">
        <v>25</v>
      </c>
      <c r="G86001" s="16">
        <v>1.1374111626432066</v>
      </c>
    </row>
    <row r="86002" spans="1:7" x14ac:dyDescent="0.3">
      <c r="A86002" s="13" t="s">
        <v>432</v>
      </c>
      <c r="B86002" s="14" t="s">
        <v>1</v>
      </c>
      <c r="C86002" s="14" t="s">
        <v>200</v>
      </c>
      <c r="D86002" s="14" t="s">
        <v>213</v>
      </c>
      <c r="E86002" s="15">
        <v>45603</v>
      </c>
      <c r="F86002" s="14" t="s">
        <v>25</v>
      </c>
      <c r="G86002" s="16">
        <v>1.1314073101559354</v>
      </c>
    </row>
    <row r="86003" spans="1:7" x14ac:dyDescent="0.3">
      <c r="A86003" s="13" t="s">
        <v>432</v>
      </c>
      <c r="B86003" s="14" t="s">
        <v>1</v>
      </c>
      <c r="C86003" s="14" t="s">
        <v>200</v>
      </c>
      <c r="D86003" s="14" t="s">
        <v>213</v>
      </c>
      <c r="E86003" s="15">
        <v>45604</v>
      </c>
      <c r="F86003" s="14" t="s">
        <v>25</v>
      </c>
      <c r="G86003" s="16">
        <v>1.1411253635294341</v>
      </c>
    </row>
    <row r="86004" spans="1:7" x14ac:dyDescent="0.3">
      <c r="A86004" s="13" t="s">
        <v>432</v>
      </c>
      <c r="B86004" s="14" t="s">
        <v>1</v>
      </c>
      <c r="C86004" s="14" t="s">
        <v>200</v>
      </c>
      <c r="D86004" s="14" t="s">
        <v>213</v>
      </c>
      <c r="E86004" s="15">
        <v>45605</v>
      </c>
      <c r="F86004" s="14" t="s">
        <v>25</v>
      </c>
      <c r="G86004" s="16">
        <v>1.1411253635294341</v>
      </c>
    </row>
    <row r="86005" spans="1:7" x14ac:dyDescent="0.3">
      <c r="A86005" s="13" t="s">
        <v>432</v>
      </c>
      <c r="B86005" s="14" t="s">
        <v>1</v>
      </c>
      <c r="C86005" s="14" t="s">
        <v>200</v>
      </c>
      <c r="D86005" s="14" t="s">
        <v>213</v>
      </c>
      <c r="E86005" s="15">
        <v>45606</v>
      </c>
      <c r="F86005" s="14" t="s">
        <v>25</v>
      </c>
      <c r="G86005" s="16">
        <v>1.1411253635294341</v>
      </c>
    </row>
    <row r="86006" spans="1:7" x14ac:dyDescent="0.3">
      <c r="A86006" s="13" t="s">
        <v>432</v>
      </c>
      <c r="B86006" s="14" t="s">
        <v>1</v>
      </c>
      <c r="C86006" s="14" t="s">
        <v>200</v>
      </c>
      <c r="D86006" s="14" t="s">
        <v>213</v>
      </c>
      <c r="E86006" s="15">
        <v>45607</v>
      </c>
      <c r="F86006" s="14" t="s">
        <v>25</v>
      </c>
      <c r="G86006" s="16">
        <v>1.1411253635294341</v>
      </c>
    </row>
    <row r="86007" spans="1:7" x14ac:dyDescent="0.3">
      <c r="A86007" s="13" t="s">
        <v>432</v>
      </c>
      <c r="B86007" s="14" t="s">
        <v>1</v>
      </c>
      <c r="C86007" s="14" t="s">
        <v>200</v>
      </c>
      <c r="D86007" s="14" t="s">
        <v>213</v>
      </c>
      <c r="E86007" s="15">
        <v>45608</v>
      </c>
      <c r="F86007" s="14" t="s">
        <v>25</v>
      </c>
      <c r="G86007" s="16">
        <v>1.1549394604454362</v>
      </c>
    </row>
    <row r="86008" spans="1:7" x14ac:dyDescent="0.3">
      <c r="A86008" s="13" t="s">
        <v>432</v>
      </c>
      <c r="B86008" s="14" t="s">
        <v>1</v>
      </c>
      <c r="C86008" s="14" t="s">
        <v>200</v>
      </c>
      <c r="D86008" s="14" t="s">
        <v>213</v>
      </c>
      <c r="E86008" s="15">
        <v>45609</v>
      </c>
      <c r="F86008" s="14" t="s">
        <v>25</v>
      </c>
      <c r="G86008" s="16">
        <v>1.1737884075874025</v>
      </c>
    </row>
    <row r="86009" spans="1:7" x14ac:dyDescent="0.3">
      <c r="A86009" s="13" t="s">
        <v>432</v>
      </c>
      <c r="B86009" s="14" t="s">
        <v>1</v>
      </c>
      <c r="C86009" s="14" t="s">
        <v>200</v>
      </c>
      <c r="D86009" s="14" t="s">
        <v>213</v>
      </c>
      <c r="E86009" s="15">
        <v>45610</v>
      </c>
      <c r="F86009" s="14" t="s">
        <v>25</v>
      </c>
      <c r="G86009" s="16">
        <v>1.1839126761663177</v>
      </c>
    </row>
    <row r="86010" spans="1:7" x14ac:dyDescent="0.3">
      <c r="A86010" s="13" t="s">
        <v>432</v>
      </c>
      <c r="B86010" s="14" t="s">
        <v>1</v>
      </c>
      <c r="C86010" s="14" t="s">
        <v>200</v>
      </c>
      <c r="D86010" s="14" t="s">
        <v>213</v>
      </c>
      <c r="E86010" s="15">
        <v>45611</v>
      </c>
      <c r="F86010" s="14" t="s">
        <v>25</v>
      </c>
      <c r="G86010" s="16">
        <v>1.1866604205543758</v>
      </c>
    </row>
    <row r="86011" spans="1:7" x14ac:dyDescent="0.3">
      <c r="A86011" s="13" t="s">
        <v>432</v>
      </c>
      <c r="B86011" s="14" t="s">
        <v>1</v>
      </c>
      <c r="C86011" s="14" t="s">
        <v>200</v>
      </c>
      <c r="D86011" s="14" t="s">
        <v>213</v>
      </c>
      <c r="E86011" s="15">
        <v>45612</v>
      </c>
      <c r="F86011" s="14" t="s">
        <v>25</v>
      </c>
      <c r="G86011" s="16">
        <v>1.1866604205543758</v>
      </c>
    </row>
    <row r="86012" spans="1:7" x14ac:dyDescent="0.3">
      <c r="A86012" s="13" t="s">
        <v>432</v>
      </c>
      <c r="B86012" s="14" t="s">
        <v>1</v>
      </c>
      <c r="C86012" s="14" t="s">
        <v>200</v>
      </c>
      <c r="D86012" s="14" t="s">
        <v>213</v>
      </c>
      <c r="E86012" s="15">
        <v>45613</v>
      </c>
      <c r="F86012" s="14" t="s">
        <v>25</v>
      </c>
      <c r="G86012" s="16">
        <v>1.1866604205543758</v>
      </c>
    </row>
    <row r="86013" spans="1:7" x14ac:dyDescent="0.3">
      <c r="A86013" s="13" t="s">
        <v>432</v>
      </c>
      <c r="B86013" s="14" t="s">
        <v>1</v>
      </c>
      <c r="C86013" s="14" t="s">
        <v>200</v>
      </c>
      <c r="D86013" s="14" t="s">
        <v>213</v>
      </c>
      <c r="E86013" s="15">
        <v>45614</v>
      </c>
      <c r="F86013" s="14" t="s">
        <v>25</v>
      </c>
      <c r="G86013" s="16">
        <v>1.1842864846974934</v>
      </c>
    </row>
    <row r="86014" spans="1:7" x14ac:dyDescent="0.3">
      <c r="A86014" s="13" t="s">
        <v>432</v>
      </c>
      <c r="B86014" s="14" t="s">
        <v>1</v>
      </c>
      <c r="C86014" s="14" t="s">
        <v>200</v>
      </c>
      <c r="D86014" s="14" t="s">
        <v>213</v>
      </c>
      <c r="E86014" s="15">
        <v>45615</v>
      </c>
      <c r="F86014" s="14" t="s">
        <v>25</v>
      </c>
      <c r="G86014" s="16">
        <v>1.1967153228843883</v>
      </c>
    </row>
    <row r="86015" spans="1:7" x14ac:dyDescent="0.3">
      <c r="A86015" s="13" t="s">
        <v>432</v>
      </c>
      <c r="B86015" s="14" t="s">
        <v>1</v>
      </c>
      <c r="C86015" s="14" t="s">
        <v>200</v>
      </c>
      <c r="D86015" s="14" t="s">
        <v>213</v>
      </c>
      <c r="E86015" s="15">
        <v>45616</v>
      </c>
      <c r="F86015" s="14" t="s">
        <v>25</v>
      </c>
      <c r="G86015" s="16">
        <v>1.205712275633513</v>
      </c>
    </row>
    <row r="86016" spans="1:7" x14ac:dyDescent="0.3">
      <c r="A86016" s="13" t="s">
        <v>432</v>
      </c>
      <c r="B86016" s="14" t="s">
        <v>1</v>
      </c>
      <c r="C86016" s="14" t="s">
        <v>200</v>
      </c>
      <c r="D86016" s="14" t="s">
        <v>213</v>
      </c>
      <c r="E86016" s="15">
        <v>45617</v>
      </c>
      <c r="F86016" s="14" t="s">
        <v>25</v>
      </c>
      <c r="G86016" s="16">
        <v>1.2138781124828417</v>
      </c>
    </row>
    <row r="86017" spans="1:7" x14ac:dyDescent="0.3">
      <c r="A86017" s="13" t="s">
        <v>432</v>
      </c>
      <c r="B86017" s="14" t="s">
        <v>1</v>
      </c>
      <c r="C86017" s="14" t="s">
        <v>200</v>
      </c>
      <c r="D86017" s="14" t="s">
        <v>213</v>
      </c>
      <c r="E86017" s="15">
        <v>45618</v>
      </c>
      <c r="F86017" s="14" t="s">
        <v>25</v>
      </c>
      <c r="G86017" s="16">
        <v>1.2310197071713018</v>
      </c>
    </row>
    <row r="86018" spans="1:7" x14ac:dyDescent="0.3">
      <c r="A86018" s="13" t="s">
        <v>432</v>
      </c>
      <c r="B86018" s="14" t="s">
        <v>1</v>
      </c>
      <c r="C86018" s="14" t="s">
        <v>200</v>
      </c>
      <c r="D86018" s="14" t="s">
        <v>213</v>
      </c>
      <c r="E86018" s="15">
        <v>45619</v>
      </c>
      <c r="F86018" s="14" t="s">
        <v>25</v>
      </c>
      <c r="G86018" s="16">
        <v>1.2310197071713018</v>
      </c>
    </row>
    <row r="86019" spans="1:7" x14ac:dyDescent="0.3">
      <c r="A86019" s="13" t="s">
        <v>432</v>
      </c>
      <c r="B86019" s="14" t="s">
        <v>1</v>
      </c>
      <c r="C86019" s="14" t="s">
        <v>200</v>
      </c>
      <c r="D86019" s="14" t="s">
        <v>213</v>
      </c>
      <c r="E86019" s="15">
        <v>45620</v>
      </c>
      <c r="F86019" s="14" t="s">
        <v>25</v>
      </c>
      <c r="G86019" s="16">
        <v>1.2310197071713018</v>
      </c>
    </row>
    <row r="86020" spans="1:7" x14ac:dyDescent="0.3">
      <c r="A86020" s="13" t="s">
        <v>432</v>
      </c>
      <c r="B86020" s="14" t="s">
        <v>1</v>
      </c>
      <c r="C86020" s="14" t="s">
        <v>200</v>
      </c>
      <c r="D86020" s="14" t="s">
        <v>213</v>
      </c>
      <c r="E86020" s="15">
        <v>45621</v>
      </c>
      <c r="F86020" s="14" t="s">
        <v>25</v>
      </c>
      <c r="G86020" s="16">
        <v>1.2236960496360672</v>
      </c>
    </row>
    <row r="86021" spans="1:7" x14ac:dyDescent="0.3">
      <c r="A86021" s="13" t="s">
        <v>432</v>
      </c>
      <c r="B86021" s="14" t="s">
        <v>1</v>
      </c>
      <c r="C86021" s="14" t="s">
        <v>200</v>
      </c>
      <c r="D86021" s="14" t="s">
        <v>213</v>
      </c>
      <c r="E86021" s="15">
        <v>45622</v>
      </c>
      <c r="F86021" s="14" t="s">
        <v>25</v>
      </c>
      <c r="G86021" s="16">
        <v>1.2400798497571259</v>
      </c>
    </row>
    <row r="86022" spans="1:7" x14ac:dyDescent="0.3">
      <c r="A86022" s="13" t="s">
        <v>432</v>
      </c>
      <c r="B86022" s="14" t="s">
        <v>1</v>
      </c>
      <c r="C86022" s="14" t="s">
        <v>200</v>
      </c>
      <c r="D86022" s="14" t="s">
        <v>213</v>
      </c>
      <c r="E86022" s="15">
        <v>45623</v>
      </c>
      <c r="F86022" s="14" t="s">
        <v>25</v>
      </c>
      <c r="G86022" s="16">
        <v>1.2384290568613183</v>
      </c>
    </row>
    <row r="86023" spans="1:7" x14ac:dyDescent="0.3">
      <c r="A86023" s="13" t="s">
        <v>432</v>
      </c>
      <c r="B86023" s="14" t="s">
        <v>1</v>
      </c>
      <c r="C86023" s="14" t="s">
        <v>200</v>
      </c>
      <c r="D86023" s="14" t="s">
        <v>213</v>
      </c>
      <c r="E86023" s="15">
        <v>45624</v>
      </c>
      <c r="F86023" s="14" t="s">
        <v>25</v>
      </c>
      <c r="G86023" s="16">
        <v>1.2384290568613183</v>
      </c>
    </row>
    <row r="86024" spans="1:7" x14ac:dyDescent="0.3">
      <c r="A86024" s="13" t="s">
        <v>432</v>
      </c>
      <c r="B86024" s="14" t="s">
        <v>1</v>
      </c>
      <c r="C86024" s="14" t="s">
        <v>200</v>
      </c>
      <c r="D86024" s="14" t="s">
        <v>213</v>
      </c>
      <c r="E86024" s="15">
        <v>45625</v>
      </c>
      <c r="F86024" s="14" t="s">
        <v>25</v>
      </c>
      <c r="G86024" s="16">
        <v>1.2435404065736786</v>
      </c>
    </row>
    <row r="86025" spans="1:7" x14ac:dyDescent="0.3">
      <c r="A86025" s="13" t="s">
        <v>432</v>
      </c>
      <c r="B86025" s="14" t="s">
        <v>1</v>
      </c>
      <c r="C86025" s="14" t="s">
        <v>200</v>
      </c>
      <c r="D86025" s="14" t="s">
        <v>213</v>
      </c>
      <c r="E86025" s="15">
        <v>45626</v>
      </c>
      <c r="F86025" s="14" t="s">
        <v>25</v>
      </c>
      <c r="G86025" s="16">
        <v>1.2435404065736786</v>
      </c>
    </row>
    <row r="86026" spans="1:7" x14ac:dyDescent="0.3">
      <c r="A86026" s="13" t="s">
        <v>432</v>
      </c>
      <c r="B86026" s="14" t="s">
        <v>1</v>
      </c>
      <c r="C86026" s="14" t="s">
        <v>200</v>
      </c>
      <c r="D86026" s="14" t="s">
        <v>213</v>
      </c>
      <c r="E86026" s="15">
        <v>45627</v>
      </c>
      <c r="F86026" s="14" t="s">
        <v>25</v>
      </c>
      <c r="G86026" s="16">
        <v>1.2435404065736786</v>
      </c>
    </row>
    <row r="86027" spans="1:7" x14ac:dyDescent="0.3">
      <c r="A86027" s="13" t="s">
        <v>432</v>
      </c>
      <c r="B86027" s="14" t="s">
        <v>1</v>
      </c>
      <c r="C86027" s="14" t="s">
        <v>200</v>
      </c>
      <c r="D86027" s="14" t="s">
        <v>213</v>
      </c>
      <c r="E86027" s="15">
        <v>45628</v>
      </c>
      <c r="F86027" s="14" t="s">
        <v>25</v>
      </c>
      <c r="G86027" s="16">
        <v>1.2618605275767212</v>
      </c>
    </row>
    <row r="86028" spans="1:7" x14ac:dyDescent="0.3">
      <c r="A86028" s="13" t="s">
        <v>432</v>
      </c>
      <c r="B86028" s="14" t="s">
        <v>1</v>
      </c>
      <c r="C86028" s="14" t="s">
        <v>200</v>
      </c>
      <c r="D86028" s="14" t="s">
        <v>213</v>
      </c>
      <c r="E86028" s="15">
        <v>45629</v>
      </c>
      <c r="F86028" s="14" t="s">
        <v>25</v>
      </c>
      <c r="G86028" s="16">
        <v>1.2755573415548533</v>
      </c>
    </row>
    <row r="86029" spans="1:7" x14ac:dyDescent="0.3">
      <c r="A86029" s="13" t="s">
        <v>432</v>
      </c>
      <c r="B86029" s="14" t="s">
        <v>1</v>
      </c>
      <c r="C86029" s="14" t="s">
        <v>200</v>
      </c>
      <c r="D86029" s="14" t="s">
        <v>213</v>
      </c>
      <c r="E86029" s="15">
        <v>45630</v>
      </c>
      <c r="F86029" s="14" t="s">
        <v>25</v>
      </c>
      <c r="G86029" s="16">
        <v>1.2761453395944047</v>
      </c>
    </row>
    <row r="86030" spans="1:7" x14ac:dyDescent="0.3">
      <c r="A86030" s="13" t="s">
        <v>432</v>
      </c>
      <c r="B86030" s="14" t="s">
        <v>1</v>
      </c>
      <c r="C86030" s="14" t="s">
        <v>200</v>
      </c>
      <c r="D86030" s="14" t="s">
        <v>213</v>
      </c>
      <c r="E86030" s="15">
        <v>45631</v>
      </c>
      <c r="F86030" s="14" t="s">
        <v>25</v>
      </c>
      <c r="G86030" s="16">
        <v>1.2706911926950284</v>
      </c>
    </row>
    <row r="86031" spans="1:7" x14ac:dyDescent="0.3">
      <c r="A86031" s="13" t="s">
        <v>432</v>
      </c>
      <c r="B86031" s="14" t="s">
        <v>1</v>
      </c>
      <c r="C86031" s="14" t="s">
        <v>200</v>
      </c>
      <c r="D86031" s="14" t="s">
        <v>213</v>
      </c>
      <c r="E86031" s="15">
        <v>45632</v>
      </c>
      <c r="F86031" s="14" t="s">
        <v>25</v>
      </c>
      <c r="G86031" s="16">
        <v>1.2755183000022046</v>
      </c>
    </row>
    <row r="86032" spans="1:7" x14ac:dyDescent="0.3">
      <c r="A86032" s="13" t="s">
        <v>432</v>
      </c>
      <c r="B86032" s="14" t="s">
        <v>1</v>
      </c>
      <c r="C86032" s="14" t="s">
        <v>200</v>
      </c>
      <c r="D86032" s="14" t="s">
        <v>213</v>
      </c>
      <c r="E86032" s="15">
        <v>45633</v>
      </c>
      <c r="F86032" s="14" t="s">
        <v>25</v>
      </c>
      <c r="G86032" s="16">
        <v>1.2755183000022046</v>
      </c>
    </row>
    <row r="86033" spans="1:7" x14ac:dyDescent="0.3">
      <c r="A86033" s="13" t="s">
        <v>432</v>
      </c>
      <c r="B86033" s="14" t="s">
        <v>1</v>
      </c>
      <c r="C86033" s="14" t="s">
        <v>200</v>
      </c>
      <c r="D86033" s="14" t="s">
        <v>213</v>
      </c>
      <c r="E86033" s="15">
        <v>45634</v>
      </c>
      <c r="F86033" s="14" t="s">
        <v>25</v>
      </c>
      <c r="G86033" s="16">
        <v>1.2755183000022046</v>
      </c>
    </row>
    <row r="86034" spans="1:7" x14ac:dyDescent="0.3">
      <c r="A86034" s="13" t="s">
        <v>432</v>
      </c>
      <c r="B86034" s="14" t="s">
        <v>1</v>
      </c>
      <c r="C86034" s="14" t="s">
        <v>200</v>
      </c>
      <c r="D86034" s="14" t="s">
        <v>213</v>
      </c>
      <c r="E86034" s="15">
        <v>45635</v>
      </c>
      <c r="F86034" s="14" t="s">
        <v>25</v>
      </c>
      <c r="G86034" s="16">
        <v>1.2805233561982907</v>
      </c>
    </row>
    <row r="86035" spans="1:7" x14ac:dyDescent="0.3">
      <c r="A86035" s="13" t="s">
        <v>432</v>
      </c>
      <c r="B86035" s="14" t="s">
        <v>1</v>
      </c>
      <c r="C86035" s="14" t="s">
        <v>200</v>
      </c>
      <c r="D86035" s="14" t="s">
        <v>213</v>
      </c>
      <c r="E86035" s="15">
        <v>45636</v>
      </c>
      <c r="F86035" s="14" t="s">
        <v>25</v>
      </c>
      <c r="G86035" s="16">
        <v>1.302862013027289</v>
      </c>
    </row>
    <row r="86036" spans="1:7" x14ac:dyDescent="0.3">
      <c r="A86036" s="13" t="s">
        <v>432</v>
      </c>
      <c r="B86036" s="14" t="s">
        <v>1</v>
      </c>
      <c r="C86036" s="14" t="s">
        <v>200</v>
      </c>
      <c r="D86036" s="14" t="s">
        <v>213</v>
      </c>
      <c r="E86036" s="15">
        <v>45637</v>
      </c>
      <c r="F86036" s="14" t="s">
        <v>25</v>
      </c>
      <c r="G86036" s="16">
        <v>1.310188169585988</v>
      </c>
    </row>
    <row r="86037" spans="1:7" x14ac:dyDescent="0.3">
      <c r="A86037" s="13" t="s">
        <v>432</v>
      </c>
      <c r="B86037" s="14" t="s">
        <v>1</v>
      </c>
      <c r="C86037" s="14" t="s">
        <v>200</v>
      </c>
      <c r="D86037" s="14" t="s">
        <v>213</v>
      </c>
      <c r="E86037" s="15">
        <v>45638</v>
      </c>
      <c r="F86037" s="14" t="s">
        <v>25</v>
      </c>
      <c r="G86037" s="16">
        <v>1.3267575160767811</v>
      </c>
    </row>
    <row r="86038" spans="1:7" x14ac:dyDescent="0.3">
      <c r="A86038" s="13" t="s">
        <v>432</v>
      </c>
      <c r="B86038" s="14" t="s">
        <v>1</v>
      </c>
      <c r="C86038" s="14" t="s">
        <v>200</v>
      </c>
      <c r="D86038" s="14" t="s">
        <v>213</v>
      </c>
      <c r="E86038" s="15">
        <v>45639</v>
      </c>
      <c r="F86038" s="14" t="s">
        <v>25</v>
      </c>
      <c r="G86038" s="16">
        <v>1.3335707274365172</v>
      </c>
    </row>
    <row r="86039" spans="1:7" x14ac:dyDescent="0.3">
      <c r="A86039" s="13" t="s">
        <v>432</v>
      </c>
      <c r="B86039" s="14" t="s">
        <v>1</v>
      </c>
      <c r="C86039" s="14" t="s">
        <v>200</v>
      </c>
      <c r="D86039" s="14" t="s">
        <v>213</v>
      </c>
      <c r="E86039" s="15">
        <v>45640</v>
      </c>
      <c r="F86039" s="14" t="s">
        <v>25</v>
      </c>
      <c r="G86039" s="16">
        <v>1.3335707274365172</v>
      </c>
    </row>
    <row r="86040" spans="1:7" x14ac:dyDescent="0.3">
      <c r="A86040" s="13" t="s">
        <v>432</v>
      </c>
      <c r="B86040" s="14" t="s">
        <v>1</v>
      </c>
      <c r="C86040" s="14" t="s">
        <v>200</v>
      </c>
      <c r="D86040" s="14" t="s">
        <v>213</v>
      </c>
      <c r="E86040" s="15">
        <v>45641</v>
      </c>
      <c r="F86040" s="14" t="s">
        <v>25</v>
      </c>
      <c r="G86040" s="16">
        <v>1.3335707274365172</v>
      </c>
    </row>
    <row r="86041" spans="1:7" x14ac:dyDescent="0.3">
      <c r="A86041" s="13" t="s">
        <v>432</v>
      </c>
      <c r="B86041" s="14" t="s">
        <v>1</v>
      </c>
      <c r="C86041" s="14" t="s">
        <v>200</v>
      </c>
      <c r="D86041" s="14" t="s">
        <v>213</v>
      </c>
      <c r="E86041" s="15">
        <v>45642</v>
      </c>
      <c r="F86041" s="14" t="s">
        <v>25</v>
      </c>
      <c r="G86041" s="16">
        <v>1.3407577642311082</v>
      </c>
    </row>
    <row r="86042" spans="1:7" x14ac:dyDescent="0.3">
      <c r="A86042" s="13" t="s">
        <v>432</v>
      </c>
      <c r="B86042" s="14" t="s">
        <v>1</v>
      </c>
      <c r="C86042" s="14" t="s">
        <v>200</v>
      </c>
      <c r="D86042" s="14" t="s">
        <v>213</v>
      </c>
      <c r="E86042" s="15">
        <v>45643</v>
      </c>
      <c r="F86042" s="14" t="s">
        <v>25</v>
      </c>
      <c r="G86042" s="16">
        <v>1.3528442454836476</v>
      </c>
    </row>
    <row r="86043" spans="1:7" x14ac:dyDescent="0.3">
      <c r="A86043" s="13" t="s">
        <v>432</v>
      </c>
      <c r="B86043" s="14" t="s">
        <v>1</v>
      </c>
      <c r="C86043" s="14" t="s">
        <v>200</v>
      </c>
      <c r="D86043" s="14" t="s">
        <v>213</v>
      </c>
      <c r="E86043" s="15">
        <v>45644</v>
      </c>
      <c r="F86043" s="14" t="s">
        <v>25</v>
      </c>
      <c r="G86043" s="16">
        <v>1.3700906525105054</v>
      </c>
    </row>
    <row r="86044" spans="1:7" x14ac:dyDescent="0.3">
      <c r="A86044" s="13" t="s">
        <v>432</v>
      </c>
      <c r="B86044" s="14" t="s">
        <v>1</v>
      </c>
      <c r="C86044" s="14" t="s">
        <v>200</v>
      </c>
      <c r="D86044" s="14" t="s">
        <v>213</v>
      </c>
      <c r="E86044" s="15">
        <v>45645</v>
      </c>
      <c r="F86044" s="14" t="s">
        <v>25</v>
      </c>
      <c r="G86044" s="16">
        <v>1.3735453371852941</v>
      </c>
    </row>
    <row r="86045" spans="1:7" x14ac:dyDescent="0.3">
      <c r="A86045" s="13" t="s">
        <v>432</v>
      </c>
      <c r="B86045" s="14" t="s">
        <v>1</v>
      </c>
      <c r="C86045" s="14" t="s">
        <v>200</v>
      </c>
      <c r="D86045" s="14" t="s">
        <v>213</v>
      </c>
      <c r="E86045" s="15">
        <v>45646</v>
      </c>
      <c r="F86045" s="14" t="s">
        <v>25</v>
      </c>
      <c r="G86045" s="16">
        <v>1.3726075593034532</v>
      </c>
    </row>
    <row r="86046" spans="1:7" x14ac:dyDescent="0.3">
      <c r="A86046" s="13" t="s">
        <v>432</v>
      </c>
      <c r="B86046" s="14" t="s">
        <v>1</v>
      </c>
      <c r="C86046" s="14" t="s">
        <v>200</v>
      </c>
      <c r="D86046" s="14" t="s">
        <v>213</v>
      </c>
      <c r="E86046" s="15">
        <v>45647</v>
      </c>
      <c r="F86046" s="14" t="s">
        <v>25</v>
      </c>
      <c r="G86046" s="16">
        <v>1.3726075593034532</v>
      </c>
    </row>
    <row r="86047" spans="1:7" x14ac:dyDescent="0.3">
      <c r="A86047" s="13" t="s">
        <v>432</v>
      </c>
      <c r="B86047" s="14" t="s">
        <v>1</v>
      </c>
      <c r="C86047" s="14" t="s">
        <v>200</v>
      </c>
      <c r="D86047" s="14" t="s">
        <v>213</v>
      </c>
      <c r="E86047" s="15">
        <v>45648</v>
      </c>
      <c r="F86047" s="14" t="s">
        <v>25</v>
      </c>
      <c r="G86047" s="16">
        <v>1.3726075593034532</v>
      </c>
    </row>
    <row r="86048" spans="1:7" x14ac:dyDescent="0.3">
      <c r="A86048" s="13" t="s">
        <v>432</v>
      </c>
      <c r="B86048" s="14" t="s">
        <v>1</v>
      </c>
      <c r="C86048" s="14" t="s">
        <v>200</v>
      </c>
      <c r="D86048" s="14" t="s">
        <v>213</v>
      </c>
      <c r="E86048" s="15">
        <v>45649</v>
      </c>
      <c r="F86048" s="14" t="s">
        <v>25</v>
      </c>
      <c r="G86048" s="16">
        <v>1.3866238679596858</v>
      </c>
    </row>
    <row r="86049" spans="1:7" x14ac:dyDescent="0.3">
      <c r="A86049" s="13" t="s">
        <v>432</v>
      </c>
      <c r="B86049" s="14" t="s">
        <v>1</v>
      </c>
      <c r="C86049" s="14" t="s">
        <v>200</v>
      </c>
      <c r="D86049" s="14" t="s">
        <v>213</v>
      </c>
      <c r="E86049" s="15">
        <v>45650</v>
      </c>
      <c r="F86049" s="14" t="s">
        <v>25</v>
      </c>
      <c r="G86049" s="16">
        <v>1.4041414772899077</v>
      </c>
    </row>
    <row r="86050" spans="1:7" x14ac:dyDescent="0.3">
      <c r="A86050" s="13" t="s">
        <v>432</v>
      </c>
      <c r="B86050" s="14" t="s">
        <v>1</v>
      </c>
      <c r="C86050" s="14" t="s">
        <v>200</v>
      </c>
      <c r="D86050" s="14" t="s">
        <v>213</v>
      </c>
      <c r="E86050" s="15">
        <v>45651</v>
      </c>
      <c r="F86050" s="14" t="s">
        <v>25</v>
      </c>
      <c r="G86050" s="16">
        <v>1.4041414772899077</v>
      </c>
    </row>
    <row r="86051" spans="1:7" x14ac:dyDescent="0.3">
      <c r="A86051" s="13" t="s">
        <v>432</v>
      </c>
      <c r="B86051" s="14" t="s">
        <v>1</v>
      </c>
      <c r="C86051" s="14" t="s">
        <v>200</v>
      </c>
      <c r="D86051" s="14" t="s">
        <v>213</v>
      </c>
      <c r="E86051" s="15">
        <v>45652</v>
      </c>
      <c r="F86051" s="14" t="s">
        <v>25</v>
      </c>
      <c r="G86051" s="16">
        <v>1.4041414772899077</v>
      </c>
    </row>
    <row r="86052" spans="1:7" x14ac:dyDescent="0.3">
      <c r="A86052" s="13" t="s">
        <v>432</v>
      </c>
      <c r="B86052" s="14" t="s">
        <v>1</v>
      </c>
      <c r="C86052" s="14" t="s">
        <v>200</v>
      </c>
      <c r="D86052" s="14" t="s">
        <v>213</v>
      </c>
      <c r="E86052" s="15">
        <v>45653</v>
      </c>
      <c r="F86052" s="14" t="s">
        <v>25</v>
      </c>
      <c r="G86052" s="16">
        <v>1.4041414772899077</v>
      </c>
    </row>
    <row r="86053" spans="1:7" x14ac:dyDescent="0.3">
      <c r="A86053" s="13" t="s">
        <v>432</v>
      </c>
      <c r="B86053" s="14" t="s">
        <v>1</v>
      </c>
      <c r="C86053" s="14" t="s">
        <v>200</v>
      </c>
      <c r="D86053" s="14" t="s">
        <v>213</v>
      </c>
      <c r="E86053" s="15">
        <v>45654</v>
      </c>
      <c r="F86053" s="14" t="s">
        <v>25</v>
      </c>
      <c r="G86053" s="16">
        <v>1.4041414772899077</v>
      </c>
    </row>
    <row r="86054" spans="1:7" x14ac:dyDescent="0.3">
      <c r="A86054" s="13" t="s">
        <v>432</v>
      </c>
      <c r="B86054" s="14" t="s">
        <v>1</v>
      </c>
      <c r="C86054" s="14" t="s">
        <v>200</v>
      </c>
      <c r="D86054" s="14" t="s">
        <v>213</v>
      </c>
      <c r="E86054" s="15">
        <v>45655</v>
      </c>
      <c r="F86054" s="14" t="s">
        <v>25</v>
      </c>
      <c r="G86054" s="16">
        <v>1.4041414772899077</v>
      </c>
    </row>
    <row r="86055" spans="1:7" x14ac:dyDescent="0.3">
      <c r="A86055" s="13" t="s">
        <v>432</v>
      </c>
      <c r="B86055" s="14" t="s">
        <v>1</v>
      </c>
      <c r="C86055" s="14" t="s">
        <v>200</v>
      </c>
      <c r="D86055" s="14" t="s">
        <v>213</v>
      </c>
      <c r="E86055" s="15">
        <v>45656</v>
      </c>
      <c r="F86055" s="14" t="s">
        <v>25</v>
      </c>
      <c r="G86055" s="16">
        <v>1.4143203389266457</v>
      </c>
    </row>
    <row r="86056" spans="1:7" x14ac:dyDescent="0.3">
      <c r="A86056" s="13" t="s">
        <v>432</v>
      </c>
      <c r="B86056" s="14" t="s">
        <v>1</v>
      </c>
      <c r="C86056" s="14" t="s">
        <v>200</v>
      </c>
      <c r="D86056" s="14" t="s">
        <v>213</v>
      </c>
      <c r="E86056" s="15">
        <v>45657</v>
      </c>
      <c r="F86056" s="14" t="s">
        <v>25</v>
      </c>
      <c r="G86056" s="16">
        <v>1.4522731845371344</v>
      </c>
    </row>
    <row r="86057" spans="1:7" x14ac:dyDescent="0.3">
      <c r="A86057" s="13" t="s">
        <v>432</v>
      </c>
      <c r="B86057" s="14" t="s">
        <v>1</v>
      </c>
      <c r="C86057" s="14" t="s">
        <v>200</v>
      </c>
      <c r="D86057" s="14" t="s">
        <v>213</v>
      </c>
      <c r="E86057" s="15">
        <v>45658</v>
      </c>
      <c r="F86057" s="14" t="s">
        <v>25</v>
      </c>
      <c r="G86057" s="16">
        <v>1.4522731845371344</v>
      </c>
    </row>
    <row r="86058" spans="1:7" x14ac:dyDescent="0.3">
      <c r="A86058" s="13" t="s">
        <v>432</v>
      </c>
      <c r="B86058" s="14" t="s">
        <v>1</v>
      </c>
      <c r="C86058" s="14" t="s">
        <v>200</v>
      </c>
      <c r="D86058" s="14" t="s">
        <v>213</v>
      </c>
      <c r="E86058" s="15">
        <v>45659</v>
      </c>
      <c r="F86058" s="14" t="s">
        <v>25</v>
      </c>
      <c r="G86058" s="16">
        <v>1.4658858179648155</v>
      </c>
    </row>
    <row r="86059" spans="1:7" x14ac:dyDescent="0.3">
      <c r="A86059" s="13" t="s">
        <v>432</v>
      </c>
      <c r="B86059" s="14" t="s">
        <v>1</v>
      </c>
      <c r="C86059" s="14" t="s">
        <v>200</v>
      </c>
      <c r="D86059" s="14" t="s">
        <v>213</v>
      </c>
      <c r="E86059" s="15">
        <v>45660</v>
      </c>
      <c r="F86059" s="14" t="s">
        <v>25</v>
      </c>
      <c r="G86059" s="16">
        <v>1.4659844744648722</v>
      </c>
    </row>
    <row r="86060" spans="1:7" x14ac:dyDescent="0.3">
      <c r="A86060" s="13" t="s">
        <v>432</v>
      </c>
      <c r="B86060" s="14" t="s">
        <v>1</v>
      </c>
      <c r="C86060" s="14" t="s">
        <v>200</v>
      </c>
      <c r="D86060" s="14" t="s">
        <v>213</v>
      </c>
      <c r="E86060" s="15">
        <v>45661</v>
      </c>
      <c r="F86060" s="14" t="s">
        <v>25</v>
      </c>
      <c r="G86060" s="16">
        <v>1.4659844744648722</v>
      </c>
    </row>
    <row r="86061" spans="1:7" x14ac:dyDescent="0.3">
      <c r="A86061" s="13" t="s">
        <v>432</v>
      </c>
      <c r="B86061" s="14" t="s">
        <v>1</v>
      </c>
      <c r="C86061" s="14" t="s">
        <v>200</v>
      </c>
      <c r="D86061" s="14" t="s">
        <v>213</v>
      </c>
      <c r="E86061" s="15">
        <v>45662</v>
      </c>
      <c r="F86061" s="14" t="s">
        <v>25</v>
      </c>
      <c r="G86061" s="16">
        <v>1.4659844744648722</v>
      </c>
    </row>
    <row r="86062" spans="1:7" x14ac:dyDescent="0.3">
      <c r="A86062" s="13" t="s">
        <v>432</v>
      </c>
      <c r="B86062" s="14" t="s">
        <v>1</v>
      </c>
      <c r="C86062" s="14" t="s">
        <v>200</v>
      </c>
      <c r="D86062" s="14" t="s">
        <v>213</v>
      </c>
      <c r="E86062" s="15">
        <v>45663</v>
      </c>
      <c r="F86062" s="14" t="s">
        <v>25</v>
      </c>
      <c r="G86062" s="16">
        <v>1.4651083498383033</v>
      </c>
    </row>
    <row r="86063" spans="1:7" x14ac:dyDescent="0.3">
      <c r="A86063" s="13" t="s">
        <v>432</v>
      </c>
      <c r="B86063" s="14" t="s">
        <v>1</v>
      </c>
      <c r="C86063" s="14" t="s">
        <v>200</v>
      </c>
      <c r="D86063" s="14" t="s">
        <v>213</v>
      </c>
      <c r="E86063" s="15">
        <v>45664</v>
      </c>
      <c r="F86063" s="14" t="s">
        <v>25</v>
      </c>
      <c r="G86063" s="16">
        <v>1.4886004495429752</v>
      </c>
    </row>
    <row r="86064" spans="1:7" x14ac:dyDescent="0.3">
      <c r="A86064" s="13" t="s">
        <v>432</v>
      </c>
      <c r="B86064" s="14" t="s">
        <v>1</v>
      </c>
      <c r="C86064" s="14" t="s">
        <v>200</v>
      </c>
      <c r="D86064" s="14" t="s">
        <v>213</v>
      </c>
      <c r="E86064" s="15">
        <v>45665</v>
      </c>
      <c r="F86064" s="14" t="s">
        <v>25</v>
      </c>
      <c r="G86064" s="16">
        <v>1.4958258564923375</v>
      </c>
    </row>
    <row r="86065" spans="1:7" x14ac:dyDescent="0.3">
      <c r="A86065" s="13" t="s">
        <v>432</v>
      </c>
      <c r="B86065" s="14" t="s">
        <v>1</v>
      </c>
      <c r="C86065" s="14" t="s">
        <v>200</v>
      </c>
      <c r="D86065" s="14" t="s">
        <v>213</v>
      </c>
      <c r="E86065" s="15">
        <v>45666</v>
      </c>
      <c r="F86065" s="14" t="s">
        <v>25</v>
      </c>
      <c r="G86065" s="16">
        <v>1.4958258564923375</v>
      </c>
    </row>
    <row r="86066" spans="1:7" x14ac:dyDescent="0.3">
      <c r="A86066" s="13" t="s">
        <v>432</v>
      </c>
      <c r="B86066" s="14" t="s">
        <v>1</v>
      </c>
      <c r="C86066" s="14" t="s">
        <v>200</v>
      </c>
      <c r="D86066" s="14" t="s">
        <v>213</v>
      </c>
      <c r="E86066" s="15">
        <v>45667</v>
      </c>
      <c r="F86066" s="14" t="s">
        <v>25</v>
      </c>
      <c r="G86066" s="16">
        <v>1.514986442420198</v>
      </c>
    </row>
    <row r="86067" spans="1:7" x14ac:dyDescent="0.3">
      <c r="A86067" s="13" t="s">
        <v>432</v>
      </c>
      <c r="B86067" s="14" t="s">
        <v>1</v>
      </c>
      <c r="C86067" s="14" t="s">
        <v>200</v>
      </c>
      <c r="D86067" s="14" t="s">
        <v>213</v>
      </c>
      <c r="E86067" s="15">
        <v>45668</v>
      </c>
      <c r="F86067" s="14" t="s">
        <v>25</v>
      </c>
      <c r="G86067" s="16">
        <v>1.514986442420198</v>
      </c>
    </row>
    <row r="86068" spans="1:7" x14ac:dyDescent="0.3">
      <c r="A86068" s="13" t="s">
        <v>432</v>
      </c>
      <c r="B86068" s="14" t="s">
        <v>1</v>
      </c>
      <c r="C86068" s="14" t="s">
        <v>200</v>
      </c>
      <c r="D86068" s="14" t="s">
        <v>213</v>
      </c>
      <c r="E86068" s="15">
        <v>45669</v>
      </c>
      <c r="F86068" s="14" t="s">
        <v>25</v>
      </c>
      <c r="G86068" s="16">
        <v>1.514986442420198</v>
      </c>
    </row>
    <row r="86069" spans="1:7" x14ac:dyDescent="0.3">
      <c r="A86069" s="13" t="s">
        <v>432</v>
      </c>
      <c r="B86069" s="14" t="s">
        <v>1</v>
      </c>
      <c r="C86069" s="14" t="s">
        <v>200</v>
      </c>
      <c r="D86069" s="14" t="s">
        <v>213</v>
      </c>
      <c r="E86069" s="15">
        <v>45670</v>
      </c>
      <c r="F86069" s="14" t="s">
        <v>25</v>
      </c>
      <c r="G86069" s="16">
        <v>1.5236385139545812</v>
      </c>
    </row>
    <row r="86070" spans="1:7" x14ac:dyDescent="0.3">
      <c r="A86070" s="13" t="s">
        <v>432</v>
      </c>
      <c r="B86070" s="14" t="s">
        <v>1</v>
      </c>
      <c r="C86070" s="14" t="s">
        <v>200</v>
      </c>
      <c r="D86070" s="14" t="s">
        <v>213</v>
      </c>
      <c r="E86070" s="15">
        <v>45671</v>
      </c>
      <c r="F86070" s="14" t="s">
        <v>25</v>
      </c>
      <c r="G86070" s="16">
        <v>1.5288874110350554</v>
      </c>
    </row>
    <row r="86071" spans="1:7" x14ac:dyDescent="0.3">
      <c r="A86071" s="13" t="s">
        <v>432</v>
      </c>
      <c r="B86071" s="14" t="s">
        <v>1</v>
      </c>
      <c r="C86071" s="14" t="s">
        <v>200</v>
      </c>
      <c r="D86071" s="14" t="s">
        <v>213</v>
      </c>
      <c r="E86071" s="15">
        <v>45672</v>
      </c>
      <c r="F86071" s="14" t="s">
        <v>25</v>
      </c>
      <c r="G86071" s="16">
        <v>1.5346191694870617</v>
      </c>
    </row>
    <row r="86072" spans="1:7" x14ac:dyDescent="0.3">
      <c r="A86072" s="13" t="s">
        <v>432</v>
      </c>
      <c r="B86072" s="14" t="s">
        <v>1</v>
      </c>
      <c r="C86072" s="14" t="s">
        <v>200</v>
      </c>
      <c r="D86072" s="14" t="s">
        <v>213</v>
      </c>
      <c r="E86072" s="15">
        <v>45673</v>
      </c>
      <c r="F86072" s="14" t="s">
        <v>25</v>
      </c>
      <c r="G86072" s="16">
        <v>1.5346141429466968</v>
      </c>
    </row>
    <row r="86073" spans="1:7" x14ac:dyDescent="0.3">
      <c r="A86073" s="13" t="s">
        <v>432</v>
      </c>
      <c r="B86073" s="14" t="s">
        <v>1</v>
      </c>
      <c r="C86073" s="14" t="s">
        <v>200</v>
      </c>
      <c r="D86073" s="14" t="s">
        <v>213</v>
      </c>
      <c r="E86073" s="15">
        <v>45674</v>
      </c>
      <c r="F86073" s="14" t="s">
        <v>25</v>
      </c>
      <c r="G86073" s="16">
        <v>1.5461698346602986</v>
      </c>
    </row>
    <row r="86074" spans="1:7" x14ac:dyDescent="0.3">
      <c r="A86074" s="13" t="s">
        <v>432</v>
      </c>
      <c r="B86074" s="14" t="s">
        <v>1</v>
      </c>
      <c r="C86074" s="14" t="s">
        <v>200</v>
      </c>
      <c r="D86074" s="14" t="s">
        <v>213</v>
      </c>
      <c r="E86074" s="15">
        <v>45675</v>
      </c>
      <c r="F86074" s="14" t="s">
        <v>25</v>
      </c>
      <c r="G86074" s="16">
        <v>1.5461698346602986</v>
      </c>
    </row>
    <row r="86075" spans="1:7" x14ac:dyDescent="0.3">
      <c r="A86075" s="13" t="s">
        <v>432</v>
      </c>
      <c r="B86075" s="14" t="s">
        <v>1</v>
      </c>
      <c r="C86075" s="14" t="s">
        <v>200</v>
      </c>
      <c r="D86075" s="14" t="s">
        <v>213</v>
      </c>
      <c r="E86075" s="15">
        <v>45676</v>
      </c>
      <c r="F86075" s="14" t="s">
        <v>25</v>
      </c>
      <c r="G86075" s="16">
        <v>1.5461698346602986</v>
      </c>
    </row>
    <row r="86076" spans="1:7" x14ac:dyDescent="0.3">
      <c r="A86076" s="13" t="s">
        <v>432</v>
      </c>
      <c r="B86076" s="14" t="s">
        <v>1</v>
      </c>
      <c r="C86076" s="14" t="s">
        <v>200</v>
      </c>
      <c r="D86076" s="14" t="s">
        <v>213</v>
      </c>
      <c r="E86076" s="15">
        <v>45677</v>
      </c>
      <c r="F86076" s="14" t="s">
        <v>25</v>
      </c>
      <c r="G86076" s="16">
        <v>1.5461698346602986</v>
      </c>
    </row>
    <row r="86077" spans="1:7" x14ac:dyDescent="0.3">
      <c r="A86077" s="13" t="s">
        <v>432</v>
      </c>
      <c r="B86077" s="14" t="s">
        <v>1</v>
      </c>
      <c r="C86077" s="14" t="s">
        <v>200</v>
      </c>
      <c r="D86077" s="14" t="s">
        <v>213</v>
      </c>
      <c r="E86077" s="15">
        <v>45678</v>
      </c>
      <c r="F86077" s="14" t="s">
        <v>25</v>
      </c>
      <c r="G86077" s="16">
        <v>1.5360635074709501</v>
      </c>
    </row>
    <row r="86078" spans="1:7" x14ac:dyDescent="0.3">
      <c r="A86078" s="13" t="s">
        <v>432</v>
      </c>
      <c r="B86078" s="14" t="s">
        <v>1</v>
      </c>
      <c r="C86078" s="14" t="s">
        <v>200</v>
      </c>
      <c r="D86078" s="14" t="s">
        <v>213</v>
      </c>
      <c r="E86078" s="15">
        <v>45679</v>
      </c>
      <c r="F86078" s="14" t="s">
        <v>25</v>
      </c>
      <c r="G86078" s="16">
        <v>1.5535639723293322</v>
      </c>
    </row>
    <row r="86079" spans="1:7" x14ac:dyDescent="0.3">
      <c r="A86079" s="13" t="s">
        <v>432</v>
      </c>
      <c r="B86079" s="14" t="s">
        <v>1</v>
      </c>
      <c r="C86079" s="14" t="s">
        <v>200</v>
      </c>
      <c r="D86079" s="14" t="s">
        <v>213</v>
      </c>
      <c r="E86079" s="15">
        <v>45680</v>
      </c>
      <c r="F86079" s="14" t="s">
        <v>25</v>
      </c>
      <c r="G86079" s="16">
        <v>1.5588537770913076</v>
      </c>
    </row>
    <row r="86080" spans="1:7" x14ac:dyDescent="0.3">
      <c r="A86080" s="13" t="s">
        <v>432</v>
      </c>
      <c r="B86080" s="14" t="s">
        <v>1</v>
      </c>
      <c r="C86080" s="14" t="s">
        <v>200</v>
      </c>
      <c r="D86080" s="14" t="s">
        <v>213</v>
      </c>
      <c r="E86080" s="15">
        <v>45681</v>
      </c>
      <c r="F86080" s="14" t="s">
        <v>25</v>
      </c>
      <c r="G86080" s="16">
        <v>1.5605564784610204</v>
      </c>
    </row>
    <row r="86081" spans="1:7" x14ac:dyDescent="0.3">
      <c r="A86081" s="13" t="s">
        <v>432</v>
      </c>
      <c r="B86081" s="14" t="s">
        <v>1</v>
      </c>
      <c r="C86081" s="14" t="s">
        <v>200</v>
      </c>
      <c r="D86081" s="14" t="s">
        <v>213</v>
      </c>
      <c r="E86081" s="15">
        <v>45682</v>
      </c>
      <c r="F86081" s="14" t="s">
        <v>25</v>
      </c>
      <c r="G86081" s="16">
        <v>1.5605564784610204</v>
      </c>
    </row>
    <row r="86082" spans="1:7" x14ac:dyDescent="0.3">
      <c r="A86082" s="13" t="s">
        <v>432</v>
      </c>
      <c r="B86082" s="14" t="s">
        <v>1</v>
      </c>
      <c r="C86082" s="14" t="s">
        <v>200</v>
      </c>
      <c r="D86082" s="14" t="s">
        <v>213</v>
      </c>
      <c r="E86082" s="15">
        <v>45683</v>
      </c>
      <c r="F86082" s="14" t="s">
        <v>25</v>
      </c>
      <c r="G86082" s="16">
        <v>1.5605564784610204</v>
      </c>
    </row>
    <row r="86083" spans="1:7" x14ac:dyDescent="0.3">
      <c r="A86083" s="13" t="s">
        <v>432</v>
      </c>
      <c r="B86083" s="14" t="s">
        <v>1</v>
      </c>
      <c r="C86083" s="14" t="s">
        <v>200</v>
      </c>
      <c r="D86083" s="14" t="s">
        <v>213</v>
      </c>
      <c r="E86083" s="15">
        <v>45684</v>
      </c>
      <c r="F86083" s="14" t="s">
        <v>25</v>
      </c>
      <c r="G86083" s="16">
        <v>1.5572311261758469</v>
      </c>
    </row>
    <row r="86084" spans="1:7" x14ac:dyDescent="0.3">
      <c r="A86084" s="13" t="s">
        <v>432</v>
      </c>
      <c r="B86084" s="14" t="s">
        <v>1</v>
      </c>
      <c r="C86084" s="14" t="s">
        <v>200</v>
      </c>
      <c r="D86084" s="14" t="s">
        <v>213</v>
      </c>
      <c r="E86084" s="15">
        <v>45685</v>
      </c>
      <c r="F86084" s="14" t="s">
        <v>25</v>
      </c>
      <c r="G86084" s="16">
        <v>1.5739621544424798</v>
      </c>
    </row>
    <row r="86085" spans="1:7" x14ac:dyDescent="0.3">
      <c r="A86085" s="13" t="s">
        <v>432</v>
      </c>
      <c r="B86085" s="14" t="s">
        <v>1</v>
      </c>
      <c r="C86085" s="14" t="s">
        <v>200</v>
      </c>
      <c r="D86085" s="14" t="s">
        <v>213</v>
      </c>
      <c r="E86085" s="15">
        <v>45686</v>
      </c>
      <c r="F86085" s="14" t="s">
        <v>25</v>
      </c>
      <c r="G86085" s="16">
        <v>1.5831353548721798</v>
      </c>
    </row>
    <row r="86086" spans="1:7" x14ac:dyDescent="0.3">
      <c r="A86086" s="13" t="s">
        <v>432</v>
      </c>
      <c r="B86086" s="14" t="s">
        <v>1</v>
      </c>
      <c r="C86086" s="14" t="s">
        <v>200</v>
      </c>
      <c r="D86086" s="14" t="s">
        <v>213</v>
      </c>
      <c r="E86086" s="15">
        <v>45687</v>
      </c>
      <c r="F86086" s="14" t="s">
        <v>25</v>
      </c>
      <c r="G86086" s="16">
        <v>1.5913428432496972</v>
      </c>
    </row>
    <row r="86087" spans="1:7" x14ac:dyDescent="0.3">
      <c r="A86087" s="13" t="s">
        <v>432</v>
      </c>
      <c r="B86087" s="14" t="s">
        <v>1</v>
      </c>
      <c r="C86087" s="14" t="s">
        <v>200</v>
      </c>
      <c r="D86087" s="14" t="s">
        <v>213</v>
      </c>
      <c r="E86087" s="15">
        <v>45688</v>
      </c>
      <c r="F86087" s="14" t="s">
        <v>25</v>
      </c>
      <c r="G86087" s="16">
        <v>1.5981967162641266</v>
      </c>
    </row>
    <row r="86088" spans="1:7" x14ac:dyDescent="0.3">
      <c r="A86088" s="13" t="s">
        <v>432</v>
      </c>
      <c r="B86088" s="14" t="s">
        <v>1</v>
      </c>
      <c r="C86088" s="14" t="s">
        <v>200</v>
      </c>
      <c r="D86088" s="14" t="s">
        <v>213</v>
      </c>
      <c r="E86088" s="15">
        <v>45689</v>
      </c>
      <c r="F86088" s="14" t="s">
        <v>25</v>
      </c>
      <c r="G86088" s="16">
        <v>1.5981967162641266</v>
      </c>
    </row>
    <row r="86089" spans="1:7" x14ac:dyDescent="0.3">
      <c r="A86089" s="13" t="s">
        <v>432</v>
      </c>
      <c r="B86089" s="14" t="s">
        <v>1</v>
      </c>
      <c r="C86089" s="14" t="s">
        <v>200</v>
      </c>
      <c r="D86089" s="14" t="s">
        <v>213</v>
      </c>
      <c r="E86089" s="15">
        <v>45690</v>
      </c>
      <c r="F86089" s="14" t="s">
        <v>25</v>
      </c>
      <c r="G86089" s="16">
        <v>1.5981967162641266</v>
      </c>
    </row>
    <row r="86090" spans="1:7" x14ac:dyDescent="0.3">
      <c r="A86090" s="13" t="s">
        <v>432</v>
      </c>
      <c r="B86090" s="14" t="s">
        <v>1</v>
      </c>
      <c r="C86090" s="14" t="s">
        <v>200</v>
      </c>
      <c r="D86090" s="14" t="s">
        <v>213</v>
      </c>
      <c r="E86090" s="15">
        <v>45691</v>
      </c>
      <c r="F86090" s="14" t="s">
        <v>25</v>
      </c>
      <c r="G86090" s="16">
        <v>1.5981967162641266</v>
      </c>
    </row>
    <row r="86091" spans="1:7" x14ac:dyDescent="0.3">
      <c r="A86091" s="13" t="s">
        <v>432</v>
      </c>
      <c r="B86091" s="14" t="s">
        <v>1</v>
      </c>
      <c r="C86091" s="14" t="s">
        <v>200</v>
      </c>
      <c r="D86091" s="14" t="s">
        <v>213</v>
      </c>
      <c r="E86091" s="15">
        <v>45692</v>
      </c>
      <c r="F86091" s="14" t="s">
        <v>25</v>
      </c>
      <c r="G86091" s="16">
        <v>1.5930724725240546</v>
      </c>
    </row>
    <row r="86092" spans="1:7" x14ac:dyDescent="0.3">
      <c r="A86092" s="13" t="s">
        <v>432</v>
      </c>
      <c r="B86092" s="14" t="s">
        <v>1</v>
      </c>
      <c r="C86092" s="14" t="s">
        <v>200</v>
      </c>
      <c r="D86092" s="14" t="s">
        <v>213</v>
      </c>
      <c r="E86092" s="15">
        <v>45693</v>
      </c>
      <c r="F86092" s="14" t="s">
        <v>25</v>
      </c>
      <c r="G86092" s="16">
        <v>1.6055969717811833</v>
      </c>
    </row>
    <row r="86093" spans="1:7" x14ac:dyDescent="0.3">
      <c r="A86093" s="13" t="s">
        <v>432</v>
      </c>
      <c r="B86093" s="14" t="s">
        <v>1</v>
      </c>
      <c r="C86093" s="14" t="s">
        <v>200</v>
      </c>
      <c r="D86093" s="14" t="s">
        <v>213</v>
      </c>
      <c r="E86093" s="15">
        <v>45694</v>
      </c>
      <c r="F86093" s="14" t="s">
        <v>25</v>
      </c>
      <c r="G86093" s="16">
        <v>1.6161036844377459</v>
      </c>
    </row>
    <row r="86094" spans="1:7" x14ac:dyDescent="0.3">
      <c r="A86094" s="13" t="s">
        <v>432</v>
      </c>
      <c r="B86094" s="14" t="s">
        <v>1</v>
      </c>
      <c r="C86094" s="14" t="s">
        <v>200</v>
      </c>
      <c r="D86094" s="14" t="s">
        <v>213</v>
      </c>
      <c r="E86094" s="15">
        <v>45695</v>
      </c>
      <c r="F86094" s="14" t="s">
        <v>25</v>
      </c>
      <c r="G86094" s="16">
        <v>1.6291120809367243</v>
      </c>
    </row>
    <row r="86095" spans="1:7" x14ac:dyDescent="0.3">
      <c r="A86095" s="13" t="s">
        <v>432</v>
      </c>
      <c r="B86095" s="14" t="s">
        <v>1</v>
      </c>
      <c r="C86095" s="14" t="s">
        <v>200</v>
      </c>
      <c r="D86095" s="14" t="s">
        <v>213</v>
      </c>
      <c r="E86095" s="15">
        <v>45696</v>
      </c>
      <c r="F86095" s="14" t="s">
        <v>25</v>
      </c>
      <c r="G86095" s="16">
        <v>1.6291120809367243</v>
      </c>
    </row>
    <row r="86096" spans="1:7" x14ac:dyDescent="0.3">
      <c r="A86096" s="13" t="s">
        <v>432</v>
      </c>
      <c r="B86096" s="14" t="s">
        <v>1</v>
      </c>
      <c r="C86096" s="14" t="s">
        <v>200</v>
      </c>
      <c r="D86096" s="14" t="s">
        <v>213</v>
      </c>
      <c r="E86096" s="15">
        <v>45697</v>
      </c>
      <c r="F86096" s="14" t="s">
        <v>25</v>
      </c>
      <c r="G86096" s="16">
        <v>1.6291120809367243</v>
      </c>
    </row>
    <row r="86097" spans="1:7" x14ac:dyDescent="0.3">
      <c r="A86097" s="13" t="s">
        <v>432</v>
      </c>
      <c r="B86097" s="14" t="s">
        <v>1</v>
      </c>
      <c r="C86097" s="14" t="s">
        <v>200</v>
      </c>
      <c r="D86097" s="14" t="s">
        <v>213</v>
      </c>
      <c r="E86097" s="15">
        <v>45698</v>
      </c>
      <c r="F86097" s="14" t="s">
        <v>25</v>
      </c>
      <c r="G86097" s="16">
        <v>1.6368949427790656</v>
      </c>
    </row>
    <row r="86098" spans="1:7" x14ac:dyDescent="0.3">
      <c r="A86098" s="13" t="s">
        <v>432</v>
      </c>
      <c r="B86098" s="14" t="s">
        <v>1</v>
      </c>
      <c r="C86098" s="14" t="s">
        <v>200</v>
      </c>
      <c r="D86098" s="14" t="s">
        <v>213</v>
      </c>
      <c r="E86098" s="15">
        <v>45699</v>
      </c>
      <c r="F86098" s="14" t="s">
        <v>25</v>
      </c>
      <c r="G86098" s="16">
        <v>1.6552481948246824</v>
      </c>
    </row>
    <row r="86099" spans="1:7" x14ac:dyDescent="0.3">
      <c r="A86099" s="13" t="s">
        <v>432</v>
      </c>
      <c r="B86099" s="14" t="s">
        <v>1</v>
      </c>
      <c r="C86099" s="14" t="s">
        <v>200</v>
      </c>
      <c r="D86099" s="14" t="s">
        <v>213</v>
      </c>
      <c r="E86099" s="15">
        <v>45700</v>
      </c>
      <c r="F86099" s="14" t="s">
        <v>25</v>
      </c>
      <c r="G86099" s="16">
        <v>1.6615688926062491</v>
      </c>
    </row>
    <row r="86100" spans="1:7" x14ac:dyDescent="0.3">
      <c r="A86100" s="13" t="s">
        <v>432</v>
      </c>
      <c r="B86100" s="14" t="s">
        <v>1</v>
      </c>
      <c r="C86100" s="14" t="s">
        <v>200</v>
      </c>
      <c r="D86100" s="14" t="s">
        <v>213</v>
      </c>
      <c r="E86100" s="15">
        <v>45701</v>
      </c>
      <c r="F86100" s="14" t="s">
        <v>25</v>
      </c>
      <c r="G86100" s="16">
        <v>1.6490323445441908</v>
      </c>
    </row>
    <row r="86101" spans="1:7" x14ac:dyDescent="0.3">
      <c r="A86101" s="13" t="s">
        <v>432</v>
      </c>
      <c r="B86101" s="14" t="s">
        <v>1</v>
      </c>
      <c r="C86101" s="14" t="s">
        <v>200</v>
      </c>
      <c r="D86101" s="14" t="s">
        <v>213</v>
      </c>
      <c r="E86101" s="15">
        <v>45702</v>
      </c>
      <c r="F86101" s="14" t="s">
        <v>25</v>
      </c>
      <c r="G86101" s="16">
        <v>1.6467855945422045</v>
      </c>
    </row>
    <row r="86102" spans="1:7" x14ac:dyDescent="0.3">
      <c r="A86102" s="13" t="s">
        <v>432</v>
      </c>
      <c r="B86102" s="14" t="s">
        <v>1</v>
      </c>
      <c r="C86102" s="14" t="s">
        <v>200</v>
      </c>
      <c r="D86102" s="14" t="s">
        <v>213</v>
      </c>
      <c r="E86102" s="15">
        <v>45703</v>
      </c>
      <c r="F86102" s="14" t="s">
        <v>25</v>
      </c>
      <c r="G86102" s="16">
        <v>1.6467855945422045</v>
      </c>
    </row>
    <row r="86103" spans="1:7" x14ac:dyDescent="0.3">
      <c r="A86103" s="13" t="s">
        <v>432</v>
      </c>
      <c r="B86103" s="14" t="s">
        <v>1</v>
      </c>
      <c r="C86103" s="14" t="s">
        <v>200</v>
      </c>
      <c r="D86103" s="14" t="s">
        <v>213</v>
      </c>
      <c r="E86103" s="15">
        <v>45704</v>
      </c>
      <c r="F86103" s="14" t="s">
        <v>25</v>
      </c>
      <c r="G86103" s="16">
        <v>1.6467855945422045</v>
      </c>
    </row>
    <row r="86104" spans="1:7" x14ac:dyDescent="0.3">
      <c r="A86104" s="13" t="s">
        <v>432</v>
      </c>
      <c r="B86104" s="14" t="s">
        <v>1</v>
      </c>
      <c r="C86104" s="14" t="s">
        <v>200</v>
      </c>
      <c r="D86104" s="14" t="s">
        <v>213</v>
      </c>
      <c r="E86104" s="15">
        <v>45705</v>
      </c>
      <c r="F86104" s="14" t="s">
        <v>25</v>
      </c>
      <c r="G86104" s="16">
        <v>1.6467855945422045</v>
      </c>
    </row>
    <row r="86105" spans="1:7" x14ac:dyDescent="0.3">
      <c r="A86105" s="13" t="s">
        <v>432</v>
      </c>
      <c r="B86105" s="14" t="s">
        <v>1</v>
      </c>
      <c r="C86105" s="14" t="s">
        <v>200</v>
      </c>
      <c r="D86105" s="14" t="s">
        <v>213</v>
      </c>
      <c r="E86105" s="15">
        <v>45706</v>
      </c>
      <c r="F86105" s="14" t="s">
        <v>25</v>
      </c>
      <c r="G86105" s="16">
        <v>1.6591509721142244</v>
      </c>
    </row>
    <row r="86106" spans="1:7" x14ac:dyDescent="0.3">
      <c r="A86106" s="13" t="s">
        <v>432</v>
      </c>
      <c r="B86106" s="14" t="s">
        <v>1</v>
      </c>
      <c r="C86106" s="14" t="s">
        <v>200</v>
      </c>
      <c r="D86106" s="14" t="s">
        <v>213</v>
      </c>
      <c r="E86106" s="15">
        <v>45707</v>
      </c>
      <c r="F86106" s="14" t="s">
        <v>25</v>
      </c>
      <c r="G86106" s="16">
        <v>1.6803162071408702</v>
      </c>
    </row>
    <row r="86107" spans="1:7" x14ac:dyDescent="0.3">
      <c r="A86107" s="13" t="s">
        <v>432</v>
      </c>
      <c r="B86107" s="14" t="s">
        <v>1</v>
      </c>
      <c r="C86107" s="14" t="s">
        <v>200</v>
      </c>
      <c r="D86107" s="14" t="s">
        <v>213</v>
      </c>
      <c r="E86107" s="15">
        <v>45708</v>
      </c>
      <c r="F86107" s="14" t="s">
        <v>25</v>
      </c>
      <c r="G86107" s="16">
        <v>1.6731330892637737</v>
      </c>
    </row>
    <row r="86108" spans="1:7" x14ac:dyDescent="0.3">
      <c r="A86108" s="13" t="s">
        <v>432</v>
      </c>
      <c r="B86108" s="14" t="s">
        <v>1</v>
      </c>
      <c r="C86108" s="14" t="s">
        <v>200</v>
      </c>
      <c r="D86108" s="14" t="s">
        <v>213</v>
      </c>
      <c r="E86108" s="15">
        <v>45709</v>
      </c>
      <c r="F86108" s="14" t="s">
        <v>25</v>
      </c>
      <c r="G86108" s="16">
        <v>1.6784767367291336</v>
      </c>
    </row>
    <row r="86109" spans="1:7" x14ac:dyDescent="0.3">
      <c r="A86109" s="13" t="s">
        <v>432</v>
      </c>
      <c r="B86109" s="14" t="s">
        <v>1</v>
      </c>
      <c r="C86109" s="14" t="s">
        <v>200</v>
      </c>
      <c r="D86109" s="14" t="s">
        <v>213</v>
      </c>
      <c r="E86109" s="15">
        <v>45710</v>
      </c>
      <c r="F86109" s="14" t="s">
        <v>25</v>
      </c>
      <c r="G86109" s="16">
        <v>1.6784767367291336</v>
      </c>
    </row>
    <row r="86110" spans="1:7" x14ac:dyDescent="0.3">
      <c r="A86110" s="13" t="s">
        <v>432</v>
      </c>
      <c r="B86110" s="14" t="s">
        <v>1</v>
      </c>
      <c r="C86110" s="14" t="s">
        <v>200</v>
      </c>
      <c r="D86110" s="14" t="s">
        <v>213</v>
      </c>
      <c r="E86110" s="15">
        <v>45711</v>
      </c>
      <c r="F86110" s="14" t="s">
        <v>25</v>
      </c>
      <c r="G86110" s="16">
        <v>1.6784767367291336</v>
      </c>
    </row>
    <row r="86111" spans="1:7" x14ac:dyDescent="0.3">
      <c r="A86111" s="13" t="s">
        <v>432</v>
      </c>
      <c r="B86111" s="14" t="s">
        <v>1</v>
      </c>
      <c r="C86111" s="14" t="s">
        <v>200</v>
      </c>
      <c r="D86111" s="14" t="s">
        <v>213</v>
      </c>
      <c r="E86111" s="15">
        <v>45712</v>
      </c>
      <c r="F86111" s="14" t="s">
        <v>25</v>
      </c>
      <c r="G86111" s="16">
        <v>1.6824461496410152</v>
      </c>
    </row>
    <row r="86112" spans="1:7" x14ac:dyDescent="0.3">
      <c r="A86112" s="13" t="s">
        <v>432</v>
      </c>
      <c r="B86112" s="14" t="s">
        <v>1</v>
      </c>
      <c r="C86112" s="14" t="s">
        <v>200</v>
      </c>
      <c r="D86112" s="14" t="s">
        <v>213</v>
      </c>
      <c r="E86112" s="15">
        <v>45713</v>
      </c>
      <c r="F86112" s="14" t="s">
        <v>25</v>
      </c>
      <c r="G86112" s="16">
        <v>1.6896999967767838</v>
      </c>
    </row>
    <row r="86113" spans="1:7" x14ac:dyDescent="0.3">
      <c r="A86113" s="13" t="s">
        <v>432</v>
      </c>
      <c r="B86113" s="14" t="s">
        <v>1</v>
      </c>
      <c r="C86113" s="14" t="s">
        <v>200</v>
      </c>
      <c r="D86113" s="14" t="s">
        <v>213</v>
      </c>
      <c r="E86113" s="15">
        <v>45714</v>
      </c>
      <c r="F86113" s="14" t="s">
        <v>25</v>
      </c>
      <c r="G86113" s="16">
        <v>1.698207928209629</v>
      </c>
    </row>
    <row r="86114" spans="1:7" x14ac:dyDescent="0.3">
      <c r="A86114" s="13" t="s">
        <v>432</v>
      </c>
      <c r="B86114" s="14" t="s">
        <v>1</v>
      </c>
      <c r="C86114" s="14" t="s">
        <v>200</v>
      </c>
      <c r="D86114" s="14" t="s">
        <v>213</v>
      </c>
      <c r="E86114" s="15">
        <v>45715</v>
      </c>
      <c r="F86114" s="14" t="s">
        <v>25</v>
      </c>
      <c r="G86114" s="16">
        <v>1.7124879285979746</v>
      </c>
    </row>
    <row r="86115" spans="1:7" x14ac:dyDescent="0.3">
      <c r="A86115" s="13" t="s">
        <v>432</v>
      </c>
      <c r="B86115" s="14" t="s">
        <v>1</v>
      </c>
      <c r="C86115" s="14" t="s">
        <v>200</v>
      </c>
      <c r="D86115" s="14" t="s">
        <v>213</v>
      </c>
      <c r="E86115" s="15">
        <v>45716</v>
      </c>
      <c r="F86115" s="14" t="s">
        <v>25</v>
      </c>
      <c r="G86115" s="16">
        <v>1.724922793796668</v>
      </c>
    </row>
    <row r="86116" spans="1:7" x14ac:dyDescent="0.3">
      <c r="A86116" s="13" t="s">
        <v>432</v>
      </c>
      <c r="B86116" s="14" t="s">
        <v>1</v>
      </c>
      <c r="C86116" s="14" t="s">
        <v>200</v>
      </c>
      <c r="D86116" s="14" t="s">
        <v>213</v>
      </c>
      <c r="E86116" s="15">
        <v>45717</v>
      </c>
      <c r="F86116" s="14" t="s">
        <v>25</v>
      </c>
      <c r="G86116" s="16">
        <v>1.724922793796668</v>
      </c>
    </row>
    <row r="86117" spans="1:7" x14ac:dyDescent="0.3">
      <c r="A86117" s="13" t="s">
        <v>432</v>
      </c>
      <c r="B86117" s="14" t="s">
        <v>1</v>
      </c>
      <c r="C86117" s="14" t="s">
        <v>200</v>
      </c>
      <c r="D86117" s="14" t="s">
        <v>213</v>
      </c>
      <c r="E86117" s="15">
        <v>45718</v>
      </c>
      <c r="F86117" s="14" t="s">
        <v>25</v>
      </c>
      <c r="G86117" s="16">
        <v>1.724922793796668</v>
      </c>
    </row>
    <row r="86118" spans="1:7" x14ac:dyDescent="0.3">
      <c r="A86118" s="13" t="s">
        <v>432</v>
      </c>
      <c r="B86118" s="14" t="s">
        <v>1</v>
      </c>
      <c r="C86118" s="14" t="s">
        <v>200</v>
      </c>
      <c r="D86118" s="14" t="s">
        <v>213</v>
      </c>
      <c r="E86118" s="15">
        <v>45719</v>
      </c>
      <c r="F86118" s="14" t="s">
        <v>25</v>
      </c>
      <c r="G86118" s="16">
        <v>1.7200843062489086</v>
      </c>
    </row>
    <row r="86119" spans="1:7" x14ac:dyDescent="0.3">
      <c r="A86119" s="13" t="s">
        <v>432</v>
      </c>
      <c r="B86119" s="14" t="s">
        <v>1</v>
      </c>
      <c r="C86119" s="14" t="s">
        <v>200</v>
      </c>
      <c r="D86119" s="14" t="s">
        <v>213</v>
      </c>
      <c r="E86119" s="15">
        <v>45720</v>
      </c>
      <c r="F86119" s="14" t="s">
        <v>25</v>
      </c>
      <c r="G86119" s="16">
        <v>1.7210713103355884</v>
      </c>
    </row>
    <row r="86120" spans="1:7" x14ac:dyDescent="0.3">
      <c r="A86120" s="13" t="s">
        <v>432</v>
      </c>
      <c r="B86120" s="14" t="s">
        <v>1</v>
      </c>
      <c r="C86120" s="14" t="s">
        <v>200</v>
      </c>
      <c r="D86120" s="14" t="s">
        <v>213</v>
      </c>
      <c r="E86120" s="15">
        <v>45721</v>
      </c>
      <c r="F86120" s="14" t="s">
        <v>25</v>
      </c>
      <c r="G86120" s="16">
        <v>1.7278803338354443</v>
      </c>
    </row>
    <row r="86121" spans="1:7" x14ac:dyDescent="0.3">
      <c r="A86121" s="13" t="s">
        <v>432</v>
      </c>
      <c r="B86121" s="14" t="s">
        <v>1</v>
      </c>
      <c r="C86121" s="14" t="s">
        <v>200</v>
      </c>
      <c r="D86121" s="14" t="s">
        <v>213</v>
      </c>
      <c r="E86121" s="15">
        <v>45722</v>
      </c>
      <c r="F86121" s="14" t="s">
        <v>25</v>
      </c>
      <c r="G86121" s="16">
        <v>1.7188695412157979</v>
      </c>
    </row>
    <row r="86122" spans="1:7" x14ac:dyDescent="0.3">
      <c r="A86122" s="13" t="s">
        <v>432</v>
      </c>
      <c r="B86122" s="14" t="s">
        <v>1</v>
      </c>
      <c r="C86122" s="14" t="s">
        <v>200</v>
      </c>
      <c r="D86122" s="14" t="s">
        <v>213</v>
      </c>
      <c r="E86122" s="15">
        <v>45723</v>
      </c>
      <c r="F86122" s="14" t="s">
        <v>25</v>
      </c>
      <c r="G86122" s="16">
        <v>1.7161350910368989</v>
      </c>
    </row>
    <row r="86123" spans="1:7" x14ac:dyDescent="0.3">
      <c r="A86123" s="13" t="s">
        <v>432</v>
      </c>
      <c r="B86123" s="14" t="s">
        <v>1</v>
      </c>
      <c r="C86123" s="14" t="s">
        <v>200</v>
      </c>
      <c r="D86123" s="14" t="s">
        <v>213</v>
      </c>
      <c r="E86123" s="15">
        <v>45724</v>
      </c>
      <c r="F86123" s="14" t="s">
        <v>25</v>
      </c>
      <c r="G86123" s="16">
        <v>1.7161350910368989</v>
      </c>
    </row>
    <row r="86124" spans="1:7" x14ac:dyDescent="0.3">
      <c r="A86124" s="13" t="s">
        <v>432</v>
      </c>
      <c r="B86124" s="14" t="s">
        <v>1</v>
      </c>
      <c r="C86124" s="14" t="s">
        <v>200</v>
      </c>
      <c r="D86124" s="14" t="s">
        <v>213</v>
      </c>
      <c r="E86124" s="15">
        <v>45725</v>
      </c>
      <c r="F86124" s="14" t="s">
        <v>25</v>
      </c>
      <c r="G86124" s="16">
        <v>1.7161350910368989</v>
      </c>
    </row>
    <row r="86125" spans="1:7" x14ac:dyDescent="0.3">
      <c r="A86125" s="13" t="s">
        <v>432</v>
      </c>
      <c r="B86125" s="14" t="s">
        <v>1</v>
      </c>
      <c r="C86125" s="14" t="s">
        <v>200</v>
      </c>
      <c r="D86125" s="14" t="s">
        <v>213</v>
      </c>
      <c r="E86125" s="15">
        <v>45726</v>
      </c>
      <c r="F86125" s="14" t="s">
        <v>25</v>
      </c>
      <c r="G86125" s="16">
        <v>1.7236037721378634</v>
      </c>
    </row>
    <row r="86126" spans="1:7" x14ac:dyDescent="0.3">
      <c r="A86126" s="13" t="s">
        <v>432</v>
      </c>
      <c r="B86126" s="14" t="s">
        <v>1</v>
      </c>
      <c r="C86126" s="14" t="s">
        <v>200</v>
      </c>
      <c r="D86126" s="14" t="s">
        <v>213</v>
      </c>
      <c r="E86126" s="15">
        <v>45727</v>
      </c>
      <c r="F86126" s="14" t="s">
        <v>25</v>
      </c>
      <c r="G86126" s="16">
        <v>1.742233267944439</v>
      </c>
    </row>
    <row r="86127" spans="1:7" x14ac:dyDescent="0.3">
      <c r="A86127" s="13" t="s">
        <v>432</v>
      </c>
      <c r="B86127" s="14" t="s">
        <v>1</v>
      </c>
      <c r="C86127" s="14" t="s">
        <v>200</v>
      </c>
      <c r="D86127" s="14" t="s">
        <v>213</v>
      </c>
      <c r="E86127" s="15">
        <v>45728</v>
      </c>
      <c r="F86127" s="14" t="s">
        <v>25</v>
      </c>
      <c r="G86127" s="16">
        <v>1.7469123052127977</v>
      </c>
    </row>
    <row r="86128" spans="1:7" x14ac:dyDescent="0.3">
      <c r="A86128" s="13" t="s">
        <v>432</v>
      </c>
      <c r="B86128" s="14" t="s">
        <v>1</v>
      </c>
      <c r="C86128" s="14" t="s">
        <v>200</v>
      </c>
      <c r="D86128" s="14" t="s">
        <v>213</v>
      </c>
      <c r="E86128" s="15">
        <v>45729</v>
      </c>
      <c r="F86128" s="14" t="s">
        <v>25</v>
      </c>
      <c r="G86128" s="16">
        <v>1.7525271699478682</v>
      </c>
    </row>
    <row r="86129" spans="1:7" x14ac:dyDescent="0.3">
      <c r="A86129" s="13" t="s">
        <v>432</v>
      </c>
      <c r="B86129" s="14" t="s">
        <v>1</v>
      </c>
      <c r="C86129" s="14" t="s">
        <v>200</v>
      </c>
      <c r="D86129" s="14" t="s">
        <v>213</v>
      </c>
      <c r="E86129" s="15">
        <v>45730</v>
      </c>
      <c r="F86129" s="14" t="s">
        <v>25</v>
      </c>
      <c r="G86129" s="16">
        <v>1.7636765313319891</v>
      </c>
    </row>
    <row r="86130" spans="1:7" x14ac:dyDescent="0.3">
      <c r="A86130" s="13" t="s">
        <v>432</v>
      </c>
      <c r="B86130" s="14" t="s">
        <v>1</v>
      </c>
      <c r="C86130" s="14" t="s">
        <v>200</v>
      </c>
      <c r="D86130" s="14" t="s">
        <v>213</v>
      </c>
      <c r="E86130" s="15">
        <v>45731</v>
      </c>
      <c r="F86130" s="14" t="s">
        <v>25</v>
      </c>
      <c r="G86130" s="16">
        <v>1.7636765313319891</v>
      </c>
    </row>
    <row r="86131" spans="1:7" x14ac:dyDescent="0.3">
      <c r="A86131" s="13" t="s">
        <v>432</v>
      </c>
      <c r="B86131" s="14" t="s">
        <v>1</v>
      </c>
      <c r="C86131" s="14" t="s">
        <v>200</v>
      </c>
      <c r="D86131" s="14" t="s">
        <v>213</v>
      </c>
      <c r="E86131" s="15">
        <v>45732</v>
      </c>
      <c r="F86131" s="14" t="s">
        <v>25</v>
      </c>
      <c r="G86131" s="16">
        <v>1.7636765313319891</v>
      </c>
    </row>
    <row r="86132" spans="1:7" x14ac:dyDescent="0.3">
      <c r="A86132" s="13" t="s">
        <v>432</v>
      </c>
      <c r="B86132" s="14" t="s">
        <v>1</v>
      </c>
      <c r="C86132" s="14" t="s">
        <v>200</v>
      </c>
      <c r="D86132" s="14" t="s">
        <v>213</v>
      </c>
      <c r="E86132" s="15">
        <v>45733</v>
      </c>
      <c r="F86132" s="14" t="s">
        <v>25</v>
      </c>
      <c r="G86132" s="16">
        <v>1.7636765313319891</v>
      </c>
    </row>
    <row r="86133" spans="1:7" x14ac:dyDescent="0.3">
      <c r="A86133" s="13" t="s">
        <v>432</v>
      </c>
      <c r="B86133" s="14" t="s">
        <v>1</v>
      </c>
      <c r="C86133" s="14" t="s">
        <v>200</v>
      </c>
      <c r="D86133" s="14" t="s">
        <v>213</v>
      </c>
      <c r="E86133" s="15">
        <v>45734</v>
      </c>
      <c r="F86133" s="14" t="s">
        <v>25</v>
      </c>
      <c r="G86133" s="16">
        <v>1.75140864099143</v>
      </c>
    </row>
    <row r="86134" spans="1:7" x14ac:dyDescent="0.3">
      <c r="A86134" s="13" t="s">
        <v>432</v>
      </c>
      <c r="B86134" s="14" t="s">
        <v>1</v>
      </c>
      <c r="C86134" s="14" t="s">
        <v>200</v>
      </c>
      <c r="D86134" s="14" t="s">
        <v>213</v>
      </c>
      <c r="E86134" s="15">
        <v>45735</v>
      </c>
      <c r="F86134" s="14" t="s">
        <v>25</v>
      </c>
      <c r="G86134" s="16">
        <v>1.7708398865580557</v>
      </c>
    </row>
    <row r="86135" spans="1:7" x14ac:dyDescent="0.3">
      <c r="A86135" s="13" t="s">
        <v>432</v>
      </c>
      <c r="B86135" s="14" t="s">
        <v>1</v>
      </c>
      <c r="C86135" s="14" t="s">
        <v>200</v>
      </c>
      <c r="D86135" s="14" t="s">
        <v>213</v>
      </c>
      <c r="E86135" s="15">
        <v>45736</v>
      </c>
      <c r="F86135" s="14" t="s">
        <v>25</v>
      </c>
      <c r="G86135" s="16">
        <v>1.7857299045720525</v>
      </c>
    </row>
    <row r="86136" spans="1:7" x14ac:dyDescent="0.3">
      <c r="A86136" s="13" t="s">
        <v>432</v>
      </c>
      <c r="B86136" s="14" t="s">
        <v>1</v>
      </c>
      <c r="C86136" s="14" t="s">
        <v>200</v>
      </c>
      <c r="D86136" s="14" t="s">
        <v>213</v>
      </c>
      <c r="E86136" s="15">
        <v>45737</v>
      </c>
      <c r="F86136" s="14" t="s">
        <v>25</v>
      </c>
      <c r="G86136" s="16">
        <v>1.789428409450446</v>
      </c>
    </row>
    <row r="86137" spans="1:7" x14ac:dyDescent="0.3">
      <c r="A86137" s="13" t="s">
        <v>432</v>
      </c>
      <c r="B86137" s="14" t="s">
        <v>1</v>
      </c>
      <c r="C86137" s="14" t="s">
        <v>200</v>
      </c>
      <c r="D86137" s="14" t="s">
        <v>213</v>
      </c>
      <c r="E86137" s="15">
        <v>45738</v>
      </c>
      <c r="F86137" s="14" t="s">
        <v>25</v>
      </c>
      <c r="G86137" s="16">
        <v>1.789428409450446</v>
      </c>
    </row>
    <row r="86138" spans="1:7" x14ac:dyDescent="0.3">
      <c r="A86138" s="13" t="s">
        <v>432</v>
      </c>
      <c r="B86138" s="14" t="s">
        <v>1</v>
      </c>
      <c r="C86138" s="14" t="s">
        <v>200</v>
      </c>
      <c r="D86138" s="14" t="s">
        <v>213</v>
      </c>
      <c r="E86138" s="15">
        <v>45739</v>
      </c>
      <c r="F86138" s="14" t="s">
        <v>25</v>
      </c>
      <c r="G86138" s="16">
        <v>1.789428409450446</v>
      </c>
    </row>
    <row r="86139" spans="1:7" x14ac:dyDescent="0.3">
      <c r="A86139" s="13" t="s">
        <v>432</v>
      </c>
      <c r="B86139" s="14" t="s">
        <v>1</v>
      </c>
      <c r="C86139" s="14" t="s">
        <v>200</v>
      </c>
      <c r="D86139" s="14" t="s">
        <v>213</v>
      </c>
      <c r="E86139" s="15">
        <v>45740</v>
      </c>
      <c r="F86139" s="14" t="s">
        <v>25</v>
      </c>
      <c r="G86139" s="16">
        <v>1.7936371658988839</v>
      </c>
    </row>
    <row r="86140" spans="1:7" x14ac:dyDescent="0.3">
      <c r="A86140" s="13" t="s">
        <v>432</v>
      </c>
      <c r="B86140" s="14" t="s">
        <v>1</v>
      </c>
      <c r="C86140" s="14" t="s">
        <v>200</v>
      </c>
      <c r="D86140" s="14" t="s">
        <v>213</v>
      </c>
      <c r="E86140" s="15">
        <v>45741</v>
      </c>
      <c r="F86140" s="14" t="s">
        <v>25</v>
      </c>
      <c r="G86140" s="16">
        <v>1.8072696075978141</v>
      </c>
    </row>
    <row r="86141" spans="1:7" x14ac:dyDescent="0.3">
      <c r="A86141" s="13" t="s">
        <v>432</v>
      </c>
      <c r="B86141" s="14" t="s">
        <v>1</v>
      </c>
      <c r="C86141" s="14" t="s">
        <v>200</v>
      </c>
      <c r="D86141" s="14" t="s">
        <v>213</v>
      </c>
      <c r="E86141" s="15">
        <v>45742</v>
      </c>
      <c r="F86141" s="14" t="s">
        <v>25</v>
      </c>
      <c r="G86141" s="16">
        <v>1.813807238787942</v>
      </c>
    </row>
    <row r="86142" spans="1:7" x14ac:dyDescent="0.3">
      <c r="A86142" s="13" t="s">
        <v>432</v>
      </c>
      <c r="B86142" s="14" t="s">
        <v>1</v>
      </c>
      <c r="C86142" s="14" t="s">
        <v>200</v>
      </c>
      <c r="D86142" s="14" t="s">
        <v>213</v>
      </c>
      <c r="E86142" s="15">
        <v>45743</v>
      </c>
      <c r="F86142" s="14" t="s">
        <v>25</v>
      </c>
      <c r="G86142" s="16">
        <v>1.8137785649027844</v>
      </c>
    </row>
    <row r="86143" spans="1:7" x14ac:dyDescent="0.3">
      <c r="A86143" s="13" t="s">
        <v>432</v>
      </c>
      <c r="B86143" s="14" t="s">
        <v>1</v>
      </c>
      <c r="C86143" s="14" t="s">
        <v>200</v>
      </c>
      <c r="D86143" s="14" t="s">
        <v>213</v>
      </c>
      <c r="E86143" s="15">
        <v>45744</v>
      </c>
      <c r="F86143" s="14" t="s">
        <v>25</v>
      </c>
      <c r="G86143" s="16">
        <v>1.8162560739572582</v>
      </c>
    </row>
    <row r="86144" spans="1:7" x14ac:dyDescent="0.3">
      <c r="A86144" s="13" t="s">
        <v>432</v>
      </c>
      <c r="B86144" s="14" t="s">
        <v>1</v>
      </c>
      <c r="C86144" s="14" t="s">
        <v>200</v>
      </c>
      <c r="D86144" s="14" t="s">
        <v>213</v>
      </c>
      <c r="E86144" s="15">
        <v>45745</v>
      </c>
      <c r="F86144" s="14" t="s">
        <v>25</v>
      </c>
      <c r="G86144" s="16">
        <v>1.8162560739572582</v>
      </c>
    </row>
    <row r="86145" spans="1:7" x14ac:dyDescent="0.3">
      <c r="A86145" s="13" t="s">
        <v>432</v>
      </c>
      <c r="B86145" s="14" t="s">
        <v>1</v>
      </c>
      <c r="C86145" s="14" t="s">
        <v>200</v>
      </c>
      <c r="D86145" s="14" t="s">
        <v>213</v>
      </c>
      <c r="E86145" s="15">
        <v>45746</v>
      </c>
      <c r="F86145" s="14" t="s">
        <v>25</v>
      </c>
      <c r="G86145" s="16">
        <v>1.8162560739572582</v>
      </c>
    </row>
    <row r="86146" spans="1:7" x14ac:dyDescent="0.3">
      <c r="A86146" s="13" t="s">
        <v>432</v>
      </c>
      <c r="B86146" s="14" t="s">
        <v>1</v>
      </c>
      <c r="C86146" s="14" t="s">
        <v>200</v>
      </c>
      <c r="D86146" s="14" t="s">
        <v>213</v>
      </c>
      <c r="E86146" s="15">
        <v>45747</v>
      </c>
      <c r="F86146" s="14" t="s">
        <v>25</v>
      </c>
      <c r="G86146" s="16">
        <v>1.8287584425519603</v>
      </c>
    </row>
    <row r="86147" spans="1:7" x14ac:dyDescent="0.3">
      <c r="A86147" s="13" t="s">
        <v>433</v>
      </c>
      <c r="B86147" s="14" t="s">
        <v>1</v>
      </c>
      <c r="C86147" s="14" t="s">
        <v>137</v>
      </c>
      <c r="D86147" s="14" t="s">
        <v>434</v>
      </c>
      <c r="E86147" s="15">
        <v>45383</v>
      </c>
      <c r="F86147" s="14" t="s">
        <v>61</v>
      </c>
      <c r="G86147" s="16">
        <v>0</v>
      </c>
    </row>
    <row r="86148" spans="1:7" x14ac:dyDescent="0.3">
      <c r="A86148" s="13" t="s">
        <v>433</v>
      </c>
      <c r="B86148" s="14" t="s">
        <v>1</v>
      </c>
      <c r="C86148" s="14" t="s">
        <v>137</v>
      </c>
      <c r="D86148" s="14" t="s">
        <v>434</v>
      </c>
      <c r="E86148" s="15">
        <v>45384</v>
      </c>
      <c r="F86148" s="14" t="s">
        <v>61</v>
      </c>
      <c r="G86148" s="16">
        <v>0</v>
      </c>
    </row>
    <row r="86149" spans="1:7" x14ac:dyDescent="0.3">
      <c r="A86149" s="13" t="s">
        <v>433</v>
      </c>
      <c r="B86149" s="14" t="s">
        <v>1</v>
      </c>
      <c r="C86149" s="14" t="s">
        <v>137</v>
      </c>
      <c r="D86149" s="14" t="s">
        <v>434</v>
      </c>
      <c r="E86149" s="15">
        <v>45385</v>
      </c>
      <c r="F86149" s="14" t="s">
        <v>61</v>
      </c>
      <c r="G86149" s="16">
        <v>8.2025554017292154E-2</v>
      </c>
    </row>
    <row r="86150" spans="1:7" x14ac:dyDescent="0.3">
      <c r="A86150" s="13" t="s">
        <v>433</v>
      </c>
      <c r="B86150" s="14" t="s">
        <v>1</v>
      </c>
      <c r="C86150" s="14" t="s">
        <v>137</v>
      </c>
      <c r="D86150" s="14" t="s">
        <v>434</v>
      </c>
      <c r="E86150" s="15">
        <v>45386</v>
      </c>
      <c r="F86150" s="14" t="s">
        <v>61</v>
      </c>
      <c r="G86150" s="16">
        <v>0.10166099074809613</v>
      </c>
    </row>
    <row r="86151" spans="1:7" x14ac:dyDescent="0.3">
      <c r="A86151" s="13" t="s">
        <v>433</v>
      </c>
      <c r="B86151" s="14" t="s">
        <v>1</v>
      </c>
      <c r="C86151" s="14" t="s">
        <v>137</v>
      </c>
      <c r="D86151" s="14" t="s">
        <v>434</v>
      </c>
      <c r="E86151" s="15">
        <v>45387</v>
      </c>
      <c r="F86151" s="14" t="s">
        <v>61</v>
      </c>
      <c r="G86151" s="16">
        <v>0.12307100474562599</v>
      </c>
    </row>
    <row r="86152" spans="1:7" x14ac:dyDescent="0.3">
      <c r="A86152" s="13" t="s">
        <v>433</v>
      </c>
      <c r="B86152" s="14" t="s">
        <v>1</v>
      </c>
      <c r="C86152" s="14" t="s">
        <v>137</v>
      </c>
      <c r="D86152" s="14" t="s">
        <v>434</v>
      </c>
      <c r="E86152" s="15">
        <v>45388</v>
      </c>
      <c r="F86152" s="14" t="s">
        <v>61</v>
      </c>
      <c r="G86152" s="16">
        <v>0.12307100474562599</v>
      </c>
    </row>
    <row r="86153" spans="1:7" x14ac:dyDescent="0.3">
      <c r="A86153" s="13" t="s">
        <v>433</v>
      </c>
      <c r="B86153" s="14" t="s">
        <v>1</v>
      </c>
      <c r="C86153" s="14" t="s">
        <v>137</v>
      </c>
      <c r="D86153" s="14" t="s">
        <v>434</v>
      </c>
      <c r="E86153" s="15">
        <v>45389</v>
      </c>
      <c r="F86153" s="14" t="s">
        <v>61</v>
      </c>
      <c r="G86153" s="16">
        <v>0.12307100474562599</v>
      </c>
    </row>
    <row r="86154" spans="1:7" x14ac:dyDescent="0.3">
      <c r="A86154" s="13" t="s">
        <v>433</v>
      </c>
      <c r="B86154" s="14" t="s">
        <v>1</v>
      </c>
      <c r="C86154" s="14" t="s">
        <v>137</v>
      </c>
      <c r="D86154" s="14" t="s">
        <v>434</v>
      </c>
      <c r="E86154" s="15">
        <v>45390</v>
      </c>
      <c r="F86154" s="14" t="s">
        <v>61</v>
      </c>
      <c r="G86154" s="16">
        <v>0.14182643321486024</v>
      </c>
    </row>
    <row r="86155" spans="1:7" x14ac:dyDescent="0.3">
      <c r="A86155" s="13" t="s">
        <v>433</v>
      </c>
      <c r="B86155" s="14" t="s">
        <v>1</v>
      </c>
      <c r="C86155" s="14" t="s">
        <v>137</v>
      </c>
      <c r="D86155" s="14" t="s">
        <v>434</v>
      </c>
      <c r="E86155" s="15">
        <v>45391</v>
      </c>
      <c r="F86155" s="14" t="s">
        <v>61</v>
      </c>
      <c r="G86155" s="16">
        <v>0.18619810835152992</v>
      </c>
    </row>
    <row r="86156" spans="1:7" x14ac:dyDescent="0.3">
      <c r="A86156" s="13" t="s">
        <v>433</v>
      </c>
      <c r="B86156" s="14" t="s">
        <v>1</v>
      </c>
      <c r="C86156" s="14" t="s">
        <v>137</v>
      </c>
      <c r="D86156" s="14" t="s">
        <v>434</v>
      </c>
      <c r="E86156" s="15">
        <v>45392</v>
      </c>
      <c r="F86156" s="14" t="s">
        <v>61</v>
      </c>
      <c r="G86156" s="16">
        <v>0.20491497850932469</v>
      </c>
    </row>
    <row r="86157" spans="1:7" x14ac:dyDescent="0.3">
      <c r="A86157" s="13" t="s">
        <v>433</v>
      </c>
      <c r="B86157" s="14" t="s">
        <v>1</v>
      </c>
      <c r="C86157" s="14" t="s">
        <v>137</v>
      </c>
      <c r="D86157" s="14" t="s">
        <v>434</v>
      </c>
      <c r="E86157" s="15">
        <v>45393</v>
      </c>
      <c r="F86157" s="14" t="s">
        <v>61</v>
      </c>
      <c r="G86157" s="16">
        <v>0.21957485050509304</v>
      </c>
    </row>
    <row r="86158" spans="1:7" x14ac:dyDescent="0.3">
      <c r="A86158" s="13" t="s">
        <v>433</v>
      </c>
      <c r="B86158" s="14" t="s">
        <v>1</v>
      </c>
      <c r="C86158" s="14" t="s">
        <v>137</v>
      </c>
      <c r="D86158" s="14" t="s">
        <v>434</v>
      </c>
      <c r="E86158" s="15">
        <v>45394</v>
      </c>
      <c r="F86158" s="14" t="s">
        <v>61</v>
      </c>
      <c r="G86158" s="16">
        <v>0.2382351099587878</v>
      </c>
    </row>
    <row r="86159" spans="1:7" x14ac:dyDescent="0.3">
      <c r="A86159" s="13" t="s">
        <v>433</v>
      </c>
      <c r="B86159" s="14" t="s">
        <v>1</v>
      </c>
      <c r="C86159" s="14" t="s">
        <v>137</v>
      </c>
      <c r="D86159" s="14" t="s">
        <v>434</v>
      </c>
      <c r="E86159" s="15">
        <v>45395</v>
      </c>
      <c r="F86159" s="14" t="s">
        <v>61</v>
      </c>
      <c r="G86159" s="16">
        <v>0.2382351099587878</v>
      </c>
    </row>
    <row r="86160" spans="1:7" x14ac:dyDescent="0.3">
      <c r="A86160" s="13" t="s">
        <v>433</v>
      </c>
      <c r="B86160" s="14" t="s">
        <v>1</v>
      </c>
      <c r="C86160" s="14" t="s">
        <v>137</v>
      </c>
      <c r="D86160" s="14" t="s">
        <v>434</v>
      </c>
      <c r="E86160" s="15">
        <v>45396</v>
      </c>
      <c r="F86160" s="14" t="s">
        <v>61</v>
      </c>
      <c r="G86160" s="16">
        <v>0.2382351099587878</v>
      </c>
    </row>
    <row r="86161" spans="1:7" x14ac:dyDescent="0.3">
      <c r="A86161" s="13" t="s">
        <v>433</v>
      </c>
      <c r="B86161" s="14" t="s">
        <v>1</v>
      </c>
      <c r="C86161" s="14" t="s">
        <v>137</v>
      </c>
      <c r="D86161" s="14" t="s">
        <v>434</v>
      </c>
      <c r="E86161" s="15">
        <v>45397</v>
      </c>
      <c r="F86161" s="14" t="s">
        <v>61</v>
      </c>
      <c r="G86161" s="16">
        <v>0.25572005963636696</v>
      </c>
    </row>
    <row r="86162" spans="1:7" x14ac:dyDescent="0.3">
      <c r="A86162" s="13" t="s">
        <v>433</v>
      </c>
      <c r="B86162" s="14" t="s">
        <v>1</v>
      </c>
      <c r="C86162" s="14" t="s">
        <v>137</v>
      </c>
      <c r="D86162" s="14" t="s">
        <v>434</v>
      </c>
      <c r="E86162" s="15">
        <v>45398</v>
      </c>
      <c r="F86162" s="14" t="s">
        <v>61</v>
      </c>
      <c r="G86162" s="16">
        <v>0.30966548968981489</v>
      </c>
    </row>
    <row r="86163" spans="1:7" x14ac:dyDescent="0.3">
      <c r="A86163" s="13" t="s">
        <v>433</v>
      </c>
      <c r="B86163" s="14" t="s">
        <v>1</v>
      </c>
      <c r="C86163" s="14" t="s">
        <v>137</v>
      </c>
      <c r="D86163" s="14" t="s">
        <v>434</v>
      </c>
      <c r="E86163" s="15">
        <v>45399</v>
      </c>
      <c r="F86163" s="14" t="s">
        <v>61</v>
      </c>
      <c r="G86163" s="16">
        <v>0.32593750589841813</v>
      </c>
    </row>
    <row r="86164" spans="1:7" x14ac:dyDescent="0.3">
      <c r="A86164" s="13" t="s">
        <v>433</v>
      </c>
      <c r="B86164" s="14" t="s">
        <v>1</v>
      </c>
      <c r="C86164" s="14" t="s">
        <v>137</v>
      </c>
      <c r="D86164" s="14" t="s">
        <v>434</v>
      </c>
      <c r="E86164" s="15">
        <v>45400</v>
      </c>
      <c r="F86164" s="14" t="s">
        <v>61</v>
      </c>
      <c r="G86164" s="16">
        <v>0.3110013373104667</v>
      </c>
    </row>
    <row r="86165" spans="1:7" x14ac:dyDescent="0.3">
      <c r="A86165" s="13" t="s">
        <v>433</v>
      </c>
      <c r="B86165" s="14" t="s">
        <v>1</v>
      </c>
      <c r="C86165" s="14" t="s">
        <v>137</v>
      </c>
      <c r="D86165" s="14" t="s">
        <v>434</v>
      </c>
      <c r="E86165" s="15">
        <v>45401</v>
      </c>
      <c r="F86165" s="14" t="s">
        <v>61</v>
      </c>
      <c r="G86165" s="16">
        <v>0.32846792639333194</v>
      </c>
    </row>
    <row r="86166" spans="1:7" x14ac:dyDescent="0.3">
      <c r="A86166" s="13" t="s">
        <v>433</v>
      </c>
      <c r="B86166" s="14" t="s">
        <v>1</v>
      </c>
      <c r="C86166" s="14" t="s">
        <v>137</v>
      </c>
      <c r="D86166" s="14" t="s">
        <v>434</v>
      </c>
      <c r="E86166" s="15">
        <v>45402</v>
      </c>
      <c r="F86166" s="14" t="s">
        <v>61</v>
      </c>
      <c r="G86166" s="16">
        <v>0.32846792639333194</v>
      </c>
    </row>
    <row r="86167" spans="1:7" x14ac:dyDescent="0.3">
      <c r="A86167" s="13" t="s">
        <v>433</v>
      </c>
      <c r="B86167" s="14" t="s">
        <v>1</v>
      </c>
      <c r="C86167" s="14" t="s">
        <v>137</v>
      </c>
      <c r="D86167" s="14" t="s">
        <v>434</v>
      </c>
      <c r="E86167" s="15">
        <v>45403</v>
      </c>
      <c r="F86167" s="14" t="s">
        <v>61</v>
      </c>
      <c r="G86167" s="16">
        <v>0.32846792639333194</v>
      </c>
    </row>
    <row r="86168" spans="1:7" x14ac:dyDescent="0.3">
      <c r="A86168" s="13" t="s">
        <v>433</v>
      </c>
      <c r="B86168" s="14" t="s">
        <v>1</v>
      </c>
      <c r="C86168" s="14" t="s">
        <v>137</v>
      </c>
      <c r="D86168" s="14" t="s">
        <v>434</v>
      </c>
      <c r="E86168" s="15">
        <v>45404</v>
      </c>
      <c r="F86168" s="14" t="s">
        <v>61</v>
      </c>
      <c r="G86168" s="16">
        <v>0.34562478251888562</v>
      </c>
    </row>
    <row r="86169" spans="1:7" x14ac:dyDescent="0.3">
      <c r="A86169" s="13" t="s">
        <v>433</v>
      </c>
      <c r="B86169" s="14" t="s">
        <v>1</v>
      </c>
      <c r="C86169" s="14" t="s">
        <v>137</v>
      </c>
      <c r="D86169" s="14" t="s">
        <v>434</v>
      </c>
      <c r="E86169" s="15">
        <v>45405</v>
      </c>
      <c r="F86169" s="14" t="s">
        <v>61</v>
      </c>
      <c r="G86169" s="16">
        <v>0.39933267865389976</v>
      </c>
    </row>
    <row r="86170" spans="1:7" x14ac:dyDescent="0.3">
      <c r="A86170" s="13" t="s">
        <v>433</v>
      </c>
      <c r="B86170" s="14" t="s">
        <v>1</v>
      </c>
      <c r="C86170" s="14" t="s">
        <v>137</v>
      </c>
      <c r="D86170" s="14" t="s">
        <v>434</v>
      </c>
      <c r="E86170" s="15">
        <v>45406</v>
      </c>
      <c r="F86170" s="14" t="s">
        <v>61</v>
      </c>
      <c r="G86170" s="16">
        <v>0.41968807581063106</v>
      </c>
    </row>
    <row r="86171" spans="1:7" x14ac:dyDescent="0.3">
      <c r="A86171" s="13" t="s">
        <v>433</v>
      </c>
      <c r="B86171" s="14" t="s">
        <v>1</v>
      </c>
      <c r="C86171" s="14" t="s">
        <v>137</v>
      </c>
      <c r="D86171" s="14" t="s">
        <v>434</v>
      </c>
      <c r="E86171" s="15">
        <v>45407</v>
      </c>
      <c r="F86171" s="14" t="s">
        <v>61</v>
      </c>
      <c r="G86171" s="16">
        <v>0.44073556125146446</v>
      </c>
    </row>
    <row r="86172" spans="1:7" x14ac:dyDescent="0.3">
      <c r="A86172" s="13" t="s">
        <v>433</v>
      </c>
      <c r="B86172" s="14" t="s">
        <v>1</v>
      </c>
      <c r="C86172" s="14" t="s">
        <v>137</v>
      </c>
      <c r="D86172" s="14" t="s">
        <v>434</v>
      </c>
      <c r="E86172" s="15">
        <v>45408</v>
      </c>
      <c r="F86172" s="14" t="s">
        <v>61</v>
      </c>
      <c r="G86172" s="16">
        <v>0.46354501726021125</v>
      </c>
    </row>
    <row r="86173" spans="1:7" x14ac:dyDescent="0.3">
      <c r="A86173" s="13" t="s">
        <v>433</v>
      </c>
      <c r="B86173" s="14" t="s">
        <v>1</v>
      </c>
      <c r="C86173" s="14" t="s">
        <v>137</v>
      </c>
      <c r="D86173" s="14" t="s">
        <v>434</v>
      </c>
      <c r="E86173" s="15">
        <v>45409</v>
      </c>
      <c r="F86173" s="14" t="s">
        <v>61</v>
      </c>
      <c r="G86173" s="16">
        <v>0.46354501726021125</v>
      </c>
    </row>
    <row r="86174" spans="1:7" x14ac:dyDescent="0.3">
      <c r="A86174" s="13" t="s">
        <v>433</v>
      </c>
      <c r="B86174" s="14" t="s">
        <v>1</v>
      </c>
      <c r="C86174" s="14" t="s">
        <v>137</v>
      </c>
      <c r="D86174" s="14" t="s">
        <v>434</v>
      </c>
      <c r="E86174" s="15">
        <v>45410</v>
      </c>
      <c r="F86174" s="14" t="s">
        <v>61</v>
      </c>
      <c r="G86174" s="16">
        <v>0.46354501726021125</v>
      </c>
    </row>
    <row r="86175" spans="1:7" x14ac:dyDescent="0.3">
      <c r="A86175" s="13" t="s">
        <v>433</v>
      </c>
      <c r="B86175" s="14" t="s">
        <v>1</v>
      </c>
      <c r="C86175" s="14" t="s">
        <v>137</v>
      </c>
      <c r="D86175" s="14" t="s">
        <v>434</v>
      </c>
      <c r="E86175" s="15">
        <v>45411</v>
      </c>
      <c r="F86175" s="14" t="s">
        <v>61</v>
      </c>
      <c r="G86175" s="16">
        <v>0.48906965071916148</v>
      </c>
    </row>
    <row r="86176" spans="1:7" x14ac:dyDescent="0.3">
      <c r="A86176" s="13" t="s">
        <v>433</v>
      </c>
      <c r="B86176" s="14" t="s">
        <v>1</v>
      </c>
      <c r="C86176" s="14" t="s">
        <v>137</v>
      </c>
      <c r="D86176" s="14" t="s">
        <v>434</v>
      </c>
      <c r="E86176" s="15">
        <v>45412</v>
      </c>
      <c r="F86176" s="14" t="s">
        <v>61</v>
      </c>
      <c r="G86176" s="16">
        <v>0.54351421581149684</v>
      </c>
    </row>
    <row r="86177" spans="1:7" x14ac:dyDescent="0.3">
      <c r="A86177" s="13" t="s">
        <v>433</v>
      </c>
      <c r="B86177" s="14" t="s">
        <v>1</v>
      </c>
      <c r="C86177" s="14" t="s">
        <v>137</v>
      </c>
      <c r="D86177" s="14" t="s">
        <v>434</v>
      </c>
      <c r="E86177" s="15">
        <v>45413</v>
      </c>
      <c r="F86177" s="14" t="s">
        <v>61</v>
      </c>
      <c r="G86177" s="16">
        <v>0.56106061509002669</v>
      </c>
    </row>
    <row r="86178" spans="1:7" x14ac:dyDescent="0.3">
      <c r="A86178" s="13" t="s">
        <v>433</v>
      </c>
      <c r="B86178" s="14" t="s">
        <v>1</v>
      </c>
      <c r="C86178" s="14" t="s">
        <v>137</v>
      </c>
      <c r="D86178" s="14" t="s">
        <v>434</v>
      </c>
      <c r="E86178" s="15">
        <v>45414</v>
      </c>
      <c r="F86178" s="14" t="s">
        <v>61</v>
      </c>
      <c r="G86178" s="16">
        <v>0.58481791888066814</v>
      </c>
    </row>
    <row r="86179" spans="1:7" x14ac:dyDescent="0.3">
      <c r="A86179" s="13" t="s">
        <v>433</v>
      </c>
      <c r="B86179" s="14" t="s">
        <v>1</v>
      </c>
      <c r="C86179" s="14" t="s">
        <v>137</v>
      </c>
      <c r="D86179" s="14" t="s">
        <v>434</v>
      </c>
      <c r="E86179" s="15">
        <v>45415</v>
      </c>
      <c r="F86179" s="14" t="s">
        <v>61</v>
      </c>
      <c r="G86179" s="16">
        <v>0.6017137853368395</v>
      </c>
    </row>
    <row r="86180" spans="1:7" x14ac:dyDescent="0.3">
      <c r="A86180" s="13" t="s">
        <v>433</v>
      </c>
      <c r="B86180" s="14" t="s">
        <v>1</v>
      </c>
      <c r="C86180" s="14" t="s">
        <v>137</v>
      </c>
      <c r="D86180" s="14" t="s">
        <v>434</v>
      </c>
      <c r="E86180" s="15">
        <v>45416</v>
      </c>
      <c r="F86180" s="14" t="s">
        <v>61</v>
      </c>
      <c r="G86180" s="16">
        <v>0.6017137853368395</v>
      </c>
    </row>
    <row r="86181" spans="1:7" x14ac:dyDescent="0.3">
      <c r="A86181" s="13" t="s">
        <v>433</v>
      </c>
      <c r="B86181" s="14" t="s">
        <v>1</v>
      </c>
      <c r="C86181" s="14" t="s">
        <v>137</v>
      </c>
      <c r="D86181" s="14" t="s">
        <v>434</v>
      </c>
      <c r="E86181" s="15">
        <v>45417</v>
      </c>
      <c r="F86181" s="14" t="s">
        <v>61</v>
      </c>
      <c r="G86181" s="16">
        <v>0.6017137853368395</v>
      </c>
    </row>
    <row r="86182" spans="1:7" x14ac:dyDescent="0.3">
      <c r="A86182" s="13" t="s">
        <v>433</v>
      </c>
      <c r="B86182" s="14" t="s">
        <v>1</v>
      </c>
      <c r="C86182" s="14" t="s">
        <v>137</v>
      </c>
      <c r="D86182" s="14" t="s">
        <v>434</v>
      </c>
      <c r="E86182" s="15">
        <v>45418</v>
      </c>
      <c r="F86182" s="14" t="s">
        <v>61</v>
      </c>
      <c r="G86182" s="16">
        <v>0.6017137853368395</v>
      </c>
    </row>
    <row r="86183" spans="1:7" x14ac:dyDescent="0.3">
      <c r="A86183" s="13" t="s">
        <v>433</v>
      </c>
      <c r="B86183" s="14" t="s">
        <v>1</v>
      </c>
      <c r="C86183" s="14" t="s">
        <v>137</v>
      </c>
      <c r="D86183" s="14" t="s">
        <v>434</v>
      </c>
      <c r="E86183" s="15">
        <v>45419</v>
      </c>
      <c r="F86183" s="14" t="s">
        <v>61</v>
      </c>
      <c r="G86183" s="16">
        <v>0.6206071789917964</v>
      </c>
    </row>
    <row r="86184" spans="1:7" x14ac:dyDescent="0.3">
      <c r="A86184" s="13" t="s">
        <v>433</v>
      </c>
      <c r="B86184" s="14" t="s">
        <v>1</v>
      </c>
      <c r="C86184" s="14" t="s">
        <v>137</v>
      </c>
      <c r="D86184" s="14" t="s">
        <v>434</v>
      </c>
      <c r="E86184" s="15">
        <v>45420</v>
      </c>
      <c r="F86184" s="14" t="s">
        <v>61</v>
      </c>
      <c r="G86184" s="16">
        <v>0.69194619246412459</v>
      </c>
    </row>
    <row r="86185" spans="1:7" x14ac:dyDescent="0.3">
      <c r="A86185" s="13" t="s">
        <v>433</v>
      </c>
      <c r="B86185" s="14" t="s">
        <v>1</v>
      </c>
      <c r="C86185" s="14" t="s">
        <v>137</v>
      </c>
      <c r="D86185" s="14" t="s">
        <v>434</v>
      </c>
      <c r="E86185" s="15">
        <v>45421</v>
      </c>
      <c r="F86185" s="14" t="s">
        <v>61</v>
      </c>
      <c r="G86185" s="16">
        <v>0.70881407742804936</v>
      </c>
    </row>
    <row r="86186" spans="1:7" x14ac:dyDescent="0.3">
      <c r="A86186" s="13" t="s">
        <v>433</v>
      </c>
      <c r="B86186" s="14" t="s">
        <v>1</v>
      </c>
      <c r="C86186" s="14" t="s">
        <v>137</v>
      </c>
      <c r="D86186" s="14" t="s">
        <v>434</v>
      </c>
      <c r="E86186" s="15">
        <v>45422</v>
      </c>
      <c r="F86186" s="14" t="s">
        <v>61</v>
      </c>
      <c r="G86186" s="16">
        <v>0.72788526688170707</v>
      </c>
    </row>
    <row r="86187" spans="1:7" x14ac:dyDescent="0.3">
      <c r="A86187" s="13" t="s">
        <v>433</v>
      </c>
      <c r="B86187" s="14" t="s">
        <v>1</v>
      </c>
      <c r="C86187" s="14" t="s">
        <v>137</v>
      </c>
      <c r="D86187" s="14" t="s">
        <v>434</v>
      </c>
      <c r="E86187" s="15">
        <v>45423</v>
      </c>
      <c r="F86187" s="14" t="s">
        <v>61</v>
      </c>
      <c r="G86187" s="16">
        <v>0.72788526688170707</v>
      </c>
    </row>
    <row r="86188" spans="1:7" x14ac:dyDescent="0.3">
      <c r="A86188" s="13" t="s">
        <v>433</v>
      </c>
      <c r="B86188" s="14" t="s">
        <v>1</v>
      </c>
      <c r="C86188" s="14" t="s">
        <v>137</v>
      </c>
      <c r="D86188" s="14" t="s">
        <v>434</v>
      </c>
      <c r="E86188" s="15">
        <v>45424</v>
      </c>
      <c r="F86188" s="14" t="s">
        <v>61</v>
      </c>
      <c r="G86188" s="16">
        <v>0.72788526688170707</v>
      </c>
    </row>
    <row r="86189" spans="1:7" x14ac:dyDescent="0.3">
      <c r="A86189" s="13" t="s">
        <v>433</v>
      </c>
      <c r="B86189" s="14" t="s">
        <v>1</v>
      </c>
      <c r="C86189" s="14" t="s">
        <v>137</v>
      </c>
      <c r="D86189" s="14" t="s">
        <v>434</v>
      </c>
      <c r="E86189" s="15">
        <v>45425</v>
      </c>
      <c r="F86189" s="14" t="s">
        <v>61</v>
      </c>
      <c r="G86189" s="16">
        <v>0.7504439738007157</v>
      </c>
    </row>
    <row r="86190" spans="1:7" x14ac:dyDescent="0.3">
      <c r="A86190" s="13" t="s">
        <v>433</v>
      </c>
      <c r="B86190" s="14" t="s">
        <v>1</v>
      </c>
      <c r="C86190" s="14" t="s">
        <v>137</v>
      </c>
      <c r="D86190" s="14" t="s">
        <v>434</v>
      </c>
      <c r="E86190" s="15">
        <v>45426</v>
      </c>
      <c r="F86190" s="14" t="s">
        <v>61</v>
      </c>
      <c r="G86190" s="16">
        <v>0.80509382346238112</v>
      </c>
    </row>
    <row r="86191" spans="1:7" x14ac:dyDescent="0.3">
      <c r="A86191" s="13" t="s">
        <v>433</v>
      </c>
      <c r="B86191" s="14" t="s">
        <v>1</v>
      </c>
      <c r="C86191" s="14" t="s">
        <v>137</v>
      </c>
      <c r="D86191" s="14" t="s">
        <v>434</v>
      </c>
      <c r="E86191" s="15">
        <v>45427</v>
      </c>
      <c r="F86191" s="14" t="s">
        <v>61</v>
      </c>
      <c r="G86191" s="16">
        <v>0.8186959853964465</v>
      </c>
    </row>
    <row r="86192" spans="1:7" x14ac:dyDescent="0.3">
      <c r="A86192" s="13" t="s">
        <v>433</v>
      </c>
      <c r="B86192" s="14" t="s">
        <v>1</v>
      </c>
      <c r="C86192" s="14" t="s">
        <v>137</v>
      </c>
      <c r="D86192" s="14" t="s">
        <v>434</v>
      </c>
      <c r="E86192" s="15">
        <v>45428</v>
      </c>
      <c r="F86192" s="14" t="s">
        <v>61</v>
      </c>
      <c r="G86192" s="16">
        <v>0.83837324185665152</v>
      </c>
    </row>
    <row r="86193" spans="1:7" x14ac:dyDescent="0.3">
      <c r="A86193" s="13" t="s">
        <v>433</v>
      </c>
      <c r="B86193" s="14" t="s">
        <v>1</v>
      </c>
      <c r="C86193" s="14" t="s">
        <v>137</v>
      </c>
      <c r="D86193" s="14" t="s">
        <v>434</v>
      </c>
      <c r="E86193" s="15">
        <v>45429</v>
      </c>
      <c r="F86193" s="14" t="s">
        <v>61</v>
      </c>
      <c r="G86193" s="16">
        <v>0.8551966554390964</v>
      </c>
    </row>
    <row r="86194" spans="1:7" x14ac:dyDescent="0.3">
      <c r="A86194" s="13" t="s">
        <v>433</v>
      </c>
      <c r="B86194" s="14" t="s">
        <v>1</v>
      </c>
      <c r="C86194" s="14" t="s">
        <v>137</v>
      </c>
      <c r="D86194" s="14" t="s">
        <v>434</v>
      </c>
      <c r="E86194" s="15">
        <v>45430</v>
      </c>
      <c r="F86194" s="14" t="s">
        <v>61</v>
      </c>
      <c r="G86194" s="16">
        <v>0.8551966554390964</v>
      </c>
    </row>
    <row r="86195" spans="1:7" x14ac:dyDescent="0.3">
      <c r="A86195" s="13" t="s">
        <v>433</v>
      </c>
      <c r="B86195" s="14" t="s">
        <v>1</v>
      </c>
      <c r="C86195" s="14" t="s">
        <v>137</v>
      </c>
      <c r="D86195" s="14" t="s">
        <v>434</v>
      </c>
      <c r="E86195" s="15">
        <v>45431</v>
      </c>
      <c r="F86195" s="14" t="s">
        <v>61</v>
      </c>
      <c r="G86195" s="16">
        <v>0.8551966554390964</v>
      </c>
    </row>
    <row r="86196" spans="1:7" x14ac:dyDescent="0.3">
      <c r="A86196" s="13" t="s">
        <v>433</v>
      </c>
      <c r="B86196" s="14" t="s">
        <v>1</v>
      </c>
      <c r="C86196" s="14" t="s">
        <v>137</v>
      </c>
      <c r="D86196" s="14" t="s">
        <v>434</v>
      </c>
      <c r="E86196" s="15">
        <v>45432</v>
      </c>
      <c r="F86196" s="14" t="s">
        <v>61</v>
      </c>
      <c r="G86196" s="16">
        <v>0.87482208651011073</v>
      </c>
    </row>
    <row r="86197" spans="1:7" x14ac:dyDescent="0.3">
      <c r="A86197" s="13" t="s">
        <v>433</v>
      </c>
      <c r="B86197" s="14" t="s">
        <v>1</v>
      </c>
      <c r="C86197" s="14" t="s">
        <v>137</v>
      </c>
      <c r="D86197" s="14" t="s">
        <v>434</v>
      </c>
      <c r="E86197" s="15">
        <v>45433</v>
      </c>
      <c r="F86197" s="14" t="s">
        <v>61</v>
      </c>
      <c r="G86197" s="16">
        <v>0.93022339574699875</v>
      </c>
    </row>
    <row r="86198" spans="1:7" x14ac:dyDescent="0.3">
      <c r="A86198" s="13" t="s">
        <v>433</v>
      </c>
      <c r="B86198" s="14" t="s">
        <v>1</v>
      </c>
      <c r="C86198" s="14" t="s">
        <v>137</v>
      </c>
      <c r="D86198" s="14" t="s">
        <v>434</v>
      </c>
      <c r="E86198" s="15">
        <v>45434</v>
      </c>
      <c r="F86198" s="14" t="s">
        <v>61</v>
      </c>
      <c r="G86198" s="16">
        <v>0.95127969973164517</v>
      </c>
    </row>
    <row r="86199" spans="1:7" x14ac:dyDescent="0.3">
      <c r="A86199" s="13" t="s">
        <v>433</v>
      </c>
      <c r="B86199" s="14" t="s">
        <v>1</v>
      </c>
      <c r="C86199" s="14" t="s">
        <v>137</v>
      </c>
      <c r="D86199" s="14" t="s">
        <v>434</v>
      </c>
      <c r="E86199" s="15">
        <v>45435</v>
      </c>
      <c r="F86199" s="14" t="s">
        <v>61</v>
      </c>
      <c r="G86199" s="16">
        <v>0.97307204381902723</v>
      </c>
    </row>
    <row r="86200" spans="1:7" x14ac:dyDescent="0.3">
      <c r="A86200" s="13" t="s">
        <v>433</v>
      </c>
      <c r="B86200" s="14" t="s">
        <v>1</v>
      </c>
      <c r="C86200" s="14" t="s">
        <v>137</v>
      </c>
      <c r="D86200" s="14" t="s">
        <v>434</v>
      </c>
      <c r="E86200" s="15">
        <v>45436</v>
      </c>
      <c r="F86200" s="14" t="s">
        <v>61</v>
      </c>
      <c r="G86200" s="16">
        <v>0.98983690151426662</v>
      </c>
    </row>
    <row r="86201" spans="1:7" x14ac:dyDescent="0.3">
      <c r="A86201" s="13" t="s">
        <v>433</v>
      </c>
      <c r="B86201" s="14" t="s">
        <v>1</v>
      </c>
      <c r="C86201" s="14" t="s">
        <v>137</v>
      </c>
      <c r="D86201" s="14" t="s">
        <v>434</v>
      </c>
      <c r="E86201" s="15">
        <v>45437</v>
      </c>
      <c r="F86201" s="14" t="s">
        <v>61</v>
      </c>
      <c r="G86201" s="16">
        <v>0.98983690151426662</v>
      </c>
    </row>
    <row r="86202" spans="1:7" x14ac:dyDescent="0.3">
      <c r="A86202" s="13" t="s">
        <v>433</v>
      </c>
      <c r="B86202" s="14" t="s">
        <v>1</v>
      </c>
      <c r="C86202" s="14" t="s">
        <v>137</v>
      </c>
      <c r="D86202" s="14" t="s">
        <v>434</v>
      </c>
      <c r="E86202" s="15">
        <v>45438</v>
      </c>
      <c r="F86202" s="14" t="s">
        <v>61</v>
      </c>
      <c r="G86202" s="16">
        <v>0.98983690151426662</v>
      </c>
    </row>
    <row r="86203" spans="1:7" x14ac:dyDescent="0.3">
      <c r="A86203" s="13" t="s">
        <v>433</v>
      </c>
      <c r="B86203" s="14" t="s">
        <v>1</v>
      </c>
      <c r="C86203" s="14" t="s">
        <v>137</v>
      </c>
      <c r="D86203" s="14" t="s">
        <v>434</v>
      </c>
      <c r="E86203" s="15">
        <v>45439</v>
      </c>
      <c r="F86203" s="14" t="s">
        <v>61</v>
      </c>
      <c r="G86203" s="16">
        <v>1.0096212985053652</v>
      </c>
    </row>
    <row r="86204" spans="1:7" x14ac:dyDescent="0.3">
      <c r="A86204" s="13" t="s">
        <v>433</v>
      </c>
      <c r="B86204" s="14" t="s">
        <v>1</v>
      </c>
      <c r="C86204" s="14" t="s">
        <v>137</v>
      </c>
      <c r="D86204" s="14" t="s">
        <v>434</v>
      </c>
      <c r="E86204" s="15">
        <v>45440</v>
      </c>
      <c r="F86204" s="14" t="s">
        <v>61</v>
      </c>
      <c r="G86204" s="16">
        <v>1.066342739878775</v>
      </c>
    </row>
    <row r="86205" spans="1:7" x14ac:dyDescent="0.3">
      <c r="A86205" s="13" t="s">
        <v>433</v>
      </c>
      <c r="B86205" s="14" t="s">
        <v>1</v>
      </c>
      <c r="C86205" s="14" t="s">
        <v>137</v>
      </c>
      <c r="D86205" s="14" t="s">
        <v>434</v>
      </c>
      <c r="E86205" s="15">
        <v>45441</v>
      </c>
      <c r="F86205" s="14" t="s">
        <v>61</v>
      </c>
      <c r="G86205" s="16">
        <v>1.0907876583982539</v>
      </c>
    </row>
    <row r="86206" spans="1:7" x14ac:dyDescent="0.3">
      <c r="A86206" s="13" t="s">
        <v>433</v>
      </c>
      <c r="B86206" s="14" t="s">
        <v>1</v>
      </c>
      <c r="C86206" s="14" t="s">
        <v>137</v>
      </c>
      <c r="D86206" s="14" t="s">
        <v>434</v>
      </c>
      <c r="E86206" s="15">
        <v>45442</v>
      </c>
      <c r="F86206" s="14" t="s">
        <v>61</v>
      </c>
      <c r="G86206" s="16">
        <v>1.1070565410792865</v>
      </c>
    </row>
    <row r="86207" spans="1:7" x14ac:dyDescent="0.3">
      <c r="A86207" s="13" t="s">
        <v>433</v>
      </c>
      <c r="B86207" s="14" t="s">
        <v>1</v>
      </c>
      <c r="C86207" s="14" t="s">
        <v>137</v>
      </c>
      <c r="D86207" s="14" t="s">
        <v>434</v>
      </c>
      <c r="E86207" s="15">
        <v>45443</v>
      </c>
      <c r="F86207" s="14" t="s">
        <v>61</v>
      </c>
      <c r="G86207" s="16">
        <v>1.1249426809629115</v>
      </c>
    </row>
    <row r="86208" spans="1:7" x14ac:dyDescent="0.3">
      <c r="A86208" s="13" t="s">
        <v>433</v>
      </c>
      <c r="B86208" s="14" t="s">
        <v>1</v>
      </c>
      <c r="C86208" s="14" t="s">
        <v>137</v>
      </c>
      <c r="D86208" s="14" t="s">
        <v>434</v>
      </c>
      <c r="E86208" s="15">
        <v>45444</v>
      </c>
      <c r="F86208" s="14" t="s">
        <v>61</v>
      </c>
      <c r="G86208" s="16">
        <v>1.1249426809629115</v>
      </c>
    </row>
    <row r="86209" spans="1:7" x14ac:dyDescent="0.3">
      <c r="A86209" s="13" t="s">
        <v>433</v>
      </c>
      <c r="B86209" s="14" t="s">
        <v>1</v>
      </c>
      <c r="C86209" s="14" t="s">
        <v>137</v>
      </c>
      <c r="D86209" s="14" t="s">
        <v>434</v>
      </c>
      <c r="E86209" s="15">
        <v>45445</v>
      </c>
      <c r="F86209" s="14" t="s">
        <v>61</v>
      </c>
      <c r="G86209" s="16">
        <v>1.1249426809629115</v>
      </c>
    </row>
    <row r="86210" spans="1:7" x14ac:dyDescent="0.3">
      <c r="A86210" s="13" t="s">
        <v>433</v>
      </c>
      <c r="B86210" s="14" t="s">
        <v>1</v>
      </c>
      <c r="C86210" s="14" t="s">
        <v>137</v>
      </c>
      <c r="D86210" s="14" t="s">
        <v>434</v>
      </c>
      <c r="E86210" s="15">
        <v>45446</v>
      </c>
      <c r="F86210" s="14" t="s">
        <v>61</v>
      </c>
      <c r="G86210" s="16">
        <v>1.1249426809629115</v>
      </c>
    </row>
    <row r="86211" spans="1:7" x14ac:dyDescent="0.3">
      <c r="A86211" s="13" t="s">
        <v>433</v>
      </c>
      <c r="B86211" s="14" t="s">
        <v>1</v>
      </c>
      <c r="C86211" s="14" t="s">
        <v>137</v>
      </c>
      <c r="D86211" s="14" t="s">
        <v>434</v>
      </c>
      <c r="E86211" s="15">
        <v>45447</v>
      </c>
      <c r="F86211" s="14" t="s">
        <v>61</v>
      </c>
      <c r="G86211" s="16">
        <v>1.1388981129340017</v>
      </c>
    </row>
    <row r="86212" spans="1:7" x14ac:dyDescent="0.3">
      <c r="A86212" s="13" t="s">
        <v>433</v>
      </c>
      <c r="B86212" s="14" t="s">
        <v>1</v>
      </c>
      <c r="C86212" s="14" t="s">
        <v>137</v>
      </c>
      <c r="D86212" s="14" t="s">
        <v>434</v>
      </c>
      <c r="E86212" s="15">
        <v>45448</v>
      </c>
      <c r="F86212" s="14" t="s">
        <v>61</v>
      </c>
      <c r="G86212" s="16">
        <v>1.2047487378097228</v>
      </c>
    </row>
    <row r="86213" spans="1:7" x14ac:dyDescent="0.3">
      <c r="A86213" s="13" t="s">
        <v>433</v>
      </c>
      <c r="B86213" s="14" t="s">
        <v>1</v>
      </c>
      <c r="C86213" s="14" t="s">
        <v>137</v>
      </c>
      <c r="D86213" s="14" t="s">
        <v>434</v>
      </c>
      <c r="E86213" s="15">
        <v>45449</v>
      </c>
      <c r="F86213" s="14" t="s">
        <v>61</v>
      </c>
      <c r="G86213" s="16">
        <v>1.2219251787728946</v>
      </c>
    </row>
    <row r="86214" spans="1:7" x14ac:dyDescent="0.3">
      <c r="A86214" s="13" t="s">
        <v>433</v>
      </c>
      <c r="B86214" s="14" t="s">
        <v>1</v>
      </c>
      <c r="C86214" s="14" t="s">
        <v>137</v>
      </c>
      <c r="D86214" s="14" t="s">
        <v>434</v>
      </c>
      <c r="E86214" s="15">
        <v>45450</v>
      </c>
      <c r="F86214" s="14" t="s">
        <v>61</v>
      </c>
      <c r="G86214" s="16">
        <v>1.251590534175536</v>
      </c>
    </row>
    <row r="86215" spans="1:7" x14ac:dyDescent="0.3">
      <c r="A86215" s="13" t="s">
        <v>433</v>
      </c>
      <c r="B86215" s="14" t="s">
        <v>1</v>
      </c>
      <c r="C86215" s="14" t="s">
        <v>137</v>
      </c>
      <c r="D86215" s="14" t="s">
        <v>434</v>
      </c>
      <c r="E86215" s="15">
        <v>45451</v>
      </c>
      <c r="F86215" s="14" t="s">
        <v>61</v>
      </c>
      <c r="G86215" s="16">
        <v>1.251590534175536</v>
      </c>
    </row>
    <row r="86216" spans="1:7" x14ac:dyDescent="0.3">
      <c r="A86216" s="13" t="s">
        <v>433</v>
      </c>
      <c r="B86216" s="14" t="s">
        <v>1</v>
      </c>
      <c r="C86216" s="14" t="s">
        <v>137</v>
      </c>
      <c r="D86216" s="14" t="s">
        <v>434</v>
      </c>
      <c r="E86216" s="15">
        <v>45452</v>
      </c>
      <c r="F86216" s="14" t="s">
        <v>61</v>
      </c>
      <c r="G86216" s="16">
        <v>1.251590534175536</v>
      </c>
    </row>
    <row r="86217" spans="1:7" x14ac:dyDescent="0.3">
      <c r="A86217" s="13" t="s">
        <v>433</v>
      </c>
      <c r="B86217" s="14" t="s">
        <v>1</v>
      </c>
      <c r="C86217" s="14" t="s">
        <v>137</v>
      </c>
      <c r="D86217" s="14" t="s">
        <v>434</v>
      </c>
      <c r="E86217" s="15">
        <v>45453</v>
      </c>
      <c r="F86217" s="14" t="s">
        <v>61</v>
      </c>
      <c r="G86217" s="16">
        <v>1.2824037379326445</v>
      </c>
    </row>
    <row r="86218" spans="1:7" x14ac:dyDescent="0.3">
      <c r="A86218" s="13" t="s">
        <v>433</v>
      </c>
      <c r="B86218" s="14" t="s">
        <v>1</v>
      </c>
      <c r="C86218" s="14" t="s">
        <v>137</v>
      </c>
      <c r="D86218" s="14" t="s">
        <v>434</v>
      </c>
      <c r="E86218" s="15">
        <v>45454</v>
      </c>
      <c r="F86218" s="14" t="s">
        <v>61</v>
      </c>
      <c r="G86218" s="16">
        <v>1.3445538618437007</v>
      </c>
    </row>
    <row r="86219" spans="1:7" x14ac:dyDescent="0.3">
      <c r="A86219" s="13" t="s">
        <v>433</v>
      </c>
      <c r="B86219" s="14" t="s">
        <v>1</v>
      </c>
      <c r="C86219" s="14" t="s">
        <v>137</v>
      </c>
      <c r="D86219" s="14" t="s">
        <v>434</v>
      </c>
      <c r="E86219" s="15">
        <v>45455</v>
      </c>
      <c r="F86219" s="14" t="s">
        <v>61</v>
      </c>
      <c r="G86219" s="16">
        <v>1.3553483079175523</v>
      </c>
    </row>
    <row r="86220" spans="1:7" x14ac:dyDescent="0.3">
      <c r="A86220" s="13" t="s">
        <v>433</v>
      </c>
      <c r="B86220" s="14" t="s">
        <v>1</v>
      </c>
      <c r="C86220" s="14" t="s">
        <v>137</v>
      </c>
      <c r="D86220" s="14" t="s">
        <v>434</v>
      </c>
      <c r="E86220" s="15">
        <v>45456</v>
      </c>
      <c r="F86220" s="14" t="s">
        <v>61</v>
      </c>
      <c r="G86220" s="16">
        <v>1.3840103399363022</v>
      </c>
    </row>
    <row r="86221" spans="1:7" x14ac:dyDescent="0.3">
      <c r="A86221" s="13" t="s">
        <v>433</v>
      </c>
      <c r="B86221" s="14" t="s">
        <v>1</v>
      </c>
      <c r="C86221" s="14" t="s">
        <v>137</v>
      </c>
      <c r="D86221" s="14" t="s">
        <v>434</v>
      </c>
      <c r="E86221" s="15">
        <v>45457</v>
      </c>
      <c r="F86221" s="14" t="s">
        <v>61</v>
      </c>
      <c r="G86221" s="16">
        <v>1.4081387401042054</v>
      </c>
    </row>
    <row r="86222" spans="1:7" x14ac:dyDescent="0.3">
      <c r="A86222" s="13" t="s">
        <v>433</v>
      </c>
      <c r="B86222" s="14" t="s">
        <v>1</v>
      </c>
      <c r="C86222" s="14" t="s">
        <v>137</v>
      </c>
      <c r="D86222" s="14" t="s">
        <v>434</v>
      </c>
      <c r="E86222" s="15">
        <v>45458</v>
      </c>
      <c r="F86222" s="14" t="s">
        <v>61</v>
      </c>
      <c r="G86222" s="16">
        <v>1.4081387401042054</v>
      </c>
    </row>
    <row r="86223" spans="1:7" x14ac:dyDescent="0.3">
      <c r="A86223" s="13" t="s">
        <v>433</v>
      </c>
      <c r="B86223" s="14" t="s">
        <v>1</v>
      </c>
      <c r="C86223" s="14" t="s">
        <v>137</v>
      </c>
      <c r="D86223" s="14" t="s">
        <v>434</v>
      </c>
      <c r="E86223" s="15">
        <v>45459</v>
      </c>
      <c r="F86223" s="14" t="s">
        <v>61</v>
      </c>
      <c r="G86223" s="16">
        <v>1.4081387401042054</v>
      </c>
    </row>
    <row r="86224" spans="1:7" x14ac:dyDescent="0.3">
      <c r="A86224" s="13" t="s">
        <v>433</v>
      </c>
      <c r="B86224" s="14" t="s">
        <v>1</v>
      </c>
      <c r="C86224" s="14" t="s">
        <v>137</v>
      </c>
      <c r="D86224" s="14" t="s">
        <v>434</v>
      </c>
      <c r="E86224" s="15">
        <v>45460</v>
      </c>
      <c r="F86224" s="14" t="s">
        <v>61</v>
      </c>
      <c r="G86224" s="16">
        <v>1.4236427607270359</v>
      </c>
    </row>
    <row r="86225" spans="1:7" x14ac:dyDescent="0.3">
      <c r="A86225" s="13" t="s">
        <v>433</v>
      </c>
      <c r="B86225" s="14" t="s">
        <v>1</v>
      </c>
      <c r="C86225" s="14" t="s">
        <v>137</v>
      </c>
      <c r="D86225" s="14" t="s">
        <v>434</v>
      </c>
      <c r="E86225" s="15">
        <v>45461</v>
      </c>
      <c r="F86225" s="14" t="s">
        <v>61</v>
      </c>
      <c r="G86225" s="16">
        <v>1.4811988096682593</v>
      </c>
    </row>
    <row r="86226" spans="1:7" x14ac:dyDescent="0.3">
      <c r="A86226" s="13" t="s">
        <v>433</v>
      </c>
      <c r="B86226" s="14" t="s">
        <v>1</v>
      </c>
      <c r="C86226" s="14" t="s">
        <v>137</v>
      </c>
      <c r="D86226" s="14" t="s">
        <v>434</v>
      </c>
      <c r="E86226" s="15">
        <v>45462</v>
      </c>
      <c r="F86226" s="14" t="s">
        <v>61</v>
      </c>
      <c r="G86226" s="16">
        <v>1.5001063332692748</v>
      </c>
    </row>
    <row r="86227" spans="1:7" x14ac:dyDescent="0.3">
      <c r="A86227" s="13" t="s">
        <v>433</v>
      </c>
      <c r="B86227" s="14" t="s">
        <v>1</v>
      </c>
      <c r="C86227" s="14" t="s">
        <v>137</v>
      </c>
      <c r="D86227" s="14" t="s">
        <v>434</v>
      </c>
      <c r="E86227" s="15">
        <v>45463</v>
      </c>
      <c r="F86227" s="14" t="s">
        <v>61</v>
      </c>
      <c r="G86227" s="16">
        <v>1.5257131592216897</v>
      </c>
    </row>
    <row r="86228" spans="1:7" x14ac:dyDescent="0.3">
      <c r="A86228" s="13" t="s">
        <v>433</v>
      </c>
      <c r="B86228" s="14" t="s">
        <v>1</v>
      </c>
      <c r="C86228" s="14" t="s">
        <v>137</v>
      </c>
      <c r="D86228" s="14" t="s">
        <v>434</v>
      </c>
      <c r="E86228" s="15">
        <v>45464</v>
      </c>
      <c r="F86228" s="14" t="s">
        <v>61</v>
      </c>
      <c r="G86228" s="16">
        <v>1.547207086052649</v>
      </c>
    </row>
    <row r="86229" spans="1:7" x14ac:dyDescent="0.3">
      <c r="A86229" s="13" t="s">
        <v>433</v>
      </c>
      <c r="B86229" s="14" t="s">
        <v>1</v>
      </c>
      <c r="C86229" s="14" t="s">
        <v>137</v>
      </c>
      <c r="D86229" s="14" t="s">
        <v>434</v>
      </c>
      <c r="E86229" s="15">
        <v>45465</v>
      </c>
      <c r="F86229" s="14" t="s">
        <v>61</v>
      </c>
      <c r="G86229" s="16">
        <v>1.547207086052649</v>
      </c>
    </row>
    <row r="86230" spans="1:7" x14ac:dyDescent="0.3">
      <c r="A86230" s="13" t="s">
        <v>433</v>
      </c>
      <c r="B86230" s="14" t="s">
        <v>1</v>
      </c>
      <c r="C86230" s="14" t="s">
        <v>137</v>
      </c>
      <c r="D86230" s="14" t="s">
        <v>434</v>
      </c>
      <c r="E86230" s="15">
        <v>45466</v>
      </c>
      <c r="F86230" s="14" t="s">
        <v>61</v>
      </c>
      <c r="G86230" s="16">
        <v>1.547207086052649</v>
      </c>
    </row>
    <row r="86231" spans="1:7" x14ac:dyDescent="0.3">
      <c r="A86231" s="13" t="s">
        <v>433</v>
      </c>
      <c r="B86231" s="14" t="s">
        <v>1</v>
      </c>
      <c r="C86231" s="14" t="s">
        <v>137</v>
      </c>
      <c r="D86231" s="14" t="s">
        <v>434</v>
      </c>
      <c r="E86231" s="15">
        <v>45467</v>
      </c>
      <c r="F86231" s="14" t="s">
        <v>61</v>
      </c>
      <c r="G86231" s="16">
        <v>1.5620644783740796</v>
      </c>
    </row>
    <row r="86232" spans="1:7" x14ac:dyDescent="0.3">
      <c r="A86232" s="13" t="s">
        <v>433</v>
      </c>
      <c r="B86232" s="14" t="s">
        <v>1</v>
      </c>
      <c r="C86232" s="14" t="s">
        <v>137</v>
      </c>
      <c r="D86232" s="14" t="s">
        <v>434</v>
      </c>
      <c r="E86232" s="15">
        <v>45468</v>
      </c>
      <c r="F86232" s="14" t="s">
        <v>61</v>
      </c>
      <c r="G86232" s="16">
        <v>1.6247337508246857</v>
      </c>
    </row>
    <row r="86233" spans="1:7" x14ac:dyDescent="0.3">
      <c r="A86233" s="13" t="s">
        <v>433</v>
      </c>
      <c r="B86233" s="14" t="s">
        <v>1</v>
      </c>
      <c r="C86233" s="14" t="s">
        <v>137</v>
      </c>
      <c r="D86233" s="14" t="s">
        <v>434</v>
      </c>
      <c r="E86233" s="15">
        <v>45469</v>
      </c>
      <c r="F86233" s="14" t="s">
        <v>61</v>
      </c>
      <c r="G86233" s="16">
        <v>1.6497178431703259</v>
      </c>
    </row>
    <row r="86234" spans="1:7" x14ac:dyDescent="0.3">
      <c r="A86234" s="13" t="s">
        <v>433</v>
      </c>
      <c r="B86234" s="14" t="s">
        <v>1</v>
      </c>
      <c r="C86234" s="14" t="s">
        <v>137</v>
      </c>
      <c r="D86234" s="14" t="s">
        <v>434</v>
      </c>
      <c r="E86234" s="15">
        <v>45470</v>
      </c>
      <c r="F86234" s="14" t="s">
        <v>61</v>
      </c>
      <c r="G86234" s="16">
        <v>1.6656961876538816</v>
      </c>
    </row>
    <row r="86235" spans="1:7" x14ac:dyDescent="0.3">
      <c r="A86235" s="13" t="s">
        <v>433</v>
      </c>
      <c r="B86235" s="14" t="s">
        <v>1</v>
      </c>
      <c r="C86235" s="14" t="s">
        <v>137</v>
      </c>
      <c r="D86235" s="14" t="s">
        <v>434</v>
      </c>
      <c r="E86235" s="15">
        <v>45471</v>
      </c>
      <c r="F86235" s="14" t="s">
        <v>61</v>
      </c>
      <c r="G86235" s="16">
        <v>1.683603494938378</v>
      </c>
    </row>
    <row r="86236" spans="1:7" x14ac:dyDescent="0.3">
      <c r="A86236" s="13" t="s">
        <v>433</v>
      </c>
      <c r="B86236" s="14" t="s">
        <v>1</v>
      </c>
      <c r="C86236" s="14" t="s">
        <v>137</v>
      </c>
      <c r="D86236" s="14" t="s">
        <v>434</v>
      </c>
      <c r="E86236" s="15">
        <v>45472</v>
      </c>
      <c r="F86236" s="14" t="s">
        <v>61</v>
      </c>
      <c r="G86236" s="16">
        <v>1.683603494938378</v>
      </c>
    </row>
    <row r="86237" spans="1:7" x14ac:dyDescent="0.3">
      <c r="A86237" s="13" t="s">
        <v>433</v>
      </c>
      <c r="B86237" s="14" t="s">
        <v>1</v>
      </c>
      <c r="C86237" s="14" t="s">
        <v>137</v>
      </c>
      <c r="D86237" s="14" t="s">
        <v>434</v>
      </c>
      <c r="E86237" s="15">
        <v>45473</v>
      </c>
      <c r="F86237" s="14" t="s">
        <v>61</v>
      </c>
      <c r="G86237" s="16">
        <v>1.683603494938378</v>
      </c>
    </row>
    <row r="86238" spans="1:7" x14ac:dyDescent="0.3">
      <c r="A86238" s="13" t="s">
        <v>433</v>
      </c>
      <c r="B86238" s="14" t="s">
        <v>1</v>
      </c>
      <c r="C86238" s="14" t="s">
        <v>137</v>
      </c>
      <c r="D86238" s="14" t="s">
        <v>434</v>
      </c>
      <c r="E86238" s="15">
        <v>45474</v>
      </c>
      <c r="F86238" s="14" t="s">
        <v>61</v>
      </c>
      <c r="G86238" s="16">
        <v>1.6997215658207718</v>
      </c>
    </row>
    <row r="86239" spans="1:7" x14ac:dyDescent="0.3">
      <c r="A86239" s="13" t="s">
        <v>433</v>
      </c>
      <c r="B86239" s="14" t="s">
        <v>1</v>
      </c>
      <c r="C86239" s="14" t="s">
        <v>137</v>
      </c>
      <c r="D86239" s="14" t="s">
        <v>434</v>
      </c>
      <c r="E86239" s="15">
        <v>45475</v>
      </c>
      <c r="F86239" s="14" t="s">
        <v>61</v>
      </c>
      <c r="G86239" s="16">
        <v>1.7601000368123545</v>
      </c>
    </row>
    <row r="86240" spans="1:7" x14ac:dyDescent="0.3">
      <c r="A86240" s="13" t="s">
        <v>433</v>
      </c>
      <c r="B86240" s="14" t="s">
        <v>1</v>
      </c>
      <c r="C86240" s="14" t="s">
        <v>137</v>
      </c>
      <c r="D86240" s="14" t="s">
        <v>434</v>
      </c>
      <c r="E86240" s="15">
        <v>45476</v>
      </c>
      <c r="F86240" s="14" t="s">
        <v>61</v>
      </c>
      <c r="G86240" s="16">
        <v>1.7733528590518535</v>
      </c>
    </row>
    <row r="86241" spans="1:7" x14ac:dyDescent="0.3">
      <c r="A86241" s="13" t="s">
        <v>433</v>
      </c>
      <c r="B86241" s="14" t="s">
        <v>1</v>
      </c>
      <c r="C86241" s="14" t="s">
        <v>137</v>
      </c>
      <c r="D86241" s="14" t="s">
        <v>434</v>
      </c>
      <c r="E86241" s="15">
        <v>45477</v>
      </c>
      <c r="F86241" s="14" t="s">
        <v>61</v>
      </c>
      <c r="G86241" s="16">
        <v>1.7891126543688491</v>
      </c>
    </row>
    <row r="86242" spans="1:7" x14ac:dyDescent="0.3">
      <c r="A86242" s="13" t="s">
        <v>433</v>
      </c>
      <c r="B86242" s="14" t="s">
        <v>1</v>
      </c>
      <c r="C86242" s="14" t="s">
        <v>137</v>
      </c>
      <c r="D86242" s="14" t="s">
        <v>434</v>
      </c>
      <c r="E86242" s="15">
        <v>45478</v>
      </c>
      <c r="F86242" s="14" t="s">
        <v>61</v>
      </c>
      <c r="G86242" s="16">
        <v>1.8042432185694288</v>
      </c>
    </row>
    <row r="86243" spans="1:7" x14ac:dyDescent="0.3">
      <c r="A86243" s="13" t="s">
        <v>433</v>
      </c>
      <c r="B86243" s="14" t="s">
        <v>1</v>
      </c>
      <c r="C86243" s="14" t="s">
        <v>137</v>
      </c>
      <c r="D86243" s="14" t="s">
        <v>434</v>
      </c>
      <c r="E86243" s="15">
        <v>45479</v>
      </c>
      <c r="F86243" s="14" t="s">
        <v>61</v>
      </c>
      <c r="G86243" s="16">
        <v>1.8042432185694288</v>
      </c>
    </row>
    <row r="86244" spans="1:7" x14ac:dyDescent="0.3">
      <c r="A86244" s="13" t="s">
        <v>433</v>
      </c>
      <c r="B86244" s="14" t="s">
        <v>1</v>
      </c>
      <c r="C86244" s="14" t="s">
        <v>137</v>
      </c>
      <c r="D86244" s="14" t="s">
        <v>434</v>
      </c>
      <c r="E86244" s="15">
        <v>45480</v>
      </c>
      <c r="F86244" s="14" t="s">
        <v>61</v>
      </c>
      <c r="G86244" s="16">
        <v>1.8042432185694288</v>
      </c>
    </row>
    <row r="86245" spans="1:7" x14ac:dyDescent="0.3">
      <c r="A86245" s="13" t="s">
        <v>433</v>
      </c>
      <c r="B86245" s="14" t="s">
        <v>1</v>
      </c>
      <c r="C86245" s="14" t="s">
        <v>137</v>
      </c>
      <c r="D86245" s="14" t="s">
        <v>434</v>
      </c>
      <c r="E86245" s="15">
        <v>45481</v>
      </c>
      <c r="F86245" s="14" t="s">
        <v>61</v>
      </c>
      <c r="G86245" s="16">
        <v>1.8263653262100268</v>
      </c>
    </row>
    <row r="86246" spans="1:7" x14ac:dyDescent="0.3">
      <c r="A86246" s="13" t="s">
        <v>433</v>
      </c>
      <c r="B86246" s="14" t="s">
        <v>1</v>
      </c>
      <c r="C86246" s="14" t="s">
        <v>137</v>
      </c>
      <c r="D86246" s="14" t="s">
        <v>434</v>
      </c>
      <c r="E86246" s="15">
        <v>45482</v>
      </c>
      <c r="F86246" s="14" t="s">
        <v>61</v>
      </c>
      <c r="G86246" s="16">
        <v>1.8878467563635153</v>
      </c>
    </row>
    <row r="86247" spans="1:7" x14ac:dyDescent="0.3">
      <c r="A86247" s="13" t="s">
        <v>433</v>
      </c>
      <c r="B86247" s="14" t="s">
        <v>1</v>
      </c>
      <c r="C86247" s="14" t="s">
        <v>137</v>
      </c>
      <c r="D86247" s="14" t="s">
        <v>434</v>
      </c>
      <c r="E86247" s="15">
        <v>45483</v>
      </c>
      <c r="F86247" s="14" t="s">
        <v>61</v>
      </c>
      <c r="G86247" s="16">
        <v>1.9114893646777296</v>
      </c>
    </row>
    <row r="86248" spans="1:7" x14ac:dyDescent="0.3">
      <c r="A86248" s="13" t="s">
        <v>433</v>
      </c>
      <c r="B86248" s="14" t="s">
        <v>1</v>
      </c>
      <c r="C86248" s="14" t="s">
        <v>137</v>
      </c>
      <c r="D86248" s="14" t="s">
        <v>434</v>
      </c>
      <c r="E86248" s="15">
        <v>45484</v>
      </c>
      <c r="F86248" s="14" t="s">
        <v>61</v>
      </c>
      <c r="G86248" s="16">
        <v>1.9243185901834707</v>
      </c>
    </row>
    <row r="86249" spans="1:7" x14ac:dyDescent="0.3">
      <c r="A86249" s="13" t="s">
        <v>433</v>
      </c>
      <c r="B86249" s="14" t="s">
        <v>1</v>
      </c>
      <c r="C86249" s="14" t="s">
        <v>137</v>
      </c>
      <c r="D86249" s="14" t="s">
        <v>434</v>
      </c>
      <c r="E86249" s="15">
        <v>45485</v>
      </c>
      <c r="F86249" s="14" t="s">
        <v>61</v>
      </c>
      <c r="G86249" s="16">
        <v>1.9404261459142482</v>
      </c>
    </row>
    <row r="86250" spans="1:7" x14ac:dyDescent="0.3">
      <c r="A86250" s="13" t="s">
        <v>433</v>
      </c>
      <c r="B86250" s="14" t="s">
        <v>1</v>
      </c>
      <c r="C86250" s="14" t="s">
        <v>137</v>
      </c>
      <c r="D86250" s="14" t="s">
        <v>434</v>
      </c>
      <c r="E86250" s="15">
        <v>45486</v>
      </c>
      <c r="F86250" s="14" t="s">
        <v>61</v>
      </c>
      <c r="G86250" s="16">
        <v>1.9404261459142482</v>
      </c>
    </row>
    <row r="86251" spans="1:7" x14ac:dyDescent="0.3">
      <c r="A86251" s="13" t="s">
        <v>433</v>
      </c>
      <c r="B86251" s="14" t="s">
        <v>1</v>
      </c>
      <c r="C86251" s="14" t="s">
        <v>137</v>
      </c>
      <c r="D86251" s="14" t="s">
        <v>434</v>
      </c>
      <c r="E86251" s="15">
        <v>45487</v>
      </c>
      <c r="F86251" s="14" t="s">
        <v>61</v>
      </c>
      <c r="G86251" s="16">
        <v>1.9404261459142482</v>
      </c>
    </row>
    <row r="86252" spans="1:7" x14ac:dyDescent="0.3">
      <c r="A86252" s="13" t="s">
        <v>433</v>
      </c>
      <c r="B86252" s="14" t="s">
        <v>1</v>
      </c>
      <c r="C86252" s="14" t="s">
        <v>137</v>
      </c>
      <c r="D86252" s="14" t="s">
        <v>434</v>
      </c>
      <c r="E86252" s="15">
        <v>45488</v>
      </c>
      <c r="F86252" s="14" t="s">
        <v>61</v>
      </c>
      <c r="G86252" s="16">
        <v>1.9622889386488329</v>
      </c>
    </row>
    <row r="86253" spans="1:7" x14ac:dyDescent="0.3">
      <c r="A86253" s="13" t="s">
        <v>433</v>
      </c>
      <c r="B86253" s="14" t="s">
        <v>1</v>
      </c>
      <c r="C86253" s="14" t="s">
        <v>137</v>
      </c>
      <c r="D86253" s="14" t="s">
        <v>434</v>
      </c>
      <c r="E86253" s="15">
        <v>45489</v>
      </c>
      <c r="F86253" s="14" t="s">
        <v>61</v>
      </c>
      <c r="G86253" s="16">
        <v>2.0187463595274173</v>
      </c>
    </row>
    <row r="86254" spans="1:7" x14ac:dyDescent="0.3">
      <c r="A86254" s="13" t="s">
        <v>433</v>
      </c>
      <c r="B86254" s="14" t="s">
        <v>1</v>
      </c>
      <c r="C86254" s="14" t="s">
        <v>137</v>
      </c>
      <c r="D86254" s="14" t="s">
        <v>434</v>
      </c>
      <c r="E86254" s="15">
        <v>45490</v>
      </c>
      <c r="F86254" s="14" t="s">
        <v>61</v>
      </c>
      <c r="G86254" s="16">
        <v>2.0306714432709296</v>
      </c>
    </row>
    <row r="86255" spans="1:7" x14ac:dyDescent="0.3">
      <c r="A86255" s="13" t="s">
        <v>433</v>
      </c>
      <c r="B86255" s="14" t="s">
        <v>1</v>
      </c>
      <c r="C86255" s="14" t="s">
        <v>137</v>
      </c>
      <c r="D86255" s="14" t="s">
        <v>434</v>
      </c>
      <c r="E86255" s="15">
        <v>45491</v>
      </c>
      <c r="F86255" s="14" t="s">
        <v>61</v>
      </c>
      <c r="G86255" s="16">
        <v>2.058360329762154</v>
      </c>
    </row>
    <row r="86256" spans="1:7" x14ac:dyDescent="0.3">
      <c r="A86256" s="13" t="s">
        <v>433</v>
      </c>
      <c r="B86256" s="14" t="s">
        <v>1</v>
      </c>
      <c r="C86256" s="14" t="s">
        <v>137</v>
      </c>
      <c r="D86256" s="14" t="s">
        <v>434</v>
      </c>
      <c r="E86256" s="15">
        <v>45492</v>
      </c>
      <c r="F86256" s="14" t="s">
        <v>61</v>
      </c>
      <c r="G86256" s="16">
        <v>2.0803068943752732</v>
      </c>
    </row>
    <row r="86257" spans="1:7" x14ac:dyDescent="0.3">
      <c r="A86257" s="13" t="s">
        <v>433</v>
      </c>
      <c r="B86257" s="14" t="s">
        <v>1</v>
      </c>
      <c r="C86257" s="14" t="s">
        <v>137</v>
      </c>
      <c r="D86257" s="14" t="s">
        <v>434</v>
      </c>
      <c r="E86257" s="15">
        <v>45493</v>
      </c>
      <c r="F86257" s="14" t="s">
        <v>61</v>
      </c>
      <c r="G86257" s="16">
        <v>2.0803068943752732</v>
      </c>
    </row>
    <row r="86258" spans="1:7" x14ac:dyDescent="0.3">
      <c r="A86258" s="13" t="s">
        <v>433</v>
      </c>
      <c r="B86258" s="14" t="s">
        <v>1</v>
      </c>
      <c r="C86258" s="14" t="s">
        <v>137</v>
      </c>
      <c r="D86258" s="14" t="s">
        <v>434</v>
      </c>
      <c r="E86258" s="15">
        <v>45494</v>
      </c>
      <c r="F86258" s="14" t="s">
        <v>61</v>
      </c>
      <c r="G86258" s="16">
        <v>2.0803068943752732</v>
      </c>
    </row>
    <row r="86259" spans="1:7" x14ac:dyDescent="0.3">
      <c r="A86259" s="13" t="s">
        <v>433</v>
      </c>
      <c r="B86259" s="14" t="s">
        <v>1</v>
      </c>
      <c r="C86259" s="14" t="s">
        <v>137</v>
      </c>
      <c r="D86259" s="14" t="s">
        <v>434</v>
      </c>
      <c r="E86259" s="15">
        <v>45495</v>
      </c>
      <c r="F86259" s="14" t="s">
        <v>61</v>
      </c>
      <c r="G86259" s="16">
        <v>2.0971482263548968</v>
      </c>
    </row>
    <row r="86260" spans="1:7" x14ac:dyDescent="0.3">
      <c r="A86260" s="13" t="s">
        <v>433</v>
      </c>
      <c r="B86260" s="14" t="s">
        <v>1</v>
      </c>
      <c r="C86260" s="14" t="s">
        <v>137</v>
      </c>
      <c r="D86260" s="14" t="s">
        <v>434</v>
      </c>
      <c r="E86260" s="15">
        <v>45496</v>
      </c>
      <c r="F86260" s="14" t="s">
        <v>61</v>
      </c>
      <c r="G86260" s="16">
        <v>2.1628698296810756</v>
      </c>
    </row>
    <row r="86261" spans="1:7" x14ac:dyDescent="0.3">
      <c r="A86261" s="13" t="s">
        <v>433</v>
      </c>
      <c r="B86261" s="14" t="s">
        <v>1</v>
      </c>
      <c r="C86261" s="14" t="s">
        <v>137</v>
      </c>
      <c r="D86261" s="14" t="s">
        <v>434</v>
      </c>
      <c r="E86261" s="15">
        <v>45497</v>
      </c>
      <c r="F86261" s="14" t="s">
        <v>61</v>
      </c>
      <c r="G86261" s="16">
        <v>2.1848877308719312</v>
      </c>
    </row>
    <row r="86262" spans="1:7" x14ac:dyDescent="0.3">
      <c r="A86262" s="13" t="s">
        <v>433</v>
      </c>
      <c r="B86262" s="14" t="s">
        <v>1</v>
      </c>
      <c r="C86262" s="14" t="s">
        <v>137</v>
      </c>
      <c r="D86262" s="14" t="s">
        <v>434</v>
      </c>
      <c r="E86262" s="15">
        <v>45498</v>
      </c>
      <c r="F86262" s="14" t="s">
        <v>61</v>
      </c>
      <c r="G86262" s="16">
        <v>2.2030980908063849</v>
      </c>
    </row>
    <row r="86263" spans="1:7" x14ac:dyDescent="0.3">
      <c r="A86263" s="13" t="s">
        <v>433</v>
      </c>
      <c r="B86263" s="14" t="s">
        <v>1</v>
      </c>
      <c r="C86263" s="14" t="s">
        <v>137</v>
      </c>
      <c r="D86263" s="14" t="s">
        <v>434</v>
      </c>
      <c r="E86263" s="15">
        <v>45499</v>
      </c>
      <c r="F86263" s="14" t="s">
        <v>61</v>
      </c>
      <c r="G86263" s="16">
        <v>2.22043604643773</v>
      </c>
    </row>
    <row r="86264" spans="1:7" x14ac:dyDescent="0.3">
      <c r="A86264" s="13" t="s">
        <v>433</v>
      </c>
      <c r="B86264" s="14" t="s">
        <v>1</v>
      </c>
      <c r="C86264" s="14" t="s">
        <v>137</v>
      </c>
      <c r="D86264" s="14" t="s">
        <v>434</v>
      </c>
      <c r="E86264" s="15">
        <v>45500</v>
      </c>
      <c r="F86264" s="14" t="s">
        <v>61</v>
      </c>
      <c r="G86264" s="16">
        <v>2.22043604643773</v>
      </c>
    </row>
    <row r="86265" spans="1:7" x14ac:dyDescent="0.3">
      <c r="A86265" s="13" t="s">
        <v>433</v>
      </c>
      <c r="B86265" s="14" t="s">
        <v>1</v>
      </c>
      <c r="C86265" s="14" t="s">
        <v>137</v>
      </c>
      <c r="D86265" s="14" t="s">
        <v>434</v>
      </c>
      <c r="E86265" s="15">
        <v>45501</v>
      </c>
      <c r="F86265" s="14" t="s">
        <v>61</v>
      </c>
      <c r="G86265" s="16">
        <v>2.22043604643773</v>
      </c>
    </row>
    <row r="86266" spans="1:7" x14ac:dyDescent="0.3">
      <c r="A86266" s="13" t="s">
        <v>433</v>
      </c>
      <c r="B86266" s="14" t="s">
        <v>1</v>
      </c>
      <c r="C86266" s="14" t="s">
        <v>137</v>
      </c>
      <c r="D86266" s="14" t="s">
        <v>434</v>
      </c>
      <c r="E86266" s="15">
        <v>45502</v>
      </c>
      <c r="F86266" s="14" t="s">
        <v>61</v>
      </c>
      <c r="G86266" s="16">
        <v>2.2430373134729948</v>
      </c>
    </row>
    <row r="86267" spans="1:7" x14ac:dyDescent="0.3">
      <c r="A86267" s="13" t="s">
        <v>433</v>
      </c>
      <c r="B86267" s="14" t="s">
        <v>1</v>
      </c>
      <c r="C86267" s="14" t="s">
        <v>137</v>
      </c>
      <c r="D86267" s="14" t="s">
        <v>434</v>
      </c>
      <c r="E86267" s="15">
        <v>45503</v>
      </c>
      <c r="F86267" s="14" t="s">
        <v>61</v>
      </c>
      <c r="G86267" s="16">
        <v>2.303822672124817</v>
      </c>
    </row>
    <row r="86268" spans="1:7" x14ac:dyDescent="0.3">
      <c r="A86268" s="13" t="s">
        <v>433</v>
      </c>
      <c r="B86268" s="14" t="s">
        <v>1</v>
      </c>
      <c r="C86268" s="14" t="s">
        <v>137</v>
      </c>
      <c r="D86268" s="14" t="s">
        <v>434</v>
      </c>
      <c r="E86268" s="15">
        <v>45504</v>
      </c>
      <c r="F86268" s="14" t="s">
        <v>61</v>
      </c>
      <c r="G86268" s="16">
        <v>2.3213029143154054</v>
      </c>
    </row>
    <row r="86269" spans="1:7" x14ac:dyDescent="0.3">
      <c r="A86269" s="13" t="s">
        <v>433</v>
      </c>
      <c r="B86269" s="14" t="s">
        <v>1</v>
      </c>
      <c r="C86269" s="14" t="s">
        <v>137</v>
      </c>
      <c r="D86269" s="14" t="s">
        <v>434</v>
      </c>
      <c r="E86269" s="15">
        <v>45505</v>
      </c>
      <c r="F86269" s="14" t="s">
        <v>61</v>
      </c>
      <c r="G86269" s="16">
        <v>2.3535061326976994</v>
      </c>
    </row>
    <row r="86270" spans="1:7" x14ac:dyDescent="0.3">
      <c r="A86270" s="13" t="s">
        <v>433</v>
      </c>
      <c r="B86270" s="14" t="s">
        <v>1</v>
      </c>
      <c r="C86270" s="14" t="s">
        <v>137</v>
      </c>
      <c r="D86270" s="14" t="s">
        <v>434</v>
      </c>
      <c r="E86270" s="15">
        <v>45506</v>
      </c>
      <c r="F86270" s="14" t="s">
        <v>61</v>
      </c>
      <c r="G86270" s="16">
        <v>2.3339180627881659</v>
      </c>
    </row>
    <row r="86271" spans="1:7" x14ac:dyDescent="0.3">
      <c r="A86271" s="13" t="s">
        <v>433</v>
      </c>
      <c r="B86271" s="14" t="s">
        <v>1</v>
      </c>
      <c r="C86271" s="14" t="s">
        <v>137</v>
      </c>
      <c r="D86271" s="14" t="s">
        <v>434</v>
      </c>
      <c r="E86271" s="15">
        <v>45507</v>
      </c>
      <c r="F86271" s="14" t="s">
        <v>61</v>
      </c>
      <c r="G86271" s="16">
        <v>2.3339180627881659</v>
      </c>
    </row>
    <row r="86272" spans="1:7" x14ac:dyDescent="0.3">
      <c r="A86272" s="13" t="s">
        <v>433</v>
      </c>
      <c r="B86272" s="14" t="s">
        <v>1</v>
      </c>
      <c r="C86272" s="14" t="s">
        <v>137</v>
      </c>
      <c r="D86272" s="14" t="s">
        <v>434</v>
      </c>
      <c r="E86272" s="15">
        <v>45508</v>
      </c>
      <c r="F86272" s="14" t="s">
        <v>61</v>
      </c>
      <c r="G86272" s="16">
        <v>2.3339180627881659</v>
      </c>
    </row>
    <row r="86273" spans="1:7" x14ac:dyDescent="0.3">
      <c r="A86273" s="13" t="s">
        <v>433</v>
      </c>
      <c r="B86273" s="14" t="s">
        <v>1</v>
      </c>
      <c r="C86273" s="14" t="s">
        <v>137</v>
      </c>
      <c r="D86273" s="14" t="s">
        <v>434</v>
      </c>
      <c r="E86273" s="15">
        <v>45509</v>
      </c>
      <c r="F86273" s="14" t="s">
        <v>61</v>
      </c>
      <c r="G86273" s="16">
        <v>2.3339180627881659</v>
      </c>
    </row>
    <row r="86274" spans="1:7" x14ac:dyDescent="0.3">
      <c r="A86274" s="13" t="s">
        <v>433</v>
      </c>
      <c r="B86274" s="14" t="s">
        <v>1</v>
      </c>
      <c r="C86274" s="14" t="s">
        <v>137</v>
      </c>
      <c r="D86274" s="14" t="s">
        <v>434</v>
      </c>
      <c r="E86274" s="15">
        <v>45510</v>
      </c>
      <c r="F86274" s="14" t="s">
        <v>61</v>
      </c>
      <c r="G86274" s="16">
        <v>2.3511632358233454</v>
      </c>
    </row>
    <row r="86275" spans="1:7" x14ac:dyDescent="0.3">
      <c r="A86275" s="13" t="s">
        <v>433</v>
      </c>
      <c r="B86275" s="14" t="s">
        <v>1</v>
      </c>
      <c r="C86275" s="14" t="s">
        <v>137</v>
      </c>
      <c r="D86275" s="14" t="s">
        <v>434</v>
      </c>
      <c r="E86275" s="15">
        <v>45511</v>
      </c>
      <c r="F86275" s="14" t="s">
        <v>61</v>
      </c>
      <c r="G86275" s="16">
        <v>2.4334484732030739</v>
      </c>
    </row>
    <row r="86276" spans="1:7" x14ac:dyDescent="0.3">
      <c r="A86276" s="13" t="s">
        <v>433</v>
      </c>
      <c r="B86276" s="14" t="s">
        <v>1</v>
      </c>
      <c r="C86276" s="14" t="s">
        <v>137</v>
      </c>
      <c r="D86276" s="14" t="s">
        <v>434</v>
      </c>
      <c r="E86276" s="15">
        <v>45512</v>
      </c>
      <c r="F86276" s="14" t="s">
        <v>61</v>
      </c>
      <c r="G86276" s="16">
        <v>2.4536862758039768</v>
      </c>
    </row>
    <row r="86277" spans="1:7" x14ac:dyDescent="0.3">
      <c r="A86277" s="13" t="s">
        <v>433</v>
      </c>
      <c r="B86277" s="14" t="s">
        <v>1</v>
      </c>
      <c r="C86277" s="14" t="s">
        <v>137</v>
      </c>
      <c r="D86277" s="14" t="s">
        <v>434</v>
      </c>
      <c r="E86277" s="15">
        <v>45513</v>
      </c>
      <c r="F86277" s="14" t="s">
        <v>61</v>
      </c>
      <c r="G86277" s="16">
        <v>2.4809589152536748</v>
      </c>
    </row>
    <row r="86278" spans="1:7" x14ac:dyDescent="0.3">
      <c r="A86278" s="13" t="s">
        <v>433</v>
      </c>
      <c r="B86278" s="14" t="s">
        <v>1</v>
      </c>
      <c r="C86278" s="14" t="s">
        <v>137</v>
      </c>
      <c r="D86278" s="14" t="s">
        <v>434</v>
      </c>
      <c r="E86278" s="15">
        <v>45514</v>
      </c>
      <c r="F86278" s="14" t="s">
        <v>61</v>
      </c>
      <c r="G86278" s="16">
        <v>2.4809589152536748</v>
      </c>
    </row>
    <row r="86279" spans="1:7" x14ac:dyDescent="0.3">
      <c r="A86279" s="13" t="s">
        <v>433</v>
      </c>
      <c r="B86279" s="14" t="s">
        <v>1</v>
      </c>
      <c r="C86279" s="14" t="s">
        <v>137</v>
      </c>
      <c r="D86279" s="14" t="s">
        <v>434</v>
      </c>
      <c r="E86279" s="15">
        <v>45515</v>
      </c>
      <c r="F86279" s="14" t="s">
        <v>61</v>
      </c>
      <c r="G86279" s="16">
        <v>2.4809589152536748</v>
      </c>
    </row>
    <row r="86280" spans="1:7" x14ac:dyDescent="0.3">
      <c r="A86280" s="13" t="s">
        <v>433</v>
      </c>
      <c r="B86280" s="14" t="s">
        <v>1</v>
      </c>
      <c r="C86280" s="14" t="s">
        <v>137</v>
      </c>
      <c r="D86280" s="14" t="s">
        <v>434</v>
      </c>
      <c r="E86280" s="15">
        <v>45516</v>
      </c>
      <c r="F86280" s="14" t="s">
        <v>61</v>
      </c>
      <c r="G86280" s="16">
        <v>2.4970771338732063</v>
      </c>
    </row>
    <row r="86281" spans="1:7" x14ac:dyDescent="0.3">
      <c r="A86281" s="13" t="s">
        <v>433</v>
      </c>
      <c r="B86281" s="14" t="s">
        <v>1</v>
      </c>
      <c r="C86281" s="14" t="s">
        <v>137</v>
      </c>
      <c r="D86281" s="14" t="s">
        <v>434</v>
      </c>
      <c r="E86281" s="15">
        <v>45517</v>
      </c>
      <c r="F86281" s="14" t="s">
        <v>61</v>
      </c>
      <c r="G86281" s="16">
        <v>2.5420019614969847</v>
      </c>
    </row>
    <row r="86282" spans="1:7" x14ac:dyDescent="0.3">
      <c r="A86282" s="13" t="s">
        <v>433</v>
      </c>
      <c r="B86282" s="14" t="s">
        <v>1</v>
      </c>
      <c r="C86282" s="14" t="s">
        <v>137</v>
      </c>
      <c r="D86282" s="14" t="s">
        <v>434</v>
      </c>
      <c r="E86282" s="15">
        <v>45518</v>
      </c>
      <c r="F86282" s="14" t="s">
        <v>61</v>
      </c>
      <c r="G86282" s="16">
        <v>2.5570847364838656</v>
      </c>
    </row>
    <row r="86283" spans="1:7" x14ac:dyDescent="0.3">
      <c r="A86283" s="13" t="s">
        <v>433</v>
      </c>
      <c r="B86283" s="14" t="s">
        <v>1</v>
      </c>
      <c r="C86283" s="14" t="s">
        <v>137</v>
      </c>
      <c r="D86283" s="14" t="s">
        <v>434</v>
      </c>
      <c r="E86283" s="15">
        <v>45519</v>
      </c>
      <c r="F86283" s="14" t="s">
        <v>61</v>
      </c>
      <c r="G86283" s="16">
        <v>2.5860058272204496</v>
      </c>
    </row>
    <row r="86284" spans="1:7" x14ac:dyDescent="0.3">
      <c r="A86284" s="13" t="s">
        <v>433</v>
      </c>
      <c r="B86284" s="14" t="s">
        <v>1</v>
      </c>
      <c r="C86284" s="14" t="s">
        <v>137</v>
      </c>
      <c r="D86284" s="14" t="s">
        <v>434</v>
      </c>
      <c r="E86284" s="15">
        <v>45520</v>
      </c>
      <c r="F86284" s="14" t="s">
        <v>61</v>
      </c>
      <c r="G86284" s="16">
        <v>2.5936471099976912</v>
      </c>
    </row>
    <row r="86285" spans="1:7" x14ac:dyDescent="0.3">
      <c r="A86285" s="13" t="s">
        <v>433</v>
      </c>
      <c r="B86285" s="14" t="s">
        <v>1</v>
      </c>
      <c r="C86285" s="14" t="s">
        <v>137</v>
      </c>
      <c r="D86285" s="14" t="s">
        <v>434</v>
      </c>
      <c r="E86285" s="15">
        <v>45521</v>
      </c>
      <c r="F86285" s="14" t="s">
        <v>61</v>
      </c>
      <c r="G86285" s="16">
        <v>2.5936471099976912</v>
      </c>
    </row>
    <row r="86286" spans="1:7" x14ac:dyDescent="0.3">
      <c r="A86286" s="13" t="s">
        <v>433</v>
      </c>
      <c r="B86286" s="14" t="s">
        <v>1</v>
      </c>
      <c r="C86286" s="14" t="s">
        <v>137</v>
      </c>
      <c r="D86286" s="14" t="s">
        <v>434</v>
      </c>
      <c r="E86286" s="15">
        <v>45522</v>
      </c>
      <c r="F86286" s="14" t="s">
        <v>61</v>
      </c>
      <c r="G86286" s="16">
        <v>2.5936471099976912</v>
      </c>
    </row>
    <row r="86287" spans="1:7" x14ac:dyDescent="0.3">
      <c r="A86287" s="13" t="s">
        <v>433</v>
      </c>
      <c r="B86287" s="14" t="s">
        <v>1</v>
      </c>
      <c r="C86287" s="14" t="s">
        <v>137</v>
      </c>
      <c r="D86287" s="14" t="s">
        <v>434</v>
      </c>
      <c r="E86287" s="15">
        <v>45523</v>
      </c>
      <c r="F86287" s="14" t="s">
        <v>61</v>
      </c>
      <c r="G86287" s="16">
        <v>2.6004102842236194</v>
      </c>
    </row>
    <row r="86288" spans="1:7" x14ac:dyDescent="0.3">
      <c r="A86288" s="13" t="s">
        <v>433</v>
      </c>
      <c r="B86288" s="14" t="s">
        <v>1</v>
      </c>
      <c r="C86288" s="14" t="s">
        <v>137</v>
      </c>
      <c r="D86288" s="14" t="s">
        <v>434</v>
      </c>
      <c r="E86288" s="15">
        <v>45524</v>
      </c>
      <c r="F86288" s="14" t="s">
        <v>61</v>
      </c>
      <c r="G86288" s="16">
        <v>2.647718168482263</v>
      </c>
    </row>
    <row r="86289" spans="1:7" x14ac:dyDescent="0.3">
      <c r="A86289" s="13" t="s">
        <v>433</v>
      </c>
      <c r="B86289" s="14" t="s">
        <v>1</v>
      </c>
      <c r="C86289" s="14" t="s">
        <v>137</v>
      </c>
      <c r="D86289" s="14" t="s">
        <v>434</v>
      </c>
      <c r="E86289" s="15">
        <v>45525</v>
      </c>
      <c r="F86289" s="14" t="s">
        <v>61</v>
      </c>
      <c r="G86289" s="16">
        <v>2.6628772872669706</v>
      </c>
    </row>
    <row r="86290" spans="1:7" x14ac:dyDescent="0.3">
      <c r="A86290" s="13" t="s">
        <v>433</v>
      </c>
      <c r="B86290" s="14" t="s">
        <v>1</v>
      </c>
      <c r="C86290" s="14" t="s">
        <v>137</v>
      </c>
      <c r="D86290" s="14" t="s">
        <v>434</v>
      </c>
      <c r="E86290" s="15">
        <v>45526</v>
      </c>
      <c r="F86290" s="14" t="s">
        <v>61</v>
      </c>
      <c r="G86290" s="16">
        <v>2.6910268190743341</v>
      </c>
    </row>
    <row r="86291" spans="1:7" x14ac:dyDescent="0.3">
      <c r="A86291" s="13" t="s">
        <v>433</v>
      </c>
      <c r="B86291" s="14" t="s">
        <v>1</v>
      </c>
      <c r="C86291" s="14" t="s">
        <v>137</v>
      </c>
      <c r="D86291" s="14" t="s">
        <v>434</v>
      </c>
      <c r="E86291" s="15">
        <v>45527</v>
      </c>
      <c r="F86291" s="14" t="s">
        <v>61</v>
      </c>
      <c r="G86291" s="16">
        <v>2.6912720375390928</v>
      </c>
    </row>
    <row r="86292" spans="1:7" x14ac:dyDescent="0.3">
      <c r="A86292" s="13" t="s">
        <v>433</v>
      </c>
      <c r="B86292" s="14" t="s">
        <v>1</v>
      </c>
      <c r="C86292" s="14" t="s">
        <v>137</v>
      </c>
      <c r="D86292" s="14" t="s">
        <v>434</v>
      </c>
      <c r="E86292" s="15">
        <v>45528</v>
      </c>
      <c r="F86292" s="14" t="s">
        <v>61</v>
      </c>
      <c r="G86292" s="16">
        <v>2.6912720375390928</v>
      </c>
    </row>
    <row r="86293" spans="1:7" x14ac:dyDescent="0.3">
      <c r="A86293" s="13" t="s">
        <v>433</v>
      </c>
      <c r="B86293" s="14" t="s">
        <v>1</v>
      </c>
      <c r="C86293" s="14" t="s">
        <v>137</v>
      </c>
      <c r="D86293" s="14" t="s">
        <v>434</v>
      </c>
      <c r="E86293" s="15">
        <v>45529</v>
      </c>
      <c r="F86293" s="14" t="s">
        <v>61</v>
      </c>
      <c r="G86293" s="16">
        <v>2.6912720375390928</v>
      </c>
    </row>
    <row r="86294" spans="1:7" x14ac:dyDescent="0.3">
      <c r="A86294" s="13" t="s">
        <v>433</v>
      </c>
      <c r="B86294" s="14" t="s">
        <v>1</v>
      </c>
      <c r="C86294" s="14" t="s">
        <v>137</v>
      </c>
      <c r="D86294" s="14" t="s">
        <v>434</v>
      </c>
      <c r="E86294" s="15">
        <v>45530</v>
      </c>
      <c r="F86294" s="14" t="s">
        <v>61</v>
      </c>
      <c r="G86294" s="16">
        <v>2.7178681269210769</v>
      </c>
    </row>
    <row r="86295" spans="1:7" x14ac:dyDescent="0.3">
      <c r="A86295" s="13" t="s">
        <v>433</v>
      </c>
      <c r="B86295" s="14" t="s">
        <v>1</v>
      </c>
      <c r="C86295" s="14" t="s">
        <v>137</v>
      </c>
      <c r="D86295" s="14" t="s">
        <v>434</v>
      </c>
      <c r="E86295" s="15">
        <v>45531</v>
      </c>
      <c r="F86295" s="14" t="s">
        <v>61</v>
      </c>
      <c r="G86295" s="16">
        <v>2.7694317564273394</v>
      </c>
    </row>
    <row r="86296" spans="1:7" x14ac:dyDescent="0.3">
      <c r="A86296" s="13" t="s">
        <v>433</v>
      </c>
      <c r="B86296" s="14" t="s">
        <v>1</v>
      </c>
      <c r="C86296" s="14" t="s">
        <v>137</v>
      </c>
      <c r="D86296" s="14" t="s">
        <v>434</v>
      </c>
      <c r="E86296" s="15">
        <v>45532</v>
      </c>
      <c r="F86296" s="14" t="s">
        <v>61</v>
      </c>
      <c r="G86296" s="16">
        <v>2.8040158198653167</v>
      </c>
    </row>
    <row r="86297" spans="1:7" x14ac:dyDescent="0.3">
      <c r="A86297" s="13" t="s">
        <v>433</v>
      </c>
      <c r="B86297" s="14" t="s">
        <v>1</v>
      </c>
      <c r="C86297" s="14" t="s">
        <v>137</v>
      </c>
      <c r="D86297" s="14" t="s">
        <v>434</v>
      </c>
      <c r="E86297" s="15">
        <v>45533</v>
      </c>
      <c r="F86297" s="14" t="s">
        <v>61</v>
      </c>
      <c r="G86297" s="16">
        <v>2.8340326373156262</v>
      </c>
    </row>
    <row r="86298" spans="1:7" x14ac:dyDescent="0.3">
      <c r="A86298" s="13" t="s">
        <v>433</v>
      </c>
      <c r="B86298" s="14" t="s">
        <v>1</v>
      </c>
      <c r="C86298" s="14" t="s">
        <v>137</v>
      </c>
      <c r="D86298" s="14" t="s">
        <v>434</v>
      </c>
      <c r="E86298" s="15">
        <v>45534</v>
      </c>
      <c r="F86298" s="14" t="s">
        <v>61</v>
      </c>
      <c r="G86298" s="16">
        <v>2.8600991292675562</v>
      </c>
    </row>
    <row r="86299" spans="1:7" x14ac:dyDescent="0.3">
      <c r="A86299" s="13" t="s">
        <v>433</v>
      </c>
      <c r="B86299" s="14" t="s">
        <v>1</v>
      </c>
      <c r="C86299" s="14" t="s">
        <v>137</v>
      </c>
      <c r="D86299" s="14" t="s">
        <v>434</v>
      </c>
      <c r="E86299" s="15">
        <v>45535</v>
      </c>
      <c r="F86299" s="14" t="s">
        <v>61</v>
      </c>
      <c r="G86299" s="16">
        <v>2.8600991292675562</v>
      </c>
    </row>
    <row r="86300" spans="1:7" x14ac:dyDescent="0.3">
      <c r="A86300" s="13" t="s">
        <v>433</v>
      </c>
      <c r="B86300" s="14" t="s">
        <v>1</v>
      </c>
      <c r="C86300" s="14" t="s">
        <v>137</v>
      </c>
      <c r="D86300" s="14" t="s">
        <v>434</v>
      </c>
      <c r="E86300" s="15">
        <v>45536</v>
      </c>
      <c r="F86300" s="14" t="s">
        <v>61</v>
      </c>
      <c r="G86300" s="16">
        <v>2.8600991292675562</v>
      </c>
    </row>
    <row r="86301" spans="1:7" x14ac:dyDescent="0.3">
      <c r="A86301" s="13" t="s">
        <v>433</v>
      </c>
      <c r="B86301" s="14" t="s">
        <v>1</v>
      </c>
      <c r="C86301" s="14" t="s">
        <v>137</v>
      </c>
      <c r="D86301" s="14" t="s">
        <v>434</v>
      </c>
      <c r="E86301" s="15">
        <v>45537</v>
      </c>
      <c r="F86301" s="14" t="s">
        <v>61</v>
      </c>
      <c r="G86301" s="16">
        <v>2.8730218670790673</v>
      </c>
    </row>
    <row r="86302" spans="1:7" x14ac:dyDescent="0.3">
      <c r="A86302" s="13" t="s">
        <v>433</v>
      </c>
      <c r="B86302" s="14" t="s">
        <v>1</v>
      </c>
      <c r="C86302" s="14" t="s">
        <v>137</v>
      </c>
      <c r="D86302" s="14" t="s">
        <v>434</v>
      </c>
      <c r="E86302" s="15">
        <v>45538</v>
      </c>
      <c r="F86302" s="14" t="s">
        <v>61</v>
      </c>
      <c r="G86302" s="16">
        <v>2.924980969045492</v>
      </c>
    </row>
    <row r="86303" spans="1:7" x14ac:dyDescent="0.3">
      <c r="A86303" s="13" t="s">
        <v>433</v>
      </c>
      <c r="B86303" s="14" t="s">
        <v>1</v>
      </c>
      <c r="C86303" s="14" t="s">
        <v>137</v>
      </c>
      <c r="D86303" s="14" t="s">
        <v>434</v>
      </c>
      <c r="E86303" s="15">
        <v>45539</v>
      </c>
      <c r="F86303" s="14" t="s">
        <v>61</v>
      </c>
      <c r="G86303" s="16">
        <v>2.933587358958464</v>
      </c>
    </row>
    <row r="86304" spans="1:7" x14ac:dyDescent="0.3">
      <c r="A86304" s="13" t="s">
        <v>433</v>
      </c>
      <c r="B86304" s="14" t="s">
        <v>1</v>
      </c>
      <c r="C86304" s="14" t="s">
        <v>137</v>
      </c>
      <c r="D86304" s="14" t="s">
        <v>434</v>
      </c>
      <c r="E86304" s="15">
        <v>45540</v>
      </c>
      <c r="F86304" s="14" t="s">
        <v>61</v>
      </c>
      <c r="G86304" s="16">
        <v>2.9450796934115369</v>
      </c>
    </row>
    <row r="86305" spans="1:7" x14ac:dyDescent="0.3">
      <c r="A86305" s="13" t="s">
        <v>433</v>
      </c>
      <c r="B86305" s="14" t="s">
        <v>1</v>
      </c>
      <c r="C86305" s="14" t="s">
        <v>137</v>
      </c>
      <c r="D86305" s="14" t="s">
        <v>434</v>
      </c>
      <c r="E86305" s="15">
        <v>45541</v>
      </c>
      <c r="F86305" s="14" t="s">
        <v>61</v>
      </c>
      <c r="G86305" s="16">
        <v>2.97049543700893</v>
      </c>
    </row>
    <row r="86306" spans="1:7" x14ac:dyDescent="0.3">
      <c r="A86306" s="13" t="s">
        <v>433</v>
      </c>
      <c r="B86306" s="14" t="s">
        <v>1</v>
      </c>
      <c r="C86306" s="14" t="s">
        <v>137</v>
      </c>
      <c r="D86306" s="14" t="s">
        <v>434</v>
      </c>
      <c r="E86306" s="15">
        <v>45542</v>
      </c>
      <c r="F86306" s="14" t="s">
        <v>61</v>
      </c>
      <c r="G86306" s="16">
        <v>2.97049543700893</v>
      </c>
    </row>
    <row r="86307" spans="1:7" x14ac:dyDescent="0.3">
      <c r="A86307" s="13" t="s">
        <v>433</v>
      </c>
      <c r="B86307" s="14" t="s">
        <v>1</v>
      </c>
      <c r="C86307" s="14" t="s">
        <v>137</v>
      </c>
      <c r="D86307" s="14" t="s">
        <v>434</v>
      </c>
      <c r="E86307" s="15">
        <v>45543</v>
      </c>
      <c r="F86307" s="14" t="s">
        <v>61</v>
      </c>
      <c r="G86307" s="16">
        <v>2.97049543700893</v>
      </c>
    </row>
    <row r="86308" spans="1:7" x14ac:dyDescent="0.3">
      <c r="A86308" s="13" t="s">
        <v>433</v>
      </c>
      <c r="B86308" s="14" t="s">
        <v>1</v>
      </c>
      <c r="C86308" s="14" t="s">
        <v>137</v>
      </c>
      <c r="D86308" s="14" t="s">
        <v>434</v>
      </c>
      <c r="E86308" s="15">
        <v>45544</v>
      </c>
      <c r="F86308" s="14" t="s">
        <v>61</v>
      </c>
      <c r="G86308" s="16">
        <v>3.0097468066698081</v>
      </c>
    </row>
    <row r="86309" spans="1:7" x14ac:dyDescent="0.3">
      <c r="A86309" s="13" t="s">
        <v>433</v>
      </c>
      <c r="B86309" s="14" t="s">
        <v>1</v>
      </c>
      <c r="C86309" s="14" t="s">
        <v>137</v>
      </c>
      <c r="D86309" s="14" t="s">
        <v>434</v>
      </c>
      <c r="E86309" s="15">
        <v>45545</v>
      </c>
      <c r="F86309" s="14" t="s">
        <v>61</v>
      </c>
      <c r="G86309" s="16">
        <v>3.0662890196415389</v>
      </c>
    </row>
    <row r="86310" spans="1:7" x14ac:dyDescent="0.3">
      <c r="A86310" s="13" t="s">
        <v>433</v>
      </c>
      <c r="B86310" s="14" t="s">
        <v>1</v>
      </c>
      <c r="C86310" s="14" t="s">
        <v>137</v>
      </c>
      <c r="D86310" s="14" t="s">
        <v>434</v>
      </c>
      <c r="E86310" s="15">
        <v>45546</v>
      </c>
      <c r="F86310" s="14" t="s">
        <v>61</v>
      </c>
      <c r="G86310" s="16">
        <v>3.0873591290965039</v>
      </c>
    </row>
    <row r="86311" spans="1:7" x14ac:dyDescent="0.3">
      <c r="A86311" s="13" t="s">
        <v>433</v>
      </c>
      <c r="B86311" s="14" t="s">
        <v>1</v>
      </c>
      <c r="C86311" s="14" t="s">
        <v>137</v>
      </c>
      <c r="D86311" s="14" t="s">
        <v>434</v>
      </c>
      <c r="E86311" s="15">
        <v>45547</v>
      </c>
      <c r="F86311" s="14" t="s">
        <v>61</v>
      </c>
      <c r="G86311" s="16">
        <v>3.089313348490319</v>
      </c>
    </row>
    <row r="86312" spans="1:7" x14ac:dyDescent="0.3">
      <c r="A86312" s="13" t="s">
        <v>433</v>
      </c>
      <c r="B86312" s="14" t="s">
        <v>1</v>
      </c>
      <c r="C86312" s="14" t="s">
        <v>137</v>
      </c>
      <c r="D86312" s="14" t="s">
        <v>434</v>
      </c>
      <c r="E86312" s="15">
        <v>45548</v>
      </c>
      <c r="F86312" s="14" t="s">
        <v>61</v>
      </c>
      <c r="G86312" s="16">
        <v>3.1091943686626888</v>
      </c>
    </row>
    <row r="86313" spans="1:7" x14ac:dyDescent="0.3">
      <c r="A86313" s="13" t="s">
        <v>433</v>
      </c>
      <c r="B86313" s="14" t="s">
        <v>1</v>
      </c>
      <c r="C86313" s="14" t="s">
        <v>137</v>
      </c>
      <c r="D86313" s="14" t="s">
        <v>434</v>
      </c>
      <c r="E86313" s="15">
        <v>45549</v>
      </c>
      <c r="F86313" s="14" t="s">
        <v>61</v>
      </c>
      <c r="G86313" s="16">
        <v>3.1091943686626888</v>
      </c>
    </row>
    <row r="86314" spans="1:7" x14ac:dyDescent="0.3">
      <c r="A86314" s="13" t="s">
        <v>433</v>
      </c>
      <c r="B86314" s="14" t="s">
        <v>1</v>
      </c>
      <c r="C86314" s="14" t="s">
        <v>137</v>
      </c>
      <c r="D86314" s="14" t="s">
        <v>434</v>
      </c>
      <c r="E86314" s="15">
        <v>45550</v>
      </c>
      <c r="F86314" s="14" t="s">
        <v>61</v>
      </c>
      <c r="G86314" s="16">
        <v>3.1091943686626888</v>
      </c>
    </row>
    <row r="86315" spans="1:7" x14ac:dyDescent="0.3">
      <c r="A86315" s="13" t="s">
        <v>433</v>
      </c>
      <c r="B86315" s="14" t="s">
        <v>1</v>
      </c>
      <c r="C86315" s="14" t="s">
        <v>137</v>
      </c>
      <c r="D86315" s="14" t="s">
        <v>434</v>
      </c>
      <c r="E86315" s="15">
        <v>45551</v>
      </c>
      <c r="F86315" s="14" t="s">
        <v>61</v>
      </c>
      <c r="G86315" s="16">
        <v>3.1127038494623958</v>
      </c>
    </row>
    <row r="86316" spans="1:7" x14ac:dyDescent="0.3">
      <c r="A86316" s="13" t="s">
        <v>433</v>
      </c>
      <c r="B86316" s="14" t="s">
        <v>1</v>
      </c>
      <c r="C86316" s="14" t="s">
        <v>137</v>
      </c>
      <c r="D86316" s="14" t="s">
        <v>434</v>
      </c>
      <c r="E86316" s="15">
        <v>45552</v>
      </c>
      <c r="F86316" s="14" t="s">
        <v>61</v>
      </c>
      <c r="G86316" s="16">
        <v>3.1763030668069021</v>
      </c>
    </row>
    <row r="86317" spans="1:7" x14ac:dyDescent="0.3">
      <c r="A86317" s="13" t="s">
        <v>433</v>
      </c>
      <c r="B86317" s="14" t="s">
        <v>1</v>
      </c>
      <c r="C86317" s="14" t="s">
        <v>137</v>
      </c>
      <c r="D86317" s="14" t="s">
        <v>434</v>
      </c>
      <c r="E86317" s="15">
        <v>45553</v>
      </c>
      <c r="F86317" s="14" t="s">
        <v>61</v>
      </c>
      <c r="G86317" s="16">
        <v>3.19367623124255</v>
      </c>
    </row>
    <row r="86318" spans="1:7" x14ac:dyDescent="0.3">
      <c r="A86318" s="13" t="s">
        <v>433</v>
      </c>
      <c r="B86318" s="14" t="s">
        <v>1</v>
      </c>
      <c r="C86318" s="14" t="s">
        <v>137</v>
      </c>
      <c r="D86318" s="14" t="s">
        <v>434</v>
      </c>
      <c r="E86318" s="15">
        <v>45554</v>
      </c>
      <c r="F86318" s="14" t="s">
        <v>61</v>
      </c>
      <c r="G86318" s="16">
        <v>3.2003615619950776</v>
      </c>
    </row>
    <row r="86319" spans="1:7" x14ac:dyDescent="0.3">
      <c r="A86319" s="13" t="s">
        <v>433</v>
      </c>
      <c r="B86319" s="14" t="s">
        <v>1</v>
      </c>
      <c r="C86319" s="14" t="s">
        <v>137</v>
      </c>
      <c r="D86319" s="14" t="s">
        <v>434</v>
      </c>
      <c r="E86319" s="15">
        <v>45555</v>
      </c>
      <c r="F86319" s="14" t="s">
        <v>61</v>
      </c>
      <c r="G86319" s="16">
        <v>3.2243720007920826</v>
      </c>
    </row>
    <row r="86320" spans="1:7" x14ac:dyDescent="0.3">
      <c r="A86320" s="13" t="s">
        <v>433</v>
      </c>
      <c r="B86320" s="14" t="s">
        <v>1</v>
      </c>
      <c r="C86320" s="14" t="s">
        <v>137</v>
      </c>
      <c r="D86320" s="14" t="s">
        <v>434</v>
      </c>
      <c r="E86320" s="15">
        <v>45556</v>
      </c>
      <c r="F86320" s="14" t="s">
        <v>61</v>
      </c>
      <c r="G86320" s="16">
        <v>3.2243720007920826</v>
      </c>
    </row>
    <row r="86321" spans="1:7" x14ac:dyDescent="0.3">
      <c r="A86321" s="13" t="s">
        <v>433</v>
      </c>
      <c r="B86321" s="14" t="s">
        <v>1</v>
      </c>
      <c r="C86321" s="14" t="s">
        <v>137</v>
      </c>
      <c r="D86321" s="14" t="s">
        <v>434</v>
      </c>
      <c r="E86321" s="15">
        <v>45557</v>
      </c>
      <c r="F86321" s="14" t="s">
        <v>61</v>
      </c>
      <c r="G86321" s="16">
        <v>3.2243720007920826</v>
      </c>
    </row>
    <row r="86322" spans="1:7" x14ac:dyDescent="0.3">
      <c r="A86322" s="13" t="s">
        <v>433</v>
      </c>
      <c r="B86322" s="14" t="s">
        <v>1</v>
      </c>
      <c r="C86322" s="14" t="s">
        <v>137</v>
      </c>
      <c r="D86322" s="14" t="s">
        <v>434</v>
      </c>
      <c r="E86322" s="15">
        <v>45558</v>
      </c>
      <c r="F86322" s="14" t="s">
        <v>61</v>
      </c>
      <c r="G86322" s="16">
        <v>3.2583234103576095</v>
      </c>
    </row>
    <row r="86323" spans="1:7" x14ac:dyDescent="0.3">
      <c r="A86323" s="13" t="s">
        <v>433</v>
      </c>
      <c r="B86323" s="14" t="s">
        <v>1</v>
      </c>
      <c r="C86323" s="14" t="s">
        <v>137</v>
      </c>
      <c r="D86323" s="14" t="s">
        <v>434</v>
      </c>
      <c r="E86323" s="15">
        <v>45559</v>
      </c>
      <c r="F86323" s="14" t="s">
        <v>61</v>
      </c>
      <c r="G86323" s="16">
        <v>3.292794956033537</v>
      </c>
    </row>
    <row r="86324" spans="1:7" x14ac:dyDescent="0.3">
      <c r="A86324" s="13" t="s">
        <v>433</v>
      </c>
      <c r="B86324" s="14" t="s">
        <v>1</v>
      </c>
      <c r="C86324" s="14" t="s">
        <v>137</v>
      </c>
      <c r="D86324" s="14" t="s">
        <v>434</v>
      </c>
      <c r="E86324" s="15">
        <v>45560</v>
      </c>
      <c r="F86324" s="14" t="s">
        <v>61</v>
      </c>
      <c r="G86324" s="16">
        <v>3.3249614621867205</v>
      </c>
    </row>
    <row r="86325" spans="1:7" x14ac:dyDescent="0.3">
      <c r="A86325" s="13" t="s">
        <v>433</v>
      </c>
      <c r="B86325" s="14" t="s">
        <v>1</v>
      </c>
      <c r="C86325" s="14" t="s">
        <v>137</v>
      </c>
      <c r="D86325" s="14" t="s">
        <v>434</v>
      </c>
      <c r="E86325" s="15">
        <v>45561</v>
      </c>
      <c r="F86325" s="14" t="s">
        <v>61</v>
      </c>
      <c r="G86325" s="16">
        <v>3.3314811086631293</v>
      </c>
    </row>
    <row r="86326" spans="1:7" x14ac:dyDescent="0.3">
      <c r="A86326" s="13" t="s">
        <v>433</v>
      </c>
      <c r="B86326" s="14" t="s">
        <v>1</v>
      </c>
      <c r="C86326" s="14" t="s">
        <v>137</v>
      </c>
      <c r="D86326" s="14" t="s">
        <v>434</v>
      </c>
      <c r="E86326" s="15">
        <v>45562</v>
      </c>
      <c r="F86326" s="14" t="s">
        <v>61</v>
      </c>
      <c r="G86326" s="16">
        <v>3.3550669482741524</v>
      </c>
    </row>
    <row r="86327" spans="1:7" x14ac:dyDescent="0.3">
      <c r="A86327" s="13" t="s">
        <v>433</v>
      </c>
      <c r="B86327" s="14" t="s">
        <v>1</v>
      </c>
      <c r="C86327" s="14" t="s">
        <v>137</v>
      </c>
      <c r="D86327" s="14" t="s">
        <v>434</v>
      </c>
      <c r="E86327" s="15">
        <v>45563</v>
      </c>
      <c r="F86327" s="14" t="s">
        <v>61</v>
      </c>
      <c r="G86327" s="16">
        <v>3.3550669482741524</v>
      </c>
    </row>
    <row r="86328" spans="1:7" x14ac:dyDescent="0.3">
      <c r="A86328" s="13" t="s">
        <v>433</v>
      </c>
      <c r="B86328" s="14" t="s">
        <v>1</v>
      </c>
      <c r="C86328" s="14" t="s">
        <v>137</v>
      </c>
      <c r="D86328" s="14" t="s">
        <v>434</v>
      </c>
      <c r="E86328" s="15">
        <v>45564</v>
      </c>
      <c r="F86328" s="14" t="s">
        <v>61</v>
      </c>
      <c r="G86328" s="16">
        <v>3.3550669482741524</v>
      </c>
    </row>
    <row r="86329" spans="1:7" x14ac:dyDescent="0.3">
      <c r="A86329" s="13" t="s">
        <v>433</v>
      </c>
      <c r="B86329" s="14" t="s">
        <v>1</v>
      </c>
      <c r="C86329" s="14" t="s">
        <v>137</v>
      </c>
      <c r="D86329" s="14" t="s">
        <v>434</v>
      </c>
      <c r="E86329" s="15">
        <v>45565</v>
      </c>
      <c r="F86329" s="14" t="s">
        <v>61</v>
      </c>
      <c r="G86329" s="16">
        <v>3.3831323077803597</v>
      </c>
    </row>
    <row r="86330" spans="1:7" x14ac:dyDescent="0.3">
      <c r="A86330" s="13" t="s">
        <v>433</v>
      </c>
      <c r="B86330" s="14" t="s">
        <v>1</v>
      </c>
      <c r="C86330" s="14" t="s">
        <v>137</v>
      </c>
      <c r="D86330" s="14" t="s">
        <v>434</v>
      </c>
      <c r="E86330" s="15">
        <v>45566</v>
      </c>
      <c r="F86330" s="14" t="s">
        <v>61</v>
      </c>
      <c r="G86330" s="16">
        <v>3.4617363860289938</v>
      </c>
    </row>
    <row r="86331" spans="1:7" x14ac:dyDescent="0.3">
      <c r="A86331" s="13" t="s">
        <v>433</v>
      </c>
      <c r="B86331" s="14" t="s">
        <v>1</v>
      </c>
      <c r="C86331" s="14" t="s">
        <v>137</v>
      </c>
      <c r="D86331" s="14" t="s">
        <v>434</v>
      </c>
      <c r="E86331" s="15">
        <v>45567</v>
      </c>
      <c r="F86331" s="14" t="s">
        <v>61</v>
      </c>
      <c r="G86331" s="16">
        <v>3.488552135655584</v>
      </c>
    </row>
    <row r="86332" spans="1:7" x14ac:dyDescent="0.3">
      <c r="A86332" s="13" t="s">
        <v>433</v>
      </c>
      <c r="B86332" s="14" t="s">
        <v>1</v>
      </c>
      <c r="C86332" s="14" t="s">
        <v>137</v>
      </c>
      <c r="D86332" s="14" t="s">
        <v>434</v>
      </c>
      <c r="E86332" s="15">
        <v>45568</v>
      </c>
      <c r="F86332" s="14" t="s">
        <v>61</v>
      </c>
      <c r="G86332" s="16">
        <v>3.5124058186378107</v>
      </c>
    </row>
    <row r="86333" spans="1:7" x14ac:dyDescent="0.3">
      <c r="A86333" s="13" t="s">
        <v>433</v>
      </c>
      <c r="B86333" s="14" t="s">
        <v>1</v>
      </c>
      <c r="C86333" s="14" t="s">
        <v>137</v>
      </c>
      <c r="D86333" s="14" t="s">
        <v>434</v>
      </c>
      <c r="E86333" s="15">
        <v>45569</v>
      </c>
      <c r="F86333" s="14" t="s">
        <v>61</v>
      </c>
      <c r="G86333" s="16">
        <v>3.5470882623689914</v>
      </c>
    </row>
    <row r="86334" spans="1:7" x14ac:dyDescent="0.3">
      <c r="A86334" s="13" t="s">
        <v>433</v>
      </c>
      <c r="B86334" s="14" t="s">
        <v>1</v>
      </c>
      <c r="C86334" s="14" t="s">
        <v>137</v>
      </c>
      <c r="D86334" s="14" t="s">
        <v>434</v>
      </c>
      <c r="E86334" s="15">
        <v>45570</v>
      </c>
      <c r="F86334" s="14" t="s">
        <v>61</v>
      </c>
      <c r="G86334" s="16">
        <v>3.5470882623689914</v>
      </c>
    </row>
    <row r="86335" spans="1:7" x14ac:dyDescent="0.3">
      <c r="A86335" s="13" t="s">
        <v>433</v>
      </c>
      <c r="B86335" s="14" t="s">
        <v>1</v>
      </c>
      <c r="C86335" s="14" t="s">
        <v>137</v>
      </c>
      <c r="D86335" s="14" t="s">
        <v>434</v>
      </c>
      <c r="E86335" s="15">
        <v>45571</v>
      </c>
      <c r="F86335" s="14" t="s">
        <v>61</v>
      </c>
      <c r="G86335" s="16">
        <v>3.5470882623689914</v>
      </c>
    </row>
    <row r="86336" spans="1:7" x14ac:dyDescent="0.3">
      <c r="A86336" s="13" t="s">
        <v>433</v>
      </c>
      <c r="B86336" s="14" t="s">
        <v>1</v>
      </c>
      <c r="C86336" s="14" t="s">
        <v>137</v>
      </c>
      <c r="D86336" s="14" t="s">
        <v>434</v>
      </c>
      <c r="E86336" s="15">
        <v>45572</v>
      </c>
      <c r="F86336" s="14" t="s">
        <v>61</v>
      </c>
      <c r="G86336" s="16">
        <v>3.5711449470581633</v>
      </c>
    </row>
    <row r="86337" spans="1:7" x14ac:dyDescent="0.3">
      <c r="A86337" s="13" t="s">
        <v>433</v>
      </c>
      <c r="B86337" s="14" t="s">
        <v>1</v>
      </c>
      <c r="C86337" s="14" t="s">
        <v>137</v>
      </c>
      <c r="D86337" s="14" t="s">
        <v>434</v>
      </c>
      <c r="E86337" s="15">
        <v>45573</v>
      </c>
      <c r="F86337" s="14" t="s">
        <v>61</v>
      </c>
      <c r="G86337" s="16">
        <v>3.6278633692853539</v>
      </c>
    </row>
    <row r="86338" spans="1:7" x14ac:dyDescent="0.3">
      <c r="A86338" s="13" t="s">
        <v>433</v>
      </c>
      <c r="B86338" s="14" t="s">
        <v>1</v>
      </c>
      <c r="C86338" s="14" t="s">
        <v>137</v>
      </c>
      <c r="D86338" s="14" t="s">
        <v>434</v>
      </c>
      <c r="E86338" s="15">
        <v>45574</v>
      </c>
      <c r="F86338" s="14" t="s">
        <v>61</v>
      </c>
      <c r="G86338" s="16">
        <v>3.6680499493577412</v>
      </c>
    </row>
    <row r="86339" spans="1:7" x14ac:dyDescent="0.3">
      <c r="A86339" s="13" t="s">
        <v>433</v>
      </c>
      <c r="B86339" s="14" t="s">
        <v>1</v>
      </c>
      <c r="C86339" s="14" t="s">
        <v>137</v>
      </c>
      <c r="D86339" s="14" t="s">
        <v>434</v>
      </c>
      <c r="E86339" s="15">
        <v>45575</v>
      </c>
      <c r="F86339" s="14" t="s">
        <v>61</v>
      </c>
      <c r="G86339" s="16">
        <v>3.6888483074997427</v>
      </c>
    </row>
    <row r="86340" spans="1:7" x14ac:dyDescent="0.3">
      <c r="A86340" s="13" t="s">
        <v>433</v>
      </c>
      <c r="B86340" s="14" t="s">
        <v>1</v>
      </c>
      <c r="C86340" s="14" t="s">
        <v>137</v>
      </c>
      <c r="D86340" s="14" t="s">
        <v>434</v>
      </c>
      <c r="E86340" s="15">
        <v>45576</v>
      </c>
      <c r="F86340" s="14" t="s">
        <v>61</v>
      </c>
      <c r="G86340" s="16">
        <v>3.7079574286263939</v>
      </c>
    </row>
    <row r="86341" spans="1:7" x14ac:dyDescent="0.3">
      <c r="A86341" s="13" t="s">
        <v>433</v>
      </c>
      <c r="B86341" s="14" t="s">
        <v>1</v>
      </c>
      <c r="C86341" s="14" t="s">
        <v>137</v>
      </c>
      <c r="D86341" s="14" t="s">
        <v>434</v>
      </c>
      <c r="E86341" s="15">
        <v>45577</v>
      </c>
      <c r="F86341" s="14" t="s">
        <v>61</v>
      </c>
      <c r="G86341" s="16">
        <v>3.7079574286263939</v>
      </c>
    </row>
    <row r="86342" spans="1:7" x14ac:dyDescent="0.3">
      <c r="A86342" s="13" t="s">
        <v>433</v>
      </c>
      <c r="B86342" s="14" t="s">
        <v>1</v>
      </c>
      <c r="C86342" s="14" t="s">
        <v>137</v>
      </c>
      <c r="D86342" s="14" t="s">
        <v>434</v>
      </c>
      <c r="E86342" s="15">
        <v>45578</v>
      </c>
      <c r="F86342" s="14" t="s">
        <v>61</v>
      </c>
      <c r="G86342" s="16">
        <v>3.7079574286263939</v>
      </c>
    </row>
    <row r="86343" spans="1:7" x14ac:dyDescent="0.3">
      <c r="A86343" s="13" t="s">
        <v>433</v>
      </c>
      <c r="B86343" s="14" t="s">
        <v>1</v>
      </c>
      <c r="C86343" s="14" t="s">
        <v>137</v>
      </c>
      <c r="D86343" s="14" t="s">
        <v>434</v>
      </c>
      <c r="E86343" s="15">
        <v>45579</v>
      </c>
      <c r="F86343" s="14" t="s">
        <v>61</v>
      </c>
      <c r="G86343" s="16">
        <v>3.7372208427369498</v>
      </c>
    </row>
    <row r="86344" spans="1:7" x14ac:dyDescent="0.3">
      <c r="A86344" s="13" t="s">
        <v>433</v>
      </c>
      <c r="B86344" s="14" t="s">
        <v>1</v>
      </c>
      <c r="C86344" s="14" t="s">
        <v>137</v>
      </c>
      <c r="D86344" s="14" t="s">
        <v>434</v>
      </c>
      <c r="E86344" s="15">
        <v>45580</v>
      </c>
      <c r="F86344" s="14" t="s">
        <v>61</v>
      </c>
      <c r="G86344" s="16">
        <v>3.8019127256376648</v>
      </c>
    </row>
    <row r="86345" spans="1:7" x14ac:dyDescent="0.3">
      <c r="A86345" s="13" t="s">
        <v>433</v>
      </c>
      <c r="B86345" s="14" t="s">
        <v>1</v>
      </c>
      <c r="C86345" s="14" t="s">
        <v>137</v>
      </c>
      <c r="D86345" s="14" t="s">
        <v>434</v>
      </c>
      <c r="E86345" s="15">
        <v>45581</v>
      </c>
      <c r="F86345" s="14" t="s">
        <v>61</v>
      </c>
      <c r="G86345" s="16">
        <v>3.8318312755072421</v>
      </c>
    </row>
    <row r="86346" spans="1:7" x14ac:dyDescent="0.3">
      <c r="A86346" s="13" t="s">
        <v>433</v>
      </c>
      <c r="B86346" s="14" t="s">
        <v>1</v>
      </c>
      <c r="C86346" s="14" t="s">
        <v>137</v>
      </c>
      <c r="D86346" s="14" t="s">
        <v>434</v>
      </c>
      <c r="E86346" s="15">
        <v>45582</v>
      </c>
      <c r="F86346" s="14" t="s">
        <v>61</v>
      </c>
      <c r="G86346" s="16">
        <v>3.8633758110905116</v>
      </c>
    </row>
    <row r="86347" spans="1:7" x14ac:dyDescent="0.3">
      <c r="A86347" s="13" t="s">
        <v>433</v>
      </c>
      <c r="B86347" s="14" t="s">
        <v>1</v>
      </c>
      <c r="C86347" s="14" t="s">
        <v>137</v>
      </c>
      <c r="D86347" s="14" t="s">
        <v>434</v>
      </c>
      <c r="E86347" s="15">
        <v>45583</v>
      </c>
      <c r="F86347" s="14" t="s">
        <v>61</v>
      </c>
      <c r="G86347" s="16">
        <v>3.870248504321248</v>
      </c>
    </row>
    <row r="86348" spans="1:7" x14ac:dyDescent="0.3">
      <c r="A86348" s="13" t="s">
        <v>433</v>
      </c>
      <c r="B86348" s="14" t="s">
        <v>1</v>
      </c>
      <c r="C86348" s="14" t="s">
        <v>137</v>
      </c>
      <c r="D86348" s="14" t="s">
        <v>434</v>
      </c>
      <c r="E86348" s="15">
        <v>45584</v>
      </c>
      <c r="F86348" s="14" t="s">
        <v>61</v>
      </c>
      <c r="G86348" s="16">
        <v>3.870248504321248</v>
      </c>
    </row>
    <row r="86349" spans="1:7" x14ac:dyDescent="0.3">
      <c r="A86349" s="13" t="s">
        <v>433</v>
      </c>
      <c r="B86349" s="14" t="s">
        <v>1</v>
      </c>
      <c r="C86349" s="14" t="s">
        <v>137</v>
      </c>
      <c r="D86349" s="14" t="s">
        <v>434</v>
      </c>
      <c r="E86349" s="15">
        <v>45585</v>
      </c>
      <c r="F86349" s="14" t="s">
        <v>61</v>
      </c>
      <c r="G86349" s="16">
        <v>3.870248504321248</v>
      </c>
    </row>
    <row r="86350" spans="1:7" x14ac:dyDescent="0.3">
      <c r="A86350" s="13" t="s">
        <v>433</v>
      </c>
      <c r="B86350" s="14" t="s">
        <v>1</v>
      </c>
      <c r="C86350" s="14" t="s">
        <v>137</v>
      </c>
      <c r="D86350" s="14" t="s">
        <v>434</v>
      </c>
      <c r="E86350" s="15">
        <v>45586</v>
      </c>
      <c r="F86350" s="14" t="s">
        <v>61</v>
      </c>
      <c r="G86350" s="16">
        <v>3.9095719318809321</v>
      </c>
    </row>
    <row r="86351" spans="1:7" x14ac:dyDescent="0.3">
      <c r="A86351" s="13" t="s">
        <v>433</v>
      </c>
      <c r="B86351" s="14" t="s">
        <v>1</v>
      </c>
      <c r="C86351" s="14" t="s">
        <v>137</v>
      </c>
      <c r="D86351" s="14" t="s">
        <v>434</v>
      </c>
      <c r="E86351" s="15">
        <v>45587</v>
      </c>
      <c r="F86351" s="14" t="s">
        <v>61</v>
      </c>
      <c r="G86351" s="16">
        <v>3.9742405028325987</v>
      </c>
    </row>
    <row r="86352" spans="1:7" x14ac:dyDescent="0.3">
      <c r="A86352" s="13" t="s">
        <v>433</v>
      </c>
      <c r="B86352" s="14" t="s">
        <v>1</v>
      </c>
      <c r="C86352" s="14" t="s">
        <v>137</v>
      </c>
      <c r="D86352" s="14" t="s">
        <v>434</v>
      </c>
      <c r="E86352" s="15">
        <v>45588</v>
      </c>
      <c r="F86352" s="14" t="s">
        <v>61</v>
      </c>
      <c r="G86352" s="16">
        <v>4.0049981510134645</v>
      </c>
    </row>
    <row r="86353" spans="1:7" x14ac:dyDescent="0.3">
      <c r="A86353" s="13" t="s">
        <v>433</v>
      </c>
      <c r="B86353" s="14" t="s">
        <v>1</v>
      </c>
      <c r="C86353" s="14" t="s">
        <v>137</v>
      </c>
      <c r="D86353" s="14" t="s">
        <v>434</v>
      </c>
      <c r="E86353" s="15">
        <v>45589</v>
      </c>
      <c r="F86353" s="14" t="s">
        <v>61</v>
      </c>
      <c r="G86353" s="16">
        <v>4.0087219997323222</v>
      </c>
    </row>
    <row r="86354" spans="1:7" x14ac:dyDescent="0.3">
      <c r="A86354" s="13" t="s">
        <v>433</v>
      </c>
      <c r="B86354" s="14" t="s">
        <v>1</v>
      </c>
      <c r="C86354" s="14" t="s">
        <v>137</v>
      </c>
      <c r="D86354" s="14" t="s">
        <v>434</v>
      </c>
      <c r="E86354" s="15">
        <v>45590</v>
      </c>
      <c r="F86354" s="14" t="s">
        <v>61</v>
      </c>
      <c r="G86354" s="16">
        <v>4.0399395538260352</v>
      </c>
    </row>
    <row r="86355" spans="1:7" x14ac:dyDescent="0.3">
      <c r="A86355" s="13" t="s">
        <v>433</v>
      </c>
      <c r="B86355" s="14" t="s">
        <v>1</v>
      </c>
      <c r="C86355" s="14" t="s">
        <v>137</v>
      </c>
      <c r="D86355" s="14" t="s">
        <v>434</v>
      </c>
      <c r="E86355" s="15">
        <v>45591</v>
      </c>
      <c r="F86355" s="14" t="s">
        <v>61</v>
      </c>
      <c r="G86355" s="16">
        <v>4.0399395538260352</v>
      </c>
    </row>
    <row r="86356" spans="1:7" x14ac:dyDescent="0.3">
      <c r="A86356" s="13" t="s">
        <v>433</v>
      </c>
      <c r="B86356" s="14" t="s">
        <v>1</v>
      </c>
      <c r="C86356" s="14" t="s">
        <v>137</v>
      </c>
      <c r="D86356" s="14" t="s">
        <v>434</v>
      </c>
      <c r="E86356" s="15">
        <v>45592</v>
      </c>
      <c r="F86356" s="14" t="s">
        <v>61</v>
      </c>
      <c r="G86356" s="16">
        <v>4.0399395538260352</v>
      </c>
    </row>
    <row r="86357" spans="1:7" x14ac:dyDescent="0.3">
      <c r="A86357" s="13" t="s">
        <v>433</v>
      </c>
      <c r="B86357" s="14" t="s">
        <v>1</v>
      </c>
      <c r="C86357" s="14" t="s">
        <v>137</v>
      </c>
      <c r="D86357" s="14" t="s">
        <v>434</v>
      </c>
      <c r="E86357" s="15">
        <v>45593</v>
      </c>
      <c r="F86357" s="14" t="s">
        <v>61</v>
      </c>
      <c r="G86357" s="16">
        <v>4.0399395538260352</v>
      </c>
    </row>
    <row r="86358" spans="1:7" x14ac:dyDescent="0.3">
      <c r="A86358" s="13" t="s">
        <v>433</v>
      </c>
      <c r="B86358" s="14" t="s">
        <v>1</v>
      </c>
      <c r="C86358" s="14" t="s">
        <v>137</v>
      </c>
      <c r="D86358" s="14" t="s">
        <v>434</v>
      </c>
      <c r="E86358" s="15">
        <v>45594</v>
      </c>
      <c r="F86358" s="14" t="s">
        <v>61</v>
      </c>
      <c r="G86358" s="16">
        <v>4.0518778470307755</v>
      </c>
    </row>
    <row r="86359" spans="1:7" x14ac:dyDescent="0.3">
      <c r="A86359" s="13" t="s">
        <v>433</v>
      </c>
      <c r="B86359" s="14" t="s">
        <v>1</v>
      </c>
      <c r="C86359" s="14" t="s">
        <v>137</v>
      </c>
      <c r="D86359" s="14" t="s">
        <v>434</v>
      </c>
      <c r="E86359" s="15">
        <v>45595</v>
      </c>
      <c r="F86359" s="14" t="s">
        <v>61</v>
      </c>
      <c r="G86359" s="16">
        <v>4.1172569149987401</v>
      </c>
    </row>
    <row r="86360" spans="1:7" x14ac:dyDescent="0.3">
      <c r="A86360" s="13" t="s">
        <v>433</v>
      </c>
      <c r="B86360" s="14" t="s">
        <v>1</v>
      </c>
      <c r="C86360" s="14" t="s">
        <v>137</v>
      </c>
      <c r="D86360" s="14" t="s">
        <v>434</v>
      </c>
      <c r="E86360" s="15">
        <v>45596</v>
      </c>
      <c r="F86360" s="14" t="s">
        <v>61</v>
      </c>
      <c r="G86360" s="16">
        <v>4.1265991695310937</v>
      </c>
    </row>
    <row r="86361" spans="1:7" x14ac:dyDescent="0.3">
      <c r="A86361" s="13" t="s">
        <v>433</v>
      </c>
      <c r="B86361" s="14" t="s">
        <v>1</v>
      </c>
      <c r="C86361" s="14" t="s">
        <v>137</v>
      </c>
      <c r="D86361" s="14" t="s">
        <v>434</v>
      </c>
      <c r="E86361" s="15">
        <v>45597</v>
      </c>
      <c r="F86361" s="14" t="s">
        <v>61</v>
      </c>
      <c r="G86361" s="16">
        <v>4.1639347699556604</v>
      </c>
    </row>
    <row r="86362" spans="1:7" x14ac:dyDescent="0.3">
      <c r="A86362" s="13" t="s">
        <v>433</v>
      </c>
      <c r="B86362" s="14" t="s">
        <v>1</v>
      </c>
      <c r="C86362" s="14" t="s">
        <v>137</v>
      </c>
      <c r="D86362" s="14" t="s">
        <v>434</v>
      </c>
      <c r="E86362" s="15">
        <v>45598</v>
      </c>
      <c r="F86362" s="14" t="s">
        <v>61</v>
      </c>
      <c r="G86362" s="16">
        <v>4.1639347699556604</v>
      </c>
    </row>
    <row r="86363" spans="1:7" x14ac:dyDescent="0.3">
      <c r="A86363" s="13" t="s">
        <v>433</v>
      </c>
      <c r="B86363" s="14" t="s">
        <v>1</v>
      </c>
      <c r="C86363" s="14" t="s">
        <v>137</v>
      </c>
      <c r="D86363" s="14" t="s">
        <v>434</v>
      </c>
      <c r="E86363" s="15">
        <v>45599</v>
      </c>
      <c r="F86363" s="14" t="s">
        <v>61</v>
      </c>
      <c r="G86363" s="16">
        <v>4.1639347699556604</v>
      </c>
    </row>
    <row r="86364" spans="1:7" x14ac:dyDescent="0.3">
      <c r="A86364" s="13" t="s">
        <v>433</v>
      </c>
      <c r="B86364" s="14" t="s">
        <v>1</v>
      </c>
      <c r="C86364" s="14" t="s">
        <v>137</v>
      </c>
      <c r="D86364" s="14" t="s">
        <v>434</v>
      </c>
      <c r="E86364" s="15">
        <v>45600</v>
      </c>
      <c r="F86364" s="14" t="s">
        <v>61</v>
      </c>
      <c r="G86364" s="16">
        <v>4.151447122917495</v>
      </c>
    </row>
    <row r="86365" spans="1:7" x14ac:dyDescent="0.3">
      <c r="A86365" s="13" t="s">
        <v>433</v>
      </c>
      <c r="B86365" s="14" t="s">
        <v>1</v>
      </c>
      <c r="C86365" s="14" t="s">
        <v>137</v>
      </c>
      <c r="D86365" s="14" t="s">
        <v>434</v>
      </c>
      <c r="E86365" s="15">
        <v>45601</v>
      </c>
      <c r="F86365" s="14" t="s">
        <v>61</v>
      </c>
      <c r="G86365" s="16">
        <v>4.189342980734482</v>
      </c>
    </row>
    <row r="86366" spans="1:7" x14ac:dyDescent="0.3">
      <c r="A86366" s="13" t="s">
        <v>433</v>
      </c>
      <c r="B86366" s="14" t="s">
        <v>1</v>
      </c>
      <c r="C86366" s="14" t="s">
        <v>137</v>
      </c>
      <c r="D86366" s="14" t="s">
        <v>434</v>
      </c>
      <c r="E86366" s="15">
        <v>45602</v>
      </c>
      <c r="F86366" s="14" t="s">
        <v>61</v>
      </c>
      <c r="G86366" s="16">
        <v>4.2885665929090191</v>
      </c>
    </row>
    <row r="86367" spans="1:7" x14ac:dyDescent="0.3">
      <c r="A86367" s="13" t="s">
        <v>433</v>
      </c>
      <c r="B86367" s="14" t="s">
        <v>1</v>
      </c>
      <c r="C86367" s="14" t="s">
        <v>137</v>
      </c>
      <c r="D86367" s="14" t="s">
        <v>434</v>
      </c>
      <c r="E86367" s="15">
        <v>45603</v>
      </c>
      <c r="F86367" s="14" t="s">
        <v>61</v>
      </c>
      <c r="G86367" s="16">
        <v>4.2779759643577835</v>
      </c>
    </row>
    <row r="86368" spans="1:7" x14ac:dyDescent="0.3">
      <c r="A86368" s="13" t="s">
        <v>433</v>
      </c>
      <c r="B86368" s="14" t="s">
        <v>1</v>
      </c>
      <c r="C86368" s="14" t="s">
        <v>137</v>
      </c>
      <c r="D86368" s="14" t="s">
        <v>434</v>
      </c>
      <c r="E86368" s="15">
        <v>45604</v>
      </c>
      <c r="F86368" s="14" t="s">
        <v>61</v>
      </c>
      <c r="G86368" s="16">
        <v>4.3317959774556636</v>
      </c>
    </row>
    <row r="86369" spans="1:7" x14ac:dyDescent="0.3">
      <c r="A86369" s="13" t="s">
        <v>433</v>
      </c>
      <c r="B86369" s="14" t="s">
        <v>1</v>
      </c>
      <c r="C86369" s="14" t="s">
        <v>137</v>
      </c>
      <c r="D86369" s="14" t="s">
        <v>434</v>
      </c>
      <c r="E86369" s="15">
        <v>45605</v>
      </c>
      <c r="F86369" s="14" t="s">
        <v>61</v>
      </c>
      <c r="G86369" s="16">
        <v>4.3317959774556636</v>
      </c>
    </row>
    <row r="86370" spans="1:7" x14ac:dyDescent="0.3">
      <c r="A86370" s="13" t="s">
        <v>433</v>
      </c>
      <c r="B86370" s="14" t="s">
        <v>1</v>
      </c>
      <c r="C86370" s="14" t="s">
        <v>137</v>
      </c>
      <c r="D86370" s="14" t="s">
        <v>434</v>
      </c>
      <c r="E86370" s="15">
        <v>45606</v>
      </c>
      <c r="F86370" s="14" t="s">
        <v>61</v>
      </c>
      <c r="G86370" s="16">
        <v>4.3317959774556636</v>
      </c>
    </row>
    <row r="86371" spans="1:7" x14ac:dyDescent="0.3">
      <c r="A86371" s="13" t="s">
        <v>433</v>
      </c>
      <c r="B86371" s="14" t="s">
        <v>1</v>
      </c>
      <c r="C86371" s="14" t="s">
        <v>137</v>
      </c>
      <c r="D86371" s="14" t="s">
        <v>434</v>
      </c>
      <c r="E86371" s="15">
        <v>45607</v>
      </c>
      <c r="F86371" s="14" t="s">
        <v>61</v>
      </c>
      <c r="G86371" s="16">
        <v>4.3766678691168277</v>
      </c>
    </row>
    <row r="86372" spans="1:7" x14ac:dyDescent="0.3">
      <c r="A86372" s="13" t="s">
        <v>433</v>
      </c>
      <c r="B86372" s="14" t="s">
        <v>1</v>
      </c>
      <c r="C86372" s="14" t="s">
        <v>137</v>
      </c>
      <c r="D86372" s="14" t="s">
        <v>434</v>
      </c>
      <c r="E86372" s="15">
        <v>45608</v>
      </c>
      <c r="F86372" s="14" t="s">
        <v>61</v>
      </c>
      <c r="G86372" s="16">
        <v>4.4499704990471489</v>
      </c>
    </row>
    <row r="86373" spans="1:7" x14ac:dyDescent="0.3">
      <c r="A86373" s="13" t="s">
        <v>433</v>
      </c>
      <c r="B86373" s="14" t="s">
        <v>1</v>
      </c>
      <c r="C86373" s="14" t="s">
        <v>137</v>
      </c>
      <c r="D86373" s="14" t="s">
        <v>434</v>
      </c>
      <c r="E86373" s="15">
        <v>45609</v>
      </c>
      <c r="F86373" s="14" t="s">
        <v>61</v>
      </c>
      <c r="G86373" s="16">
        <v>4.5000664180588172</v>
      </c>
    </row>
    <row r="86374" spans="1:7" x14ac:dyDescent="0.3">
      <c r="A86374" s="13" t="s">
        <v>433</v>
      </c>
      <c r="B86374" s="14" t="s">
        <v>1</v>
      </c>
      <c r="C86374" s="14" t="s">
        <v>137</v>
      </c>
      <c r="D86374" s="14" t="s">
        <v>434</v>
      </c>
      <c r="E86374" s="15">
        <v>45610</v>
      </c>
      <c r="F86374" s="14" t="s">
        <v>61</v>
      </c>
      <c r="G86374" s="16">
        <v>4.5347567073637407</v>
      </c>
    </row>
    <row r="86375" spans="1:7" x14ac:dyDescent="0.3">
      <c r="A86375" s="13" t="s">
        <v>433</v>
      </c>
      <c r="B86375" s="14" t="s">
        <v>1</v>
      </c>
      <c r="C86375" s="14" t="s">
        <v>137</v>
      </c>
      <c r="D86375" s="14" t="s">
        <v>434</v>
      </c>
      <c r="E86375" s="15">
        <v>45611</v>
      </c>
      <c r="F86375" s="14" t="s">
        <v>61</v>
      </c>
      <c r="G86375" s="16">
        <v>4.5497991652682153</v>
      </c>
    </row>
    <row r="86376" spans="1:7" x14ac:dyDescent="0.3">
      <c r="A86376" s="13" t="s">
        <v>433</v>
      </c>
      <c r="B86376" s="14" t="s">
        <v>1</v>
      </c>
      <c r="C86376" s="14" t="s">
        <v>137</v>
      </c>
      <c r="D86376" s="14" t="s">
        <v>434</v>
      </c>
      <c r="E86376" s="15">
        <v>45612</v>
      </c>
      <c r="F86376" s="14" t="s">
        <v>61</v>
      </c>
      <c r="G86376" s="16">
        <v>4.5497991652682153</v>
      </c>
    </row>
    <row r="86377" spans="1:7" x14ac:dyDescent="0.3">
      <c r="A86377" s="13" t="s">
        <v>433</v>
      </c>
      <c r="B86377" s="14" t="s">
        <v>1</v>
      </c>
      <c r="C86377" s="14" t="s">
        <v>137</v>
      </c>
      <c r="D86377" s="14" t="s">
        <v>434</v>
      </c>
      <c r="E86377" s="15">
        <v>45613</v>
      </c>
      <c r="F86377" s="14" t="s">
        <v>61</v>
      </c>
      <c r="G86377" s="16">
        <v>4.5497991652682153</v>
      </c>
    </row>
    <row r="86378" spans="1:7" x14ac:dyDescent="0.3">
      <c r="A86378" s="13" t="s">
        <v>433</v>
      </c>
      <c r="B86378" s="14" t="s">
        <v>1</v>
      </c>
      <c r="C86378" s="14" t="s">
        <v>137</v>
      </c>
      <c r="D86378" s="14" t="s">
        <v>434</v>
      </c>
      <c r="E86378" s="15">
        <v>45614</v>
      </c>
      <c r="F86378" s="14" t="s">
        <v>61</v>
      </c>
      <c r="G86378" s="16">
        <v>4.54410233299543</v>
      </c>
    </row>
    <row r="86379" spans="1:7" x14ac:dyDescent="0.3">
      <c r="A86379" s="13" t="s">
        <v>433</v>
      </c>
      <c r="B86379" s="14" t="s">
        <v>1</v>
      </c>
      <c r="C86379" s="14" t="s">
        <v>137</v>
      </c>
      <c r="D86379" s="14" t="s">
        <v>434</v>
      </c>
      <c r="E86379" s="15">
        <v>45615</v>
      </c>
      <c r="F86379" s="14" t="s">
        <v>61</v>
      </c>
      <c r="G86379" s="16">
        <v>4.6051127108269236</v>
      </c>
    </row>
    <row r="86380" spans="1:7" x14ac:dyDescent="0.3">
      <c r="A86380" s="13" t="s">
        <v>433</v>
      </c>
      <c r="B86380" s="14" t="s">
        <v>1</v>
      </c>
      <c r="C86380" s="14" t="s">
        <v>137</v>
      </c>
      <c r="D86380" s="14" t="s">
        <v>434</v>
      </c>
      <c r="E86380" s="15">
        <v>45616</v>
      </c>
      <c r="F86380" s="14" t="s">
        <v>61</v>
      </c>
      <c r="G86380" s="16">
        <v>4.6474164330808438</v>
      </c>
    </row>
    <row r="86381" spans="1:7" x14ac:dyDescent="0.3">
      <c r="A86381" s="13" t="s">
        <v>433</v>
      </c>
      <c r="B86381" s="14" t="s">
        <v>1</v>
      </c>
      <c r="C86381" s="14" t="s">
        <v>137</v>
      </c>
      <c r="D86381" s="14" t="s">
        <v>434</v>
      </c>
      <c r="E86381" s="15">
        <v>45617</v>
      </c>
      <c r="F86381" s="14" t="s">
        <v>61</v>
      </c>
      <c r="G86381" s="16">
        <v>4.7002791063100675</v>
      </c>
    </row>
    <row r="86382" spans="1:7" x14ac:dyDescent="0.3">
      <c r="A86382" s="13" t="s">
        <v>433</v>
      </c>
      <c r="B86382" s="14" t="s">
        <v>1</v>
      </c>
      <c r="C86382" s="14" t="s">
        <v>137</v>
      </c>
      <c r="D86382" s="14" t="s">
        <v>434</v>
      </c>
      <c r="E86382" s="15">
        <v>45618</v>
      </c>
      <c r="F86382" s="14" t="s">
        <v>61</v>
      </c>
      <c r="G86382" s="16">
        <v>4.7445213667341637</v>
      </c>
    </row>
    <row r="86383" spans="1:7" x14ac:dyDescent="0.3">
      <c r="A86383" s="13" t="s">
        <v>433</v>
      </c>
      <c r="B86383" s="14" t="s">
        <v>1</v>
      </c>
      <c r="C86383" s="14" t="s">
        <v>137</v>
      </c>
      <c r="D86383" s="14" t="s">
        <v>434</v>
      </c>
      <c r="E86383" s="15">
        <v>45619</v>
      </c>
      <c r="F86383" s="14" t="s">
        <v>61</v>
      </c>
      <c r="G86383" s="16">
        <v>4.7445213667341637</v>
      </c>
    </row>
    <row r="86384" spans="1:7" x14ac:dyDescent="0.3">
      <c r="A86384" s="13" t="s">
        <v>433</v>
      </c>
      <c r="B86384" s="14" t="s">
        <v>1</v>
      </c>
      <c r="C86384" s="14" t="s">
        <v>137</v>
      </c>
      <c r="D86384" s="14" t="s">
        <v>434</v>
      </c>
      <c r="E86384" s="15">
        <v>45620</v>
      </c>
      <c r="F86384" s="14" t="s">
        <v>61</v>
      </c>
      <c r="G86384" s="16">
        <v>4.7445213667341637</v>
      </c>
    </row>
    <row r="86385" spans="1:7" x14ac:dyDescent="0.3">
      <c r="A86385" s="13" t="s">
        <v>433</v>
      </c>
      <c r="B86385" s="14" t="s">
        <v>1</v>
      </c>
      <c r="C86385" s="14" t="s">
        <v>137</v>
      </c>
      <c r="D86385" s="14" t="s">
        <v>434</v>
      </c>
      <c r="E86385" s="15">
        <v>45621</v>
      </c>
      <c r="F86385" s="14" t="s">
        <v>61</v>
      </c>
      <c r="G86385" s="16">
        <v>4.7310796428609869</v>
      </c>
    </row>
    <row r="86386" spans="1:7" x14ac:dyDescent="0.3">
      <c r="A86386" s="13" t="s">
        <v>433</v>
      </c>
      <c r="B86386" s="14" t="s">
        <v>1</v>
      </c>
      <c r="C86386" s="14" t="s">
        <v>137</v>
      </c>
      <c r="D86386" s="14" t="s">
        <v>434</v>
      </c>
      <c r="E86386" s="15">
        <v>45622</v>
      </c>
      <c r="F86386" s="14" t="s">
        <v>61</v>
      </c>
      <c r="G86386" s="16">
        <v>4.7915654274771802</v>
      </c>
    </row>
    <row r="86387" spans="1:7" x14ac:dyDescent="0.3">
      <c r="A86387" s="13" t="s">
        <v>433</v>
      </c>
      <c r="B86387" s="14" t="s">
        <v>1</v>
      </c>
      <c r="C86387" s="14" t="s">
        <v>137</v>
      </c>
      <c r="D86387" s="14" t="s">
        <v>434</v>
      </c>
      <c r="E86387" s="15">
        <v>45623</v>
      </c>
      <c r="F86387" s="14" t="s">
        <v>61</v>
      </c>
      <c r="G86387" s="16">
        <v>4.8090367412647472</v>
      </c>
    </row>
    <row r="86388" spans="1:7" x14ac:dyDescent="0.3">
      <c r="A86388" s="13" t="s">
        <v>433</v>
      </c>
      <c r="B86388" s="14" t="s">
        <v>1</v>
      </c>
      <c r="C86388" s="14" t="s">
        <v>137</v>
      </c>
      <c r="D86388" s="14" t="s">
        <v>434</v>
      </c>
      <c r="E86388" s="15">
        <v>45624</v>
      </c>
      <c r="F86388" s="14" t="s">
        <v>61</v>
      </c>
      <c r="G86388" s="16">
        <v>4.8328418057832812</v>
      </c>
    </row>
    <row r="86389" spans="1:7" x14ac:dyDescent="0.3">
      <c r="A86389" s="13" t="s">
        <v>433</v>
      </c>
      <c r="B86389" s="14" t="s">
        <v>1</v>
      </c>
      <c r="C86389" s="14" t="s">
        <v>137</v>
      </c>
      <c r="D86389" s="14" t="s">
        <v>434</v>
      </c>
      <c r="E86389" s="15">
        <v>45625</v>
      </c>
      <c r="F86389" s="14" t="s">
        <v>61</v>
      </c>
      <c r="G86389" s="16">
        <v>4.8428487215458178</v>
      </c>
    </row>
    <row r="86390" spans="1:7" x14ac:dyDescent="0.3">
      <c r="A86390" s="13" t="s">
        <v>433</v>
      </c>
      <c r="B86390" s="14" t="s">
        <v>1</v>
      </c>
      <c r="C86390" s="14" t="s">
        <v>137</v>
      </c>
      <c r="D86390" s="14" t="s">
        <v>434</v>
      </c>
      <c r="E86390" s="15">
        <v>45626</v>
      </c>
      <c r="F86390" s="14" t="s">
        <v>61</v>
      </c>
      <c r="G86390" s="16">
        <v>4.8428487215458178</v>
      </c>
    </row>
    <row r="86391" spans="1:7" x14ac:dyDescent="0.3">
      <c r="A86391" s="13" t="s">
        <v>433</v>
      </c>
      <c r="B86391" s="14" t="s">
        <v>1</v>
      </c>
      <c r="C86391" s="14" t="s">
        <v>137</v>
      </c>
      <c r="D86391" s="14" t="s">
        <v>434</v>
      </c>
      <c r="E86391" s="15">
        <v>45627</v>
      </c>
      <c r="F86391" s="14" t="s">
        <v>61</v>
      </c>
      <c r="G86391" s="16">
        <v>4.8428487215458178</v>
      </c>
    </row>
    <row r="86392" spans="1:7" x14ac:dyDescent="0.3">
      <c r="A86392" s="13" t="s">
        <v>433</v>
      </c>
      <c r="B86392" s="14" t="s">
        <v>1</v>
      </c>
      <c r="C86392" s="14" t="s">
        <v>137</v>
      </c>
      <c r="D86392" s="14" t="s">
        <v>434</v>
      </c>
      <c r="E86392" s="15">
        <v>45628</v>
      </c>
      <c r="F86392" s="14" t="s">
        <v>61</v>
      </c>
      <c r="G86392" s="16">
        <v>4.8990848200910966</v>
      </c>
    </row>
    <row r="86393" spans="1:7" x14ac:dyDescent="0.3">
      <c r="A86393" s="13" t="s">
        <v>433</v>
      </c>
      <c r="B86393" s="14" t="s">
        <v>1</v>
      </c>
      <c r="C86393" s="14" t="s">
        <v>137</v>
      </c>
      <c r="D86393" s="14" t="s">
        <v>434</v>
      </c>
      <c r="E86393" s="15">
        <v>45629</v>
      </c>
      <c r="F86393" s="14" t="s">
        <v>61</v>
      </c>
      <c r="G86393" s="16">
        <v>4.9508653715434461</v>
      </c>
    </row>
    <row r="86394" spans="1:7" x14ac:dyDescent="0.3">
      <c r="A86394" s="13" t="s">
        <v>433</v>
      </c>
      <c r="B86394" s="14" t="s">
        <v>1</v>
      </c>
      <c r="C86394" s="14" t="s">
        <v>137</v>
      </c>
      <c r="D86394" s="14" t="s">
        <v>434</v>
      </c>
      <c r="E86394" s="15">
        <v>45630</v>
      </c>
      <c r="F86394" s="14" t="s">
        <v>61</v>
      </c>
      <c r="G86394" s="16">
        <v>4.9689390186682276</v>
      </c>
    </row>
    <row r="86395" spans="1:7" x14ac:dyDescent="0.3">
      <c r="A86395" s="13" t="s">
        <v>433</v>
      </c>
      <c r="B86395" s="14" t="s">
        <v>1</v>
      </c>
      <c r="C86395" s="14" t="s">
        <v>137</v>
      </c>
      <c r="D86395" s="14" t="s">
        <v>434</v>
      </c>
      <c r="E86395" s="15">
        <v>45631</v>
      </c>
      <c r="F86395" s="14" t="s">
        <v>61</v>
      </c>
      <c r="G86395" s="16">
        <v>4.9529041685310142</v>
      </c>
    </row>
    <row r="86396" spans="1:7" x14ac:dyDescent="0.3">
      <c r="A86396" s="13" t="s">
        <v>433</v>
      </c>
      <c r="B86396" s="14" t="s">
        <v>1</v>
      </c>
      <c r="C86396" s="14" t="s">
        <v>137</v>
      </c>
      <c r="D86396" s="14" t="s">
        <v>434</v>
      </c>
      <c r="E86396" s="15">
        <v>45632</v>
      </c>
      <c r="F86396" s="14" t="s">
        <v>61</v>
      </c>
      <c r="G86396" s="16">
        <v>4.9798761848817872</v>
      </c>
    </row>
    <row r="86397" spans="1:7" x14ac:dyDescent="0.3">
      <c r="A86397" s="13" t="s">
        <v>433</v>
      </c>
      <c r="B86397" s="14" t="s">
        <v>1</v>
      </c>
      <c r="C86397" s="14" t="s">
        <v>137</v>
      </c>
      <c r="D86397" s="14" t="s">
        <v>434</v>
      </c>
      <c r="E86397" s="15">
        <v>45633</v>
      </c>
      <c r="F86397" s="14" t="s">
        <v>61</v>
      </c>
      <c r="G86397" s="16">
        <v>4.9798761848817872</v>
      </c>
    </row>
    <row r="86398" spans="1:7" x14ac:dyDescent="0.3">
      <c r="A86398" s="13" t="s">
        <v>433</v>
      </c>
      <c r="B86398" s="14" t="s">
        <v>1</v>
      </c>
      <c r="C86398" s="14" t="s">
        <v>137</v>
      </c>
      <c r="D86398" s="14" t="s">
        <v>434</v>
      </c>
      <c r="E86398" s="15">
        <v>45634</v>
      </c>
      <c r="F86398" s="14" t="s">
        <v>61</v>
      </c>
      <c r="G86398" s="16">
        <v>4.9798761848817872</v>
      </c>
    </row>
    <row r="86399" spans="1:7" x14ac:dyDescent="0.3">
      <c r="A86399" s="13" t="s">
        <v>433</v>
      </c>
      <c r="B86399" s="14" t="s">
        <v>1</v>
      </c>
      <c r="C86399" s="14" t="s">
        <v>137</v>
      </c>
      <c r="D86399" s="14" t="s">
        <v>434</v>
      </c>
      <c r="E86399" s="15">
        <v>45635</v>
      </c>
      <c r="F86399" s="14" t="s">
        <v>61</v>
      </c>
      <c r="G86399" s="16">
        <v>5.0113513310413591</v>
      </c>
    </row>
    <row r="86400" spans="1:7" x14ac:dyDescent="0.3">
      <c r="A86400" s="13" t="s">
        <v>433</v>
      </c>
      <c r="B86400" s="14" t="s">
        <v>1</v>
      </c>
      <c r="C86400" s="14" t="s">
        <v>137</v>
      </c>
      <c r="D86400" s="14" t="s">
        <v>434</v>
      </c>
      <c r="E86400" s="15">
        <v>45636</v>
      </c>
      <c r="F86400" s="14" t="s">
        <v>61</v>
      </c>
      <c r="G86400" s="16">
        <v>5.0812621976484591</v>
      </c>
    </row>
    <row r="86401" spans="1:7" x14ac:dyDescent="0.3">
      <c r="A86401" s="13" t="s">
        <v>433</v>
      </c>
      <c r="B86401" s="14" t="s">
        <v>1</v>
      </c>
      <c r="C86401" s="14" t="s">
        <v>137</v>
      </c>
      <c r="D86401" s="14" t="s">
        <v>434</v>
      </c>
      <c r="E86401" s="15">
        <v>45637</v>
      </c>
      <c r="F86401" s="14" t="s">
        <v>61</v>
      </c>
      <c r="G86401" s="16">
        <v>5.1159011069564571</v>
      </c>
    </row>
    <row r="86402" spans="1:7" x14ac:dyDescent="0.3">
      <c r="A86402" s="13" t="s">
        <v>433</v>
      </c>
      <c r="B86402" s="14" t="s">
        <v>1</v>
      </c>
      <c r="C86402" s="14" t="s">
        <v>137</v>
      </c>
      <c r="D86402" s="14" t="s">
        <v>434</v>
      </c>
      <c r="E86402" s="15">
        <v>45638</v>
      </c>
      <c r="F86402" s="14" t="s">
        <v>61</v>
      </c>
      <c r="G86402" s="16">
        <v>5.1489659690239149</v>
      </c>
    </row>
    <row r="86403" spans="1:7" x14ac:dyDescent="0.3">
      <c r="A86403" s="13" t="s">
        <v>433</v>
      </c>
      <c r="B86403" s="14" t="s">
        <v>1</v>
      </c>
      <c r="C86403" s="14" t="s">
        <v>137</v>
      </c>
      <c r="D86403" s="14" t="s">
        <v>434</v>
      </c>
      <c r="E86403" s="15">
        <v>45639</v>
      </c>
      <c r="F86403" s="14" t="s">
        <v>61</v>
      </c>
      <c r="G86403" s="16">
        <v>5.1514101680204067</v>
      </c>
    </row>
    <row r="86404" spans="1:7" x14ac:dyDescent="0.3">
      <c r="A86404" s="13" t="s">
        <v>433</v>
      </c>
      <c r="B86404" s="14" t="s">
        <v>1</v>
      </c>
      <c r="C86404" s="14" t="s">
        <v>137</v>
      </c>
      <c r="D86404" s="14" t="s">
        <v>434</v>
      </c>
      <c r="E86404" s="15">
        <v>45640</v>
      </c>
      <c r="F86404" s="14" t="s">
        <v>61</v>
      </c>
      <c r="G86404" s="16">
        <v>5.1514101680204067</v>
      </c>
    </row>
    <row r="86405" spans="1:7" x14ac:dyDescent="0.3">
      <c r="A86405" s="13" t="s">
        <v>433</v>
      </c>
      <c r="B86405" s="14" t="s">
        <v>1</v>
      </c>
      <c r="C86405" s="14" t="s">
        <v>137</v>
      </c>
      <c r="D86405" s="14" t="s">
        <v>434</v>
      </c>
      <c r="E86405" s="15">
        <v>45641</v>
      </c>
      <c r="F86405" s="14" t="s">
        <v>61</v>
      </c>
      <c r="G86405" s="16">
        <v>5.1514101680204067</v>
      </c>
    </row>
    <row r="86406" spans="1:7" x14ac:dyDescent="0.3">
      <c r="A86406" s="13" t="s">
        <v>433</v>
      </c>
      <c r="B86406" s="14" t="s">
        <v>1</v>
      </c>
      <c r="C86406" s="14" t="s">
        <v>137</v>
      </c>
      <c r="D86406" s="14" t="s">
        <v>434</v>
      </c>
      <c r="E86406" s="15">
        <v>45642</v>
      </c>
      <c r="F86406" s="14" t="s">
        <v>61</v>
      </c>
      <c r="G86406" s="16">
        <v>5.1650110318566522</v>
      </c>
    </row>
    <row r="86407" spans="1:7" x14ac:dyDescent="0.3">
      <c r="A86407" s="13" t="s">
        <v>433</v>
      </c>
      <c r="B86407" s="14" t="s">
        <v>1</v>
      </c>
      <c r="C86407" s="14" t="s">
        <v>137</v>
      </c>
      <c r="D86407" s="14" t="s">
        <v>434</v>
      </c>
      <c r="E86407" s="15">
        <v>45643</v>
      </c>
      <c r="F86407" s="14" t="s">
        <v>61</v>
      </c>
      <c r="G86407" s="16">
        <v>5.2327570322872248</v>
      </c>
    </row>
    <row r="86408" spans="1:7" x14ac:dyDescent="0.3">
      <c r="A86408" s="13" t="s">
        <v>433</v>
      </c>
      <c r="B86408" s="14" t="s">
        <v>1</v>
      </c>
      <c r="C86408" s="14" t="s">
        <v>137</v>
      </c>
      <c r="D86408" s="14" t="s">
        <v>434</v>
      </c>
      <c r="E86408" s="15">
        <v>45644</v>
      </c>
      <c r="F86408" s="14" t="s">
        <v>61</v>
      </c>
      <c r="G86408" s="16">
        <v>5.3229467988761874</v>
      </c>
    </row>
    <row r="86409" spans="1:7" x14ac:dyDescent="0.3">
      <c r="A86409" s="13" t="s">
        <v>433</v>
      </c>
      <c r="B86409" s="14" t="s">
        <v>1</v>
      </c>
      <c r="C86409" s="14" t="s">
        <v>137</v>
      </c>
      <c r="D86409" s="14" t="s">
        <v>434</v>
      </c>
      <c r="E86409" s="15">
        <v>45645</v>
      </c>
      <c r="F86409" s="14" t="s">
        <v>61</v>
      </c>
      <c r="G86409" s="16">
        <v>5.3378925579226468</v>
      </c>
    </row>
    <row r="86410" spans="1:7" x14ac:dyDescent="0.3">
      <c r="A86410" s="13" t="s">
        <v>433</v>
      </c>
      <c r="B86410" s="14" t="s">
        <v>1</v>
      </c>
      <c r="C86410" s="14" t="s">
        <v>137</v>
      </c>
      <c r="D86410" s="14" t="s">
        <v>434</v>
      </c>
      <c r="E86410" s="15">
        <v>45646</v>
      </c>
      <c r="F86410" s="14" t="s">
        <v>61</v>
      </c>
      <c r="G86410" s="16">
        <v>5.3231387603392699</v>
      </c>
    </row>
    <row r="86411" spans="1:7" x14ac:dyDescent="0.3">
      <c r="A86411" s="13" t="s">
        <v>433</v>
      </c>
      <c r="B86411" s="14" t="s">
        <v>1</v>
      </c>
      <c r="C86411" s="14" t="s">
        <v>137</v>
      </c>
      <c r="D86411" s="14" t="s">
        <v>434</v>
      </c>
      <c r="E86411" s="15">
        <v>45647</v>
      </c>
      <c r="F86411" s="14" t="s">
        <v>61</v>
      </c>
      <c r="G86411" s="16">
        <v>5.3231387603392699</v>
      </c>
    </row>
    <row r="86412" spans="1:7" x14ac:dyDescent="0.3">
      <c r="A86412" s="13" t="s">
        <v>433</v>
      </c>
      <c r="B86412" s="14" t="s">
        <v>1</v>
      </c>
      <c r="C86412" s="14" t="s">
        <v>137</v>
      </c>
      <c r="D86412" s="14" t="s">
        <v>434</v>
      </c>
      <c r="E86412" s="15">
        <v>45648</v>
      </c>
      <c r="F86412" s="14" t="s">
        <v>61</v>
      </c>
      <c r="G86412" s="16">
        <v>5.3231387603392699</v>
      </c>
    </row>
    <row r="86413" spans="1:7" x14ac:dyDescent="0.3">
      <c r="A86413" s="13" t="s">
        <v>433</v>
      </c>
      <c r="B86413" s="14" t="s">
        <v>1</v>
      </c>
      <c r="C86413" s="14" t="s">
        <v>137</v>
      </c>
      <c r="D86413" s="14" t="s">
        <v>434</v>
      </c>
      <c r="E86413" s="15">
        <v>45649</v>
      </c>
      <c r="F86413" s="14" t="s">
        <v>61</v>
      </c>
      <c r="G86413" s="16">
        <v>5.355079831041321</v>
      </c>
    </row>
    <row r="86414" spans="1:7" x14ac:dyDescent="0.3">
      <c r="A86414" s="13" t="s">
        <v>433</v>
      </c>
      <c r="B86414" s="14" t="s">
        <v>1</v>
      </c>
      <c r="C86414" s="14" t="s">
        <v>137</v>
      </c>
      <c r="D86414" s="14" t="s">
        <v>434</v>
      </c>
      <c r="E86414" s="15">
        <v>45650</v>
      </c>
      <c r="F86414" s="14" t="s">
        <v>61</v>
      </c>
      <c r="G86414" s="16">
        <v>5.4170663041250888</v>
      </c>
    </row>
    <row r="86415" spans="1:7" x14ac:dyDescent="0.3">
      <c r="A86415" s="13" t="s">
        <v>433</v>
      </c>
      <c r="B86415" s="14" t="s">
        <v>1</v>
      </c>
      <c r="C86415" s="14" t="s">
        <v>137</v>
      </c>
      <c r="D86415" s="14" t="s">
        <v>434</v>
      </c>
      <c r="E86415" s="15">
        <v>45651</v>
      </c>
      <c r="F86415" s="14" t="s">
        <v>61</v>
      </c>
      <c r="G86415" s="16">
        <v>5.4170663041250888</v>
      </c>
    </row>
    <row r="86416" spans="1:7" x14ac:dyDescent="0.3">
      <c r="A86416" s="13" t="s">
        <v>433</v>
      </c>
      <c r="B86416" s="14" t="s">
        <v>1</v>
      </c>
      <c r="C86416" s="14" t="s">
        <v>137</v>
      </c>
      <c r="D86416" s="14" t="s">
        <v>434</v>
      </c>
      <c r="E86416" s="15">
        <v>45652</v>
      </c>
      <c r="F86416" s="14" t="s">
        <v>61</v>
      </c>
      <c r="G86416" s="16">
        <v>5.4170663041250888</v>
      </c>
    </row>
    <row r="86417" spans="1:7" x14ac:dyDescent="0.3">
      <c r="A86417" s="13" t="s">
        <v>433</v>
      </c>
      <c r="B86417" s="14" t="s">
        <v>1</v>
      </c>
      <c r="C86417" s="14" t="s">
        <v>137</v>
      </c>
      <c r="D86417" s="14" t="s">
        <v>434</v>
      </c>
      <c r="E86417" s="15">
        <v>45653</v>
      </c>
      <c r="F86417" s="14" t="s">
        <v>61</v>
      </c>
      <c r="G86417" s="16">
        <v>5.4170663041250888</v>
      </c>
    </row>
    <row r="86418" spans="1:7" x14ac:dyDescent="0.3">
      <c r="A86418" s="13" t="s">
        <v>433</v>
      </c>
      <c r="B86418" s="14" t="s">
        <v>1</v>
      </c>
      <c r="C86418" s="14" t="s">
        <v>137</v>
      </c>
      <c r="D86418" s="14" t="s">
        <v>434</v>
      </c>
      <c r="E86418" s="15">
        <v>45654</v>
      </c>
      <c r="F86418" s="14" t="s">
        <v>61</v>
      </c>
      <c r="G86418" s="16">
        <v>5.4170663041250888</v>
      </c>
    </row>
    <row r="86419" spans="1:7" x14ac:dyDescent="0.3">
      <c r="A86419" s="13" t="s">
        <v>433</v>
      </c>
      <c r="B86419" s="14" t="s">
        <v>1</v>
      </c>
      <c r="C86419" s="14" t="s">
        <v>137</v>
      </c>
      <c r="D86419" s="14" t="s">
        <v>434</v>
      </c>
      <c r="E86419" s="15">
        <v>45655</v>
      </c>
      <c r="F86419" s="14" t="s">
        <v>61</v>
      </c>
      <c r="G86419" s="16">
        <v>5.4170663041250888</v>
      </c>
    </row>
    <row r="86420" spans="1:7" x14ac:dyDescent="0.3">
      <c r="A86420" s="13" t="s">
        <v>433</v>
      </c>
      <c r="B86420" s="14" t="s">
        <v>1</v>
      </c>
      <c r="C86420" s="14" t="s">
        <v>137</v>
      </c>
      <c r="D86420" s="14" t="s">
        <v>434</v>
      </c>
      <c r="E86420" s="15">
        <v>45656</v>
      </c>
      <c r="F86420" s="14" t="s">
        <v>61</v>
      </c>
      <c r="G86420" s="16">
        <v>5.4317675195827269</v>
      </c>
    </row>
    <row r="86421" spans="1:7" x14ac:dyDescent="0.3">
      <c r="A86421" s="13" t="s">
        <v>433</v>
      </c>
      <c r="B86421" s="14" t="s">
        <v>1</v>
      </c>
      <c r="C86421" s="14" t="s">
        <v>137</v>
      </c>
      <c r="D86421" s="14" t="s">
        <v>434</v>
      </c>
      <c r="E86421" s="15">
        <v>45657</v>
      </c>
      <c r="F86421" s="14" t="s">
        <v>61</v>
      </c>
      <c r="G86421" s="16">
        <v>5.5758414946641501</v>
      </c>
    </row>
    <row r="86422" spans="1:7" x14ac:dyDescent="0.3">
      <c r="A86422" s="13" t="s">
        <v>433</v>
      </c>
      <c r="B86422" s="14" t="s">
        <v>1</v>
      </c>
      <c r="C86422" s="14" t="s">
        <v>137</v>
      </c>
      <c r="D86422" s="14" t="s">
        <v>434</v>
      </c>
      <c r="E86422" s="15">
        <v>45658</v>
      </c>
      <c r="F86422" s="14" t="s">
        <v>61</v>
      </c>
      <c r="G86422" s="16">
        <v>5.5758414946641501</v>
      </c>
    </row>
    <row r="86423" spans="1:7" x14ac:dyDescent="0.3">
      <c r="A86423" s="13" t="s">
        <v>433</v>
      </c>
      <c r="B86423" s="14" t="s">
        <v>1</v>
      </c>
      <c r="C86423" s="14" t="s">
        <v>137</v>
      </c>
      <c r="D86423" s="14" t="s">
        <v>434</v>
      </c>
      <c r="E86423" s="15">
        <v>45659</v>
      </c>
      <c r="F86423" s="14" t="s">
        <v>61</v>
      </c>
      <c r="G86423" s="16">
        <v>5.6423378225160805</v>
      </c>
    </row>
    <row r="86424" spans="1:7" x14ac:dyDescent="0.3">
      <c r="A86424" s="13" t="s">
        <v>433</v>
      </c>
      <c r="B86424" s="14" t="s">
        <v>1</v>
      </c>
      <c r="C86424" s="14" t="s">
        <v>137</v>
      </c>
      <c r="D86424" s="14" t="s">
        <v>434</v>
      </c>
      <c r="E86424" s="15">
        <v>45660</v>
      </c>
      <c r="F86424" s="14" t="s">
        <v>61</v>
      </c>
      <c r="G86424" s="16">
        <v>5.6424349046230295</v>
      </c>
    </row>
    <row r="86425" spans="1:7" x14ac:dyDescent="0.3">
      <c r="A86425" s="13" t="s">
        <v>433</v>
      </c>
      <c r="B86425" s="14" t="s">
        <v>1</v>
      </c>
      <c r="C86425" s="14" t="s">
        <v>137</v>
      </c>
      <c r="D86425" s="14" t="s">
        <v>434</v>
      </c>
      <c r="E86425" s="15">
        <v>45661</v>
      </c>
      <c r="F86425" s="14" t="s">
        <v>61</v>
      </c>
      <c r="G86425" s="16">
        <v>5.6424349046230295</v>
      </c>
    </row>
    <row r="86426" spans="1:7" x14ac:dyDescent="0.3">
      <c r="A86426" s="13" t="s">
        <v>433</v>
      </c>
      <c r="B86426" s="14" t="s">
        <v>1</v>
      </c>
      <c r="C86426" s="14" t="s">
        <v>137</v>
      </c>
      <c r="D86426" s="14" t="s">
        <v>434</v>
      </c>
      <c r="E86426" s="15">
        <v>45662</v>
      </c>
      <c r="F86426" s="14" t="s">
        <v>61</v>
      </c>
      <c r="G86426" s="16">
        <v>5.6424349046230295</v>
      </c>
    </row>
    <row r="86427" spans="1:7" x14ac:dyDescent="0.3">
      <c r="A86427" s="13" t="s">
        <v>433</v>
      </c>
      <c r="B86427" s="14" t="s">
        <v>1</v>
      </c>
      <c r="C86427" s="14" t="s">
        <v>137</v>
      </c>
      <c r="D86427" s="14" t="s">
        <v>434</v>
      </c>
      <c r="E86427" s="15">
        <v>45663</v>
      </c>
      <c r="F86427" s="14" t="s">
        <v>61</v>
      </c>
      <c r="G86427" s="16">
        <v>5.6175154028923444</v>
      </c>
    </row>
    <row r="86428" spans="1:7" x14ac:dyDescent="0.3">
      <c r="A86428" s="13" t="s">
        <v>433</v>
      </c>
      <c r="B86428" s="14" t="s">
        <v>1</v>
      </c>
      <c r="C86428" s="14" t="s">
        <v>137</v>
      </c>
      <c r="D86428" s="14" t="s">
        <v>434</v>
      </c>
      <c r="E86428" s="15">
        <v>45664</v>
      </c>
      <c r="F86428" s="14" t="s">
        <v>61</v>
      </c>
      <c r="G86428" s="16">
        <v>5.7054271821819889</v>
      </c>
    </row>
    <row r="86429" spans="1:7" x14ac:dyDescent="0.3">
      <c r="A86429" s="13" t="s">
        <v>433</v>
      </c>
      <c r="B86429" s="14" t="s">
        <v>1</v>
      </c>
      <c r="C86429" s="14" t="s">
        <v>137</v>
      </c>
      <c r="D86429" s="14" t="s">
        <v>434</v>
      </c>
      <c r="E86429" s="15">
        <v>45665</v>
      </c>
      <c r="F86429" s="14" t="s">
        <v>61</v>
      </c>
      <c r="G86429" s="16">
        <v>5.7366725332829018</v>
      </c>
    </row>
    <row r="86430" spans="1:7" x14ac:dyDescent="0.3">
      <c r="A86430" s="13" t="s">
        <v>433</v>
      </c>
      <c r="B86430" s="14" t="s">
        <v>1</v>
      </c>
      <c r="C86430" s="14" t="s">
        <v>137</v>
      </c>
      <c r="D86430" s="14" t="s">
        <v>434</v>
      </c>
      <c r="E86430" s="15">
        <v>45666</v>
      </c>
      <c r="F86430" s="14" t="s">
        <v>61</v>
      </c>
      <c r="G86430" s="16">
        <v>5.7677363557629864</v>
      </c>
    </row>
    <row r="86431" spans="1:7" x14ac:dyDescent="0.3">
      <c r="A86431" s="13" t="s">
        <v>433</v>
      </c>
      <c r="B86431" s="14" t="s">
        <v>1</v>
      </c>
      <c r="C86431" s="14" t="s">
        <v>137</v>
      </c>
      <c r="D86431" s="14" t="s">
        <v>434</v>
      </c>
      <c r="E86431" s="15">
        <v>45667</v>
      </c>
      <c r="F86431" s="14" t="s">
        <v>61</v>
      </c>
      <c r="G86431" s="16">
        <v>5.8222138393095229</v>
      </c>
    </row>
    <row r="86432" spans="1:7" x14ac:dyDescent="0.3">
      <c r="A86432" s="13" t="s">
        <v>433</v>
      </c>
      <c r="B86432" s="14" t="s">
        <v>1</v>
      </c>
      <c r="C86432" s="14" t="s">
        <v>137</v>
      </c>
      <c r="D86432" s="14" t="s">
        <v>434</v>
      </c>
      <c r="E86432" s="15">
        <v>45668</v>
      </c>
      <c r="F86432" s="14" t="s">
        <v>61</v>
      </c>
      <c r="G86432" s="16">
        <v>5.8222138393095229</v>
      </c>
    </row>
    <row r="86433" spans="1:7" x14ac:dyDescent="0.3">
      <c r="A86433" s="13" t="s">
        <v>433</v>
      </c>
      <c r="B86433" s="14" t="s">
        <v>1</v>
      </c>
      <c r="C86433" s="14" t="s">
        <v>137</v>
      </c>
      <c r="D86433" s="14" t="s">
        <v>434</v>
      </c>
      <c r="E86433" s="15">
        <v>45669</v>
      </c>
      <c r="F86433" s="14" t="s">
        <v>61</v>
      </c>
      <c r="G86433" s="16">
        <v>5.8222138393095229</v>
      </c>
    </row>
    <row r="86434" spans="1:7" x14ac:dyDescent="0.3">
      <c r="A86434" s="13" t="s">
        <v>433</v>
      </c>
      <c r="B86434" s="14" t="s">
        <v>1</v>
      </c>
      <c r="C86434" s="14" t="s">
        <v>137</v>
      </c>
      <c r="D86434" s="14" t="s">
        <v>434</v>
      </c>
      <c r="E86434" s="15">
        <v>45670</v>
      </c>
      <c r="F86434" s="14" t="s">
        <v>61</v>
      </c>
      <c r="G86434" s="16">
        <v>5.8424420968531932</v>
      </c>
    </row>
    <row r="86435" spans="1:7" x14ac:dyDescent="0.3">
      <c r="A86435" s="13" t="s">
        <v>433</v>
      </c>
      <c r="B86435" s="14" t="s">
        <v>1</v>
      </c>
      <c r="C86435" s="14" t="s">
        <v>137</v>
      </c>
      <c r="D86435" s="14" t="s">
        <v>434</v>
      </c>
      <c r="E86435" s="15">
        <v>45671</v>
      </c>
      <c r="F86435" s="14" t="s">
        <v>61</v>
      </c>
      <c r="G86435" s="16">
        <v>5.866617931245087</v>
      </c>
    </row>
    <row r="86436" spans="1:7" x14ac:dyDescent="0.3">
      <c r="A86436" s="13" t="s">
        <v>433</v>
      </c>
      <c r="B86436" s="14" t="s">
        <v>1</v>
      </c>
      <c r="C86436" s="14" t="s">
        <v>137</v>
      </c>
      <c r="D86436" s="14" t="s">
        <v>434</v>
      </c>
      <c r="E86436" s="15">
        <v>45672</v>
      </c>
      <c r="F86436" s="14" t="s">
        <v>61</v>
      </c>
      <c r="G86436" s="16">
        <v>5.8982753099637968</v>
      </c>
    </row>
    <row r="86437" spans="1:7" x14ac:dyDescent="0.3">
      <c r="A86437" s="13" t="s">
        <v>433</v>
      </c>
      <c r="B86437" s="14" t="s">
        <v>1</v>
      </c>
      <c r="C86437" s="14" t="s">
        <v>137</v>
      </c>
      <c r="D86437" s="14" t="s">
        <v>434</v>
      </c>
      <c r="E86437" s="15">
        <v>45673</v>
      </c>
      <c r="F86437" s="14" t="s">
        <v>61</v>
      </c>
      <c r="G86437" s="16">
        <v>5.9121021176979074</v>
      </c>
    </row>
    <row r="86438" spans="1:7" x14ac:dyDescent="0.3">
      <c r="A86438" s="13" t="s">
        <v>433</v>
      </c>
      <c r="B86438" s="14" t="s">
        <v>1</v>
      </c>
      <c r="C86438" s="14" t="s">
        <v>137</v>
      </c>
      <c r="D86438" s="14" t="s">
        <v>434</v>
      </c>
      <c r="E86438" s="15">
        <v>45674</v>
      </c>
      <c r="F86438" s="14" t="s">
        <v>61</v>
      </c>
      <c r="G86438" s="16">
        <v>5.9466472730187245</v>
      </c>
    </row>
    <row r="86439" spans="1:7" x14ac:dyDescent="0.3">
      <c r="A86439" s="13" t="s">
        <v>433</v>
      </c>
      <c r="B86439" s="14" t="s">
        <v>1</v>
      </c>
      <c r="C86439" s="14" t="s">
        <v>137</v>
      </c>
      <c r="D86439" s="14" t="s">
        <v>434</v>
      </c>
      <c r="E86439" s="15">
        <v>45675</v>
      </c>
      <c r="F86439" s="14" t="s">
        <v>61</v>
      </c>
      <c r="G86439" s="16">
        <v>5.9466472730187245</v>
      </c>
    </row>
    <row r="86440" spans="1:7" x14ac:dyDescent="0.3">
      <c r="A86440" s="13" t="s">
        <v>433</v>
      </c>
      <c r="B86440" s="14" t="s">
        <v>1</v>
      </c>
      <c r="C86440" s="14" t="s">
        <v>137</v>
      </c>
      <c r="D86440" s="14" t="s">
        <v>434</v>
      </c>
      <c r="E86440" s="15">
        <v>45676</v>
      </c>
      <c r="F86440" s="14" t="s">
        <v>61</v>
      </c>
      <c r="G86440" s="16">
        <v>5.9466472730187245</v>
      </c>
    </row>
    <row r="86441" spans="1:7" x14ac:dyDescent="0.3">
      <c r="A86441" s="13" t="s">
        <v>433</v>
      </c>
      <c r="B86441" s="14" t="s">
        <v>1</v>
      </c>
      <c r="C86441" s="14" t="s">
        <v>137</v>
      </c>
      <c r="D86441" s="14" t="s">
        <v>434</v>
      </c>
      <c r="E86441" s="15">
        <v>45677</v>
      </c>
      <c r="F86441" s="14" t="s">
        <v>61</v>
      </c>
      <c r="G86441" s="16">
        <v>5.8836810343636996</v>
      </c>
    </row>
    <row r="86442" spans="1:7" x14ac:dyDescent="0.3">
      <c r="A86442" s="13" t="s">
        <v>433</v>
      </c>
      <c r="B86442" s="14" t="s">
        <v>1</v>
      </c>
      <c r="C86442" s="14" t="s">
        <v>137</v>
      </c>
      <c r="D86442" s="14" t="s">
        <v>434</v>
      </c>
      <c r="E86442" s="15">
        <v>45678</v>
      </c>
      <c r="F86442" s="14" t="s">
        <v>61</v>
      </c>
      <c r="G86442" s="16">
        <v>5.9349373102124341</v>
      </c>
    </row>
    <row r="86443" spans="1:7" x14ac:dyDescent="0.3">
      <c r="A86443" s="13" t="s">
        <v>433</v>
      </c>
      <c r="B86443" s="14" t="s">
        <v>1</v>
      </c>
      <c r="C86443" s="14" t="s">
        <v>137</v>
      </c>
      <c r="D86443" s="14" t="s">
        <v>434</v>
      </c>
      <c r="E86443" s="15">
        <v>45679</v>
      </c>
      <c r="F86443" s="14" t="s">
        <v>61</v>
      </c>
      <c r="G86443" s="16">
        <v>5.9664252628400449</v>
      </c>
    </row>
    <row r="86444" spans="1:7" x14ac:dyDescent="0.3">
      <c r="A86444" s="13" t="s">
        <v>433</v>
      </c>
      <c r="B86444" s="14" t="s">
        <v>1</v>
      </c>
      <c r="C86444" s="14" t="s">
        <v>137</v>
      </c>
      <c r="D86444" s="14" t="s">
        <v>434</v>
      </c>
      <c r="E86444" s="15">
        <v>45680</v>
      </c>
      <c r="F86444" s="14" t="s">
        <v>61</v>
      </c>
      <c r="G86444" s="16">
        <v>5.9818438694695404</v>
      </c>
    </row>
    <row r="86445" spans="1:7" x14ac:dyDescent="0.3">
      <c r="A86445" s="13" t="s">
        <v>433</v>
      </c>
      <c r="B86445" s="14" t="s">
        <v>1</v>
      </c>
      <c r="C86445" s="14" t="s">
        <v>137</v>
      </c>
      <c r="D86445" s="14" t="s">
        <v>434</v>
      </c>
      <c r="E86445" s="15">
        <v>45681</v>
      </c>
      <c r="F86445" s="14" t="s">
        <v>61</v>
      </c>
      <c r="G86445" s="16">
        <v>5.9565526524908865</v>
      </c>
    </row>
    <row r="86446" spans="1:7" x14ac:dyDescent="0.3">
      <c r="A86446" s="13" t="s">
        <v>433</v>
      </c>
      <c r="B86446" s="14" t="s">
        <v>1</v>
      </c>
      <c r="C86446" s="14" t="s">
        <v>137</v>
      </c>
      <c r="D86446" s="14" t="s">
        <v>434</v>
      </c>
      <c r="E86446" s="15">
        <v>45682</v>
      </c>
      <c r="F86446" s="14" t="s">
        <v>61</v>
      </c>
      <c r="G86446" s="16">
        <v>5.9565526524908865</v>
      </c>
    </row>
    <row r="86447" spans="1:7" x14ac:dyDescent="0.3">
      <c r="A86447" s="13" t="s">
        <v>433</v>
      </c>
      <c r="B86447" s="14" t="s">
        <v>1</v>
      </c>
      <c r="C86447" s="14" t="s">
        <v>137</v>
      </c>
      <c r="D86447" s="14" t="s">
        <v>434</v>
      </c>
      <c r="E86447" s="15">
        <v>45683</v>
      </c>
      <c r="F86447" s="14" t="s">
        <v>61</v>
      </c>
      <c r="G86447" s="16">
        <v>5.9565526524908865</v>
      </c>
    </row>
    <row r="86448" spans="1:7" x14ac:dyDescent="0.3">
      <c r="A86448" s="13" t="s">
        <v>433</v>
      </c>
      <c r="B86448" s="14" t="s">
        <v>1</v>
      </c>
      <c r="C86448" s="14" t="s">
        <v>137</v>
      </c>
      <c r="D86448" s="14" t="s">
        <v>434</v>
      </c>
      <c r="E86448" s="15">
        <v>45684</v>
      </c>
      <c r="F86448" s="14" t="s">
        <v>61</v>
      </c>
      <c r="G86448" s="16">
        <v>5.976762370952466</v>
      </c>
    </row>
    <row r="86449" spans="1:7" x14ac:dyDescent="0.3">
      <c r="A86449" s="13" t="s">
        <v>433</v>
      </c>
      <c r="B86449" s="14" t="s">
        <v>1</v>
      </c>
      <c r="C86449" s="14" t="s">
        <v>137</v>
      </c>
      <c r="D86449" s="14" t="s">
        <v>434</v>
      </c>
      <c r="E86449" s="15">
        <v>45685</v>
      </c>
      <c r="F86449" s="14" t="s">
        <v>61</v>
      </c>
      <c r="G86449" s="16">
        <v>6.0695939542100978</v>
      </c>
    </row>
    <row r="86450" spans="1:7" x14ac:dyDescent="0.3">
      <c r="A86450" s="13" t="s">
        <v>433</v>
      </c>
      <c r="B86450" s="14" t="s">
        <v>1</v>
      </c>
      <c r="C86450" s="14" t="s">
        <v>137</v>
      </c>
      <c r="D86450" s="14" t="s">
        <v>434</v>
      </c>
      <c r="E86450" s="15">
        <v>45686</v>
      </c>
      <c r="F86450" s="14" t="s">
        <v>61</v>
      </c>
      <c r="G86450" s="16">
        <v>6.0983924600639305</v>
      </c>
    </row>
    <row r="86451" spans="1:7" x14ac:dyDescent="0.3">
      <c r="A86451" s="13" t="s">
        <v>433</v>
      </c>
      <c r="B86451" s="14" t="s">
        <v>1</v>
      </c>
      <c r="C86451" s="14" t="s">
        <v>137</v>
      </c>
      <c r="D86451" s="14" t="s">
        <v>434</v>
      </c>
      <c r="E86451" s="15">
        <v>45687</v>
      </c>
      <c r="F86451" s="14" t="s">
        <v>61</v>
      </c>
      <c r="G86451" s="16">
        <v>6.1397049643409183</v>
      </c>
    </row>
    <row r="86452" spans="1:7" x14ac:dyDescent="0.3">
      <c r="A86452" s="13" t="s">
        <v>433</v>
      </c>
      <c r="B86452" s="14" t="s">
        <v>1</v>
      </c>
      <c r="C86452" s="14" t="s">
        <v>137</v>
      </c>
      <c r="D86452" s="14" t="s">
        <v>434</v>
      </c>
      <c r="E86452" s="15">
        <v>45688</v>
      </c>
      <c r="F86452" s="14" t="s">
        <v>61</v>
      </c>
      <c r="G86452" s="16">
        <v>6.1745590386308642</v>
      </c>
    </row>
    <row r="86453" spans="1:7" x14ac:dyDescent="0.3">
      <c r="A86453" s="13" t="s">
        <v>433</v>
      </c>
      <c r="B86453" s="14" t="s">
        <v>1</v>
      </c>
      <c r="C86453" s="14" t="s">
        <v>137</v>
      </c>
      <c r="D86453" s="14" t="s">
        <v>434</v>
      </c>
      <c r="E86453" s="15">
        <v>45689</v>
      </c>
      <c r="F86453" s="14" t="s">
        <v>61</v>
      </c>
      <c r="G86453" s="16">
        <v>6.1745590386308642</v>
      </c>
    </row>
    <row r="86454" spans="1:7" x14ac:dyDescent="0.3">
      <c r="A86454" s="13" t="s">
        <v>433</v>
      </c>
      <c r="B86454" s="14" t="s">
        <v>1</v>
      </c>
      <c r="C86454" s="14" t="s">
        <v>137</v>
      </c>
      <c r="D86454" s="14" t="s">
        <v>434</v>
      </c>
      <c r="E86454" s="15">
        <v>45690</v>
      </c>
      <c r="F86454" s="14" t="s">
        <v>61</v>
      </c>
      <c r="G86454" s="16">
        <v>6.1745590386308642</v>
      </c>
    </row>
    <row r="86455" spans="1:7" x14ac:dyDescent="0.3">
      <c r="A86455" s="13" t="s">
        <v>433</v>
      </c>
      <c r="B86455" s="14" t="s">
        <v>1</v>
      </c>
      <c r="C86455" s="14" t="s">
        <v>137</v>
      </c>
      <c r="D86455" s="14" t="s">
        <v>434</v>
      </c>
      <c r="E86455" s="15">
        <v>45691</v>
      </c>
      <c r="F86455" s="14" t="s">
        <v>61</v>
      </c>
      <c r="G86455" s="16">
        <v>6.1745590386308642</v>
      </c>
    </row>
    <row r="86456" spans="1:7" x14ac:dyDescent="0.3">
      <c r="A86456" s="13" t="s">
        <v>433</v>
      </c>
      <c r="B86456" s="14" t="s">
        <v>1</v>
      </c>
      <c r="C86456" s="14" t="s">
        <v>137</v>
      </c>
      <c r="D86456" s="14" t="s">
        <v>434</v>
      </c>
      <c r="E86456" s="15">
        <v>45692</v>
      </c>
      <c r="F86456" s="14" t="s">
        <v>61</v>
      </c>
      <c r="G86456" s="16">
        <v>6.1832668940669011</v>
      </c>
    </row>
    <row r="86457" spans="1:7" x14ac:dyDescent="0.3">
      <c r="A86457" s="13" t="s">
        <v>433</v>
      </c>
      <c r="B86457" s="14" t="s">
        <v>1</v>
      </c>
      <c r="C86457" s="14" t="s">
        <v>137</v>
      </c>
      <c r="D86457" s="14" t="s">
        <v>434</v>
      </c>
      <c r="E86457" s="15">
        <v>45693</v>
      </c>
      <c r="F86457" s="14" t="s">
        <v>61</v>
      </c>
      <c r="G86457" s="16">
        <v>6.2340732103923981</v>
      </c>
    </row>
    <row r="86458" spans="1:7" x14ac:dyDescent="0.3">
      <c r="A86458" s="13" t="s">
        <v>433</v>
      </c>
      <c r="B86458" s="14" t="s">
        <v>1</v>
      </c>
      <c r="C86458" s="14" t="s">
        <v>137</v>
      </c>
      <c r="D86458" s="14" t="s">
        <v>434</v>
      </c>
      <c r="E86458" s="15">
        <v>45694</v>
      </c>
      <c r="F86458" s="14" t="s">
        <v>61</v>
      </c>
      <c r="G86458" s="16">
        <v>6.2639824723477444</v>
      </c>
    </row>
    <row r="86459" spans="1:7" x14ac:dyDescent="0.3">
      <c r="A86459" s="13" t="s">
        <v>433</v>
      </c>
      <c r="B86459" s="14" t="s">
        <v>1</v>
      </c>
      <c r="C86459" s="14" t="s">
        <v>137</v>
      </c>
      <c r="D86459" s="14" t="s">
        <v>434</v>
      </c>
      <c r="E86459" s="15">
        <v>45695</v>
      </c>
      <c r="F86459" s="14" t="s">
        <v>61</v>
      </c>
      <c r="G86459" s="16">
        <v>6.3190265098892997</v>
      </c>
    </row>
    <row r="86460" spans="1:7" x14ac:dyDescent="0.3">
      <c r="A86460" s="13" t="s">
        <v>433</v>
      </c>
      <c r="B86460" s="14" t="s">
        <v>1</v>
      </c>
      <c r="C86460" s="14" t="s">
        <v>137</v>
      </c>
      <c r="D86460" s="14" t="s">
        <v>434</v>
      </c>
      <c r="E86460" s="15">
        <v>45696</v>
      </c>
      <c r="F86460" s="14" t="s">
        <v>61</v>
      </c>
      <c r="G86460" s="16">
        <v>6.3190265098892997</v>
      </c>
    </row>
    <row r="86461" spans="1:7" x14ac:dyDescent="0.3">
      <c r="A86461" s="13" t="s">
        <v>433</v>
      </c>
      <c r="B86461" s="14" t="s">
        <v>1</v>
      </c>
      <c r="C86461" s="14" t="s">
        <v>137</v>
      </c>
      <c r="D86461" s="14" t="s">
        <v>434</v>
      </c>
      <c r="E86461" s="15">
        <v>45697</v>
      </c>
      <c r="F86461" s="14" t="s">
        <v>61</v>
      </c>
      <c r="G86461" s="16">
        <v>6.3190265098892997</v>
      </c>
    </row>
    <row r="86462" spans="1:7" x14ac:dyDescent="0.3">
      <c r="A86462" s="13" t="s">
        <v>433</v>
      </c>
      <c r="B86462" s="14" t="s">
        <v>1</v>
      </c>
      <c r="C86462" s="14" t="s">
        <v>137</v>
      </c>
      <c r="D86462" s="14" t="s">
        <v>434</v>
      </c>
      <c r="E86462" s="15">
        <v>45698</v>
      </c>
      <c r="F86462" s="14" t="s">
        <v>61</v>
      </c>
      <c r="G86462" s="16">
        <v>6.3570818554586115</v>
      </c>
    </row>
    <row r="86463" spans="1:7" x14ac:dyDescent="0.3">
      <c r="A86463" s="13" t="s">
        <v>433</v>
      </c>
      <c r="B86463" s="14" t="s">
        <v>1</v>
      </c>
      <c r="C86463" s="14" t="s">
        <v>137</v>
      </c>
      <c r="D86463" s="14" t="s">
        <v>434</v>
      </c>
      <c r="E86463" s="15">
        <v>45699</v>
      </c>
      <c r="F86463" s="14" t="s">
        <v>61</v>
      </c>
      <c r="G86463" s="16">
        <v>6.382973636762082</v>
      </c>
    </row>
    <row r="86464" spans="1:7" x14ac:dyDescent="0.3">
      <c r="A86464" s="13" t="s">
        <v>433</v>
      </c>
      <c r="B86464" s="14" t="s">
        <v>1</v>
      </c>
      <c r="C86464" s="14" t="s">
        <v>137</v>
      </c>
      <c r="D86464" s="14" t="s">
        <v>434</v>
      </c>
      <c r="E86464" s="15">
        <v>45700</v>
      </c>
      <c r="F86464" s="14" t="s">
        <v>61</v>
      </c>
      <c r="G86464" s="16">
        <v>6.3901097373806151</v>
      </c>
    </row>
    <row r="86465" spans="1:7" x14ac:dyDescent="0.3">
      <c r="A86465" s="13" t="s">
        <v>433</v>
      </c>
      <c r="B86465" s="14" t="s">
        <v>1</v>
      </c>
      <c r="C86465" s="14" t="s">
        <v>137</v>
      </c>
      <c r="D86465" s="14" t="s">
        <v>434</v>
      </c>
      <c r="E86465" s="15">
        <v>45701</v>
      </c>
      <c r="F86465" s="14" t="s">
        <v>61</v>
      </c>
      <c r="G86465" s="16">
        <v>6.3594826154830724</v>
      </c>
    </row>
    <row r="86466" spans="1:7" x14ac:dyDescent="0.3">
      <c r="A86466" s="13" t="s">
        <v>433</v>
      </c>
      <c r="B86466" s="14" t="s">
        <v>1</v>
      </c>
      <c r="C86466" s="14" t="s">
        <v>137</v>
      </c>
      <c r="D86466" s="14" t="s">
        <v>434</v>
      </c>
      <c r="E86466" s="15">
        <v>45702</v>
      </c>
      <c r="F86466" s="14" t="s">
        <v>61</v>
      </c>
      <c r="G86466" s="16">
        <v>6.2332398899099344</v>
      </c>
    </row>
    <row r="86467" spans="1:7" x14ac:dyDescent="0.3">
      <c r="A86467" s="13" t="s">
        <v>433</v>
      </c>
      <c r="B86467" s="14" t="s">
        <v>1</v>
      </c>
      <c r="C86467" s="14" t="s">
        <v>137</v>
      </c>
      <c r="D86467" s="14" t="s">
        <v>434</v>
      </c>
      <c r="E86467" s="15">
        <v>45703</v>
      </c>
      <c r="F86467" s="14" t="s">
        <v>61</v>
      </c>
      <c r="G86467" s="16">
        <v>6.2332398899099344</v>
      </c>
    </row>
    <row r="86468" spans="1:7" x14ac:dyDescent="0.3">
      <c r="A86468" s="13" t="s">
        <v>433</v>
      </c>
      <c r="B86468" s="14" t="s">
        <v>1</v>
      </c>
      <c r="C86468" s="14" t="s">
        <v>137</v>
      </c>
      <c r="D86468" s="14" t="s">
        <v>434</v>
      </c>
      <c r="E86468" s="15">
        <v>45704</v>
      </c>
      <c r="F86468" s="14" t="s">
        <v>61</v>
      </c>
      <c r="G86468" s="16">
        <v>6.2332398899099344</v>
      </c>
    </row>
    <row r="86469" spans="1:7" x14ac:dyDescent="0.3">
      <c r="A86469" s="13" t="s">
        <v>433</v>
      </c>
      <c r="B86469" s="14" t="s">
        <v>1</v>
      </c>
      <c r="C86469" s="14" t="s">
        <v>137</v>
      </c>
      <c r="D86469" s="14" t="s">
        <v>434</v>
      </c>
      <c r="E86469" s="15">
        <v>45705</v>
      </c>
      <c r="F86469" s="14" t="s">
        <v>61</v>
      </c>
      <c r="G86469" s="16">
        <v>6.3920231615979564</v>
      </c>
    </row>
    <row r="86470" spans="1:7" x14ac:dyDescent="0.3">
      <c r="A86470" s="13" t="s">
        <v>433</v>
      </c>
      <c r="B86470" s="14" t="s">
        <v>1</v>
      </c>
      <c r="C86470" s="14" t="s">
        <v>137</v>
      </c>
      <c r="D86470" s="14" t="s">
        <v>434</v>
      </c>
      <c r="E86470" s="15">
        <v>45706</v>
      </c>
      <c r="F86470" s="14" t="s">
        <v>61</v>
      </c>
      <c r="G86470" s="16">
        <v>6.4738655791638253</v>
      </c>
    </row>
    <row r="86471" spans="1:7" x14ac:dyDescent="0.3">
      <c r="A86471" s="13" t="s">
        <v>433</v>
      </c>
      <c r="B86471" s="14" t="s">
        <v>1</v>
      </c>
      <c r="C86471" s="14" t="s">
        <v>137</v>
      </c>
      <c r="D86471" s="14" t="s">
        <v>434</v>
      </c>
      <c r="E86471" s="15">
        <v>45707</v>
      </c>
      <c r="F86471" s="14" t="s">
        <v>61</v>
      </c>
      <c r="G86471" s="16">
        <v>6.5100063108156965</v>
      </c>
    </row>
    <row r="86472" spans="1:7" x14ac:dyDescent="0.3">
      <c r="A86472" s="13" t="s">
        <v>433</v>
      </c>
      <c r="B86472" s="14" t="s">
        <v>1</v>
      </c>
      <c r="C86472" s="14" t="s">
        <v>137</v>
      </c>
      <c r="D86472" s="14" t="s">
        <v>434</v>
      </c>
      <c r="E86472" s="15">
        <v>45708</v>
      </c>
      <c r="F86472" s="14" t="s">
        <v>61</v>
      </c>
      <c r="G86472" s="16">
        <v>6.4810056394295499</v>
      </c>
    </row>
    <row r="86473" spans="1:7" x14ac:dyDescent="0.3">
      <c r="A86473" s="13" t="s">
        <v>433</v>
      </c>
      <c r="B86473" s="14" t="s">
        <v>1</v>
      </c>
      <c r="C86473" s="14" t="s">
        <v>137</v>
      </c>
      <c r="D86473" s="14" t="s">
        <v>434</v>
      </c>
      <c r="E86473" s="15">
        <v>45709</v>
      </c>
      <c r="F86473" s="14" t="s">
        <v>61</v>
      </c>
      <c r="G86473" s="16">
        <v>6.527070262191442</v>
      </c>
    </row>
    <row r="86474" spans="1:7" x14ac:dyDescent="0.3">
      <c r="A86474" s="13" t="s">
        <v>433</v>
      </c>
      <c r="B86474" s="14" t="s">
        <v>1</v>
      </c>
      <c r="C86474" s="14" t="s">
        <v>137</v>
      </c>
      <c r="D86474" s="14" t="s">
        <v>434</v>
      </c>
      <c r="E86474" s="15">
        <v>45710</v>
      </c>
      <c r="F86474" s="14" t="s">
        <v>61</v>
      </c>
      <c r="G86474" s="16">
        <v>6.527070262191442</v>
      </c>
    </row>
    <row r="86475" spans="1:7" x14ac:dyDescent="0.3">
      <c r="A86475" s="13" t="s">
        <v>433</v>
      </c>
      <c r="B86475" s="14" t="s">
        <v>1</v>
      </c>
      <c r="C86475" s="14" t="s">
        <v>137</v>
      </c>
      <c r="D86475" s="14" t="s">
        <v>434</v>
      </c>
      <c r="E86475" s="15">
        <v>45711</v>
      </c>
      <c r="F86475" s="14" t="s">
        <v>61</v>
      </c>
      <c r="G86475" s="16">
        <v>6.527070262191442</v>
      </c>
    </row>
    <row r="86476" spans="1:7" x14ac:dyDescent="0.3">
      <c r="A86476" s="13" t="s">
        <v>433</v>
      </c>
      <c r="B86476" s="14" t="s">
        <v>1</v>
      </c>
      <c r="C86476" s="14" t="s">
        <v>137</v>
      </c>
      <c r="D86476" s="14" t="s">
        <v>434</v>
      </c>
      <c r="E86476" s="15">
        <v>45712</v>
      </c>
      <c r="F86476" s="14" t="s">
        <v>61</v>
      </c>
      <c r="G86476" s="16">
        <v>6.5411270665345107</v>
      </c>
    </row>
    <row r="86477" spans="1:7" x14ac:dyDescent="0.3">
      <c r="A86477" s="13" t="s">
        <v>433</v>
      </c>
      <c r="B86477" s="14" t="s">
        <v>1</v>
      </c>
      <c r="C86477" s="14" t="s">
        <v>137</v>
      </c>
      <c r="D86477" s="14" t="s">
        <v>434</v>
      </c>
      <c r="E86477" s="15">
        <v>45713</v>
      </c>
      <c r="F86477" s="14" t="s">
        <v>61</v>
      </c>
      <c r="G86477" s="16">
        <v>6.5829555379435156</v>
      </c>
    </row>
    <row r="86478" spans="1:7" x14ac:dyDescent="0.3">
      <c r="A86478" s="13" t="s">
        <v>433</v>
      </c>
      <c r="B86478" s="14" t="s">
        <v>1</v>
      </c>
      <c r="C86478" s="14" t="s">
        <v>137</v>
      </c>
      <c r="D86478" s="14" t="s">
        <v>434</v>
      </c>
      <c r="E86478" s="15">
        <v>45714</v>
      </c>
      <c r="F86478" s="14" t="s">
        <v>61</v>
      </c>
      <c r="G86478" s="16">
        <v>6.6214046306061061</v>
      </c>
    </row>
    <row r="86479" spans="1:7" x14ac:dyDescent="0.3">
      <c r="A86479" s="13" t="s">
        <v>433</v>
      </c>
      <c r="B86479" s="14" t="s">
        <v>1</v>
      </c>
      <c r="C86479" s="14" t="s">
        <v>137</v>
      </c>
      <c r="D86479" s="14" t="s">
        <v>434</v>
      </c>
      <c r="E86479" s="15">
        <v>45715</v>
      </c>
      <c r="F86479" s="14" t="s">
        <v>61</v>
      </c>
      <c r="G86479" s="16">
        <v>6.6959382843342823</v>
      </c>
    </row>
    <row r="86480" spans="1:7" x14ac:dyDescent="0.3">
      <c r="A86480" s="13" t="s">
        <v>433</v>
      </c>
      <c r="B86480" s="14" t="s">
        <v>1</v>
      </c>
      <c r="C86480" s="14" t="s">
        <v>137</v>
      </c>
      <c r="D86480" s="14" t="s">
        <v>434</v>
      </c>
      <c r="E86480" s="15">
        <v>45716</v>
      </c>
      <c r="F86480" s="14" t="s">
        <v>61</v>
      </c>
      <c r="G86480" s="16">
        <v>6.7336750132118928</v>
      </c>
    </row>
    <row r="86481" spans="1:7" x14ac:dyDescent="0.3">
      <c r="A86481" s="13" t="s">
        <v>433</v>
      </c>
      <c r="B86481" s="14" t="s">
        <v>1</v>
      </c>
      <c r="C86481" s="14" t="s">
        <v>137</v>
      </c>
      <c r="D86481" s="14" t="s">
        <v>434</v>
      </c>
      <c r="E86481" s="15">
        <v>45717</v>
      </c>
      <c r="F86481" s="14" t="s">
        <v>61</v>
      </c>
      <c r="G86481" s="16">
        <v>6.7336750132118928</v>
      </c>
    </row>
    <row r="86482" spans="1:7" x14ac:dyDescent="0.3">
      <c r="A86482" s="13" t="s">
        <v>433</v>
      </c>
      <c r="B86482" s="14" t="s">
        <v>1</v>
      </c>
      <c r="C86482" s="14" t="s">
        <v>137</v>
      </c>
      <c r="D86482" s="14" t="s">
        <v>434</v>
      </c>
      <c r="E86482" s="15">
        <v>45718</v>
      </c>
      <c r="F86482" s="14" t="s">
        <v>61</v>
      </c>
      <c r="G86482" s="16">
        <v>6.7336750132118928</v>
      </c>
    </row>
    <row r="86483" spans="1:7" x14ac:dyDescent="0.3">
      <c r="A86483" s="13" t="s">
        <v>433</v>
      </c>
      <c r="B86483" s="14" t="s">
        <v>1</v>
      </c>
      <c r="C86483" s="14" t="s">
        <v>137</v>
      </c>
      <c r="D86483" s="14" t="s">
        <v>434</v>
      </c>
      <c r="E86483" s="15">
        <v>45719</v>
      </c>
      <c r="F86483" s="14" t="s">
        <v>61</v>
      </c>
      <c r="G86483" s="16">
        <v>6.7219741091778937</v>
      </c>
    </row>
    <row r="86484" spans="1:7" x14ac:dyDescent="0.3">
      <c r="A86484" s="13" t="s">
        <v>433</v>
      </c>
      <c r="B86484" s="14" t="s">
        <v>1</v>
      </c>
      <c r="C86484" s="14" t="s">
        <v>137</v>
      </c>
      <c r="D86484" s="14" t="s">
        <v>434</v>
      </c>
      <c r="E86484" s="15">
        <v>45720</v>
      </c>
      <c r="F86484" s="14" t="s">
        <v>61</v>
      </c>
      <c r="G86484" s="16">
        <v>6.6921704408924754</v>
      </c>
    </row>
    <row r="86485" spans="1:7" x14ac:dyDescent="0.3">
      <c r="A86485" s="13" t="s">
        <v>433</v>
      </c>
      <c r="B86485" s="14" t="s">
        <v>1</v>
      </c>
      <c r="C86485" s="14" t="s">
        <v>137</v>
      </c>
      <c r="D86485" s="14" t="s">
        <v>434</v>
      </c>
      <c r="E86485" s="15">
        <v>45721</v>
      </c>
      <c r="F86485" s="14" t="s">
        <v>61</v>
      </c>
      <c r="G86485" s="16">
        <v>6.6126015235217146</v>
      </c>
    </row>
    <row r="86486" spans="1:7" x14ac:dyDescent="0.3">
      <c r="A86486" s="13" t="s">
        <v>433</v>
      </c>
      <c r="B86486" s="14" t="s">
        <v>1</v>
      </c>
      <c r="C86486" s="14" t="s">
        <v>137</v>
      </c>
      <c r="D86486" s="14" t="s">
        <v>434</v>
      </c>
      <c r="E86486" s="15">
        <v>45722</v>
      </c>
      <c r="F86486" s="14" t="s">
        <v>61</v>
      </c>
      <c r="G86486" s="16">
        <v>6.6339699722483179</v>
      </c>
    </row>
    <row r="86487" spans="1:7" x14ac:dyDescent="0.3">
      <c r="A86487" s="13" t="s">
        <v>433</v>
      </c>
      <c r="B86487" s="14" t="s">
        <v>1</v>
      </c>
      <c r="C86487" s="14" t="s">
        <v>137</v>
      </c>
      <c r="D86487" s="14" t="s">
        <v>434</v>
      </c>
      <c r="E86487" s="15">
        <v>45723</v>
      </c>
      <c r="F86487" s="14" t="s">
        <v>61</v>
      </c>
      <c r="G86487" s="16">
        <v>6.6229520122370928</v>
      </c>
    </row>
    <row r="86488" spans="1:7" x14ac:dyDescent="0.3">
      <c r="A86488" s="13" t="s">
        <v>433</v>
      </c>
      <c r="B86488" s="14" t="s">
        <v>1</v>
      </c>
      <c r="C86488" s="14" t="s">
        <v>137</v>
      </c>
      <c r="D86488" s="14" t="s">
        <v>434</v>
      </c>
      <c r="E86488" s="15">
        <v>45724</v>
      </c>
      <c r="F86488" s="14" t="s">
        <v>61</v>
      </c>
      <c r="G86488" s="16">
        <v>6.6229520122370928</v>
      </c>
    </row>
    <row r="86489" spans="1:7" x14ac:dyDescent="0.3">
      <c r="A86489" s="13" t="s">
        <v>433</v>
      </c>
      <c r="B86489" s="14" t="s">
        <v>1</v>
      </c>
      <c r="C86489" s="14" t="s">
        <v>137</v>
      </c>
      <c r="D86489" s="14" t="s">
        <v>434</v>
      </c>
      <c r="E86489" s="15">
        <v>45725</v>
      </c>
      <c r="F86489" s="14" t="s">
        <v>61</v>
      </c>
      <c r="G86489" s="16">
        <v>6.6229520122370928</v>
      </c>
    </row>
    <row r="86490" spans="1:7" x14ac:dyDescent="0.3">
      <c r="A86490" s="13" t="s">
        <v>433</v>
      </c>
      <c r="B86490" s="14" t="s">
        <v>1</v>
      </c>
      <c r="C86490" s="14" t="s">
        <v>137</v>
      </c>
      <c r="D86490" s="14" t="s">
        <v>434</v>
      </c>
      <c r="E86490" s="15">
        <v>45726</v>
      </c>
      <c r="F86490" s="14" t="s">
        <v>61</v>
      </c>
      <c r="G86490" s="16">
        <v>6.6437636151162831</v>
      </c>
    </row>
    <row r="86491" spans="1:7" x14ac:dyDescent="0.3">
      <c r="A86491" s="13" t="s">
        <v>433</v>
      </c>
      <c r="B86491" s="14" t="s">
        <v>1</v>
      </c>
      <c r="C86491" s="14" t="s">
        <v>137</v>
      </c>
      <c r="D86491" s="14" t="s">
        <v>434</v>
      </c>
      <c r="E86491" s="15">
        <v>45727</v>
      </c>
      <c r="F86491" s="14" t="s">
        <v>61</v>
      </c>
      <c r="G86491" s="16">
        <v>6.6500025775568394</v>
      </c>
    </row>
    <row r="86492" spans="1:7" x14ac:dyDescent="0.3">
      <c r="A86492" s="13" t="s">
        <v>433</v>
      </c>
      <c r="B86492" s="14" t="s">
        <v>1</v>
      </c>
      <c r="C86492" s="14" t="s">
        <v>137</v>
      </c>
      <c r="D86492" s="14" t="s">
        <v>434</v>
      </c>
      <c r="E86492" s="15">
        <v>45728</v>
      </c>
      <c r="F86492" s="14" t="s">
        <v>61</v>
      </c>
      <c r="G86492" s="16">
        <v>6.6878262957377306</v>
      </c>
    </row>
    <row r="86493" spans="1:7" x14ac:dyDescent="0.3">
      <c r="A86493" s="13" t="s">
        <v>433</v>
      </c>
      <c r="B86493" s="14" t="s">
        <v>1</v>
      </c>
      <c r="C86493" s="14" t="s">
        <v>137</v>
      </c>
      <c r="D86493" s="14" t="s">
        <v>434</v>
      </c>
      <c r="E86493" s="15">
        <v>45729</v>
      </c>
      <c r="F86493" s="14" t="s">
        <v>61</v>
      </c>
      <c r="G86493" s="16">
        <v>6.7287616541766804</v>
      </c>
    </row>
    <row r="86494" spans="1:7" x14ac:dyDescent="0.3">
      <c r="A86494" s="13" t="s">
        <v>433</v>
      </c>
      <c r="B86494" s="14" t="s">
        <v>1</v>
      </c>
      <c r="C86494" s="14" t="s">
        <v>137</v>
      </c>
      <c r="D86494" s="14" t="s">
        <v>434</v>
      </c>
      <c r="E86494" s="15">
        <v>45730</v>
      </c>
      <c r="F86494" s="14" t="s">
        <v>61</v>
      </c>
      <c r="G86494" s="16">
        <v>6.7302738476257309</v>
      </c>
    </row>
    <row r="86495" spans="1:7" x14ac:dyDescent="0.3">
      <c r="A86495" s="13" t="s">
        <v>433</v>
      </c>
      <c r="B86495" s="14" t="s">
        <v>1</v>
      </c>
      <c r="C86495" s="14" t="s">
        <v>137</v>
      </c>
      <c r="D86495" s="14" t="s">
        <v>434</v>
      </c>
      <c r="E86495" s="15">
        <v>45731</v>
      </c>
      <c r="F86495" s="14" t="s">
        <v>61</v>
      </c>
      <c r="G86495" s="16">
        <v>6.7302738476257309</v>
      </c>
    </row>
    <row r="86496" spans="1:7" x14ac:dyDescent="0.3">
      <c r="A86496" s="13" t="s">
        <v>433</v>
      </c>
      <c r="B86496" s="14" t="s">
        <v>1</v>
      </c>
      <c r="C86496" s="14" t="s">
        <v>137</v>
      </c>
      <c r="D86496" s="14" t="s">
        <v>434</v>
      </c>
      <c r="E86496" s="15">
        <v>45732</v>
      </c>
      <c r="F86496" s="14" t="s">
        <v>61</v>
      </c>
      <c r="G86496" s="16">
        <v>6.7302738476257309</v>
      </c>
    </row>
    <row r="86497" spans="1:7" x14ac:dyDescent="0.3">
      <c r="A86497" s="13" t="s">
        <v>433</v>
      </c>
      <c r="B86497" s="14" t="s">
        <v>1</v>
      </c>
      <c r="C86497" s="14" t="s">
        <v>137</v>
      </c>
      <c r="D86497" s="14" t="s">
        <v>434</v>
      </c>
      <c r="E86497" s="15">
        <v>45733</v>
      </c>
      <c r="F86497" s="14" t="s">
        <v>61</v>
      </c>
      <c r="G86497" s="16">
        <v>6.7302738476257309</v>
      </c>
    </row>
    <row r="86498" spans="1:7" x14ac:dyDescent="0.3">
      <c r="A86498" s="13" t="s">
        <v>433</v>
      </c>
      <c r="B86498" s="14" t="s">
        <v>1</v>
      </c>
      <c r="C86498" s="14" t="s">
        <v>137</v>
      </c>
      <c r="D86498" s="14" t="s">
        <v>434</v>
      </c>
      <c r="E86498" s="15">
        <v>45734</v>
      </c>
      <c r="F86498" s="14" t="s">
        <v>61</v>
      </c>
      <c r="G86498" s="16">
        <v>6.7112126034641229</v>
      </c>
    </row>
    <row r="86499" spans="1:7" x14ac:dyDescent="0.3">
      <c r="A86499" s="13" t="s">
        <v>433</v>
      </c>
      <c r="B86499" s="14" t="s">
        <v>1</v>
      </c>
      <c r="C86499" s="14" t="s">
        <v>137</v>
      </c>
      <c r="D86499" s="14" t="s">
        <v>434</v>
      </c>
      <c r="E86499" s="15">
        <v>45735</v>
      </c>
      <c r="F86499" s="14" t="s">
        <v>61</v>
      </c>
      <c r="G86499" s="16">
        <v>6.813194497693158</v>
      </c>
    </row>
    <row r="86500" spans="1:7" x14ac:dyDescent="0.3">
      <c r="A86500" s="13" t="s">
        <v>433</v>
      </c>
      <c r="B86500" s="14" t="s">
        <v>1</v>
      </c>
      <c r="C86500" s="14" t="s">
        <v>137</v>
      </c>
      <c r="D86500" s="14" t="s">
        <v>434</v>
      </c>
      <c r="E86500" s="15">
        <v>45736</v>
      </c>
      <c r="F86500" s="14" t="s">
        <v>61</v>
      </c>
      <c r="G86500" s="16">
        <v>6.8634625938059886</v>
      </c>
    </row>
    <row r="86501" spans="1:7" x14ac:dyDescent="0.3">
      <c r="A86501" s="13" t="s">
        <v>433</v>
      </c>
      <c r="B86501" s="14" t="s">
        <v>1</v>
      </c>
      <c r="C86501" s="14" t="s">
        <v>137</v>
      </c>
      <c r="D86501" s="14" t="s">
        <v>434</v>
      </c>
      <c r="E86501" s="15">
        <v>45737</v>
      </c>
      <c r="F86501" s="14" t="s">
        <v>61</v>
      </c>
      <c r="G86501" s="16">
        <v>6.9113436890982669</v>
      </c>
    </row>
    <row r="86502" spans="1:7" x14ac:dyDescent="0.3">
      <c r="A86502" s="13" t="s">
        <v>433</v>
      </c>
      <c r="B86502" s="14" t="s">
        <v>1</v>
      </c>
      <c r="C86502" s="14" t="s">
        <v>137</v>
      </c>
      <c r="D86502" s="14" t="s">
        <v>434</v>
      </c>
      <c r="E86502" s="15">
        <v>45738</v>
      </c>
      <c r="F86502" s="14" t="s">
        <v>61</v>
      </c>
      <c r="G86502" s="16">
        <v>6.9113436890982669</v>
      </c>
    </row>
    <row r="86503" spans="1:7" x14ac:dyDescent="0.3">
      <c r="A86503" s="13" t="s">
        <v>433</v>
      </c>
      <c r="B86503" s="14" t="s">
        <v>1</v>
      </c>
      <c r="C86503" s="14" t="s">
        <v>137</v>
      </c>
      <c r="D86503" s="14" t="s">
        <v>434</v>
      </c>
      <c r="E86503" s="15">
        <v>45739</v>
      </c>
      <c r="F86503" s="14" t="s">
        <v>61</v>
      </c>
      <c r="G86503" s="16">
        <v>6.9113436890982669</v>
      </c>
    </row>
    <row r="86504" spans="1:7" x14ac:dyDescent="0.3">
      <c r="A86504" s="13" t="s">
        <v>433</v>
      </c>
      <c r="B86504" s="14" t="s">
        <v>1</v>
      </c>
      <c r="C86504" s="14" t="s">
        <v>137</v>
      </c>
      <c r="D86504" s="14" t="s">
        <v>434</v>
      </c>
      <c r="E86504" s="15">
        <v>45740</v>
      </c>
      <c r="F86504" s="14" t="s">
        <v>61</v>
      </c>
      <c r="G86504" s="16">
        <v>6.9393328574076243</v>
      </c>
    </row>
    <row r="86505" spans="1:7" x14ac:dyDescent="0.3">
      <c r="A86505" s="13" t="s">
        <v>433</v>
      </c>
      <c r="B86505" s="14" t="s">
        <v>1</v>
      </c>
      <c r="C86505" s="14" t="s">
        <v>137</v>
      </c>
      <c r="D86505" s="14" t="s">
        <v>434</v>
      </c>
      <c r="E86505" s="15">
        <v>45741</v>
      </c>
      <c r="F86505" s="14" t="s">
        <v>61</v>
      </c>
      <c r="G86505" s="16">
        <v>7.0021466843947548</v>
      </c>
    </row>
    <row r="86506" spans="1:7" x14ac:dyDescent="0.3">
      <c r="A86506" s="13" t="s">
        <v>433</v>
      </c>
      <c r="B86506" s="14" t="s">
        <v>1</v>
      </c>
      <c r="C86506" s="14" t="s">
        <v>137</v>
      </c>
      <c r="D86506" s="14" t="s">
        <v>434</v>
      </c>
      <c r="E86506" s="15">
        <v>45742</v>
      </c>
      <c r="F86506" s="14" t="s">
        <v>61</v>
      </c>
      <c r="G86506" s="16">
        <v>7.0447736395139406</v>
      </c>
    </row>
    <row r="86507" spans="1:7" x14ac:dyDescent="0.3">
      <c r="A86507" s="13" t="s">
        <v>433</v>
      </c>
      <c r="B86507" s="14" t="s">
        <v>1</v>
      </c>
      <c r="C86507" s="14" t="s">
        <v>137</v>
      </c>
      <c r="D86507" s="14" t="s">
        <v>434</v>
      </c>
      <c r="E86507" s="15">
        <v>45743</v>
      </c>
      <c r="F86507" s="14" t="s">
        <v>61</v>
      </c>
      <c r="G86507" s="16">
        <v>7.0338060867455665</v>
      </c>
    </row>
    <row r="86508" spans="1:7" x14ac:dyDescent="0.3">
      <c r="A86508" s="13" t="s">
        <v>433</v>
      </c>
      <c r="B86508" s="14" t="s">
        <v>1</v>
      </c>
      <c r="C86508" s="14" t="s">
        <v>137</v>
      </c>
      <c r="D86508" s="14" t="s">
        <v>434</v>
      </c>
      <c r="E86508" s="15">
        <v>45744</v>
      </c>
      <c r="F86508" s="14" t="s">
        <v>61</v>
      </c>
      <c r="G86508" s="16">
        <v>7.034435975849906</v>
      </c>
    </row>
    <row r="86509" spans="1:7" x14ac:dyDescent="0.3">
      <c r="A86509" s="13" t="s">
        <v>433</v>
      </c>
      <c r="B86509" s="14" t="s">
        <v>1</v>
      </c>
      <c r="C86509" s="14" t="s">
        <v>137</v>
      </c>
      <c r="D86509" s="14" t="s">
        <v>434</v>
      </c>
      <c r="E86509" s="15">
        <v>45745</v>
      </c>
      <c r="F86509" s="14" t="s">
        <v>61</v>
      </c>
      <c r="G86509" s="16">
        <v>7.034435975849906</v>
      </c>
    </row>
    <row r="86510" spans="1:7" x14ac:dyDescent="0.3">
      <c r="A86510" s="13" t="s">
        <v>433</v>
      </c>
      <c r="B86510" s="14" t="s">
        <v>1</v>
      </c>
      <c r="C86510" s="14" t="s">
        <v>137</v>
      </c>
      <c r="D86510" s="14" t="s">
        <v>434</v>
      </c>
      <c r="E86510" s="15">
        <v>45746</v>
      </c>
      <c r="F86510" s="14" t="s">
        <v>61</v>
      </c>
      <c r="G86510" s="16">
        <v>7.034435975849906</v>
      </c>
    </row>
    <row r="86511" spans="1:7" x14ac:dyDescent="0.3">
      <c r="A86511" s="13" t="s">
        <v>433</v>
      </c>
      <c r="B86511" s="14" t="s">
        <v>1</v>
      </c>
      <c r="C86511" s="14" t="s">
        <v>137</v>
      </c>
      <c r="D86511" s="14" t="s">
        <v>434</v>
      </c>
      <c r="E86511" s="15">
        <v>45747</v>
      </c>
      <c r="F86511" s="14" t="s">
        <v>61</v>
      </c>
      <c r="G86511" s="16">
        <v>7.0622944078638916</v>
      </c>
    </row>
    <row r="86512" spans="1:7" x14ac:dyDescent="0.3">
      <c r="A86512" s="13" t="s">
        <v>435</v>
      </c>
      <c r="B86512" s="14" t="s">
        <v>1</v>
      </c>
      <c r="C86512" s="14" t="s">
        <v>35</v>
      </c>
      <c r="D86512" s="14" t="s">
        <v>84</v>
      </c>
      <c r="E86512" s="15">
        <v>45383</v>
      </c>
      <c r="F86512" s="14" t="s">
        <v>25</v>
      </c>
      <c r="G86512" s="16">
        <v>0</v>
      </c>
    </row>
    <row r="86513" spans="1:7" x14ac:dyDescent="0.3">
      <c r="A86513" s="13" t="s">
        <v>435</v>
      </c>
      <c r="B86513" s="14" t="s">
        <v>1</v>
      </c>
      <c r="C86513" s="14" t="s">
        <v>35</v>
      </c>
      <c r="D86513" s="14" t="s">
        <v>84</v>
      </c>
      <c r="E86513" s="15">
        <v>45384</v>
      </c>
      <c r="F86513" s="14" t="s">
        <v>25</v>
      </c>
      <c r="G86513" s="16">
        <v>0</v>
      </c>
    </row>
    <row r="86514" spans="1:7" x14ac:dyDescent="0.3">
      <c r="A86514" s="13" t="s">
        <v>435</v>
      </c>
      <c r="B86514" s="14" t="s">
        <v>1</v>
      </c>
      <c r="C86514" s="14" t="s">
        <v>35</v>
      </c>
      <c r="D86514" s="14" t="s">
        <v>84</v>
      </c>
      <c r="E86514" s="15">
        <v>45385</v>
      </c>
      <c r="F86514" s="14" t="s">
        <v>25</v>
      </c>
      <c r="G86514" s="16">
        <v>0</v>
      </c>
    </row>
    <row r="86515" spans="1:7" x14ac:dyDescent="0.3">
      <c r="A86515" s="13" t="s">
        <v>435</v>
      </c>
      <c r="B86515" s="14" t="s">
        <v>1</v>
      </c>
      <c r="C86515" s="14" t="s">
        <v>35</v>
      </c>
      <c r="D86515" s="14" t="s">
        <v>84</v>
      </c>
      <c r="E86515" s="15">
        <v>45386</v>
      </c>
      <c r="F86515" s="14" t="s">
        <v>25</v>
      </c>
      <c r="G86515" s="16">
        <v>0</v>
      </c>
    </row>
    <row r="86516" spans="1:7" x14ac:dyDescent="0.3">
      <c r="A86516" s="13" t="s">
        <v>435</v>
      </c>
      <c r="B86516" s="14" t="s">
        <v>1</v>
      </c>
      <c r="C86516" s="14" t="s">
        <v>35</v>
      </c>
      <c r="D86516" s="14" t="s">
        <v>84</v>
      </c>
      <c r="E86516" s="15">
        <v>45387</v>
      </c>
      <c r="F86516" s="14" t="s">
        <v>25</v>
      </c>
      <c r="G86516" s="16">
        <v>0</v>
      </c>
    </row>
    <row r="86517" spans="1:7" x14ac:dyDescent="0.3">
      <c r="A86517" s="13" t="s">
        <v>435</v>
      </c>
      <c r="B86517" s="14" t="s">
        <v>1</v>
      </c>
      <c r="C86517" s="14" t="s">
        <v>35</v>
      </c>
      <c r="D86517" s="14" t="s">
        <v>84</v>
      </c>
      <c r="E86517" s="15">
        <v>45388</v>
      </c>
      <c r="F86517" s="14" t="s">
        <v>25</v>
      </c>
      <c r="G86517" s="16">
        <v>0</v>
      </c>
    </row>
    <row r="86518" spans="1:7" x14ac:dyDescent="0.3">
      <c r="A86518" s="13" t="s">
        <v>435</v>
      </c>
      <c r="B86518" s="14" t="s">
        <v>1</v>
      </c>
      <c r="C86518" s="14" t="s">
        <v>35</v>
      </c>
      <c r="D86518" s="14" t="s">
        <v>84</v>
      </c>
      <c r="E86518" s="15">
        <v>45389</v>
      </c>
      <c r="F86518" s="14" t="s">
        <v>25</v>
      </c>
      <c r="G86518" s="16">
        <v>0</v>
      </c>
    </row>
    <row r="86519" spans="1:7" x14ac:dyDescent="0.3">
      <c r="A86519" s="13" t="s">
        <v>435</v>
      </c>
      <c r="B86519" s="14" t="s">
        <v>1</v>
      </c>
      <c r="C86519" s="14" t="s">
        <v>35</v>
      </c>
      <c r="D86519" s="14" t="s">
        <v>84</v>
      </c>
      <c r="E86519" s="15">
        <v>45390</v>
      </c>
      <c r="F86519" s="14" t="s">
        <v>25</v>
      </c>
      <c r="G86519" s="16">
        <v>0</v>
      </c>
    </row>
    <row r="86520" spans="1:7" x14ac:dyDescent="0.3">
      <c r="A86520" s="13" t="s">
        <v>435</v>
      </c>
      <c r="B86520" s="14" t="s">
        <v>1</v>
      </c>
      <c r="C86520" s="14" t="s">
        <v>35</v>
      </c>
      <c r="D86520" s="14" t="s">
        <v>84</v>
      </c>
      <c r="E86520" s="15">
        <v>45391</v>
      </c>
      <c r="F86520" s="14" t="s">
        <v>25</v>
      </c>
      <c r="G86520" s="16">
        <v>0</v>
      </c>
    </row>
    <row r="86521" spans="1:7" x14ac:dyDescent="0.3">
      <c r="A86521" s="13" t="s">
        <v>435</v>
      </c>
      <c r="B86521" s="14" t="s">
        <v>1</v>
      </c>
      <c r="C86521" s="14" t="s">
        <v>35</v>
      </c>
      <c r="D86521" s="14" t="s">
        <v>84</v>
      </c>
      <c r="E86521" s="15">
        <v>45392</v>
      </c>
      <c r="F86521" s="14" t="s">
        <v>25</v>
      </c>
      <c r="G86521" s="16">
        <v>0</v>
      </c>
    </row>
    <row r="86522" spans="1:7" x14ac:dyDescent="0.3">
      <c r="A86522" s="13" t="s">
        <v>435</v>
      </c>
      <c r="B86522" s="14" t="s">
        <v>1</v>
      </c>
      <c r="C86522" s="14" t="s">
        <v>35</v>
      </c>
      <c r="D86522" s="14" t="s">
        <v>84</v>
      </c>
      <c r="E86522" s="15">
        <v>45393</v>
      </c>
      <c r="F86522" s="14" t="s">
        <v>25</v>
      </c>
      <c r="G86522" s="16">
        <v>0</v>
      </c>
    </row>
    <row r="86523" spans="1:7" x14ac:dyDescent="0.3">
      <c r="A86523" s="13" t="s">
        <v>435</v>
      </c>
      <c r="B86523" s="14" t="s">
        <v>1</v>
      </c>
      <c r="C86523" s="14" t="s">
        <v>35</v>
      </c>
      <c r="D86523" s="14" t="s">
        <v>84</v>
      </c>
      <c r="E86523" s="15">
        <v>45394</v>
      </c>
      <c r="F86523" s="14" t="s">
        <v>25</v>
      </c>
      <c r="G86523" s="16">
        <v>0</v>
      </c>
    </row>
    <row r="86524" spans="1:7" x14ac:dyDescent="0.3">
      <c r="A86524" s="13" t="s">
        <v>435</v>
      </c>
      <c r="B86524" s="14" t="s">
        <v>1</v>
      </c>
      <c r="C86524" s="14" t="s">
        <v>35</v>
      </c>
      <c r="D86524" s="14" t="s">
        <v>84</v>
      </c>
      <c r="E86524" s="15">
        <v>45395</v>
      </c>
      <c r="F86524" s="14" t="s">
        <v>25</v>
      </c>
      <c r="G86524" s="16">
        <v>0</v>
      </c>
    </row>
    <row r="86525" spans="1:7" x14ac:dyDescent="0.3">
      <c r="A86525" s="13" t="s">
        <v>435</v>
      </c>
      <c r="B86525" s="14" t="s">
        <v>1</v>
      </c>
      <c r="C86525" s="14" t="s">
        <v>35</v>
      </c>
      <c r="D86525" s="14" t="s">
        <v>84</v>
      </c>
      <c r="E86525" s="15">
        <v>45396</v>
      </c>
      <c r="F86525" s="14" t="s">
        <v>25</v>
      </c>
      <c r="G86525" s="16">
        <v>0</v>
      </c>
    </row>
    <row r="86526" spans="1:7" x14ac:dyDescent="0.3">
      <c r="A86526" s="13" t="s">
        <v>435</v>
      </c>
      <c r="B86526" s="14" t="s">
        <v>1</v>
      </c>
      <c r="C86526" s="14" t="s">
        <v>35</v>
      </c>
      <c r="D86526" s="14" t="s">
        <v>84</v>
      </c>
      <c r="E86526" s="15">
        <v>45397</v>
      </c>
      <c r="F86526" s="14" t="s">
        <v>25</v>
      </c>
      <c r="G86526" s="16">
        <v>0</v>
      </c>
    </row>
    <row r="86527" spans="1:7" x14ac:dyDescent="0.3">
      <c r="A86527" s="13" t="s">
        <v>435</v>
      </c>
      <c r="B86527" s="14" t="s">
        <v>1</v>
      </c>
      <c r="C86527" s="14" t="s">
        <v>35</v>
      </c>
      <c r="D86527" s="14" t="s">
        <v>84</v>
      </c>
      <c r="E86527" s="15">
        <v>45398</v>
      </c>
      <c r="F86527" s="14" t="s">
        <v>25</v>
      </c>
      <c r="G86527" s="16">
        <v>0</v>
      </c>
    </row>
    <row r="86528" spans="1:7" x14ac:dyDescent="0.3">
      <c r="A86528" s="13" t="s">
        <v>435</v>
      </c>
      <c r="B86528" s="14" t="s">
        <v>1</v>
      </c>
      <c r="C86528" s="14" t="s">
        <v>35</v>
      </c>
      <c r="D86528" s="14" t="s">
        <v>84</v>
      </c>
      <c r="E86528" s="15">
        <v>45399</v>
      </c>
      <c r="F86528" s="14" t="s">
        <v>25</v>
      </c>
      <c r="G86528" s="16">
        <v>0</v>
      </c>
    </row>
    <row r="86529" spans="1:7" x14ac:dyDescent="0.3">
      <c r="A86529" s="13" t="s">
        <v>435</v>
      </c>
      <c r="B86529" s="14" t="s">
        <v>1</v>
      </c>
      <c r="C86529" s="14" t="s">
        <v>35</v>
      </c>
      <c r="D86529" s="14" t="s">
        <v>84</v>
      </c>
      <c r="E86529" s="15">
        <v>45400</v>
      </c>
      <c r="F86529" s="14" t="s">
        <v>25</v>
      </c>
      <c r="G86529" s="16">
        <v>0</v>
      </c>
    </row>
    <row r="86530" spans="1:7" x14ac:dyDescent="0.3">
      <c r="A86530" s="13" t="s">
        <v>435</v>
      </c>
      <c r="B86530" s="14" t="s">
        <v>1</v>
      </c>
      <c r="C86530" s="14" t="s">
        <v>35</v>
      </c>
      <c r="D86530" s="14" t="s">
        <v>84</v>
      </c>
      <c r="E86530" s="15">
        <v>45401</v>
      </c>
      <c r="F86530" s="14" t="s">
        <v>25</v>
      </c>
      <c r="G86530" s="16">
        <v>0</v>
      </c>
    </row>
    <row r="86531" spans="1:7" x14ac:dyDescent="0.3">
      <c r="A86531" s="13" t="s">
        <v>435</v>
      </c>
      <c r="B86531" s="14" t="s">
        <v>1</v>
      </c>
      <c r="C86531" s="14" t="s">
        <v>35</v>
      </c>
      <c r="D86531" s="14" t="s">
        <v>84</v>
      </c>
      <c r="E86531" s="15">
        <v>45402</v>
      </c>
      <c r="F86531" s="14" t="s">
        <v>25</v>
      </c>
      <c r="G86531" s="16">
        <v>0</v>
      </c>
    </row>
    <row r="86532" spans="1:7" x14ac:dyDescent="0.3">
      <c r="A86532" s="13" t="s">
        <v>435</v>
      </c>
      <c r="B86532" s="14" t="s">
        <v>1</v>
      </c>
      <c r="C86532" s="14" t="s">
        <v>35</v>
      </c>
      <c r="D86532" s="14" t="s">
        <v>84</v>
      </c>
      <c r="E86532" s="15">
        <v>45403</v>
      </c>
      <c r="F86532" s="14" t="s">
        <v>25</v>
      </c>
      <c r="G86532" s="16">
        <v>0</v>
      </c>
    </row>
    <row r="86533" spans="1:7" x14ac:dyDescent="0.3">
      <c r="A86533" s="13" t="s">
        <v>435</v>
      </c>
      <c r="B86533" s="14" t="s">
        <v>1</v>
      </c>
      <c r="C86533" s="14" t="s">
        <v>35</v>
      </c>
      <c r="D86533" s="14" t="s">
        <v>84</v>
      </c>
      <c r="E86533" s="15">
        <v>45404</v>
      </c>
      <c r="F86533" s="14" t="s">
        <v>25</v>
      </c>
      <c r="G86533" s="16">
        <v>0</v>
      </c>
    </row>
    <row r="86534" spans="1:7" x14ac:dyDescent="0.3">
      <c r="A86534" s="13" t="s">
        <v>435</v>
      </c>
      <c r="B86534" s="14" t="s">
        <v>1</v>
      </c>
      <c r="C86534" s="14" t="s">
        <v>35</v>
      </c>
      <c r="D86534" s="14" t="s">
        <v>84</v>
      </c>
      <c r="E86534" s="15">
        <v>45405</v>
      </c>
      <c r="F86534" s="14" t="s">
        <v>25</v>
      </c>
      <c r="G86534" s="16">
        <v>0</v>
      </c>
    </row>
    <row r="86535" spans="1:7" x14ac:dyDescent="0.3">
      <c r="A86535" s="13" t="s">
        <v>435</v>
      </c>
      <c r="B86535" s="14" t="s">
        <v>1</v>
      </c>
      <c r="C86535" s="14" t="s">
        <v>35</v>
      </c>
      <c r="D86535" s="14" t="s">
        <v>84</v>
      </c>
      <c r="E86535" s="15">
        <v>45406</v>
      </c>
      <c r="F86535" s="14" t="s">
        <v>25</v>
      </c>
      <c r="G86535" s="16">
        <v>0</v>
      </c>
    </row>
    <row r="86536" spans="1:7" x14ac:dyDescent="0.3">
      <c r="A86536" s="13" t="s">
        <v>435</v>
      </c>
      <c r="B86536" s="14" t="s">
        <v>1</v>
      </c>
      <c r="C86536" s="14" t="s">
        <v>35</v>
      </c>
      <c r="D86536" s="14" t="s">
        <v>84</v>
      </c>
      <c r="E86536" s="15">
        <v>45407</v>
      </c>
      <c r="F86536" s="14" t="s">
        <v>25</v>
      </c>
      <c r="G86536" s="16">
        <v>0</v>
      </c>
    </row>
    <row r="86537" spans="1:7" x14ac:dyDescent="0.3">
      <c r="A86537" s="13" t="s">
        <v>435</v>
      </c>
      <c r="B86537" s="14" t="s">
        <v>1</v>
      </c>
      <c r="C86537" s="14" t="s">
        <v>35</v>
      </c>
      <c r="D86537" s="14" t="s">
        <v>84</v>
      </c>
      <c r="E86537" s="15">
        <v>45408</v>
      </c>
      <c r="F86537" s="14" t="s">
        <v>25</v>
      </c>
      <c r="G86537" s="16">
        <v>0</v>
      </c>
    </row>
    <row r="86538" spans="1:7" x14ac:dyDescent="0.3">
      <c r="A86538" s="13" t="s">
        <v>435</v>
      </c>
      <c r="B86538" s="14" t="s">
        <v>1</v>
      </c>
      <c r="C86538" s="14" t="s">
        <v>35</v>
      </c>
      <c r="D86538" s="14" t="s">
        <v>84</v>
      </c>
      <c r="E86538" s="15">
        <v>45409</v>
      </c>
      <c r="F86538" s="14" t="s">
        <v>25</v>
      </c>
      <c r="G86538" s="16">
        <v>0</v>
      </c>
    </row>
    <row r="86539" spans="1:7" x14ac:dyDescent="0.3">
      <c r="A86539" s="13" t="s">
        <v>435</v>
      </c>
      <c r="B86539" s="14" t="s">
        <v>1</v>
      </c>
      <c r="C86539" s="14" t="s">
        <v>35</v>
      </c>
      <c r="D86539" s="14" t="s">
        <v>84</v>
      </c>
      <c r="E86539" s="15">
        <v>45410</v>
      </c>
      <c r="F86539" s="14" t="s">
        <v>25</v>
      </c>
      <c r="G86539" s="16">
        <v>0</v>
      </c>
    </row>
    <row r="86540" spans="1:7" x14ac:dyDescent="0.3">
      <c r="A86540" s="13" t="s">
        <v>435</v>
      </c>
      <c r="B86540" s="14" t="s">
        <v>1</v>
      </c>
      <c r="C86540" s="14" t="s">
        <v>35</v>
      </c>
      <c r="D86540" s="14" t="s">
        <v>84</v>
      </c>
      <c r="E86540" s="15">
        <v>45411</v>
      </c>
      <c r="F86540" s="14" t="s">
        <v>25</v>
      </c>
      <c r="G86540" s="16">
        <v>0</v>
      </c>
    </row>
    <row r="86541" spans="1:7" x14ac:dyDescent="0.3">
      <c r="A86541" s="13" t="s">
        <v>435</v>
      </c>
      <c r="B86541" s="14" t="s">
        <v>1</v>
      </c>
      <c r="C86541" s="14" t="s">
        <v>35</v>
      </c>
      <c r="D86541" s="14" t="s">
        <v>84</v>
      </c>
      <c r="E86541" s="15">
        <v>45412</v>
      </c>
      <c r="F86541" s="14" t="s">
        <v>25</v>
      </c>
      <c r="G86541" s="16">
        <v>0</v>
      </c>
    </row>
    <row r="86542" spans="1:7" x14ac:dyDescent="0.3">
      <c r="A86542" s="13" t="s">
        <v>435</v>
      </c>
      <c r="B86542" s="14" t="s">
        <v>1</v>
      </c>
      <c r="C86542" s="14" t="s">
        <v>35</v>
      </c>
      <c r="D86542" s="14" t="s">
        <v>84</v>
      </c>
      <c r="E86542" s="15">
        <v>45413</v>
      </c>
      <c r="F86542" s="14" t="s">
        <v>25</v>
      </c>
      <c r="G86542" s="16">
        <v>0</v>
      </c>
    </row>
    <row r="86543" spans="1:7" x14ac:dyDescent="0.3">
      <c r="A86543" s="13" t="s">
        <v>435</v>
      </c>
      <c r="B86543" s="14" t="s">
        <v>1</v>
      </c>
      <c r="C86543" s="14" t="s">
        <v>35</v>
      </c>
      <c r="D86543" s="14" t="s">
        <v>84</v>
      </c>
      <c r="E86543" s="15">
        <v>45414</v>
      </c>
      <c r="F86543" s="14" t="s">
        <v>25</v>
      </c>
      <c r="G86543" s="16">
        <v>0</v>
      </c>
    </row>
    <row r="86544" spans="1:7" x14ac:dyDescent="0.3">
      <c r="A86544" s="13" t="s">
        <v>435</v>
      </c>
      <c r="B86544" s="14" t="s">
        <v>1</v>
      </c>
      <c r="C86544" s="14" t="s">
        <v>35</v>
      </c>
      <c r="D86544" s="14" t="s">
        <v>84</v>
      </c>
      <c r="E86544" s="15">
        <v>45415</v>
      </c>
      <c r="F86544" s="14" t="s">
        <v>25</v>
      </c>
      <c r="G86544" s="16">
        <v>0</v>
      </c>
    </row>
    <row r="86545" spans="1:7" x14ac:dyDescent="0.3">
      <c r="A86545" s="13" t="s">
        <v>435</v>
      </c>
      <c r="B86545" s="14" t="s">
        <v>1</v>
      </c>
      <c r="C86545" s="14" t="s">
        <v>35</v>
      </c>
      <c r="D86545" s="14" t="s">
        <v>84</v>
      </c>
      <c r="E86545" s="15">
        <v>45416</v>
      </c>
      <c r="F86545" s="14" t="s">
        <v>25</v>
      </c>
      <c r="G86545" s="16">
        <v>0</v>
      </c>
    </row>
    <row r="86546" spans="1:7" x14ac:dyDescent="0.3">
      <c r="A86546" s="13" t="s">
        <v>435</v>
      </c>
      <c r="B86546" s="14" t="s">
        <v>1</v>
      </c>
      <c r="C86546" s="14" t="s">
        <v>35</v>
      </c>
      <c r="D86546" s="14" t="s">
        <v>84</v>
      </c>
      <c r="E86546" s="15">
        <v>45417</v>
      </c>
      <c r="F86546" s="14" t="s">
        <v>25</v>
      </c>
      <c r="G86546" s="16">
        <v>0</v>
      </c>
    </row>
    <row r="86547" spans="1:7" x14ac:dyDescent="0.3">
      <c r="A86547" s="13" t="s">
        <v>435</v>
      </c>
      <c r="B86547" s="14" t="s">
        <v>1</v>
      </c>
      <c r="C86547" s="14" t="s">
        <v>35</v>
      </c>
      <c r="D86547" s="14" t="s">
        <v>84</v>
      </c>
      <c r="E86547" s="15">
        <v>45418</v>
      </c>
      <c r="F86547" s="14" t="s">
        <v>25</v>
      </c>
      <c r="G86547" s="16">
        <v>0</v>
      </c>
    </row>
    <row r="86548" spans="1:7" x14ac:dyDescent="0.3">
      <c r="A86548" s="13" t="s">
        <v>435</v>
      </c>
      <c r="B86548" s="14" t="s">
        <v>1</v>
      </c>
      <c r="C86548" s="14" t="s">
        <v>35</v>
      </c>
      <c r="D86548" s="14" t="s">
        <v>84</v>
      </c>
      <c r="E86548" s="15">
        <v>45419</v>
      </c>
      <c r="F86548" s="14" t="s">
        <v>25</v>
      </c>
      <c r="G86548" s="16">
        <v>0</v>
      </c>
    </row>
    <row r="86549" spans="1:7" x14ac:dyDescent="0.3">
      <c r="A86549" s="13" t="s">
        <v>435</v>
      </c>
      <c r="B86549" s="14" t="s">
        <v>1</v>
      </c>
      <c r="C86549" s="14" t="s">
        <v>35</v>
      </c>
      <c r="D86549" s="14" t="s">
        <v>84</v>
      </c>
      <c r="E86549" s="15">
        <v>45420</v>
      </c>
      <c r="F86549" s="14" t="s">
        <v>25</v>
      </c>
      <c r="G86549" s="16">
        <v>0</v>
      </c>
    </row>
    <row r="86550" spans="1:7" x14ac:dyDescent="0.3">
      <c r="A86550" s="13" t="s">
        <v>435</v>
      </c>
      <c r="B86550" s="14" t="s">
        <v>1</v>
      </c>
      <c r="C86550" s="14" t="s">
        <v>35</v>
      </c>
      <c r="D86550" s="14" t="s">
        <v>84</v>
      </c>
      <c r="E86550" s="15">
        <v>45421</v>
      </c>
      <c r="F86550" s="14" t="s">
        <v>25</v>
      </c>
      <c r="G86550" s="16">
        <v>0</v>
      </c>
    </row>
    <row r="86551" spans="1:7" x14ac:dyDescent="0.3">
      <c r="A86551" s="13" t="s">
        <v>435</v>
      </c>
      <c r="B86551" s="14" t="s">
        <v>1</v>
      </c>
      <c r="C86551" s="14" t="s">
        <v>35</v>
      </c>
      <c r="D86551" s="14" t="s">
        <v>84</v>
      </c>
      <c r="E86551" s="15">
        <v>45422</v>
      </c>
      <c r="F86551" s="14" t="s">
        <v>25</v>
      </c>
      <c r="G86551" s="16">
        <v>0</v>
      </c>
    </row>
    <row r="86552" spans="1:7" x14ac:dyDescent="0.3">
      <c r="A86552" s="13" t="s">
        <v>435</v>
      </c>
      <c r="B86552" s="14" t="s">
        <v>1</v>
      </c>
      <c r="C86552" s="14" t="s">
        <v>35</v>
      </c>
      <c r="D86552" s="14" t="s">
        <v>84</v>
      </c>
      <c r="E86552" s="15">
        <v>45423</v>
      </c>
      <c r="F86552" s="14" t="s">
        <v>25</v>
      </c>
      <c r="G86552" s="16">
        <v>0</v>
      </c>
    </row>
    <row r="86553" spans="1:7" x14ac:dyDescent="0.3">
      <c r="A86553" s="13" t="s">
        <v>435</v>
      </c>
      <c r="B86553" s="14" t="s">
        <v>1</v>
      </c>
      <c r="C86553" s="14" t="s">
        <v>35</v>
      </c>
      <c r="D86553" s="14" t="s">
        <v>84</v>
      </c>
      <c r="E86553" s="15">
        <v>45424</v>
      </c>
      <c r="F86553" s="14" t="s">
        <v>25</v>
      </c>
      <c r="G86553" s="16">
        <v>0</v>
      </c>
    </row>
    <row r="86554" spans="1:7" x14ac:dyDescent="0.3">
      <c r="A86554" s="13" t="s">
        <v>435</v>
      </c>
      <c r="B86554" s="14" t="s">
        <v>1</v>
      </c>
      <c r="C86554" s="14" t="s">
        <v>35</v>
      </c>
      <c r="D86554" s="14" t="s">
        <v>84</v>
      </c>
      <c r="E86554" s="15">
        <v>45425</v>
      </c>
      <c r="F86554" s="14" t="s">
        <v>25</v>
      </c>
      <c r="G86554" s="16">
        <v>0</v>
      </c>
    </row>
    <row r="86555" spans="1:7" x14ac:dyDescent="0.3">
      <c r="A86555" s="13" t="s">
        <v>435</v>
      </c>
      <c r="B86555" s="14" t="s">
        <v>1</v>
      </c>
      <c r="C86555" s="14" t="s">
        <v>35</v>
      </c>
      <c r="D86555" s="14" t="s">
        <v>84</v>
      </c>
      <c r="E86555" s="15">
        <v>45426</v>
      </c>
      <c r="F86555" s="14" t="s">
        <v>25</v>
      </c>
      <c r="G86555" s="16">
        <v>0</v>
      </c>
    </row>
    <row r="86556" spans="1:7" x14ac:dyDescent="0.3">
      <c r="A86556" s="13" t="s">
        <v>435</v>
      </c>
      <c r="B86556" s="14" t="s">
        <v>1</v>
      </c>
      <c r="C86556" s="14" t="s">
        <v>35</v>
      </c>
      <c r="D86556" s="14" t="s">
        <v>84</v>
      </c>
      <c r="E86556" s="15">
        <v>45427</v>
      </c>
      <c r="F86556" s="14" t="s">
        <v>25</v>
      </c>
      <c r="G86556" s="16">
        <v>0</v>
      </c>
    </row>
    <row r="86557" spans="1:7" x14ac:dyDescent="0.3">
      <c r="A86557" s="13" t="s">
        <v>435</v>
      </c>
      <c r="B86557" s="14" t="s">
        <v>1</v>
      </c>
      <c r="C86557" s="14" t="s">
        <v>35</v>
      </c>
      <c r="D86557" s="14" t="s">
        <v>84</v>
      </c>
      <c r="E86557" s="15">
        <v>45428</v>
      </c>
      <c r="F86557" s="14" t="s">
        <v>25</v>
      </c>
      <c r="G86557" s="16">
        <v>0</v>
      </c>
    </row>
    <row r="86558" spans="1:7" x14ac:dyDescent="0.3">
      <c r="A86558" s="13" t="s">
        <v>435</v>
      </c>
      <c r="B86558" s="14" t="s">
        <v>1</v>
      </c>
      <c r="C86558" s="14" t="s">
        <v>35</v>
      </c>
      <c r="D86558" s="14" t="s">
        <v>84</v>
      </c>
      <c r="E86558" s="15">
        <v>45429</v>
      </c>
      <c r="F86558" s="14" t="s">
        <v>25</v>
      </c>
      <c r="G86558" s="16">
        <v>0</v>
      </c>
    </row>
    <row r="86559" spans="1:7" x14ac:dyDescent="0.3">
      <c r="A86559" s="13" t="s">
        <v>435</v>
      </c>
      <c r="B86559" s="14" t="s">
        <v>1</v>
      </c>
      <c r="C86559" s="14" t="s">
        <v>35</v>
      </c>
      <c r="D86559" s="14" t="s">
        <v>84</v>
      </c>
      <c r="E86559" s="15">
        <v>45430</v>
      </c>
      <c r="F86559" s="14" t="s">
        <v>25</v>
      </c>
      <c r="G86559" s="16">
        <v>0</v>
      </c>
    </row>
    <row r="86560" spans="1:7" x14ac:dyDescent="0.3">
      <c r="A86560" s="13" t="s">
        <v>435</v>
      </c>
      <c r="B86560" s="14" t="s">
        <v>1</v>
      </c>
      <c r="C86560" s="14" t="s">
        <v>35</v>
      </c>
      <c r="D86560" s="14" t="s">
        <v>84</v>
      </c>
      <c r="E86560" s="15">
        <v>45431</v>
      </c>
      <c r="F86560" s="14" t="s">
        <v>25</v>
      </c>
      <c r="G86560" s="16">
        <v>0</v>
      </c>
    </row>
    <row r="86561" spans="1:7" x14ac:dyDescent="0.3">
      <c r="A86561" s="13" t="s">
        <v>435</v>
      </c>
      <c r="B86561" s="14" t="s">
        <v>1</v>
      </c>
      <c r="C86561" s="14" t="s">
        <v>35</v>
      </c>
      <c r="D86561" s="14" t="s">
        <v>84</v>
      </c>
      <c r="E86561" s="15">
        <v>45432</v>
      </c>
      <c r="F86561" s="14" t="s">
        <v>25</v>
      </c>
      <c r="G86561" s="16">
        <v>0</v>
      </c>
    </row>
    <row r="86562" spans="1:7" x14ac:dyDescent="0.3">
      <c r="A86562" s="13" t="s">
        <v>435</v>
      </c>
      <c r="B86562" s="14" t="s">
        <v>1</v>
      </c>
      <c r="C86562" s="14" t="s">
        <v>35</v>
      </c>
      <c r="D86562" s="14" t="s">
        <v>84</v>
      </c>
      <c r="E86562" s="15">
        <v>45433</v>
      </c>
      <c r="F86562" s="14" t="s">
        <v>25</v>
      </c>
      <c r="G86562" s="16">
        <v>0</v>
      </c>
    </row>
    <row r="86563" spans="1:7" x14ac:dyDescent="0.3">
      <c r="A86563" s="13" t="s">
        <v>435</v>
      </c>
      <c r="B86563" s="14" t="s">
        <v>1</v>
      </c>
      <c r="C86563" s="14" t="s">
        <v>35</v>
      </c>
      <c r="D86563" s="14" t="s">
        <v>84</v>
      </c>
      <c r="E86563" s="15">
        <v>45434</v>
      </c>
      <c r="F86563" s="14" t="s">
        <v>25</v>
      </c>
      <c r="G86563" s="16">
        <v>0</v>
      </c>
    </row>
    <row r="86564" spans="1:7" x14ac:dyDescent="0.3">
      <c r="A86564" s="13" t="s">
        <v>435</v>
      </c>
      <c r="B86564" s="14" t="s">
        <v>1</v>
      </c>
      <c r="C86564" s="14" t="s">
        <v>35</v>
      </c>
      <c r="D86564" s="14" t="s">
        <v>84</v>
      </c>
      <c r="E86564" s="15">
        <v>45435</v>
      </c>
      <c r="F86564" s="14" t="s">
        <v>25</v>
      </c>
      <c r="G86564" s="16">
        <v>0</v>
      </c>
    </row>
    <row r="86565" spans="1:7" x14ac:dyDescent="0.3">
      <c r="A86565" s="13" t="s">
        <v>435</v>
      </c>
      <c r="B86565" s="14" t="s">
        <v>1</v>
      </c>
      <c r="C86565" s="14" t="s">
        <v>35</v>
      </c>
      <c r="D86565" s="14" t="s">
        <v>84</v>
      </c>
      <c r="E86565" s="15">
        <v>45436</v>
      </c>
      <c r="F86565" s="14" t="s">
        <v>25</v>
      </c>
      <c r="G86565" s="16">
        <v>0</v>
      </c>
    </row>
    <row r="86566" spans="1:7" x14ac:dyDescent="0.3">
      <c r="A86566" s="13" t="s">
        <v>435</v>
      </c>
      <c r="B86566" s="14" t="s">
        <v>1</v>
      </c>
      <c r="C86566" s="14" t="s">
        <v>35</v>
      </c>
      <c r="D86566" s="14" t="s">
        <v>84</v>
      </c>
      <c r="E86566" s="15">
        <v>45437</v>
      </c>
      <c r="F86566" s="14" t="s">
        <v>25</v>
      </c>
      <c r="G86566" s="16">
        <v>0</v>
      </c>
    </row>
    <row r="86567" spans="1:7" x14ac:dyDescent="0.3">
      <c r="A86567" s="13" t="s">
        <v>435</v>
      </c>
      <c r="B86567" s="14" t="s">
        <v>1</v>
      </c>
      <c r="C86567" s="14" t="s">
        <v>35</v>
      </c>
      <c r="D86567" s="14" t="s">
        <v>84</v>
      </c>
      <c r="E86567" s="15">
        <v>45438</v>
      </c>
      <c r="F86567" s="14" t="s">
        <v>25</v>
      </c>
      <c r="G86567" s="16">
        <v>0</v>
      </c>
    </row>
    <row r="86568" spans="1:7" x14ac:dyDescent="0.3">
      <c r="A86568" s="13" t="s">
        <v>435</v>
      </c>
      <c r="B86568" s="14" t="s">
        <v>1</v>
      </c>
      <c r="C86568" s="14" t="s">
        <v>35</v>
      </c>
      <c r="D86568" s="14" t="s">
        <v>84</v>
      </c>
      <c r="E86568" s="15">
        <v>45439</v>
      </c>
      <c r="F86568" s="14" t="s">
        <v>25</v>
      </c>
      <c r="G86568" s="16">
        <v>0</v>
      </c>
    </row>
    <row r="86569" spans="1:7" x14ac:dyDescent="0.3">
      <c r="A86569" s="13" t="s">
        <v>435</v>
      </c>
      <c r="B86569" s="14" t="s">
        <v>1</v>
      </c>
      <c r="C86569" s="14" t="s">
        <v>35</v>
      </c>
      <c r="D86569" s="14" t="s">
        <v>84</v>
      </c>
      <c r="E86569" s="15">
        <v>45440</v>
      </c>
      <c r="F86569" s="14" t="s">
        <v>25</v>
      </c>
      <c r="G86569" s="16">
        <v>0</v>
      </c>
    </row>
    <row r="86570" spans="1:7" x14ac:dyDescent="0.3">
      <c r="A86570" s="13" t="s">
        <v>435</v>
      </c>
      <c r="B86570" s="14" t="s">
        <v>1</v>
      </c>
      <c r="C86570" s="14" t="s">
        <v>35</v>
      </c>
      <c r="D86570" s="14" t="s">
        <v>84</v>
      </c>
      <c r="E86570" s="15">
        <v>45441</v>
      </c>
      <c r="F86570" s="14" t="s">
        <v>25</v>
      </c>
      <c r="G86570" s="16">
        <v>0</v>
      </c>
    </row>
    <row r="86571" spans="1:7" x14ac:dyDescent="0.3">
      <c r="A86571" s="13" t="s">
        <v>435</v>
      </c>
      <c r="B86571" s="14" t="s">
        <v>1</v>
      </c>
      <c r="C86571" s="14" t="s">
        <v>35</v>
      </c>
      <c r="D86571" s="14" t="s">
        <v>84</v>
      </c>
      <c r="E86571" s="15">
        <v>45442</v>
      </c>
      <c r="F86571" s="14" t="s">
        <v>25</v>
      </c>
      <c r="G86571" s="16">
        <v>0</v>
      </c>
    </row>
    <row r="86572" spans="1:7" x14ac:dyDescent="0.3">
      <c r="A86572" s="13" t="s">
        <v>435</v>
      </c>
      <c r="B86572" s="14" t="s">
        <v>1</v>
      </c>
      <c r="C86572" s="14" t="s">
        <v>35</v>
      </c>
      <c r="D86572" s="14" t="s">
        <v>84</v>
      </c>
      <c r="E86572" s="15">
        <v>45443</v>
      </c>
      <c r="F86572" s="14" t="s">
        <v>25</v>
      </c>
      <c r="G86572" s="16">
        <v>0</v>
      </c>
    </row>
    <row r="86573" spans="1:7" x14ac:dyDescent="0.3">
      <c r="A86573" s="13" t="s">
        <v>435</v>
      </c>
      <c r="B86573" s="14" t="s">
        <v>1</v>
      </c>
      <c r="C86573" s="14" t="s">
        <v>35</v>
      </c>
      <c r="D86573" s="14" t="s">
        <v>84</v>
      </c>
      <c r="E86573" s="15">
        <v>45444</v>
      </c>
      <c r="F86573" s="14" t="s">
        <v>25</v>
      </c>
      <c r="G86573" s="16">
        <v>0</v>
      </c>
    </row>
    <row r="86574" spans="1:7" x14ac:dyDescent="0.3">
      <c r="A86574" s="13" t="s">
        <v>435</v>
      </c>
      <c r="B86574" s="14" t="s">
        <v>1</v>
      </c>
      <c r="C86574" s="14" t="s">
        <v>35</v>
      </c>
      <c r="D86574" s="14" t="s">
        <v>84</v>
      </c>
      <c r="E86574" s="15">
        <v>45445</v>
      </c>
      <c r="F86574" s="14" t="s">
        <v>25</v>
      </c>
      <c r="G86574" s="16">
        <v>0</v>
      </c>
    </row>
    <row r="86575" spans="1:7" x14ac:dyDescent="0.3">
      <c r="A86575" s="13" t="s">
        <v>435</v>
      </c>
      <c r="B86575" s="14" t="s">
        <v>1</v>
      </c>
      <c r="C86575" s="14" t="s">
        <v>35</v>
      </c>
      <c r="D86575" s="14" t="s">
        <v>84</v>
      </c>
      <c r="E86575" s="15">
        <v>45446</v>
      </c>
      <c r="F86575" s="14" t="s">
        <v>25</v>
      </c>
      <c r="G86575" s="16">
        <v>0</v>
      </c>
    </row>
    <row r="86576" spans="1:7" x14ac:dyDescent="0.3">
      <c r="A86576" s="13" t="s">
        <v>435</v>
      </c>
      <c r="B86576" s="14" t="s">
        <v>1</v>
      </c>
      <c r="C86576" s="14" t="s">
        <v>35</v>
      </c>
      <c r="D86576" s="14" t="s">
        <v>84</v>
      </c>
      <c r="E86576" s="15">
        <v>45447</v>
      </c>
      <c r="F86576" s="14" t="s">
        <v>25</v>
      </c>
      <c r="G86576" s="16">
        <v>0</v>
      </c>
    </row>
    <row r="86577" spans="1:7" x14ac:dyDescent="0.3">
      <c r="A86577" s="13" t="s">
        <v>435</v>
      </c>
      <c r="B86577" s="14" t="s">
        <v>1</v>
      </c>
      <c r="C86577" s="14" t="s">
        <v>35</v>
      </c>
      <c r="D86577" s="14" t="s">
        <v>84</v>
      </c>
      <c r="E86577" s="15">
        <v>45448</v>
      </c>
      <c r="F86577" s="14" t="s">
        <v>25</v>
      </c>
      <c r="G86577" s="16">
        <v>0</v>
      </c>
    </row>
    <row r="86578" spans="1:7" x14ac:dyDescent="0.3">
      <c r="A86578" s="13" t="s">
        <v>435</v>
      </c>
      <c r="B86578" s="14" t="s">
        <v>1</v>
      </c>
      <c r="C86578" s="14" t="s">
        <v>35</v>
      </c>
      <c r="D86578" s="14" t="s">
        <v>84</v>
      </c>
      <c r="E86578" s="15">
        <v>45449</v>
      </c>
      <c r="F86578" s="14" t="s">
        <v>25</v>
      </c>
      <c r="G86578" s="16">
        <v>0</v>
      </c>
    </row>
    <row r="86579" spans="1:7" x14ac:dyDescent="0.3">
      <c r="A86579" s="13" t="s">
        <v>435</v>
      </c>
      <c r="B86579" s="14" t="s">
        <v>1</v>
      </c>
      <c r="C86579" s="14" t="s">
        <v>35</v>
      </c>
      <c r="D86579" s="14" t="s">
        <v>84</v>
      </c>
      <c r="E86579" s="15">
        <v>45450</v>
      </c>
      <c r="F86579" s="14" t="s">
        <v>25</v>
      </c>
      <c r="G86579" s="16">
        <v>0</v>
      </c>
    </row>
    <row r="86580" spans="1:7" x14ac:dyDescent="0.3">
      <c r="A86580" s="13" t="s">
        <v>435</v>
      </c>
      <c r="B86580" s="14" t="s">
        <v>1</v>
      </c>
      <c r="C86580" s="14" t="s">
        <v>35</v>
      </c>
      <c r="D86580" s="14" t="s">
        <v>84</v>
      </c>
      <c r="E86580" s="15">
        <v>45451</v>
      </c>
      <c r="F86580" s="14" t="s">
        <v>25</v>
      </c>
      <c r="G86580" s="16">
        <v>0</v>
      </c>
    </row>
    <row r="86581" spans="1:7" x14ac:dyDescent="0.3">
      <c r="A86581" s="13" t="s">
        <v>435</v>
      </c>
      <c r="B86581" s="14" t="s">
        <v>1</v>
      </c>
      <c r="C86581" s="14" t="s">
        <v>35</v>
      </c>
      <c r="D86581" s="14" t="s">
        <v>84</v>
      </c>
      <c r="E86581" s="15">
        <v>45452</v>
      </c>
      <c r="F86581" s="14" t="s">
        <v>25</v>
      </c>
      <c r="G86581" s="16">
        <v>0</v>
      </c>
    </row>
    <row r="86582" spans="1:7" x14ac:dyDescent="0.3">
      <c r="A86582" s="13" t="s">
        <v>435</v>
      </c>
      <c r="B86582" s="14" t="s">
        <v>1</v>
      </c>
      <c r="C86582" s="14" t="s">
        <v>35</v>
      </c>
      <c r="D86582" s="14" t="s">
        <v>84</v>
      </c>
      <c r="E86582" s="15">
        <v>45453</v>
      </c>
      <c r="F86582" s="14" t="s">
        <v>25</v>
      </c>
      <c r="G86582" s="16">
        <v>0</v>
      </c>
    </row>
    <row r="86583" spans="1:7" x14ac:dyDescent="0.3">
      <c r="A86583" s="13" t="s">
        <v>435</v>
      </c>
      <c r="B86583" s="14" t="s">
        <v>1</v>
      </c>
      <c r="C86583" s="14" t="s">
        <v>35</v>
      </c>
      <c r="D86583" s="14" t="s">
        <v>84</v>
      </c>
      <c r="E86583" s="15">
        <v>45454</v>
      </c>
      <c r="F86583" s="14" t="s">
        <v>25</v>
      </c>
      <c r="G86583" s="16">
        <v>0</v>
      </c>
    </row>
    <row r="86584" spans="1:7" x14ac:dyDescent="0.3">
      <c r="A86584" s="13" t="s">
        <v>435</v>
      </c>
      <c r="B86584" s="14" t="s">
        <v>1</v>
      </c>
      <c r="C86584" s="14" t="s">
        <v>35</v>
      </c>
      <c r="D86584" s="14" t="s">
        <v>84</v>
      </c>
      <c r="E86584" s="15">
        <v>45455</v>
      </c>
      <c r="F86584" s="14" t="s">
        <v>25</v>
      </c>
      <c r="G86584" s="16">
        <v>0</v>
      </c>
    </row>
    <row r="86585" spans="1:7" x14ac:dyDescent="0.3">
      <c r="A86585" s="13" t="s">
        <v>435</v>
      </c>
      <c r="B86585" s="14" t="s">
        <v>1</v>
      </c>
      <c r="C86585" s="14" t="s">
        <v>35</v>
      </c>
      <c r="D86585" s="14" t="s">
        <v>84</v>
      </c>
      <c r="E86585" s="15">
        <v>45456</v>
      </c>
      <c r="F86585" s="14" t="s">
        <v>25</v>
      </c>
      <c r="G86585" s="16">
        <v>0</v>
      </c>
    </row>
    <row r="86586" spans="1:7" x14ac:dyDescent="0.3">
      <c r="A86586" s="13" t="s">
        <v>435</v>
      </c>
      <c r="B86586" s="14" t="s">
        <v>1</v>
      </c>
      <c r="C86586" s="14" t="s">
        <v>35</v>
      </c>
      <c r="D86586" s="14" t="s">
        <v>84</v>
      </c>
      <c r="E86586" s="15">
        <v>45457</v>
      </c>
      <c r="F86586" s="14" t="s">
        <v>25</v>
      </c>
      <c r="G86586" s="16">
        <v>1.5834287660156245E-2</v>
      </c>
    </row>
    <row r="86587" spans="1:7" x14ac:dyDescent="0.3">
      <c r="A86587" s="13" t="s">
        <v>435</v>
      </c>
      <c r="B86587" s="14" t="s">
        <v>1</v>
      </c>
      <c r="C86587" s="14" t="s">
        <v>35</v>
      </c>
      <c r="D86587" s="14" t="s">
        <v>84</v>
      </c>
      <c r="E86587" s="15">
        <v>45458</v>
      </c>
      <c r="F86587" s="14" t="s">
        <v>25</v>
      </c>
      <c r="G86587" s="16">
        <v>1.5834287660156245E-2</v>
      </c>
    </row>
    <row r="86588" spans="1:7" x14ac:dyDescent="0.3">
      <c r="A86588" s="13" t="s">
        <v>435</v>
      </c>
      <c r="B86588" s="14" t="s">
        <v>1</v>
      </c>
      <c r="C86588" s="14" t="s">
        <v>35</v>
      </c>
      <c r="D86588" s="14" t="s">
        <v>84</v>
      </c>
      <c r="E86588" s="15">
        <v>45459</v>
      </c>
      <c r="F86588" s="14" t="s">
        <v>25</v>
      </c>
      <c r="G86588" s="16">
        <v>1.5834287660156245E-2</v>
      </c>
    </row>
    <row r="86589" spans="1:7" x14ac:dyDescent="0.3">
      <c r="A86589" s="13" t="s">
        <v>435</v>
      </c>
      <c r="B86589" s="14" t="s">
        <v>1</v>
      </c>
      <c r="C86589" s="14" t="s">
        <v>35</v>
      </c>
      <c r="D86589" s="14" t="s">
        <v>84</v>
      </c>
      <c r="E86589" s="15">
        <v>45460</v>
      </c>
      <c r="F86589" s="14" t="s">
        <v>25</v>
      </c>
      <c r="G86589" s="16">
        <v>1.4037554520367113E-2</v>
      </c>
    </row>
    <row r="86590" spans="1:7" x14ac:dyDescent="0.3">
      <c r="A86590" s="13" t="s">
        <v>435</v>
      </c>
      <c r="B86590" s="14" t="s">
        <v>1</v>
      </c>
      <c r="C86590" s="14" t="s">
        <v>35</v>
      </c>
      <c r="D86590" s="14" t="s">
        <v>84</v>
      </c>
      <c r="E86590" s="15">
        <v>45461</v>
      </c>
      <c r="F86590" s="14" t="s">
        <v>25</v>
      </c>
      <c r="G86590" s="16">
        <v>8.2347113705324732E-3</v>
      </c>
    </row>
    <row r="86591" spans="1:7" x14ac:dyDescent="0.3">
      <c r="A86591" s="13" t="s">
        <v>435</v>
      </c>
      <c r="B86591" s="14" t="s">
        <v>1</v>
      </c>
      <c r="C86591" s="14" t="s">
        <v>35</v>
      </c>
      <c r="D86591" s="14" t="s">
        <v>84</v>
      </c>
      <c r="E86591" s="15">
        <v>45462</v>
      </c>
      <c r="F86591" s="14" t="s">
        <v>25</v>
      </c>
      <c r="G86591" s="16">
        <v>6.4588869914558285E-3</v>
      </c>
    </row>
    <row r="86592" spans="1:7" x14ac:dyDescent="0.3">
      <c r="A86592" s="13" t="s">
        <v>435</v>
      </c>
      <c r="B86592" s="14" t="s">
        <v>1</v>
      </c>
      <c r="C86592" s="14" t="s">
        <v>35</v>
      </c>
      <c r="D86592" s="14" t="s">
        <v>84</v>
      </c>
      <c r="E86592" s="15">
        <v>45463</v>
      </c>
      <c r="F86592" s="14" t="s">
        <v>25</v>
      </c>
      <c r="G86592" s="16">
        <v>4.6791800939335656E-3</v>
      </c>
    </row>
    <row r="86593" spans="1:7" x14ac:dyDescent="0.3">
      <c r="A86593" s="13" t="s">
        <v>435</v>
      </c>
      <c r="B86593" s="14" t="s">
        <v>1</v>
      </c>
      <c r="C86593" s="14" t="s">
        <v>35</v>
      </c>
      <c r="D86593" s="14" t="s">
        <v>84</v>
      </c>
      <c r="E86593" s="15">
        <v>45464</v>
      </c>
      <c r="F86593" s="14" t="s">
        <v>25</v>
      </c>
      <c r="G86593" s="16">
        <v>2.8989449997867912E-3</v>
      </c>
    </row>
    <row r="86594" spans="1:7" x14ac:dyDescent="0.3">
      <c r="A86594" s="13" t="s">
        <v>435</v>
      </c>
      <c r="B86594" s="14" t="s">
        <v>1</v>
      </c>
      <c r="C86594" s="14" t="s">
        <v>35</v>
      </c>
      <c r="D86594" s="14" t="s">
        <v>84</v>
      </c>
      <c r="E86594" s="15">
        <v>45465</v>
      </c>
      <c r="F86594" s="14" t="s">
        <v>25</v>
      </c>
      <c r="G86594" s="16">
        <v>2.8989449997867912E-3</v>
      </c>
    </row>
    <row r="86595" spans="1:7" x14ac:dyDescent="0.3">
      <c r="A86595" s="13" t="s">
        <v>435</v>
      </c>
      <c r="B86595" s="14" t="s">
        <v>1</v>
      </c>
      <c r="C86595" s="14" t="s">
        <v>35</v>
      </c>
      <c r="D86595" s="14" t="s">
        <v>84</v>
      </c>
      <c r="E86595" s="15">
        <v>45466</v>
      </c>
      <c r="F86595" s="14" t="s">
        <v>25</v>
      </c>
      <c r="G86595" s="16">
        <v>2.8989449997867912E-3</v>
      </c>
    </row>
    <row r="86596" spans="1:7" x14ac:dyDescent="0.3">
      <c r="A86596" s="13" t="s">
        <v>435</v>
      </c>
      <c r="B86596" s="14" t="s">
        <v>1</v>
      </c>
      <c r="C86596" s="14" t="s">
        <v>35</v>
      </c>
      <c r="D86596" s="14" t="s">
        <v>84</v>
      </c>
      <c r="E86596" s="15">
        <v>45467</v>
      </c>
      <c r="F86596" s="14" t="s">
        <v>25</v>
      </c>
      <c r="G86596" s="16">
        <v>1.1055289497854551E-3</v>
      </c>
    </row>
    <row r="86597" spans="1:7" x14ac:dyDescent="0.3">
      <c r="A86597" s="13" t="s">
        <v>435</v>
      </c>
      <c r="B86597" s="14" t="s">
        <v>1</v>
      </c>
      <c r="C86597" s="14" t="s">
        <v>35</v>
      </c>
      <c r="D86597" s="14" t="s">
        <v>84</v>
      </c>
      <c r="E86597" s="15">
        <v>45468</v>
      </c>
      <c r="F86597" s="14" t="s">
        <v>25</v>
      </c>
      <c r="G86597" s="16">
        <v>0</v>
      </c>
    </row>
    <row r="86598" spans="1:7" x14ac:dyDescent="0.3">
      <c r="A86598" s="13" t="s">
        <v>435</v>
      </c>
      <c r="B86598" s="14" t="s">
        <v>1</v>
      </c>
      <c r="C86598" s="14" t="s">
        <v>35</v>
      </c>
      <c r="D86598" s="14" t="s">
        <v>84</v>
      </c>
      <c r="E86598" s="15">
        <v>45469</v>
      </c>
      <c r="F86598" s="14" t="s">
        <v>25</v>
      </c>
      <c r="G86598" s="16">
        <v>0</v>
      </c>
    </row>
    <row r="86599" spans="1:7" x14ac:dyDescent="0.3">
      <c r="A86599" s="13" t="s">
        <v>435</v>
      </c>
      <c r="B86599" s="14" t="s">
        <v>1</v>
      </c>
      <c r="C86599" s="14" t="s">
        <v>35</v>
      </c>
      <c r="D86599" s="14" t="s">
        <v>84</v>
      </c>
      <c r="E86599" s="15">
        <v>45470</v>
      </c>
      <c r="F86599" s="14" t="s">
        <v>25</v>
      </c>
      <c r="G86599" s="16">
        <v>0</v>
      </c>
    </row>
    <row r="86600" spans="1:7" x14ac:dyDescent="0.3">
      <c r="A86600" s="13" t="s">
        <v>435</v>
      </c>
      <c r="B86600" s="14" t="s">
        <v>1</v>
      </c>
      <c r="C86600" s="14" t="s">
        <v>35</v>
      </c>
      <c r="D86600" s="14" t="s">
        <v>84</v>
      </c>
      <c r="E86600" s="15">
        <v>45471</v>
      </c>
      <c r="F86600" s="14" t="s">
        <v>25</v>
      </c>
      <c r="G86600" s="16">
        <v>0</v>
      </c>
    </row>
    <row r="86601" spans="1:7" x14ac:dyDescent="0.3">
      <c r="A86601" s="13" t="s">
        <v>435</v>
      </c>
      <c r="B86601" s="14" t="s">
        <v>1</v>
      </c>
      <c r="C86601" s="14" t="s">
        <v>35</v>
      </c>
      <c r="D86601" s="14" t="s">
        <v>84</v>
      </c>
      <c r="E86601" s="15">
        <v>45472</v>
      </c>
      <c r="F86601" s="14" t="s">
        <v>25</v>
      </c>
      <c r="G86601" s="16">
        <v>0</v>
      </c>
    </row>
    <row r="86602" spans="1:7" x14ac:dyDescent="0.3">
      <c r="A86602" s="13" t="s">
        <v>435</v>
      </c>
      <c r="B86602" s="14" t="s">
        <v>1</v>
      </c>
      <c r="C86602" s="14" t="s">
        <v>35</v>
      </c>
      <c r="D86602" s="14" t="s">
        <v>84</v>
      </c>
      <c r="E86602" s="15">
        <v>45473</v>
      </c>
      <c r="F86602" s="14" t="s">
        <v>25</v>
      </c>
      <c r="G86602" s="16">
        <v>0</v>
      </c>
    </row>
    <row r="86603" spans="1:7" x14ac:dyDescent="0.3">
      <c r="A86603" s="13" t="s">
        <v>435</v>
      </c>
      <c r="B86603" s="14" t="s">
        <v>1</v>
      </c>
      <c r="C86603" s="14" t="s">
        <v>35</v>
      </c>
      <c r="D86603" s="14" t="s">
        <v>84</v>
      </c>
      <c r="E86603" s="15">
        <v>45474</v>
      </c>
      <c r="F86603" s="14" t="s">
        <v>25</v>
      </c>
      <c r="G86603" s="16">
        <v>0</v>
      </c>
    </row>
    <row r="86604" spans="1:7" x14ac:dyDescent="0.3">
      <c r="A86604" s="13" t="s">
        <v>435</v>
      </c>
      <c r="B86604" s="14" t="s">
        <v>1</v>
      </c>
      <c r="C86604" s="14" t="s">
        <v>35</v>
      </c>
      <c r="D86604" s="14" t="s">
        <v>84</v>
      </c>
      <c r="E86604" s="15">
        <v>45475</v>
      </c>
      <c r="F86604" s="14" t="s">
        <v>25</v>
      </c>
      <c r="G86604" s="16">
        <v>0</v>
      </c>
    </row>
    <row r="86605" spans="1:7" x14ac:dyDescent="0.3">
      <c r="A86605" s="13" t="s">
        <v>435</v>
      </c>
      <c r="B86605" s="14" t="s">
        <v>1</v>
      </c>
      <c r="C86605" s="14" t="s">
        <v>35</v>
      </c>
      <c r="D86605" s="14" t="s">
        <v>84</v>
      </c>
      <c r="E86605" s="15">
        <v>45476</v>
      </c>
      <c r="F86605" s="14" t="s">
        <v>25</v>
      </c>
      <c r="G86605" s="16">
        <v>0</v>
      </c>
    </row>
    <row r="86606" spans="1:7" x14ac:dyDescent="0.3">
      <c r="A86606" s="13" t="s">
        <v>435</v>
      </c>
      <c r="B86606" s="14" t="s">
        <v>1</v>
      </c>
      <c r="C86606" s="14" t="s">
        <v>35</v>
      </c>
      <c r="D86606" s="14" t="s">
        <v>84</v>
      </c>
      <c r="E86606" s="15">
        <v>45477</v>
      </c>
      <c r="F86606" s="14" t="s">
        <v>25</v>
      </c>
      <c r="G86606" s="16">
        <v>0</v>
      </c>
    </row>
    <row r="86607" spans="1:7" x14ac:dyDescent="0.3">
      <c r="A86607" s="13" t="s">
        <v>435</v>
      </c>
      <c r="B86607" s="14" t="s">
        <v>1</v>
      </c>
      <c r="C86607" s="14" t="s">
        <v>35</v>
      </c>
      <c r="D86607" s="14" t="s">
        <v>84</v>
      </c>
      <c r="E86607" s="15">
        <v>45478</v>
      </c>
      <c r="F86607" s="14" t="s">
        <v>25</v>
      </c>
      <c r="G86607" s="16">
        <v>0</v>
      </c>
    </row>
    <row r="86608" spans="1:7" x14ac:dyDescent="0.3">
      <c r="A86608" s="13" t="s">
        <v>435</v>
      </c>
      <c r="B86608" s="14" t="s">
        <v>1</v>
      </c>
      <c r="C86608" s="14" t="s">
        <v>35</v>
      </c>
      <c r="D86608" s="14" t="s">
        <v>84</v>
      </c>
      <c r="E86608" s="15">
        <v>45479</v>
      </c>
      <c r="F86608" s="14" t="s">
        <v>25</v>
      </c>
      <c r="G86608" s="16">
        <v>0</v>
      </c>
    </row>
    <row r="86609" spans="1:7" x14ac:dyDescent="0.3">
      <c r="A86609" s="13" t="s">
        <v>435</v>
      </c>
      <c r="B86609" s="14" t="s">
        <v>1</v>
      </c>
      <c r="C86609" s="14" t="s">
        <v>35</v>
      </c>
      <c r="D86609" s="14" t="s">
        <v>84</v>
      </c>
      <c r="E86609" s="15">
        <v>45480</v>
      </c>
      <c r="F86609" s="14" t="s">
        <v>25</v>
      </c>
      <c r="G86609" s="16">
        <v>0</v>
      </c>
    </row>
    <row r="86610" spans="1:7" x14ac:dyDescent="0.3">
      <c r="A86610" s="13" t="s">
        <v>435</v>
      </c>
      <c r="B86610" s="14" t="s">
        <v>1</v>
      </c>
      <c r="C86610" s="14" t="s">
        <v>35</v>
      </c>
      <c r="D86610" s="14" t="s">
        <v>84</v>
      </c>
      <c r="E86610" s="15">
        <v>45481</v>
      </c>
      <c r="F86610" s="14" t="s">
        <v>25</v>
      </c>
      <c r="G86610" s="16">
        <v>0</v>
      </c>
    </row>
    <row r="86611" spans="1:7" x14ac:dyDescent="0.3">
      <c r="A86611" s="13" t="s">
        <v>435</v>
      </c>
      <c r="B86611" s="14" t="s">
        <v>1</v>
      </c>
      <c r="C86611" s="14" t="s">
        <v>35</v>
      </c>
      <c r="D86611" s="14" t="s">
        <v>84</v>
      </c>
      <c r="E86611" s="15">
        <v>45482</v>
      </c>
      <c r="F86611" s="14" t="s">
        <v>25</v>
      </c>
      <c r="G86611" s="16">
        <v>0</v>
      </c>
    </row>
    <row r="86612" spans="1:7" x14ac:dyDescent="0.3">
      <c r="A86612" s="13" t="s">
        <v>435</v>
      </c>
      <c r="B86612" s="14" t="s">
        <v>1</v>
      </c>
      <c r="C86612" s="14" t="s">
        <v>35</v>
      </c>
      <c r="D86612" s="14" t="s">
        <v>84</v>
      </c>
      <c r="E86612" s="15">
        <v>45483</v>
      </c>
      <c r="F86612" s="14" t="s">
        <v>25</v>
      </c>
      <c r="G86612" s="16">
        <v>0</v>
      </c>
    </row>
    <row r="86613" spans="1:7" x14ac:dyDescent="0.3">
      <c r="A86613" s="13" t="s">
        <v>435</v>
      </c>
      <c r="B86613" s="14" t="s">
        <v>1</v>
      </c>
      <c r="C86613" s="14" t="s">
        <v>35</v>
      </c>
      <c r="D86613" s="14" t="s">
        <v>84</v>
      </c>
      <c r="E86613" s="15">
        <v>45484</v>
      </c>
      <c r="F86613" s="14" t="s">
        <v>25</v>
      </c>
      <c r="G86613" s="16">
        <v>0</v>
      </c>
    </row>
    <row r="86614" spans="1:7" x14ac:dyDescent="0.3">
      <c r="A86614" s="13" t="s">
        <v>435</v>
      </c>
      <c r="B86614" s="14" t="s">
        <v>1</v>
      </c>
      <c r="C86614" s="14" t="s">
        <v>35</v>
      </c>
      <c r="D86614" s="14" t="s">
        <v>84</v>
      </c>
      <c r="E86614" s="15">
        <v>45485</v>
      </c>
      <c r="F86614" s="14" t="s">
        <v>25</v>
      </c>
      <c r="G86614" s="16">
        <v>0</v>
      </c>
    </row>
    <row r="86615" spans="1:7" x14ac:dyDescent="0.3">
      <c r="A86615" s="13" t="s">
        <v>435</v>
      </c>
      <c r="B86615" s="14" t="s">
        <v>1</v>
      </c>
      <c r="C86615" s="14" t="s">
        <v>35</v>
      </c>
      <c r="D86615" s="14" t="s">
        <v>84</v>
      </c>
      <c r="E86615" s="15">
        <v>45486</v>
      </c>
      <c r="F86615" s="14" t="s">
        <v>25</v>
      </c>
      <c r="G86615" s="16">
        <v>0</v>
      </c>
    </row>
    <row r="86616" spans="1:7" x14ac:dyDescent="0.3">
      <c r="A86616" s="13" t="s">
        <v>435</v>
      </c>
      <c r="B86616" s="14" t="s">
        <v>1</v>
      </c>
      <c r="C86616" s="14" t="s">
        <v>35</v>
      </c>
      <c r="D86616" s="14" t="s">
        <v>84</v>
      </c>
      <c r="E86616" s="15">
        <v>45487</v>
      </c>
      <c r="F86616" s="14" t="s">
        <v>25</v>
      </c>
      <c r="G86616" s="16">
        <v>0</v>
      </c>
    </row>
    <row r="86617" spans="1:7" x14ac:dyDescent="0.3">
      <c r="A86617" s="13" t="s">
        <v>435</v>
      </c>
      <c r="B86617" s="14" t="s">
        <v>1</v>
      </c>
      <c r="C86617" s="14" t="s">
        <v>35</v>
      </c>
      <c r="D86617" s="14" t="s">
        <v>84</v>
      </c>
      <c r="E86617" s="15">
        <v>45488</v>
      </c>
      <c r="F86617" s="14" t="s">
        <v>25</v>
      </c>
      <c r="G86617" s="16">
        <v>0</v>
      </c>
    </row>
    <row r="86618" spans="1:7" x14ac:dyDescent="0.3">
      <c r="A86618" s="13" t="s">
        <v>435</v>
      </c>
      <c r="B86618" s="14" t="s">
        <v>1</v>
      </c>
      <c r="C86618" s="14" t="s">
        <v>35</v>
      </c>
      <c r="D86618" s="14" t="s">
        <v>84</v>
      </c>
      <c r="E86618" s="15">
        <v>45489</v>
      </c>
      <c r="F86618" s="14" t="s">
        <v>25</v>
      </c>
      <c r="G86618" s="16">
        <v>0</v>
      </c>
    </row>
    <row r="86619" spans="1:7" x14ac:dyDescent="0.3">
      <c r="A86619" s="13" t="s">
        <v>435</v>
      </c>
      <c r="B86619" s="14" t="s">
        <v>1</v>
      </c>
      <c r="C86619" s="14" t="s">
        <v>35</v>
      </c>
      <c r="D86619" s="14" t="s">
        <v>84</v>
      </c>
      <c r="E86619" s="15">
        <v>45490</v>
      </c>
      <c r="F86619" s="14" t="s">
        <v>25</v>
      </c>
      <c r="G86619" s="16">
        <v>0</v>
      </c>
    </row>
    <row r="86620" spans="1:7" x14ac:dyDescent="0.3">
      <c r="A86620" s="13" t="s">
        <v>435</v>
      </c>
      <c r="B86620" s="14" t="s">
        <v>1</v>
      </c>
      <c r="C86620" s="14" t="s">
        <v>35</v>
      </c>
      <c r="D86620" s="14" t="s">
        <v>84</v>
      </c>
      <c r="E86620" s="15">
        <v>45491</v>
      </c>
      <c r="F86620" s="14" t="s">
        <v>25</v>
      </c>
      <c r="G86620" s="16">
        <v>0</v>
      </c>
    </row>
    <row r="86621" spans="1:7" x14ac:dyDescent="0.3">
      <c r="A86621" s="13" t="s">
        <v>435</v>
      </c>
      <c r="B86621" s="14" t="s">
        <v>1</v>
      </c>
      <c r="C86621" s="14" t="s">
        <v>35</v>
      </c>
      <c r="D86621" s="14" t="s">
        <v>84</v>
      </c>
      <c r="E86621" s="15">
        <v>45492</v>
      </c>
      <c r="F86621" s="14" t="s">
        <v>25</v>
      </c>
      <c r="G86621" s="16">
        <v>0</v>
      </c>
    </row>
    <row r="86622" spans="1:7" x14ac:dyDescent="0.3">
      <c r="A86622" s="13" t="s">
        <v>435</v>
      </c>
      <c r="B86622" s="14" t="s">
        <v>1</v>
      </c>
      <c r="C86622" s="14" t="s">
        <v>35</v>
      </c>
      <c r="D86622" s="14" t="s">
        <v>84</v>
      </c>
      <c r="E86622" s="15">
        <v>45493</v>
      </c>
      <c r="F86622" s="14" t="s">
        <v>25</v>
      </c>
      <c r="G86622" s="16">
        <v>0</v>
      </c>
    </row>
    <row r="86623" spans="1:7" x14ac:dyDescent="0.3">
      <c r="A86623" s="13" t="s">
        <v>435</v>
      </c>
      <c r="B86623" s="14" t="s">
        <v>1</v>
      </c>
      <c r="C86623" s="14" t="s">
        <v>35</v>
      </c>
      <c r="D86623" s="14" t="s">
        <v>84</v>
      </c>
      <c r="E86623" s="15">
        <v>45494</v>
      </c>
      <c r="F86623" s="14" t="s">
        <v>25</v>
      </c>
      <c r="G86623" s="16">
        <v>0</v>
      </c>
    </row>
    <row r="86624" spans="1:7" x14ac:dyDescent="0.3">
      <c r="A86624" s="13" t="s">
        <v>435</v>
      </c>
      <c r="B86624" s="14" t="s">
        <v>1</v>
      </c>
      <c r="C86624" s="14" t="s">
        <v>35</v>
      </c>
      <c r="D86624" s="14" t="s">
        <v>84</v>
      </c>
      <c r="E86624" s="15">
        <v>45495</v>
      </c>
      <c r="F86624" s="14" t="s">
        <v>25</v>
      </c>
      <c r="G86624" s="16">
        <v>0</v>
      </c>
    </row>
    <row r="86625" spans="1:7" x14ac:dyDescent="0.3">
      <c r="A86625" s="13" t="s">
        <v>435</v>
      </c>
      <c r="B86625" s="14" t="s">
        <v>1</v>
      </c>
      <c r="C86625" s="14" t="s">
        <v>35</v>
      </c>
      <c r="D86625" s="14" t="s">
        <v>84</v>
      </c>
      <c r="E86625" s="15">
        <v>45496</v>
      </c>
      <c r="F86625" s="14" t="s">
        <v>25</v>
      </c>
      <c r="G86625" s="16">
        <v>0</v>
      </c>
    </row>
    <row r="86626" spans="1:7" x14ac:dyDescent="0.3">
      <c r="A86626" s="13" t="s">
        <v>435</v>
      </c>
      <c r="B86626" s="14" t="s">
        <v>1</v>
      </c>
      <c r="C86626" s="14" t="s">
        <v>35</v>
      </c>
      <c r="D86626" s="14" t="s">
        <v>84</v>
      </c>
      <c r="E86626" s="15">
        <v>45497</v>
      </c>
      <c r="F86626" s="14" t="s">
        <v>25</v>
      </c>
      <c r="G86626" s="16">
        <v>0</v>
      </c>
    </row>
    <row r="86627" spans="1:7" x14ac:dyDescent="0.3">
      <c r="A86627" s="13" t="s">
        <v>435</v>
      </c>
      <c r="B86627" s="14" t="s">
        <v>1</v>
      </c>
      <c r="C86627" s="14" t="s">
        <v>35</v>
      </c>
      <c r="D86627" s="14" t="s">
        <v>84</v>
      </c>
      <c r="E86627" s="15">
        <v>45498</v>
      </c>
      <c r="F86627" s="14" t="s">
        <v>25</v>
      </c>
      <c r="G86627" s="16">
        <v>0</v>
      </c>
    </row>
    <row r="86628" spans="1:7" x14ac:dyDescent="0.3">
      <c r="A86628" s="13" t="s">
        <v>435</v>
      </c>
      <c r="B86628" s="14" t="s">
        <v>1</v>
      </c>
      <c r="C86628" s="14" t="s">
        <v>35</v>
      </c>
      <c r="D86628" s="14" t="s">
        <v>84</v>
      </c>
      <c r="E86628" s="15">
        <v>45499</v>
      </c>
      <c r="F86628" s="14" t="s">
        <v>25</v>
      </c>
      <c r="G86628" s="16">
        <v>0</v>
      </c>
    </row>
    <row r="86629" spans="1:7" x14ac:dyDescent="0.3">
      <c r="A86629" s="13" t="s">
        <v>435</v>
      </c>
      <c r="B86629" s="14" t="s">
        <v>1</v>
      </c>
      <c r="C86629" s="14" t="s">
        <v>35</v>
      </c>
      <c r="D86629" s="14" t="s">
        <v>84</v>
      </c>
      <c r="E86629" s="15">
        <v>45500</v>
      </c>
      <c r="F86629" s="14" t="s">
        <v>25</v>
      </c>
      <c r="G86629" s="16">
        <v>0</v>
      </c>
    </row>
    <row r="86630" spans="1:7" x14ac:dyDescent="0.3">
      <c r="A86630" s="13" t="s">
        <v>435</v>
      </c>
      <c r="B86630" s="14" t="s">
        <v>1</v>
      </c>
      <c r="C86630" s="14" t="s">
        <v>35</v>
      </c>
      <c r="D86630" s="14" t="s">
        <v>84</v>
      </c>
      <c r="E86630" s="15">
        <v>45501</v>
      </c>
      <c r="F86630" s="14" t="s">
        <v>25</v>
      </c>
      <c r="G86630" s="16">
        <v>0</v>
      </c>
    </row>
    <row r="86631" spans="1:7" x14ac:dyDescent="0.3">
      <c r="A86631" s="13" t="s">
        <v>435</v>
      </c>
      <c r="B86631" s="14" t="s">
        <v>1</v>
      </c>
      <c r="C86631" s="14" t="s">
        <v>35</v>
      </c>
      <c r="D86631" s="14" t="s">
        <v>84</v>
      </c>
      <c r="E86631" s="15">
        <v>45502</v>
      </c>
      <c r="F86631" s="14" t="s">
        <v>25</v>
      </c>
      <c r="G86631" s="16">
        <v>0</v>
      </c>
    </row>
    <row r="86632" spans="1:7" x14ac:dyDescent="0.3">
      <c r="A86632" s="13" t="s">
        <v>435</v>
      </c>
      <c r="B86632" s="14" t="s">
        <v>1</v>
      </c>
      <c r="C86632" s="14" t="s">
        <v>35</v>
      </c>
      <c r="D86632" s="14" t="s">
        <v>84</v>
      </c>
      <c r="E86632" s="15">
        <v>45503</v>
      </c>
      <c r="F86632" s="14" t="s">
        <v>25</v>
      </c>
      <c r="G86632" s="16">
        <v>0</v>
      </c>
    </row>
    <row r="86633" spans="1:7" x14ac:dyDescent="0.3">
      <c r="A86633" s="13" t="s">
        <v>435</v>
      </c>
      <c r="B86633" s="14" t="s">
        <v>1</v>
      </c>
      <c r="C86633" s="14" t="s">
        <v>35</v>
      </c>
      <c r="D86633" s="14" t="s">
        <v>84</v>
      </c>
      <c r="E86633" s="15">
        <v>45504</v>
      </c>
      <c r="F86633" s="14" t="s">
        <v>25</v>
      </c>
      <c r="G86633" s="16">
        <v>0</v>
      </c>
    </row>
    <row r="86634" spans="1:7" x14ac:dyDescent="0.3">
      <c r="A86634" s="13" t="s">
        <v>435</v>
      </c>
      <c r="B86634" s="14" t="s">
        <v>1</v>
      </c>
      <c r="C86634" s="14" t="s">
        <v>35</v>
      </c>
      <c r="D86634" s="14" t="s">
        <v>84</v>
      </c>
      <c r="E86634" s="15">
        <v>45505</v>
      </c>
      <c r="F86634" s="14" t="s">
        <v>25</v>
      </c>
      <c r="G86634" s="16">
        <v>0</v>
      </c>
    </row>
    <row r="86635" spans="1:7" x14ac:dyDescent="0.3">
      <c r="A86635" s="13" t="s">
        <v>435</v>
      </c>
      <c r="B86635" s="14" t="s">
        <v>1</v>
      </c>
      <c r="C86635" s="14" t="s">
        <v>35</v>
      </c>
      <c r="D86635" s="14" t="s">
        <v>84</v>
      </c>
      <c r="E86635" s="15">
        <v>45506</v>
      </c>
      <c r="F86635" s="14" t="s">
        <v>25</v>
      </c>
      <c r="G86635" s="16">
        <v>0</v>
      </c>
    </row>
    <row r="86636" spans="1:7" x14ac:dyDescent="0.3">
      <c r="A86636" s="13" t="s">
        <v>435</v>
      </c>
      <c r="B86636" s="14" t="s">
        <v>1</v>
      </c>
      <c r="C86636" s="14" t="s">
        <v>35</v>
      </c>
      <c r="D86636" s="14" t="s">
        <v>84</v>
      </c>
      <c r="E86636" s="15">
        <v>45507</v>
      </c>
      <c r="F86636" s="14" t="s">
        <v>25</v>
      </c>
      <c r="G86636" s="16">
        <v>0</v>
      </c>
    </row>
    <row r="86637" spans="1:7" x14ac:dyDescent="0.3">
      <c r="A86637" s="13" t="s">
        <v>435</v>
      </c>
      <c r="B86637" s="14" t="s">
        <v>1</v>
      </c>
      <c r="C86637" s="14" t="s">
        <v>35</v>
      </c>
      <c r="D86637" s="14" t="s">
        <v>84</v>
      </c>
      <c r="E86637" s="15">
        <v>45508</v>
      </c>
      <c r="F86637" s="14" t="s">
        <v>25</v>
      </c>
      <c r="G86637" s="16">
        <v>0</v>
      </c>
    </row>
    <row r="86638" spans="1:7" x14ac:dyDescent="0.3">
      <c r="A86638" s="13" t="s">
        <v>435</v>
      </c>
      <c r="B86638" s="14" t="s">
        <v>1</v>
      </c>
      <c r="C86638" s="14" t="s">
        <v>35</v>
      </c>
      <c r="D86638" s="14" t="s">
        <v>84</v>
      </c>
      <c r="E86638" s="15">
        <v>45509</v>
      </c>
      <c r="F86638" s="14" t="s">
        <v>25</v>
      </c>
      <c r="G86638" s="16">
        <v>0</v>
      </c>
    </row>
    <row r="86639" spans="1:7" x14ac:dyDescent="0.3">
      <c r="A86639" s="13" t="s">
        <v>435</v>
      </c>
      <c r="B86639" s="14" t="s">
        <v>1</v>
      </c>
      <c r="C86639" s="14" t="s">
        <v>35</v>
      </c>
      <c r="D86639" s="14" t="s">
        <v>84</v>
      </c>
      <c r="E86639" s="15">
        <v>45510</v>
      </c>
      <c r="F86639" s="14" t="s">
        <v>25</v>
      </c>
      <c r="G86639" s="16">
        <v>0</v>
      </c>
    </row>
    <row r="86640" spans="1:7" x14ac:dyDescent="0.3">
      <c r="A86640" s="13" t="s">
        <v>435</v>
      </c>
      <c r="B86640" s="14" t="s">
        <v>1</v>
      </c>
      <c r="C86640" s="14" t="s">
        <v>35</v>
      </c>
      <c r="D86640" s="14" t="s">
        <v>84</v>
      </c>
      <c r="E86640" s="15">
        <v>45511</v>
      </c>
      <c r="F86640" s="14" t="s">
        <v>25</v>
      </c>
      <c r="G86640" s="16">
        <v>0</v>
      </c>
    </row>
    <row r="86641" spans="1:7" x14ac:dyDescent="0.3">
      <c r="A86641" s="13" t="s">
        <v>435</v>
      </c>
      <c r="B86641" s="14" t="s">
        <v>1</v>
      </c>
      <c r="C86641" s="14" t="s">
        <v>35</v>
      </c>
      <c r="D86641" s="14" t="s">
        <v>84</v>
      </c>
      <c r="E86641" s="15">
        <v>45512</v>
      </c>
      <c r="F86641" s="14" t="s">
        <v>25</v>
      </c>
      <c r="G86641" s="16">
        <v>0</v>
      </c>
    </row>
    <row r="86642" spans="1:7" x14ac:dyDescent="0.3">
      <c r="A86642" s="13" t="s">
        <v>435</v>
      </c>
      <c r="B86642" s="14" t="s">
        <v>1</v>
      </c>
      <c r="C86642" s="14" t="s">
        <v>35</v>
      </c>
      <c r="D86642" s="14" t="s">
        <v>84</v>
      </c>
      <c r="E86642" s="15">
        <v>45513</v>
      </c>
      <c r="F86642" s="14" t="s">
        <v>25</v>
      </c>
      <c r="G86642" s="16">
        <v>0</v>
      </c>
    </row>
    <row r="86643" spans="1:7" x14ac:dyDescent="0.3">
      <c r="A86643" s="13" t="s">
        <v>435</v>
      </c>
      <c r="B86643" s="14" t="s">
        <v>1</v>
      </c>
      <c r="C86643" s="14" t="s">
        <v>35</v>
      </c>
      <c r="D86643" s="14" t="s">
        <v>84</v>
      </c>
      <c r="E86643" s="15">
        <v>45514</v>
      </c>
      <c r="F86643" s="14" t="s">
        <v>25</v>
      </c>
      <c r="G86643" s="16">
        <v>0</v>
      </c>
    </row>
    <row r="86644" spans="1:7" x14ac:dyDescent="0.3">
      <c r="A86644" s="13" t="s">
        <v>435</v>
      </c>
      <c r="B86644" s="14" t="s">
        <v>1</v>
      </c>
      <c r="C86644" s="14" t="s">
        <v>35</v>
      </c>
      <c r="D86644" s="14" t="s">
        <v>84</v>
      </c>
      <c r="E86644" s="15">
        <v>45515</v>
      </c>
      <c r="F86644" s="14" t="s">
        <v>25</v>
      </c>
      <c r="G86644" s="16">
        <v>0</v>
      </c>
    </row>
    <row r="86645" spans="1:7" x14ac:dyDescent="0.3">
      <c r="A86645" s="13" t="s">
        <v>435</v>
      </c>
      <c r="B86645" s="14" t="s">
        <v>1</v>
      </c>
      <c r="C86645" s="14" t="s">
        <v>35</v>
      </c>
      <c r="D86645" s="14" t="s">
        <v>84</v>
      </c>
      <c r="E86645" s="15">
        <v>45516</v>
      </c>
      <c r="F86645" s="14" t="s">
        <v>25</v>
      </c>
      <c r="G86645" s="16">
        <v>0</v>
      </c>
    </row>
    <row r="86646" spans="1:7" x14ac:dyDescent="0.3">
      <c r="A86646" s="13" t="s">
        <v>435</v>
      </c>
      <c r="B86646" s="14" t="s">
        <v>1</v>
      </c>
      <c r="C86646" s="14" t="s">
        <v>35</v>
      </c>
      <c r="D86646" s="14" t="s">
        <v>84</v>
      </c>
      <c r="E86646" s="15">
        <v>45517</v>
      </c>
      <c r="F86646" s="14" t="s">
        <v>25</v>
      </c>
      <c r="G86646" s="16">
        <v>0</v>
      </c>
    </row>
    <row r="86647" spans="1:7" x14ac:dyDescent="0.3">
      <c r="A86647" s="13" t="s">
        <v>435</v>
      </c>
      <c r="B86647" s="14" t="s">
        <v>1</v>
      </c>
      <c r="C86647" s="14" t="s">
        <v>35</v>
      </c>
      <c r="D86647" s="14" t="s">
        <v>84</v>
      </c>
      <c r="E86647" s="15">
        <v>45518</v>
      </c>
      <c r="F86647" s="14" t="s">
        <v>25</v>
      </c>
      <c r="G86647" s="16">
        <v>0</v>
      </c>
    </row>
    <row r="86648" spans="1:7" x14ac:dyDescent="0.3">
      <c r="A86648" s="13" t="s">
        <v>435</v>
      </c>
      <c r="B86648" s="14" t="s">
        <v>1</v>
      </c>
      <c r="C86648" s="14" t="s">
        <v>35</v>
      </c>
      <c r="D86648" s="14" t="s">
        <v>84</v>
      </c>
      <c r="E86648" s="15">
        <v>45519</v>
      </c>
      <c r="F86648" s="14" t="s">
        <v>25</v>
      </c>
      <c r="G86648" s="16">
        <v>0</v>
      </c>
    </row>
    <row r="86649" spans="1:7" x14ac:dyDescent="0.3">
      <c r="A86649" s="13" t="s">
        <v>435</v>
      </c>
      <c r="B86649" s="14" t="s">
        <v>1</v>
      </c>
      <c r="C86649" s="14" t="s">
        <v>35</v>
      </c>
      <c r="D86649" s="14" t="s">
        <v>84</v>
      </c>
      <c r="E86649" s="15">
        <v>45520</v>
      </c>
      <c r="F86649" s="14" t="s">
        <v>25</v>
      </c>
      <c r="G86649" s="16">
        <v>0</v>
      </c>
    </row>
    <row r="86650" spans="1:7" x14ac:dyDescent="0.3">
      <c r="A86650" s="13" t="s">
        <v>435</v>
      </c>
      <c r="B86650" s="14" t="s">
        <v>1</v>
      </c>
      <c r="C86650" s="14" t="s">
        <v>35</v>
      </c>
      <c r="D86650" s="14" t="s">
        <v>84</v>
      </c>
      <c r="E86650" s="15">
        <v>45521</v>
      </c>
      <c r="F86650" s="14" t="s">
        <v>25</v>
      </c>
      <c r="G86650" s="16">
        <v>0</v>
      </c>
    </row>
    <row r="86651" spans="1:7" x14ac:dyDescent="0.3">
      <c r="A86651" s="13" t="s">
        <v>435</v>
      </c>
      <c r="B86651" s="14" t="s">
        <v>1</v>
      </c>
      <c r="C86651" s="14" t="s">
        <v>35</v>
      </c>
      <c r="D86651" s="14" t="s">
        <v>84</v>
      </c>
      <c r="E86651" s="15">
        <v>45522</v>
      </c>
      <c r="F86651" s="14" t="s">
        <v>25</v>
      </c>
      <c r="G86651" s="16">
        <v>0</v>
      </c>
    </row>
    <row r="86652" spans="1:7" x14ac:dyDescent="0.3">
      <c r="A86652" s="13" t="s">
        <v>435</v>
      </c>
      <c r="B86652" s="14" t="s">
        <v>1</v>
      </c>
      <c r="C86652" s="14" t="s">
        <v>35</v>
      </c>
      <c r="D86652" s="14" t="s">
        <v>84</v>
      </c>
      <c r="E86652" s="15">
        <v>45523</v>
      </c>
      <c r="F86652" s="14" t="s">
        <v>25</v>
      </c>
      <c r="G86652" s="16">
        <v>0</v>
      </c>
    </row>
    <row r="86653" spans="1:7" x14ac:dyDescent="0.3">
      <c r="A86653" s="13" t="s">
        <v>435</v>
      </c>
      <c r="B86653" s="14" t="s">
        <v>1</v>
      </c>
      <c r="C86653" s="14" t="s">
        <v>35</v>
      </c>
      <c r="D86653" s="14" t="s">
        <v>84</v>
      </c>
      <c r="E86653" s="15">
        <v>45524</v>
      </c>
      <c r="F86653" s="14" t="s">
        <v>25</v>
      </c>
      <c r="G86653" s="16">
        <v>0</v>
      </c>
    </row>
    <row r="86654" spans="1:7" x14ac:dyDescent="0.3">
      <c r="A86654" s="13" t="s">
        <v>435</v>
      </c>
      <c r="B86654" s="14" t="s">
        <v>1</v>
      </c>
      <c r="C86654" s="14" t="s">
        <v>35</v>
      </c>
      <c r="D86654" s="14" t="s">
        <v>84</v>
      </c>
      <c r="E86654" s="15">
        <v>45525</v>
      </c>
      <c r="F86654" s="14" t="s">
        <v>25</v>
      </c>
      <c r="G86654" s="16">
        <v>0</v>
      </c>
    </row>
    <row r="86655" spans="1:7" x14ac:dyDescent="0.3">
      <c r="A86655" s="13" t="s">
        <v>435</v>
      </c>
      <c r="B86655" s="14" t="s">
        <v>1</v>
      </c>
      <c r="C86655" s="14" t="s">
        <v>35</v>
      </c>
      <c r="D86655" s="14" t="s">
        <v>84</v>
      </c>
      <c r="E86655" s="15">
        <v>45526</v>
      </c>
      <c r="F86655" s="14" t="s">
        <v>25</v>
      </c>
      <c r="G86655" s="16">
        <v>0</v>
      </c>
    </row>
    <row r="86656" spans="1:7" x14ac:dyDescent="0.3">
      <c r="A86656" s="13" t="s">
        <v>435</v>
      </c>
      <c r="B86656" s="14" t="s">
        <v>1</v>
      </c>
      <c r="C86656" s="14" t="s">
        <v>35</v>
      </c>
      <c r="D86656" s="14" t="s">
        <v>84</v>
      </c>
      <c r="E86656" s="15">
        <v>45527</v>
      </c>
      <c r="F86656" s="14" t="s">
        <v>25</v>
      </c>
      <c r="G86656" s="16">
        <v>0</v>
      </c>
    </row>
    <row r="86657" spans="1:7" x14ac:dyDescent="0.3">
      <c r="A86657" s="13" t="s">
        <v>435</v>
      </c>
      <c r="B86657" s="14" t="s">
        <v>1</v>
      </c>
      <c r="C86657" s="14" t="s">
        <v>35</v>
      </c>
      <c r="D86657" s="14" t="s">
        <v>84</v>
      </c>
      <c r="E86657" s="15">
        <v>45528</v>
      </c>
      <c r="F86657" s="14" t="s">
        <v>25</v>
      </c>
      <c r="G86657" s="16">
        <v>0</v>
      </c>
    </row>
    <row r="86658" spans="1:7" x14ac:dyDescent="0.3">
      <c r="A86658" s="13" t="s">
        <v>435</v>
      </c>
      <c r="B86658" s="14" t="s">
        <v>1</v>
      </c>
      <c r="C86658" s="14" t="s">
        <v>35</v>
      </c>
      <c r="D86658" s="14" t="s">
        <v>84</v>
      </c>
      <c r="E86658" s="15">
        <v>45529</v>
      </c>
      <c r="F86658" s="14" t="s">
        <v>25</v>
      </c>
      <c r="G86658" s="16">
        <v>0</v>
      </c>
    </row>
    <row r="86659" spans="1:7" x14ac:dyDescent="0.3">
      <c r="A86659" s="13" t="s">
        <v>435</v>
      </c>
      <c r="B86659" s="14" t="s">
        <v>1</v>
      </c>
      <c r="C86659" s="14" t="s">
        <v>35</v>
      </c>
      <c r="D86659" s="14" t="s">
        <v>84</v>
      </c>
      <c r="E86659" s="15">
        <v>45530</v>
      </c>
      <c r="F86659" s="14" t="s">
        <v>25</v>
      </c>
      <c r="G86659" s="16">
        <v>0</v>
      </c>
    </row>
    <row r="86660" spans="1:7" x14ac:dyDescent="0.3">
      <c r="A86660" s="13" t="s">
        <v>435</v>
      </c>
      <c r="B86660" s="14" t="s">
        <v>1</v>
      </c>
      <c r="C86660" s="14" t="s">
        <v>35</v>
      </c>
      <c r="D86660" s="14" t="s">
        <v>84</v>
      </c>
      <c r="E86660" s="15">
        <v>45531</v>
      </c>
      <c r="F86660" s="14" t="s">
        <v>25</v>
      </c>
      <c r="G86660" s="16">
        <v>0</v>
      </c>
    </row>
    <row r="86661" spans="1:7" x14ac:dyDescent="0.3">
      <c r="A86661" s="13" t="s">
        <v>435</v>
      </c>
      <c r="B86661" s="14" t="s">
        <v>1</v>
      </c>
      <c r="C86661" s="14" t="s">
        <v>35</v>
      </c>
      <c r="D86661" s="14" t="s">
        <v>84</v>
      </c>
      <c r="E86661" s="15">
        <v>45532</v>
      </c>
      <c r="F86661" s="14" t="s">
        <v>25</v>
      </c>
      <c r="G86661" s="16">
        <v>0</v>
      </c>
    </row>
    <row r="86662" spans="1:7" x14ac:dyDescent="0.3">
      <c r="A86662" s="13" t="s">
        <v>435</v>
      </c>
      <c r="B86662" s="14" t="s">
        <v>1</v>
      </c>
      <c r="C86662" s="14" t="s">
        <v>35</v>
      </c>
      <c r="D86662" s="14" t="s">
        <v>84</v>
      </c>
      <c r="E86662" s="15">
        <v>45533</v>
      </c>
      <c r="F86662" s="14" t="s">
        <v>25</v>
      </c>
      <c r="G86662" s="16">
        <v>0</v>
      </c>
    </row>
    <row r="86663" spans="1:7" x14ac:dyDescent="0.3">
      <c r="A86663" s="13" t="s">
        <v>435</v>
      </c>
      <c r="B86663" s="14" t="s">
        <v>1</v>
      </c>
      <c r="C86663" s="14" t="s">
        <v>35</v>
      </c>
      <c r="D86663" s="14" t="s">
        <v>84</v>
      </c>
      <c r="E86663" s="15">
        <v>45534</v>
      </c>
      <c r="F86663" s="14" t="s">
        <v>25</v>
      </c>
      <c r="G86663" s="16">
        <v>0</v>
      </c>
    </row>
    <row r="86664" spans="1:7" x14ac:dyDescent="0.3">
      <c r="A86664" s="13" t="s">
        <v>435</v>
      </c>
      <c r="B86664" s="14" t="s">
        <v>1</v>
      </c>
      <c r="C86664" s="14" t="s">
        <v>35</v>
      </c>
      <c r="D86664" s="14" t="s">
        <v>84</v>
      </c>
      <c r="E86664" s="15">
        <v>45535</v>
      </c>
      <c r="F86664" s="14" t="s">
        <v>25</v>
      </c>
      <c r="G86664" s="16">
        <v>0</v>
      </c>
    </row>
    <row r="86665" spans="1:7" x14ac:dyDescent="0.3">
      <c r="A86665" s="13" t="s">
        <v>435</v>
      </c>
      <c r="B86665" s="14" t="s">
        <v>1</v>
      </c>
      <c r="C86665" s="14" t="s">
        <v>35</v>
      </c>
      <c r="D86665" s="14" t="s">
        <v>84</v>
      </c>
      <c r="E86665" s="15">
        <v>45536</v>
      </c>
      <c r="F86665" s="14" t="s">
        <v>25</v>
      </c>
      <c r="G86665" s="16">
        <v>0</v>
      </c>
    </row>
    <row r="86666" spans="1:7" x14ac:dyDescent="0.3">
      <c r="A86666" s="13" t="s">
        <v>435</v>
      </c>
      <c r="B86666" s="14" t="s">
        <v>1</v>
      </c>
      <c r="C86666" s="14" t="s">
        <v>35</v>
      </c>
      <c r="D86666" s="14" t="s">
        <v>84</v>
      </c>
      <c r="E86666" s="15">
        <v>45537</v>
      </c>
      <c r="F86666" s="14" t="s">
        <v>25</v>
      </c>
      <c r="G86666" s="16">
        <v>0</v>
      </c>
    </row>
    <row r="86667" spans="1:7" x14ac:dyDescent="0.3">
      <c r="A86667" s="13" t="s">
        <v>435</v>
      </c>
      <c r="B86667" s="14" t="s">
        <v>1</v>
      </c>
      <c r="C86667" s="14" t="s">
        <v>35</v>
      </c>
      <c r="D86667" s="14" t="s">
        <v>84</v>
      </c>
      <c r="E86667" s="15">
        <v>45538</v>
      </c>
      <c r="F86667" s="14" t="s">
        <v>25</v>
      </c>
      <c r="G86667" s="16">
        <v>0</v>
      </c>
    </row>
    <row r="86668" spans="1:7" x14ac:dyDescent="0.3">
      <c r="A86668" s="13" t="s">
        <v>435</v>
      </c>
      <c r="B86668" s="14" t="s">
        <v>1</v>
      </c>
      <c r="C86668" s="14" t="s">
        <v>35</v>
      </c>
      <c r="D86668" s="14" t="s">
        <v>84</v>
      </c>
      <c r="E86668" s="15">
        <v>45539</v>
      </c>
      <c r="F86668" s="14" t="s">
        <v>25</v>
      </c>
      <c r="G86668" s="16">
        <v>0</v>
      </c>
    </row>
    <row r="86669" spans="1:7" x14ac:dyDescent="0.3">
      <c r="A86669" s="13" t="s">
        <v>435</v>
      </c>
      <c r="B86669" s="14" t="s">
        <v>1</v>
      </c>
      <c r="C86669" s="14" t="s">
        <v>35</v>
      </c>
      <c r="D86669" s="14" t="s">
        <v>84</v>
      </c>
      <c r="E86669" s="15">
        <v>45540</v>
      </c>
      <c r="F86669" s="14" t="s">
        <v>25</v>
      </c>
      <c r="G86669" s="16">
        <v>0</v>
      </c>
    </row>
    <row r="86670" spans="1:7" x14ac:dyDescent="0.3">
      <c r="A86670" s="13" t="s">
        <v>435</v>
      </c>
      <c r="B86670" s="14" t="s">
        <v>1</v>
      </c>
      <c r="C86670" s="14" t="s">
        <v>35</v>
      </c>
      <c r="D86670" s="14" t="s">
        <v>84</v>
      </c>
      <c r="E86670" s="15">
        <v>45541</v>
      </c>
      <c r="F86670" s="14" t="s">
        <v>25</v>
      </c>
      <c r="G86670" s="16">
        <v>0</v>
      </c>
    </row>
    <row r="86671" spans="1:7" x14ac:dyDescent="0.3">
      <c r="A86671" s="13" t="s">
        <v>435</v>
      </c>
      <c r="B86671" s="14" t="s">
        <v>1</v>
      </c>
      <c r="C86671" s="14" t="s">
        <v>35</v>
      </c>
      <c r="D86671" s="14" t="s">
        <v>84</v>
      </c>
      <c r="E86671" s="15">
        <v>45542</v>
      </c>
      <c r="F86671" s="14" t="s">
        <v>25</v>
      </c>
      <c r="G86671" s="16">
        <v>0</v>
      </c>
    </row>
    <row r="86672" spans="1:7" x14ac:dyDescent="0.3">
      <c r="A86672" s="13" t="s">
        <v>435</v>
      </c>
      <c r="B86672" s="14" t="s">
        <v>1</v>
      </c>
      <c r="C86672" s="14" t="s">
        <v>35</v>
      </c>
      <c r="D86672" s="14" t="s">
        <v>84</v>
      </c>
      <c r="E86672" s="15">
        <v>45543</v>
      </c>
      <c r="F86672" s="14" t="s">
        <v>25</v>
      </c>
      <c r="G86672" s="16">
        <v>0</v>
      </c>
    </row>
    <row r="86673" spans="1:7" x14ac:dyDescent="0.3">
      <c r="A86673" s="13" t="s">
        <v>435</v>
      </c>
      <c r="B86673" s="14" t="s">
        <v>1</v>
      </c>
      <c r="C86673" s="14" t="s">
        <v>35</v>
      </c>
      <c r="D86673" s="14" t="s">
        <v>84</v>
      </c>
      <c r="E86673" s="15">
        <v>45544</v>
      </c>
      <c r="F86673" s="14" t="s">
        <v>25</v>
      </c>
      <c r="G86673" s="16">
        <v>0</v>
      </c>
    </row>
    <row r="86674" spans="1:7" x14ac:dyDescent="0.3">
      <c r="A86674" s="13" t="s">
        <v>435</v>
      </c>
      <c r="B86674" s="14" t="s">
        <v>1</v>
      </c>
      <c r="C86674" s="14" t="s">
        <v>35</v>
      </c>
      <c r="D86674" s="14" t="s">
        <v>84</v>
      </c>
      <c r="E86674" s="15">
        <v>45545</v>
      </c>
      <c r="F86674" s="14" t="s">
        <v>25</v>
      </c>
      <c r="G86674" s="16">
        <v>0</v>
      </c>
    </row>
    <row r="86675" spans="1:7" x14ac:dyDescent="0.3">
      <c r="A86675" s="13" t="s">
        <v>435</v>
      </c>
      <c r="B86675" s="14" t="s">
        <v>1</v>
      </c>
      <c r="C86675" s="14" t="s">
        <v>35</v>
      </c>
      <c r="D86675" s="14" t="s">
        <v>84</v>
      </c>
      <c r="E86675" s="15">
        <v>45546</v>
      </c>
      <c r="F86675" s="14" t="s">
        <v>25</v>
      </c>
      <c r="G86675" s="16">
        <v>0</v>
      </c>
    </row>
    <row r="86676" spans="1:7" x14ac:dyDescent="0.3">
      <c r="A86676" s="13" t="s">
        <v>435</v>
      </c>
      <c r="B86676" s="14" t="s">
        <v>1</v>
      </c>
      <c r="C86676" s="14" t="s">
        <v>35</v>
      </c>
      <c r="D86676" s="14" t="s">
        <v>84</v>
      </c>
      <c r="E86676" s="15">
        <v>45547</v>
      </c>
      <c r="F86676" s="14" t="s">
        <v>25</v>
      </c>
      <c r="G86676" s="16">
        <v>0</v>
      </c>
    </row>
    <row r="86677" spans="1:7" x14ac:dyDescent="0.3">
      <c r="A86677" s="13" t="s">
        <v>435</v>
      </c>
      <c r="B86677" s="14" t="s">
        <v>1</v>
      </c>
      <c r="C86677" s="14" t="s">
        <v>35</v>
      </c>
      <c r="D86677" s="14" t="s">
        <v>84</v>
      </c>
      <c r="E86677" s="15">
        <v>45548</v>
      </c>
      <c r="F86677" s="14" t="s">
        <v>25</v>
      </c>
      <c r="G86677" s="16">
        <v>0</v>
      </c>
    </row>
    <row r="86678" spans="1:7" x14ac:dyDescent="0.3">
      <c r="A86678" s="13" t="s">
        <v>435</v>
      </c>
      <c r="B86678" s="14" t="s">
        <v>1</v>
      </c>
      <c r="C86678" s="14" t="s">
        <v>35</v>
      </c>
      <c r="D86678" s="14" t="s">
        <v>84</v>
      </c>
      <c r="E86678" s="15">
        <v>45549</v>
      </c>
      <c r="F86678" s="14" t="s">
        <v>25</v>
      </c>
      <c r="G86678" s="16">
        <v>0</v>
      </c>
    </row>
    <row r="86679" spans="1:7" x14ac:dyDescent="0.3">
      <c r="A86679" s="13" t="s">
        <v>435</v>
      </c>
      <c r="B86679" s="14" t="s">
        <v>1</v>
      </c>
      <c r="C86679" s="14" t="s">
        <v>35</v>
      </c>
      <c r="D86679" s="14" t="s">
        <v>84</v>
      </c>
      <c r="E86679" s="15">
        <v>45550</v>
      </c>
      <c r="F86679" s="14" t="s">
        <v>25</v>
      </c>
      <c r="G86679" s="16">
        <v>0</v>
      </c>
    </row>
    <row r="86680" spans="1:7" x14ac:dyDescent="0.3">
      <c r="A86680" s="13" t="s">
        <v>435</v>
      </c>
      <c r="B86680" s="14" t="s">
        <v>1</v>
      </c>
      <c r="C86680" s="14" t="s">
        <v>35</v>
      </c>
      <c r="D86680" s="14" t="s">
        <v>84</v>
      </c>
      <c r="E86680" s="15">
        <v>45551</v>
      </c>
      <c r="F86680" s="14" t="s">
        <v>25</v>
      </c>
      <c r="G86680" s="16">
        <v>0</v>
      </c>
    </row>
    <row r="86681" spans="1:7" x14ac:dyDescent="0.3">
      <c r="A86681" s="13" t="s">
        <v>435</v>
      </c>
      <c r="B86681" s="14" t="s">
        <v>1</v>
      </c>
      <c r="C86681" s="14" t="s">
        <v>35</v>
      </c>
      <c r="D86681" s="14" t="s">
        <v>84</v>
      </c>
      <c r="E86681" s="15">
        <v>45552</v>
      </c>
      <c r="F86681" s="14" t="s">
        <v>25</v>
      </c>
      <c r="G86681" s="16">
        <v>0</v>
      </c>
    </row>
    <row r="86682" spans="1:7" x14ac:dyDescent="0.3">
      <c r="A86682" s="13" t="s">
        <v>435</v>
      </c>
      <c r="B86682" s="14" t="s">
        <v>1</v>
      </c>
      <c r="C86682" s="14" t="s">
        <v>35</v>
      </c>
      <c r="D86682" s="14" t="s">
        <v>84</v>
      </c>
      <c r="E86682" s="15">
        <v>45553</v>
      </c>
      <c r="F86682" s="14" t="s">
        <v>25</v>
      </c>
      <c r="G86682" s="16">
        <v>0</v>
      </c>
    </row>
    <row r="86683" spans="1:7" x14ac:dyDescent="0.3">
      <c r="A86683" s="13" t="s">
        <v>435</v>
      </c>
      <c r="B86683" s="14" t="s">
        <v>1</v>
      </c>
      <c r="C86683" s="14" t="s">
        <v>35</v>
      </c>
      <c r="D86683" s="14" t="s">
        <v>84</v>
      </c>
      <c r="E86683" s="15">
        <v>45554</v>
      </c>
      <c r="F86683" s="14" t="s">
        <v>25</v>
      </c>
      <c r="G86683" s="16">
        <v>0</v>
      </c>
    </row>
    <row r="86684" spans="1:7" x14ac:dyDescent="0.3">
      <c r="A86684" s="13" t="s">
        <v>435</v>
      </c>
      <c r="B86684" s="14" t="s">
        <v>1</v>
      </c>
      <c r="C86684" s="14" t="s">
        <v>35</v>
      </c>
      <c r="D86684" s="14" t="s">
        <v>84</v>
      </c>
      <c r="E86684" s="15">
        <v>45555</v>
      </c>
      <c r="F86684" s="14" t="s">
        <v>25</v>
      </c>
      <c r="G86684" s="16">
        <v>0</v>
      </c>
    </row>
    <row r="86685" spans="1:7" x14ac:dyDescent="0.3">
      <c r="A86685" s="13" t="s">
        <v>435</v>
      </c>
      <c r="B86685" s="14" t="s">
        <v>1</v>
      </c>
      <c r="C86685" s="14" t="s">
        <v>35</v>
      </c>
      <c r="D86685" s="14" t="s">
        <v>84</v>
      </c>
      <c r="E86685" s="15">
        <v>45556</v>
      </c>
      <c r="F86685" s="14" t="s">
        <v>25</v>
      </c>
      <c r="G86685" s="16">
        <v>0</v>
      </c>
    </row>
    <row r="86686" spans="1:7" x14ac:dyDescent="0.3">
      <c r="A86686" s="13" t="s">
        <v>435</v>
      </c>
      <c r="B86686" s="14" t="s">
        <v>1</v>
      </c>
      <c r="C86686" s="14" t="s">
        <v>35</v>
      </c>
      <c r="D86686" s="14" t="s">
        <v>84</v>
      </c>
      <c r="E86686" s="15">
        <v>45557</v>
      </c>
      <c r="F86686" s="14" t="s">
        <v>25</v>
      </c>
      <c r="G86686" s="16">
        <v>0</v>
      </c>
    </row>
    <row r="86687" spans="1:7" x14ac:dyDescent="0.3">
      <c r="A86687" s="13" t="s">
        <v>435</v>
      </c>
      <c r="B86687" s="14" t="s">
        <v>1</v>
      </c>
      <c r="C86687" s="14" t="s">
        <v>35</v>
      </c>
      <c r="D86687" s="14" t="s">
        <v>84</v>
      </c>
      <c r="E86687" s="15">
        <v>45558</v>
      </c>
      <c r="F86687" s="14" t="s">
        <v>25</v>
      </c>
      <c r="G86687" s="16">
        <v>0</v>
      </c>
    </row>
    <row r="86688" spans="1:7" x14ac:dyDescent="0.3">
      <c r="A86688" s="13" t="s">
        <v>435</v>
      </c>
      <c r="B86688" s="14" t="s">
        <v>1</v>
      </c>
      <c r="C86688" s="14" t="s">
        <v>35</v>
      </c>
      <c r="D86688" s="14" t="s">
        <v>84</v>
      </c>
      <c r="E86688" s="15">
        <v>45559</v>
      </c>
      <c r="F86688" s="14" t="s">
        <v>25</v>
      </c>
      <c r="G86688" s="16">
        <v>0</v>
      </c>
    </row>
    <row r="86689" spans="1:7" x14ac:dyDescent="0.3">
      <c r="A86689" s="13" t="s">
        <v>435</v>
      </c>
      <c r="B86689" s="14" t="s">
        <v>1</v>
      </c>
      <c r="C86689" s="14" t="s">
        <v>35</v>
      </c>
      <c r="D86689" s="14" t="s">
        <v>84</v>
      </c>
      <c r="E86689" s="15">
        <v>45560</v>
      </c>
      <c r="F86689" s="14" t="s">
        <v>25</v>
      </c>
      <c r="G86689" s="16">
        <v>0</v>
      </c>
    </row>
    <row r="86690" spans="1:7" x14ac:dyDescent="0.3">
      <c r="A86690" s="13" t="s">
        <v>435</v>
      </c>
      <c r="B86690" s="14" t="s">
        <v>1</v>
      </c>
      <c r="C86690" s="14" t="s">
        <v>35</v>
      </c>
      <c r="D86690" s="14" t="s">
        <v>84</v>
      </c>
      <c r="E86690" s="15">
        <v>45561</v>
      </c>
      <c r="F86690" s="14" t="s">
        <v>25</v>
      </c>
      <c r="G86690" s="16">
        <v>0</v>
      </c>
    </row>
    <row r="86691" spans="1:7" x14ac:dyDescent="0.3">
      <c r="A86691" s="13" t="s">
        <v>435</v>
      </c>
      <c r="B86691" s="14" t="s">
        <v>1</v>
      </c>
      <c r="C86691" s="14" t="s">
        <v>35</v>
      </c>
      <c r="D86691" s="14" t="s">
        <v>84</v>
      </c>
      <c r="E86691" s="15">
        <v>45562</v>
      </c>
      <c r="F86691" s="14" t="s">
        <v>25</v>
      </c>
      <c r="G86691" s="16">
        <v>0</v>
      </c>
    </row>
    <row r="86692" spans="1:7" x14ac:dyDescent="0.3">
      <c r="A86692" s="13" t="s">
        <v>435</v>
      </c>
      <c r="B86692" s="14" t="s">
        <v>1</v>
      </c>
      <c r="C86692" s="14" t="s">
        <v>35</v>
      </c>
      <c r="D86692" s="14" t="s">
        <v>84</v>
      </c>
      <c r="E86692" s="15">
        <v>45563</v>
      </c>
      <c r="F86692" s="14" t="s">
        <v>25</v>
      </c>
      <c r="G86692" s="16">
        <v>0</v>
      </c>
    </row>
    <row r="86693" spans="1:7" x14ac:dyDescent="0.3">
      <c r="A86693" s="13" t="s">
        <v>435</v>
      </c>
      <c r="B86693" s="14" t="s">
        <v>1</v>
      </c>
      <c r="C86693" s="14" t="s">
        <v>35</v>
      </c>
      <c r="D86693" s="14" t="s">
        <v>84</v>
      </c>
      <c r="E86693" s="15">
        <v>45564</v>
      </c>
      <c r="F86693" s="14" t="s">
        <v>25</v>
      </c>
      <c r="G86693" s="16">
        <v>0</v>
      </c>
    </row>
    <row r="86694" spans="1:7" x14ac:dyDescent="0.3">
      <c r="A86694" s="13" t="s">
        <v>435</v>
      </c>
      <c r="B86694" s="14" t="s">
        <v>1</v>
      </c>
      <c r="C86694" s="14" t="s">
        <v>35</v>
      </c>
      <c r="D86694" s="14" t="s">
        <v>84</v>
      </c>
      <c r="E86694" s="15">
        <v>45565</v>
      </c>
      <c r="F86694" s="14" t="s">
        <v>25</v>
      </c>
      <c r="G86694" s="16">
        <v>0</v>
      </c>
    </row>
    <row r="86695" spans="1:7" x14ac:dyDescent="0.3">
      <c r="A86695" s="13" t="s">
        <v>435</v>
      </c>
      <c r="B86695" s="14" t="s">
        <v>1</v>
      </c>
      <c r="C86695" s="14" t="s">
        <v>35</v>
      </c>
      <c r="D86695" s="14" t="s">
        <v>84</v>
      </c>
      <c r="E86695" s="15">
        <v>45566</v>
      </c>
      <c r="F86695" s="14" t="s">
        <v>25</v>
      </c>
      <c r="G86695" s="16">
        <v>0</v>
      </c>
    </row>
    <row r="86696" spans="1:7" x14ac:dyDescent="0.3">
      <c r="A86696" s="13" t="s">
        <v>435</v>
      </c>
      <c r="B86696" s="14" t="s">
        <v>1</v>
      </c>
      <c r="C86696" s="14" t="s">
        <v>35</v>
      </c>
      <c r="D86696" s="14" t="s">
        <v>84</v>
      </c>
      <c r="E86696" s="15">
        <v>45567</v>
      </c>
      <c r="F86696" s="14" t="s">
        <v>25</v>
      </c>
      <c r="G86696" s="16">
        <v>0</v>
      </c>
    </row>
    <row r="86697" spans="1:7" x14ac:dyDescent="0.3">
      <c r="A86697" s="13" t="s">
        <v>435</v>
      </c>
      <c r="B86697" s="14" t="s">
        <v>1</v>
      </c>
      <c r="C86697" s="14" t="s">
        <v>35</v>
      </c>
      <c r="D86697" s="14" t="s">
        <v>84</v>
      </c>
      <c r="E86697" s="15">
        <v>45568</v>
      </c>
      <c r="F86697" s="14" t="s">
        <v>25</v>
      </c>
      <c r="G86697" s="16">
        <v>0</v>
      </c>
    </row>
    <row r="86698" spans="1:7" x14ac:dyDescent="0.3">
      <c r="A86698" s="13" t="s">
        <v>435</v>
      </c>
      <c r="B86698" s="14" t="s">
        <v>1</v>
      </c>
      <c r="C86698" s="14" t="s">
        <v>35</v>
      </c>
      <c r="D86698" s="14" t="s">
        <v>84</v>
      </c>
      <c r="E86698" s="15">
        <v>45569</v>
      </c>
      <c r="F86698" s="14" t="s">
        <v>25</v>
      </c>
      <c r="G86698" s="16">
        <v>0</v>
      </c>
    </row>
    <row r="86699" spans="1:7" x14ac:dyDescent="0.3">
      <c r="A86699" s="13" t="s">
        <v>435</v>
      </c>
      <c r="B86699" s="14" t="s">
        <v>1</v>
      </c>
      <c r="C86699" s="14" t="s">
        <v>35</v>
      </c>
      <c r="D86699" s="14" t="s">
        <v>84</v>
      </c>
      <c r="E86699" s="15">
        <v>45570</v>
      </c>
      <c r="F86699" s="14" t="s">
        <v>25</v>
      </c>
      <c r="G86699" s="16">
        <v>0</v>
      </c>
    </row>
    <row r="86700" spans="1:7" x14ac:dyDescent="0.3">
      <c r="A86700" s="13" t="s">
        <v>435</v>
      </c>
      <c r="B86700" s="14" t="s">
        <v>1</v>
      </c>
      <c r="C86700" s="14" t="s">
        <v>35</v>
      </c>
      <c r="D86700" s="14" t="s">
        <v>84</v>
      </c>
      <c r="E86700" s="15">
        <v>45571</v>
      </c>
      <c r="F86700" s="14" t="s">
        <v>25</v>
      </c>
      <c r="G86700" s="16">
        <v>0</v>
      </c>
    </row>
    <row r="86701" spans="1:7" x14ac:dyDescent="0.3">
      <c r="A86701" s="13" t="s">
        <v>435</v>
      </c>
      <c r="B86701" s="14" t="s">
        <v>1</v>
      </c>
      <c r="C86701" s="14" t="s">
        <v>35</v>
      </c>
      <c r="D86701" s="14" t="s">
        <v>84</v>
      </c>
      <c r="E86701" s="15">
        <v>45572</v>
      </c>
      <c r="F86701" s="14" t="s">
        <v>25</v>
      </c>
      <c r="G86701" s="16">
        <v>0</v>
      </c>
    </row>
    <row r="86702" spans="1:7" x14ac:dyDescent="0.3">
      <c r="A86702" s="13" t="s">
        <v>435</v>
      </c>
      <c r="B86702" s="14" t="s">
        <v>1</v>
      </c>
      <c r="C86702" s="14" t="s">
        <v>35</v>
      </c>
      <c r="D86702" s="14" t="s">
        <v>84</v>
      </c>
      <c r="E86702" s="15">
        <v>45573</v>
      </c>
      <c r="F86702" s="14" t="s">
        <v>25</v>
      </c>
      <c r="G86702" s="16">
        <v>0</v>
      </c>
    </row>
    <row r="86703" spans="1:7" x14ac:dyDescent="0.3">
      <c r="A86703" s="13" t="s">
        <v>435</v>
      </c>
      <c r="B86703" s="14" t="s">
        <v>1</v>
      </c>
      <c r="C86703" s="14" t="s">
        <v>35</v>
      </c>
      <c r="D86703" s="14" t="s">
        <v>84</v>
      </c>
      <c r="E86703" s="15">
        <v>45574</v>
      </c>
      <c r="F86703" s="14" t="s">
        <v>25</v>
      </c>
      <c r="G86703" s="16">
        <v>0</v>
      </c>
    </row>
    <row r="86704" spans="1:7" x14ac:dyDescent="0.3">
      <c r="A86704" s="13" t="s">
        <v>435</v>
      </c>
      <c r="B86704" s="14" t="s">
        <v>1</v>
      </c>
      <c r="C86704" s="14" t="s">
        <v>35</v>
      </c>
      <c r="D86704" s="14" t="s">
        <v>84</v>
      </c>
      <c r="E86704" s="15">
        <v>45575</v>
      </c>
      <c r="F86704" s="14" t="s">
        <v>25</v>
      </c>
      <c r="G86704" s="16">
        <v>0</v>
      </c>
    </row>
    <row r="86705" spans="1:7" x14ac:dyDescent="0.3">
      <c r="A86705" s="13" t="s">
        <v>435</v>
      </c>
      <c r="B86705" s="14" t="s">
        <v>1</v>
      </c>
      <c r="C86705" s="14" t="s">
        <v>35</v>
      </c>
      <c r="D86705" s="14" t="s">
        <v>84</v>
      </c>
      <c r="E86705" s="15">
        <v>45576</v>
      </c>
      <c r="F86705" s="14" t="s">
        <v>25</v>
      </c>
      <c r="G86705" s="16">
        <v>0</v>
      </c>
    </row>
    <row r="86706" spans="1:7" x14ac:dyDescent="0.3">
      <c r="A86706" s="13" t="s">
        <v>435</v>
      </c>
      <c r="B86706" s="14" t="s">
        <v>1</v>
      </c>
      <c r="C86706" s="14" t="s">
        <v>35</v>
      </c>
      <c r="D86706" s="14" t="s">
        <v>84</v>
      </c>
      <c r="E86706" s="15">
        <v>45577</v>
      </c>
      <c r="F86706" s="14" t="s">
        <v>25</v>
      </c>
      <c r="G86706" s="16">
        <v>0</v>
      </c>
    </row>
    <row r="86707" spans="1:7" x14ac:dyDescent="0.3">
      <c r="A86707" s="13" t="s">
        <v>435</v>
      </c>
      <c r="B86707" s="14" t="s">
        <v>1</v>
      </c>
      <c r="C86707" s="14" t="s">
        <v>35</v>
      </c>
      <c r="D86707" s="14" t="s">
        <v>84</v>
      </c>
      <c r="E86707" s="15">
        <v>45578</v>
      </c>
      <c r="F86707" s="14" t="s">
        <v>25</v>
      </c>
      <c r="G86707" s="16">
        <v>0</v>
      </c>
    </row>
    <row r="86708" spans="1:7" x14ac:dyDescent="0.3">
      <c r="A86708" s="13" t="s">
        <v>435</v>
      </c>
      <c r="B86708" s="14" t="s">
        <v>1</v>
      </c>
      <c r="C86708" s="14" t="s">
        <v>35</v>
      </c>
      <c r="D86708" s="14" t="s">
        <v>84</v>
      </c>
      <c r="E86708" s="15">
        <v>45579</v>
      </c>
      <c r="F86708" s="14" t="s">
        <v>25</v>
      </c>
      <c r="G86708" s="16">
        <v>0</v>
      </c>
    </row>
    <row r="86709" spans="1:7" x14ac:dyDescent="0.3">
      <c r="A86709" s="13" t="s">
        <v>435</v>
      </c>
      <c r="B86709" s="14" t="s">
        <v>1</v>
      </c>
      <c r="C86709" s="14" t="s">
        <v>35</v>
      </c>
      <c r="D86709" s="14" t="s">
        <v>84</v>
      </c>
      <c r="E86709" s="15">
        <v>45580</v>
      </c>
      <c r="F86709" s="14" t="s">
        <v>25</v>
      </c>
      <c r="G86709" s="16">
        <v>0</v>
      </c>
    </row>
    <row r="86710" spans="1:7" x14ac:dyDescent="0.3">
      <c r="A86710" s="13" t="s">
        <v>435</v>
      </c>
      <c r="B86710" s="14" t="s">
        <v>1</v>
      </c>
      <c r="C86710" s="14" t="s">
        <v>35</v>
      </c>
      <c r="D86710" s="14" t="s">
        <v>84</v>
      </c>
      <c r="E86710" s="15">
        <v>45581</v>
      </c>
      <c r="F86710" s="14" t="s">
        <v>25</v>
      </c>
      <c r="G86710" s="16">
        <v>0</v>
      </c>
    </row>
    <row r="86711" spans="1:7" x14ac:dyDescent="0.3">
      <c r="A86711" s="13" t="s">
        <v>435</v>
      </c>
      <c r="B86711" s="14" t="s">
        <v>1</v>
      </c>
      <c r="C86711" s="14" t="s">
        <v>35</v>
      </c>
      <c r="D86711" s="14" t="s">
        <v>84</v>
      </c>
      <c r="E86711" s="15">
        <v>45582</v>
      </c>
      <c r="F86711" s="14" t="s">
        <v>25</v>
      </c>
      <c r="G86711" s="16">
        <v>0</v>
      </c>
    </row>
    <row r="86712" spans="1:7" x14ac:dyDescent="0.3">
      <c r="A86712" s="13" t="s">
        <v>435</v>
      </c>
      <c r="B86712" s="14" t="s">
        <v>1</v>
      </c>
      <c r="C86712" s="14" t="s">
        <v>35</v>
      </c>
      <c r="D86712" s="14" t="s">
        <v>84</v>
      </c>
      <c r="E86712" s="15">
        <v>45583</v>
      </c>
      <c r="F86712" s="14" t="s">
        <v>25</v>
      </c>
      <c r="G86712" s="16">
        <v>0</v>
      </c>
    </row>
    <row r="86713" spans="1:7" x14ac:dyDescent="0.3">
      <c r="A86713" s="13" t="s">
        <v>435</v>
      </c>
      <c r="B86713" s="14" t="s">
        <v>1</v>
      </c>
      <c r="C86713" s="14" t="s">
        <v>35</v>
      </c>
      <c r="D86713" s="14" t="s">
        <v>84</v>
      </c>
      <c r="E86713" s="15">
        <v>45584</v>
      </c>
      <c r="F86713" s="14" t="s">
        <v>25</v>
      </c>
      <c r="G86713" s="16">
        <v>0</v>
      </c>
    </row>
    <row r="86714" spans="1:7" x14ac:dyDescent="0.3">
      <c r="A86714" s="13" t="s">
        <v>435</v>
      </c>
      <c r="B86714" s="14" t="s">
        <v>1</v>
      </c>
      <c r="C86714" s="14" t="s">
        <v>35</v>
      </c>
      <c r="D86714" s="14" t="s">
        <v>84</v>
      </c>
      <c r="E86714" s="15">
        <v>45585</v>
      </c>
      <c r="F86714" s="14" t="s">
        <v>25</v>
      </c>
      <c r="G86714" s="16">
        <v>0</v>
      </c>
    </row>
    <row r="86715" spans="1:7" x14ac:dyDescent="0.3">
      <c r="A86715" s="13" t="s">
        <v>435</v>
      </c>
      <c r="B86715" s="14" t="s">
        <v>1</v>
      </c>
      <c r="C86715" s="14" t="s">
        <v>35</v>
      </c>
      <c r="D86715" s="14" t="s">
        <v>84</v>
      </c>
      <c r="E86715" s="15">
        <v>45586</v>
      </c>
      <c r="F86715" s="14" t="s">
        <v>25</v>
      </c>
      <c r="G86715" s="16">
        <v>0</v>
      </c>
    </row>
    <row r="86716" spans="1:7" x14ac:dyDescent="0.3">
      <c r="A86716" s="13" t="s">
        <v>435</v>
      </c>
      <c r="B86716" s="14" t="s">
        <v>1</v>
      </c>
      <c r="C86716" s="14" t="s">
        <v>35</v>
      </c>
      <c r="D86716" s="14" t="s">
        <v>84</v>
      </c>
      <c r="E86716" s="15">
        <v>45587</v>
      </c>
      <c r="F86716" s="14" t="s">
        <v>25</v>
      </c>
      <c r="G86716" s="16">
        <v>0</v>
      </c>
    </row>
    <row r="86717" spans="1:7" x14ac:dyDescent="0.3">
      <c r="A86717" s="13" t="s">
        <v>435</v>
      </c>
      <c r="B86717" s="14" t="s">
        <v>1</v>
      </c>
      <c r="C86717" s="14" t="s">
        <v>35</v>
      </c>
      <c r="D86717" s="14" t="s">
        <v>84</v>
      </c>
      <c r="E86717" s="15">
        <v>45588</v>
      </c>
      <c r="F86717" s="14" t="s">
        <v>25</v>
      </c>
      <c r="G86717" s="16">
        <v>0</v>
      </c>
    </row>
    <row r="86718" spans="1:7" x14ac:dyDescent="0.3">
      <c r="A86718" s="13" t="s">
        <v>435</v>
      </c>
      <c r="B86718" s="14" t="s">
        <v>1</v>
      </c>
      <c r="C86718" s="14" t="s">
        <v>35</v>
      </c>
      <c r="D86718" s="14" t="s">
        <v>84</v>
      </c>
      <c r="E86718" s="15">
        <v>45589</v>
      </c>
      <c r="F86718" s="14" t="s">
        <v>25</v>
      </c>
      <c r="G86718" s="16">
        <v>0</v>
      </c>
    </row>
    <row r="86719" spans="1:7" x14ac:dyDescent="0.3">
      <c r="A86719" s="13" t="s">
        <v>435</v>
      </c>
      <c r="B86719" s="14" t="s">
        <v>1</v>
      </c>
      <c r="C86719" s="14" t="s">
        <v>35</v>
      </c>
      <c r="D86719" s="14" t="s">
        <v>84</v>
      </c>
      <c r="E86719" s="15">
        <v>45590</v>
      </c>
      <c r="F86719" s="14" t="s">
        <v>25</v>
      </c>
      <c r="G86719" s="16">
        <v>0</v>
      </c>
    </row>
    <row r="86720" spans="1:7" x14ac:dyDescent="0.3">
      <c r="A86720" s="13" t="s">
        <v>435</v>
      </c>
      <c r="B86720" s="14" t="s">
        <v>1</v>
      </c>
      <c r="C86720" s="14" t="s">
        <v>35</v>
      </c>
      <c r="D86720" s="14" t="s">
        <v>84</v>
      </c>
      <c r="E86720" s="15">
        <v>45591</v>
      </c>
      <c r="F86720" s="14" t="s">
        <v>25</v>
      </c>
      <c r="G86720" s="16">
        <v>0</v>
      </c>
    </row>
    <row r="86721" spans="1:7" x14ac:dyDescent="0.3">
      <c r="A86721" s="13" t="s">
        <v>435</v>
      </c>
      <c r="B86721" s="14" t="s">
        <v>1</v>
      </c>
      <c r="C86721" s="14" t="s">
        <v>35</v>
      </c>
      <c r="D86721" s="14" t="s">
        <v>84</v>
      </c>
      <c r="E86721" s="15">
        <v>45592</v>
      </c>
      <c r="F86721" s="14" t="s">
        <v>25</v>
      </c>
      <c r="G86721" s="16">
        <v>0</v>
      </c>
    </row>
    <row r="86722" spans="1:7" x14ac:dyDescent="0.3">
      <c r="A86722" s="13" t="s">
        <v>435</v>
      </c>
      <c r="B86722" s="14" t="s">
        <v>1</v>
      </c>
      <c r="C86722" s="14" t="s">
        <v>35</v>
      </c>
      <c r="D86722" s="14" t="s">
        <v>84</v>
      </c>
      <c r="E86722" s="15">
        <v>45593</v>
      </c>
      <c r="F86722" s="14" t="s">
        <v>25</v>
      </c>
      <c r="G86722" s="16">
        <v>0</v>
      </c>
    </row>
    <row r="86723" spans="1:7" x14ac:dyDescent="0.3">
      <c r="A86723" s="13" t="s">
        <v>435</v>
      </c>
      <c r="B86723" s="14" t="s">
        <v>1</v>
      </c>
      <c r="C86723" s="14" t="s">
        <v>35</v>
      </c>
      <c r="D86723" s="14" t="s">
        <v>84</v>
      </c>
      <c r="E86723" s="15">
        <v>45594</v>
      </c>
      <c r="F86723" s="14" t="s">
        <v>25</v>
      </c>
      <c r="G86723" s="16">
        <v>0</v>
      </c>
    </row>
    <row r="86724" spans="1:7" x14ac:dyDescent="0.3">
      <c r="A86724" s="13" t="s">
        <v>435</v>
      </c>
      <c r="B86724" s="14" t="s">
        <v>1</v>
      </c>
      <c r="C86724" s="14" t="s">
        <v>35</v>
      </c>
      <c r="D86724" s="14" t="s">
        <v>84</v>
      </c>
      <c r="E86724" s="15">
        <v>45595</v>
      </c>
      <c r="F86724" s="14" t="s">
        <v>25</v>
      </c>
      <c r="G86724" s="16">
        <v>0</v>
      </c>
    </row>
    <row r="86725" spans="1:7" x14ac:dyDescent="0.3">
      <c r="A86725" s="13" t="s">
        <v>435</v>
      </c>
      <c r="B86725" s="14" t="s">
        <v>1</v>
      </c>
      <c r="C86725" s="14" t="s">
        <v>35</v>
      </c>
      <c r="D86725" s="14" t="s">
        <v>84</v>
      </c>
      <c r="E86725" s="15">
        <v>45596</v>
      </c>
      <c r="F86725" s="14" t="s">
        <v>25</v>
      </c>
      <c r="G86725" s="16">
        <v>0</v>
      </c>
    </row>
    <row r="86726" spans="1:7" x14ac:dyDescent="0.3">
      <c r="A86726" s="13" t="s">
        <v>435</v>
      </c>
      <c r="B86726" s="14" t="s">
        <v>1</v>
      </c>
      <c r="C86726" s="14" t="s">
        <v>35</v>
      </c>
      <c r="D86726" s="14" t="s">
        <v>84</v>
      </c>
      <c r="E86726" s="15">
        <v>45597</v>
      </c>
      <c r="F86726" s="14" t="s">
        <v>25</v>
      </c>
      <c r="G86726" s="16">
        <v>0</v>
      </c>
    </row>
    <row r="86727" spans="1:7" x14ac:dyDescent="0.3">
      <c r="A86727" s="13" t="s">
        <v>435</v>
      </c>
      <c r="B86727" s="14" t="s">
        <v>1</v>
      </c>
      <c r="C86727" s="14" t="s">
        <v>35</v>
      </c>
      <c r="D86727" s="14" t="s">
        <v>84</v>
      </c>
      <c r="E86727" s="15">
        <v>45598</v>
      </c>
      <c r="F86727" s="14" t="s">
        <v>25</v>
      </c>
      <c r="G86727" s="16">
        <v>0</v>
      </c>
    </row>
    <row r="86728" spans="1:7" x14ac:dyDescent="0.3">
      <c r="A86728" s="13" t="s">
        <v>435</v>
      </c>
      <c r="B86728" s="14" t="s">
        <v>1</v>
      </c>
      <c r="C86728" s="14" t="s">
        <v>35</v>
      </c>
      <c r="D86728" s="14" t="s">
        <v>84</v>
      </c>
      <c r="E86728" s="15">
        <v>45599</v>
      </c>
      <c r="F86728" s="14" t="s">
        <v>25</v>
      </c>
      <c r="G86728" s="16">
        <v>0</v>
      </c>
    </row>
    <row r="86729" spans="1:7" x14ac:dyDescent="0.3">
      <c r="A86729" s="13" t="s">
        <v>435</v>
      </c>
      <c r="B86729" s="14" t="s">
        <v>1</v>
      </c>
      <c r="C86729" s="14" t="s">
        <v>35</v>
      </c>
      <c r="D86729" s="14" t="s">
        <v>84</v>
      </c>
      <c r="E86729" s="15">
        <v>45600</v>
      </c>
      <c r="F86729" s="14" t="s">
        <v>25</v>
      </c>
      <c r="G86729" s="16">
        <v>0</v>
      </c>
    </row>
    <row r="86730" spans="1:7" x14ac:dyDescent="0.3">
      <c r="A86730" s="13" t="s">
        <v>435</v>
      </c>
      <c r="B86730" s="14" t="s">
        <v>1</v>
      </c>
      <c r="C86730" s="14" t="s">
        <v>35</v>
      </c>
      <c r="D86730" s="14" t="s">
        <v>84</v>
      </c>
      <c r="E86730" s="15">
        <v>45601</v>
      </c>
      <c r="F86730" s="14" t="s">
        <v>25</v>
      </c>
      <c r="G86730" s="16">
        <v>0</v>
      </c>
    </row>
    <row r="86731" spans="1:7" x14ac:dyDescent="0.3">
      <c r="A86731" s="13" t="s">
        <v>435</v>
      </c>
      <c r="B86731" s="14" t="s">
        <v>1</v>
      </c>
      <c r="C86731" s="14" t="s">
        <v>35</v>
      </c>
      <c r="D86731" s="14" t="s">
        <v>84</v>
      </c>
      <c r="E86731" s="15">
        <v>45602</v>
      </c>
      <c r="F86731" s="14" t="s">
        <v>25</v>
      </c>
      <c r="G86731" s="16">
        <v>0</v>
      </c>
    </row>
    <row r="86732" spans="1:7" x14ac:dyDescent="0.3">
      <c r="A86732" s="13" t="s">
        <v>435</v>
      </c>
      <c r="B86732" s="14" t="s">
        <v>1</v>
      </c>
      <c r="C86732" s="14" t="s">
        <v>35</v>
      </c>
      <c r="D86732" s="14" t="s">
        <v>84</v>
      </c>
      <c r="E86732" s="15">
        <v>45603</v>
      </c>
      <c r="F86732" s="14" t="s">
        <v>25</v>
      </c>
      <c r="G86732" s="16">
        <v>0</v>
      </c>
    </row>
    <row r="86733" spans="1:7" x14ac:dyDescent="0.3">
      <c r="A86733" s="13" t="s">
        <v>435</v>
      </c>
      <c r="B86733" s="14" t="s">
        <v>1</v>
      </c>
      <c r="C86733" s="14" t="s">
        <v>35</v>
      </c>
      <c r="D86733" s="14" t="s">
        <v>84</v>
      </c>
      <c r="E86733" s="15">
        <v>45604</v>
      </c>
      <c r="F86733" s="14" t="s">
        <v>25</v>
      </c>
      <c r="G86733" s="16">
        <v>0</v>
      </c>
    </row>
    <row r="86734" spans="1:7" x14ac:dyDescent="0.3">
      <c r="A86734" s="13" t="s">
        <v>435</v>
      </c>
      <c r="B86734" s="14" t="s">
        <v>1</v>
      </c>
      <c r="C86734" s="14" t="s">
        <v>35</v>
      </c>
      <c r="D86734" s="14" t="s">
        <v>84</v>
      </c>
      <c r="E86734" s="15">
        <v>45605</v>
      </c>
      <c r="F86734" s="14" t="s">
        <v>25</v>
      </c>
      <c r="G86734" s="16">
        <v>0</v>
      </c>
    </row>
    <row r="86735" spans="1:7" x14ac:dyDescent="0.3">
      <c r="A86735" s="13" t="s">
        <v>435</v>
      </c>
      <c r="B86735" s="14" t="s">
        <v>1</v>
      </c>
      <c r="C86735" s="14" t="s">
        <v>35</v>
      </c>
      <c r="D86735" s="14" t="s">
        <v>84</v>
      </c>
      <c r="E86735" s="15">
        <v>45606</v>
      </c>
      <c r="F86735" s="14" t="s">
        <v>25</v>
      </c>
      <c r="G86735" s="16">
        <v>0</v>
      </c>
    </row>
    <row r="86736" spans="1:7" x14ac:dyDescent="0.3">
      <c r="A86736" s="13" t="s">
        <v>435</v>
      </c>
      <c r="B86736" s="14" t="s">
        <v>1</v>
      </c>
      <c r="C86736" s="14" t="s">
        <v>35</v>
      </c>
      <c r="D86736" s="14" t="s">
        <v>84</v>
      </c>
      <c r="E86736" s="15">
        <v>45607</v>
      </c>
      <c r="F86736" s="14" t="s">
        <v>25</v>
      </c>
      <c r="G86736" s="16">
        <v>0</v>
      </c>
    </row>
    <row r="86737" spans="1:7" x14ac:dyDescent="0.3">
      <c r="A86737" s="13" t="s">
        <v>435</v>
      </c>
      <c r="B86737" s="14" t="s">
        <v>1</v>
      </c>
      <c r="C86737" s="14" t="s">
        <v>35</v>
      </c>
      <c r="D86737" s="14" t="s">
        <v>84</v>
      </c>
      <c r="E86737" s="15">
        <v>45608</v>
      </c>
      <c r="F86737" s="14" t="s">
        <v>25</v>
      </c>
      <c r="G86737" s="16">
        <v>0</v>
      </c>
    </row>
    <row r="86738" spans="1:7" x14ac:dyDescent="0.3">
      <c r="A86738" s="13" t="s">
        <v>435</v>
      </c>
      <c r="B86738" s="14" t="s">
        <v>1</v>
      </c>
      <c r="C86738" s="14" t="s">
        <v>35</v>
      </c>
      <c r="D86738" s="14" t="s">
        <v>84</v>
      </c>
      <c r="E86738" s="15">
        <v>45609</v>
      </c>
      <c r="F86738" s="14" t="s">
        <v>25</v>
      </c>
      <c r="G86738" s="16">
        <v>0</v>
      </c>
    </row>
    <row r="86739" spans="1:7" x14ac:dyDescent="0.3">
      <c r="A86739" s="13" t="s">
        <v>435</v>
      </c>
      <c r="B86739" s="14" t="s">
        <v>1</v>
      </c>
      <c r="C86739" s="14" t="s">
        <v>35</v>
      </c>
      <c r="D86739" s="14" t="s">
        <v>84</v>
      </c>
      <c r="E86739" s="15">
        <v>45610</v>
      </c>
      <c r="F86739" s="14" t="s">
        <v>25</v>
      </c>
      <c r="G86739" s="16">
        <v>0</v>
      </c>
    </row>
    <row r="86740" spans="1:7" x14ac:dyDescent="0.3">
      <c r="A86740" s="13" t="s">
        <v>435</v>
      </c>
      <c r="B86740" s="14" t="s">
        <v>1</v>
      </c>
      <c r="C86740" s="14" t="s">
        <v>35</v>
      </c>
      <c r="D86740" s="14" t="s">
        <v>84</v>
      </c>
      <c r="E86740" s="15">
        <v>45611</v>
      </c>
      <c r="F86740" s="14" t="s">
        <v>25</v>
      </c>
      <c r="G86740" s="16">
        <v>0</v>
      </c>
    </row>
    <row r="86741" spans="1:7" x14ac:dyDescent="0.3">
      <c r="A86741" s="13" t="s">
        <v>435</v>
      </c>
      <c r="B86741" s="14" t="s">
        <v>1</v>
      </c>
      <c r="C86741" s="14" t="s">
        <v>35</v>
      </c>
      <c r="D86741" s="14" t="s">
        <v>84</v>
      </c>
      <c r="E86741" s="15">
        <v>45612</v>
      </c>
      <c r="F86741" s="14" t="s">
        <v>25</v>
      </c>
      <c r="G86741" s="16">
        <v>0</v>
      </c>
    </row>
    <row r="86742" spans="1:7" x14ac:dyDescent="0.3">
      <c r="A86742" s="13" t="s">
        <v>435</v>
      </c>
      <c r="B86742" s="14" t="s">
        <v>1</v>
      </c>
      <c r="C86742" s="14" t="s">
        <v>35</v>
      </c>
      <c r="D86742" s="14" t="s">
        <v>84</v>
      </c>
      <c r="E86742" s="15">
        <v>45613</v>
      </c>
      <c r="F86742" s="14" t="s">
        <v>25</v>
      </c>
      <c r="G86742" s="16">
        <v>0</v>
      </c>
    </row>
    <row r="86743" spans="1:7" x14ac:dyDescent="0.3">
      <c r="A86743" s="13" t="s">
        <v>435</v>
      </c>
      <c r="B86743" s="14" t="s">
        <v>1</v>
      </c>
      <c r="C86743" s="14" t="s">
        <v>35</v>
      </c>
      <c r="D86743" s="14" t="s">
        <v>84</v>
      </c>
      <c r="E86743" s="15">
        <v>45614</v>
      </c>
      <c r="F86743" s="14" t="s">
        <v>25</v>
      </c>
      <c r="G86743" s="16">
        <v>0</v>
      </c>
    </row>
    <row r="86744" spans="1:7" x14ac:dyDescent="0.3">
      <c r="A86744" s="13" t="s">
        <v>435</v>
      </c>
      <c r="B86744" s="14" t="s">
        <v>1</v>
      </c>
      <c r="C86744" s="14" t="s">
        <v>35</v>
      </c>
      <c r="D86744" s="14" t="s">
        <v>84</v>
      </c>
      <c r="E86744" s="15">
        <v>45615</v>
      </c>
      <c r="F86744" s="14" t="s">
        <v>25</v>
      </c>
      <c r="G86744" s="16">
        <v>0</v>
      </c>
    </row>
    <row r="86745" spans="1:7" x14ac:dyDescent="0.3">
      <c r="A86745" s="13" t="s">
        <v>435</v>
      </c>
      <c r="B86745" s="14" t="s">
        <v>1</v>
      </c>
      <c r="C86745" s="14" t="s">
        <v>35</v>
      </c>
      <c r="D86745" s="14" t="s">
        <v>84</v>
      </c>
      <c r="E86745" s="15">
        <v>45616</v>
      </c>
      <c r="F86745" s="14" t="s">
        <v>25</v>
      </c>
      <c r="G86745" s="16">
        <v>0</v>
      </c>
    </row>
    <row r="86746" spans="1:7" x14ac:dyDescent="0.3">
      <c r="A86746" s="13" t="s">
        <v>435</v>
      </c>
      <c r="B86746" s="14" t="s">
        <v>1</v>
      </c>
      <c r="C86746" s="14" t="s">
        <v>35</v>
      </c>
      <c r="D86746" s="14" t="s">
        <v>84</v>
      </c>
      <c r="E86746" s="15">
        <v>45617</v>
      </c>
      <c r="F86746" s="14" t="s">
        <v>25</v>
      </c>
      <c r="G86746" s="16">
        <v>0</v>
      </c>
    </row>
    <row r="86747" spans="1:7" x14ac:dyDescent="0.3">
      <c r="A86747" s="13" t="s">
        <v>435</v>
      </c>
      <c r="B86747" s="14" t="s">
        <v>1</v>
      </c>
      <c r="C86747" s="14" t="s">
        <v>35</v>
      </c>
      <c r="D86747" s="14" t="s">
        <v>84</v>
      </c>
      <c r="E86747" s="15">
        <v>45618</v>
      </c>
      <c r="F86747" s="14" t="s">
        <v>25</v>
      </c>
      <c r="G86747" s="16">
        <v>0</v>
      </c>
    </row>
    <row r="86748" spans="1:7" x14ac:dyDescent="0.3">
      <c r="A86748" s="13" t="s">
        <v>435</v>
      </c>
      <c r="B86748" s="14" t="s">
        <v>1</v>
      </c>
      <c r="C86748" s="14" t="s">
        <v>35</v>
      </c>
      <c r="D86748" s="14" t="s">
        <v>84</v>
      </c>
      <c r="E86748" s="15">
        <v>45619</v>
      </c>
      <c r="F86748" s="14" t="s">
        <v>25</v>
      </c>
      <c r="G86748" s="16">
        <v>0</v>
      </c>
    </row>
    <row r="86749" spans="1:7" x14ac:dyDescent="0.3">
      <c r="A86749" s="13" t="s">
        <v>435</v>
      </c>
      <c r="B86749" s="14" t="s">
        <v>1</v>
      </c>
      <c r="C86749" s="14" t="s">
        <v>35</v>
      </c>
      <c r="D86749" s="14" t="s">
        <v>84</v>
      </c>
      <c r="E86749" s="15">
        <v>45620</v>
      </c>
      <c r="F86749" s="14" t="s">
        <v>25</v>
      </c>
      <c r="G86749" s="16">
        <v>0</v>
      </c>
    </row>
    <row r="86750" spans="1:7" x14ac:dyDescent="0.3">
      <c r="A86750" s="13" t="s">
        <v>435</v>
      </c>
      <c r="B86750" s="14" t="s">
        <v>1</v>
      </c>
      <c r="C86750" s="14" t="s">
        <v>35</v>
      </c>
      <c r="D86750" s="14" t="s">
        <v>84</v>
      </c>
      <c r="E86750" s="15">
        <v>45621</v>
      </c>
      <c r="F86750" s="14" t="s">
        <v>25</v>
      </c>
      <c r="G86750" s="16">
        <v>0</v>
      </c>
    </row>
    <row r="86751" spans="1:7" x14ac:dyDescent="0.3">
      <c r="A86751" s="13" t="s">
        <v>435</v>
      </c>
      <c r="B86751" s="14" t="s">
        <v>1</v>
      </c>
      <c r="C86751" s="14" t="s">
        <v>35</v>
      </c>
      <c r="D86751" s="14" t="s">
        <v>84</v>
      </c>
      <c r="E86751" s="15">
        <v>45622</v>
      </c>
      <c r="F86751" s="14" t="s">
        <v>25</v>
      </c>
      <c r="G86751" s="16">
        <v>0</v>
      </c>
    </row>
    <row r="86752" spans="1:7" x14ac:dyDescent="0.3">
      <c r="A86752" s="13" t="s">
        <v>435</v>
      </c>
      <c r="B86752" s="14" t="s">
        <v>1</v>
      </c>
      <c r="C86752" s="14" t="s">
        <v>35</v>
      </c>
      <c r="D86752" s="14" t="s">
        <v>84</v>
      </c>
      <c r="E86752" s="15">
        <v>45623</v>
      </c>
      <c r="F86752" s="14" t="s">
        <v>25</v>
      </c>
      <c r="G86752" s="16">
        <v>0</v>
      </c>
    </row>
    <row r="86753" spans="1:7" x14ac:dyDescent="0.3">
      <c r="A86753" s="13" t="s">
        <v>435</v>
      </c>
      <c r="B86753" s="14" t="s">
        <v>1</v>
      </c>
      <c r="C86753" s="14" t="s">
        <v>35</v>
      </c>
      <c r="D86753" s="14" t="s">
        <v>84</v>
      </c>
      <c r="E86753" s="15">
        <v>45624</v>
      </c>
      <c r="F86753" s="14" t="s">
        <v>25</v>
      </c>
      <c r="G86753" s="16">
        <v>0</v>
      </c>
    </row>
    <row r="86754" spans="1:7" x14ac:dyDescent="0.3">
      <c r="A86754" s="13" t="s">
        <v>435</v>
      </c>
      <c r="B86754" s="14" t="s">
        <v>1</v>
      </c>
      <c r="C86754" s="14" t="s">
        <v>35</v>
      </c>
      <c r="D86754" s="14" t="s">
        <v>84</v>
      </c>
      <c r="E86754" s="15">
        <v>45625</v>
      </c>
      <c r="F86754" s="14" t="s">
        <v>25</v>
      </c>
      <c r="G86754" s="16">
        <v>0</v>
      </c>
    </row>
    <row r="86755" spans="1:7" x14ac:dyDescent="0.3">
      <c r="A86755" s="13" t="s">
        <v>435</v>
      </c>
      <c r="B86755" s="14" t="s">
        <v>1</v>
      </c>
      <c r="C86755" s="14" t="s">
        <v>35</v>
      </c>
      <c r="D86755" s="14" t="s">
        <v>84</v>
      </c>
      <c r="E86755" s="15">
        <v>45626</v>
      </c>
      <c r="F86755" s="14" t="s">
        <v>25</v>
      </c>
      <c r="G86755" s="16">
        <v>0</v>
      </c>
    </row>
    <row r="86756" spans="1:7" x14ac:dyDescent="0.3">
      <c r="A86756" s="13" t="s">
        <v>435</v>
      </c>
      <c r="B86756" s="14" t="s">
        <v>1</v>
      </c>
      <c r="C86756" s="14" t="s">
        <v>35</v>
      </c>
      <c r="D86756" s="14" t="s">
        <v>84</v>
      </c>
      <c r="E86756" s="15">
        <v>45627</v>
      </c>
      <c r="F86756" s="14" t="s">
        <v>25</v>
      </c>
      <c r="G86756" s="16">
        <v>0</v>
      </c>
    </row>
    <row r="86757" spans="1:7" x14ac:dyDescent="0.3">
      <c r="A86757" s="13" t="s">
        <v>435</v>
      </c>
      <c r="B86757" s="14" t="s">
        <v>1</v>
      </c>
      <c r="C86757" s="14" t="s">
        <v>35</v>
      </c>
      <c r="D86757" s="14" t="s">
        <v>84</v>
      </c>
      <c r="E86757" s="15">
        <v>45628</v>
      </c>
      <c r="F86757" s="14" t="s">
        <v>25</v>
      </c>
      <c r="G86757" s="16">
        <v>0</v>
      </c>
    </row>
    <row r="86758" spans="1:7" x14ac:dyDescent="0.3">
      <c r="A86758" s="13" t="s">
        <v>435</v>
      </c>
      <c r="B86758" s="14" t="s">
        <v>1</v>
      </c>
      <c r="C86758" s="14" t="s">
        <v>35</v>
      </c>
      <c r="D86758" s="14" t="s">
        <v>84</v>
      </c>
      <c r="E86758" s="15">
        <v>45629</v>
      </c>
      <c r="F86758" s="14" t="s">
        <v>25</v>
      </c>
      <c r="G86758" s="16">
        <v>0</v>
      </c>
    </row>
    <row r="86759" spans="1:7" x14ac:dyDescent="0.3">
      <c r="A86759" s="13" t="s">
        <v>435</v>
      </c>
      <c r="B86759" s="14" t="s">
        <v>1</v>
      </c>
      <c r="C86759" s="14" t="s">
        <v>35</v>
      </c>
      <c r="D86759" s="14" t="s">
        <v>84</v>
      </c>
      <c r="E86759" s="15">
        <v>45630</v>
      </c>
      <c r="F86759" s="14" t="s">
        <v>25</v>
      </c>
      <c r="G86759" s="16">
        <v>0</v>
      </c>
    </row>
    <row r="86760" spans="1:7" x14ac:dyDescent="0.3">
      <c r="A86760" s="13" t="s">
        <v>435</v>
      </c>
      <c r="B86760" s="14" t="s">
        <v>1</v>
      </c>
      <c r="C86760" s="14" t="s">
        <v>35</v>
      </c>
      <c r="D86760" s="14" t="s">
        <v>84</v>
      </c>
      <c r="E86760" s="15">
        <v>45631</v>
      </c>
      <c r="F86760" s="14" t="s">
        <v>25</v>
      </c>
      <c r="G86760" s="16">
        <v>0</v>
      </c>
    </row>
    <row r="86761" spans="1:7" x14ac:dyDescent="0.3">
      <c r="A86761" s="13" t="s">
        <v>435</v>
      </c>
      <c r="B86761" s="14" t="s">
        <v>1</v>
      </c>
      <c r="C86761" s="14" t="s">
        <v>35</v>
      </c>
      <c r="D86761" s="14" t="s">
        <v>84</v>
      </c>
      <c r="E86761" s="15">
        <v>45632</v>
      </c>
      <c r="F86761" s="14" t="s">
        <v>25</v>
      </c>
      <c r="G86761" s="16">
        <v>0</v>
      </c>
    </row>
    <row r="86762" spans="1:7" x14ac:dyDescent="0.3">
      <c r="A86762" s="13" t="s">
        <v>435</v>
      </c>
      <c r="B86762" s="14" t="s">
        <v>1</v>
      </c>
      <c r="C86762" s="14" t="s">
        <v>35</v>
      </c>
      <c r="D86762" s="14" t="s">
        <v>84</v>
      </c>
      <c r="E86762" s="15">
        <v>45633</v>
      </c>
      <c r="F86762" s="14" t="s">
        <v>25</v>
      </c>
      <c r="G86762" s="16">
        <v>0</v>
      </c>
    </row>
    <row r="86763" spans="1:7" x14ac:dyDescent="0.3">
      <c r="A86763" s="13" t="s">
        <v>435</v>
      </c>
      <c r="B86763" s="14" t="s">
        <v>1</v>
      </c>
      <c r="C86763" s="14" t="s">
        <v>35</v>
      </c>
      <c r="D86763" s="14" t="s">
        <v>84</v>
      </c>
      <c r="E86763" s="15">
        <v>45634</v>
      </c>
      <c r="F86763" s="14" t="s">
        <v>25</v>
      </c>
      <c r="G86763" s="16">
        <v>0</v>
      </c>
    </row>
    <row r="86764" spans="1:7" x14ac:dyDescent="0.3">
      <c r="A86764" s="13" t="s">
        <v>435</v>
      </c>
      <c r="B86764" s="14" t="s">
        <v>1</v>
      </c>
      <c r="C86764" s="14" t="s">
        <v>35</v>
      </c>
      <c r="D86764" s="14" t="s">
        <v>84</v>
      </c>
      <c r="E86764" s="15">
        <v>45635</v>
      </c>
      <c r="F86764" s="14" t="s">
        <v>25</v>
      </c>
      <c r="G86764" s="16">
        <v>0</v>
      </c>
    </row>
    <row r="86765" spans="1:7" x14ac:dyDescent="0.3">
      <c r="A86765" s="13" t="s">
        <v>435</v>
      </c>
      <c r="B86765" s="14" t="s">
        <v>1</v>
      </c>
      <c r="C86765" s="14" t="s">
        <v>35</v>
      </c>
      <c r="D86765" s="14" t="s">
        <v>84</v>
      </c>
      <c r="E86765" s="15">
        <v>45636</v>
      </c>
      <c r="F86765" s="14" t="s">
        <v>25</v>
      </c>
      <c r="G86765" s="16">
        <v>0</v>
      </c>
    </row>
    <row r="86766" spans="1:7" x14ac:dyDescent="0.3">
      <c r="A86766" s="13" t="s">
        <v>435</v>
      </c>
      <c r="B86766" s="14" t="s">
        <v>1</v>
      </c>
      <c r="C86766" s="14" t="s">
        <v>35</v>
      </c>
      <c r="D86766" s="14" t="s">
        <v>84</v>
      </c>
      <c r="E86766" s="15">
        <v>45637</v>
      </c>
      <c r="F86766" s="14" t="s">
        <v>25</v>
      </c>
      <c r="G86766" s="16">
        <v>0</v>
      </c>
    </row>
    <row r="86767" spans="1:7" x14ac:dyDescent="0.3">
      <c r="A86767" s="13" t="s">
        <v>435</v>
      </c>
      <c r="B86767" s="14" t="s">
        <v>1</v>
      </c>
      <c r="C86767" s="14" t="s">
        <v>35</v>
      </c>
      <c r="D86767" s="14" t="s">
        <v>84</v>
      </c>
      <c r="E86767" s="15">
        <v>45638</v>
      </c>
      <c r="F86767" s="14" t="s">
        <v>25</v>
      </c>
      <c r="G86767" s="16">
        <v>0</v>
      </c>
    </row>
    <row r="86768" spans="1:7" x14ac:dyDescent="0.3">
      <c r="A86768" s="13" t="s">
        <v>435</v>
      </c>
      <c r="B86768" s="14" t="s">
        <v>1</v>
      </c>
      <c r="C86768" s="14" t="s">
        <v>35</v>
      </c>
      <c r="D86768" s="14" t="s">
        <v>84</v>
      </c>
      <c r="E86768" s="15">
        <v>45639</v>
      </c>
      <c r="F86768" s="14" t="s">
        <v>25</v>
      </c>
      <c r="G86768" s="16">
        <v>0</v>
      </c>
    </row>
    <row r="86769" spans="1:7" x14ac:dyDescent="0.3">
      <c r="A86769" s="13" t="s">
        <v>435</v>
      </c>
      <c r="B86769" s="14" t="s">
        <v>1</v>
      </c>
      <c r="C86769" s="14" t="s">
        <v>35</v>
      </c>
      <c r="D86769" s="14" t="s">
        <v>84</v>
      </c>
      <c r="E86769" s="15">
        <v>45640</v>
      </c>
      <c r="F86769" s="14" t="s">
        <v>25</v>
      </c>
      <c r="G86769" s="16">
        <v>0</v>
      </c>
    </row>
    <row r="86770" spans="1:7" x14ac:dyDescent="0.3">
      <c r="A86770" s="13" t="s">
        <v>435</v>
      </c>
      <c r="B86770" s="14" t="s">
        <v>1</v>
      </c>
      <c r="C86770" s="14" t="s">
        <v>35</v>
      </c>
      <c r="D86770" s="14" t="s">
        <v>84</v>
      </c>
      <c r="E86770" s="15">
        <v>45641</v>
      </c>
      <c r="F86770" s="14" t="s">
        <v>25</v>
      </c>
      <c r="G86770" s="16">
        <v>0</v>
      </c>
    </row>
    <row r="86771" spans="1:7" x14ac:dyDescent="0.3">
      <c r="A86771" s="13" t="s">
        <v>435</v>
      </c>
      <c r="B86771" s="14" t="s">
        <v>1</v>
      </c>
      <c r="C86771" s="14" t="s">
        <v>35</v>
      </c>
      <c r="D86771" s="14" t="s">
        <v>84</v>
      </c>
      <c r="E86771" s="15">
        <v>45642</v>
      </c>
      <c r="F86771" s="14" t="s">
        <v>25</v>
      </c>
      <c r="G86771" s="16">
        <v>0</v>
      </c>
    </row>
    <row r="86772" spans="1:7" x14ac:dyDescent="0.3">
      <c r="A86772" s="13" t="s">
        <v>435</v>
      </c>
      <c r="B86772" s="14" t="s">
        <v>1</v>
      </c>
      <c r="C86772" s="14" t="s">
        <v>35</v>
      </c>
      <c r="D86772" s="14" t="s">
        <v>84</v>
      </c>
      <c r="E86772" s="15">
        <v>45643</v>
      </c>
      <c r="F86772" s="14" t="s">
        <v>25</v>
      </c>
      <c r="G86772" s="16">
        <v>0</v>
      </c>
    </row>
    <row r="86773" spans="1:7" x14ac:dyDescent="0.3">
      <c r="A86773" s="13" t="s">
        <v>435</v>
      </c>
      <c r="B86773" s="14" t="s">
        <v>1</v>
      </c>
      <c r="C86773" s="14" t="s">
        <v>35</v>
      </c>
      <c r="D86773" s="14" t="s">
        <v>84</v>
      </c>
      <c r="E86773" s="15">
        <v>45644</v>
      </c>
      <c r="F86773" s="14" t="s">
        <v>25</v>
      </c>
      <c r="G86773" s="16">
        <v>0</v>
      </c>
    </row>
    <row r="86774" spans="1:7" x14ac:dyDescent="0.3">
      <c r="A86774" s="13" t="s">
        <v>435</v>
      </c>
      <c r="B86774" s="14" t="s">
        <v>1</v>
      </c>
      <c r="C86774" s="14" t="s">
        <v>35</v>
      </c>
      <c r="D86774" s="14" t="s">
        <v>84</v>
      </c>
      <c r="E86774" s="15">
        <v>45645</v>
      </c>
      <c r="F86774" s="14" t="s">
        <v>25</v>
      </c>
      <c r="G86774" s="16">
        <v>0</v>
      </c>
    </row>
    <row r="86775" spans="1:7" x14ac:dyDescent="0.3">
      <c r="A86775" s="13" t="s">
        <v>435</v>
      </c>
      <c r="B86775" s="14" t="s">
        <v>1</v>
      </c>
      <c r="C86775" s="14" t="s">
        <v>35</v>
      </c>
      <c r="D86775" s="14" t="s">
        <v>84</v>
      </c>
      <c r="E86775" s="15">
        <v>45646</v>
      </c>
      <c r="F86775" s="14" t="s">
        <v>25</v>
      </c>
      <c r="G86775" s="16">
        <v>0</v>
      </c>
    </row>
    <row r="86776" spans="1:7" x14ac:dyDescent="0.3">
      <c r="A86776" s="13" t="s">
        <v>435</v>
      </c>
      <c r="B86776" s="14" t="s">
        <v>1</v>
      </c>
      <c r="C86776" s="14" t="s">
        <v>35</v>
      </c>
      <c r="D86776" s="14" t="s">
        <v>84</v>
      </c>
      <c r="E86776" s="15">
        <v>45647</v>
      </c>
      <c r="F86776" s="14" t="s">
        <v>25</v>
      </c>
      <c r="G86776" s="16">
        <v>0</v>
      </c>
    </row>
    <row r="86777" spans="1:7" x14ac:dyDescent="0.3">
      <c r="A86777" s="13" t="s">
        <v>435</v>
      </c>
      <c r="B86777" s="14" t="s">
        <v>1</v>
      </c>
      <c r="C86777" s="14" t="s">
        <v>35</v>
      </c>
      <c r="D86777" s="14" t="s">
        <v>84</v>
      </c>
      <c r="E86777" s="15">
        <v>45648</v>
      </c>
      <c r="F86777" s="14" t="s">
        <v>25</v>
      </c>
      <c r="G86777" s="16">
        <v>0</v>
      </c>
    </row>
    <row r="86778" spans="1:7" x14ac:dyDescent="0.3">
      <c r="A86778" s="13" t="s">
        <v>435</v>
      </c>
      <c r="B86778" s="14" t="s">
        <v>1</v>
      </c>
      <c r="C86778" s="14" t="s">
        <v>35</v>
      </c>
      <c r="D86778" s="14" t="s">
        <v>84</v>
      </c>
      <c r="E86778" s="15">
        <v>45649</v>
      </c>
      <c r="F86778" s="14" t="s">
        <v>25</v>
      </c>
      <c r="G86778" s="16">
        <v>0</v>
      </c>
    </row>
    <row r="86779" spans="1:7" x14ac:dyDescent="0.3">
      <c r="A86779" s="13" t="s">
        <v>435</v>
      </c>
      <c r="B86779" s="14" t="s">
        <v>1</v>
      </c>
      <c r="C86779" s="14" t="s">
        <v>35</v>
      </c>
      <c r="D86779" s="14" t="s">
        <v>84</v>
      </c>
      <c r="E86779" s="15">
        <v>45650</v>
      </c>
      <c r="F86779" s="14" t="s">
        <v>25</v>
      </c>
      <c r="G86779" s="16">
        <v>0</v>
      </c>
    </row>
    <row r="86780" spans="1:7" x14ac:dyDescent="0.3">
      <c r="A86780" s="13" t="s">
        <v>435</v>
      </c>
      <c r="B86780" s="14" t="s">
        <v>1</v>
      </c>
      <c r="C86780" s="14" t="s">
        <v>35</v>
      </c>
      <c r="D86780" s="14" t="s">
        <v>84</v>
      </c>
      <c r="E86780" s="15">
        <v>45651</v>
      </c>
      <c r="F86780" s="14" t="s">
        <v>25</v>
      </c>
      <c r="G86780" s="16">
        <v>0</v>
      </c>
    </row>
    <row r="86781" spans="1:7" x14ac:dyDescent="0.3">
      <c r="A86781" s="13" t="s">
        <v>435</v>
      </c>
      <c r="B86781" s="14" t="s">
        <v>1</v>
      </c>
      <c r="C86781" s="14" t="s">
        <v>35</v>
      </c>
      <c r="D86781" s="14" t="s">
        <v>84</v>
      </c>
      <c r="E86781" s="15">
        <v>45652</v>
      </c>
      <c r="F86781" s="14" t="s">
        <v>25</v>
      </c>
      <c r="G86781" s="16">
        <v>0</v>
      </c>
    </row>
    <row r="86782" spans="1:7" x14ac:dyDescent="0.3">
      <c r="A86782" s="13" t="s">
        <v>435</v>
      </c>
      <c r="B86782" s="14" t="s">
        <v>1</v>
      </c>
      <c r="C86782" s="14" t="s">
        <v>35</v>
      </c>
      <c r="D86782" s="14" t="s">
        <v>84</v>
      </c>
      <c r="E86782" s="15">
        <v>45653</v>
      </c>
      <c r="F86782" s="14" t="s">
        <v>25</v>
      </c>
      <c r="G86782" s="16">
        <v>0</v>
      </c>
    </row>
    <row r="86783" spans="1:7" x14ac:dyDescent="0.3">
      <c r="A86783" s="13" t="s">
        <v>435</v>
      </c>
      <c r="B86783" s="14" t="s">
        <v>1</v>
      </c>
      <c r="C86783" s="14" t="s">
        <v>35</v>
      </c>
      <c r="D86783" s="14" t="s">
        <v>84</v>
      </c>
      <c r="E86783" s="15">
        <v>45654</v>
      </c>
      <c r="F86783" s="14" t="s">
        <v>25</v>
      </c>
      <c r="G86783" s="16">
        <v>0</v>
      </c>
    </row>
    <row r="86784" spans="1:7" x14ac:dyDescent="0.3">
      <c r="A86784" s="13" t="s">
        <v>435</v>
      </c>
      <c r="B86784" s="14" t="s">
        <v>1</v>
      </c>
      <c r="C86784" s="14" t="s">
        <v>35</v>
      </c>
      <c r="D86784" s="14" t="s">
        <v>84</v>
      </c>
      <c r="E86784" s="15">
        <v>45655</v>
      </c>
      <c r="F86784" s="14" t="s">
        <v>25</v>
      </c>
      <c r="G86784" s="16">
        <v>0</v>
      </c>
    </row>
    <row r="86785" spans="1:7" x14ac:dyDescent="0.3">
      <c r="A86785" s="13" t="s">
        <v>435</v>
      </c>
      <c r="B86785" s="14" t="s">
        <v>1</v>
      </c>
      <c r="C86785" s="14" t="s">
        <v>35</v>
      </c>
      <c r="D86785" s="14" t="s">
        <v>84</v>
      </c>
      <c r="E86785" s="15">
        <v>45656</v>
      </c>
      <c r="F86785" s="14" t="s">
        <v>25</v>
      </c>
      <c r="G86785" s="16">
        <v>0</v>
      </c>
    </row>
    <row r="86786" spans="1:7" x14ac:dyDescent="0.3">
      <c r="A86786" s="13" t="s">
        <v>435</v>
      </c>
      <c r="B86786" s="14" t="s">
        <v>1</v>
      </c>
      <c r="C86786" s="14" t="s">
        <v>35</v>
      </c>
      <c r="D86786" s="14" t="s">
        <v>84</v>
      </c>
      <c r="E86786" s="15">
        <v>45657</v>
      </c>
      <c r="F86786" s="14" t="s">
        <v>25</v>
      </c>
      <c r="G86786" s="16">
        <v>0</v>
      </c>
    </row>
    <row r="86787" spans="1:7" x14ac:dyDescent="0.3">
      <c r="A86787" s="13" t="s">
        <v>435</v>
      </c>
      <c r="B86787" s="14" t="s">
        <v>1</v>
      </c>
      <c r="C86787" s="14" t="s">
        <v>35</v>
      </c>
      <c r="D86787" s="14" t="s">
        <v>84</v>
      </c>
      <c r="E86787" s="15">
        <v>45658</v>
      </c>
      <c r="F86787" s="14" t="s">
        <v>25</v>
      </c>
      <c r="G86787" s="16">
        <v>0</v>
      </c>
    </row>
    <row r="86788" spans="1:7" x14ac:dyDescent="0.3">
      <c r="A86788" s="13" t="s">
        <v>435</v>
      </c>
      <c r="B86788" s="14" t="s">
        <v>1</v>
      </c>
      <c r="C86788" s="14" t="s">
        <v>35</v>
      </c>
      <c r="D86788" s="14" t="s">
        <v>84</v>
      </c>
      <c r="E86788" s="15">
        <v>45659</v>
      </c>
      <c r="F86788" s="14" t="s">
        <v>25</v>
      </c>
      <c r="G86788" s="16">
        <v>0</v>
      </c>
    </row>
    <row r="86789" spans="1:7" x14ac:dyDescent="0.3">
      <c r="A86789" s="13" t="s">
        <v>435</v>
      </c>
      <c r="B86789" s="14" t="s">
        <v>1</v>
      </c>
      <c r="C86789" s="14" t="s">
        <v>35</v>
      </c>
      <c r="D86789" s="14" t="s">
        <v>84</v>
      </c>
      <c r="E86789" s="15">
        <v>45660</v>
      </c>
      <c r="F86789" s="14" t="s">
        <v>25</v>
      </c>
      <c r="G86789" s="16">
        <v>0</v>
      </c>
    </row>
    <row r="86790" spans="1:7" x14ac:dyDescent="0.3">
      <c r="A86790" s="13" t="s">
        <v>435</v>
      </c>
      <c r="B86790" s="14" t="s">
        <v>1</v>
      </c>
      <c r="C86790" s="14" t="s">
        <v>35</v>
      </c>
      <c r="D86790" s="14" t="s">
        <v>84</v>
      </c>
      <c r="E86790" s="15">
        <v>45661</v>
      </c>
      <c r="F86790" s="14" t="s">
        <v>25</v>
      </c>
      <c r="G86790" s="16">
        <v>0</v>
      </c>
    </row>
    <row r="86791" spans="1:7" x14ac:dyDescent="0.3">
      <c r="A86791" s="13" t="s">
        <v>435</v>
      </c>
      <c r="B86791" s="14" t="s">
        <v>1</v>
      </c>
      <c r="C86791" s="14" t="s">
        <v>35</v>
      </c>
      <c r="D86791" s="14" t="s">
        <v>84</v>
      </c>
      <c r="E86791" s="15">
        <v>45662</v>
      </c>
      <c r="F86791" s="14" t="s">
        <v>25</v>
      </c>
      <c r="G86791" s="16">
        <v>0</v>
      </c>
    </row>
    <row r="86792" spans="1:7" x14ac:dyDescent="0.3">
      <c r="A86792" s="13" t="s">
        <v>435</v>
      </c>
      <c r="B86792" s="14" t="s">
        <v>1</v>
      </c>
      <c r="C86792" s="14" t="s">
        <v>35</v>
      </c>
      <c r="D86792" s="14" t="s">
        <v>84</v>
      </c>
      <c r="E86792" s="15">
        <v>45663</v>
      </c>
      <c r="F86792" s="14" t="s">
        <v>25</v>
      </c>
      <c r="G86792" s="16">
        <v>0</v>
      </c>
    </row>
    <row r="86793" spans="1:7" x14ac:dyDescent="0.3">
      <c r="A86793" s="13" t="s">
        <v>435</v>
      </c>
      <c r="B86793" s="14" t="s">
        <v>1</v>
      </c>
      <c r="C86793" s="14" t="s">
        <v>35</v>
      </c>
      <c r="D86793" s="14" t="s">
        <v>84</v>
      </c>
      <c r="E86793" s="15">
        <v>45664</v>
      </c>
      <c r="F86793" s="14" t="s">
        <v>25</v>
      </c>
      <c r="G86793" s="16">
        <v>0</v>
      </c>
    </row>
    <row r="86794" spans="1:7" x14ac:dyDescent="0.3">
      <c r="A86794" s="13" t="s">
        <v>435</v>
      </c>
      <c r="B86794" s="14" t="s">
        <v>1</v>
      </c>
      <c r="C86794" s="14" t="s">
        <v>35</v>
      </c>
      <c r="D86794" s="14" t="s">
        <v>84</v>
      </c>
      <c r="E86794" s="15">
        <v>45665</v>
      </c>
      <c r="F86794" s="14" t="s">
        <v>25</v>
      </c>
      <c r="G86794" s="16">
        <v>0</v>
      </c>
    </row>
    <row r="86795" spans="1:7" x14ac:dyDescent="0.3">
      <c r="A86795" s="13" t="s">
        <v>435</v>
      </c>
      <c r="B86795" s="14" t="s">
        <v>1</v>
      </c>
      <c r="C86795" s="14" t="s">
        <v>35</v>
      </c>
      <c r="D86795" s="14" t="s">
        <v>84</v>
      </c>
      <c r="E86795" s="15">
        <v>45666</v>
      </c>
      <c r="F86795" s="14" t="s">
        <v>25</v>
      </c>
      <c r="G86795" s="16">
        <v>0</v>
      </c>
    </row>
    <row r="86796" spans="1:7" x14ac:dyDescent="0.3">
      <c r="A86796" s="13" t="s">
        <v>435</v>
      </c>
      <c r="B86796" s="14" t="s">
        <v>1</v>
      </c>
      <c r="C86796" s="14" t="s">
        <v>35</v>
      </c>
      <c r="D86796" s="14" t="s">
        <v>84</v>
      </c>
      <c r="E86796" s="15">
        <v>45667</v>
      </c>
      <c r="F86796" s="14" t="s">
        <v>25</v>
      </c>
      <c r="G86796" s="16">
        <v>0</v>
      </c>
    </row>
    <row r="86797" spans="1:7" x14ac:dyDescent="0.3">
      <c r="A86797" s="13" t="s">
        <v>435</v>
      </c>
      <c r="B86797" s="14" t="s">
        <v>1</v>
      </c>
      <c r="C86797" s="14" t="s">
        <v>35</v>
      </c>
      <c r="D86797" s="14" t="s">
        <v>84</v>
      </c>
      <c r="E86797" s="15">
        <v>45668</v>
      </c>
      <c r="F86797" s="14" t="s">
        <v>25</v>
      </c>
      <c r="G86797" s="16">
        <v>0</v>
      </c>
    </row>
    <row r="86798" spans="1:7" x14ac:dyDescent="0.3">
      <c r="A86798" s="13" t="s">
        <v>435</v>
      </c>
      <c r="B86798" s="14" t="s">
        <v>1</v>
      </c>
      <c r="C86798" s="14" t="s">
        <v>35</v>
      </c>
      <c r="D86798" s="14" t="s">
        <v>84</v>
      </c>
      <c r="E86798" s="15">
        <v>45669</v>
      </c>
      <c r="F86798" s="14" t="s">
        <v>25</v>
      </c>
      <c r="G86798" s="16">
        <v>0</v>
      </c>
    </row>
    <row r="86799" spans="1:7" x14ac:dyDescent="0.3">
      <c r="A86799" s="13" t="s">
        <v>435</v>
      </c>
      <c r="B86799" s="14" t="s">
        <v>1</v>
      </c>
      <c r="C86799" s="14" t="s">
        <v>35</v>
      </c>
      <c r="D86799" s="14" t="s">
        <v>84</v>
      </c>
      <c r="E86799" s="15">
        <v>45670</v>
      </c>
      <c r="F86799" s="14" t="s">
        <v>25</v>
      </c>
      <c r="G86799" s="16">
        <v>0</v>
      </c>
    </row>
    <row r="86800" spans="1:7" x14ac:dyDescent="0.3">
      <c r="A86800" s="13" t="s">
        <v>435</v>
      </c>
      <c r="B86800" s="14" t="s">
        <v>1</v>
      </c>
      <c r="C86800" s="14" t="s">
        <v>35</v>
      </c>
      <c r="D86800" s="14" t="s">
        <v>84</v>
      </c>
      <c r="E86800" s="15">
        <v>45671</v>
      </c>
      <c r="F86800" s="14" t="s">
        <v>25</v>
      </c>
      <c r="G86800" s="16">
        <v>0</v>
      </c>
    </row>
    <row r="86801" spans="1:7" x14ac:dyDescent="0.3">
      <c r="A86801" s="13" t="s">
        <v>435</v>
      </c>
      <c r="B86801" s="14" t="s">
        <v>1</v>
      </c>
      <c r="C86801" s="14" t="s">
        <v>35</v>
      </c>
      <c r="D86801" s="14" t="s">
        <v>84</v>
      </c>
      <c r="E86801" s="15">
        <v>45672</v>
      </c>
      <c r="F86801" s="14" t="s">
        <v>25</v>
      </c>
      <c r="G86801" s="16">
        <v>0</v>
      </c>
    </row>
    <row r="86802" spans="1:7" x14ac:dyDescent="0.3">
      <c r="A86802" s="13" t="s">
        <v>435</v>
      </c>
      <c r="B86802" s="14" t="s">
        <v>1</v>
      </c>
      <c r="C86802" s="14" t="s">
        <v>35</v>
      </c>
      <c r="D86802" s="14" t="s">
        <v>84</v>
      </c>
      <c r="E86802" s="15">
        <v>45673</v>
      </c>
      <c r="F86802" s="14" t="s">
        <v>25</v>
      </c>
      <c r="G86802" s="16">
        <v>0</v>
      </c>
    </row>
    <row r="86803" spans="1:7" x14ac:dyDescent="0.3">
      <c r="A86803" s="13" t="s">
        <v>435</v>
      </c>
      <c r="B86803" s="14" t="s">
        <v>1</v>
      </c>
      <c r="C86803" s="14" t="s">
        <v>35</v>
      </c>
      <c r="D86803" s="14" t="s">
        <v>84</v>
      </c>
      <c r="E86803" s="15">
        <v>45674</v>
      </c>
      <c r="F86803" s="14" t="s">
        <v>25</v>
      </c>
      <c r="G86803" s="16">
        <v>0</v>
      </c>
    </row>
    <row r="86804" spans="1:7" x14ac:dyDescent="0.3">
      <c r="A86804" s="13" t="s">
        <v>435</v>
      </c>
      <c r="B86804" s="14" t="s">
        <v>1</v>
      </c>
      <c r="C86804" s="14" t="s">
        <v>35</v>
      </c>
      <c r="D86804" s="14" t="s">
        <v>84</v>
      </c>
      <c r="E86804" s="15">
        <v>45675</v>
      </c>
      <c r="F86804" s="14" t="s">
        <v>25</v>
      </c>
      <c r="G86804" s="16">
        <v>0</v>
      </c>
    </row>
    <row r="86805" spans="1:7" x14ac:dyDescent="0.3">
      <c r="A86805" s="13" t="s">
        <v>435</v>
      </c>
      <c r="B86805" s="14" t="s">
        <v>1</v>
      </c>
      <c r="C86805" s="14" t="s">
        <v>35</v>
      </c>
      <c r="D86805" s="14" t="s">
        <v>84</v>
      </c>
      <c r="E86805" s="15">
        <v>45676</v>
      </c>
      <c r="F86805" s="14" t="s">
        <v>25</v>
      </c>
      <c r="G86805" s="16">
        <v>0</v>
      </c>
    </row>
    <row r="86806" spans="1:7" x14ac:dyDescent="0.3">
      <c r="A86806" s="13" t="s">
        <v>435</v>
      </c>
      <c r="B86806" s="14" t="s">
        <v>1</v>
      </c>
      <c r="C86806" s="14" t="s">
        <v>35</v>
      </c>
      <c r="D86806" s="14" t="s">
        <v>84</v>
      </c>
      <c r="E86806" s="15">
        <v>45677</v>
      </c>
      <c r="F86806" s="14" t="s">
        <v>25</v>
      </c>
      <c r="G86806" s="16">
        <v>0</v>
      </c>
    </row>
    <row r="86807" spans="1:7" x14ac:dyDescent="0.3">
      <c r="A86807" s="13" t="s">
        <v>435</v>
      </c>
      <c r="B86807" s="14" t="s">
        <v>1</v>
      </c>
      <c r="C86807" s="14" t="s">
        <v>35</v>
      </c>
      <c r="D86807" s="14" t="s">
        <v>84</v>
      </c>
      <c r="E86807" s="15">
        <v>45678</v>
      </c>
      <c r="F86807" s="14" t="s">
        <v>25</v>
      </c>
      <c r="G86807" s="16">
        <v>0</v>
      </c>
    </row>
    <row r="86808" spans="1:7" x14ac:dyDescent="0.3">
      <c r="A86808" s="13" t="s">
        <v>435</v>
      </c>
      <c r="B86808" s="14" t="s">
        <v>1</v>
      </c>
      <c r="C86808" s="14" t="s">
        <v>35</v>
      </c>
      <c r="D86808" s="14" t="s">
        <v>84</v>
      </c>
      <c r="E86808" s="15">
        <v>45679</v>
      </c>
      <c r="F86808" s="14" t="s">
        <v>25</v>
      </c>
      <c r="G86808" s="16">
        <v>0</v>
      </c>
    </row>
    <row r="86809" spans="1:7" x14ac:dyDescent="0.3">
      <c r="A86809" s="13" t="s">
        <v>435</v>
      </c>
      <c r="B86809" s="14" t="s">
        <v>1</v>
      </c>
      <c r="C86809" s="14" t="s">
        <v>35</v>
      </c>
      <c r="D86809" s="14" t="s">
        <v>84</v>
      </c>
      <c r="E86809" s="15">
        <v>45680</v>
      </c>
      <c r="F86809" s="14" t="s">
        <v>25</v>
      </c>
      <c r="G86809" s="16">
        <v>0</v>
      </c>
    </row>
    <row r="86810" spans="1:7" x14ac:dyDescent="0.3">
      <c r="A86810" s="13" t="s">
        <v>435</v>
      </c>
      <c r="B86810" s="14" t="s">
        <v>1</v>
      </c>
      <c r="C86810" s="14" t="s">
        <v>35</v>
      </c>
      <c r="D86810" s="14" t="s">
        <v>84</v>
      </c>
      <c r="E86810" s="15">
        <v>45681</v>
      </c>
      <c r="F86810" s="14" t="s">
        <v>25</v>
      </c>
      <c r="G86810" s="16">
        <v>0</v>
      </c>
    </row>
    <row r="86811" spans="1:7" x14ac:dyDescent="0.3">
      <c r="A86811" s="13" t="s">
        <v>435</v>
      </c>
      <c r="B86811" s="14" t="s">
        <v>1</v>
      </c>
      <c r="C86811" s="14" t="s">
        <v>35</v>
      </c>
      <c r="D86811" s="14" t="s">
        <v>84</v>
      </c>
      <c r="E86811" s="15">
        <v>45682</v>
      </c>
      <c r="F86811" s="14" t="s">
        <v>25</v>
      </c>
      <c r="G86811" s="16">
        <v>0</v>
      </c>
    </row>
    <row r="86812" spans="1:7" x14ac:dyDescent="0.3">
      <c r="A86812" s="13" t="s">
        <v>435</v>
      </c>
      <c r="B86812" s="14" t="s">
        <v>1</v>
      </c>
      <c r="C86812" s="14" t="s">
        <v>35</v>
      </c>
      <c r="D86812" s="14" t="s">
        <v>84</v>
      </c>
      <c r="E86812" s="15">
        <v>45683</v>
      </c>
      <c r="F86812" s="14" t="s">
        <v>25</v>
      </c>
      <c r="G86812" s="16">
        <v>0</v>
      </c>
    </row>
    <row r="86813" spans="1:7" x14ac:dyDescent="0.3">
      <c r="A86813" s="13" t="s">
        <v>435</v>
      </c>
      <c r="B86813" s="14" t="s">
        <v>1</v>
      </c>
      <c r="C86813" s="14" t="s">
        <v>35</v>
      </c>
      <c r="D86813" s="14" t="s">
        <v>84</v>
      </c>
      <c r="E86813" s="15">
        <v>45684</v>
      </c>
      <c r="F86813" s="14" t="s">
        <v>25</v>
      </c>
      <c r="G86813" s="16">
        <v>0</v>
      </c>
    </row>
    <row r="86814" spans="1:7" x14ac:dyDescent="0.3">
      <c r="A86814" s="13" t="s">
        <v>435</v>
      </c>
      <c r="B86814" s="14" t="s">
        <v>1</v>
      </c>
      <c r="C86814" s="14" t="s">
        <v>35</v>
      </c>
      <c r="D86814" s="14" t="s">
        <v>84</v>
      </c>
      <c r="E86814" s="15">
        <v>45685</v>
      </c>
      <c r="F86814" s="14" t="s">
        <v>25</v>
      </c>
      <c r="G86814" s="16">
        <v>0</v>
      </c>
    </row>
    <row r="86815" spans="1:7" x14ac:dyDescent="0.3">
      <c r="A86815" s="13" t="s">
        <v>435</v>
      </c>
      <c r="B86815" s="14" t="s">
        <v>1</v>
      </c>
      <c r="C86815" s="14" t="s">
        <v>35</v>
      </c>
      <c r="D86815" s="14" t="s">
        <v>84</v>
      </c>
      <c r="E86815" s="15">
        <v>45686</v>
      </c>
      <c r="F86815" s="14" t="s">
        <v>25</v>
      </c>
      <c r="G86815" s="16">
        <v>0</v>
      </c>
    </row>
    <row r="86816" spans="1:7" x14ac:dyDescent="0.3">
      <c r="A86816" s="13" t="s">
        <v>435</v>
      </c>
      <c r="B86816" s="14" t="s">
        <v>1</v>
      </c>
      <c r="C86816" s="14" t="s">
        <v>35</v>
      </c>
      <c r="D86816" s="14" t="s">
        <v>84</v>
      </c>
      <c r="E86816" s="15">
        <v>45687</v>
      </c>
      <c r="F86816" s="14" t="s">
        <v>25</v>
      </c>
      <c r="G86816" s="16">
        <v>0</v>
      </c>
    </row>
    <row r="86817" spans="1:7" x14ac:dyDescent="0.3">
      <c r="A86817" s="13" t="s">
        <v>435</v>
      </c>
      <c r="B86817" s="14" t="s">
        <v>1</v>
      </c>
      <c r="C86817" s="14" t="s">
        <v>35</v>
      </c>
      <c r="D86817" s="14" t="s">
        <v>84</v>
      </c>
      <c r="E86817" s="15">
        <v>45688</v>
      </c>
      <c r="F86817" s="14" t="s">
        <v>25</v>
      </c>
      <c r="G86817" s="16">
        <v>0</v>
      </c>
    </row>
    <row r="86818" spans="1:7" x14ac:dyDescent="0.3">
      <c r="A86818" s="13" t="s">
        <v>435</v>
      </c>
      <c r="B86818" s="14" t="s">
        <v>1</v>
      </c>
      <c r="C86818" s="14" t="s">
        <v>35</v>
      </c>
      <c r="D86818" s="14" t="s">
        <v>84</v>
      </c>
      <c r="E86818" s="15">
        <v>45689</v>
      </c>
      <c r="F86818" s="14" t="s">
        <v>25</v>
      </c>
      <c r="G86818" s="16">
        <v>0</v>
      </c>
    </row>
    <row r="86819" spans="1:7" x14ac:dyDescent="0.3">
      <c r="A86819" s="13" t="s">
        <v>435</v>
      </c>
      <c r="B86819" s="14" t="s">
        <v>1</v>
      </c>
      <c r="C86819" s="14" t="s">
        <v>35</v>
      </c>
      <c r="D86819" s="14" t="s">
        <v>84</v>
      </c>
      <c r="E86819" s="15">
        <v>45690</v>
      </c>
      <c r="F86819" s="14" t="s">
        <v>25</v>
      </c>
      <c r="G86819" s="16">
        <v>0</v>
      </c>
    </row>
    <row r="86820" spans="1:7" x14ac:dyDescent="0.3">
      <c r="A86820" s="13" t="s">
        <v>435</v>
      </c>
      <c r="B86820" s="14" t="s">
        <v>1</v>
      </c>
      <c r="C86820" s="14" t="s">
        <v>35</v>
      </c>
      <c r="D86820" s="14" t="s">
        <v>84</v>
      </c>
      <c r="E86820" s="15">
        <v>45691</v>
      </c>
      <c r="F86820" s="14" t="s">
        <v>25</v>
      </c>
      <c r="G86820" s="16">
        <v>0</v>
      </c>
    </row>
    <row r="86821" spans="1:7" x14ac:dyDescent="0.3">
      <c r="A86821" s="13" t="s">
        <v>435</v>
      </c>
      <c r="B86821" s="14" t="s">
        <v>1</v>
      </c>
      <c r="C86821" s="14" t="s">
        <v>35</v>
      </c>
      <c r="D86821" s="14" t="s">
        <v>84</v>
      </c>
      <c r="E86821" s="15">
        <v>45692</v>
      </c>
      <c r="F86821" s="14" t="s">
        <v>25</v>
      </c>
      <c r="G86821" s="16">
        <v>0</v>
      </c>
    </row>
    <row r="86822" spans="1:7" x14ac:dyDescent="0.3">
      <c r="A86822" s="13" t="s">
        <v>435</v>
      </c>
      <c r="B86822" s="14" t="s">
        <v>1</v>
      </c>
      <c r="C86822" s="14" t="s">
        <v>35</v>
      </c>
      <c r="D86822" s="14" t="s">
        <v>84</v>
      </c>
      <c r="E86822" s="15">
        <v>45693</v>
      </c>
      <c r="F86822" s="14" t="s">
        <v>25</v>
      </c>
      <c r="G86822" s="16">
        <v>0</v>
      </c>
    </row>
    <row r="86823" spans="1:7" x14ac:dyDescent="0.3">
      <c r="A86823" s="13" t="s">
        <v>435</v>
      </c>
      <c r="B86823" s="14" t="s">
        <v>1</v>
      </c>
      <c r="C86823" s="14" t="s">
        <v>35</v>
      </c>
      <c r="D86823" s="14" t="s">
        <v>84</v>
      </c>
      <c r="E86823" s="15">
        <v>45694</v>
      </c>
      <c r="F86823" s="14" t="s">
        <v>25</v>
      </c>
      <c r="G86823" s="16">
        <v>0</v>
      </c>
    </row>
    <row r="86824" spans="1:7" x14ac:dyDescent="0.3">
      <c r="A86824" s="13" t="s">
        <v>435</v>
      </c>
      <c r="B86824" s="14" t="s">
        <v>1</v>
      </c>
      <c r="C86824" s="14" t="s">
        <v>35</v>
      </c>
      <c r="D86824" s="14" t="s">
        <v>84</v>
      </c>
      <c r="E86824" s="15">
        <v>45695</v>
      </c>
      <c r="F86824" s="14" t="s">
        <v>25</v>
      </c>
      <c r="G86824" s="16">
        <v>0</v>
      </c>
    </row>
    <row r="86825" spans="1:7" x14ac:dyDescent="0.3">
      <c r="A86825" s="13" t="s">
        <v>435</v>
      </c>
      <c r="B86825" s="14" t="s">
        <v>1</v>
      </c>
      <c r="C86825" s="14" t="s">
        <v>35</v>
      </c>
      <c r="D86825" s="14" t="s">
        <v>84</v>
      </c>
      <c r="E86825" s="15">
        <v>45696</v>
      </c>
      <c r="F86825" s="14" t="s">
        <v>25</v>
      </c>
      <c r="G86825" s="16">
        <v>0</v>
      </c>
    </row>
    <row r="86826" spans="1:7" x14ac:dyDescent="0.3">
      <c r="A86826" s="13" t="s">
        <v>435</v>
      </c>
      <c r="B86826" s="14" t="s">
        <v>1</v>
      </c>
      <c r="C86826" s="14" t="s">
        <v>35</v>
      </c>
      <c r="D86826" s="14" t="s">
        <v>84</v>
      </c>
      <c r="E86826" s="15">
        <v>45697</v>
      </c>
      <c r="F86826" s="14" t="s">
        <v>25</v>
      </c>
      <c r="G86826" s="16">
        <v>0</v>
      </c>
    </row>
    <row r="86827" spans="1:7" x14ac:dyDescent="0.3">
      <c r="A86827" s="13" t="s">
        <v>435</v>
      </c>
      <c r="B86827" s="14" t="s">
        <v>1</v>
      </c>
      <c r="C86827" s="14" t="s">
        <v>35</v>
      </c>
      <c r="D86827" s="14" t="s">
        <v>84</v>
      </c>
      <c r="E86827" s="15">
        <v>45698</v>
      </c>
      <c r="F86827" s="14" t="s">
        <v>25</v>
      </c>
      <c r="G86827" s="16">
        <v>0</v>
      </c>
    </row>
    <row r="86828" spans="1:7" x14ac:dyDescent="0.3">
      <c r="A86828" s="13" t="s">
        <v>435</v>
      </c>
      <c r="B86828" s="14" t="s">
        <v>1</v>
      </c>
      <c r="C86828" s="14" t="s">
        <v>35</v>
      </c>
      <c r="D86828" s="14" t="s">
        <v>84</v>
      </c>
      <c r="E86828" s="15">
        <v>45699</v>
      </c>
      <c r="F86828" s="14" t="s">
        <v>25</v>
      </c>
      <c r="G86828" s="16">
        <v>0</v>
      </c>
    </row>
    <row r="86829" spans="1:7" x14ac:dyDescent="0.3">
      <c r="A86829" s="13" t="s">
        <v>435</v>
      </c>
      <c r="B86829" s="14" t="s">
        <v>1</v>
      </c>
      <c r="C86829" s="14" t="s">
        <v>35</v>
      </c>
      <c r="D86829" s="14" t="s">
        <v>84</v>
      </c>
      <c r="E86829" s="15">
        <v>45700</v>
      </c>
      <c r="F86829" s="14" t="s">
        <v>25</v>
      </c>
      <c r="G86829" s="16">
        <v>0</v>
      </c>
    </row>
    <row r="86830" spans="1:7" x14ac:dyDescent="0.3">
      <c r="A86830" s="13" t="s">
        <v>435</v>
      </c>
      <c r="B86830" s="14" t="s">
        <v>1</v>
      </c>
      <c r="C86830" s="14" t="s">
        <v>35</v>
      </c>
      <c r="D86830" s="14" t="s">
        <v>84</v>
      </c>
      <c r="E86830" s="15">
        <v>45701</v>
      </c>
      <c r="F86830" s="14" t="s">
        <v>25</v>
      </c>
      <c r="G86830" s="16">
        <v>0</v>
      </c>
    </row>
    <row r="86831" spans="1:7" x14ac:dyDescent="0.3">
      <c r="A86831" s="13" t="s">
        <v>435</v>
      </c>
      <c r="B86831" s="14" t="s">
        <v>1</v>
      </c>
      <c r="C86831" s="14" t="s">
        <v>35</v>
      </c>
      <c r="D86831" s="14" t="s">
        <v>84</v>
      </c>
      <c r="E86831" s="15">
        <v>45702</v>
      </c>
      <c r="F86831" s="14" t="s">
        <v>25</v>
      </c>
      <c r="G86831" s="16">
        <v>0</v>
      </c>
    </row>
    <row r="86832" spans="1:7" x14ac:dyDescent="0.3">
      <c r="A86832" s="13" t="s">
        <v>435</v>
      </c>
      <c r="B86832" s="14" t="s">
        <v>1</v>
      </c>
      <c r="C86832" s="14" t="s">
        <v>35</v>
      </c>
      <c r="D86832" s="14" t="s">
        <v>84</v>
      </c>
      <c r="E86832" s="15">
        <v>45703</v>
      </c>
      <c r="F86832" s="14" t="s">
        <v>25</v>
      </c>
      <c r="G86832" s="16">
        <v>0</v>
      </c>
    </row>
    <row r="86833" spans="1:7" x14ac:dyDescent="0.3">
      <c r="A86833" s="13" t="s">
        <v>435</v>
      </c>
      <c r="B86833" s="14" t="s">
        <v>1</v>
      </c>
      <c r="C86833" s="14" t="s">
        <v>35</v>
      </c>
      <c r="D86833" s="14" t="s">
        <v>84</v>
      </c>
      <c r="E86833" s="15">
        <v>45704</v>
      </c>
      <c r="F86833" s="14" t="s">
        <v>25</v>
      </c>
      <c r="G86833" s="16">
        <v>0</v>
      </c>
    </row>
    <row r="86834" spans="1:7" x14ac:dyDescent="0.3">
      <c r="A86834" s="13" t="s">
        <v>435</v>
      </c>
      <c r="B86834" s="14" t="s">
        <v>1</v>
      </c>
      <c r="C86834" s="14" t="s">
        <v>35</v>
      </c>
      <c r="D86834" s="14" t="s">
        <v>84</v>
      </c>
      <c r="E86834" s="15">
        <v>45705</v>
      </c>
      <c r="F86834" s="14" t="s">
        <v>25</v>
      </c>
      <c r="G86834" s="16">
        <v>0</v>
      </c>
    </row>
    <row r="86835" spans="1:7" x14ac:dyDescent="0.3">
      <c r="A86835" s="13" t="s">
        <v>435</v>
      </c>
      <c r="B86835" s="14" t="s">
        <v>1</v>
      </c>
      <c r="C86835" s="14" t="s">
        <v>35</v>
      </c>
      <c r="D86835" s="14" t="s">
        <v>84</v>
      </c>
      <c r="E86835" s="15">
        <v>45706</v>
      </c>
      <c r="F86835" s="14" t="s">
        <v>25</v>
      </c>
      <c r="G86835" s="16">
        <v>0</v>
      </c>
    </row>
    <row r="86836" spans="1:7" x14ac:dyDescent="0.3">
      <c r="A86836" s="13" t="s">
        <v>435</v>
      </c>
      <c r="B86836" s="14" t="s">
        <v>1</v>
      </c>
      <c r="C86836" s="14" t="s">
        <v>35</v>
      </c>
      <c r="D86836" s="14" t="s">
        <v>84</v>
      </c>
      <c r="E86836" s="15">
        <v>45707</v>
      </c>
      <c r="F86836" s="14" t="s">
        <v>25</v>
      </c>
      <c r="G86836" s="16">
        <v>0</v>
      </c>
    </row>
    <row r="86837" spans="1:7" x14ac:dyDescent="0.3">
      <c r="A86837" s="13" t="s">
        <v>435</v>
      </c>
      <c r="B86837" s="14" t="s">
        <v>1</v>
      </c>
      <c r="C86837" s="14" t="s">
        <v>35</v>
      </c>
      <c r="D86837" s="14" t="s">
        <v>84</v>
      </c>
      <c r="E86837" s="15">
        <v>45708</v>
      </c>
      <c r="F86837" s="14" t="s">
        <v>25</v>
      </c>
      <c r="G86837" s="16">
        <v>0</v>
      </c>
    </row>
    <row r="86838" spans="1:7" x14ac:dyDescent="0.3">
      <c r="A86838" s="13" t="s">
        <v>435</v>
      </c>
      <c r="B86838" s="14" t="s">
        <v>1</v>
      </c>
      <c r="C86838" s="14" t="s">
        <v>35</v>
      </c>
      <c r="D86838" s="14" t="s">
        <v>84</v>
      </c>
      <c r="E86838" s="15">
        <v>45709</v>
      </c>
      <c r="F86838" s="14" t="s">
        <v>25</v>
      </c>
      <c r="G86838" s="16">
        <v>0</v>
      </c>
    </row>
    <row r="86839" spans="1:7" x14ac:dyDescent="0.3">
      <c r="A86839" s="13" t="s">
        <v>435</v>
      </c>
      <c r="B86839" s="14" t="s">
        <v>1</v>
      </c>
      <c r="C86839" s="14" t="s">
        <v>35</v>
      </c>
      <c r="D86839" s="14" t="s">
        <v>84</v>
      </c>
      <c r="E86839" s="15">
        <v>45710</v>
      </c>
      <c r="F86839" s="14" t="s">
        <v>25</v>
      </c>
      <c r="G86839" s="16">
        <v>0</v>
      </c>
    </row>
    <row r="86840" spans="1:7" x14ac:dyDescent="0.3">
      <c r="A86840" s="13" t="s">
        <v>435</v>
      </c>
      <c r="B86840" s="14" t="s">
        <v>1</v>
      </c>
      <c r="C86840" s="14" t="s">
        <v>35</v>
      </c>
      <c r="D86840" s="14" t="s">
        <v>84</v>
      </c>
      <c r="E86840" s="15">
        <v>45711</v>
      </c>
      <c r="F86840" s="14" t="s">
        <v>25</v>
      </c>
      <c r="G86840" s="16">
        <v>0</v>
      </c>
    </row>
    <row r="86841" spans="1:7" x14ac:dyDescent="0.3">
      <c r="A86841" s="13" t="s">
        <v>435</v>
      </c>
      <c r="B86841" s="14" t="s">
        <v>1</v>
      </c>
      <c r="C86841" s="14" t="s">
        <v>35</v>
      </c>
      <c r="D86841" s="14" t="s">
        <v>84</v>
      </c>
      <c r="E86841" s="15">
        <v>45712</v>
      </c>
      <c r="F86841" s="14" t="s">
        <v>25</v>
      </c>
      <c r="G86841" s="16">
        <v>0</v>
      </c>
    </row>
    <row r="86842" spans="1:7" x14ac:dyDescent="0.3">
      <c r="A86842" s="13" t="s">
        <v>435</v>
      </c>
      <c r="B86842" s="14" t="s">
        <v>1</v>
      </c>
      <c r="C86842" s="14" t="s">
        <v>35</v>
      </c>
      <c r="D86842" s="14" t="s">
        <v>84</v>
      </c>
      <c r="E86842" s="15">
        <v>45713</v>
      </c>
      <c r="F86842" s="14" t="s">
        <v>25</v>
      </c>
      <c r="G86842" s="16">
        <v>0</v>
      </c>
    </row>
    <row r="86843" spans="1:7" x14ac:dyDescent="0.3">
      <c r="A86843" s="13" t="s">
        <v>435</v>
      </c>
      <c r="B86843" s="14" t="s">
        <v>1</v>
      </c>
      <c r="C86843" s="14" t="s">
        <v>35</v>
      </c>
      <c r="D86843" s="14" t="s">
        <v>84</v>
      </c>
      <c r="E86843" s="15">
        <v>45714</v>
      </c>
      <c r="F86843" s="14" t="s">
        <v>25</v>
      </c>
      <c r="G86843" s="16">
        <v>0</v>
      </c>
    </row>
    <row r="86844" spans="1:7" x14ac:dyDescent="0.3">
      <c r="A86844" s="13" t="s">
        <v>435</v>
      </c>
      <c r="B86844" s="14" t="s">
        <v>1</v>
      </c>
      <c r="C86844" s="14" t="s">
        <v>35</v>
      </c>
      <c r="D86844" s="14" t="s">
        <v>84</v>
      </c>
      <c r="E86844" s="15">
        <v>45715</v>
      </c>
      <c r="F86844" s="14" t="s">
        <v>25</v>
      </c>
      <c r="G86844" s="16">
        <v>0</v>
      </c>
    </row>
    <row r="86845" spans="1:7" x14ac:dyDescent="0.3">
      <c r="A86845" s="13" t="s">
        <v>435</v>
      </c>
      <c r="B86845" s="14" t="s">
        <v>1</v>
      </c>
      <c r="C86845" s="14" t="s">
        <v>35</v>
      </c>
      <c r="D86845" s="14" t="s">
        <v>84</v>
      </c>
      <c r="E86845" s="15">
        <v>45716</v>
      </c>
      <c r="F86845" s="14" t="s">
        <v>25</v>
      </c>
      <c r="G86845" s="16">
        <v>0</v>
      </c>
    </row>
    <row r="86846" spans="1:7" x14ac:dyDescent="0.3">
      <c r="A86846" s="13" t="s">
        <v>435</v>
      </c>
      <c r="B86846" s="14" t="s">
        <v>1</v>
      </c>
      <c r="C86846" s="14" t="s">
        <v>35</v>
      </c>
      <c r="D86846" s="14" t="s">
        <v>84</v>
      </c>
      <c r="E86846" s="15">
        <v>45717</v>
      </c>
      <c r="F86846" s="14" t="s">
        <v>25</v>
      </c>
      <c r="G86846" s="16">
        <v>0</v>
      </c>
    </row>
    <row r="86847" spans="1:7" x14ac:dyDescent="0.3">
      <c r="A86847" s="13" t="s">
        <v>435</v>
      </c>
      <c r="B86847" s="14" t="s">
        <v>1</v>
      </c>
      <c r="C86847" s="14" t="s">
        <v>35</v>
      </c>
      <c r="D86847" s="14" t="s">
        <v>84</v>
      </c>
      <c r="E86847" s="15">
        <v>45718</v>
      </c>
      <c r="F86847" s="14" t="s">
        <v>25</v>
      </c>
      <c r="G86847" s="16">
        <v>0</v>
      </c>
    </row>
    <row r="86848" spans="1:7" x14ac:dyDescent="0.3">
      <c r="A86848" s="13" t="s">
        <v>435</v>
      </c>
      <c r="B86848" s="14" t="s">
        <v>1</v>
      </c>
      <c r="C86848" s="14" t="s">
        <v>35</v>
      </c>
      <c r="D86848" s="14" t="s">
        <v>84</v>
      </c>
      <c r="E86848" s="15">
        <v>45719</v>
      </c>
      <c r="F86848" s="14" t="s">
        <v>25</v>
      </c>
      <c r="G86848" s="16">
        <v>0</v>
      </c>
    </row>
    <row r="86849" spans="1:7" x14ac:dyDescent="0.3">
      <c r="A86849" s="13" t="s">
        <v>435</v>
      </c>
      <c r="B86849" s="14" t="s">
        <v>1</v>
      </c>
      <c r="C86849" s="14" t="s">
        <v>35</v>
      </c>
      <c r="D86849" s="14" t="s">
        <v>84</v>
      </c>
      <c r="E86849" s="15">
        <v>45720</v>
      </c>
      <c r="F86849" s="14" t="s">
        <v>25</v>
      </c>
      <c r="G86849" s="16">
        <v>0</v>
      </c>
    </row>
    <row r="86850" spans="1:7" x14ac:dyDescent="0.3">
      <c r="A86850" s="13" t="s">
        <v>435</v>
      </c>
      <c r="B86850" s="14" t="s">
        <v>1</v>
      </c>
      <c r="C86850" s="14" t="s">
        <v>35</v>
      </c>
      <c r="D86850" s="14" t="s">
        <v>84</v>
      </c>
      <c r="E86850" s="15">
        <v>45721</v>
      </c>
      <c r="F86850" s="14" t="s">
        <v>25</v>
      </c>
      <c r="G86850" s="16">
        <v>0</v>
      </c>
    </row>
    <row r="86851" spans="1:7" x14ac:dyDescent="0.3">
      <c r="A86851" s="13" t="s">
        <v>435</v>
      </c>
      <c r="B86851" s="14" t="s">
        <v>1</v>
      </c>
      <c r="C86851" s="14" t="s">
        <v>35</v>
      </c>
      <c r="D86851" s="14" t="s">
        <v>84</v>
      </c>
      <c r="E86851" s="15">
        <v>45722</v>
      </c>
      <c r="F86851" s="14" t="s">
        <v>25</v>
      </c>
      <c r="G86851" s="16">
        <v>0</v>
      </c>
    </row>
    <row r="86852" spans="1:7" x14ac:dyDescent="0.3">
      <c r="A86852" s="13" t="s">
        <v>435</v>
      </c>
      <c r="B86852" s="14" t="s">
        <v>1</v>
      </c>
      <c r="C86852" s="14" t="s">
        <v>35</v>
      </c>
      <c r="D86852" s="14" t="s">
        <v>84</v>
      </c>
      <c r="E86852" s="15">
        <v>45723</v>
      </c>
      <c r="F86852" s="14" t="s">
        <v>25</v>
      </c>
      <c r="G86852" s="16">
        <v>0</v>
      </c>
    </row>
    <row r="86853" spans="1:7" x14ac:dyDescent="0.3">
      <c r="A86853" s="13" t="s">
        <v>435</v>
      </c>
      <c r="B86853" s="14" t="s">
        <v>1</v>
      </c>
      <c r="C86853" s="14" t="s">
        <v>35</v>
      </c>
      <c r="D86853" s="14" t="s">
        <v>84</v>
      </c>
      <c r="E86853" s="15">
        <v>45724</v>
      </c>
      <c r="F86853" s="14" t="s">
        <v>25</v>
      </c>
      <c r="G86853" s="16">
        <v>0</v>
      </c>
    </row>
    <row r="86854" spans="1:7" x14ac:dyDescent="0.3">
      <c r="A86854" s="13" t="s">
        <v>435</v>
      </c>
      <c r="B86854" s="14" t="s">
        <v>1</v>
      </c>
      <c r="C86854" s="14" t="s">
        <v>35</v>
      </c>
      <c r="D86854" s="14" t="s">
        <v>84</v>
      </c>
      <c r="E86854" s="15">
        <v>45725</v>
      </c>
      <c r="F86854" s="14" t="s">
        <v>25</v>
      </c>
      <c r="G86854" s="16">
        <v>0</v>
      </c>
    </row>
    <row r="86855" spans="1:7" x14ac:dyDescent="0.3">
      <c r="A86855" s="13" t="s">
        <v>435</v>
      </c>
      <c r="B86855" s="14" t="s">
        <v>1</v>
      </c>
      <c r="C86855" s="14" t="s">
        <v>35</v>
      </c>
      <c r="D86855" s="14" t="s">
        <v>84</v>
      </c>
      <c r="E86855" s="15">
        <v>45726</v>
      </c>
      <c r="F86855" s="14" t="s">
        <v>25</v>
      </c>
      <c r="G86855" s="16">
        <v>0</v>
      </c>
    </row>
    <row r="86856" spans="1:7" x14ac:dyDescent="0.3">
      <c r="A86856" s="13" t="s">
        <v>435</v>
      </c>
      <c r="B86856" s="14" t="s">
        <v>1</v>
      </c>
      <c r="C86856" s="14" t="s">
        <v>35</v>
      </c>
      <c r="D86856" s="14" t="s">
        <v>84</v>
      </c>
      <c r="E86856" s="15">
        <v>45727</v>
      </c>
      <c r="F86856" s="14" t="s">
        <v>25</v>
      </c>
      <c r="G86856" s="16">
        <v>0</v>
      </c>
    </row>
    <row r="86857" spans="1:7" x14ac:dyDescent="0.3">
      <c r="A86857" s="13" t="s">
        <v>435</v>
      </c>
      <c r="B86857" s="14" t="s">
        <v>1</v>
      </c>
      <c r="C86857" s="14" t="s">
        <v>35</v>
      </c>
      <c r="D86857" s="14" t="s">
        <v>84</v>
      </c>
      <c r="E86857" s="15">
        <v>45728</v>
      </c>
      <c r="F86857" s="14" t="s">
        <v>25</v>
      </c>
      <c r="G86857" s="16">
        <v>0</v>
      </c>
    </row>
    <row r="86858" spans="1:7" x14ac:dyDescent="0.3">
      <c r="A86858" s="13" t="s">
        <v>435</v>
      </c>
      <c r="B86858" s="14" t="s">
        <v>1</v>
      </c>
      <c r="C86858" s="14" t="s">
        <v>35</v>
      </c>
      <c r="D86858" s="14" t="s">
        <v>84</v>
      </c>
      <c r="E86858" s="15">
        <v>45729</v>
      </c>
      <c r="F86858" s="14" t="s">
        <v>25</v>
      </c>
      <c r="G86858" s="16">
        <v>0</v>
      </c>
    </row>
    <row r="86859" spans="1:7" x14ac:dyDescent="0.3">
      <c r="A86859" s="13" t="s">
        <v>435</v>
      </c>
      <c r="B86859" s="14" t="s">
        <v>1</v>
      </c>
      <c r="C86859" s="14" t="s">
        <v>35</v>
      </c>
      <c r="D86859" s="14" t="s">
        <v>84</v>
      </c>
      <c r="E86859" s="15">
        <v>45730</v>
      </c>
      <c r="F86859" s="14" t="s">
        <v>25</v>
      </c>
      <c r="G86859" s="16">
        <v>0</v>
      </c>
    </row>
    <row r="86860" spans="1:7" x14ac:dyDescent="0.3">
      <c r="A86860" s="13" t="s">
        <v>435</v>
      </c>
      <c r="B86860" s="14" t="s">
        <v>1</v>
      </c>
      <c r="C86860" s="14" t="s">
        <v>35</v>
      </c>
      <c r="D86860" s="14" t="s">
        <v>84</v>
      </c>
      <c r="E86860" s="15">
        <v>45731</v>
      </c>
      <c r="F86860" s="14" t="s">
        <v>25</v>
      </c>
      <c r="G86860" s="16">
        <v>0</v>
      </c>
    </row>
    <row r="86861" spans="1:7" x14ac:dyDescent="0.3">
      <c r="A86861" s="13" t="s">
        <v>435</v>
      </c>
      <c r="B86861" s="14" t="s">
        <v>1</v>
      </c>
      <c r="C86861" s="14" t="s">
        <v>35</v>
      </c>
      <c r="D86861" s="14" t="s">
        <v>84</v>
      </c>
      <c r="E86861" s="15">
        <v>45732</v>
      </c>
      <c r="F86861" s="14" t="s">
        <v>25</v>
      </c>
      <c r="G86861" s="16">
        <v>0</v>
      </c>
    </row>
    <row r="86862" spans="1:7" x14ac:dyDescent="0.3">
      <c r="A86862" s="13" t="s">
        <v>435</v>
      </c>
      <c r="B86862" s="14" t="s">
        <v>1</v>
      </c>
      <c r="C86862" s="14" t="s">
        <v>35</v>
      </c>
      <c r="D86862" s="14" t="s">
        <v>84</v>
      </c>
      <c r="E86862" s="15">
        <v>45733</v>
      </c>
      <c r="F86862" s="14" t="s">
        <v>25</v>
      </c>
      <c r="G86862" s="16">
        <v>0</v>
      </c>
    </row>
    <row r="86863" spans="1:7" x14ac:dyDescent="0.3">
      <c r="A86863" s="13" t="s">
        <v>435</v>
      </c>
      <c r="B86863" s="14" t="s">
        <v>1</v>
      </c>
      <c r="C86863" s="14" t="s">
        <v>35</v>
      </c>
      <c r="D86863" s="14" t="s">
        <v>84</v>
      </c>
      <c r="E86863" s="15">
        <v>45734</v>
      </c>
      <c r="F86863" s="14" t="s">
        <v>25</v>
      </c>
      <c r="G86863" s="16">
        <v>0</v>
      </c>
    </row>
    <row r="86864" spans="1:7" x14ac:dyDescent="0.3">
      <c r="A86864" s="13" t="s">
        <v>435</v>
      </c>
      <c r="B86864" s="14" t="s">
        <v>1</v>
      </c>
      <c r="C86864" s="14" t="s">
        <v>35</v>
      </c>
      <c r="D86864" s="14" t="s">
        <v>84</v>
      </c>
      <c r="E86864" s="15">
        <v>45735</v>
      </c>
      <c r="F86864" s="14" t="s">
        <v>25</v>
      </c>
      <c r="G86864" s="16">
        <v>0</v>
      </c>
    </row>
    <row r="86865" spans="1:7" x14ac:dyDescent="0.3">
      <c r="A86865" s="13" t="s">
        <v>435</v>
      </c>
      <c r="B86865" s="14" t="s">
        <v>1</v>
      </c>
      <c r="C86865" s="14" t="s">
        <v>35</v>
      </c>
      <c r="D86865" s="14" t="s">
        <v>84</v>
      </c>
      <c r="E86865" s="15">
        <v>45736</v>
      </c>
      <c r="F86865" s="14" t="s">
        <v>25</v>
      </c>
      <c r="G86865" s="16">
        <v>0</v>
      </c>
    </row>
    <row r="86866" spans="1:7" x14ac:dyDescent="0.3">
      <c r="A86866" s="13" t="s">
        <v>435</v>
      </c>
      <c r="B86866" s="14" t="s">
        <v>1</v>
      </c>
      <c r="C86866" s="14" t="s">
        <v>35</v>
      </c>
      <c r="D86866" s="14" t="s">
        <v>84</v>
      </c>
      <c r="E86866" s="15">
        <v>45737</v>
      </c>
      <c r="F86866" s="14" t="s">
        <v>25</v>
      </c>
      <c r="G86866" s="16">
        <v>0</v>
      </c>
    </row>
    <row r="86867" spans="1:7" x14ac:dyDescent="0.3">
      <c r="A86867" s="13" t="s">
        <v>435</v>
      </c>
      <c r="B86867" s="14" t="s">
        <v>1</v>
      </c>
      <c r="C86867" s="14" t="s">
        <v>35</v>
      </c>
      <c r="D86867" s="14" t="s">
        <v>84</v>
      </c>
      <c r="E86867" s="15">
        <v>45738</v>
      </c>
      <c r="F86867" s="14" t="s">
        <v>25</v>
      </c>
      <c r="G86867" s="16">
        <v>0</v>
      </c>
    </row>
    <row r="86868" spans="1:7" x14ac:dyDescent="0.3">
      <c r="A86868" s="13" t="s">
        <v>435</v>
      </c>
      <c r="B86868" s="14" t="s">
        <v>1</v>
      </c>
      <c r="C86868" s="14" t="s">
        <v>35</v>
      </c>
      <c r="D86868" s="14" t="s">
        <v>84</v>
      </c>
      <c r="E86868" s="15">
        <v>45739</v>
      </c>
      <c r="F86868" s="14" t="s">
        <v>25</v>
      </c>
      <c r="G86868" s="16">
        <v>0</v>
      </c>
    </row>
    <row r="86869" spans="1:7" x14ac:dyDescent="0.3">
      <c r="A86869" s="13" t="s">
        <v>435</v>
      </c>
      <c r="B86869" s="14" t="s">
        <v>1</v>
      </c>
      <c r="C86869" s="14" t="s">
        <v>35</v>
      </c>
      <c r="D86869" s="14" t="s">
        <v>84</v>
      </c>
      <c r="E86869" s="15">
        <v>45740</v>
      </c>
      <c r="F86869" s="14" t="s">
        <v>25</v>
      </c>
      <c r="G86869" s="16">
        <v>0</v>
      </c>
    </row>
    <row r="86870" spans="1:7" x14ac:dyDescent="0.3">
      <c r="A86870" s="13" t="s">
        <v>435</v>
      </c>
      <c r="B86870" s="14" t="s">
        <v>1</v>
      </c>
      <c r="C86870" s="14" t="s">
        <v>35</v>
      </c>
      <c r="D86870" s="14" t="s">
        <v>84</v>
      </c>
      <c r="E86870" s="15">
        <v>45741</v>
      </c>
      <c r="F86870" s="14" t="s">
        <v>25</v>
      </c>
      <c r="G86870" s="16">
        <v>0</v>
      </c>
    </row>
    <row r="86871" spans="1:7" x14ac:dyDescent="0.3">
      <c r="A86871" s="13" t="s">
        <v>435</v>
      </c>
      <c r="B86871" s="14" t="s">
        <v>1</v>
      </c>
      <c r="C86871" s="14" t="s">
        <v>35</v>
      </c>
      <c r="D86871" s="14" t="s">
        <v>84</v>
      </c>
      <c r="E86871" s="15">
        <v>45742</v>
      </c>
      <c r="F86871" s="14" t="s">
        <v>25</v>
      </c>
      <c r="G86871" s="16">
        <v>0</v>
      </c>
    </row>
    <row r="86872" spans="1:7" x14ac:dyDescent="0.3">
      <c r="A86872" s="13" t="s">
        <v>435</v>
      </c>
      <c r="B86872" s="14" t="s">
        <v>1</v>
      </c>
      <c r="C86872" s="14" t="s">
        <v>35</v>
      </c>
      <c r="D86872" s="14" t="s">
        <v>84</v>
      </c>
      <c r="E86872" s="15">
        <v>45743</v>
      </c>
      <c r="F86872" s="14" t="s">
        <v>25</v>
      </c>
      <c r="G86872" s="16">
        <v>0</v>
      </c>
    </row>
    <row r="86873" spans="1:7" x14ac:dyDescent="0.3">
      <c r="A86873" s="13" t="s">
        <v>435</v>
      </c>
      <c r="B86873" s="14" t="s">
        <v>1</v>
      </c>
      <c r="C86873" s="14" t="s">
        <v>35</v>
      </c>
      <c r="D86873" s="14" t="s">
        <v>84</v>
      </c>
      <c r="E86873" s="15">
        <v>45744</v>
      </c>
      <c r="F86873" s="14" t="s">
        <v>25</v>
      </c>
      <c r="G86873" s="16">
        <v>0.12986431827784073</v>
      </c>
    </row>
    <row r="86874" spans="1:7" x14ac:dyDescent="0.3">
      <c r="A86874" s="13" t="s">
        <v>435</v>
      </c>
      <c r="B86874" s="14" t="s">
        <v>1</v>
      </c>
      <c r="C86874" s="14" t="s">
        <v>35</v>
      </c>
      <c r="D86874" s="14" t="s">
        <v>84</v>
      </c>
      <c r="E86874" s="15">
        <v>45745</v>
      </c>
      <c r="F86874" s="14" t="s">
        <v>25</v>
      </c>
      <c r="G86874" s="16">
        <v>0.12986431827784073</v>
      </c>
    </row>
    <row r="86875" spans="1:7" x14ac:dyDescent="0.3">
      <c r="A86875" s="13" t="s">
        <v>435</v>
      </c>
      <c r="B86875" s="14" t="s">
        <v>1</v>
      </c>
      <c r="C86875" s="14" t="s">
        <v>35</v>
      </c>
      <c r="D86875" s="14" t="s">
        <v>84</v>
      </c>
      <c r="E86875" s="15">
        <v>45746</v>
      </c>
      <c r="F86875" s="14" t="s">
        <v>25</v>
      </c>
      <c r="G86875" s="16">
        <v>0.12986431827784073</v>
      </c>
    </row>
    <row r="86876" spans="1:7" x14ac:dyDescent="0.3">
      <c r="A86876" s="13" t="s">
        <v>435</v>
      </c>
      <c r="B86876" s="14" t="s">
        <v>1</v>
      </c>
      <c r="C86876" s="14" t="s">
        <v>35</v>
      </c>
      <c r="D86876" s="14" t="s">
        <v>84</v>
      </c>
      <c r="E86876" s="15">
        <v>45747</v>
      </c>
      <c r="F86876" s="14" t="s">
        <v>25</v>
      </c>
      <c r="G86876" s="16">
        <v>0.12986431827784073</v>
      </c>
    </row>
    <row r="86877" spans="1:7" x14ac:dyDescent="0.3">
      <c r="A86877" s="13" t="s">
        <v>436</v>
      </c>
      <c r="B86877" s="14" t="s">
        <v>1</v>
      </c>
      <c r="C86877" s="14" t="s">
        <v>109</v>
      </c>
      <c r="D86877" s="14" t="s">
        <v>437</v>
      </c>
      <c r="E86877" s="15">
        <v>45383</v>
      </c>
      <c r="F86877" s="14" t="s">
        <v>61</v>
      </c>
      <c r="G86877" s="16">
        <v>0</v>
      </c>
    </row>
    <row r="86878" spans="1:7" x14ac:dyDescent="0.3">
      <c r="A86878" s="13" t="s">
        <v>436</v>
      </c>
      <c r="B86878" s="14" t="s">
        <v>1</v>
      </c>
      <c r="C86878" s="14" t="s">
        <v>109</v>
      </c>
      <c r="D86878" s="14" t="s">
        <v>437</v>
      </c>
      <c r="E86878" s="15">
        <v>45384</v>
      </c>
      <c r="F86878" s="14" t="s">
        <v>61</v>
      </c>
      <c r="G86878" s="16">
        <v>0</v>
      </c>
    </row>
    <row r="86879" spans="1:7" x14ac:dyDescent="0.3">
      <c r="A86879" s="13" t="s">
        <v>436</v>
      </c>
      <c r="B86879" s="14" t="s">
        <v>1</v>
      </c>
      <c r="C86879" s="14" t="s">
        <v>109</v>
      </c>
      <c r="D86879" s="14" t="s">
        <v>437</v>
      </c>
      <c r="E86879" s="15">
        <v>45385</v>
      </c>
      <c r="F86879" s="14" t="s">
        <v>61</v>
      </c>
      <c r="G86879" s="16">
        <v>0</v>
      </c>
    </row>
    <row r="86880" spans="1:7" x14ac:dyDescent="0.3">
      <c r="A86880" s="13" t="s">
        <v>436</v>
      </c>
      <c r="B86880" s="14" t="s">
        <v>1</v>
      </c>
      <c r="C86880" s="14" t="s">
        <v>109</v>
      </c>
      <c r="D86880" s="14" t="s">
        <v>437</v>
      </c>
      <c r="E86880" s="15">
        <v>45386</v>
      </c>
      <c r="F86880" s="14" t="s">
        <v>61</v>
      </c>
      <c r="G86880" s="16">
        <v>0</v>
      </c>
    </row>
    <row r="86881" spans="1:7" x14ac:dyDescent="0.3">
      <c r="A86881" s="13" t="s">
        <v>436</v>
      </c>
      <c r="B86881" s="14" t="s">
        <v>1</v>
      </c>
      <c r="C86881" s="14" t="s">
        <v>109</v>
      </c>
      <c r="D86881" s="14" t="s">
        <v>437</v>
      </c>
      <c r="E86881" s="15">
        <v>45387</v>
      </c>
      <c r="F86881" s="14" t="s">
        <v>61</v>
      </c>
      <c r="G86881" s="16">
        <v>0</v>
      </c>
    </row>
    <row r="86882" spans="1:7" x14ac:dyDescent="0.3">
      <c r="A86882" s="13" t="s">
        <v>436</v>
      </c>
      <c r="B86882" s="14" t="s">
        <v>1</v>
      </c>
      <c r="C86882" s="14" t="s">
        <v>109</v>
      </c>
      <c r="D86882" s="14" t="s">
        <v>437</v>
      </c>
      <c r="E86882" s="15">
        <v>45388</v>
      </c>
      <c r="F86882" s="14" t="s">
        <v>61</v>
      </c>
      <c r="G86882" s="16">
        <v>0</v>
      </c>
    </row>
    <row r="86883" spans="1:7" x14ac:dyDescent="0.3">
      <c r="A86883" s="13" t="s">
        <v>436</v>
      </c>
      <c r="B86883" s="14" t="s">
        <v>1</v>
      </c>
      <c r="C86883" s="14" t="s">
        <v>109</v>
      </c>
      <c r="D86883" s="14" t="s">
        <v>437</v>
      </c>
      <c r="E86883" s="15">
        <v>45389</v>
      </c>
      <c r="F86883" s="14" t="s">
        <v>61</v>
      </c>
      <c r="G86883" s="16">
        <v>0</v>
      </c>
    </row>
    <row r="86884" spans="1:7" x14ac:dyDescent="0.3">
      <c r="A86884" s="13" t="s">
        <v>436</v>
      </c>
      <c r="B86884" s="14" t="s">
        <v>1</v>
      </c>
      <c r="C86884" s="14" t="s">
        <v>109</v>
      </c>
      <c r="D86884" s="14" t="s">
        <v>437</v>
      </c>
      <c r="E86884" s="15">
        <v>45390</v>
      </c>
      <c r="F86884" s="14" t="s">
        <v>61</v>
      </c>
      <c r="G86884" s="16">
        <v>0</v>
      </c>
    </row>
    <row r="86885" spans="1:7" x14ac:dyDescent="0.3">
      <c r="A86885" s="13" t="s">
        <v>436</v>
      </c>
      <c r="B86885" s="14" t="s">
        <v>1</v>
      </c>
      <c r="C86885" s="14" t="s">
        <v>109</v>
      </c>
      <c r="D86885" s="14" t="s">
        <v>437</v>
      </c>
      <c r="E86885" s="15">
        <v>45391</v>
      </c>
      <c r="F86885" s="14" t="s">
        <v>61</v>
      </c>
      <c r="G86885" s="16">
        <v>0</v>
      </c>
    </row>
    <row r="86886" spans="1:7" x14ac:dyDescent="0.3">
      <c r="A86886" s="13" t="s">
        <v>436</v>
      </c>
      <c r="B86886" s="14" t="s">
        <v>1</v>
      </c>
      <c r="C86886" s="14" t="s">
        <v>109</v>
      </c>
      <c r="D86886" s="14" t="s">
        <v>437</v>
      </c>
      <c r="E86886" s="15">
        <v>45392</v>
      </c>
      <c r="F86886" s="14" t="s">
        <v>61</v>
      </c>
      <c r="G86886" s="16">
        <v>0</v>
      </c>
    </row>
    <row r="86887" spans="1:7" x14ac:dyDescent="0.3">
      <c r="A86887" s="13" t="s">
        <v>436</v>
      </c>
      <c r="B86887" s="14" t="s">
        <v>1</v>
      </c>
      <c r="C86887" s="14" t="s">
        <v>109</v>
      </c>
      <c r="D86887" s="14" t="s">
        <v>437</v>
      </c>
      <c r="E86887" s="15">
        <v>45393</v>
      </c>
      <c r="F86887" s="14" t="s">
        <v>61</v>
      </c>
      <c r="G86887" s="16">
        <v>0</v>
      </c>
    </row>
    <row r="86888" spans="1:7" x14ac:dyDescent="0.3">
      <c r="A86888" s="13" t="s">
        <v>436</v>
      </c>
      <c r="B86888" s="14" t="s">
        <v>1</v>
      </c>
      <c r="C86888" s="14" t="s">
        <v>109</v>
      </c>
      <c r="D86888" s="14" t="s">
        <v>437</v>
      </c>
      <c r="E86888" s="15">
        <v>45394</v>
      </c>
      <c r="F86888" s="14" t="s">
        <v>61</v>
      </c>
      <c r="G86888" s="16">
        <v>0</v>
      </c>
    </row>
    <row r="86889" spans="1:7" x14ac:dyDescent="0.3">
      <c r="A86889" s="13" t="s">
        <v>436</v>
      </c>
      <c r="B86889" s="14" t="s">
        <v>1</v>
      </c>
      <c r="C86889" s="14" t="s">
        <v>109</v>
      </c>
      <c r="D86889" s="14" t="s">
        <v>437</v>
      </c>
      <c r="E86889" s="15">
        <v>45395</v>
      </c>
      <c r="F86889" s="14" t="s">
        <v>61</v>
      </c>
      <c r="G86889" s="16">
        <v>0</v>
      </c>
    </row>
    <row r="86890" spans="1:7" x14ac:dyDescent="0.3">
      <c r="A86890" s="13" t="s">
        <v>436</v>
      </c>
      <c r="B86890" s="14" t="s">
        <v>1</v>
      </c>
      <c r="C86890" s="14" t="s">
        <v>109</v>
      </c>
      <c r="D86890" s="14" t="s">
        <v>437</v>
      </c>
      <c r="E86890" s="15">
        <v>45396</v>
      </c>
      <c r="F86890" s="14" t="s">
        <v>61</v>
      </c>
      <c r="G86890" s="16">
        <v>0</v>
      </c>
    </row>
    <row r="86891" spans="1:7" x14ac:dyDescent="0.3">
      <c r="A86891" s="13" t="s">
        <v>436</v>
      </c>
      <c r="B86891" s="14" t="s">
        <v>1</v>
      </c>
      <c r="C86891" s="14" t="s">
        <v>109</v>
      </c>
      <c r="D86891" s="14" t="s">
        <v>437</v>
      </c>
      <c r="E86891" s="15">
        <v>45397</v>
      </c>
      <c r="F86891" s="14" t="s">
        <v>61</v>
      </c>
      <c r="G86891" s="16">
        <v>0</v>
      </c>
    </row>
    <row r="86892" spans="1:7" x14ac:dyDescent="0.3">
      <c r="A86892" s="13" t="s">
        <v>436</v>
      </c>
      <c r="B86892" s="14" t="s">
        <v>1</v>
      </c>
      <c r="C86892" s="14" t="s">
        <v>109</v>
      </c>
      <c r="D86892" s="14" t="s">
        <v>437</v>
      </c>
      <c r="E86892" s="15">
        <v>45398</v>
      </c>
      <c r="F86892" s="14" t="s">
        <v>61</v>
      </c>
      <c r="G86892" s="16">
        <v>0</v>
      </c>
    </row>
    <row r="86893" spans="1:7" x14ac:dyDescent="0.3">
      <c r="A86893" s="13" t="s">
        <v>436</v>
      </c>
      <c r="B86893" s="14" t="s">
        <v>1</v>
      </c>
      <c r="C86893" s="14" t="s">
        <v>109</v>
      </c>
      <c r="D86893" s="14" t="s">
        <v>437</v>
      </c>
      <c r="E86893" s="15">
        <v>45399</v>
      </c>
      <c r="F86893" s="14" t="s">
        <v>61</v>
      </c>
      <c r="G86893" s="16">
        <v>0</v>
      </c>
    </row>
    <row r="86894" spans="1:7" x14ac:dyDescent="0.3">
      <c r="A86894" s="13" t="s">
        <v>436</v>
      </c>
      <c r="B86894" s="14" t="s">
        <v>1</v>
      </c>
      <c r="C86894" s="14" t="s">
        <v>109</v>
      </c>
      <c r="D86894" s="14" t="s">
        <v>437</v>
      </c>
      <c r="E86894" s="15">
        <v>45400</v>
      </c>
      <c r="F86894" s="14" t="s">
        <v>61</v>
      </c>
      <c r="G86894" s="16">
        <v>0</v>
      </c>
    </row>
    <row r="86895" spans="1:7" x14ac:dyDescent="0.3">
      <c r="A86895" s="13" t="s">
        <v>436</v>
      </c>
      <c r="B86895" s="14" t="s">
        <v>1</v>
      </c>
      <c r="C86895" s="14" t="s">
        <v>109</v>
      </c>
      <c r="D86895" s="14" t="s">
        <v>437</v>
      </c>
      <c r="E86895" s="15">
        <v>45401</v>
      </c>
      <c r="F86895" s="14" t="s">
        <v>61</v>
      </c>
      <c r="G86895" s="16">
        <v>0</v>
      </c>
    </row>
    <row r="86896" spans="1:7" x14ac:dyDescent="0.3">
      <c r="A86896" s="13" t="s">
        <v>436</v>
      </c>
      <c r="B86896" s="14" t="s">
        <v>1</v>
      </c>
      <c r="C86896" s="14" t="s">
        <v>109</v>
      </c>
      <c r="D86896" s="14" t="s">
        <v>437</v>
      </c>
      <c r="E86896" s="15">
        <v>45402</v>
      </c>
      <c r="F86896" s="14" t="s">
        <v>61</v>
      </c>
      <c r="G86896" s="16">
        <v>0</v>
      </c>
    </row>
    <row r="86897" spans="1:7" x14ac:dyDescent="0.3">
      <c r="A86897" s="13" t="s">
        <v>436</v>
      </c>
      <c r="B86897" s="14" t="s">
        <v>1</v>
      </c>
      <c r="C86897" s="14" t="s">
        <v>109</v>
      </c>
      <c r="D86897" s="14" t="s">
        <v>437</v>
      </c>
      <c r="E86897" s="15">
        <v>45403</v>
      </c>
      <c r="F86897" s="14" t="s">
        <v>61</v>
      </c>
      <c r="G86897" s="16">
        <v>0</v>
      </c>
    </row>
    <row r="86898" spans="1:7" x14ac:dyDescent="0.3">
      <c r="A86898" s="13" t="s">
        <v>436</v>
      </c>
      <c r="B86898" s="14" t="s">
        <v>1</v>
      </c>
      <c r="C86898" s="14" t="s">
        <v>109</v>
      </c>
      <c r="D86898" s="14" t="s">
        <v>437</v>
      </c>
      <c r="E86898" s="15">
        <v>45404</v>
      </c>
      <c r="F86898" s="14" t="s">
        <v>61</v>
      </c>
      <c r="G86898" s="16">
        <v>0</v>
      </c>
    </row>
    <row r="86899" spans="1:7" x14ac:dyDescent="0.3">
      <c r="A86899" s="13" t="s">
        <v>436</v>
      </c>
      <c r="B86899" s="14" t="s">
        <v>1</v>
      </c>
      <c r="C86899" s="14" t="s">
        <v>109</v>
      </c>
      <c r="D86899" s="14" t="s">
        <v>437</v>
      </c>
      <c r="E86899" s="15">
        <v>45405</v>
      </c>
      <c r="F86899" s="14" t="s">
        <v>61</v>
      </c>
      <c r="G86899" s="16">
        <v>0</v>
      </c>
    </row>
    <row r="86900" spans="1:7" x14ac:dyDescent="0.3">
      <c r="A86900" s="13" t="s">
        <v>436</v>
      </c>
      <c r="B86900" s="14" t="s">
        <v>1</v>
      </c>
      <c r="C86900" s="14" t="s">
        <v>109</v>
      </c>
      <c r="D86900" s="14" t="s">
        <v>437</v>
      </c>
      <c r="E86900" s="15">
        <v>45406</v>
      </c>
      <c r="F86900" s="14" t="s">
        <v>61</v>
      </c>
      <c r="G86900" s="16">
        <v>0</v>
      </c>
    </row>
    <row r="86901" spans="1:7" x14ac:dyDescent="0.3">
      <c r="A86901" s="13" t="s">
        <v>436</v>
      </c>
      <c r="B86901" s="14" t="s">
        <v>1</v>
      </c>
      <c r="C86901" s="14" t="s">
        <v>109</v>
      </c>
      <c r="D86901" s="14" t="s">
        <v>437</v>
      </c>
      <c r="E86901" s="15">
        <v>45407</v>
      </c>
      <c r="F86901" s="14" t="s">
        <v>61</v>
      </c>
      <c r="G86901" s="16">
        <v>0</v>
      </c>
    </row>
    <row r="86902" spans="1:7" x14ac:dyDescent="0.3">
      <c r="A86902" s="13" t="s">
        <v>436</v>
      </c>
      <c r="B86902" s="14" t="s">
        <v>1</v>
      </c>
      <c r="C86902" s="14" t="s">
        <v>109</v>
      </c>
      <c r="D86902" s="14" t="s">
        <v>437</v>
      </c>
      <c r="E86902" s="15">
        <v>45408</v>
      </c>
      <c r="F86902" s="14" t="s">
        <v>61</v>
      </c>
      <c r="G86902" s="16">
        <v>0</v>
      </c>
    </row>
    <row r="86903" spans="1:7" x14ac:dyDescent="0.3">
      <c r="A86903" s="13" t="s">
        <v>436</v>
      </c>
      <c r="B86903" s="14" t="s">
        <v>1</v>
      </c>
      <c r="C86903" s="14" t="s">
        <v>109</v>
      </c>
      <c r="D86903" s="14" t="s">
        <v>437</v>
      </c>
      <c r="E86903" s="15">
        <v>45409</v>
      </c>
      <c r="F86903" s="14" t="s">
        <v>61</v>
      </c>
      <c r="G86903" s="16">
        <v>0</v>
      </c>
    </row>
    <row r="86904" spans="1:7" x14ac:dyDescent="0.3">
      <c r="A86904" s="13" t="s">
        <v>436</v>
      </c>
      <c r="B86904" s="14" t="s">
        <v>1</v>
      </c>
      <c r="C86904" s="14" t="s">
        <v>109</v>
      </c>
      <c r="D86904" s="14" t="s">
        <v>437</v>
      </c>
      <c r="E86904" s="15">
        <v>45410</v>
      </c>
      <c r="F86904" s="14" t="s">
        <v>61</v>
      </c>
      <c r="G86904" s="16">
        <v>0</v>
      </c>
    </row>
    <row r="86905" spans="1:7" x14ac:dyDescent="0.3">
      <c r="A86905" s="13" t="s">
        <v>436</v>
      </c>
      <c r="B86905" s="14" t="s">
        <v>1</v>
      </c>
      <c r="C86905" s="14" t="s">
        <v>109</v>
      </c>
      <c r="D86905" s="14" t="s">
        <v>437</v>
      </c>
      <c r="E86905" s="15">
        <v>45411</v>
      </c>
      <c r="F86905" s="14" t="s">
        <v>61</v>
      </c>
      <c r="G86905" s="16">
        <v>0</v>
      </c>
    </row>
    <row r="86906" spans="1:7" x14ac:dyDescent="0.3">
      <c r="A86906" s="13" t="s">
        <v>436</v>
      </c>
      <c r="B86906" s="14" t="s">
        <v>1</v>
      </c>
      <c r="C86906" s="14" t="s">
        <v>109</v>
      </c>
      <c r="D86906" s="14" t="s">
        <v>437</v>
      </c>
      <c r="E86906" s="15">
        <v>45412</v>
      </c>
      <c r="F86906" s="14" t="s">
        <v>61</v>
      </c>
      <c r="G86906" s="16">
        <v>0</v>
      </c>
    </row>
    <row r="86907" spans="1:7" x14ac:dyDescent="0.3">
      <c r="A86907" s="13" t="s">
        <v>436</v>
      </c>
      <c r="B86907" s="14" t="s">
        <v>1</v>
      </c>
      <c r="C86907" s="14" t="s">
        <v>109</v>
      </c>
      <c r="D86907" s="14" t="s">
        <v>437</v>
      </c>
      <c r="E86907" s="15">
        <v>45413</v>
      </c>
      <c r="F86907" s="14" t="s">
        <v>61</v>
      </c>
      <c r="G86907" s="16">
        <v>0</v>
      </c>
    </row>
    <row r="86908" spans="1:7" x14ac:dyDescent="0.3">
      <c r="A86908" s="13" t="s">
        <v>436</v>
      </c>
      <c r="B86908" s="14" t="s">
        <v>1</v>
      </c>
      <c r="C86908" s="14" t="s">
        <v>109</v>
      </c>
      <c r="D86908" s="14" t="s">
        <v>437</v>
      </c>
      <c r="E86908" s="15">
        <v>45414</v>
      </c>
      <c r="F86908" s="14" t="s">
        <v>61</v>
      </c>
      <c r="G86908" s="16">
        <v>0</v>
      </c>
    </row>
    <row r="86909" spans="1:7" x14ac:dyDescent="0.3">
      <c r="A86909" s="13" t="s">
        <v>436</v>
      </c>
      <c r="B86909" s="14" t="s">
        <v>1</v>
      </c>
      <c r="C86909" s="14" t="s">
        <v>109</v>
      </c>
      <c r="D86909" s="14" t="s">
        <v>437</v>
      </c>
      <c r="E86909" s="15">
        <v>45415</v>
      </c>
      <c r="F86909" s="14" t="s">
        <v>61</v>
      </c>
      <c r="G86909" s="16">
        <v>0</v>
      </c>
    </row>
    <row r="86910" spans="1:7" x14ac:dyDescent="0.3">
      <c r="A86910" s="13" t="s">
        <v>436</v>
      </c>
      <c r="B86910" s="14" t="s">
        <v>1</v>
      </c>
      <c r="C86910" s="14" t="s">
        <v>109</v>
      </c>
      <c r="D86910" s="14" t="s">
        <v>437</v>
      </c>
      <c r="E86910" s="15">
        <v>45416</v>
      </c>
      <c r="F86910" s="14" t="s">
        <v>61</v>
      </c>
      <c r="G86910" s="16">
        <v>0</v>
      </c>
    </row>
    <row r="86911" spans="1:7" x14ac:dyDescent="0.3">
      <c r="A86911" s="13" t="s">
        <v>436</v>
      </c>
      <c r="B86911" s="14" t="s">
        <v>1</v>
      </c>
      <c r="C86911" s="14" t="s">
        <v>109</v>
      </c>
      <c r="D86911" s="14" t="s">
        <v>437</v>
      </c>
      <c r="E86911" s="15">
        <v>45417</v>
      </c>
      <c r="F86911" s="14" t="s">
        <v>61</v>
      </c>
      <c r="G86911" s="16">
        <v>0</v>
      </c>
    </row>
    <row r="86912" spans="1:7" x14ac:dyDescent="0.3">
      <c r="A86912" s="13" t="s">
        <v>436</v>
      </c>
      <c r="B86912" s="14" t="s">
        <v>1</v>
      </c>
      <c r="C86912" s="14" t="s">
        <v>109</v>
      </c>
      <c r="D86912" s="14" t="s">
        <v>437</v>
      </c>
      <c r="E86912" s="15">
        <v>45418</v>
      </c>
      <c r="F86912" s="14" t="s">
        <v>61</v>
      </c>
      <c r="G86912" s="16">
        <v>0</v>
      </c>
    </row>
    <row r="86913" spans="1:7" x14ac:dyDescent="0.3">
      <c r="A86913" s="13" t="s">
        <v>436</v>
      </c>
      <c r="B86913" s="14" t="s">
        <v>1</v>
      </c>
      <c r="C86913" s="14" t="s">
        <v>109</v>
      </c>
      <c r="D86913" s="14" t="s">
        <v>437</v>
      </c>
      <c r="E86913" s="15">
        <v>45419</v>
      </c>
      <c r="F86913" s="14" t="s">
        <v>61</v>
      </c>
      <c r="G86913" s="16">
        <v>0</v>
      </c>
    </row>
    <row r="86914" spans="1:7" x14ac:dyDescent="0.3">
      <c r="A86914" s="13" t="s">
        <v>436</v>
      </c>
      <c r="B86914" s="14" t="s">
        <v>1</v>
      </c>
      <c r="C86914" s="14" t="s">
        <v>109</v>
      </c>
      <c r="D86914" s="14" t="s">
        <v>437</v>
      </c>
      <c r="E86914" s="15">
        <v>45420</v>
      </c>
      <c r="F86914" s="14" t="s">
        <v>61</v>
      </c>
      <c r="G86914" s="16">
        <v>0</v>
      </c>
    </row>
    <row r="86915" spans="1:7" x14ac:dyDescent="0.3">
      <c r="A86915" s="13" t="s">
        <v>436</v>
      </c>
      <c r="B86915" s="14" t="s">
        <v>1</v>
      </c>
      <c r="C86915" s="14" t="s">
        <v>109</v>
      </c>
      <c r="D86915" s="14" t="s">
        <v>437</v>
      </c>
      <c r="E86915" s="15">
        <v>45421</v>
      </c>
      <c r="F86915" s="14" t="s">
        <v>61</v>
      </c>
      <c r="G86915" s="16">
        <v>0</v>
      </c>
    </row>
    <row r="86916" spans="1:7" x14ac:dyDescent="0.3">
      <c r="A86916" s="13" t="s">
        <v>436</v>
      </c>
      <c r="B86916" s="14" t="s">
        <v>1</v>
      </c>
      <c r="C86916" s="14" t="s">
        <v>109</v>
      </c>
      <c r="D86916" s="14" t="s">
        <v>437</v>
      </c>
      <c r="E86916" s="15">
        <v>45422</v>
      </c>
      <c r="F86916" s="14" t="s">
        <v>61</v>
      </c>
      <c r="G86916" s="16">
        <v>0</v>
      </c>
    </row>
    <row r="86917" spans="1:7" x14ac:dyDescent="0.3">
      <c r="A86917" s="13" t="s">
        <v>436</v>
      </c>
      <c r="B86917" s="14" t="s">
        <v>1</v>
      </c>
      <c r="C86917" s="14" t="s">
        <v>109</v>
      </c>
      <c r="D86917" s="14" t="s">
        <v>437</v>
      </c>
      <c r="E86917" s="15">
        <v>45423</v>
      </c>
      <c r="F86917" s="14" t="s">
        <v>61</v>
      </c>
      <c r="G86917" s="16">
        <v>0</v>
      </c>
    </row>
    <row r="86918" spans="1:7" x14ac:dyDescent="0.3">
      <c r="A86918" s="13" t="s">
        <v>436</v>
      </c>
      <c r="B86918" s="14" t="s">
        <v>1</v>
      </c>
      <c r="C86918" s="14" t="s">
        <v>109</v>
      </c>
      <c r="D86918" s="14" t="s">
        <v>437</v>
      </c>
      <c r="E86918" s="15">
        <v>45424</v>
      </c>
      <c r="F86918" s="14" t="s">
        <v>61</v>
      </c>
      <c r="G86918" s="16">
        <v>0</v>
      </c>
    </row>
    <row r="86919" spans="1:7" x14ac:dyDescent="0.3">
      <c r="A86919" s="13" t="s">
        <v>436</v>
      </c>
      <c r="B86919" s="14" t="s">
        <v>1</v>
      </c>
      <c r="C86919" s="14" t="s">
        <v>109</v>
      </c>
      <c r="D86919" s="14" t="s">
        <v>437</v>
      </c>
      <c r="E86919" s="15">
        <v>45425</v>
      </c>
      <c r="F86919" s="14" t="s">
        <v>61</v>
      </c>
      <c r="G86919" s="16">
        <v>0</v>
      </c>
    </row>
    <row r="86920" spans="1:7" x14ac:dyDescent="0.3">
      <c r="A86920" s="13" t="s">
        <v>436</v>
      </c>
      <c r="B86920" s="14" t="s">
        <v>1</v>
      </c>
      <c r="C86920" s="14" t="s">
        <v>109</v>
      </c>
      <c r="D86920" s="14" t="s">
        <v>437</v>
      </c>
      <c r="E86920" s="15">
        <v>45426</v>
      </c>
      <c r="F86920" s="14" t="s">
        <v>61</v>
      </c>
      <c r="G86920" s="16">
        <v>0</v>
      </c>
    </row>
    <row r="86921" spans="1:7" x14ac:dyDescent="0.3">
      <c r="A86921" s="13" t="s">
        <v>436</v>
      </c>
      <c r="B86921" s="14" t="s">
        <v>1</v>
      </c>
      <c r="C86921" s="14" t="s">
        <v>109</v>
      </c>
      <c r="D86921" s="14" t="s">
        <v>437</v>
      </c>
      <c r="E86921" s="15">
        <v>45427</v>
      </c>
      <c r="F86921" s="14" t="s">
        <v>61</v>
      </c>
      <c r="G86921" s="16">
        <v>0</v>
      </c>
    </row>
    <row r="86922" spans="1:7" x14ac:dyDescent="0.3">
      <c r="A86922" s="13" t="s">
        <v>436</v>
      </c>
      <c r="B86922" s="14" t="s">
        <v>1</v>
      </c>
      <c r="C86922" s="14" t="s">
        <v>109</v>
      </c>
      <c r="D86922" s="14" t="s">
        <v>437</v>
      </c>
      <c r="E86922" s="15">
        <v>45428</v>
      </c>
      <c r="F86922" s="14" t="s">
        <v>61</v>
      </c>
      <c r="G86922" s="16">
        <v>0</v>
      </c>
    </row>
    <row r="86923" spans="1:7" x14ac:dyDescent="0.3">
      <c r="A86923" s="13" t="s">
        <v>436</v>
      </c>
      <c r="B86923" s="14" t="s">
        <v>1</v>
      </c>
      <c r="C86923" s="14" t="s">
        <v>109</v>
      </c>
      <c r="D86923" s="14" t="s">
        <v>437</v>
      </c>
      <c r="E86923" s="15">
        <v>45429</v>
      </c>
      <c r="F86923" s="14" t="s">
        <v>61</v>
      </c>
      <c r="G86923" s="16">
        <v>0</v>
      </c>
    </row>
    <row r="86924" spans="1:7" x14ac:dyDescent="0.3">
      <c r="A86924" s="13" t="s">
        <v>436</v>
      </c>
      <c r="B86924" s="14" t="s">
        <v>1</v>
      </c>
      <c r="C86924" s="14" t="s">
        <v>109</v>
      </c>
      <c r="D86924" s="14" t="s">
        <v>437</v>
      </c>
      <c r="E86924" s="15">
        <v>45430</v>
      </c>
      <c r="F86924" s="14" t="s">
        <v>61</v>
      </c>
      <c r="G86924" s="16">
        <v>0</v>
      </c>
    </row>
    <row r="86925" spans="1:7" x14ac:dyDescent="0.3">
      <c r="A86925" s="13" t="s">
        <v>436</v>
      </c>
      <c r="B86925" s="14" t="s">
        <v>1</v>
      </c>
      <c r="C86925" s="14" t="s">
        <v>109</v>
      </c>
      <c r="D86925" s="14" t="s">
        <v>437</v>
      </c>
      <c r="E86925" s="15">
        <v>45431</v>
      </c>
      <c r="F86925" s="14" t="s">
        <v>61</v>
      </c>
      <c r="G86925" s="16">
        <v>0</v>
      </c>
    </row>
    <row r="86926" spans="1:7" x14ac:dyDescent="0.3">
      <c r="A86926" s="13" t="s">
        <v>436</v>
      </c>
      <c r="B86926" s="14" t="s">
        <v>1</v>
      </c>
      <c r="C86926" s="14" t="s">
        <v>109</v>
      </c>
      <c r="D86926" s="14" t="s">
        <v>437</v>
      </c>
      <c r="E86926" s="15">
        <v>45432</v>
      </c>
      <c r="F86926" s="14" t="s">
        <v>61</v>
      </c>
      <c r="G86926" s="16">
        <v>0</v>
      </c>
    </row>
    <row r="86927" spans="1:7" x14ac:dyDescent="0.3">
      <c r="A86927" s="13" t="s">
        <v>436</v>
      </c>
      <c r="B86927" s="14" t="s">
        <v>1</v>
      </c>
      <c r="C86927" s="14" t="s">
        <v>109</v>
      </c>
      <c r="D86927" s="14" t="s">
        <v>437</v>
      </c>
      <c r="E86927" s="15">
        <v>45433</v>
      </c>
      <c r="F86927" s="14" t="s">
        <v>61</v>
      </c>
      <c r="G86927" s="16">
        <v>0</v>
      </c>
    </row>
    <row r="86928" spans="1:7" x14ac:dyDescent="0.3">
      <c r="A86928" s="13" t="s">
        <v>436</v>
      </c>
      <c r="B86928" s="14" t="s">
        <v>1</v>
      </c>
      <c r="C86928" s="14" t="s">
        <v>109</v>
      </c>
      <c r="D86928" s="14" t="s">
        <v>437</v>
      </c>
      <c r="E86928" s="15">
        <v>45434</v>
      </c>
      <c r="F86928" s="14" t="s">
        <v>61</v>
      </c>
      <c r="G86928" s="16">
        <v>0</v>
      </c>
    </row>
    <row r="86929" spans="1:7" x14ac:dyDescent="0.3">
      <c r="A86929" s="13" t="s">
        <v>436</v>
      </c>
      <c r="B86929" s="14" t="s">
        <v>1</v>
      </c>
      <c r="C86929" s="14" t="s">
        <v>109</v>
      </c>
      <c r="D86929" s="14" t="s">
        <v>437</v>
      </c>
      <c r="E86929" s="15">
        <v>45435</v>
      </c>
      <c r="F86929" s="14" t="s">
        <v>61</v>
      </c>
      <c r="G86929" s="16">
        <v>0</v>
      </c>
    </row>
    <row r="86930" spans="1:7" x14ac:dyDescent="0.3">
      <c r="A86930" s="13" t="s">
        <v>436</v>
      </c>
      <c r="B86930" s="14" t="s">
        <v>1</v>
      </c>
      <c r="C86930" s="14" t="s">
        <v>109</v>
      </c>
      <c r="D86930" s="14" t="s">
        <v>437</v>
      </c>
      <c r="E86930" s="15">
        <v>45436</v>
      </c>
      <c r="F86930" s="14" t="s">
        <v>61</v>
      </c>
      <c r="G86930" s="16">
        <v>0</v>
      </c>
    </row>
    <row r="86931" spans="1:7" x14ac:dyDescent="0.3">
      <c r="A86931" s="13" t="s">
        <v>436</v>
      </c>
      <c r="B86931" s="14" t="s">
        <v>1</v>
      </c>
      <c r="C86931" s="14" t="s">
        <v>109</v>
      </c>
      <c r="D86931" s="14" t="s">
        <v>437</v>
      </c>
      <c r="E86931" s="15">
        <v>45437</v>
      </c>
      <c r="F86931" s="14" t="s">
        <v>61</v>
      </c>
      <c r="G86931" s="16">
        <v>0</v>
      </c>
    </row>
    <row r="86932" spans="1:7" x14ac:dyDescent="0.3">
      <c r="A86932" s="13" t="s">
        <v>436</v>
      </c>
      <c r="B86932" s="14" t="s">
        <v>1</v>
      </c>
      <c r="C86932" s="14" t="s">
        <v>109</v>
      </c>
      <c r="D86932" s="14" t="s">
        <v>437</v>
      </c>
      <c r="E86932" s="15">
        <v>45438</v>
      </c>
      <c r="F86932" s="14" t="s">
        <v>61</v>
      </c>
      <c r="G86932" s="16">
        <v>0</v>
      </c>
    </row>
    <row r="86933" spans="1:7" x14ac:dyDescent="0.3">
      <c r="A86933" s="13" t="s">
        <v>436</v>
      </c>
      <c r="B86933" s="14" t="s">
        <v>1</v>
      </c>
      <c r="C86933" s="14" t="s">
        <v>109</v>
      </c>
      <c r="D86933" s="14" t="s">
        <v>437</v>
      </c>
      <c r="E86933" s="15">
        <v>45439</v>
      </c>
      <c r="F86933" s="14" t="s">
        <v>61</v>
      </c>
      <c r="G86933" s="16">
        <v>0</v>
      </c>
    </row>
    <row r="86934" spans="1:7" x14ac:dyDescent="0.3">
      <c r="A86934" s="13" t="s">
        <v>436</v>
      </c>
      <c r="B86934" s="14" t="s">
        <v>1</v>
      </c>
      <c r="C86934" s="14" t="s">
        <v>109</v>
      </c>
      <c r="D86934" s="14" t="s">
        <v>437</v>
      </c>
      <c r="E86934" s="15">
        <v>45440</v>
      </c>
      <c r="F86934" s="14" t="s">
        <v>61</v>
      </c>
      <c r="G86934" s="16">
        <v>0</v>
      </c>
    </row>
    <row r="86935" spans="1:7" x14ac:dyDescent="0.3">
      <c r="A86935" s="13" t="s">
        <v>436</v>
      </c>
      <c r="B86935" s="14" t="s">
        <v>1</v>
      </c>
      <c r="C86935" s="14" t="s">
        <v>109</v>
      </c>
      <c r="D86935" s="14" t="s">
        <v>437</v>
      </c>
      <c r="E86935" s="15">
        <v>45441</v>
      </c>
      <c r="F86935" s="14" t="s">
        <v>61</v>
      </c>
      <c r="G86935" s="16">
        <v>0</v>
      </c>
    </row>
    <row r="86936" spans="1:7" x14ac:dyDescent="0.3">
      <c r="A86936" s="13" t="s">
        <v>436</v>
      </c>
      <c r="B86936" s="14" t="s">
        <v>1</v>
      </c>
      <c r="C86936" s="14" t="s">
        <v>109</v>
      </c>
      <c r="D86936" s="14" t="s">
        <v>437</v>
      </c>
      <c r="E86936" s="15">
        <v>45442</v>
      </c>
      <c r="F86936" s="14" t="s">
        <v>61</v>
      </c>
      <c r="G86936" s="16">
        <v>0</v>
      </c>
    </row>
    <row r="86937" spans="1:7" x14ac:dyDescent="0.3">
      <c r="A86937" s="13" t="s">
        <v>436</v>
      </c>
      <c r="B86937" s="14" t="s">
        <v>1</v>
      </c>
      <c r="C86937" s="14" t="s">
        <v>109</v>
      </c>
      <c r="D86937" s="14" t="s">
        <v>437</v>
      </c>
      <c r="E86937" s="15">
        <v>45443</v>
      </c>
      <c r="F86937" s="14" t="s">
        <v>61</v>
      </c>
      <c r="G86937" s="16">
        <v>0</v>
      </c>
    </row>
    <row r="86938" spans="1:7" x14ac:dyDescent="0.3">
      <c r="A86938" s="13" t="s">
        <v>436</v>
      </c>
      <c r="B86938" s="14" t="s">
        <v>1</v>
      </c>
      <c r="C86938" s="14" t="s">
        <v>109</v>
      </c>
      <c r="D86938" s="14" t="s">
        <v>437</v>
      </c>
      <c r="E86938" s="15">
        <v>45444</v>
      </c>
      <c r="F86938" s="14" t="s">
        <v>61</v>
      </c>
      <c r="G86938" s="16">
        <v>0</v>
      </c>
    </row>
    <row r="86939" spans="1:7" x14ac:dyDescent="0.3">
      <c r="A86939" s="13" t="s">
        <v>436</v>
      </c>
      <c r="B86939" s="14" t="s">
        <v>1</v>
      </c>
      <c r="C86939" s="14" t="s">
        <v>109</v>
      </c>
      <c r="D86939" s="14" t="s">
        <v>437</v>
      </c>
      <c r="E86939" s="15">
        <v>45445</v>
      </c>
      <c r="F86939" s="14" t="s">
        <v>61</v>
      </c>
      <c r="G86939" s="16">
        <v>0</v>
      </c>
    </row>
    <row r="86940" spans="1:7" x14ac:dyDescent="0.3">
      <c r="A86940" s="13" t="s">
        <v>436</v>
      </c>
      <c r="B86940" s="14" t="s">
        <v>1</v>
      </c>
      <c r="C86940" s="14" t="s">
        <v>109</v>
      </c>
      <c r="D86940" s="14" t="s">
        <v>437</v>
      </c>
      <c r="E86940" s="15">
        <v>45446</v>
      </c>
      <c r="F86940" s="14" t="s">
        <v>61</v>
      </c>
      <c r="G86940" s="16">
        <v>0</v>
      </c>
    </row>
    <row r="86941" spans="1:7" x14ac:dyDescent="0.3">
      <c r="A86941" s="13" t="s">
        <v>436</v>
      </c>
      <c r="B86941" s="14" t="s">
        <v>1</v>
      </c>
      <c r="C86941" s="14" t="s">
        <v>109</v>
      </c>
      <c r="D86941" s="14" t="s">
        <v>437</v>
      </c>
      <c r="E86941" s="15">
        <v>45447</v>
      </c>
      <c r="F86941" s="14" t="s">
        <v>61</v>
      </c>
      <c r="G86941" s="16">
        <v>0</v>
      </c>
    </row>
    <row r="86942" spans="1:7" x14ac:dyDescent="0.3">
      <c r="A86942" s="13" t="s">
        <v>436</v>
      </c>
      <c r="B86942" s="14" t="s">
        <v>1</v>
      </c>
      <c r="C86942" s="14" t="s">
        <v>109</v>
      </c>
      <c r="D86942" s="14" t="s">
        <v>437</v>
      </c>
      <c r="E86942" s="15">
        <v>45448</v>
      </c>
      <c r="F86942" s="14" t="s">
        <v>61</v>
      </c>
      <c r="G86942" s="16">
        <v>0</v>
      </c>
    </row>
    <row r="86943" spans="1:7" x14ac:dyDescent="0.3">
      <c r="A86943" s="13" t="s">
        <v>436</v>
      </c>
      <c r="B86943" s="14" t="s">
        <v>1</v>
      </c>
      <c r="C86943" s="14" t="s">
        <v>109</v>
      </c>
      <c r="D86943" s="14" t="s">
        <v>437</v>
      </c>
      <c r="E86943" s="15">
        <v>45449</v>
      </c>
      <c r="F86943" s="14" t="s">
        <v>61</v>
      </c>
      <c r="G86943" s="16">
        <v>0</v>
      </c>
    </row>
    <row r="86944" spans="1:7" x14ac:dyDescent="0.3">
      <c r="A86944" s="13" t="s">
        <v>436</v>
      </c>
      <c r="B86944" s="14" t="s">
        <v>1</v>
      </c>
      <c r="C86944" s="14" t="s">
        <v>109</v>
      </c>
      <c r="D86944" s="14" t="s">
        <v>437</v>
      </c>
      <c r="E86944" s="15">
        <v>45450</v>
      </c>
      <c r="F86944" s="14" t="s">
        <v>61</v>
      </c>
      <c r="G86944" s="16">
        <v>0</v>
      </c>
    </row>
    <row r="86945" spans="1:7" x14ac:dyDescent="0.3">
      <c r="A86945" s="13" t="s">
        <v>436</v>
      </c>
      <c r="B86945" s="14" t="s">
        <v>1</v>
      </c>
      <c r="C86945" s="14" t="s">
        <v>109</v>
      </c>
      <c r="D86945" s="14" t="s">
        <v>437</v>
      </c>
      <c r="E86945" s="15">
        <v>45451</v>
      </c>
      <c r="F86945" s="14" t="s">
        <v>61</v>
      </c>
      <c r="G86945" s="16">
        <v>0</v>
      </c>
    </row>
    <row r="86946" spans="1:7" x14ac:dyDescent="0.3">
      <c r="A86946" s="13" t="s">
        <v>436</v>
      </c>
      <c r="B86946" s="14" t="s">
        <v>1</v>
      </c>
      <c r="C86946" s="14" t="s">
        <v>109</v>
      </c>
      <c r="D86946" s="14" t="s">
        <v>437</v>
      </c>
      <c r="E86946" s="15">
        <v>45452</v>
      </c>
      <c r="F86946" s="14" t="s">
        <v>61</v>
      </c>
      <c r="G86946" s="16">
        <v>0</v>
      </c>
    </row>
    <row r="86947" spans="1:7" x14ac:dyDescent="0.3">
      <c r="A86947" s="13" t="s">
        <v>436</v>
      </c>
      <c r="B86947" s="14" t="s">
        <v>1</v>
      </c>
      <c r="C86947" s="14" t="s">
        <v>109</v>
      </c>
      <c r="D86947" s="14" t="s">
        <v>437</v>
      </c>
      <c r="E86947" s="15">
        <v>45453</v>
      </c>
      <c r="F86947" s="14" t="s">
        <v>61</v>
      </c>
      <c r="G86947" s="16">
        <v>0</v>
      </c>
    </row>
    <row r="86948" spans="1:7" x14ac:dyDescent="0.3">
      <c r="A86948" s="13" t="s">
        <v>436</v>
      </c>
      <c r="B86948" s="14" t="s">
        <v>1</v>
      </c>
      <c r="C86948" s="14" t="s">
        <v>109</v>
      </c>
      <c r="D86948" s="14" t="s">
        <v>437</v>
      </c>
      <c r="E86948" s="15">
        <v>45454</v>
      </c>
      <c r="F86948" s="14" t="s">
        <v>61</v>
      </c>
      <c r="G86948" s="16">
        <v>0</v>
      </c>
    </row>
    <row r="86949" spans="1:7" x14ac:dyDescent="0.3">
      <c r="A86949" s="13" t="s">
        <v>436</v>
      </c>
      <c r="B86949" s="14" t="s">
        <v>1</v>
      </c>
      <c r="C86949" s="14" t="s">
        <v>109</v>
      </c>
      <c r="D86949" s="14" t="s">
        <v>437</v>
      </c>
      <c r="E86949" s="15">
        <v>45455</v>
      </c>
      <c r="F86949" s="14" t="s">
        <v>61</v>
      </c>
      <c r="G86949" s="16">
        <v>0</v>
      </c>
    </row>
    <row r="86950" spans="1:7" x14ac:dyDescent="0.3">
      <c r="A86950" s="13" t="s">
        <v>436</v>
      </c>
      <c r="B86950" s="14" t="s">
        <v>1</v>
      </c>
      <c r="C86950" s="14" t="s">
        <v>109</v>
      </c>
      <c r="D86950" s="14" t="s">
        <v>437</v>
      </c>
      <c r="E86950" s="15">
        <v>45456</v>
      </c>
      <c r="F86950" s="14" t="s">
        <v>61</v>
      </c>
      <c r="G86950" s="16">
        <v>0</v>
      </c>
    </row>
    <row r="86951" spans="1:7" x14ac:dyDescent="0.3">
      <c r="A86951" s="13" t="s">
        <v>436</v>
      </c>
      <c r="B86951" s="14" t="s">
        <v>1</v>
      </c>
      <c r="C86951" s="14" t="s">
        <v>109</v>
      </c>
      <c r="D86951" s="14" t="s">
        <v>437</v>
      </c>
      <c r="E86951" s="15">
        <v>45457</v>
      </c>
      <c r="F86951" s="14" t="s">
        <v>61</v>
      </c>
      <c r="G86951" s="16">
        <v>0</v>
      </c>
    </row>
    <row r="86952" spans="1:7" x14ac:dyDescent="0.3">
      <c r="A86952" s="13" t="s">
        <v>436</v>
      </c>
      <c r="B86952" s="14" t="s">
        <v>1</v>
      </c>
      <c r="C86952" s="14" t="s">
        <v>109</v>
      </c>
      <c r="D86952" s="14" t="s">
        <v>437</v>
      </c>
      <c r="E86952" s="15">
        <v>45458</v>
      </c>
      <c r="F86952" s="14" t="s">
        <v>61</v>
      </c>
      <c r="G86952" s="16">
        <v>0</v>
      </c>
    </row>
    <row r="86953" spans="1:7" x14ac:dyDescent="0.3">
      <c r="A86953" s="13" t="s">
        <v>436</v>
      </c>
      <c r="B86953" s="14" t="s">
        <v>1</v>
      </c>
      <c r="C86953" s="14" t="s">
        <v>109</v>
      </c>
      <c r="D86953" s="14" t="s">
        <v>437</v>
      </c>
      <c r="E86953" s="15">
        <v>45459</v>
      </c>
      <c r="F86953" s="14" t="s">
        <v>61</v>
      </c>
      <c r="G86953" s="16">
        <v>0</v>
      </c>
    </row>
    <row r="86954" spans="1:7" x14ac:dyDescent="0.3">
      <c r="A86954" s="13" t="s">
        <v>436</v>
      </c>
      <c r="B86954" s="14" t="s">
        <v>1</v>
      </c>
      <c r="C86954" s="14" t="s">
        <v>109</v>
      </c>
      <c r="D86954" s="14" t="s">
        <v>437</v>
      </c>
      <c r="E86954" s="15">
        <v>45460</v>
      </c>
      <c r="F86954" s="14" t="s">
        <v>61</v>
      </c>
      <c r="G86954" s="16">
        <v>0</v>
      </c>
    </row>
    <row r="86955" spans="1:7" x14ac:dyDescent="0.3">
      <c r="A86955" s="13" t="s">
        <v>436</v>
      </c>
      <c r="B86955" s="14" t="s">
        <v>1</v>
      </c>
      <c r="C86955" s="14" t="s">
        <v>109</v>
      </c>
      <c r="D86955" s="14" t="s">
        <v>437</v>
      </c>
      <c r="E86955" s="15">
        <v>45461</v>
      </c>
      <c r="F86955" s="14" t="s">
        <v>61</v>
      </c>
      <c r="G86955" s="16">
        <v>0</v>
      </c>
    </row>
    <row r="86956" spans="1:7" x14ac:dyDescent="0.3">
      <c r="A86956" s="13" t="s">
        <v>436</v>
      </c>
      <c r="B86956" s="14" t="s">
        <v>1</v>
      </c>
      <c r="C86956" s="14" t="s">
        <v>109</v>
      </c>
      <c r="D86956" s="14" t="s">
        <v>437</v>
      </c>
      <c r="E86956" s="15">
        <v>45462</v>
      </c>
      <c r="F86956" s="14" t="s">
        <v>61</v>
      </c>
      <c r="G86956" s="16">
        <v>0</v>
      </c>
    </row>
    <row r="86957" spans="1:7" x14ac:dyDescent="0.3">
      <c r="A86957" s="13" t="s">
        <v>436</v>
      </c>
      <c r="B86957" s="14" t="s">
        <v>1</v>
      </c>
      <c r="C86957" s="14" t="s">
        <v>109</v>
      </c>
      <c r="D86957" s="14" t="s">
        <v>437</v>
      </c>
      <c r="E86957" s="15">
        <v>45463</v>
      </c>
      <c r="F86957" s="14" t="s">
        <v>61</v>
      </c>
      <c r="G86957" s="16">
        <v>0</v>
      </c>
    </row>
    <row r="86958" spans="1:7" x14ac:dyDescent="0.3">
      <c r="A86958" s="13" t="s">
        <v>436</v>
      </c>
      <c r="B86958" s="14" t="s">
        <v>1</v>
      </c>
      <c r="C86958" s="14" t="s">
        <v>109</v>
      </c>
      <c r="D86958" s="14" t="s">
        <v>437</v>
      </c>
      <c r="E86958" s="15">
        <v>45464</v>
      </c>
      <c r="F86958" s="14" t="s">
        <v>61</v>
      </c>
      <c r="G86958" s="16">
        <v>0</v>
      </c>
    </row>
    <row r="86959" spans="1:7" x14ac:dyDescent="0.3">
      <c r="A86959" s="13" t="s">
        <v>436</v>
      </c>
      <c r="B86959" s="14" t="s">
        <v>1</v>
      </c>
      <c r="C86959" s="14" t="s">
        <v>109</v>
      </c>
      <c r="D86959" s="14" t="s">
        <v>437</v>
      </c>
      <c r="E86959" s="15">
        <v>45465</v>
      </c>
      <c r="F86959" s="14" t="s">
        <v>61</v>
      </c>
      <c r="G86959" s="16">
        <v>0</v>
      </c>
    </row>
    <row r="86960" spans="1:7" x14ac:dyDescent="0.3">
      <c r="A86960" s="13" t="s">
        <v>436</v>
      </c>
      <c r="B86960" s="14" t="s">
        <v>1</v>
      </c>
      <c r="C86960" s="14" t="s">
        <v>109</v>
      </c>
      <c r="D86960" s="14" t="s">
        <v>437</v>
      </c>
      <c r="E86960" s="15">
        <v>45466</v>
      </c>
      <c r="F86960" s="14" t="s">
        <v>61</v>
      </c>
      <c r="G86960" s="16">
        <v>0</v>
      </c>
    </row>
    <row r="86961" spans="1:7" x14ac:dyDescent="0.3">
      <c r="A86961" s="13" t="s">
        <v>436</v>
      </c>
      <c r="B86961" s="14" t="s">
        <v>1</v>
      </c>
      <c r="C86961" s="14" t="s">
        <v>109</v>
      </c>
      <c r="D86961" s="14" t="s">
        <v>437</v>
      </c>
      <c r="E86961" s="15">
        <v>45467</v>
      </c>
      <c r="F86961" s="14" t="s">
        <v>61</v>
      </c>
      <c r="G86961" s="16">
        <v>0</v>
      </c>
    </row>
    <row r="86962" spans="1:7" x14ac:dyDescent="0.3">
      <c r="A86962" s="13" t="s">
        <v>436</v>
      </c>
      <c r="B86962" s="14" t="s">
        <v>1</v>
      </c>
      <c r="C86962" s="14" t="s">
        <v>109</v>
      </c>
      <c r="D86962" s="14" t="s">
        <v>437</v>
      </c>
      <c r="E86962" s="15">
        <v>45468</v>
      </c>
      <c r="F86962" s="14" t="s">
        <v>61</v>
      </c>
      <c r="G86962" s="16">
        <v>0</v>
      </c>
    </row>
    <row r="86963" spans="1:7" x14ac:dyDescent="0.3">
      <c r="A86963" s="13" t="s">
        <v>436</v>
      </c>
      <c r="B86963" s="14" t="s">
        <v>1</v>
      </c>
      <c r="C86963" s="14" t="s">
        <v>109</v>
      </c>
      <c r="D86963" s="14" t="s">
        <v>437</v>
      </c>
      <c r="E86963" s="15">
        <v>45469</v>
      </c>
      <c r="F86963" s="14" t="s">
        <v>61</v>
      </c>
      <c r="G86963" s="16">
        <v>0</v>
      </c>
    </row>
    <row r="86964" spans="1:7" x14ac:dyDescent="0.3">
      <c r="A86964" s="13" t="s">
        <v>436</v>
      </c>
      <c r="B86964" s="14" t="s">
        <v>1</v>
      </c>
      <c r="C86964" s="14" t="s">
        <v>109</v>
      </c>
      <c r="D86964" s="14" t="s">
        <v>437</v>
      </c>
      <c r="E86964" s="15">
        <v>45470</v>
      </c>
      <c r="F86964" s="14" t="s">
        <v>61</v>
      </c>
      <c r="G86964" s="16">
        <v>0</v>
      </c>
    </row>
    <row r="86965" spans="1:7" x14ac:dyDescent="0.3">
      <c r="A86965" s="13" t="s">
        <v>436</v>
      </c>
      <c r="B86965" s="14" t="s">
        <v>1</v>
      </c>
      <c r="C86965" s="14" t="s">
        <v>109</v>
      </c>
      <c r="D86965" s="14" t="s">
        <v>437</v>
      </c>
      <c r="E86965" s="15">
        <v>45471</v>
      </c>
      <c r="F86965" s="14" t="s">
        <v>61</v>
      </c>
      <c r="G86965" s="16">
        <v>0</v>
      </c>
    </row>
    <row r="86966" spans="1:7" x14ac:dyDescent="0.3">
      <c r="A86966" s="13" t="s">
        <v>436</v>
      </c>
      <c r="B86966" s="14" t="s">
        <v>1</v>
      </c>
      <c r="C86966" s="14" t="s">
        <v>109</v>
      </c>
      <c r="D86966" s="14" t="s">
        <v>437</v>
      </c>
      <c r="E86966" s="15">
        <v>45472</v>
      </c>
      <c r="F86966" s="14" t="s">
        <v>61</v>
      </c>
      <c r="G86966" s="16">
        <v>0</v>
      </c>
    </row>
    <row r="86967" spans="1:7" x14ac:dyDescent="0.3">
      <c r="A86967" s="13" t="s">
        <v>436</v>
      </c>
      <c r="B86967" s="14" t="s">
        <v>1</v>
      </c>
      <c r="C86967" s="14" t="s">
        <v>109</v>
      </c>
      <c r="D86967" s="14" t="s">
        <v>437</v>
      </c>
      <c r="E86967" s="15">
        <v>45473</v>
      </c>
      <c r="F86967" s="14" t="s">
        <v>61</v>
      </c>
      <c r="G86967" s="16">
        <v>0</v>
      </c>
    </row>
    <row r="86968" spans="1:7" x14ac:dyDescent="0.3">
      <c r="A86968" s="13" t="s">
        <v>436</v>
      </c>
      <c r="B86968" s="14" t="s">
        <v>1</v>
      </c>
      <c r="C86968" s="14" t="s">
        <v>109</v>
      </c>
      <c r="D86968" s="14" t="s">
        <v>437</v>
      </c>
      <c r="E86968" s="15">
        <v>45474</v>
      </c>
      <c r="F86968" s="14" t="s">
        <v>61</v>
      </c>
      <c r="G86968" s="16">
        <v>0</v>
      </c>
    </row>
    <row r="86969" spans="1:7" x14ac:dyDescent="0.3">
      <c r="A86969" s="13" t="s">
        <v>436</v>
      </c>
      <c r="B86969" s="14" t="s">
        <v>1</v>
      </c>
      <c r="C86969" s="14" t="s">
        <v>109</v>
      </c>
      <c r="D86969" s="14" t="s">
        <v>437</v>
      </c>
      <c r="E86969" s="15">
        <v>45475</v>
      </c>
      <c r="F86969" s="14" t="s">
        <v>61</v>
      </c>
      <c r="G86969" s="16">
        <v>0</v>
      </c>
    </row>
    <row r="86970" spans="1:7" x14ac:dyDescent="0.3">
      <c r="A86970" s="13" t="s">
        <v>436</v>
      </c>
      <c r="B86970" s="14" t="s">
        <v>1</v>
      </c>
      <c r="C86970" s="14" t="s">
        <v>109</v>
      </c>
      <c r="D86970" s="14" t="s">
        <v>437</v>
      </c>
      <c r="E86970" s="15">
        <v>45476</v>
      </c>
      <c r="F86970" s="14" t="s">
        <v>61</v>
      </c>
      <c r="G86970" s="16">
        <v>0</v>
      </c>
    </row>
    <row r="86971" spans="1:7" x14ac:dyDescent="0.3">
      <c r="A86971" s="13" t="s">
        <v>436</v>
      </c>
      <c r="B86971" s="14" t="s">
        <v>1</v>
      </c>
      <c r="C86971" s="14" t="s">
        <v>109</v>
      </c>
      <c r="D86971" s="14" t="s">
        <v>437</v>
      </c>
      <c r="E86971" s="15">
        <v>45477</v>
      </c>
      <c r="F86971" s="14" t="s">
        <v>61</v>
      </c>
      <c r="G86971" s="16">
        <v>0</v>
      </c>
    </row>
    <row r="86972" spans="1:7" x14ac:dyDescent="0.3">
      <c r="A86972" s="13" t="s">
        <v>436</v>
      </c>
      <c r="B86972" s="14" t="s">
        <v>1</v>
      </c>
      <c r="C86972" s="14" t="s">
        <v>109</v>
      </c>
      <c r="D86972" s="14" t="s">
        <v>437</v>
      </c>
      <c r="E86972" s="15">
        <v>45478</v>
      </c>
      <c r="F86972" s="14" t="s">
        <v>61</v>
      </c>
      <c r="G86972" s="16">
        <v>0</v>
      </c>
    </row>
    <row r="86973" spans="1:7" x14ac:dyDescent="0.3">
      <c r="A86973" s="13" t="s">
        <v>436</v>
      </c>
      <c r="B86973" s="14" t="s">
        <v>1</v>
      </c>
      <c r="C86973" s="14" t="s">
        <v>109</v>
      </c>
      <c r="D86973" s="14" t="s">
        <v>437</v>
      </c>
      <c r="E86973" s="15">
        <v>45479</v>
      </c>
      <c r="F86973" s="14" t="s">
        <v>61</v>
      </c>
      <c r="G86973" s="16">
        <v>0</v>
      </c>
    </row>
    <row r="86974" spans="1:7" x14ac:dyDescent="0.3">
      <c r="A86974" s="13" t="s">
        <v>436</v>
      </c>
      <c r="B86974" s="14" t="s">
        <v>1</v>
      </c>
      <c r="C86974" s="14" t="s">
        <v>109</v>
      </c>
      <c r="D86974" s="14" t="s">
        <v>437</v>
      </c>
      <c r="E86974" s="15">
        <v>45480</v>
      </c>
      <c r="F86974" s="14" t="s">
        <v>61</v>
      </c>
      <c r="G86974" s="16">
        <v>0</v>
      </c>
    </row>
    <row r="86975" spans="1:7" x14ac:dyDescent="0.3">
      <c r="A86975" s="13" t="s">
        <v>436</v>
      </c>
      <c r="B86975" s="14" t="s">
        <v>1</v>
      </c>
      <c r="C86975" s="14" t="s">
        <v>109</v>
      </c>
      <c r="D86975" s="14" t="s">
        <v>437</v>
      </c>
      <c r="E86975" s="15">
        <v>45481</v>
      </c>
      <c r="F86975" s="14" t="s">
        <v>61</v>
      </c>
      <c r="G86975" s="16">
        <v>0</v>
      </c>
    </row>
    <row r="86976" spans="1:7" x14ac:dyDescent="0.3">
      <c r="A86976" s="13" t="s">
        <v>436</v>
      </c>
      <c r="B86976" s="14" t="s">
        <v>1</v>
      </c>
      <c r="C86976" s="14" t="s">
        <v>109</v>
      </c>
      <c r="D86976" s="14" t="s">
        <v>437</v>
      </c>
      <c r="E86976" s="15">
        <v>45482</v>
      </c>
      <c r="F86976" s="14" t="s">
        <v>61</v>
      </c>
      <c r="G86976" s="16">
        <v>0</v>
      </c>
    </row>
    <row r="86977" spans="1:7" x14ac:dyDescent="0.3">
      <c r="A86977" s="13" t="s">
        <v>436</v>
      </c>
      <c r="B86977" s="14" t="s">
        <v>1</v>
      </c>
      <c r="C86977" s="14" t="s">
        <v>109</v>
      </c>
      <c r="D86977" s="14" t="s">
        <v>437</v>
      </c>
      <c r="E86977" s="15">
        <v>45483</v>
      </c>
      <c r="F86977" s="14" t="s">
        <v>61</v>
      </c>
      <c r="G86977" s="16">
        <v>0</v>
      </c>
    </row>
    <row r="86978" spans="1:7" x14ac:dyDescent="0.3">
      <c r="A86978" s="13" t="s">
        <v>436</v>
      </c>
      <c r="B86978" s="14" t="s">
        <v>1</v>
      </c>
      <c r="C86978" s="14" t="s">
        <v>109</v>
      </c>
      <c r="D86978" s="14" t="s">
        <v>437</v>
      </c>
      <c r="E86978" s="15">
        <v>45484</v>
      </c>
      <c r="F86978" s="14" t="s">
        <v>61</v>
      </c>
      <c r="G86978" s="16">
        <v>0</v>
      </c>
    </row>
    <row r="86979" spans="1:7" x14ac:dyDescent="0.3">
      <c r="A86979" s="13" t="s">
        <v>436</v>
      </c>
      <c r="B86979" s="14" t="s">
        <v>1</v>
      </c>
      <c r="C86979" s="14" t="s">
        <v>109</v>
      </c>
      <c r="D86979" s="14" t="s">
        <v>437</v>
      </c>
      <c r="E86979" s="15">
        <v>45485</v>
      </c>
      <c r="F86979" s="14" t="s">
        <v>61</v>
      </c>
      <c r="G86979" s="16">
        <v>0</v>
      </c>
    </row>
    <row r="86980" spans="1:7" x14ac:dyDescent="0.3">
      <c r="A86980" s="13" t="s">
        <v>436</v>
      </c>
      <c r="B86980" s="14" t="s">
        <v>1</v>
      </c>
      <c r="C86980" s="14" t="s">
        <v>109</v>
      </c>
      <c r="D86980" s="14" t="s">
        <v>437</v>
      </c>
      <c r="E86980" s="15">
        <v>45486</v>
      </c>
      <c r="F86980" s="14" t="s">
        <v>61</v>
      </c>
      <c r="G86980" s="16">
        <v>0</v>
      </c>
    </row>
    <row r="86981" spans="1:7" x14ac:dyDescent="0.3">
      <c r="A86981" s="13" t="s">
        <v>436</v>
      </c>
      <c r="B86981" s="14" t="s">
        <v>1</v>
      </c>
      <c r="C86981" s="14" t="s">
        <v>109</v>
      </c>
      <c r="D86981" s="14" t="s">
        <v>437</v>
      </c>
      <c r="E86981" s="15">
        <v>45487</v>
      </c>
      <c r="F86981" s="14" t="s">
        <v>61</v>
      </c>
      <c r="G86981" s="16">
        <v>0</v>
      </c>
    </row>
    <row r="86982" spans="1:7" x14ac:dyDescent="0.3">
      <c r="A86982" s="13" t="s">
        <v>436</v>
      </c>
      <c r="B86982" s="14" t="s">
        <v>1</v>
      </c>
      <c r="C86982" s="14" t="s">
        <v>109</v>
      </c>
      <c r="D86982" s="14" t="s">
        <v>437</v>
      </c>
      <c r="E86982" s="15">
        <v>45488</v>
      </c>
      <c r="F86982" s="14" t="s">
        <v>61</v>
      </c>
      <c r="G86982" s="16">
        <v>0</v>
      </c>
    </row>
    <row r="86983" spans="1:7" x14ac:dyDescent="0.3">
      <c r="A86983" s="13" t="s">
        <v>436</v>
      </c>
      <c r="B86983" s="14" t="s">
        <v>1</v>
      </c>
      <c r="C86983" s="14" t="s">
        <v>109</v>
      </c>
      <c r="D86983" s="14" t="s">
        <v>437</v>
      </c>
      <c r="E86983" s="15">
        <v>45489</v>
      </c>
      <c r="F86983" s="14" t="s">
        <v>61</v>
      </c>
      <c r="G86983" s="16">
        <v>0</v>
      </c>
    </row>
    <row r="86984" spans="1:7" x14ac:dyDescent="0.3">
      <c r="A86984" s="13" t="s">
        <v>436</v>
      </c>
      <c r="B86984" s="14" t="s">
        <v>1</v>
      </c>
      <c r="C86984" s="14" t="s">
        <v>109</v>
      </c>
      <c r="D86984" s="14" t="s">
        <v>437</v>
      </c>
      <c r="E86984" s="15">
        <v>45490</v>
      </c>
      <c r="F86984" s="14" t="s">
        <v>61</v>
      </c>
      <c r="G86984" s="16">
        <v>0</v>
      </c>
    </row>
    <row r="86985" spans="1:7" x14ac:dyDescent="0.3">
      <c r="A86985" s="13" t="s">
        <v>436</v>
      </c>
      <c r="B86985" s="14" t="s">
        <v>1</v>
      </c>
      <c r="C86985" s="14" t="s">
        <v>109</v>
      </c>
      <c r="D86985" s="14" t="s">
        <v>437</v>
      </c>
      <c r="E86985" s="15">
        <v>45491</v>
      </c>
      <c r="F86985" s="14" t="s">
        <v>61</v>
      </c>
      <c r="G86985" s="16">
        <v>0</v>
      </c>
    </row>
    <row r="86986" spans="1:7" x14ac:dyDescent="0.3">
      <c r="A86986" s="13" t="s">
        <v>436</v>
      </c>
      <c r="B86986" s="14" t="s">
        <v>1</v>
      </c>
      <c r="C86986" s="14" t="s">
        <v>109</v>
      </c>
      <c r="D86986" s="14" t="s">
        <v>437</v>
      </c>
      <c r="E86986" s="15">
        <v>45492</v>
      </c>
      <c r="F86986" s="14" t="s">
        <v>61</v>
      </c>
      <c r="G86986" s="16">
        <v>0</v>
      </c>
    </row>
    <row r="86987" spans="1:7" x14ac:dyDescent="0.3">
      <c r="A86987" s="13" t="s">
        <v>436</v>
      </c>
      <c r="B86987" s="14" t="s">
        <v>1</v>
      </c>
      <c r="C86987" s="14" t="s">
        <v>109</v>
      </c>
      <c r="D86987" s="14" t="s">
        <v>437</v>
      </c>
      <c r="E86987" s="15">
        <v>45493</v>
      </c>
      <c r="F86987" s="14" t="s">
        <v>61</v>
      </c>
      <c r="G86987" s="16">
        <v>0</v>
      </c>
    </row>
    <row r="86988" spans="1:7" x14ac:dyDescent="0.3">
      <c r="A86988" s="13" t="s">
        <v>436</v>
      </c>
      <c r="B86988" s="14" t="s">
        <v>1</v>
      </c>
      <c r="C86988" s="14" t="s">
        <v>109</v>
      </c>
      <c r="D86988" s="14" t="s">
        <v>437</v>
      </c>
      <c r="E86988" s="15">
        <v>45494</v>
      </c>
      <c r="F86988" s="14" t="s">
        <v>61</v>
      </c>
      <c r="G86988" s="16">
        <v>0</v>
      </c>
    </row>
    <row r="86989" spans="1:7" x14ac:dyDescent="0.3">
      <c r="A86989" s="13" t="s">
        <v>436</v>
      </c>
      <c r="B86989" s="14" t="s">
        <v>1</v>
      </c>
      <c r="C86989" s="14" t="s">
        <v>109</v>
      </c>
      <c r="D86989" s="14" t="s">
        <v>437</v>
      </c>
      <c r="E86989" s="15">
        <v>45495</v>
      </c>
      <c r="F86989" s="14" t="s">
        <v>61</v>
      </c>
      <c r="G86989" s="16">
        <v>0</v>
      </c>
    </row>
    <row r="86990" spans="1:7" x14ac:dyDescent="0.3">
      <c r="A86990" s="13" t="s">
        <v>436</v>
      </c>
      <c r="B86990" s="14" t="s">
        <v>1</v>
      </c>
      <c r="C86990" s="14" t="s">
        <v>109</v>
      </c>
      <c r="D86990" s="14" t="s">
        <v>437</v>
      </c>
      <c r="E86990" s="15">
        <v>45496</v>
      </c>
      <c r="F86990" s="14" t="s">
        <v>61</v>
      </c>
      <c r="G86990" s="16">
        <v>0</v>
      </c>
    </row>
    <row r="86991" spans="1:7" x14ac:dyDescent="0.3">
      <c r="A86991" s="13" t="s">
        <v>436</v>
      </c>
      <c r="B86991" s="14" t="s">
        <v>1</v>
      </c>
      <c r="C86991" s="14" t="s">
        <v>109</v>
      </c>
      <c r="D86991" s="14" t="s">
        <v>437</v>
      </c>
      <c r="E86991" s="15">
        <v>45497</v>
      </c>
      <c r="F86991" s="14" t="s">
        <v>61</v>
      </c>
      <c r="G86991" s="16">
        <v>0</v>
      </c>
    </row>
    <row r="86992" spans="1:7" x14ac:dyDescent="0.3">
      <c r="A86992" s="13" t="s">
        <v>436</v>
      </c>
      <c r="B86992" s="14" t="s">
        <v>1</v>
      </c>
      <c r="C86992" s="14" t="s">
        <v>109</v>
      </c>
      <c r="D86992" s="14" t="s">
        <v>437</v>
      </c>
      <c r="E86992" s="15">
        <v>45498</v>
      </c>
      <c r="F86992" s="14" t="s">
        <v>61</v>
      </c>
      <c r="G86992" s="16">
        <v>0</v>
      </c>
    </row>
    <row r="86993" spans="1:7" x14ac:dyDescent="0.3">
      <c r="A86993" s="13" t="s">
        <v>436</v>
      </c>
      <c r="B86993" s="14" t="s">
        <v>1</v>
      </c>
      <c r="C86993" s="14" t="s">
        <v>109</v>
      </c>
      <c r="D86993" s="14" t="s">
        <v>437</v>
      </c>
      <c r="E86993" s="15">
        <v>45499</v>
      </c>
      <c r="F86993" s="14" t="s">
        <v>61</v>
      </c>
      <c r="G86993" s="16">
        <v>0</v>
      </c>
    </row>
    <row r="86994" spans="1:7" x14ac:dyDescent="0.3">
      <c r="A86994" s="13" t="s">
        <v>436</v>
      </c>
      <c r="B86994" s="14" t="s">
        <v>1</v>
      </c>
      <c r="C86994" s="14" t="s">
        <v>109</v>
      </c>
      <c r="D86994" s="14" t="s">
        <v>437</v>
      </c>
      <c r="E86994" s="15">
        <v>45500</v>
      </c>
      <c r="F86994" s="14" t="s">
        <v>61</v>
      </c>
      <c r="G86994" s="16">
        <v>0</v>
      </c>
    </row>
    <row r="86995" spans="1:7" x14ac:dyDescent="0.3">
      <c r="A86995" s="13" t="s">
        <v>436</v>
      </c>
      <c r="B86995" s="14" t="s">
        <v>1</v>
      </c>
      <c r="C86995" s="14" t="s">
        <v>109</v>
      </c>
      <c r="D86995" s="14" t="s">
        <v>437</v>
      </c>
      <c r="E86995" s="15">
        <v>45501</v>
      </c>
      <c r="F86995" s="14" t="s">
        <v>61</v>
      </c>
      <c r="G86995" s="16">
        <v>0</v>
      </c>
    </row>
    <row r="86996" spans="1:7" x14ac:dyDescent="0.3">
      <c r="A86996" s="13" t="s">
        <v>436</v>
      </c>
      <c r="B86996" s="14" t="s">
        <v>1</v>
      </c>
      <c r="C86996" s="14" t="s">
        <v>109</v>
      </c>
      <c r="D86996" s="14" t="s">
        <v>437</v>
      </c>
      <c r="E86996" s="15">
        <v>45502</v>
      </c>
      <c r="F86996" s="14" t="s">
        <v>61</v>
      </c>
      <c r="G86996" s="16">
        <v>0</v>
      </c>
    </row>
    <row r="86997" spans="1:7" x14ac:dyDescent="0.3">
      <c r="A86997" s="13" t="s">
        <v>436</v>
      </c>
      <c r="B86997" s="14" t="s">
        <v>1</v>
      </c>
      <c r="C86997" s="14" t="s">
        <v>109</v>
      </c>
      <c r="D86997" s="14" t="s">
        <v>437</v>
      </c>
      <c r="E86997" s="15">
        <v>45503</v>
      </c>
      <c r="F86997" s="14" t="s">
        <v>61</v>
      </c>
      <c r="G86997" s="16">
        <v>0</v>
      </c>
    </row>
    <row r="86998" spans="1:7" x14ac:dyDescent="0.3">
      <c r="A86998" s="13" t="s">
        <v>436</v>
      </c>
      <c r="B86998" s="14" t="s">
        <v>1</v>
      </c>
      <c r="C86998" s="14" t="s">
        <v>109</v>
      </c>
      <c r="D86998" s="14" t="s">
        <v>437</v>
      </c>
      <c r="E86998" s="15">
        <v>45504</v>
      </c>
      <c r="F86998" s="14" t="s">
        <v>61</v>
      </c>
      <c r="G86998" s="16">
        <v>0</v>
      </c>
    </row>
    <row r="86999" spans="1:7" x14ac:dyDescent="0.3">
      <c r="A86999" s="13" t="s">
        <v>436</v>
      </c>
      <c r="B86999" s="14" t="s">
        <v>1</v>
      </c>
      <c r="C86999" s="14" t="s">
        <v>109</v>
      </c>
      <c r="D86999" s="14" t="s">
        <v>437</v>
      </c>
      <c r="E86999" s="15">
        <v>45505</v>
      </c>
      <c r="F86999" s="14" t="s">
        <v>61</v>
      </c>
      <c r="G86999" s="16">
        <v>0</v>
      </c>
    </row>
    <row r="87000" spans="1:7" x14ac:dyDescent="0.3">
      <c r="A87000" s="13" t="s">
        <v>436</v>
      </c>
      <c r="B87000" s="14" t="s">
        <v>1</v>
      </c>
      <c r="C87000" s="14" t="s">
        <v>109</v>
      </c>
      <c r="D87000" s="14" t="s">
        <v>437</v>
      </c>
      <c r="E87000" s="15">
        <v>45506</v>
      </c>
      <c r="F87000" s="14" t="s">
        <v>61</v>
      </c>
      <c r="G87000" s="16">
        <v>0</v>
      </c>
    </row>
    <row r="87001" spans="1:7" x14ac:dyDescent="0.3">
      <c r="A87001" s="13" t="s">
        <v>436</v>
      </c>
      <c r="B87001" s="14" t="s">
        <v>1</v>
      </c>
      <c r="C87001" s="14" t="s">
        <v>109</v>
      </c>
      <c r="D87001" s="14" t="s">
        <v>437</v>
      </c>
      <c r="E87001" s="15">
        <v>45507</v>
      </c>
      <c r="F87001" s="14" t="s">
        <v>61</v>
      </c>
      <c r="G87001" s="16">
        <v>0</v>
      </c>
    </row>
    <row r="87002" spans="1:7" x14ac:dyDescent="0.3">
      <c r="A87002" s="13" t="s">
        <v>436</v>
      </c>
      <c r="B87002" s="14" t="s">
        <v>1</v>
      </c>
      <c r="C87002" s="14" t="s">
        <v>109</v>
      </c>
      <c r="D87002" s="14" t="s">
        <v>437</v>
      </c>
      <c r="E87002" s="15">
        <v>45508</v>
      </c>
      <c r="F87002" s="14" t="s">
        <v>61</v>
      </c>
      <c r="G87002" s="16">
        <v>0</v>
      </c>
    </row>
    <row r="87003" spans="1:7" x14ac:dyDescent="0.3">
      <c r="A87003" s="13" t="s">
        <v>436</v>
      </c>
      <c r="B87003" s="14" t="s">
        <v>1</v>
      </c>
      <c r="C87003" s="14" t="s">
        <v>109</v>
      </c>
      <c r="D87003" s="14" t="s">
        <v>437</v>
      </c>
      <c r="E87003" s="15">
        <v>45509</v>
      </c>
      <c r="F87003" s="14" t="s">
        <v>61</v>
      </c>
      <c r="G87003" s="16">
        <v>0</v>
      </c>
    </row>
    <row r="87004" spans="1:7" x14ac:dyDescent="0.3">
      <c r="A87004" s="13" t="s">
        <v>436</v>
      </c>
      <c r="B87004" s="14" t="s">
        <v>1</v>
      </c>
      <c r="C87004" s="14" t="s">
        <v>109</v>
      </c>
      <c r="D87004" s="14" t="s">
        <v>437</v>
      </c>
      <c r="E87004" s="15">
        <v>45510</v>
      </c>
      <c r="F87004" s="14" t="s">
        <v>61</v>
      </c>
      <c r="G87004" s="16">
        <v>0</v>
      </c>
    </row>
    <row r="87005" spans="1:7" x14ac:dyDescent="0.3">
      <c r="A87005" s="13" t="s">
        <v>436</v>
      </c>
      <c r="B87005" s="14" t="s">
        <v>1</v>
      </c>
      <c r="C87005" s="14" t="s">
        <v>109</v>
      </c>
      <c r="D87005" s="14" t="s">
        <v>437</v>
      </c>
      <c r="E87005" s="15">
        <v>45511</v>
      </c>
      <c r="F87005" s="14" t="s">
        <v>61</v>
      </c>
      <c r="G87005" s="16">
        <v>0</v>
      </c>
    </row>
    <row r="87006" spans="1:7" x14ac:dyDescent="0.3">
      <c r="A87006" s="13" t="s">
        <v>436</v>
      </c>
      <c r="B87006" s="14" t="s">
        <v>1</v>
      </c>
      <c r="C87006" s="14" t="s">
        <v>109</v>
      </c>
      <c r="D87006" s="14" t="s">
        <v>437</v>
      </c>
      <c r="E87006" s="15">
        <v>45512</v>
      </c>
      <c r="F87006" s="14" t="s">
        <v>61</v>
      </c>
      <c r="G87006" s="16">
        <v>0</v>
      </c>
    </row>
    <row r="87007" spans="1:7" x14ac:dyDescent="0.3">
      <c r="A87007" s="13" t="s">
        <v>436</v>
      </c>
      <c r="B87007" s="14" t="s">
        <v>1</v>
      </c>
      <c r="C87007" s="14" t="s">
        <v>109</v>
      </c>
      <c r="D87007" s="14" t="s">
        <v>437</v>
      </c>
      <c r="E87007" s="15">
        <v>45513</v>
      </c>
      <c r="F87007" s="14" t="s">
        <v>61</v>
      </c>
      <c r="G87007" s="16">
        <v>0</v>
      </c>
    </row>
    <row r="87008" spans="1:7" x14ac:dyDescent="0.3">
      <c r="A87008" s="13" t="s">
        <v>436</v>
      </c>
      <c r="B87008" s="14" t="s">
        <v>1</v>
      </c>
      <c r="C87008" s="14" t="s">
        <v>109</v>
      </c>
      <c r="D87008" s="14" t="s">
        <v>437</v>
      </c>
      <c r="E87008" s="15">
        <v>45514</v>
      </c>
      <c r="F87008" s="14" t="s">
        <v>61</v>
      </c>
      <c r="G87008" s="16">
        <v>0</v>
      </c>
    </row>
    <row r="87009" spans="1:7" x14ac:dyDescent="0.3">
      <c r="A87009" s="13" t="s">
        <v>436</v>
      </c>
      <c r="B87009" s="14" t="s">
        <v>1</v>
      </c>
      <c r="C87009" s="14" t="s">
        <v>109</v>
      </c>
      <c r="D87009" s="14" t="s">
        <v>437</v>
      </c>
      <c r="E87009" s="15">
        <v>45515</v>
      </c>
      <c r="F87009" s="14" t="s">
        <v>61</v>
      </c>
      <c r="G87009" s="16">
        <v>0</v>
      </c>
    </row>
    <row r="87010" spans="1:7" x14ac:dyDescent="0.3">
      <c r="A87010" s="13" t="s">
        <v>436</v>
      </c>
      <c r="B87010" s="14" t="s">
        <v>1</v>
      </c>
      <c r="C87010" s="14" t="s">
        <v>109</v>
      </c>
      <c r="D87010" s="14" t="s">
        <v>437</v>
      </c>
      <c r="E87010" s="15">
        <v>45516</v>
      </c>
      <c r="F87010" s="14" t="s">
        <v>61</v>
      </c>
      <c r="G87010" s="16">
        <v>0</v>
      </c>
    </row>
    <row r="87011" spans="1:7" x14ac:dyDescent="0.3">
      <c r="A87011" s="13" t="s">
        <v>436</v>
      </c>
      <c r="B87011" s="14" t="s">
        <v>1</v>
      </c>
      <c r="C87011" s="14" t="s">
        <v>109</v>
      </c>
      <c r="D87011" s="14" t="s">
        <v>437</v>
      </c>
      <c r="E87011" s="15">
        <v>45517</v>
      </c>
      <c r="F87011" s="14" t="s">
        <v>61</v>
      </c>
      <c r="G87011" s="16">
        <v>0</v>
      </c>
    </row>
    <row r="87012" spans="1:7" x14ac:dyDescent="0.3">
      <c r="A87012" s="13" t="s">
        <v>436</v>
      </c>
      <c r="B87012" s="14" t="s">
        <v>1</v>
      </c>
      <c r="C87012" s="14" t="s">
        <v>109</v>
      </c>
      <c r="D87012" s="14" t="s">
        <v>437</v>
      </c>
      <c r="E87012" s="15">
        <v>45518</v>
      </c>
      <c r="F87012" s="14" t="s">
        <v>61</v>
      </c>
      <c r="G87012" s="16">
        <v>0</v>
      </c>
    </row>
    <row r="87013" spans="1:7" x14ac:dyDescent="0.3">
      <c r="A87013" s="13" t="s">
        <v>436</v>
      </c>
      <c r="B87013" s="14" t="s">
        <v>1</v>
      </c>
      <c r="C87013" s="14" t="s">
        <v>109</v>
      </c>
      <c r="D87013" s="14" t="s">
        <v>437</v>
      </c>
      <c r="E87013" s="15">
        <v>45519</v>
      </c>
      <c r="F87013" s="14" t="s">
        <v>61</v>
      </c>
      <c r="G87013" s="16">
        <v>0</v>
      </c>
    </row>
    <row r="87014" spans="1:7" x14ac:dyDescent="0.3">
      <c r="A87014" s="13" t="s">
        <v>436</v>
      </c>
      <c r="B87014" s="14" t="s">
        <v>1</v>
      </c>
      <c r="C87014" s="14" t="s">
        <v>109</v>
      </c>
      <c r="D87014" s="14" t="s">
        <v>437</v>
      </c>
      <c r="E87014" s="15">
        <v>45520</v>
      </c>
      <c r="F87014" s="14" t="s">
        <v>61</v>
      </c>
      <c r="G87014" s="16">
        <v>0</v>
      </c>
    </row>
    <row r="87015" spans="1:7" x14ac:dyDescent="0.3">
      <c r="A87015" s="13" t="s">
        <v>436</v>
      </c>
      <c r="B87015" s="14" t="s">
        <v>1</v>
      </c>
      <c r="C87015" s="14" t="s">
        <v>109</v>
      </c>
      <c r="D87015" s="14" t="s">
        <v>437</v>
      </c>
      <c r="E87015" s="15">
        <v>45521</v>
      </c>
      <c r="F87015" s="14" t="s">
        <v>61</v>
      </c>
      <c r="G87015" s="16">
        <v>0</v>
      </c>
    </row>
    <row r="87016" spans="1:7" x14ac:dyDescent="0.3">
      <c r="A87016" s="13" t="s">
        <v>436</v>
      </c>
      <c r="B87016" s="14" t="s">
        <v>1</v>
      </c>
      <c r="C87016" s="14" t="s">
        <v>109</v>
      </c>
      <c r="D87016" s="14" t="s">
        <v>437</v>
      </c>
      <c r="E87016" s="15">
        <v>45522</v>
      </c>
      <c r="F87016" s="14" t="s">
        <v>61</v>
      </c>
      <c r="G87016" s="16">
        <v>0</v>
      </c>
    </row>
    <row r="87017" spans="1:7" x14ac:dyDescent="0.3">
      <c r="A87017" s="13" t="s">
        <v>436</v>
      </c>
      <c r="B87017" s="14" t="s">
        <v>1</v>
      </c>
      <c r="C87017" s="14" t="s">
        <v>109</v>
      </c>
      <c r="D87017" s="14" t="s">
        <v>437</v>
      </c>
      <c r="E87017" s="15">
        <v>45523</v>
      </c>
      <c r="F87017" s="14" t="s">
        <v>61</v>
      </c>
      <c r="G87017" s="16">
        <v>0</v>
      </c>
    </row>
    <row r="87018" spans="1:7" x14ac:dyDescent="0.3">
      <c r="A87018" s="13" t="s">
        <v>436</v>
      </c>
      <c r="B87018" s="14" t="s">
        <v>1</v>
      </c>
      <c r="C87018" s="14" t="s">
        <v>109</v>
      </c>
      <c r="D87018" s="14" t="s">
        <v>437</v>
      </c>
      <c r="E87018" s="15">
        <v>45524</v>
      </c>
      <c r="F87018" s="14" t="s">
        <v>61</v>
      </c>
      <c r="G87018" s="16">
        <v>0</v>
      </c>
    </row>
    <row r="87019" spans="1:7" x14ac:dyDescent="0.3">
      <c r="A87019" s="13" t="s">
        <v>436</v>
      </c>
      <c r="B87019" s="14" t="s">
        <v>1</v>
      </c>
      <c r="C87019" s="14" t="s">
        <v>109</v>
      </c>
      <c r="D87019" s="14" t="s">
        <v>437</v>
      </c>
      <c r="E87019" s="15">
        <v>45525</v>
      </c>
      <c r="F87019" s="14" t="s">
        <v>61</v>
      </c>
      <c r="G87019" s="16">
        <v>0</v>
      </c>
    </row>
    <row r="87020" spans="1:7" x14ac:dyDescent="0.3">
      <c r="A87020" s="13" t="s">
        <v>436</v>
      </c>
      <c r="B87020" s="14" t="s">
        <v>1</v>
      </c>
      <c r="C87020" s="14" t="s">
        <v>109</v>
      </c>
      <c r="D87020" s="14" t="s">
        <v>437</v>
      </c>
      <c r="E87020" s="15">
        <v>45526</v>
      </c>
      <c r="F87020" s="14" t="s">
        <v>61</v>
      </c>
      <c r="G87020" s="16">
        <v>0</v>
      </c>
    </row>
    <row r="87021" spans="1:7" x14ac:dyDescent="0.3">
      <c r="A87021" s="13" t="s">
        <v>436</v>
      </c>
      <c r="B87021" s="14" t="s">
        <v>1</v>
      </c>
      <c r="C87021" s="14" t="s">
        <v>109</v>
      </c>
      <c r="D87021" s="14" t="s">
        <v>437</v>
      </c>
      <c r="E87021" s="15">
        <v>45527</v>
      </c>
      <c r="F87021" s="14" t="s">
        <v>61</v>
      </c>
      <c r="G87021" s="16">
        <v>0</v>
      </c>
    </row>
    <row r="87022" spans="1:7" x14ac:dyDescent="0.3">
      <c r="A87022" s="13" t="s">
        <v>436</v>
      </c>
      <c r="B87022" s="14" t="s">
        <v>1</v>
      </c>
      <c r="C87022" s="14" t="s">
        <v>109</v>
      </c>
      <c r="D87022" s="14" t="s">
        <v>437</v>
      </c>
      <c r="E87022" s="15">
        <v>45528</v>
      </c>
      <c r="F87022" s="14" t="s">
        <v>61</v>
      </c>
      <c r="G87022" s="16">
        <v>0</v>
      </c>
    </row>
    <row r="87023" spans="1:7" x14ac:dyDescent="0.3">
      <c r="A87023" s="13" t="s">
        <v>436</v>
      </c>
      <c r="B87023" s="14" t="s">
        <v>1</v>
      </c>
      <c r="C87023" s="14" t="s">
        <v>109</v>
      </c>
      <c r="D87023" s="14" t="s">
        <v>437</v>
      </c>
      <c r="E87023" s="15">
        <v>45529</v>
      </c>
      <c r="F87023" s="14" t="s">
        <v>61</v>
      </c>
      <c r="G87023" s="16">
        <v>0</v>
      </c>
    </row>
    <row r="87024" spans="1:7" x14ac:dyDescent="0.3">
      <c r="A87024" s="13" t="s">
        <v>436</v>
      </c>
      <c r="B87024" s="14" t="s">
        <v>1</v>
      </c>
      <c r="C87024" s="14" t="s">
        <v>109</v>
      </c>
      <c r="D87024" s="14" t="s">
        <v>437</v>
      </c>
      <c r="E87024" s="15">
        <v>45530</v>
      </c>
      <c r="F87024" s="14" t="s">
        <v>61</v>
      </c>
      <c r="G87024" s="16">
        <v>0</v>
      </c>
    </row>
    <row r="87025" spans="1:7" x14ac:dyDescent="0.3">
      <c r="A87025" s="13" t="s">
        <v>436</v>
      </c>
      <c r="B87025" s="14" t="s">
        <v>1</v>
      </c>
      <c r="C87025" s="14" t="s">
        <v>109</v>
      </c>
      <c r="D87025" s="14" t="s">
        <v>437</v>
      </c>
      <c r="E87025" s="15">
        <v>45531</v>
      </c>
      <c r="F87025" s="14" t="s">
        <v>61</v>
      </c>
      <c r="G87025" s="16">
        <v>0</v>
      </c>
    </row>
    <row r="87026" spans="1:7" x14ac:dyDescent="0.3">
      <c r="A87026" s="13" t="s">
        <v>436</v>
      </c>
      <c r="B87026" s="14" t="s">
        <v>1</v>
      </c>
      <c r="C87026" s="14" t="s">
        <v>109</v>
      </c>
      <c r="D87026" s="14" t="s">
        <v>437</v>
      </c>
      <c r="E87026" s="15">
        <v>45532</v>
      </c>
      <c r="F87026" s="14" t="s">
        <v>61</v>
      </c>
      <c r="G87026" s="16">
        <v>0</v>
      </c>
    </row>
    <row r="87027" spans="1:7" x14ac:dyDescent="0.3">
      <c r="A87027" s="13" t="s">
        <v>436</v>
      </c>
      <c r="B87027" s="14" t="s">
        <v>1</v>
      </c>
      <c r="C87027" s="14" t="s">
        <v>109</v>
      </c>
      <c r="D87027" s="14" t="s">
        <v>437</v>
      </c>
      <c r="E87027" s="15">
        <v>45533</v>
      </c>
      <c r="F87027" s="14" t="s">
        <v>61</v>
      </c>
      <c r="G87027" s="16">
        <v>0</v>
      </c>
    </row>
    <row r="87028" spans="1:7" x14ac:dyDescent="0.3">
      <c r="A87028" s="13" t="s">
        <v>436</v>
      </c>
      <c r="B87028" s="14" t="s">
        <v>1</v>
      </c>
      <c r="C87028" s="14" t="s">
        <v>109</v>
      </c>
      <c r="D87028" s="14" t="s">
        <v>437</v>
      </c>
      <c r="E87028" s="15">
        <v>45534</v>
      </c>
      <c r="F87028" s="14" t="s">
        <v>61</v>
      </c>
      <c r="G87028" s="16">
        <v>0</v>
      </c>
    </row>
    <row r="87029" spans="1:7" x14ac:dyDescent="0.3">
      <c r="A87029" s="13" t="s">
        <v>436</v>
      </c>
      <c r="B87029" s="14" t="s">
        <v>1</v>
      </c>
      <c r="C87029" s="14" t="s">
        <v>109</v>
      </c>
      <c r="D87029" s="14" t="s">
        <v>437</v>
      </c>
      <c r="E87029" s="15">
        <v>45535</v>
      </c>
      <c r="F87029" s="14" t="s">
        <v>61</v>
      </c>
      <c r="G87029" s="16">
        <v>0</v>
      </c>
    </row>
    <row r="87030" spans="1:7" x14ac:dyDescent="0.3">
      <c r="A87030" s="13" t="s">
        <v>436</v>
      </c>
      <c r="B87030" s="14" t="s">
        <v>1</v>
      </c>
      <c r="C87030" s="14" t="s">
        <v>109</v>
      </c>
      <c r="D87030" s="14" t="s">
        <v>437</v>
      </c>
      <c r="E87030" s="15">
        <v>45536</v>
      </c>
      <c r="F87030" s="14" t="s">
        <v>61</v>
      </c>
      <c r="G87030" s="16">
        <v>0</v>
      </c>
    </row>
    <row r="87031" spans="1:7" x14ac:dyDescent="0.3">
      <c r="A87031" s="13" t="s">
        <v>436</v>
      </c>
      <c r="B87031" s="14" t="s">
        <v>1</v>
      </c>
      <c r="C87031" s="14" t="s">
        <v>109</v>
      </c>
      <c r="D87031" s="14" t="s">
        <v>437</v>
      </c>
      <c r="E87031" s="15">
        <v>45537</v>
      </c>
      <c r="F87031" s="14" t="s">
        <v>61</v>
      </c>
      <c r="G87031" s="16">
        <v>0</v>
      </c>
    </row>
    <row r="87032" spans="1:7" x14ac:dyDescent="0.3">
      <c r="A87032" s="13" t="s">
        <v>436</v>
      </c>
      <c r="B87032" s="14" t="s">
        <v>1</v>
      </c>
      <c r="C87032" s="14" t="s">
        <v>109</v>
      </c>
      <c r="D87032" s="14" t="s">
        <v>437</v>
      </c>
      <c r="E87032" s="15">
        <v>45538</v>
      </c>
      <c r="F87032" s="14" t="s">
        <v>61</v>
      </c>
      <c r="G87032" s="16">
        <v>0</v>
      </c>
    </row>
    <row r="87033" spans="1:7" x14ac:dyDescent="0.3">
      <c r="A87033" s="13" t="s">
        <v>436</v>
      </c>
      <c r="B87033" s="14" t="s">
        <v>1</v>
      </c>
      <c r="C87033" s="14" t="s">
        <v>109</v>
      </c>
      <c r="D87033" s="14" t="s">
        <v>437</v>
      </c>
      <c r="E87033" s="15">
        <v>45539</v>
      </c>
      <c r="F87033" s="14" t="s">
        <v>61</v>
      </c>
      <c r="G87033" s="16">
        <v>0</v>
      </c>
    </row>
    <row r="87034" spans="1:7" x14ac:dyDescent="0.3">
      <c r="A87034" s="13" t="s">
        <v>436</v>
      </c>
      <c r="B87034" s="14" t="s">
        <v>1</v>
      </c>
      <c r="C87034" s="14" t="s">
        <v>109</v>
      </c>
      <c r="D87034" s="14" t="s">
        <v>437</v>
      </c>
      <c r="E87034" s="15">
        <v>45540</v>
      </c>
      <c r="F87034" s="14" t="s">
        <v>61</v>
      </c>
      <c r="G87034" s="16">
        <v>0</v>
      </c>
    </row>
    <row r="87035" spans="1:7" x14ac:dyDescent="0.3">
      <c r="A87035" s="13" t="s">
        <v>436</v>
      </c>
      <c r="B87035" s="14" t="s">
        <v>1</v>
      </c>
      <c r="C87035" s="14" t="s">
        <v>109</v>
      </c>
      <c r="D87035" s="14" t="s">
        <v>437</v>
      </c>
      <c r="E87035" s="15">
        <v>45541</v>
      </c>
      <c r="F87035" s="14" t="s">
        <v>61</v>
      </c>
      <c r="G87035" s="16">
        <v>0</v>
      </c>
    </row>
    <row r="87036" spans="1:7" x14ac:dyDescent="0.3">
      <c r="A87036" s="13" t="s">
        <v>436</v>
      </c>
      <c r="B87036" s="14" t="s">
        <v>1</v>
      </c>
      <c r="C87036" s="14" t="s">
        <v>109</v>
      </c>
      <c r="D87036" s="14" t="s">
        <v>437</v>
      </c>
      <c r="E87036" s="15">
        <v>45542</v>
      </c>
      <c r="F87036" s="14" t="s">
        <v>61</v>
      </c>
      <c r="G87036" s="16">
        <v>0</v>
      </c>
    </row>
    <row r="87037" spans="1:7" x14ac:dyDescent="0.3">
      <c r="A87037" s="13" t="s">
        <v>436</v>
      </c>
      <c r="B87037" s="14" t="s">
        <v>1</v>
      </c>
      <c r="C87037" s="14" t="s">
        <v>109</v>
      </c>
      <c r="D87037" s="14" t="s">
        <v>437</v>
      </c>
      <c r="E87037" s="15">
        <v>45543</v>
      </c>
      <c r="F87037" s="14" t="s">
        <v>61</v>
      </c>
      <c r="G87037" s="16">
        <v>0</v>
      </c>
    </row>
    <row r="87038" spans="1:7" x14ac:dyDescent="0.3">
      <c r="A87038" s="13" t="s">
        <v>436</v>
      </c>
      <c r="B87038" s="14" t="s">
        <v>1</v>
      </c>
      <c r="C87038" s="14" t="s">
        <v>109</v>
      </c>
      <c r="D87038" s="14" t="s">
        <v>437</v>
      </c>
      <c r="E87038" s="15">
        <v>45544</v>
      </c>
      <c r="F87038" s="14" t="s">
        <v>61</v>
      </c>
      <c r="G87038" s="16">
        <v>0</v>
      </c>
    </row>
    <row r="87039" spans="1:7" x14ac:dyDescent="0.3">
      <c r="A87039" s="13" t="s">
        <v>436</v>
      </c>
      <c r="B87039" s="14" t="s">
        <v>1</v>
      </c>
      <c r="C87039" s="14" t="s">
        <v>109</v>
      </c>
      <c r="D87039" s="14" t="s">
        <v>437</v>
      </c>
      <c r="E87039" s="15">
        <v>45545</v>
      </c>
      <c r="F87039" s="14" t="s">
        <v>61</v>
      </c>
      <c r="G87039" s="16">
        <v>0</v>
      </c>
    </row>
    <row r="87040" spans="1:7" x14ac:dyDescent="0.3">
      <c r="A87040" s="13" t="s">
        <v>436</v>
      </c>
      <c r="B87040" s="14" t="s">
        <v>1</v>
      </c>
      <c r="C87040" s="14" t="s">
        <v>109</v>
      </c>
      <c r="D87040" s="14" t="s">
        <v>437</v>
      </c>
      <c r="E87040" s="15">
        <v>45546</v>
      </c>
      <c r="F87040" s="14" t="s">
        <v>61</v>
      </c>
      <c r="G87040" s="16">
        <v>0</v>
      </c>
    </row>
    <row r="87041" spans="1:7" x14ac:dyDescent="0.3">
      <c r="A87041" s="13" t="s">
        <v>436</v>
      </c>
      <c r="B87041" s="14" t="s">
        <v>1</v>
      </c>
      <c r="C87041" s="14" t="s">
        <v>109</v>
      </c>
      <c r="D87041" s="14" t="s">
        <v>437</v>
      </c>
      <c r="E87041" s="15">
        <v>45547</v>
      </c>
      <c r="F87041" s="14" t="s">
        <v>61</v>
      </c>
      <c r="G87041" s="16">
        <v>0</v>
      </c>
    </row>
    <row r="87042" spans="1:7" x14ac:dyDescent="0.3">
      <c r="A87042" s="13" t="s">
        <v>436</v>
      </c>
      <c r="B87042" s="14" t="s">
        <v>1</v>
      </c>
      <c r="C87042" s="14" t="s">
        <v>109</v>
      </c>
      <c r="D87042" s="14" t="s">
        <v>437</v>
      </c>
      <c r="E87042" s="15">
        <v>45548</v>
      </c>
      <c r="F87042" s="14" t="s">
        <v>61</v>
      </c>
      <c r="G87042" s="16">
        <v>0</v>
      </c>
    </row>
    <row r="87043" spans="1:7" x14ac:dyDescent="0.3">
      <c r="A87043" s="13" t="s">
        <v>436</v>
      </c>
      <c r="B87043" s="14" t="s">
        <v>1</v>
      </c>
      <c r="C87043" s="14" t="s">
        <v>109</v>
      </c>
      <c r="D87043" s="14" t="s">
        <v>437</v>
      </c>
      <c r="E87043" s="15">
        <v>45549</v>
      </c>
      <c r="F87043" s="14" t="s">
        <v>61</v>
      </c>
      <c r="G87043" s="16">
        <v>0</v>
      </c>
    </row>
    <row r="87044" spans="1:7" x14ac:dyDescent="0.3">
      <c r="A87044" s="13" t="s">
        <v>436</v>
      </c>
      <c r="B87044" s="14" t="s">
        <v>1</v>
      </c>
      <c r="C87044" s="14" t="s">
        <v>109</v>
      </c>
      <c r="D87044" s="14" t="s">
        <v>437</v>
      </c>
      <c r="E87044" s="15">
        <v>45550</v>
      </c>
      <c r="F87044" s="14" t="s">
        <v>61</v>
      </c>
      <c r="G87044" s="16">
        <v>0</v>
      </c>
    </row>
    <row r="87045" spans="1:7" x14ac:dyDescent="0.3">
      <c r="A87045" s="13" t="s">
        <v>436</v>
      </c>
      <c r="B87045" s="14" t="s">
        <v>1</v>
      </c>
      <c r="C87045" s="14" t="s">
        <v>109</v>
      </c>
      <c r="D87045" s="14" t="s">
        <v>437</v>
      </c>
      <c r="E87045" s="15">
        <v>45551</v>
      </c>
      <c r="F87045" s="14" t="s">
        <v>61</v>
      </c>
      <c r="G87045" s="16">
        <v>0</v>
      </c>
    </row>
    <row r="87046" spans="1:7" x14ac:dyDescent="0.3">
      <c r="A87046" s="13" t="s">
        <v>436</v>
      </c>
      <c r="B87046" s="14" t="s">
        <v>1</v>
      </c>
      <c r="C87046" s="14" t="s">
        <v>109</v>
      </c>
      <c r="D87046" s="14" t="s">
        <v>437</v>
      </c>
      <c r="E87046" s="15">
        <v>45552</v>
      </c>
      <c r="F87046" s="14" t="s">
        <v>61</v>
      </c>
      <c r="G87046" s="16">
        <v>0</v>
      </c>
    </row>
    <row r="87047" spans="1:7" x14ac:dyDescent="0.3">
      <c r="A87047" s="13" t="s">
        <v>436</v>
      </c>
      <c r="B87047" s="14" t="s">
        <v>1</v>
      </c>
      <c r="C87047" s="14" t="s">
        <v>109</v>
      </c>
      <c r="D87047" s="14" t="s">
        <v>437</v>
      </c>
      <c r="E87047" s="15">
        <v>45553</v>
      </c>
      <c r="F87047" s="14" t="s">
        <v>61</v>
      </c>
      <c r="G87047" s="16">
        <v>0</v>
      </c>
    </row>
    <row r="87048" spans="1:7" x14ac:dyDescent="0.3">
      <c r="A87048" s="13" t="s">
        <v>436</v>
      </c>
      <c r="B87048" s="14" t="s">
        <v>1</v>
      </c>
      <c r="C87048" s="14" t="s">
        <v>109</v>
      </c>
      <c r="D87048" s="14" t="s">
        <v>437</v>
      </c>
      <c r="E87048" s="15">
        <v>45554</v>
      </c>
      <c r="F87048" s="14" t="s">
        <v>61</v>
      </c>
      <c r="G87048" s="16">
        <v>0</v>
      </c>
    </row>
    <row r="87049" spans="1:7" x14ac:dyDescent="0.3">
      <c r="A87049" s="13" t="s">
        <v>436</v>
      </c>
      <c r="B87049" s="14" t="s">
        <v>1</v>
      </c>
      <c r="C87049" s="14" t="s">
        <v>109</v>
      </c>
      <c r="D87049" s="14" t="s">
        <v>437</v>
      </c>
      <c r="E87049" s="15">
        <v>45555</v>
      </c>
      <c r="F87049" s="14" t="s">
        <v>61</v>
      </c>
      <c r="G87049" s="16">
        <v>0</v>
      </c>
    </row>
    <row r="87050" spans="1:7" x14ac:dyDescent="0.3">
      <c r="A87050" s="13" t="s">
        <v>436</v>
      </c>
      <c r="B87050" s="14" t="s">
        <v>1</v>
      </c>
      <c r="C87050" s="14" t="s">
        <v>109</v>
      </c>
      <c r="D87050" s="14" t="s">
        <v>437</v>
      </c>
      <c r="E87050" s="15">
        <v>45556</v>
      </c>
      <c r="F87050" s="14" t="s">
        <v>61</v>
      </c>
      <c r="G87050" s="16">
        <v>0</v>
      </c>
    </row>
    <row r="87051" spans="1:7" x14ac:dyDescent="0.3">
      <c r="A87051" s="13" t="s">
        <v>436</v>
      </c>
      <c r="B87051" s="14" t="s">
        <v>1</v>
      </c>
      <c r="C87051" s="14" t="s">
        <v>109</v>
      </c>
      <c r="D87051" s="14" t="s">
        <v>437</v>
      </c>
      <c r="E87051" s="15">
        <v>45557</v>
      </c>
      <c r="F87051" s="14" t="s">
        <v>61</v>
      </c>
      <c r="G87051" s="16">
        <v>0</v>
      </c>
    </row>
    <row r="87052" spans="1:7" x14ac:dyDescent="0.3">
      <c r="A87052" s="13" t="s">
        <v>436</v>
      </c>
      <c r="B87052" s="14" t="s">
        <v>1</v>
      </c>
      <c r="C87052" s="14" t="s">
        <v>109</v>
      </c>
      <c r="D87052" s="14" t="s">
        <v>437</v>
      </c>
      <c r="E87052" s="15">
        <v>45558</v>
      </c>
      <c r="F87052" s="14" t="s">
        <v>61</v>
      </c>
      <c r="G87052" s="16">
        <v>0</v>
      </c>
    </row>
    <row r="87053" spans="1:7" x14ac:dyDescent="0.3">
      <c r="A87053" s="13" t="s">
        <v>436</v>
      </c>
      <c r="B87053" s="14" t="s">
        <v>1</v>
      </c>
      <c r="C87053" s="14" t="s">
        <v>109</v>
      </c>
      <c r="D87053" s="14" t="s">
        <v>437</v>
      </c>
      <c r="E87053" s="15">
        <v>45559</v>
      </c>
      <c r="F87053" s="14" t="s">
        <v>61</v>
      </c>
      <c r="G87053" s="16">
        <v>0</v>
      </c>
    </row>
    <row r="87054" spans="1:7" x14ac:dyDescent="0.3">
      <c r="A87054" s="13" t="s">
        <v>436</v>
      </c>
      <c r="B87054" s="14" t="s">
        <v>1</v>
      </c>
      <c r="C87054" s="14" t="s">
        <v>109</v>
      </c>
      <c r="D87054" s="14" t="s">
        <v>437</v>
      </c>
      <c r="E87054" s="15">
        <v>45560</v>
      </c>
      <c r="F87054" s="14" t="s">
        <v>61</v>
      </c>
      <c r="G87054" s="16">
        <v>0</v>
      </c>
    </row>
    <row r="87055" spans="1:7" x14ac:dyDescent="0.3">
      <c r="A87055" s="13" t="s">
        <v>436</v>
      </c>
      <c r="B87055" s="14" t="s">
        <v>1</v>
      </c>
      <c r="C87055" s="14" t="s">
        <v>109</v>
      </c>
      <c r="D87055" s="14" t="s">
        <v>437</v>
      </c>
      <c r="E87055" s="15">
        <v>45561</v>
      </c>
      <c r="F87055" s="14" t="s">
        <v>61</v>
      </c>
      <c r="G87055" s="16">
        <v>0</v>
      </c>
    </row>
    <row r="87056" spans="1:7" x14ac:dyDescent="0.3">
      <c r="A87056" s="13" t="s">
        <v>436</v>
      </c>
      <c r="B87056" s="14" t="s">
        <v>1</v>
      </c>
      <c r="C87056" s="14" t="s">
        <v>109</v>
      </c>
      <c r="D87056" s="14" t="s">
        <v>437</v>
      </c>
      <c r="E87056" s="15">
        <v>45562</v>
      </c>
      <c r="F87056" s="14" t="s">
        <v>61</v>
      </c>
      <c r="G87056" s="16">
        <v>0</v>
      </c>
    </row>
    <row r="87057" spans="1:7" x14ac:dyDescent="0.3">
      <c r="A87057" s="13" t="s">
        <v>436</v>
      </c>
      <c r="B87057" s="14" t="s">
        <v>1</v>
      </c>
      <c r="C87057" s="14" t="s">
        <v>109</v>
      </c>
      <c r="D87057" s="14" t="s">
        <v>437</v>
      </c>
      <c r="E87057" s="15">
        <v>45563</v>
      </c>
      <c r="F87057" s="14" t="s">
        <v>61</v>
      </c>
      <c r="G87057" s="16">
        <v>0</v>
      </c>
    </row>
    <row r="87058" spans="1:7" x14ac:dyDescent="0.3">
      <c r="A87058" s="13" t="s">
        <v>436</v>
      </c>
      <c r="B87058" s="14" t="s">
        <v>1</v>
      </c>
      <c r="C87058" s="14" t="s">
        <v>109</v>
      </c>
      <c r="D87058" s="14" t="s">
        <v>437</v>
      </c>
      <c r="E87058" s="15">
        <v>45564</v>
      </c>
      <c r="F87058" s="14" t="s">
        <v>61</v>
      </c>
      <c r="G87058" s="16">
        <v>0</v>
      </c>
    </row>
    <row r="87059" spans="1:7" x14ac:dyDescent="0.3">
      <c r="A87059" s="13" t="s">
        <v>436</v>
      </c>
      <c r="B87059" s="14" t="s">
        <v>1</v>
      </c>
      <c r="C87059" s="14" t="s">
        <v>109</v>
      </c>
      <c r="D87059" s="14" t="s">
        <v>437</v>
      </c>
      <c r="E87059" s="15">
        <v>45565</v>
      </c>
      <c r="F87059" s="14" t="s">
        <v>61</v>
      </c>
      <c r="G87059" s="16">
        <v>0</v>
      </c>
    </row>
    <row r="87060" spans="1:7" x14ac:dyDescent="0.3">
      <c r="A87060" s="13" t="s">
        <v>436</v>
      </c>
      <c r="B87060" s="14" t="s">
        <v>1</v>
      </c>
      <c r="C87060" s="14" t="s">
        <v>109</v>
      </c>
      <c r="D87060" s="14" t="s">
        <v>437</v>
      </c>
      <c r="E87060" s="15">
        <v>45566</v>
      </c>
      <c r="F87060" s="14" t="s">
        <v>61</v>
      </c>
      <c r="G87060" s="16">
        <v>0</v>
      </c>
    </row>
    <row r="87061" spans="1:7" x14ac:dyDescent="0.3">
      <c r="A87061" s="13" t="s">
        <v>436</v>
      </c>
      <c r="B87061" s="14" t="s">
        <v>1</v>
      </c>
      <c r="C87061" s="14" t="s">
        <v>109</v>
      </c>
      <c r="D87061" s="14" t="s">
        <v>437</v>
      </c>
      <c r="E87061" s="15">
        <v>45567</v>
      </c>
      <c r="F87061" s="14" t="s">
        <v>61</v>
      </c>
      <c r="G87061" s="16">
        <v>0</v>
      </c>
    </row>
    <row r="87062" spans="1:7" x14ac:dyDescent="0.3">
      <c r="A87062" s="13" t="s">
        <v>436</v>
      </c>
      <c r="B87062" s="14" t="s">
        <v>1</v>
      </c>
      <c r="C87062" s="14" t="s">
        <v>109</v>
      </c>
      <c r="D87062" s="14" t="s">
        <v>437</v>
      </c>
      <c r="E87062" s="15">
        <v>45568</v>
      </c>
      <c r="F87062" s="14" t="s">
        <v>61</v>
      </c>
      <c r="G87062" s="16">
        <v>0</v>
      </c>
    </row>
    <row r="87063" spans="1:7" x14ac:dyDescent="0.3">
      <c r="A87063" s="13" t="s">
        <v>436</v>
      </c>
      <c r="B87063" s="14" t="s">
        <v>1</v>
      </c>
      <c r="C87063" s="14" t="s">
        <v>109</v>
      </c>
      <c r="D87063" s="14" t="s">
        <v>437</v>
      </c>
      <c r="E87063" s="15">
        <v>45569</v>
      </c>
      <c r="F87063" s="14" t="s">
        <v>61</v>
      </c>
      <c r="G87063" s="16">
        <v>0</v>
      </c>
    </row>
    <row r="87064" spans="1:7" x14ac:dyDescent="0.3">
      <c r="A87064" s="13" t="s">
        <v>436</v>
      </c>
      <c r="B87064" s="14" t="s">
        <v>1</v>
      </c>
      <c r="C87064" s="14" t="s">
        <v>109</v>
      </c>
      <c r="D87064" s="14" t="s">
        <v>437</v>
      </c>
      <c r="E87064" s="15">
        <v>45570</v>
      </c>
      <c r="F87064" s="14" t="s">
        <v>61</v>
      </c>
      <c r="G87064" s="16">
        <v>0</v>
      </c>
    </row>
    <row r="87065" spans="1:7" x14ac:dyDescent="0.3">
      <c r="A87065" s="13" t="s">
        <v>436</v>
      </c>
      <c r="B87065" s="14" t="s">
        <v>1</v>
      </c>
      <c r="C87065" s="14" t="s">
        <v>109</v>
      </c>
      <c r="D87065" s="14" t="s">
        <v>437</v>
      </c>
      <c r="E87065" s="15">
        <v>45571</v>
      </c>
      <c r="F87065" s="14" t="s">
        <v>61</v>
      </c>
      <c r="G87065" s="16">
        <v>0</v>
      </c>
    </row>
    <row r="87066" spans="1:7" x14ac:dyDescent="0.3">
      <c r="A87066" s="13" t="s">
        <v>436</v>
      </c>
      <c r="B87066" s="14" t="s">
        <v>1</v>
      </c>
      <c r="C87066" s="14" t="s">
        <v>109</v>
      </c>
      <c r="D87066" s="14" t="s">
        <v>437</v>
      </c>
      <c r="E87066" s="15">
        <v>45572</v>
      </c>
      <c r="F87066" s="14" t="s">
        <v>61</v>
      </c>
      <c r="G87066" s="16">
        <v>0</v>
      </c>
    </row>
    <row r="87067" spans="1:7" x14ac:dyDescent="0.3">
      <c r="A87067" s="13" t="s">
        <v>436</v>
      </c>
      <c r="B87067" s="14" t="s">
        <v>1</v>
      </c>
      <c r="C87067" s="14" t="s">
        <v>109</v>
      </c>
      <c r="D87067" s="14" t="s">
        <v>437</v>
      </c>
      <c r="E87067" s="15">
        <v>45573</v>
      </c>
      <c r="F87067" s="14" t="s">
        <v>61</v>
      </c>
      <c r="G87067" s="16">
        <v>0</v>
      </c>
    </row>
    <row r="87068" spans="1:7" x14ac:dyDescent="0.3">
      <c r="A87068" s="13" t="s">
        <v>436</v>
      </c>
      <c r="B87068" s="14" t="s">
        <v>1</v>
      </c>
      <c r="C87068" s="14" t="s">
        <v>109</v>
      </c>
      <c r="D87068" s="14" t="s">
        <v>437</v>
      </c>
      <c r="E87068" s="15">
        <v>45574</v>
      </c>
      <c r="F87068" s="14" t="s">
        <v>61</v>
      </c>
      <c r="G87068" s="16">
        <v>0</v>
      </c>
    </row>
    <row r="87069" spans="1:7" x14ac:dyDescent="0.3">
      <c r="A87069" s="13" t="s">
        <v>436</v>
      </c>
      <c r="B87069" s="14" t="s">
        <v>1</v>
      </c>
      <c r="C87069" s="14" t="s">
        <v>109</v>
      </c>
      <c r="D87069" s="14" t="s">
        <v>437</v>
      </c>
      <c r="E87069" s="15">
        <v>45575</v>
      </c>
      <c r="F87069" s="14" t="s">
        <v>61</v>
      </c>
      <c r="G87069" s="16">
        <v>0</v>
      </c>
    </row>
    <row r="87070" spans="1:7" x14ac:dyDescent="0.3">
      <c r="A87070" s="13" t="s">
        <v>436</v>
      </c>
      <c r="B87070" s="14" t="s">
        <v>1</v>
      </c>
      <c r="C87070" s="14" t="s">
        <v>109</v>
      </c>
      <c r="D87070" s="14" t="s">
        <v>437</v>
      </c>
      <c r="E87070" s="15">
        <v>45576</v>
      </c>
      <c r="F87070" s="14" t="s">
        <v>61</v>
      </c>
      <c r="G87070" s="16">
        <v>0</v>
      </c>
    </row>
    <row r="87071" spans="1:7" x14ac:dyDescent="0.3">
      <c r="A87071" s="13" t="s">
        <v>436</v>
      </c>
      <c r="B87071" s="14" t="s">
        <v>1</v>
      </c>
      <c r="C87071" s="14" t="s">
        <v>109</v>
      </c>
      <c r="D87071" s="14" t="s">
        <v>437</v>
      </c>
      <c r="E87071" s="15">
        <v>45577</v>
      </c>
      <c r="F87071" s="14" t="s">
        <v>61</v>
      </c>
      <c r="G87071" s="16">
        <v>0</v>
      </c>
    </row>
    <row r="87072" spans="1:7" x14ac:dyDescent="0.3">
      <c r="A87072" s="13" t="s">
        <v>436</v>
      </c>
      <c r="B87072" s="14" t="s">
        <v>1</v>
      </c>
      <c r="C87072" s="14" t="s">
        <v>109</v>
      </c>
      <c r="D87072" s="14" t="s">
        <v>437</v>
      </c>
      <c r="E87072" s="15">
        <v>45578</v>
      </c>
      <c r="F87072" s="14" t="s">
        <v>61</v>
      </c>
      <c r="G87072" s="16">
        <v>0</v>
      </c>
    </row>
    <row r="87073" spans="1:7" x14ac:dyDescent="0.3">
      <c r="A87073" s="13" t="s">
        <v>436</v>
      </c>
      <c r="B87073" s="14" t="s">
        <v>1</v>
      </c>
      <c r="C87073" s="14" t="s">
        <v>109</v>
      </c>
      <c r="D87073" s="14" t="s">
        <v>437</v>
      </c>
      <c r="E87073" s="15">
        <v>45579</v>
      </c>
      <c r="F87073" s="14" t="s">
        <v>61</v>
      </c>
      <c r="G87073" s="16">
        <v>0</v>
      </c>
    </row>
    <row r="87074" spans="1:7" x14ac:dyDescent="0.3">
      <c r="A87074" s="13" t="s">
        <v>436</v>
      </c>
      <c r="B87074" s="14" t="s">
        <v>1</v>
      </c>
      <c r="C87074" s="14" t="s">
        <v>109</v>
      </c>
      <c r="D87074" s="14" t="s">
        <v>437</v>
      </c>
      <c r="E87074" s="15">
        <v>45580</v>
      </c>
      <c r="F87074" s="14" t="s">
        <v>61</v>
      </c>
      <c r="G87074" s="16">
        <v>0</v>
      </c>
    </row>
    <row r="87075" spans="1:7" x14ac:dyDescent="0.3">
      <c r="A87075" s="13" t="s">
        <v>436</v>
      </c>
      <c r="B87075" s="14" t="s">
        <v>1</v>
      </c>
      <c r="C87075" s="14" t="s">
        <v>109</v>
      </c>
      <c r="D87075" s="14" t="s">
        <v>437</v>
      </c>
      <c r="E87075" s="15">
        <v>45581</v>
      </c>
      <c r="F87075" s="14" t="s">
        <v>61</v>
      </c>
      <c r="G87075" s="16">
        <v>0</v>
      </c>
    </row>
    <row r="87076" spans="1:7" x14ac:dyDescent="0.3">
      <c r="A87076" s="13" t="s">
        <v>436</v>
      </c>
      <c r="B87076" s="14" t="s">
        <v>1</v>
      </c>
      <c r="C87076" s="14" t="s">
        <v>109</v>
      </c>
      <c r="D87076" s="14" t="s">
        <v>437</v>
      </c>
      <c r="E87076" s="15">
        <v>45582</v>
      </c>
      <c r="F87076" s="14" t="s">
        <v>61</v>
      </c>
      <c r="G87076" s="16">
        <v>0</v>
      </c>
    </row>
    <row r="87077" spans="1:7" x14ac:dyDescent="0.3">
      <c r="A87077" s="13" t="s">
        <v>436</v>
      </c>
      <c r="B87077" s="14" t="s">
        <v>1</v>
      </c>
      <c r="C87077" s="14" t="s">
        <v>109</v>
      </c>
      <c r="D87077" s="14" t="s">
        <v>437</v>
      </c>
      <c r="E87077" s="15">
        <v>45583</v>
      </c>
      <c r="F87077" s="14" t="s">
        <v>61</v>
      </c>
      <c r="G87077" s="16">
        <v>0</v>
      </c>
    </row>
    <row r="87078" spans="1:7" x14ac:dyDescent="0.3">
      <c r="A87078" s="13" t="s">
        <v>436</v>
      </c>
      <c r="B87078" s="14" t="s">
        <v>1</v>
      </c>
      <c r="C87078" s="14" t="s">
        <v>109</v>
      </c>
      <c r="D87078" s="14" t="s">
        <v>437</v>
      </c>
      <c r="E87078" s="15">
        <v>45584</v>
      </c>
      <c r="F87078" s="14" t="s">
        <v>61</v>
      </c>
      <c r="G87078" s="16">
        <v>0</v>
      </c>
    </row>
    <row r="87079" spans="1:7" x14ac:dyDescent="0.3">
      <c r="A87079" s="13" t="s">
        <v>436</v>
      </c>
      <c r="B87079" s="14" t="s">
        <v>1</v>
      </c>
      <c r="C87079" s="14" t="s">
        <v>109</v>
      </c>
      <c r="D87079" s="14" t="s">
        <v>437</v>
      </c>
      <c r="E87079" s="15">
        <v>45585</v>
      </c>
      <c r="F87079" s="14" t="s">
        <v>61</v>
      </c>
      <c r="G87079" s="16">
        <v>0</v>
      </c>
    </row>
    <row r="87080" spans="1:7" x14ac:dyDescent="0.3">
      <c r="A87080" s="13" t="s">
        <v>436</v>
      </c>
      <c r="B87080" s="14" t="s">
        <v>1</v>
      </c>
      <c r="C87080" s="14" t="s">
        <v>109</v>
      </c>
      <c r="D87080" s="14" t="s">
        <v>437</v>
      </c>
      <c r="E87080" s="15">
        <v>45586</v>
      </c>
      <c r="F87080" s="14" t="s">
        <v>61</v>
      </c>
      <c r="G87080" s="16">
        <v>0</v>
      </c>
    </row>
    <row r="87081" spans="1:7" x14ac:dyDescent="0.3">
      <c r="A87081" s="13" t="s">
        <v>436</v>
      </c>
      <c r="B87081" s="14" t="s">
        <v>1</v>
      </c>
      <c r="C87081" s="14" t="s">
        <v>109</v>
      </c>
      <c r="D87081" s="14" t="s">
        <v>437</v>
      </c>
      <c r="E87081" s="15">
        <v>45587</v>
      </c>
      <c r="F87081" s="14" t="s">
        <v>61</v>
      </c>
      <c r="G87081" s="16">
        <v>0</v>
      </c>
    </row>
    <row r="87082" spans="1:7" x14ac:dyDescent="0.3">
      <c r="A87082" s="13" t="s">
        <v>436</v>
      </c>
      <c r="B87082" s="14" t="s">
        <v>1</v>
      </c>
      <c r="C87082" s="14" t="s">
        <v>109</v>
      </c>
      <c r="D87082" s="14" t="s">
        <v>437</v>
      </c>
      <c r="E87082" s="15">
        <v>45588</v>
      </c>
      <c r="F87082" s="14" t="s">
        <v>61</v>
      </c>
      <c r="G87082" s="16">
        <v>0</v>
      </c>
    </row>
    <row r="87083" spans="1:7" x14ac:dyDescent="0.3">
      <c r="A87083" s="13" t="s">
        <v>436</v>
      </c>
      <c r="B87083" s="14" t="s">
        <v>1</v>
      </c>
      <c r="C87083" s="14" t="s">
        <v>109</v>
      </c>
      <c r="D87083" s="14" t="s">
        <v>437</v>
      </c>
      <c r="E87083" s="15">
        <v>45589</v>
      </c>
      <c r="F87083" s="14" t="s">
        <v>61</v>
      </c>
      <c r="G87083" s="16">
        <v>0</v>
      </c>
    </row>
    <row r="87084" spans="1:7" x14ac:dyDescent="0.3">
      <c r="A87084" s="13" t="s">
        <v>436</v>
      </c>
      <c r="B87084" s="14" t="s">
        <v>1</v>
      </c>
      <c r="C87084" s="14" t="s">
        <v>109</v>
      </c>
      <c r="D87084" s="14" t="s">
        <v>437</v>
      </c>
      <c r="E87084" s="15">
        <v>45590</v>
      </c>
      <c r="F87084" s="14" t="s">
        <v>61</v>
      </c>
      <c r="G87084" s="16">
        <v>0</v>
      </c>
    </row>
    <row r="87085" spans="1:7" x14ac:dyDescent="0.3">
      <c r="A87085" s="13" t="s">
        <v>436</v>
      </c>
      <c r="B87085" s="14" t="s">
        <v>1</v>
      </c>
      <c r="C87085" s="14" t="s">
        <v>109</v>
      </c>
      <c r="D87085" s="14" t="s">
        <v>437</v>
      </c>
      <c r="E87085" s="15">
        <v>45591</v>
      </c>
      <c r="F87085" s="14" t="s">
        <v>61</v>
      </c>
      <c r="G87085" s="16">
        <v>0</v>
      </c>
    </row>
    <row r="87086" spans="1:7" x14ac:dyDescent="0.3">
      <c r="A87086" s="13" t="s">
        <v>436</v>
      </c>
      <c r="B87086" s="14" t="s">
        <v>1</v>
      </c>
      <c r="C87086" s="14" t="s">
        <v>109</v>
      </c>
      <c r="D87086" s="14" t="s">
        <v>437</v>
      </c>
      <c r="E87086" s="15">
        <v>45592</v>
      </c>
      <c r="F87086" s="14" t="s">
        <v>61</v>
      </c>
      <c r="G87086" s="16">
        <v>0</v>
      </c>
    </row>
    <row r="87087" spans="1:7" x14ac:dyDescent="0.3">
      <c r="A87087" s="13" t="s">
        <v>436</v>
      </c>
      <c r="B87087" s="14" t="s">
        <v>1</v>
      </c>
      <c r="C87087" s="14" t="s">
        <v>109</v>
      </c>
      <c r="D87087" s="14" t="s">
        <v>437</v>
      </c>
      <c r="E87087" s="15">
        <v>45593</v>
      </c>
      <c r="F87087" s="14" t="s">
        <v>61</v>
      </c>
      <c r="G87087" s="16">
        <v>0</v>
      </c>
    </row>
    <row r="87088" spans="1:7" x14ac:dyDescent="0.3">
      <c r="A87088" s="13" t="s">
        <v>436</v>
      </c>
      <c r="B87088" s="14" t="s">
        <v>1</v>
      </c>
      <c r="C87088" s="14" t="s">
        <v>109</v>
      </c>
      <c r="D87088" s="14" t="s">
        <v>437</v>
      </c>
      <c r="E87088" s="15">
        <v>45594</v>
      </c>
      <c r="F87088" s="14" t="s">
        <v>61</v>
      </c>
      <c r="G87088" s="16">
        <v>0</v>
      </c>
    </row>
    <row r="87089" spans="1:7" x14ac:dyDescent="0.3">
      <c r="A87089" s="13" t="s">
        <v>436</v>
      </c>
      <c r="B87089" s="14" t="s">
        <v>1</v>
      </c>
      <c r="C87089" s="14" t="s">
        <v>109</v>
      </c>
      <c r="D87089" s="14" t="s">
        <v>437</v>
      </c>
      <c r="E87089" s="15">
        <v>45595</v>
      </c>
      <c r="F87089" s="14" t="s">
        <v>61</v>
      </c>
      <c r="G87089" s="16">
        <v>0</v>
      </c>
    </row>
    <row r="87090" spans="1:7" x14ac:dyDescent="0.3">
      <c r="A87090" s="13" t="s">
        <v>436</v>
      </c>
      <c r="B87090" s="14" t="s">
        <v>1</v>
      </c>
      <c r="C87090" s="14" t="s">
        <v>109</v>
      </c>
      <c r="D87090" s="14" t="s">
        <v>437</v>
      </c>
      <c r="E87090" s="15">
        <v>45596</v>
      </c>
      <c r="F87090" s="14" t="s">
        <v>61</v>
      </c>
      <c r="G87090" s="16">
        <v>0</v>
      </c>
    </row>
    <row r="87091" spans="1:7" x14ac:dyDescent="0.3">
      <c r="A87091" s="13" t="s">
        <v>436</v>
      </c>
      <c r="B87091" s="14" t="s">
        <v>1</v>
      </c>
      <c r="C87091" s="14" t="s">
        <v>109</v>
      </c>
      <c r="D87091" s="14" t="s">
        <v>437</v>
      </c>
      <c r="E87091" s="15">
        <v>45597</v>
      </c>
      <c r="F87091" s="14" t="s">
        <v>61</v>
      </c>
      <c r="G87091" s="16">
        <v>0</v>
      </c>
    </row>
    <row r="87092" spans="1:7" x14ac:dyDescent="0.3">
      <c r="A87092" s="13" t="s">
        <v>436</v>
      </c>
      <c r="B87092" s="14" t="s">
        <v>1</v>
      </c>
      <c r="C87092" s="14" t="s">
        <v>109</v>
      </c>
      <c r="D87092" s="14" t="s">
        <v>437</v>
      </c>
      <c r="E87092" s="15">
        <v>45598</v>
      </c>
      <c r="F87092" s="14" t="s">
        <v>61</v>
      </c>
      <c r="G87092" s="16">
        <v>0</v>
      </c>
    </row>
    <row r="87093" spans="1:7" x14ac:dyDescent="0.3">
      <c r="A87093" s="13" t="s">
        <v>436</v>
      </c>
      <c r="B87093" s="14" t="s">
        <v>1</v>
      </c>
      <c r="C87093" s="14" t="s">
        <v>109</v>
      </c>
      <c r="D87093" s="14" t="s">
        <v>437</v>
      </c>
      <c r="E87093" s="15">
        <v>45599</v>
      </c>
      <c r="F87093" s="14" t="s">
        <v>61</v>
      </c>
      <c r="G87093" s="16">
        <v>0</v>
      </c>
    </row>
    <row r="87094" spans="1:7" x14ac:dyDescent="0.3">
      <c r="A87094" s="13" t="s">
        <v>436</v>
      </c>
      <c r="B87094" s="14" t="s">
        <v>1</v>
      </c>
      <c r="C87094" s="14" t="s">
        <v>109</v>
      </c>
      <c r="D87094" s="14" t="s">
        <v>437</v>
      </c>
      <c r="E87094" s="15">
        <v>45600</v>
      </c>
      <c r="F87094" s="14" t="s">
        <v>61</v>
      </c>
      <c r="G87094" s="16">
        <v>0</v>
      </c>
    </row>
    <row r="87095" spans="1:7" x14ac:dyDescent="0.3">
      <c r="A87095" s="13" t="s">
        <v>436</v>
      </c>
      <c r="B87095" s="14" t="s">
        <v>1</v>
      </c>
      <c r="C87095" s="14" t="s">
        <v>109</v>
      </c>
      <c r="D87095" s="14" t="s">
        <v>437</v>
      </c>
      <c r="E87095" s="15">
        <v>45601</v>
      </c>
      <c r="F87095" s="14" t="s">
        <v>61</v>
      </c>
      <c r="G87095" s="16">
        <v>0</v>
      </c>
    </row>
    <row r="87096" spans="1:7" x14ac:dyDescent="0.3">
      <c r="A87096" s="13" t="s">
        <v>436</v>
      </c>
      <c r="B87096" s="14" t="s">
        <v>1</v>
      </c>
      <c r="C87096" s="14" t="s">
        <v>109</v>
      </c>
      <c r="D87096" s="14" t="s">
        <v>437</v>
      </c>
      <c r="E87096" s="15">
        <v>45602</v>
      </c>
      <c r="F87096" s="14" t="s">
        <v>61</v>
      </c>
      <c r="G87096" s="16">
        <v>0</v>
      </c>
    </row>
    <row r="87097" spans="1:7" x14ac:dyDescent="0.3">
      <c r="A87097" s="13" t="s">
        <v>436</v>
      </c>
      <c r="B87097" s="14" t="s">
        <v>1</v>
      </c>
      <c r="C87097" s="14" t="s">
        <v>109</v>
      </c>
      <c r="D87097" s="14" t="s">
        <v>437</v>
      </c>
      <c r="E87097" s="15">
        <v>45603</v>
      </c>
      <c r="F87097" s="14" t="s">
        <v>61</v>
      </c>
      <c r="G87097" s="16">
        <v>0</v>
      </c>
    </row>
    <row r="87098" spans="1:7" x14ac:dyDescent="0.3">
      <c r="A87098" s="13" t="s">
        <v>436</v>
      </c>
      <c r="B87098" s="14" t="s">
        <v>1</v>
      </c>
      <c r="C87098" s="14" t="s">
        <v>109</v>
      </c>
      <c r="D87098" s="14" t="s">
        <v>437</v>
      </c>
      <c r="E87098" s="15">
        <v>45604</v>
      </c>
      <c r="F87098" s="14" t="s">
        <v>61</v>
      </c>
      <c r="G87098" s="16">
        <v>0</v>
      </c>
    </row>
    <row r="87099" spans="1:7" x14ac:dyDescent="0.3">
      <c r="A87099" s="13" t="s">
        <v>436</v>
      </c>
      <c r="B87099" s="14" t="s">
        <v>1</v>
      </c>
      <c r="C87099" s="14" t="s">
        <v>109</v>
      </c>
      <c r="D87099" s="14" t="s">
        <v>437</v>
      </c>
      <c r="E87099" s="15">
        <v>45605</v>
      </c>
      <c r="F87099" s="14" t="s">
        <v>61</v>
      </c>
      <c r="G87099" s="16">
        <v>0</v>
      </c>
    </row>
    <row r="87100" spans="1:7" x14ac:dyDescent="0.3">
      <c r="A87100" s="13" t="s">
        <v>436</v>
      </c>
      <c r="B87100" s="14" t="s">
        <v>1</v>
      </c>
      <c r="C87100" s="14" t="s">
        <v>109</v>
      </c>
      <c r="D87100" s="14" t="s">
        <v>437</v>
      </c>
      <c r="E87100" s="15">
        <v>45606</v>
      </c>
      <c r="F87100" s="14" t="s">
        <v>61</v>
      </c>
      <c r="G87100" s="16">
        <v>0</v>
      </c>
    </row>
    <row r="87101" spans="1:7" x14ac:dyDescent="0.3">
      <c r="A87101" s="13" t="s">
        <v>436</v>
      </c>
      <c r="B87101" s="14" t="s">
        <v>1</v>
      </c>
      <c r="C87101" s="14" t="s">
        <v>109</v>
      </c>
      <c r="D87101" s="14" t="s">
        <v>437</v>
      </c>
      <c r="E87101" s="15">
        <v>45607</v>
      </c>
      <c r="F87101" s="14" t="s">
        <v>61</v>
      </c>
      <c r="G87101" s="16">
        <v>0</v>
      </c>
    </row>
    <row r="87102" spans="1:7" x14ac:dyDescent="0.3">
      <c r="A87102" s="13" t="s">
        <v>436</v>
      </c>
      <c r="B87102" s="14" t="s">
        <v>1</v>
      </c>
      <c r="C87102" s="14" t="s">
        <v>109</v>
      </c>
      <c r="D87102" s="14" t="s">
        <v>437</v>
      </c>
      <c r="E87102" s="15">
        <v>45608</v>
      </c>
      <c r="F87102" s="14" t="s">
        <v>61</v>
      </c>
      <c r="G87102" s="16">
        <v>0</v>
      </c>
    </row>
    <row r="87103" spans="1:7" x14ac:dyDescent="0.3">
      <c r="A87103" s="13" t="s">
        <v>436</v>
      </c>
      <c r="B87103" s="14" t="s">
        <v>1</v>
      </c>
      <c r="C87103" s="14" t="s">
        <v>109</v>
      </c>
      <c r="D87103" s="14" t="s">
        <v>437</v>
      </c>
      <c r="E87103" s="15">
        <v>45609</v>
      </c>
      <c r="F87103" s="14" t="s">
        <v>61</v>
      </c>
      <c r="G87103" s="16">
        <v>0</v>
      </c>
    </row>
    <row r="87104" spans="1:7" x14ac:dyDescent="0.3">
      <c r="A87104" s="13" t="s">
        <v>436</v>
      </c>
      <c r="B87104" s="14" t="s">
        <v>1</v>
      </c>
      <c r="C87104" s="14" t="s">
        <v>109</v>
      </c>
      <c r="D87104" s="14" t="s">
        <v>437</v>
      </c>
      <c r="E87104" s="15">
        <v>45610</v>
      </c>
      <c r="F87104" s="14" t="s">
        <v>61</v>
      </c>
      <c r="G87104" s="16">
        <v>0</v>
      </c>
    </row>
    <row r="87105" spans="1:7" x14ac:dyDescent="0.3">
      <c r="A87105" s="13" t="s">
        <v>436</v>
      </c>
      <c r="B87105" s="14" t="s">
        <v>1</v>
      </c>
      <c r="C87105" s="14" t="s">
        <v>109</v>
      </c>
      <c r="D87105" s="14" t="s">
        <v>437</v>
      </c>
      <c r="E87105" s="15">
        <v>45611</v>
      </c>
      <c r="F87105" s="14" t="s">
        <v>61</v>
      </c>
      <c r="G87105" s="16">
        <v>0</v>
      </c>
    </row>
    <row r="87106" spans="1:7" x14ac:dyDescent="0.3">
      <c r="A87106" s="13" t="s">
        <v>436</v>
      </c>
      <c r="B87106" s="14" t="s">
        <v>1</v>
      </c>
      <c r="C87106" s="14" t="s">
        <v>109</v>
      </c>
      <c r="D87106" s="14" t="s">
        <v>437</v>
      </c>
      <c r="E87106" s="15">
        <v>45612</v>
      </c>
      <c r="F87106" s="14" t="s">
        <v>61</v>
      </c>
      <c r="G87106" s="16">
        <v>0</v>
      </c>
    </row>
    <row r="87107" spans="1:7" x14ac:dyDescent="0.3">
      <c r="A87107" s="13" t="s">
        <v>436</v>
      </c>
      <c r="B87107" s="14" t="s">
        <v>1</v>
      </c>
      <c r="C87107" s="14" t="s">
        <v>109</v>
      </c>
      <c r="D87107" s="14" t="s">
        <v>437</v>
      </c>
      <c r="E87107" s="15">
        <v>45613</v>
      </c>
      <c r="F87107" s="14" t="s">
        <v>61</v>
      </c>
      <c r="G87107" s="16">
        <v>0</v>
      </c>
    </row>
    <row r="87108" spans="1:7" x14ac:dyDescent="0.3">
      <c r="A87108" s="13" t="s">
        <v>436</v>
      </c>
      <c r="B87108" s="14" t="s">
        <v>1</v>
      </c>
      <c r="C87108" s="14" t="s">
        <v>109</v>
      </c>
      <c r="D87108" s="14" t="s">
        <v>437</v>
      </c>
      <c r="E87108" s="15">
        <v>45614</v>
      </c>
      <c r="F87108" s="14" t="s">
        <v>61</v>
      </c>
      <c r="G87108" s="16">
        <v>0</v>
      </c>
    </row>
    <row r="87109" spans="1:7" x14ac:dyDescent="0.3">
      <c r="A87109" s="13" t="s">
        <v>436</v>
      </c>
      <c r="B87109" s="14" t="s">
        <v>1</v>
      </c>
      <c r="C87109" s="14" t="s">
        <v>109</v>
      </c>
      <c r="D87109" s="14" t="s">
        <v>437</v>
      </c>
      <c r="E87109" s="15">
        <v>45615</v>
      </c>
      <c r="F87109" s="14" t="s">
        <v>61</v>
      </c>
      <c r="G87109" s="16">
        <v>0</v>
      </c>
    </row>
    <row r="87110" spans="1:7" x14ac:dyDescent="0.3">
      <c r="A87110" s="13" t="s">
        <v>436</v>
      </c>
      <c r="B87110" s="14" t="s">
        <v>1</v>
      </c>
      <c r="C87110" s="14" t="s">
        <v>109</v>
      </c>
      <c r="D87110" s="14" t="s">
        <v>437</v>
      </c>
      <c r="E87110" s="15">
        <v>45616</v>
      </c>
      <c r="F87110" s="14" t="s">
        <v>61</v>
      </c>
      <c r="G87110" s="16">
        <v>0</v>
      </c>
    </row>
    <row r="87111" spans="1:7" x14ac:dyDescent="0.3">
      <c r="A87111" s="13" t="s">
        <v>436</v>
      </c>
      <c r="B87111" s="14" t="s">
        <v>1</v>
      </c>
      <c r="C87111" s="14" t="s">
        <v>109</v>
      </c>
      <c r="D87111" s="14" t="s">
        <v>437</v>
      </c>
      <c r="E87111" s="15">
        <v>45617</v>
      </c>
      <c r="F87111" s="14" t="s">
        <v>61</v>
      </c>
      <c r="G87111" s="16">
        <v>0</v>
      </c>
    </row>
    <row r="87112" spans="1:7" x14ac:dyDescent="0.3">
      <c r="A87112" s="13" t="s">
        <v>436</v>
      </c>
      <c r="B87112" s="14" t="s">
        <v>1</v>
      </c>
      <c r="C87112" s="14" t="s">
        <v>109</v>
      </c>
      <c r="D87112" s="14" t="s">
        <v>437</v>
      </c>
      <c r="E87112" s="15">
        <v>45618</v>
      </c>
      <c r="F87112" s="14" t="s">
        <v>61</v>
      </c>
      <c r="G87112" s="16">
        <v>0</v>
      </c>
    </row>
    <row r="87113" spans="1:7" x14ac:dyDescent="0.3">
      <c r="A87113" s="13" t="s">
        <v>436</v>
      </c>
      <c r="B87113" s="14" t="s">
        <v>1</v>
      </c>
      <c r="C87113" s="14" t="s">
        <v>109</v>
      </c>
      <c r="D87113" s="14" t="s">
        <v>437</v>
      </c>
      <c r="E87113" s="15">
        <v>45619</v>
      </c>
      <c r="F87113" s="14" t="s">
        <v>61</v>
      </c>
      <c r="G87113" s="16">
        <v>0</v>
      </c>
    </row>
    <row r="87114" spans="1:7" x14ac:dyDescent="0.3">
      <c r="A87114" s="13" t="s">
        <v>436</v>
      </c>
      <c r="B87114" s="14" t="s">
        <v>1</v>
      </c>
      <c r="C87114" s="14" t="s">
        <v>109</v>
      </c>
      <c r="D87114" s="14" t="s">
        <v>437</v>
      </c>
      <c r="E87114" s="15">
        <v>45620</v>
      </c>
      <c r="F87114" s="14" t="s">
        <v>61</v>
      </c>
      <c r="G87114" s="16">
        <v>0</v>
      </c>
    </row>
    <row r="87115" spans="1:7" x14ac:dyDescent="0.3">
      <c r="A87115" s="13" t="s">
        <v>436</v>
      </c>
      <c r="B87115" s="14" t="s">
        <v>1</v>
      </c>
      <c r="C87115" s="14" t="s">
        <v>109</v>
      </c>
      <c r="D87115" s="14" t="s">
        <v>437</v>
      </c>
      <c r="E87115" s="15">
        <v>45621</v>
      </c>
      <c r="F87115" s="14" t="s">
        <v>61</v>
      </c>
      <c r="G87115" s="16">
        <v>0</v>
      </c>
    </row>
    <row r="87116" spans="1:7" x14ac:dyDescent="0.3">
      <c r="A87116" s="13" t="s">
        <v>436</v>
      </c>
      <c r="B87116" s="14" t="s">
        <v>1</v>
      </c>
      <c r="C87116" s="14" t="s">
        <v>109</v>
      </c>
      <c r="D87116" s="14" t="s">
        <v>437</v>
      </c>
      <c r="E87116" s="15">
        <v>45622</v>
      </c>
      <c r="F87116" s="14" t="s">
        <v>61</v>
      </c>
      <c r="G87116" s="16">
        <v>0</v>
      </c>
    </row>
    <row r="87117" spans="1:7" x14ac:dyDescent="0.3">
      <c r="A87117" s="13" t="s">
        <v>436</v>
      </c>
      <c r="B87117" s="14" t="s">
        <v>1</v>
      </c>
      <c r="C87117" s="14" t="s">
        <v>109</v>
      </c>
      <c r="D87117" s="14" t="s">
        <v>437</v>
      </c>
      <c r="E87117" s="15">
        <v>45623</v>
      </c>
      <c r="F87117" s="14" t="s">
        <v>61</v>
      </c>
      <c r="G87117" s="16">
        <v>0</v>
      </c>
    </row>
    <row r="87118" spans="1:7" x14ac:dyDescent="0.3">
      <c r="A87118" s="13" t="s">
        <v>436</v>
      </c>
      <c r="B87118" s="14" t="s">
        <v>1</v>
      </c>
      <c r="C87118" s="14" t="s">
        <v>109</v>
      </c>
      <c r="D87118" s="14" t="s">
        <v>437</v>
      </c>
      <c r="E87118" s="15">
        <v>45624</v>
      </c>
      <c r="F87118" s="14" t="s">
        <v>61</v>
      </c>
      <c r="G87118" s="16">
        <v>0</v>
      </c>
    </row>
    <row r="87119" spans="1:7" x14ac:dyDescent="0.3">
      <c r="A87119" s="13" t="s">
        <v>436</v>
      </c>
      <c r="B87119" s="14" t="s">
        <v>1</v>
      </c>
      <c r="C87119" s="14" t="s">
        <v>109</v>
      </c>
      <c r="D87119" s="14" t="s">
        <v>437</v>
      </c>
      <c r="E87119" s="15">
        <v>45625</v>
      </c>
      <c r="F87119" s="14" t="s">
        <v>61</v>
      </c>
      <c r="G87119" s="16">
        <v>0</v>
      </c>
    </row>
    <row r="87120" spans="1:7" x14ac:dyDescent="0.3">
      <c r="A87120" s="13" t="s">
        <v>436</v>
      </c>
      <c r="B87120" s="14" t="s">
        <v>1</v>
      </c>
      <c r="C87120" s="14" t="s">
        <v>109</v>
      </c>
      <c r="D87120" s="14" t="s">
        <v>437</v>
      </c>
      <c r="E87120" s="15">
        <v>45626</v>
      </c>
      <c r="F87120" s="14" t="s">
        <v>61</v>
      </c>
      <c r="G87120" s="16">
        <v>0</v>
      </c>
    </row>
    <row r="87121" spans="1:7" x14ac:dyDescent="0.3">
      <c r="A87121" s="13" t="s">
        <v>436</v>
      </c>
      <c r="B87121" s="14" t="s">
        <v>1</v>
      </c>
      <c r="C87121" s="14" t="s">
        <v>109</v>
      </c>
      <c r="D87121" s="14" t="s">
        <v>437</v>
      </c>
      <c r="E87121" s="15">
        <v>45627</v>
      </c>
      <c r="F87121" s="14" t="s">
        <v>61</v>
      </c>
      <c r="G87121" s="16">
        <v>0</v>
      </c>
    </row>
    <row r="87122" spans="1:7" x14ac:dyDescent="0.3">
      <c r="A87122" s="13" t="s">
        <v>436</v>
      </c>
      <c r="B87122" s="14" t="s">
        <v>1</v>
      </c>
      <c r="C87122" s="14" t="s">
        <v>109</v>
      </c>
      <c r="D87122" s="14" t="s">
        <v>437</v>
      </c>
      <c r="E87122" s="15">
        <v>45628</v>
      </c>
      <c r="F87122" s="14" t="s">
        <v>61</v>
      </c>
      <c r="G87122" s="16">
        <v>0</v>
      </c>
    </row>
    <row r="87123" spans="1:7" x14ac:dyDescent="0.3">
      <c r="A87123" s="13" t="s">
        <v>436</v>
      </c>
      <c r="B87123" s="14" t="s">
        <v>1</v>
      </c>
      <c r="C87123" s="14" t="s">
        <v>109</v>
      </c>
      <c r="D87123" s="14" t="s">
        <v>437</v>
      </c>
      <c r="E87123" s="15">
        <v>45629</v>
      </c>
      <c r="F87123" s="14" t="s">
        <v>61</v>
      </c>
      <c r="G87123" s="16">
        <v>0</v>
      </c>
    </row>
    <row r="87124" spans="1:7" x14ac:dyDescent="0.3">
      <c r="A87124" s="13" t="s">
        <v>436</v>
      </c>
      <c r="B87124" s="14" t="s">
        <v>1</v>
      </c>
      <c r="C87124" s="14" t="s">
        <v>109</v>
      </c>
      <c r="D87124" s="14" t="s">
        <v>437</v>
      </c>
      <c r="E87124" s="15">
        <v>45630</v>
      </c>
      <c r="F87124" s="14" t="s">
        <v>61</v>
      </c>
      <c r="G87124" s="16">
        <v>0</v>
      </c>
    </row>
    <row r="87125" spans="1:7" x14ac:dyDescent="0.3">
      <c r="A87125" s="13" t="s">
        <v>436</v>
      </c>
      <c r="B87125" s="14" t="s">
        <v>1</v>
      </c>
      <c r="C87125" s="14" t="s">
        <v>109</v>
      </c>
      <c r="D87125" s="14" t="s">
        <v>437</v>
      </c>
      <c r="E87125" s="15">
        <v>45631</v>
      </c>
      <c r="F87125" s="14" t="s">
        <v>61</v>
      </c>
      <c r="G87125" s="16">
        <v>0</v>
      </c>
    </row>
    <row r="87126" spans="1:7" x14ac:dyDescent="0.3">
      <c r="A87126" s="13" t="s">
        <v>436</v>
      </c>
      <c r="B87126" s="14" t="s">
        <v>1</v>
      </c>
      <c r="C87126" s="14" t="s">
        <v>109</v>
      </c>
      <c r="D87126" s="14" t="s">
        <v>437</v>
      </c>
      <c r="E87126" s="15">
        <v>45632</v>
      </c>
      <c r="F87126" s="14" t="s">
        <v>61</v>
      </c>
      <c r="G87126" s="16">
        <v>0</v>
      </c>
    </row>
    <row r="87127" spans="1:7" x14ac:dyDescent="0.3">
      <c r="A87127" s="13" t="s">
        <v>436</v>
      </c>
      <c r="B87127" s="14" t="s">
        <v>1</v>
      </c>
      <c r="C87127" s="14" t="s">
        <v>109</v>
      </c>
      <c r="D87127" s="14" t="s">
        <v>437</v>
      </c>
      <c r="E87127" s="15">
        <v>45633</v>
      </c>
      <c r="F87127" s="14" t="s">
        <v>61</v>
      </c>
      <c r="G87127" s="16">
        <v>0</v>
      </c>
    </row>
    <row r="87128" spans="1:7" x14ac:dyDescent="0.3">
      <c r="A87128" s="13" t="s">
        <v>436</v>
      </c>
      <c r="B87128" s="14" t="s">
        <v>1</v>
      </c>
      <c r="C87128" s="14" t="s">
        <v>109</v>
      </c>
      <c r="D87128" s="14" t="s">
        <v>437</v>
      </c>
      <c r="E87128" s="15">
        <v>45634</v>
      </c>
      <c r="F87128" s="14" t="s">
        <v>61</v>
      </c>
      <c r="G87128" s="16">
        <v>0</v>
      </c>
    </row>
    <row r="87129" spans="1:7" x14ac:dyDescent="0.3">
      <c r="A87129" s="13" t="s">
        <v>436</v>
      </c>
      <c r="B87129" s="14" t="s">
        <v>1</v>
      </c>
      <c r="C87129" s="14" t="s">
        <v>109</v>
      </c>
      <c r="D87129" s="14" t="s">
        <v>437</v>
      </c>
      <c r="E87129" s="15">
        <v>45635</v>
      </c>
      <c r="F87129" s="14" t="s">
        <v>61</v>
      </c>
      <c r="G87129" s="16">
        <v>0</v>
      </c>
    </row>
    <row r="87130" spans="1:7" x14ac:dyDescent="0.3">
      <c r="A87130" s="13" t="s">
        <v>436</v>
      </c>
      <c r="B87130" s="14" t="s">
        <v>1</v>
      </c>
      <c r="C87130" s="14" t="s">
        <v>109</v>
      </c>
      <c r="D87130" s="14" t="s">
        <v>437</v>
      </c>
      <c r="E87130" s="15">
        <v>45636</v>
      </c>
      <c r="F87130" s="14" t="s">
        <v>61</v>
      </c>
      <c r="G87130" s="16">
        <v>0</v>
      </c>
    </row>
    <row r="87131" spans="1:7" x14ac:dyDescent="0.3">
      <c r="A87131" s="13" t="s">
        <v>436</v>
      </c>
      <c r="B87131" s="14" t="s">
        <v>1</v>
      </c>
      <c r="C87131" s="14" t="s">
        <v>109</v>
      </c>
      <c r="D87131" s="14" t="s">
        <v>437</v>
      </c>
      <c r="E87131" s="15">
        <v>45637</v>
      </c>
      <c r="F87131" s="14" t="s">
        <v>61</v>
      </c>
      <c r="G87131" s="16">
        <v>0</v>
      </c>
    </row>
    <row r="87132" spans="1:7" x14ac:dyDescent="0.3">
      <c r="A87132" s="13" t="s">
        <v>436</v>
      </c>
      <c r="B87132" s="14" t="s">
        <v>1</v>
      </c>
      <c r="C87132" s="14" t="s">
        <v>109</v>
      </c>
      <c r="D87132" s="14" t="s">
        <v>437</v>
      </c>
      <c r="E87132" s="15">
        <v>45638</v>
      </c>
      <c r="F87132" s="14" t="s">
        <v>61</v>
      </c>
      <c r="G87132" s="16">
        <v>0</v>
      </c>
    </row>
    <row r="87133" spans="1:7" x14ac:dyDescent="0.3">
      <c r="A87133" s="13" t="s">
        <v>436</v>
      </c>
      <c r="B87133" s="14" t="s">
        <v>1</v>
      </c>
      <c r="C87133" s="14" t="s">
        <v>109</v>
      </c>
      <c r="D87133" s="14" t="s">
        <v>437</v>
      </c>
      <c r="E87133" s="15">
        <v>45639</v>
      </c>
      <c r="F87133" s="14" t="s">
        <v>61</v>
      </c>
      <c r="G87133" s="16">
        <v>0</v>
      </c>
    </row>
    <row r="87134" spans="1:7" x14ac:dyDescent="0.3">
      <c r="A87134" s="13" t="s">
        <v>436</v>
      </c>
      <c r="B87134" s="14" t="s">
        <v>1</v>
      </c>
      <c r="C87134" s="14" t="s">
        <v>109</v>
      </c>
      <c r="D87134" s="14" t="s">
        <v>437</v>
      </c>
      <c r="E87134" s="15">
        <v>45640</v>
      </c>
      <c r="F87134" s="14" t="s">
        <v>61</v>
      </c>
      <c r="G87134" s="16">
        <v>0</v>
      </c>
    </row>
    <row r="87135" spans="1:7" x14ac:dyDescent="0.3">
      <c r="A87135" s="13" t="s">
        <v>436</v>
      </c>
      <c r="B87135" s="14" t="s">
        <v>1</v>
      </c>
      <c r="C87135" s="14" t="s">
        <v>109</v>
      </c>
      <c r="D87135" s="14" t="s">
        <v>437</v>
      </c>
      <c r="E87135" s="15">
        <v>45641</v>
      </c>
      <c r="F87135" s="14" t="s">
        <v>61</v>
      </c>
      <c r="G87135" s="16">
        <v>0</v>
      </c>
    </row>
    <row r="87136" spans="1:7" x14ac:dyDescent="0.3">
      <c r="A87136" s="13" t="s">
        <v>436</v>
      </c>
      <c r="B87136" s="14" t="s">
        <v>1</v>
      </c>
      <c r="C87136" s="14" t="s">
        <v>109</v>
      </c>
      <c r="D87136" s="14" t="s">
        <v>437</v>
      </c>
      <c r="E87136" s="15">
        <v>45642</v>
      </c>
      <c r="F87136" s="14" t="s">
        <v>61</v>
      </c>
      <c r="G87136" s="16">
        <v>0</v>
      </c>
    </row>
    <row r="87137" spans="1:7" x14ac:dyDescent="0.3">
      <c r="A87137" s="13" t="s">
        <v>436</v>
      </c>
      <c r="B87137" s="14" t="s">
        <v>1</v>
      </c>
      <c r="C87137" s="14" t="s">
        <v>109</v>
      </c>
      <c r="D87137" s="14" t="s">
        <v>437</v>
      </c>
      <c r="E87137" s="15">
        <v>45643</v>
      </c>
      <c r="F87137" s="14" t="s">
        <v>61</v>
      </c>
      <c r="G87137" s="16">
        <v>0</v>
      </c>
    </row>
    <row r="87138" spans="1:7" x14ac:dyDescent="0.3">
      <c r="A87138" s="13" t="s">
        <v>436</v>
      </c>
      <c r="B87138" s="14" t="s">
        <v>1</v>
      </c>
      <c r="C87138" s="14" t="s">
        <v>109</v>
      </c>
      <c r="D87138" s="14" t="s">
        <v>437</v>
      </c>
      <c r="E87138" s="15">
        <v>45644</v>
      </c>
      <c r="F87138" s="14" t="s">
        <v>61</v>
      </c>
      <c r="G87138" s="16">
        <v>0</v>
      </c>
    </row>
    <row r="87139" spans="1:7" x14ac:dyDescent="0.3">
      <c r="A87139" s="13" t="s">
        <v>436</v>
      </c>
      <c r="B87139" s="14" t="s">
        <v>1</v>
      </c>
      <c r="C87139" s="14" t="s">
        <v>109</v>
      </c>
      <c r="D87139" s="14" t="s">
        <v>437</v>
      </c>
      <c r="E87139" s="15">
        <v>45645</v>
      </c>
      <c r="F87139" s="14" t="s">
        <v>61</v>
      </c>
      <c r="G87139" s="16">
        <v>0</v>
      </c>
    </row>
    <row r="87140" spans="1:7" x14ac:dyDescent="0.3">
      <c r="A87140" s="13" t="s">
        <v>436</v>
      </c>
      <c r="B87140" s="14" t="s">
        <v>1</v>
      </c>
      <c r="C87140" s="14" t="s">
        <v>109</v>
      </c>
      <c r="D87140" s="14" t="s">
        <v>437</v>
      </c>
      <c r="E87140" s="15">
        <v>45646</v>
      </c>
      <c r="F87140" s="14" t="s">
        <v>61</v>
      </c>
      <c r="G87140" s="16">
        <v>0</v>
      </c>
    </row>
    <row r="87141" spans="1:7" x14ac:dyDescent="0.3">
      <c r="A87141" s="13" t="s">
        <v>436</v>
      </c>
      <c r="B87141" s="14" t="s">
        <v>1</v>
      </c>
      <c r="C87141" s="14" t="s">
        <v>109</v>
      </c>
      <c r="D87141" s="14" t="s">
        <v>437</v>
      </c>
      <c r="E87141" s="15">
        <v>45647</v>
      </c>
      <c r="F87141" s="14" t="s">
        <v>61</v>
      </c>
      <c r="G87141" s="16">
        <v>0</v>
      </c>
    </row>
    <row r="87142" spans="1:7" x14ac:dyDescent="0.3">
      <c r="A87142" s="13" t="s">
        <v>436</v>
      </c>
      <c r="B87142" s="14" t="s">
        <v>1</v>
      </c>
      <c r="C87142" s="14" t="s">
        <v>109</v>
      </c>
      <c r="D87142" s="14" t="s">
        <v>437</v>
      </c>
      <c r="E87142" s="15">
        <v>45648</v>
      </c>
      <c r="F87142" s="14" t="s">
        <v>61</v>
      </c>
      <c r="G87142" s="16">
        <v>0</v>
      </c>
    </row>
    <row r="87143" spans="1:7" x14ac:dyDescent="0.3">
      <c r="A87143" s="13" t="s">
        <v>436</v>
      </c>
      <c r="B87143" s="14" t="s">
        <v>1</v>
      </c>
      <c r="C87143" s="14" t="s">
        <v>109</v>
      </c>
      <c r="D87143" s="14" t="s">
        <v>437</v>
      </c>
      <c r="E87143" s="15">
        <v>45649</v>
      </c>
      <c r="F87143" s="14" t="s">
        <v>61</v>
      </c>
      <c r="G87143" s="16">
        <v>0</v>
      </c>
    </row>
    <row r="87144" spans="1:7" x14ac:dyDescent="0.3">
      <c r="A87144" s="13" t="s">
        <v>436</v>
      </c>
      <c r="B87144" s="14" t="s">
        <v>1</v>
      </c>
      <c r="C87144" s="14" t="s">
        <v>109</v>
      </c>
      <c r="D87144" s="14" t="s">
        <v>437</v>
      </c>
      <c r="E87144" s="15">
        <v>45650</v>
      </c>
      <c r="F87144" s="14" t="s">
        <v>61</v>
      </c>
      <c r="G87144" s="16">
        <v>0</v>
      </c>
    </row>
    <row r="87145" spans="1:7" x14ac:dyDescent="0.3">
      <c r="A87145" s="13" t="s">
        <v>436</v>
      </c>
      <c r="B87145" s="14" t="s">
        <v>1</v>
      </c>
      <c r="C87145" s="14" t="s">
        <v>109</v>
      </c>
      <c r="D87145" s="14" t="s">
        <v>437</v>
      </c>
      <c r="E87145" s="15">
        <v>45651</v>
      </c>
      <c r="F87145" s="14" t="s">
        <v>61</v>
      </c>
      <c r="G87145" s="16">
        <v>0</v>
      </c>
    </row>
    <row r="87146" spans="1:7" x14ac:dyDescent="0.3">
      <c r="A87146" s="13" t="s">
        <v>436</v>
      </c>
      <c r="B87146" s="14" t="s">
        <v>1</v>
      </c>
      <c r="C87146" s="14" t="s">
        <v>109</v>
      </c>
      <c r="D87146" s="14" t="s">
        <v>437</v>
      </c>
      <c r="E87146" s="15">
        <v>45652</v>
      </c>
      <c r="F87146" s="14" t="s">
        <v>61</v>
      </c>
      <c r="G87146" s="16">
        <v>0</v>
      </c>
    </row>
    <row r="87147" spans="1:7" x14ac:dyDescent="0.3">
      <c r="A87147" s="13" t="s">
        <v>436</v>
      </c>
      <c r="B87147" s="14" t="s">
        <v>1</v>
      </c>
      <c r="C87147" s="14" t="s">
        <v>109</v>
      </c>
      <c r="D87147" s="14" t="s">
        <v>437</v>
      </c>
      <c r="E87147" s="15">
        <v>45653</v>
      </c>
      <c r="F87147" s="14" t="s">
        <v>61</v>
      </c>
      <c r="G87147" s="16">
        <v>0</v>
      </c>
    </row>
    <row r="87148" spans="1:7" x14ac:dyDescent="0.3">
      <c r="A87148" s="13" t="s">
        <v>436</v>
      </c>
      <c r="B87148" s="14" t="s">
        <v>1</v>
      </c>
      <c r="C87148" s="14" t="s">
        <v>109</v>
      </c>
      <c r="D87148" s="14" t="s">
        <v>437</v>
      </c>
      <c r="E87148" s="15">
        <v>45654</v>
      </c>
      <c r="F87148" s="14" t="s">
        <v>61</v>
      </c>
      <c r="G87148" s="16">
        <v>0</v>
      </c>
    </row>
    <row r="87149" spans="1:7" x14ac:dyDescent="0.3">
      <c r="A87149" s="13" t="s">
        <v>436</v>
      </c>
      <c r="B87149" s="14" t="s">
        <v>1</v>
      </c>
      <c r="C87149" s="14" t="s">
        <v>109</v>
      </c>
      <c r="D87149" s="14" t="s">
        <v>437</v>
      </c>
      <c r="E87149" s="15">
        <v>45655</v>
      </c>
      <c r="F87149" s="14" t="s">
        <v>61</v>
      </c>
      <c r="G87149" s="16">
        <v>0</v>
      </c>
    </row>
    <row r="87150" spans="1:7" x14ac:dyDescent="0.3">
      <c r="A87150" s="13" t="s">
        <v>436</v>
      </c>
      <c r="B87150" s="14" t="s">
        <v>1</v>
      </c>
      <c r="C87150" s="14" t="s">
        <v>109</v>
      </c>
      <c r="D87150" s="14" t="s">
        <v>437</v>
      </c>
      <c r="E87150" s="15">
        <v>45656</v>
      </c>
      <c r="F87150" s="14" t="s">
        <v>61</v>
      </c>
      <c r="G87150" s="16">
        <v>0</v>
      </c>
    </row>
    <row r="87151" spans="1:7" x14ac:dyDescent="0.3">
      <c r="A87151" s="13" t="s">
        <v>436</v>
      </c>
      <c r="B87151" s="14" t="s">
        <v>1</v>
      </c>
      <c r="C87151" s="14" t="s">
        <v>109</v>
      </c>
      <c r="D87151" s="14" t="s">
        <v>437</v>
      </c>
      <c r="E87151" s="15">
        <v>45657</v>
      </c>
      <c r="F87151" s="14" t="s">
        <v>61</v>
      </c>
      <c r="G87151" s="16">
        <v>0</v>
      </c>
    </row>
    <row r="87152" spans="1:7" x14ac:dyDescent="0.3">
      <c r="A87152" s="13" t="s">
        <v>436</v>
      </c>
      <c r="B87152" s="14" t="s">
        <v>1</v>
      </c>
      <c r="C87152" s="14" t="s">
        <v>109</v>
      </c>
      <c r="D87152" s="14" t="s">
        <v>437</v>
      </c>
      <c r="E87152" s="15">
        <v>45658</v>
      </c>
      <c r="F87152" s="14" t="s">
        <v>61</v>
      </c>
      <c r="G87152" s="16">
        <v>0</v>
      </c>
    </row>
    <row r="87153" spans="1:7" x14ac:dyDescent="0.3">
      <c r="A87153" s="13" t="s">
        <v>436</v>
      </c>
      <c r="B87153" s="14" t="s">
        <v>1</v>
      </c>
      <c r="C87153" s="14" t="s">
        <v>109</v>
      </c>
      <c r="D87153" s="14" t="s">
        <v>437</v>
      </c>
      <c r="E87153" s="15">
        <v>45659</v>
      </c>
      <c r="F87153" s="14" t="s">
        <v>61</v>
      </c>
      <c r="G87153" s="16">
        <v>0</v>
      </c>
    </row>
    <row r="87154" spans="1:7" x14ac:dyDescent="0.3">
      <c r="A87154" s="13" t="s">
        <v>436</v>
      </c>
      <c r="B87154" s="14" t="s">
        <v>1</v>
      </c>
      <c r="C87154" s="14" t="s">
        <v>109</v>
      </c>
      <c r="D87154" s="14" t="s">
        <v>437</v>
      </c>
      <c r="E87154" s="15">
        <v>45660</v>
      </c>
      <c r="F87154" s="14" t="s">
        <v>61</v>
      </c>
      <c r="G87154" s="16">
        <v>0</v>
      </c>
    </row>
    <row r="87155" spans="1:7" x14ac:dyDescent="0.3">
      <c r="A87155" s="13" t="s">
        <v>436</v>
      </c>
      <c r="B87155" s="14" t="s">
        <v>1</v>
      </c>
      <c r="C87155" s="14" t="s">
        <v>109</v>
      </c>
      <c r="D87155" s="14" t="s">
        <v>437</v>
      </c>
      <c r="E87155" s="15">
        <v>45661</v>
      </c>
      <c r="F87155" s="14" t="s">
        <v>61</v>
      </c>
      <c r="G87155" s="16">
        <v>0</v>
      </c>
    </row>
    <row r="87156" spans="1:7" x14ac:dyDescent="0.3">
      <c r="A87156" s="13" t="s">
        <v>436</v>
      </c>
      <c r="B87156" s="14" t="s">
        <v>1</v>
      </c>
      <c r="C87156" s="14" t="s">
        <v>109</v>
      </c>
      <c r="D87156" s="14" t="s">
        <v>437</v>
      </c>
      <c r="E87156" s="15">
        <v>45662</v>
      </c>
      <c r="F87156" s="14" t="s">
        <v>61</v>
      </c>
      <c r="G87156" s="16">
        <v>0</v>
      </c>
    </row>
    <row r="87157" spans="1:7" x14ac:dyDescent="0.3">
      <c r="A87157" s="13" t="s">
        <v>436</v>
      </c>
      <c r="B87157" s="14" t="s">
        <v>1</v>
      </c>
      <c r="C87157" s="14" t="s">
        <v>109</v>
      </c>
      <c r="D87157" s="14" t="s">
        <v>437</v>
      </c>
      <c r="E87157" s="15">
        <v>45663</v>
      </c>
      <c r="F87157" s="14" t="s">
        <v>61</v>
      </c>
      <c r="G87157" s="16">
        <v>0</v>
      </c>
    </row>
    <row r="87158" spans="1:7" x14ac:dyDescent="0.3">
      <c r="A87158" s="13" t="s">
        <v>436</v>
      </c>
      <c r="B87158" s="14" t="s">
        <v>1</v>
      </c>
      <c r="C87158" s="14" t="s">
        <v>109</v>
      </c>
      <c r="D87158" s="14" t="s">
        <v>437</v>
      </c>
      <c r="E87158" s="15">
        <v>45664</v>
      </c>
      <c r="F87158" s="14" t="s">
        <v>61</v>
      </c>
      <c r="G87158" s="16">
        <v>0</v>
      </c>
    </row>
    <row r="87159" spans="1:7" x14ac:dyDescent="0.3">
      <c r="A87159" s="13" t="s">
        <v>436</v>
      </c>
      <c r="B87159" s="14" t="s">
        <v>1</v>
      </c>
      <c r="C87159" s="14" t="s">
        <v>109</v>
      </c>
      <c r="D87159" s="14" t="s">
        <v>437</v>
      </c>
      <c r="E87159" s="15">
        <v>45665</v>
      </c>
      <c r="F87159" s="14" t="s">
        <v>61</v>
      </c>
      <c r="G87159" s="16">
        <v>0</v>
      </c>
    </row>
    <row r="87160" spans="1:7" x14ac:dyDescent="0.3">
      <c r="A87160" s="13" t="s">
        <v>436</v>
      </c>
      <c r="B87160" s="14" t="s">
        <v>1</v>
      </c>
      <c r="C87160" s="14" t="s">
        <v>109</v>
      </c>
      <c r="D87160" s="14" t="s">
        <v>437</v>
      </c>
      <c r="E87160" s="15">
        <v>45666</v>
      </c>
      <c r="F87160" s="14" t="s">
        <v>61</v>
      </c>
      <c r="G87160" s="16">
        <v>0</v>
      </c>
    </row>
    <row r="87161" spans="1:7" x14ac:dyDescent="0.3">
      <c r="A87161" s="13" t="s">
        <v>436</v>
      </c>
      <c r="B87161" s="14" t="s">
        <v>1</v>
      </c>
      <c r="C87161" s="14" t="s">
        <v>109</v>
      </c>
      <c r="D87161" s="14" t="s">
        <v>437</v>
      </c>
      <c r="E87161" s="15">
        <v>45667</v>
      </c>
      <c r="F87161" s="14" t="s">
        <v>61</v>
      </c>
      <c r="G87161" s="16">
        <v>0</v>
      </c>
    </row>
    <row r="87162" spans="1:7" x14ac:dyDescent="0.3">
      <c r="A87162" s="13" t="s">
        <v>436</v>
      </c>
      <c r="B87162" s="14" t="s">
        <v>1</v>
      </c>
      <c r="C87162" s="14" t="s">
        <v>109</v>
      </c>
      <c r="D87162" s="14" t="s">
        <v>437</v>
      </c>
      <c r="E87162" s="15">
        <v>45668</v>
      </c>
      <c r="F87162" s="14" t="s">
        <v>61</v>
      </c>
      <c r="G87162" s="16">
        <v>0</v>
      </c>
    </row>
    <row r="87163" spans="1:7" x14ac:dyDescent="0.3">
      <c r="A87163" s="13" t="s">
        <v>436</v>
      </c>
      <c r="B87163" s="14" t="s">
        <v>1</v>
      </c>
      <c r="C87163" s="14" t="s">
        <v>109</v>
      </c>
      <c r="D87163" s="14" t="s">
        <v>437</v>
      </c>
      <c r="E87163" s="15">
        <v>45669</v>
      </c>
      <c r="F87163" s="14" t="s">
        <v>61</v>
      </c>
      <c r="G87163" s="16">
        <v>0</v>
      </c>
    </row>
    <row r="87164" spans="1:7" x14ac:dyDescent="0.3">
      <c r="A87164" s="13" t="s">
        <v>436</v>
      </c>
      <c r="B87164" s="14" t="s">
        <v>1</v>
      </c>
      <c r="C87164" s="14" t="s">
        <v>109</v>
      </c>
      <c r="D87164" s="14" t="s">
        <v>437</v>
      </c>
      <c r="E87164" s="15">
        <v>45670</v>
      </c>
      <c r="F87164" s="14" t="s">
        <v>61</v>
      </c>
      <c r="G87164" s="16">
        <v>0</v>
      </c>
    </row>
    <row r="87165" spans="1:7" x14ac:dyDescent="0.3">
      <c r="A87165" s="13" t="s">
        <v>436</v>
      </c>
      <c r="B87165" s="14" t="s">
        <v>1</v>
      </c>
      <c r="C87165" s="14" t="s">
        <v>109</v>
      </c>
      <c r="D87165" s="14" t="s">
        <v>437</v>
      </c>
      <c r="E87165" s="15">
        <v>45671</v>
      </c>
      <c r="F87165" s="14" t="s">
        <v>61</v>
      </c>
      <c r="G87165" s="16">
        <v>0</v>
      </c>
    </row>
    <row r="87166" spans="1:7" x14ac:dyDescent="0.3">
      <c r="A87166" s="13" t="s">
        <v>436</v>
      </c>
      <c r="B87166" s="14" t="s">
        <v>1</v>
      </c>
      <c r="C87166" s="14" t="s">
        <v>109</v>
      </c>
      <c r="D87166" s="14" t="s">
        <v>437</v>
      </c>
      <c r="E87166" s="15">
        <v>45672</v>
      </c>
      <c r="F87166" s="14" t="s">
        <v>61</v>
      </c>
      <c r="G87166" s="16">
        <v>0</v>
      </c>
    </row>
    <row r="87167" spans="1:7" x14ac:dyDescent="0.3">
      <c r="A87167" s="13" t="s">
        <v>436</v>
      </c>
      <c r="B87167" s="14" t="s">
        <v>1</v>
      </c>
      <c r="C87167" s="14" t="s">
        <v>109</v>
      </c>
      <c r="D87167" s="14" t="s">
        <v>437</v>
      </c>
      <c r="E87167" s="15">
        <v>45673</v>
      </c>
      <c r="F87167" s="14" t="s">
        <v>61</v>
      </c>
      <c r="G87167" s="16">
        <v>0</v>
      </c>
    </row>
    <row r="87168" spans="1:7" x14ac:dyDescent="0.3">
      <c r="A87168" s="13" t="s">
        <v>436</v>
      </c>
      <c r="B87168" s="14" t="s">
        <v>1</v>
      </c>
      <c r="C87168" s="14" t="s">
        <v>109</v>
      </c>
      <c r="D87168" s="14" t="s">
        <v>437</v>
      </c>
      <c r="E87168" s="15">
        <v>45674</v>
      </c>
      <c r="F87168" s="14" t="s">
        <v>61</v>
      </c>
      <c r="G87168" s="16">
        <v>0</v>
      </c>
    </row>
    <row r="87169" spans="1:7" x14ac:dyDescent="0.3">
      <c r="A87169" s="13" t="s">
        <v>436</v>
      </c>
      <c r="B87169" s="14" t="s">
        <v>1</v>
      </c>
      <c r="C87169" s="14" t="s">
        <v>109</v>
      </c>
      <c r="D87169" s="14" t="s">
        <v>437</v>
      </c>
      <c r="E87169" s="15">
        <v>45675</v>
      </c>
      <c r="F87169" s="14" t="s">
        <v>61</v>
      </c>
      <c r="G87169" s="16">
        <v>0</v>
      </c>
    </row>
    <row r="87170" spans="1:7" x14ac:dyDescent="0.3">
      <c r="A87170" s="13" t="s">
        <v>436</v>
      </c>
      <c r="B87170" s="14" t="s">
        <v>1</v>
      </c>
      <c r="C87170" s="14" t="s">
        <v>109</v>
      </c>
      <c r="D87170" s="14" t="s">
        <v>437</v>
      </c>
      <c r="E87170" s="15">
        <v>45676</v>
      </c>
      <c r="F87170" s="14" t="s">
        <v>61</v>
      </c>
      <c r="G87170" s="16">
        <v>0</v>
      </c>
    </row>
    <row r="87171" spans="1:7" x14ac:dyDescent="0.3">
      <c r="A87171" s="13" t="s">
        <v>436</v>
      </c>
      <c r="B87171" s="14" t="s">
        <v>1</v>
      </c>
      <c r="C87171" s="14" t="s">
        <v>109</v>
      </c>
      <c r="D87171" s="14" t="s">
        <v>437</v>
      </c>
      <c r="E87171" s="15">
        <v>45677</v>
      </c>
      <c r="F87171" s="14" t="s">
        <v>61</v>
      </c>
      <c r="G87171" s="16">
        <v>0</v>
      </c>
    </row>
    <row r="87172" spans="1:7" x14ac:dyDescent="0.3">
      <c r="A87172" s="13" t="s">
        <v>436</v>
      </c>
      <c r="B87172" s="14" t="s">
        <v>1</v>
      </c>
      <c r="C87172" s="14" t="s">
        <v>109</v>
      </c>
      <c r="D87172" s="14" t="s">
        <v>437</v>
      </c>
      <c r="E87172" s="15">
        <v>45678</v>
      </c>
      <c r="F87172" s="14" t="s">
        <v>61</v>
      </c>
      <c r="G87172" s="16">
        <v>0</v>
      </c>
    </row>
    <row r="87173" spans="1:7" x14ac:dyDescent="0.3">
      <c r="A87173" s="13" t="s">
        <v>436</v>
      </c>
      <c r="B87173" s="14" t="s">
        <v>1</v>
      </c>
      <c r="C87173" s="14" t="s">
        <v>109</v>
      </c>
      <c r="D87173" s="14" t="s">
        <v>437</v>
      </c>
      <c r="E87173" s="15">
        <v>45679</v>
      </c>
      <c r="F87173" s="14" t="s">
        <v>61</v>
      </c>
      <c r="G87173" s="16">
        <v>0</v>
      </c>
    </row>
    <row r="87174" spans="1:7" x14ac:dyDescent="0.3">
      <c r="A87174" s="13" t="s">
        <v>436</v>
      </c>
      <c r="B87174" s="14" t="s">
        <v>1</v>
      </c>
      <c r="C87174" s="14" t="s">
        <v>109</v>
      </c>
      <c r="D87174" s="14" t="s">
        <v>437</v>
      </c>
      <c r="E87174" s="15">
        <v>45680</v>
      </c>
      <c r="F87174" s="14" t="s">
        <v>61</v>
      </c>
      <c r="G87174" s="16">
        <v>0</v>
      </c>
    </row>
    <row r="87175" spans="1:7" x14ac:dyDescent="0.3">
      <c r="A87175" s="13" t="s">
        <v>436</v>
      </c>
      <c r="B87175" s="14" t="s">
        <v>1</v>
      </c>
      <c r="C87175" s="14" t="s">
        <v>109</v>
      </c>
      <c r="D87175" s="14" t="s">
        <v>437</v>
      </c>
      <c r="E87175" s="15">
        <v>45681</v>
      </c>
      <c r="F87175" s="14" t="s">
        <v>61</v>
      </c>
      <c r="G87175" s="16">
        <v>0</v>
      </c>
    </row>
    <row r="87176" spans="1:7" x14ac:dyDescent="0.3">
      <c r="A87176" s="13" t="s">
        <v>436</v>
      </c>
      <c r="B87176" s="14" t="s">
        <v>1</v>
      </c>
      <c r="C87176" s="14" t="s">
        <v>109</v>
      </c>
      <c r="D87176" s="14" t="s">
        <v>437</v>
      </c>
      <c r="E87176" s="15">
        <v>45682</v>
      </c>
      <c r="F87176" s="14" t="s">
        <v>61</v>
      </c>
      <c r="G87176" s="16">
        <v>0</v>
      </c>
    </row>
    <row r="87177" spans="1:7" x14ac:dyDescent="0.3">
      <c r="A87177" s="13" t="s">
        <v>436</v>
      </c>
      <c r="B87177" s="14" t="s">
        <v>1</v>
      </c>
      <c r="C87177" s="14" t="s">
        <v>109</v>
      </c>
      <c r="D87177" s="14" t="s">
        <v>437</v>
      </c>
      <c r="E87177" s="15">
        <v>45683</v>
      </c>
      <c r="F87177" s="14" t="s">
        <v>61</v>
      </c>
      <c r="G87177" s="16">
        <v>0</v>
      </c>
    </row>
    <row r="87178" spans="1:7" x14ac:dyDescent="0.3">
      <c r="A87178" s="13" t="s">
        <v>436</v>
      </c>
      <c r="B87178" s="14" t="s">
        <v>1</v>
      </c>
      <c r="C87178" s="14" t="s">
        <v>109</v>
      </c>
      <c r="D87178" s="14" t="s">
        <v>437</v>
      </c>
      <c r="E87178" s="15">
        <v>45684</v>
      </c>
      <c r="F87178" s="14" t="s">
        <v>61</v>
      </c>
      <c r="G87178" s="16">
        <v>0</v>
      </c>
    </row>
    <row r="87179" spans="1:7" x14ac:dyDescent="0.3">
      <c r="A87179" s="13" t="s">
        <v>436</v>
      </c>
      <c r="B87179" s="14" t="s">
        <v>1</v>
      </c>
      <c r="C87179" s="14" t="s">
        <v>109</v>
      </c>
      <c r="D87179" s="14" t="s">
        <v>437</v>
      </c>
      <c r="E87179" s="15">
        <v>45685</v>
      </c>
      <c r="F87179" s="14" t="s">
        <v>61</v>
      </c>
      <c r="G87179" s="16">
        <v>0</v>
      </c>
    </row>
    <row r="87180" spans="1:7" x14ac:dyDescent="0.3">
      <c r="A87180" s="13" t="s">
        <v>436</v>
      </c>
      <c r="B87180" s="14" t="s">
        <v>1</v>
      </c>
      <c r="C87180" s="14" t="s">
        <v>109</v>
      </c>
      <c r="D87180" s="14" t="s">
        <v>437</v>
      </c>
      <c r="E87180" s="15">
        <v>45686</v>
      </c>
      <c r="F87180" s="14" t="s">
        <v>61</v>
      </c>
      <c r="G87180" s="16">
        <v>0</v>
      </c>
    </row>
    <row r="87181" spans="1:7" x14ac:dyDescent="0.3">
      <c r="A87181" s="13" t="s">
        <v>436</v>
      </c>
      <c r="B87181" s="14" t="s">
        <v>1</v>
      </c>
      <c r="C87181" s="14" t="s">
        <v>109</v>
      </c>
      <c r="D87181" s="14" t="s">
        <v>437</v>
      </c>
      <c r="E87181" s="15">
        <v>45687</v>
      </c>
      <c r="F87181" s="14" t="s">
        <v>61</v>
      </c>
      <c r="G87181" s="16">
        <v>0</v>
      </c>
    </row>
    <row r="87182" spans="1:7" x14ac:dyDescent="0.3">
      <c r="A87182" s="13" t="s">
        <v>436</v>
      </c>
      <c r="B87182" s="14" t="s">
        <v>1</v>
      </c>
      <c r="C87182" s="14" t="s">
        <v>109</v>
      </c>
      <c r="D87182" s="14" t="s">
        <v>437</v>
      </c>
      <c r="E87182" s="15">
        <v>45688</v>
      </c>
      <c r="F87182" s="14" t="s">
        <v>61</v>
      </c>
      <c r="G87182" s="16">
        <v>0</v>
      </c>
    </row>
    <row r="87183" spans="1:7" x14ac:dyDescent="0.3">
      <c r="A87183" s="13" t="s">
        <v>436</v>
      </c>
      <c r="B87183" s="14" t="s">
        <v>1</v>
      </c>
      <c r="C87183" s="14" t="s">
        <v>109</v>
      </c>
      <c r="D87183" s="14" t="s">
        <v>437</v>
      </c>
      <c r="E87183" s="15">
        <v>45689</v>
      </c>
      <c r="F87183" s="14" t="s">
        <v>61</v>
      </c>
      <c r="G87183" s="16">
        <v>0</v>
      </c>
    </row>
    <row r="87184" spans="1:7" x14ac:dyDescent="0.3">
      <c r="A87184" s="13" t="s">
        <v>436</v>
      </c>
      <c r="B87184" s="14" t="s">
        <v>1</v>
      </c>
      <c r="C87184" s="14" t="s">
        <v>109</v>
      </c>
      <c r="D87184" s="14" t="s">
        <v>437</v>
      </c>
      <c r="E87184" s="15">
        <v>45690</v>
      </c>
      <c r="F87184" s="14" t="s">
        <v>61</v>
      </c>
      <c r="G87184" s="16">
        <v>0</v>
      </c>
    </row>
    <row r="87185" spans="1:7" x14ac:dyDescent="0.3">
      <c r="A87185" s="13" t="s">
        <v>436</v>
      </c>
      <c r="B87185" s="14" t="s">
        <v>1</v>
      </c>
      <c r="C87185" s="14" t="s">
        <v>109</v>
      </c>
      <c r="D87185" s="14" t="s">
        <v>437</v>
      </c>
      <c r="E87185" s="15">
        <v>45691</v>
      </c>
      <c r="F87185" s="14" t="s">
        <v>61</v>
      </c>
      <c r="G87185" s="16">
        <v>0</v>
      </c>
    </row>
    <row r="87186" spans="1:7" x14ac:dyDescent="0.3">
      <c r="A87186" s="13" t="s">
        <v>436</v>
      </c>
      <c r="B87186" s="14" t="s">
        <v>1</v>
      </c>
      <c r="C87186" s="14" t="s">
        <v>109</v>
      </c>
      <c r="D87186" s="14" t="s">
        <v>437</v>
      </c>
      <c r="E87186" s="15">
        <v>45692</v>
      </c>
      <c r="F87186" s="14" t="s">
        <v>61</v>
      </c>
      <c r="G87186" s="16">
        <v>0</v>
      </c>
    </row>
    <row r="87187" spans="1:7" x14ac:dyDescent="0.3">
      <c r="A87187" s="13" t="s">
        <v>436</v>
      </c>
      <c r="B87187" s="14" t="s">
        <v>1</v>
      </c>
      <c r="C87187" s="14" t="s">
        <v>109</v>
      </c>
      <c r="D87187" s="14" t="s">
        <v>437</v>
      </c>
      <c r="E87187" s="15">
        <v>45693</v>
      </c>
      <c r="F87187" s="14" t="s">
        <v>61</v>
      </c>
      <c r="G87187" s="16">
        <v>0</v>
      </c>
    </row>
    <row r="87188" spans="1:7" x14ac:dyDescent="0.3">
      <c r="A87188" s="13" t="s">
        <v>436</v>
      </c>
      <c r="B87188" s="14" t="s">
        <v>1</v>
      </c>
      <c r="C87188" s="14" t="s">
        <v>109</v>
      </c>
      <c r="D87188" s="14" t="s">
        <v>437</v>
      </c>
      <c r="E87188" s="15">
        <v>45694</v>
      </c>
      <c r="F87188" s="14" t="s">
        <v>61</v>
      </c>
      <c r="G87188" s="16">
        <v>0</v>
      </c>
    </row>
    <row r="87189" spans="1:7" x14ac:dyDescent="0.3">
      <c r="A87189" s="13" t="s">
        <v>436</v>
      </c>
      <c r="B87189" s="14" t="s">
        <v>1</v>
      </c>
      <c r="C87189" s="14" t="s">
        <v>109</v>
      </c>
      <c r="D87189" s="14" t="s">
        <v>437</v>
      </c>
      <c r="E87189" s="15">
        <v>45695</v>
      </c>
      <c r="F87189" s="14" t="s">
        <v>61</v>
      </c>
      <c r="G87189" s="16">
        <v>0</v>
      </c>
    </row>
    <row r="87190" spans="1:7" x14ac:dyDescent="0.3">
      <c r="A87190" s="13" t="s">
        <v>436</v>
      </c>
      <c r="B87190" s="14" t="s">
        <v>1</v>
      </c>
      <c r="C87190" s="14" t="s">
        <v>109</v>
      </c>
      <c r="D87190" s="14" t="s">
        <v>437</v>
      </c>
      <c r="E87190" s="15">
        <v>45696</v>
      </c>
      <c r="F87190" s="14" t="s">
        <v>61</v>
      </c>
      <c r="G87190" s="16">
        <v>0</v>
      </c>
    </row>
    <row r="87191" spans="1:7" x14ac:dyDescent="0.3">
      <c r="A87191" s="13" t="s">
        <v>436</v>
      </c>
      <c r="B87191" s="14" t="s">
        <v>1</v>
      </c>
      <c r="C87191" s="14" t="s">
        <v>109</v>
      </c>
      <c r="D87191" s="14" t="s">
        <v>437</v>
      </c>
      <c r="E87191" s="15">
        <v>45697</v>
      </c>
      <c r="F87191" s="14" t="s">
        <v>61</v>
      </c>
      <c r="G87191" s="16">
        <v>0</v>
      </c>
    </row>
    <row r="87192" spans="1:7" x14ac:dyDescent="0.3">
      <c r="A87192" s="13" t="s">
        <v>436</v>
      </c>
      <c r="B87192" s="14" t="s">
        <v>1</v>
      </c>
      <c r="C87192" s="14" t="s">
        <v>109</v>
      </c>
      <c r="D87192" s="14" t="s">
        <v>437</v>
      </c>
      <c r="E87192" s="15">
        <v>45698</v>
      </c>
      <c r="F87192" s="14" t="s">
        <v>61</v>
      </c>
      <c r="G87192" s="16">
        <v>0</v>
      </c>
    </row>
    <row r="87193" spans="1:7" x14ac:dyDescent="0.3">
      <c r="A87193" s="13" t="s">
        <v>436</v>
      </c>
      <c r="B87193" s="14" t="s">
        <v>1</v>
      </c>
      <c r="C87193" s="14" t="s">
        <v>109</v>
      </c>
      <c r="D87193" s="14" t="s">
        <v>437</v>
      </c>
      <c r="E87193" s="15">
        <v>45699</v>
      </c>
      <c r="F87193" s="14" t="s">
        <v>61</v>
      </c>
      <c r="G87193" s="16">
        <v>0</v>
      </c>
    </row>
    <row r="87194" spans="1:7" x14ac:dyDescent="0.3">
      <c r="A87194" s="13" t="s">
        <v>436</v>
      </c>
      <c r="B87194" s="14" t="s">
        <v>1</v>
      </c>
      <c r="C87194" s="14" t="s">
        <v>109</v>
      </c>
      <c r="D87194" s="14" t="s">
        <v>437</v>
      </c>
      <c r="E87194" s="15">
        <v>45700</v>
      </c>
      <c r="F87194" s="14" t="s">
        <v>61</v>
      </c>
      <c r="G87194" s="16">
        <v>0</v>
      </c>
    </row>
    <row r="87195" spans="1:7" x14ac:dyDescent="0.3">
      <c r="A87195" s="13" t="s">
        <v>436</v>
      </c>
      <c r="B87195" s="14" t="s">
        <v>1</v>
      </c>
      <c r="C87195" s="14" t="s">
        <v>109</v>
      </c>
      <c r="D87195" s="14" t="s">
        <v>437</v>
      </c>
      <c r="E87195" s="15">
        <v>45701</v>
      </c>
      <c r="F87195" s="14" t="s">
        <v>61</v>
      </c>
      <c r="G87195" s="16">
        <v>0</v>
      </c>
    </row>
    <row r="87196" spans="1:7" x14ac:dyDescent="0.3">
      <c r="A87196" s="13" t="s">
        <v>436</v>
      </c>
      <c r="B87196" s="14" t="s">
        <v>1</v>
      </c>
      <c r="C87196" s="14" t="s">
        <v>109</v>
      </c>
      <c r="D87196" s="14" t="s">
        <v>437</v>
      </c>
      <c r="E87196" s="15">
        <v>45702</v>
      </c>
      <c r="F87196" s="14" t="s">
        <v>61</v>
      </c>
      <c r="G87196" s="16">
        <v>0</v>
      </c>
    </row>
    <row r="87197" spans="1:7" x14ac:dyDescent="0.3">
      <c r="A87197" s="13" t="s">
        <v>436</v>
      </c>
      <c r="B87197" s="14" t="s">
        <v>1</v>
      </c>
      <c r="C87197" s="14" t="s">
        <v>109</v>
      </c>
      <c r="D87197" s="14" t="s">
        <v>437</v>
      </c>
      <c r="E87197" s="15">
        <v>45703</v>
      </c>
      <c r="F87197" s="14" t="s">
        <v>61</v>
      </c>
      <c r="G87197" s="16">
        <v>0</v>
      </c>
    </row>
    <row r="87198" spans="1:7" x14ac:dyDescent="0.3">
      <c r="A87198" s="13" t="s">
        <v>436</v>
      </c>
      <c r="B87198" s="14" t="s">
        <v>1</v>
      </c>
      <c r="C87198" s="14" t="s">
        <v>109</v>
      </c>
      <c r="D87198" s="14" t="s">
        <v>437</v>
      </c>
      <c r="E87198" s="15">
        <v>45704</v>
      </c>
      <c r="F87198" s="14" t="s">
        <v>61</v>
      </c>
      <c r="G87198" s="16">
        <v>0</v>
      </c>
    </row>
    <row r="87199" spans="1:7" x14ac:dyDescent="0.3">
      <c r="A87199" s="13" t="s">
        <v>436</v>
      </c>
      <c r="B87199" s="14" t="s">
        <v>1</v>
      </c>
      <c r="C87199" s="14" t="s">
        <v>109</v>
      </c>
      <c r="D87199" s="14" t="s">
        <v>437</v>
      </c>
      <c r="E87199" s="15">
        <v>45705</v>
      </c>
      <c r="F87199" s="14" t="s">
        <v>61</v>
      </c>
      <c r="G87199" s="16">
        <v>0</v>
      </c>
    </row>
    <row r="87200" spans="1:7" x14ac:dyDescent="0.3">
      <c r="A87200" s="13" t="s">
        <v>436</v>
      </c>
      <c r="B87200" s="14" t="s">
        <v>1</v>
      </c>
      <c r="C87200" s="14" t="s">
        <v>109</v>
      </c>
      <c r="D87200" s="14" t="s">
        <v>437</v>
      </c>
      <c r="E87200" s="15">
        <v>45706</v>
      </c>
      <c r="F87200" s="14" t="s">
        <v>61</v>
      </c>
      <c r="G87200" s="16">
        <v>0</v>
      </c>
    </row>
    <row r="87201" spans="1:7" x14ac:dyDescent="0.3">
      <c r="A87201" s="13" t="s">
        <v>436</v>
      </c>
      <c r="B87201" s="14" t="s">
        <v>1</v>
      </c>
      <c r="C87201" s="14" t="s">
        <v>109</v>
      </c>
      <c r="D87201" s="14" t="s">
        <v>437</v>
      </c>
      <c r="E87201" s="15">
        <v>45707</v>
      </c>
      <c r="F87201" s="14" t="s">
        <v>61</v>
      </c>
      <c r="G87201" s="16">
        <v>0</v>
      </c>
    </row>
    <row r="87202" spans="1:7" x14ac:dyDescent="0.3">
      <c r="A87202" s="13" t="s">
        <v>436</v>
      </c>
      <c r="B87202" s="14" t="s">
        <v>1</v>
      </c>
      <c r="C87202" s="14" t="s">
        <v>109</v>
      </c>
      <c r="D87202" s="14" t="s">
        <v>437</v>
      </c>
      <c r="E87202" s="15">
        <v>45708</v>
      </c>
      <c r="F87202" s="14" t="s">
        <v>61</v>
      </c>
      <c r="G87202" s="16">
        <v>0</v>
      </c>
    </row>
    <row r="87203" spans="1:7" x14ac:dyDescent="0.3">
      <c r="A87203" s="13" t="s">
        <v>436</v>
      </c>
      <c r="B87203" s="14" t="s">
        <v>1</v>
      </c>
      <c r="C87203" s="14" t="s">
        <v>109</v>
      </c>
      <c r="D87203" s="14" t="s">
        <v>437</v>
      </c>
      <c r="E87203" s="15">
        <v>45709</v>
      </c>
      <c r="F87203" s="14" t="s">
        <v>61</v>
      </c>
      <c r="G87203" s="16">
        <v>0</v>
      </c>
    </row>
    <row r="87204" spans="1:7" x14ac:dyDescent="0.3">
      <c r="A87204" s="13" t="s">
        <v>436</v>
      </c>
      <c r="B87204" s="14" t="s">
        <v>1</v>
      </c>
      <c r="C87204" s="14" t="s">
        <v>109</v>
      </c>
      <c r="D87204" s="14" t="s">
        <v>437</v>
      </c>
      <c r="E87204" s="15">
        <v>45710</v>
      </c>
      <c r="F87204" s="14" t="s">
        <v>61</v>
      </c>
      <c r="G87204" s="16">
        <v>0</v>
      </c>
    </row>
    <row r="87205" spans="1:7" x14ac:dyDescent="0.3">
      <c r="A87205" s="13" t="s">
        <v>436</v>
      </c>
      <c r="B87205" s="14" t="s">
        <v>1</v>
      </c>
      <c r="C87205" s="14" t="s">
        <v>109</v>
      </c>
      <c r="D87205" s="14" t="s">
        <v>437</v>
      </c>
      <c r="E87205" s="15">
        <v>45711</v>
      </c>
      <c r="F87205" s="14" t="s">
        <v>61</v>
      </c>
      <c r="G87205" s="16">
        <v>0</v>
      </c>
    </row>
    <row r="87206" spans="1:7" x14ac:dyDescent="0.3">
      <c r="A87206" s="13" t="s">
        <v>436</v>
      </c>
      <c r="B87206" s="14" t="s">
        <v>1</v>
      </c>
      <c r="C87206" s="14" t="s">
        <v>109</v>
      </c>
      <c r="D87206" s="14" t="s">
        <v>437</v>
      </c>
      <c r="E87206" s="15">
        <v>45712</v>
      </c>
      <c r="F87206" s="14" t="s">
        <v>61</v>
      </c>
      <c r="G87206" s="16">
        <v>0</v>
      </c>
    </row>
    <row r="87207" spans="1:7" x14ac:dyDescent="0.3">
      <c r="A87207" s="13" t="s">
        <v>436</v>
      </c>
      <c r="B87207" s="14" t="s">
        <v>1</v>
      </c>
      <c r="C87207" s="14" t="s">
        <v>109</v>
      </c>
      <c r="D87207" s="14" t="s">
        <v>437</v>
      </c>
      <c r="E87207" s="15">
        <v>45713</v>
      </c>
      <c r="F87207" s="14" t="s">
        <v>61</v>
      </c>
      <c r="G87207" s="16">
        <v>0</v>
      </c>
    </row>
    <row r="87208" spans="1:7" x14ac:dyDescent="0.3">
      <c r="A87208" s="13" t="s">
        <v>436</v>
      </c>
      <c r="B87208" s="14" t="s">
        <v>1</v>
      </c>
      <c r="C87208" s="14" t="s">
        <v>109</v>
      </c>
      <c r="D87208" s="14" t="s">
        <v>437</v>
      </c>
      <c r="E87208" s="15">
        <v>45714</v>
      </c>
      <c r="F87208" s="14" t="s">
        <v>61</v>
      </c>
      <c r="G87208" s="16">
        <v>0</v>
      </c>
    </row>
    <row r="87209" spans="1:7" x14ac:dyDescent="0.3">
      <c r="A87209" s="13" t="s">
        <v>436</v>
      </c>
      <c r="B87209" s="14" t="s">
        <v>1</v>
      </c>
      <c r="C87209" s="14" t="s">
        <v>109</v>
      </c>
      <c r="D87209" s="14" t="s">
        <v>437</v>
      </c>
      <c r="E87209" s="15">
        <v>45715</v>
      </c>
      <c r="F87209" s="14" t="s">
        <v>61</v>
      </c>
      <c r="G87209" s="16">
        <v>0</v>
      </c>
    </row>
    <row r="87210" spans="1:7" x14ac:dyDescent="0.3">
      <c r="A87210" s="13" t="s">
        <v>436</v>
      </c>
      <c r="B87210" s="14" t="s">
        <v>1</v>
      </c>
      <c r="C87210" s="14" t="s">
        <v>109</v>
      </c>
      <c r="D87210" s="14" t="s">
        <v>437</v>
      </c>
      <c r="E87210" s="15">
        <v>45716</v>
      </c>
      <c r="F87210" s="14" t="s">
        <v>61</v>
      </c>
      <c r="G87210" s="16">
        <v>0</v>
      </c>
    </row>
    <row r="87211" spans="1:7" x14ac:dyDescent="0.3">
      <c r="A87211" s="13" t="s">
        <v>436</v>
      </c>
      <c r="B87211" s="14" t="s">
        <v>1</v>
      </c>
      <c r="C87211" s="14" t="s">
        <v>109</v>
      </c>
      <c r="D87211" s="14" t="s">
        <v>437</v>
      </c>
      <c r="E87211" s="15">
        <v>45717</v>
      </c>
      <c r="F87211" s="14" t="s">
        <v>61</v>
      </c>
      <c r="G87211" s="16">
        <v>0</v>
      </c>
    </row>
    <row r="87212" spans="1:7" x14ac:dyDescent="0.3">
      <c r="A87212" s="13" t="s">
        <v>436</v>
      </c>
      <c r="B87212" s="14" t="s">
        <v>1</v>
      </c>
      <c r="C87212" s="14" t="s">
        <v>109</v>
      </c>
      <c r="D87212" s="14" t="s">
        <v>437</v>
      </c>
      <c r="E87212" s="15">
        <v>45718</v>
      </c>
      <c r="F87212" s="14" t="s">
        <v>61</v>
      </c>
      <c r="G87212" s="16">
        <v>0</v>
      </c>
    </row>
    <row r="87213" spans="1:7" x14ac:dyDescent="0.3">
      <c r="A87213" s="13" t="s">
        <v>436</v>
      </c>
      <c r="B87213" s="14" t="s">
        <v>1</v>
      </c>
      <c r="C87213" s="14" t="s">
        <v>109</v>
      </c>
      <c r="D87213" s="14" t="s">
        <v>437</v>
      </c>
      <c r="E87213" s="15">
        <v>45719</v>
      </c>
      <c r="F87213" s="14" t="s">
        <v>61</v>
      </c>
      <c r="G87213" s="16">
        <v>0</v>
      </c>
    </row>
    <row r="87214" spans="1:7" x14ac:dyDescent="0.3">
      <c r="A87214" s="13" t="s">
        <v>436</v>
      </c>
      <c r="B87214" s="14" t="s">
        <v>1</v>
      </c>
      <c r="C87214" s="14" t="s">
        <v>109</v>
      </c>
      <c r="D87214" s="14" t="s">
        <v>437</v>
      </c>
      <c r="E87214" s="15">
        <v>45720</v>
      </c>
      <c r="F87214" s="14" t="s">
        <v>61</v>
      </c>
      <c r="G87214" s="16">
        <v>0</v>
      </c>
    </row>
    <row r="87215" spans="1:7" x14ac:dyDescent="0.3">
      <c r="A87215" s="13" t="s">
        <v>436</v>
      </c>
      <c r="B87215" s="14" t="s">
        <v>1</v>
      </c>
      <c r="C87215" s="14" t="s">
        <v>109</v>
      </c>
      <c r="D87215" s="14" t="s">
        <v>437</v>
      </c>
      <c r="E87215" s="15">
        <v>45721</v>
      </c>
      <c r="F87215" s="14" t="s">
        <v>61</v>
      </c>
      <c r="G87215" s="16">
        <v>0</v>
      </c>
    </row>
    <row r="87216" spans="1:7" x14ac:dyDescent="0.3">
      <c r="A87216" s="13" t="s">
        <v>436</v>
      </c>
      <c r="B87216" s="14" t="s">
        <v>1</v>
      </c>
      <c r="C87216" s="14" t="s">
        <v>109</v>
      </c>
      <c r="D87216" s="14" t="s">
        <v>437</v>
      </c>
      <c r="E87216" s="15">
        <v>45722</v>
      </c>
      <c r="F87216" s="14" t="s">
        <v>61</v>
      </c>
      <c r="G87216" s="16">
        <v>0</v>
      </c>
    </row>
    <row r="87217" spans="1:7" x14ac:dyDescent="0.3">
      <c r="A87217" s="13" t="s">
        <v>436</v>
      </c>
      <c r="B87217" s="14" t="s">
        <v>1</v>
      </c>
      <c r="C87217" s="14" t="s">
        <v>109</v>
      </c>
      <c r="D87217" s="14" t="s">
        <v>437</v>
      </c>
      <c r="E87217" s="15">
        <v>45723</v>
      </c>
      <c r="F87217" s="14" t="s">
        <v>61</v>
      </c>
      <c r="G87217" s="16">
        <v>0</v>
      </c>
    </row>
    <row r="87218" spans="1:7" x14ac:dyDescent="0.3">
      <c r="A87218" s="13" t="s">
        <v>436</v>
      </c>
      <c r="B87218" s="14" t="s">
        <v>1</v>
      </c>
      <c r="C87218" s="14" t="s">
        <v>109</v>
      </c>
      <c r="D87218" s="14" t="s">
        <v>437</v>
      </c>
      <c r="E87218" s="15">
        <v>45724</v>
      </c>
      <c r="F87218" s="14" t="s">
        <v>61</v>
      </c>
      <c r="G87218" s="16">
        <v>0</v>
      </c>
    </row>
    <row r="87219" spans="1:7" x14ac:dyDescent="0.3">
      <c r="A87219" s="13" t="s">
        <v>436</v>
      </c>
      <c r="B87219" s="14" t="s">
        <v>1</v>
      </c>
      <c r="C87219" s="14" t="s">
        <v>109</v>
      </c>
      <c r="D87219" s="14" t="s">
        <v>437</v>
      </c>
      <c r="E87219" s="15">
        <v>45725</v>
      </c>
      <c r="F87219" s="14" t="s">
        <v>61</v>
      </c>
      <c r="G87219" s="16">
        <v>0</v>
      </c>
    </row>
    <row r="87220" spans="1:7" x14ac:dyDescent="0.3">
      <c r="A87220" s="13" t="s">
        <v>436</v>
      </c>
      <c r="B87220" s="14" t="s">
        <v>1</v>
      </c>
      <c r="C87220" s="14" t="s">
        <v>109</v>
      </c>
      <c r="D87220" s="14" t="s">
        <v>437</v>
      </c>
      <c r="E87220" s="15">
        <v>45726</v>
      </c>
      <c r="F87220" s="14" t="s">
        <v>61</v>
      </c>
      <c r="G87220" s="16">
        <v>0</v>
      </c>
    </row>
    <row r="87221" spans="1:7" x14ac:dyDescent="0.3">
      <c r="A87221" s="13" t="s">
        <v>436</v>
      </c>
      <c r="B87221" s="14" t="s">
        <v>1</v>
      </c>
      <c r="C87221" s="14" t="s">
        <v>109</v>
      </c>
      <c r="D87221" s="14" t="s">
        <v>437</v>
      </c>
      <c r="E87221" s="15">
        <v>45727</v>
      </c>
      <c r="F87221" s="14" t="s">
        <v>61</v>
      </c>
      <c r="G87221" s="16">
        <v>0</v>
      </c>
    </row>
    <row r="87222" spans="1:7" x14ac:dyDescent="0.3">
      <c r="A87222" s="13" t="s">
        <v>436</v>
      </c>
      <c r="B87222" s="14" t="s">
        <v>1</v>
      </c>
      <c r="C87222" s="14" t="s">
        <v>109</v>
      </c>
      <c r="D87222" s="14" t="s">
        <v>437</v>
      </c>
      <c r="E87222" s="15">
        <v>45728</v>
      </c>
      <c r="F87222" s="14" t="s">
        <v>61</v>
      </c>
      <c r="G87222" s="16">
        <v>0</v>
      </c>
    </row>
    <row r="87223" spans="1:7" x14ac:dyDescent="0.3">
      <c r="A87223" s="13" t="s">
        <v>436</v>
      </c>
      <c r="B87223" s="14" t="s">
        <v>1</v>
      </c>
      <c r="C87223" s="14" t="s">
        <v>109</v>
      </c>
      <c r="D87223" s="14" t="s">
        <v>437</v>
      </c>
      <c r="E87223" s="15">
        <v>45729</v>
      </c>
      <c r="F87223" s="14" t="s">
        <v>61</v>
      </c>
      <c r="G87223" s="16">
        <v>0</v>
      </c>
    </row>
    <row r="87224" spans="1:7" x14ac:dyDescent="0.3">
      <c r="A87224" s="13" t="s">
        <v>436</v>
      </c>
      <c r="B87224" s="14" t="s">
        <v>1</v>
      </c>
      <c r="C87224" s="14" t="s">
        <v>109</v>
      </c>
      <c r="D87224" s="14" t="s">
        <v>437</v>
      </c>
      <c r="E87224" s="15">
        <v>45730</v>
      </c>
      <c r="F87224" s="14" t="s">
        <v>61</v>
      </c>
      <c r="G87224" s="16">
        <v>0</v>
      </c>
    </row>
    <row r="87225" spans="1:7" x14ac:dyDescent="0.3">
      <c r="A87225" s="13" t="s">
        <v>436</v>
      </c>
      <c r="B87225" s="14" t="s">
        <v>1</v>
      </c>
      <c r="C87225" s="14" t="s">
        <v>109</v>
      </c>
      <c r="D87225" s="14" t="s">
        <v>437</v>
      </c>
      <c r="E87225" s="15">
        <v>45731</v>
      </c>
      <c r="F87225" s="14" t="s">
        <v>61</v>
      </c>
      <c r="G87225" s="16">
        <v>0</v>
      </c>
    </row>
    <row r="87226" spans="1:7" x14ac:dyDescent="0.3">
      <c r="A87226" s="13" t="s">
        <v>436</v>
      </c>
      <c r="B87226" s="14" t="s">
        <v>1</v>
      </c>
      <c r="C87226" s="14" t="s">
        <v>109</v>
      </c>
      <c r="D87226" s="14" t="s">
        <v>437</v>
      </c>
      <c r="E87226" s="15">
        <v>45732</v>
      </c>
      <c r="F87226" s="14" t="s">
        <v>61</v>
      </c>
      <c r="G87226" s="16">
        <v>0</v>
      </c>
    </row>
    <row r="87227" spans="1:7" x14ac:dyDescent="0.3">
      <c r="A87227" s="13" t="s">
        <v>436</v>
      </c>
      <c r="B87227" s="14" t="s">
        <v>1</v>
      </c>
      <c r="C87227" s="14" t="s">
        <v>109</v>
      </c>
      <c r="D87227" s="14" t="s">
        <v>437</v>
      </c>
      <c r="E87227" s="15">
        <v>45733</v>
      </c>
      <c r="F87227" s="14" t="s">
        <v>61</v>
      </c>
      <c r="G87227" s="16">
        <v>0</v>
      </c>
    </row>
    <row r="87228" spans="1:7" x14ac:dyDescent="0.3">
      <c r="A87228" s="13" t="s">
        <v>436</v>
      </c>
      <c r="B87228" s="14" t="s">
        <v>1</v>
      </c>
      <c r="C87228" s="14" t="s">
        <v>109</v>
      </c>
      <c r="D87228" s="14" t="s">
        <v>437</v>
      </c>
      <c r="E87228" s="15">
        <v>45734</v>
      </c>
      <c r="F87228" s="14" t="s">
        <v>61</v>
      </c>
      <c r="G87228" s="16">
        <v>0</v>
      </c>
    </row>
    <row r="87229" spans="1:7" x14ac:dyDescent="0.3">
      <c r="A87229" s="13" t="s">
        <v>436</v>
      </c>
      <c r="B87229" s="14" t="s">
        <v>1</v>
      </c>
      <c r="C87229" s="14" t="s">
        <v>109</v>
      </c>
      <c r="D87229" s="14" t="s">
        <v>437</v>
      </c>
      <c r="E87229" s="15">
        <v>45735</v>
      </c>
      <c r="F87229" s="14" t="s">
        <v>61</v>
      </c>
      <c r="G87229" s="16">
        <v>0</v>
      </c>
    </row>
    <row r="87230" spans="1:7" x14ac:dyDescent="0.3">
      <c r="A87230" s="13" t="s">
        <v>436</v>
      </c>
      <c r="B87230" s="14" t="s">
        <v>1</v>
      </c>
      <c r="C87230" s="14" t="s">
        <v>109</v>
      </c>
      <c r="D87230" s="14" t="s">
        <v>437</v>
      </c>
      <c r="E87230" s="15">
        <v>45736</v>
      </c>
      <c r="F87230" s="14" t="s">
        <v>61</v>
      </c>
      <c r="G87230" s="16">
        <v>0</v>
      </c>
    </row>
    <row r="87231" spans="1:7" x14ac:dyDescent="0.3">
      <c r="A87231" s="13" t="s">
        <v>436</v>
      </c>
      <c r="B87231" s="14" t="s">
        <v>1</v>
      </c>
      <c r="C87231" s="14" t="s">
        <v>109</v>
      </c>
      <c r="D87231" s="14" t="s">
        <v>437</v>
      </c>
      <c r="E87231" s="15">
        <v>45737</v>
      </c>
      <c r="F87231" s="14" t="s">
        <v>61</v>
      </c>
      <c r="G87231" s="16">
        <v>0</v>
      </c>
    </row>
    <row r="87232" spans="1:7" x14ac:dyDescent="0.3">
      <c r="A87232" s="13" t="s">
        <v>436</v>
      </c>
      <c r="B87232" s="14" t="s">
        <v>1</v>
      </c>
      <c r="C87232" s="14" t="s">
        <v>109</v>
      </c>
      <c r="D87232" s="14" t="s">
        <v>437</v>
      </c>
      <c r="E87232" s="15">
        <v>45738</v>
      </c>
      <c r="F87232" s="14" t="s">
        <v>61</v>
      </c>
      <c r="G87232" s="16">
        <v>0</v>
      </c>
    </row>
    <row r="87233" spans="1:7" x14ac:dyDescent="0.3">
      <c r="A87233" s="13" t="s">
        <v>436</v>
      </c>
      <c r="B87233" s="14" t="s">
        <v>1</v>
      </c>
      <c r="C87233" s="14" t="s">
        <v>109</v>
      </c>
      <c r="D87233" s="14" t="s">
        <v>437</v>
      </c>
      <c r="E87233" s="15">
        <v>45739</v>
      </c>
      <c r="F87233" s="14" t="s">
        <v>61</v>
      </c>
      <c r="G87233" s="16">
        <v>0</v>
      </c>
    </row>
    <row r="87234" spans="1:7" x14ac:dyDescent="0.3">
      <c r="A87234" s="13" t="s">
        <v>436</v>
      </c>
      <c r="B87234" s="14" t="s">
        <v>1</v>
      </c>
      <c r="C87234" s="14" t="s">
        <v>109</v>
      </c>
      <c r="D87234" s="14" t="s">
        <v>437</v>
      </c>
      <c r="E87234" s="15">
        <v>45740</v>
      </c>
      <c r="F87234" s="14" t="s">
        <v>61</v>
      </c>
      <c r="G87234" s="16">
        <v>0</v>
      </c>
    </row>
    <row r="87235" spans="1:7" x14ac:dyDescent="0.3">
      <c r="A87235" s="13" t="s">
        <v>436</v>
      </c>
      <c r="B87235" s="14" t="s">
        <v>1</v>
      </c>
      <c r="C87235" s="14" t="s">
        <v>109</v>
      </c>
      <c r="D87235" s="14" t="s">
        <v>437</v>
      </c>
      <c r="E87235" s="15">
        <v>45741</v>
      </c>
      <c r="F87235" s="14" t="s">
        <v>61</v>
      </c>
      <c r="G87235" s="16">
        <v>0</v>
      </c>
    </row>
    <row r="87236" spans="1:7" x14ac:dyDescent="0.3">
      <c r="A87236" s="13" t="s">
        <v>436</v>
      </c>
      <c r="B87236" s="14" t="s">
        <v>1</v>
      </c>
      <c r="C87236" s="14" t="s">
        <v>109</v>
      </c>
      <c r="D87236" s="14" t="s">
        <v>437</v>
      </c>
      <c r="E87236" s="15">
        <v>45742</v>
      </c>
      <c r="F87236" s="14" t="s">
        <v>61</v>
      </c>
      <c r="G87236" s="16">
        <v>0</v>
      </c>
    </row>
    <row r="87237" spans="1:7" x14ac:dyDescent="0.3">
      <c r="A87237" s="13" t="s">
        <v>436</v>
      </c>
      <c r="B87237" s="14" t="s">
        <v>1</v>
      </c>
      <c r="C87237" s="14" t="s">
        <v>109</v>
      </c>
      <c r="D87237" s="14" t="s">
        <v>437</v>
      </c>
      <c r="E87237" s="15">
        <v>45743</v>
      </c>
      <c r="F87237" s="14" t="s">
        <v>61</v>
      </c>
      <c r="G87237" s="16">
        <v>0</v>
      </c>
    </row>
    <row r="87238" spans="1:7" x14ac:dyDescent="0.3">
      <c r="A87238" s="13" t="s">
        <v>436</v>
      </c>
      <c r="B87238" s="14" t="s">
        <v>1</v>
      </c>
      <c r="C87238" s="14" t="s">
        <v>109</v>
      </c>
      <c r="D87238" s="14" t="s">
        <v>437</v>
      </c>
      <c r="E87238" s="15">
        <v>45744</v>
      </c>
      <c r="F87238" s="14" t="s">
        <v>61</v>
      </c>
      <c r="G87238" s="16">
        <v>0</v>
      </c>
    </row>
    <row r="87239" spans="1:7" x14ac:dyDescent="0.3">
      <c r="A87239" s="13" t="s">
        <v>436</v>
      </c>
      <c r="B87239" s="14" t="s">
        <v>1</v>
      </c>
      <c r="C87239" s="14" t="s">
        <v>109</v>
      </c>
      <c r="D87239" s="14" t="s">
        <v>437</v>
      </c>
      <c r="E87239" s="15">
        <v>45745</v>
      </c>
      <c r="F87239" s="14" t="s">
        <v>61</v>
      </c>
      <c r="G87239" s="16">
        <v>0</v>
      </c>
    </row>
    <row r="87240" spans="1:7" x14ac:dyDescent="0.3">
      <c r="A87240" s="13" t="s">
        <v>436</v>
      </c>
      <c r="B87240" s="14" t="s">
        <v>1</v>
      </c>
      <c r="C87240" s="14" t="s">
        <v>109</v>
      </c>
      <c r="D87240" s="14" t="s">
        <v>437</v>
      </c>
      <c r="E87240" s="15">
        <v>45746</v>
      </c>
      <c r="F87240" s="14" t="s">
        <v>61</v>
      </c>
      <c r="G87240" s="16">
        <v>0</v>
      </c>
    </row>
    <row r="87241" spans="1:7" x14ac:dyDescent="0.3">
      <c r="A87241" s="13" t="s">
        <v>436</v>
      </c>
      <c r="B87241" s="14" t="s">
        <v>1</v>
      </c>
      <c r="C87241" s="14" t="s">
        <v>109</v>
      </c>
      <c r="D87241" s="14" t="s">
        <v>437</v>
      </c>
      <c r="E87241" s="15">
        <v>45747</v>
      </c>
      <c r="F87241" s="14" t="s">
        <v>61</v>
      </c>
      <c r="G87241" s="16">
        <v>0</v>
      </c>
    </row>
    <row r="87242" spans="1:7" x14ac:dyDescent="0.3">
      <c r="A87242" s="13" t="s">
        <v>438</v>
      </c>
      <c r="B87242" s="14" t="s">
        <v>1</v>
      </c>
      <c r="C87242" s="14" t="s">
        <v>23</v>
      </c>
      <c r="D87242" s="14" t="s">
        <v>439</v>
      </c>
      <c r="E87242" s="15">
        <v>45383</v>
      </c>
      <c r="F87242" s="14" t="s">
        <v>61</v>
      </c>
      <c r="G87242" s="16">
        <v>0</v>
      </c>
    </row>
    <row r="87243" spans="1:7" x14ac:dyDescent="0.3">
      <c r="A87243" s="13" t="s">
        <v>438</v>
      </c>
      <c r="B87243" s="14" t="s">
        <v>1</v>
      </c>
      <c r="C87243" s="14" t="s">
        <v>23</v>
      </c>
      <c r="D87243" s="14" t="s">
        <v>439</v>
      </c>
      <c r="E87243" s="15">
        <v>45384</v>
      </c>
      <c r="F87243" s="14" t="s">
        <v>61</v>
      </c>
      <c r="G87243" s="16">
        <v>0</v>
      </c>
    </row>
    <row r="87244" spans="1:7" x14ac:dyDescent="0.3">
      <c r="A87244" s="13" t="s">
        <v>438</v>
      </c>
      <c r="B87244" s="14" t="s">
        <v>1</v>
      </c>
      <c r="C87244" s="14" t="s">
        <v>23</v>
      </c>
      <c r="D87244" s="14" t="s">
        <v>439</v>
      </c>
      <c r="E87244" s="15">
        <v>45385</v>
      </c>
      <c r="F87244" s="14" t="s">
        <v>61</v>
      </c>
      <c r="G87244" s="16">
        <v>6.1560395401135656E-2</v>
      </c>
    </row>
    <row r="87245" spans="1:7" x14ac:dyDescent="0.3">
      <c r="A87245" s="13" t="s">
        <v>438</v>
      </c>
      <c r="B87245" s="14" t="s">
        <v>1</v>
      </c>
      <c r="C87245" s="14" t="s">
        <v>23</v>
      </c>
      <c r="D87245" s="14" t="s">
        <v>439</v>
      </c>
      <c r="E87245" s="15">
        <v>45386</v>
      </c>
      <c r="F87245" s="14" t="s">
        <v>61</v>
      </c>
      <c r="G87245" s="16">
        <v>7.6861078118412626E-2</v>
      </c>
    </row>
    <row r="87246" spans="1:7" x14ac:dyDescent="0.3">
      <c r="A87246" s="13" t="s">
        <v>438</v>
      </c>
      <c r="B87246" s="14" t="s">
        <v>1</v>
      </c>
      <c r="C87246" s="14" t="s">
        <v>23</v>
      </c>
      <c r="D87246" s="14" t="s">
        <v>439</v>
      </c>
      <c r="E87246" s="15">
        <v>45387</v>
      </c>
      <c r="F87246" s="14" t="s">
        <v>61</v>
      </c>
      <c r="G87246" s="16">
        <v>0.10201764084430073</v>
      </c>
    </row>
    <row r="87247" spans="1:7" x14ac:dyDescent="0.3">
      <c r="A87247" s="13" t="s">
        <v>438</v>
      </c>
      <c r="B87247" s="14" t="s">
        <v>1</v>
      </c>
      <c r="C87247" s="14" t="s">
        <v>23</v>
      </c>
      <c r="D87247" s="14" t="s">
        <v>439</v>
      </c>
      <c r="E87247" s="15">
        <v>45388</v>
      </c>
      <c r="F87247" s="14" t="s">
        <v>61</v>
      </c>
      <c r="G87247" s="16">
        <v>0.10201764084430073</v>
      </c>
    </row>
    <row r="87248" spans="1:7" x14ac:dyDescent="0.3">
      <c r="A87248" s="13" t="s">
        <v>438</v>
      </c>
      <c r="B87248" s="14" t="s">
        <v>1</v>
      </c>
      <c r="C87248" s="14" t="s">
        <v>23</v>
      </c>
      <c r="D87248" s="14" t="s">
        <v>439</v>
      </c>
      <c r="E87248" s="15">
        <v>45389</v>
      </c>
      <c r="F87248" s="14" t="s">
        <v>61</v>
      </c>
      <c r="G87248" s="16">
        <v>0.10201764084430073</v>
      </c>
    </row>
    <row r="87249" spans="1:7" x14ac:dyDescent="0.3">
      <c r="A87249" s="13" t="s">
        <v>438</v>
      </c>
      <c r="B87249" s="14" t="s">
        <v>1</v>
      </c>
      <c r="C87249" s="14" t="s">
        <v>23</v>
      </c>
      <c r="D87249" s="14" t="s">
        <v>439</v>
      </c>
      <c r="E87249" s="15">
        <v>45390</v>
      </c>
      <c r="F87249" s="14" t="s">
        <v>61</v>
      </c>
      <c r="G87249" s="16">
        <v>0.11535031463210943</v>
      </c>
    </row>
    <row r="87250" spans="1:7" x14ac:dyDescent="0.3">
      <c r="A87250" s="13" t="s">
        <v>438</v>
      </c>
      <c r="B87250" s="14" t="s">
        <v>1</v>
      </c>
      <c r="C87250" s="14" t="s">
        <v>23</v>
      </c>
      <c r="D87250" s="14" t="s">
        <v>439</v>
      </c>
      <c r="E87250" s="15">
        <v>45391</v>
      </c>
      <c r="F87250" s="14" t="s">
        <v>61</v>
      </c>
      <c r="G87250" s="16">
        <v>0.15574541704656006</v>
      </c>
    </row>
    <row r="87251" spans="1:7" x14ac:dyDescent="0.3">
      <c r="A87251" s="13" t="s">
        <v>438</v>
      </c>
      <c r="B87251" s="14" t="s">
        <v>1</v>
      </c>
      <c r="C87251" s="14" t="s">
        <v>23</v>
      </c>
      <c r="D87251" s="14" t="s">
        <v>439</v>
      </c>
      <c r="E87251" s="15">
        <v>45392</v>
      </c>
      <c r="F87251" s="14" t="s">
        <v>61</v>
      </c>
      <c r="G87251" s="16">
        <v>0.17384234365984064</v>
      </c>
    </row>
    <row r="87252" spans="1:7" x14ac:dyDescent="0.3">
      <c r="A87252" s="13" t="s">
        <v>438</v>
      </c>
      <c r="B87252" s="14" t="s">
        <v>1</v>
      </c>
      <c r="C87252" s="14" t="s">
        <v>23</v>
      </c>
      <c r="D87252" s="14" t="s">
        <v>439</v>
      </c>
      <c r="E87252" s="15">
        <v>45393</v>
      </c>
      <c r="F87252" s="14" t="s">
        <v>61</v>
      </c>
      <c r="G87252" s="16">
        <v>0.18901331926058532</v>
      </c>
    </row>
    <row r="87253" spans="1:7" x14ac:dyDescent="0.3">
      <c r="A87253" s="13" t="s">
        <v>438</v>
      </c>
      <c r="B87253" s="14" t="s">
        <v>1</v>
      </c>
      <c r="C87253" s="14" t="s">
        <v>23</v>
      </c>
      <c r="D87253" s="14" t="s">
        <v>439</v>
      </c>
      <c r="E87253" s="15">
        <v>45394</v>
      </c>
      <c r="F87253" s="14" t="s">
        <v>61</v>
      </c>
      <c r="G87253" s="16">
        <v>0.20412995592593972</v>
      </c>
    </row>
    <row r="87254" spans="1:7" x14ac:dyDescent="0.3">
      <c r="A87254" s="13" t="s">
        <v>438</v>
      </c>
      <c r="B87254" s="14" t="s">
        <v>1</v>
      </c>
      <c r="C87254" s="14" t="s">
        <v>23</v>
      </c>
      <c r="D87254" s="14" t="s">
        <v>439</v>
      </c>
      <c r="E87254" s="15">
        <v>45395</v>
      </c>
      <c r="F87254" s="14" t="s">
        <v>61</v>
      </c>
      <c r="G87254" s="16">
        <v>0.20412995592593972</v>
      </c>
    </row>
    <row r="87255" spans="1:7" x14ac:dyDescent="0.3">
      <c r="A87255" s="13" t="s">
        <v>438</v>
      </c>
      <c r="B87255" s="14" t="s">
        <v>1</v>
      </c>
      <c r="C87255" s="14" t="s">
        <v>23</v>
      </c>
      <c r="D87255" s="14" t="s">
        <v>439</v>
      </c>
      <c r="E87255" s="15">
        <v>45396</v>
      </c>
      <c r="F87255" s="14" t="s">
        <v>61</v>
      </c>
      <c r="G87255" s="16">
        <v>0.20412995592593972</v>
      </c>
    </row>
    <row r="87256" spans="1:7" x14ac:dyDescent="0.3">
      <c r="A87256" s="13" t="s">
        <v>438</v>
      </c>
      <c r="B87256" s="14" t="s">
        <v>1</v>
      </c>
      <c r="C87256" s="14" t="s">
        <v>23</v>
      </c>
      <c r="D87256" s="14" t="s">
        <v>439</v>
      </c>
      <c r="E87256" s="15">
        <v>45397</v>
      </c>
      <c r="F87256" s="14" t="s">
        <v>61</v>
      </c>
      <c r="G87256" s="16">
        <v>0.21937183058199847</v>
      </c>
    </row>
    <row r="87257" spans="1:7" x14ac:dyDescent="0.3">
      <c r="A87257" s="13" t="s">
        <v>438</v>
      </c>
      <c r="B87257" s="14" t="s">
        <v>1</v>
      </c>
      <c r="C87257" s="14" t="s">
        <v>23</v>
      </c>
      <c r="D87257" s="14" t="s">
        <v>439</v>
      </c>
      <c r="E87257" s="15">
        <v>45398</v>
      </c>
      <c r="F87257" s="14" t="s">
        <v>61</v>
      </c>
      <c r="G87257" s="16">
        <v>0.25934803567534193</v>
      </c>
    </row>
    <row r="87258" spans="1:7" x14ac:dyDescent="0.3">
      <c r="A87258" s="13" t="s">
        <v>438</v>
      </c>
      <c r="B87258" s="14" t="s">
        <v>1</v>
      </c>
      <c r="C87258" s="14" t="s">
        <v>23</v>
      </c>
      <c r="D87258" s="14" t="s">
        <v>439</v>
      </c>
      <c r="E87258" s="15">
        <v>45399</v>
      </c>
      <c r="F87258" s="14" t="s">
        <v>61</v>
      </c>
      <c r="G87258" s="16">
        <v>0.27129017534989047</v>
      </c>
    </row>
    <row r="87259" spans="1:7" x14ac:dyDescent="0.3">
      <c r="A87259" s="13" t="s">
        <v>438</v>
      </c>
      <c r="B87259" s="14" t="s">
        <v>1</v>
      </c>
      <c r="C87259" s="14" t="s">
        <v>23</v>
      </c>
      <c r="D87259" s="14" t="s">
        <v>439</v>
      </c>
      <c r="E87259" s="15">
        <v>45400</v>
      </c>
      <c r="F87259" s="14" t="s">
        <v>61</v>
      </c>
      <c r="G87259" s="16">
        <v>0.2853491482354687</v>
      </c>
    </row>
    <row r="87260" spans="1:7" x14ac:dyDescent="0.3">
      <c r="A87260" s="13" t="s">
        <v>438</v>
      </c>
      <c r="B87260" s="14" t="s">
        <v>1</v>
      </c>
      <c r="C87260" s="14" t="s">
        <v>23</v>
      </c>
      <c r="D87260" s="14" t="s">
        <v>439</v>
      </c>
      <c r="E87260" s="15">
        <v>45401</v>
      </c>
      <c r="F87260" s="14" t="s">
        <v>61</v>
      </c>
      <c r="G87260" s="16">
        <v>0.29839250657422833</v>
      </c>
    </row>
    <row r="87261" spans="1:7" x14ac:dyDescent="0.3">
      <c r="A87261" s="13" t="s">
        <v>438</v>
      </c>
      <c r="B87261" s="14" t="s">
        <v>1</v>
      </c>
      <c r="C87261" s="14" t="s">
        <v>23</v>
      </c>
      <c r="D87261" s="14" t="s">
        <v>439</v>
      </c>
      <c r="E87261" s="15">
        <v>45402</v>
      </c>
      <c r="F87261" s="14" t="s">
        <v>61</v>
      </c>
      <c r="G87261" s="16">
        <v>0.29839250657422833</v>
      </c>
    </row>
    <row r="87262" spans="1:7" x14ac:dyDescent="0.3">
      <c r="A87262" s="13" t="s">
        <v>438</v>
      </c>
      <c r="B87262" s="14" t="s">
        <v>1</v>
      </c>
      <c r="C87262" s="14" t="s">
        <v>23</v>
      </c>
      <c r="D87262" s="14" t="s">
        <v>439</v>
      </c>
      <c r="E87262" s="15">
        <v>45403</v>
      </c>
      <c r="F87262" s="14" t="s">
        <v>61</v>
      </c>
      <c r="G87262" s="16">
        <v>0.29839250657422833</v>
      </c>
    </row>
    <row r="87263" spans="1:7" x14ac:dyDescent="0.3">
      <c r="A87263" s="13" t="s">
        <v>438</v>
      </c>
      <c r="B87263" s="14" t="s">
        <v>1</v>
      </c>
      <c r="C87263" s="14" t="s">
        <v>23</v>
      </c>
      <c r="D87263" s="14" t="s">
        <v>439</v>
      </c>
      <c r="E87263" s="15">
        <v>45404</v>
      </c>
      <c r="F87263" s="14" t="s">
        <v>61</v>
      </c>
      <c r="G87263" s="16">
        <v>0.31844204027376527</v>
      </c>
    </row>
    <row r="87264" spans="1:7" x14ac:dyDescent="0.3">
      <c r="A87264" s="13" t="s">
        <v>438</v>
      </c>
      <c r="B87264" s="14" t="s">
        <v>1</v>
      </c>
      <c r="C87264" s="14" t="s">
        <v>23</v>
      </c>
      <c r="D87264" s="14" t="s">
        <v>439</v>
      </c>
      <c r="E87264" s="15">
        <v>45405</v>
      </c>
      <c r="F87264" s="14" t="s">
        <v>61</v>
      </c>
      <c r="G87264" s="16">
        <v>0.35074047325171925</v>
      </c>
    </row>
    <row r="87265" spans="1:7" x14ac:dyDescent="0.3">
      <c r="A87265" s="13" t="s">
        <v>438</v>
      </c>
      <c r="B87265" s="14" t="s">
        <v>1</v>
      </c>
      <c r="C87265" s="14" t="s">
        <v>23</v>
      </c>
      <c r="D87265" s="14" t="s">
        <v>439</v>
      </c>
      <c r="E87265" s="15">
        <v>45406</v>
      </c>
      <c r="F87265" s="14" t="s">
        <v>61</v>
      </c>
      <c r="G87265" s="16">
        <v>0.3614943118471235</v>
      </c>
    </row>
    <row r="87266" spans="1:7" x14ac:dyDescent="0.3">
      <c r="A87266" s="13" t="s">
        <v>438</v>
      </c>
      <c r="B87266" s="14" t="s">
        <v>1</v>
      </c>
      <c r="C87266" s="14" t="s">
        <v>23</v>
      </c>
      <c r="D87266" s="14" t="s">
        <v>439</v>
      </c>
      <c r="E87266" s="15">
        <v>45407</v>
      </c>
      <c r="F87266" s="14" t="s">
        <v>61</v>
      </c>
      <c r="G87266" s="16">
        <v>0.32731004338159364</v>
      </c>
    </row>
    <row r="87267" spans="1:7" x14ac:dyDescent="0.3">
      <c r="A87267" s="13" t="s">
        <v>438</v>
      </c>
      <c r="B87267" s="14" t="s">
        <v>1</v>
      </c>
      <c r="C87267" s="14" t="s">
        <v>23</v>
      </c>
      <c r="D87267" s="14" t="s">
        <v>439</v>
      </c>
      <c r="E87267" s="15">
        <v>45408</v>
      </c>
      <c r="F87267" s="14" t="s">
        <v>61</v>
      </c>
      <c r="G87267" s="16">
        <v>0.34054510771237173</v>
      </c>
    </row>
    <row r="87268" spans="1:7" x14ac:dyDescent="0.3">
      <c r="A87268" s="13" t="s">
        <v>438</v>
      </c>
      <c r="B87268" s="14" t="s">
        <v>1</v>
      </c>
      <c r="C87268" s="14" t="s">
        <v>23</v>
      </c>
      <c r="D87268" s="14" t="s">
        <v>439</v>
      </c>
      <c r="E87268" s="15">
        <v>45409</v>
      </c>
      <c r="F87268" s="14" t="s">
        <v>61</v>
      </c>
      <c r="G87268" s="16">
        <v>0.34054510771237173</v>
      </c>
    </row>
    <row r="87269" spans="1:7" x14ac:dyDescent="0.3">
      <c r="A87269" s="13" t="s">
        <v>438</v>
      </c>
      <c r="B87269" s="14" t="s">
        <v>1</v>
      </c>
      <c r="C87269" s="14" t="s">
        <v>23</v>
      </c>
      <c r="D87269" s="14" t="s">
        <v>439</v>
      </c>
      <c r="E87269" s="15">
        <v>45410</v>
      </c>
      <c r="F87269" s="14" t="s">
        <v>61</v>
      </c>
      <c r="G87269" s="16">
        <v>0.34054510771237173</v>
      </c>
    </row>
    <row r="87270" spans="1:7" x14ac:dyDescent="0.3">
      <c r="A87270" s="13" t="s">
        <v>438</v>
      </c>
      <c r="B87270" s="14" t="s">
        <v>1</v>
      </c>
      <c r="C87270" s="14" t="s">
        <v>23</v>
      </c>
      <c r="D87270" s="14" t="s">
        <v>439</v>
      </c>
      <c r="E87270" s="15">
        <v>45411</v>
      </c>
      <c r="F87270" s="14" t="s">
        <v>61</v>
      </c>
      <c r="G87270" s="16">
        <v>0.35344429513952536</v>
      </c>
    </row>
    <row r="87271" spans="1:7" x14ac:dyDescent="0.3">
      <c r="A87271" s="13" t="s">
        <v>438</v>
      </c>
      <c r="B87271" s="14" t="s">
        <v>1</v>
      </c>
      <c r="C87271" s="14" t="s">
        <v>23</v>
      </c>
      <c r="D87271" s="14" t="s">
        <v>439</v>
      </c>
      <c r="E87271" s="15">
        <v>45412</v>
      </c>
      <c r="F87271" s="14" t="s">
        <v>61</v>
      </c>
      <c r="G87271" s="16">
        <v>0.39667479208649553</v>
      </c>
    </row>
    <row r="87272" spans="1:7" x14ac:dyDescent="0.3">
      <c r="A87272" s="13" t="s">
        <v>438</v>
      </c>
      <c r="B87272" s="14" t="s">
        <v>1</v>
      </c>
      <c r="C87272" s="14" t="s">
        <v>23</v>
      </c>
      <c r="D87272" s="14" t="s">
        <v>439</v>
      </c>
      <c r="E87272" s="15">
        <v>45413</v>
      </c>
      <c r="F87272" s="14" t="s">
        <v>61</v>
      </c>
      <c r="G87272" s="16">
        <v>0.4086506496094941</v>
      </c>
    </row>
    <row r="87273" spans="1:7" x14ac:dyDescent="0.3">
      <c r="A87273" s="13" t="s">
        <v>438</v>
      </c>
      <c r="B87273" s="14" t="s">
        <v>1</v>
      </c>
      <c r="C87273" s="14" t="s">
        <v>23</v>
      </c>
      <c r="D87273" s="14" t="s">
        <v>439</v>
      </c>
      <c r="E87273" s="15">
        <v>45414</v>
      </c>
      <c r="F87273" s="14" t="s">
        <v>61</v>
      </c>
      <c r="G87273" s="16">
        <v>0.42208810830862542</v>
      </c>
    </row>
    <row r="87274" spans="1:7" x14ac:dyDescent="0.3">
      <c r="A87274" s="13" t="s">
        <v>438</v>
      </c>
      <c r="B87274" s="14" t="s">
        <v>1</v>
      </c>
      <c r="C87274" s="14" t="s">
        <v>23</v>
      </c>
      <c r="D87274" s="14" t="s">
        <v>439</v>
      </c>
      <c r="E87274" s="15">
        <v>45415</v>
      </c>
      <c r="F87274" s="14" t="s">
        <v>61</v>
      </c>
      <c r="G87274" s="16">
        <v>0.4344557069226565</v>
      </c>
    </row>
    <row r="87275" spans="1:7" x14ac:dyDescent="0.3">
      <c r="A87275" s="13" t="s">
        <v>438</v>
      </c>
      <c r="B87275" s="14" t="s">
        <v>1</v>
      </c>
      <c r="C87275" s="14" t="s">
        <v>23</v>
      </c>
      <c r="D87275" s="14" t="s">
        <v>439</v>
      </c>
      <c r="E87275" s="15">
        <v>45416</v>
      </c>
      <c r="F87275" s="14" t="s">
        <v>61</v>
      </c>
      <c r="G87275" s="16">
        <v>0.4344557069226565</v>
      </c>
    </row>
    <row r="87276" spans="1:7" x14ac:dyDescent="0.3">
      <c r="A87276" s="13" t="s">
        <v>438</v>
      </c>
      <c r="B87276" s="14" t="s">
        <v>1</v>
      </c>
      <c r="C87276" s="14" t="s">
        <v>23</v>
      </c>
      <c r="D87276" s="14" t="s">
        <v>439</v>
      </c>
      <c r="E87276" s="15">
        <v>45417</v>
      </c>
      <c r="F87276" s="14" t="s">
        <v>61</v>
      </c>
      <c r="G87276" s="16">
        <v>0.4344557069226565</v>
      </c>
    </row>
    <row r="87277" spans="1:7" x14ac:dyDescent="0.3">
      <c r="A87277" s="13" t="s">
        <v>438</v>
      </c>
      <c r="B87277" s="14" t="s">
        <v>1</v>
      </c>
      <c r="C87277" s="14" t="s">
        <v>23</v>
      </c>
      <c r="D87277" s="14" t="s">
        <v>439</v>
      </c>
      <c r="E87277" s="15">
        <v>45418</v>
      </c>
      <c r="F87277" s="14" t="s">
        <v>61</v>
      </c>
      <c r="G87277" s="16">
        <v>0.4344557069226565</v>
      </c>
    </row>
    <row r="87278" spans="1:7" x14ac:dyDescent="0.3">
      <c r="A87278" s="13" t="s">
        <v>438</v>
      </c>
      <c r="B87278" s="14" t="s">
        <v>1</v>
      </c>
      <c r="C87278" s="14" t="s">
        <v>23</v>
      </c>
      <c r="D87278" s="14" t="s">
        <v>439</v>
      </c>
      <c r="E87278" s="15">
        <v>45419</v>
      </c>
      <c r="F87278" s="14" t="s">
        <v>61</v>
      </c>
      <c r="G87278" s="16">
        <v>0.44776912254407569</v>
      </c>
    </row>
    <row r="87279" spans="1:7" x14ac:dyDescent="0.3">
      <c r="A87279" s="13" t="s">
        <v>438</v>
      </c>
      <c r="B87279" s="14" t="s">
        <v>1</v>
      </c>
      <c r="C87279" s="14" t="s">
        <v>23</v>
      </c>
      <c r="D87279" s="14" t="s">
        <v>439</v>
      </c>
      <c r="E87279" s="15">
        <v>45420</v>
      </c>
      <c r="F87279" s="14" t="s">
        <v>61</v>
      </c>
      <c r="G87279" s="16">
        <v>0.51697595975860211</v>
      </c>
    </row>
    <row r="87280" spans="1:7" x14ac:dyDescent="0.3">
      <c r="A87280" s="13" t="s">
        <v>438</v>
      </c>
      <c r="B87280" s="14" t="s">
        <v>1</v>
      </c>
      <c r="C87280" s="14" t="s">
        <v>23</v>
      </c>
      <c r="D87280" s="14" t="s">
        <v>439</v>
      </c>
      <c r="E87280" s="15">
        <v>45421</v>
      </c>
      <c r="F87280" s="14" t="s">
        <v>61</v>
      </c>
      <c r="G87280" s="16">
        <v>0.52917292663335969</v>
      </c>
    </row>
    <row r="87281" spans="1:7" x14ac:dyDescent="0.3">
      <c r="A87281" s="13" t="s">
        <v>438</v>
      </c>
      <c r="B87281" s="14" t="s">
        <v>1</v>
      </c>
      <c r="C87281" s="14" t="s">
        <v>23</v>
      </c>
      <c r="D87281" s="14" t="s">
        <v>439</v>
      </c>
      <c r="E87281" s="15">
        <v>45422</v>
      </c>
      <c r="F87281" s="14" t="s">
        <v>61</v>
      </c>
      <c r="G87281" s="16">
        <v>0.54322697920805785</v>
      </c>
    </row>
    <row r="87282" spans="1:7" x14ac:dyDescent="0.3">
      <c r="A87282" s="13" t="s">
        <v>438</v>
      </c>
      <c r="B87282" s="14" t="s">
        <v>1</v>
      </c>
      <c r="C87282" s="14" t="s">
        <v>23</v>
      </c>
      <c r="D87282" s="14" t="s">
        <v>439</v>
      </c>
      <c r="E87282" s="15">
        <v>45423</v>
      </c>
      <c r="F87282" s="14" t="s">
        <v>61</v>
      </c>
      <c r="G87282" s="16">
        <v>0.54322697920805785</v>
      </c>
    </row>
    <row r="87283" spans="1:7" x14ac:dyDescent="0.3">
      <c r="A87283" s="13" t="s">
        <v>438</v>
      </c>
      <c r="B87283" s="14" t="s">
        <v>1</v>
      </c>
      <c r="C87283" s="14" t="s">
        <v>23</v>
      </c>
      <c r="D87283" s="14" t="s">
        <v>439</v>
      </c>
      <c r="E87283" s="15">
        <v>45424</v>
      </c>
      <c r="F87283" s="14" t="s">
        <v>61</v>
      </c>
      <c r="G87283" s="16">
        <v>0.54322697920805785</v>
      </c>
    </row>
    <row r="87284" spans="1:7" x14ac:dyDescent="0.3">
      <c r="A87284" s="13" t="s">
        <v>438</v>
      </c>
      <c r="B87284" s="14" t="s">
        <v>1</v>
      </c>
      <c r="C87284" s="14" t="s">
        <v>23</v>
      </c>
      <c r="D87284" s="14" t="s">
        <v>439</v>
      </c>
      <c r="E87284" s="15">
        <v>45425</v>
      </c>
      <c r="F87284" s="14" t="s">
        <v>61</v>
      </c>
      <c r="G87284" s="16">
        <v>0.55656208473833746</v>
      </c>
    </row>
    <row r="87285" spans="1:7" x14ac:dyDescent="0.3">
      <c r="A87285" s="13" t="s">
        <v>438</v>
      </c>
      <c r="B87285" s="14" t="s">
        <v>1</v>
      </c>
      <c r="C87285" s="14" t="s">
        <v>23</v>
      </c>
      <c r="D87285" s="14" t="s">
        <v>439</v>
      </c>
      <c r="E87285" s="15">
        <v>45426</v>
      </c>
      <c r="F87285" s="14" t="s">
        <v>61</v>
      </c>
      <c r="G87285" s="16">
        <v>0.59718635691685518</v>
      </c>
    </row>
    <row r="87286" spans="1:7" x14ac:dyDescent="0.3">
      <c r="A87286" s="13" t="s">
        <v>438</v>
      </c>
      <c r="B87286" s="14" t="s">
        <v>1</v>
      </c>
      <c r="C87286" s="14" t="s">
        <v>23</v>
      </c>
      <c r="D87286" s="14" t="s">
        <v>439</v>
      </c>
      <c r="E87286" s="15">
        <v>45427</v>
      </c>
      <c r="F87286" s="14" t="s">
        <v>61</v>
      </c>
      <c r="G87286" s="16">
        <v>0.60720131862824833</v>
      </c>
    </row>
    <row r="87287" spans="1:7" x14ac:dyDescent="0.3">
      <c r="A87287" s="13" t="s">
        <v>438</v>
      </c>
      <c r="B87287" s="14" t="s">
        <v>1</v>
      </c>
      <c r="C87287" s="14" t="s">
        <v>23</v>
      </c>
      <c r="D87287" s="14" t="s">
        <v>439</v>
      </c>
      <c r="E87287" s="15">
        <v>45428</v>
      </c>
      <c r="F87287" s="14" t="s">
        <v>61</v>
      </c>
      <c r="G87287" s="16">
        <v>0.62189648951708532</v>
      </c>
    </row>
    <row r="87288" spans="1:7" x14ac:dyDescent="0.3">
      <c r="A87288" s="13" t="s">
        <v>438</v>
      </c>
      <c r="B87288" s="14" t="s">
        <v>1</v>
      </c>
      <c r="C87288" s="14" t="s">
        <v>23</v>
      </c>
      <c r="D87288" s="14" t="s">
        <v>439</v>
      </c>
      <c r="E87288" s="15">
        <v>45429</v>
      </c>
      <c r="F87288" s="14" t="s">
        <v>61</v>
      </c>
      <c r="G87288" s="16">
        <v>0.63541393581051964</v>
      </c>
    </row>
    <row r="87289" spans="1:7" x14ac:dyDescent="0.3">
      <c r="A87289" s="13" t="s">
        <v>438</v>
      </c>
      <c r="B87289" s="14" t="s">
        <v>1</v>
      </c>
      <c r="C87289" s="14" t="s">
        <v>23</v>
      </c>
      <c r="D87289" s="14" t="s">
        <v>439</v>
      </c>
      <c r="E87289" s="15">
        <v>45430</v>
      </c>
      <c r="F87289" s="14" t="s">
        <v>61</v>
      </c>
      <c r="G87289" s="16">
        <v>0.63541393581051964</v>
      </c>
    </row>
    <row r="87290" spans="1:7" x14ac:dyDescent="0.3">
      <c r="A87290" s="13" t="s">
        <v>438</v>
      </c>
      <c r="B87290" s="14" t="s">
        <v>1</v>
      </c>
      <c r="C87290" s="14" t="s">
        <v>23</v>
      </c>
      <c r="D87290" s="14" t="s">
        <v>439</v>
      </c>
      <c r="E87290" s="15">
        <v>45431</v>
      </c>
      <c r="F87290" s="14" t="s">
        <v>61</v>
      </c>
      <c r="G87290" s="16">
        <v>0.63541393581051964</v>
      </c>
    </row>
    <row r="87291" spans="1:7" x14ac:dyDescent="0.3">
      <c r="A87291" s="13" t="s">
        <v>438</v>
      </c>
      <c r="B87291" s="14" t="s">
        <v>1</v>
      </c>
      <c r="C87291" s="14" t="s">
        <v>23</v>
      </c>
      <c r="D87291" s="14" t="s">
        <v>439</v>
      </c>
      <c r="E87291" s="15">
        <v>45432</v>
      </c>
      <c r="F87291" s="14" t="s">
        <v>61</v>
      </c>
      <c r="G87291" s="16">
        <v>0.65031143097561783</v>
      </c>
    </row>
    <row r="87292" spans="1:7" x14ac:dyDescent="0.3">
      <c r="A87292" s="13" t="s">
        <v>438</v>
      </c>
      <c r="B87292" s="14" t="s">
        <v>1</v>
      </c>
      <c r="C87292" s="14" t="s">
        <v>23</v>
      </c>
      <c r="D87292" s="14" t="s">
        <v>439</v>
      </c>
      <c r="E87292" s="15">
        <v>45433</v>
      </c>
      <c r="F87292" s="14" t="s">
        <v>61</v>
      </c>
      <c r="G87292" s="16">
        <v>0.69216505887937063</v>
      </c>
    </row>
    <row r="87293" spans="1:7" x14ac:dyDescent="0.3">
      <c r="A87293" s="13" t="s">
        <v>438</v>
      </c>
      <c r="B87293" s="14" t="s">
        <v>1</v>
      </c>
      <c r="C87293" s="14" t="s">
        <v>23</v>
      </c>
      <c r="D87293" s="14" t="s">
        <v>439</v>
      </c>
      <c r="E87293" s="15">
        <v>45434</v>
      </c>
      <c r="F87293" s="14" t="s">
        <v>61</v>
      </c>
      <c r="G87293" s="16">
        <v>0.7079772069348631</v>
      </c>
    </row>
    <row r="87294" spans="1:7" x14ac:dyDescent="0.3">
      <c r="A87294" s="13" t="s">
        <v>438</v>
      </c>
      <c r="B87294" s="14" t="s">
        <v>1</v>
      </c>
      <c r="C87294" s="14" t="s">
        <v>23</v>
      </c>
      <c r="D87294" s="14" t="s">
        <v>439</v>
      </c>
      <c r="E87294" s="15">
        <v>45435</v>
      </c>
      <c r="F87294" s="14" t="s">
        <v>61</v>
      </c>
      <c r="G87294" s="16">
        <v>0.72480329680001399</v>
      </c>
    </row>
    <row r="87295" spans="1:7" x14ac:dyDescent="0.3">
      <c r="A87295" s="13" t="s">
        <v>438</v>
      </c>
      <c r="B87295" s="14" t="s">
        <v>1</v>
      </c>
      <c r="C87295" s="14" t="s">
        <v>23</v>
      </c>
      <c r="D87295" s="14" t="s">
        <v>439</v>
      </c>
      <c r="E87295" s="15">
        <v>45436</v>
      </c>
      <c r="F87295" s="14" t="s">
        <v>61</v>
      </c>
      <c r="G87295" s="16">
        <v>0.73605298213277093</v>
      </c>
    </row>
    <row r="87296" spans="1:7" x14ac:dyDescent="0.3">
      <c r="A87296" s="13" t="s">
        <v>438</v>
      </c>
      <c r="B87296" s="14" t="s">
        <v>1</v>
      </c>
      <c r="C87296" s="14" t="s">
        <v>23</v>
      </c>
      <c r="D87296" s="14" t="s">
        <v>439</v>
      </c>
      <c r="E87296" s="15">
        <v>45437</v>
      </c>
      <c r="F87296" s="14" t="s">
        <v>61</v>
      </c>
      <c r="G87296" s="16">
        <v>0.73605298213277093</v>
      </c>
    </row>
    <row r="87297" spans="1:7" x14ac:dyDescent="0.3">
      <c r="A87297" s="13" t="s">
        <v>438</v>
      </c>
      <c r="B87297" s="14" t="s">
        <v>1</v>
      </c>
      <c r="C87297" s="14" t="s">
        <v>23</v>
      </c>
      <c r="D87297" s="14" t="s">
        <v>439</v>
      </c>
      <c r="E87297" s="15">
        <v>45438</v>
      </c>
      <c r="F87297" s="14" t="s">
        <v>61</v>
      </c>
      <c r="G87297" s="16">
        <v>0.73605298213277093</v>
      </c>
    </row>
    <row r="87298" spans="1:7" x14ac:dyDescent="0.3">
      <c r="A87298" s="13" t="s">
        <v>438</v>
      </c>
      <c r="B87298" s="14" t="s">
        <v>1</v>
      </c>
      <c r="C87298" s="14" t="s">
        <v>23</v>
      </c>
      <c r="D87298" s="14" t="s">
        <v>439</v>
      </c>
      <c r="E87298" s="15">
        <v>45439</v>
      </c>
      <c r="F87298" s="14" t="s">
        <v>61</v>
      </c>
      <c r="G87298" s="16">
        <v>0.73605298213277093</v>
      </c>
    </row>
    <row r="87299" spans="1:7" x14ac:dyDescent="0.3">
      <c r="A87299" s="13" t="s">
        <v>438</v>
      </c>
      <c r="B87299" s="14" t="s">
        <v>1</v>
      </c>
      <c r="C87299" s="14" t="s">
        <v>23</v>
      </c>
      <c r="D87299" s="14" t="s">
        <v>439</v>
      </c>
      <c r="E87299" s="15">
        <v>45440</v>
      </c>
      <c r="F87299" s="14" t="s">
        <v>61</v>
      </c>
      <c r="G87299" s="16">
        <v>0.74885741782844506</v>
      </c>
    </row>
    <row r="87300" spans="1:7" x14ac:dyDescent="0.3">
      <c r="A87300" s="13" t="s">
        <v>438</v>
      </c>
      <c r="B87300" s="14" t="s">
        <v>1</v>
      </c>
      <c r="C87300" s="14" t="s">
        <v>23</v>
      </c>
      <c r="D87300" s="14" t="s">
        <v>439</v>
      </c>
      <c r="E87300" s="15">
        <v>45441</v>
      </c>
      <c r="F87300" s="14" t="s">
        <v>61</v>
      </c>
      <c r="G87300" s="16">
        <v>0.80262051868775475</v>
      </c>
    </row>
    <row r="87301" spans="1:7" x14ac:dyDescent="0.3">
      <c r="A87301" s="13" t="s">
        <v>438</v>
      </c>
      <c r="B87301" s="14" t="s">
        <v>1</v>
      </c>
      <c r="C87301" s="14" t="s">
        <v>23</v>
      </c>
      <c r="D87301" s="14" t="s">
        <v>439</v>
      </c>
      <c r="E87301" s="15">
        <v>45442</v>
      </c>
      <c r="F87301" s="14" t="s">
        <v>61</v>
      </c>
      <c r="G87301" s="16">
        <v>0.81566420483171864</v>
      </c>
    </row>
    <row r="87302" spans="1:7" x14ac:dyDescent="0.3">
      <c r="A87302" s="13" t="s">
        <v>438</v>
      </c>
      <c r="B87302" s="14" t="s">
        <v>1</v>
      </c>
      <c r="C87302" s="14" t="s">
        <v>23</v>
      </c>
      <c r="D87302" s="14" t="s">
        <v>439</v>
      </c>
      <c r="E87302" s="15">
        <v>45443</v>
      </c>
      <c r="F87302" s="14" t="s">
        <v>61</v>
      </c>
      <c r="G87302" s="16">
        <v>0.82367304069193259</v>
      </c>
    </row>
    <row r="87303" spans="1:7" x14ac:dyDescent="0.3">
      <c r="A87303" s="13" t="s">
        <v>438</v>
      </c>
      <c r="B87303" s="14" t="s">
        <v>1</v>
      </c>
      <c r="C87303" s="14" t="s">
        <v>23</v>
      </c>
      <c r="D87303" s="14" t="s">
        <v>439</v>
      </c>
      <c r="E87303" s="15">
        <v>45444</v>
      </c>
      <c r="F87303" s="14" t="s">
        <v>61</v>
      </c>
      <c r="G87303" s="16">
        <v>0.82367304069193259</v>
      </c>
    </row>
    <row r="87304" spans="1:7" x14ac:dyDescent="0.3">
      <c r="A87304" s="13" t="s">
        <v>438</v>
      </c>
      <c r="B87304" s="14" t="s">
        <v>1</v>
      </c>
      <c r="C87304" s="14" t="s">
        <v>23</v>
      </c>
      <c r="D87304" s="14" t="s">
        <v>439</v>
      </c>
      <c r="E87304" s="15">
        <v>45445</v>
      </c>
      <c r="F87304" s="14" t="s">
        <v>61</v>
      </c>
      <c r="G87304" s="16">
        <v>0.82367304069193259</v>
      </c>
    </row>
    <row r="87305" spans="1:7" x14ac:dyDescent="0.3">
      <c r="A87305" s="13" t="s">
        <v>438</v>
      </c>
      <c r="B87305" s="14" t="s">
        <v>1</v>
      </c>
      <c r="C87305" s="14" t="s">
        <v>23</v>
      </c>
      <c r="D87305" s="14" t="s">
        <v>439</v>
      </c>
      <c r="E87305" s="15">
        <v>45446</v>
      </c>
      <c r="F87305" s="14" t="s">
        <v>61</v>
      </c>
      <c r="G87305" s="16">
        <v>0.82367304069193259</v>
      </c>
    </row>
    <row r="87306" spans="1:7" x14ac:dyDescent="0.3">
      <c r="A87306" s="13" t="s">
        <v>438</v>
      </c>
      <c r="B87306" s="14" t="s">
        <v>1</v>
      </c>
      <c r="C87306" s="14" t="s">
        <v>23</v>
      </c>
      <c r="D87306" s="14" t="s">
        <v>439</v>
      </c>
      <c r="E87306" s="15">
        <v>45447</v>
      </c>
      <c r="F87306" s="14" t="s">
        <v>61</v>
      </c>
      <c r="G87306" s="16">
        <v>0.83708565839295923</v>
      </c>
    </row>
    <row r="87307" spans="1:7" x14ac:dyDescent="0.3">
      <c r="A87307" s="13" t="s">
        <v>438</v>
      </c>
      <c r="B87307" s="14" t="s">
        <v>1</v>
      </c>
      <c r="C87307" s="14" t="s">
        <v>23</v>
      </c>
      <c r="D87307" s="14" t="s">
        <v>439</v>
      </c>
      <c r="E87307" s="15">
        <v>45448</v>
      </c>
      <c r="F87307" s="14" t="s">
        <v>61</v>
      </c>
      <c r="G87307" s="16">
        <v>0.89643474006421231</v>
      </c>
    </row>
    <row r="87308" spans="1:7" x14ac:dyDescent="0.3">
      <c r="A87308" s="13" t="s">
        <v>438</v>
      </c>
      <c r="B87308" s="14" t="s">
        <v>1</v>
      </c>
      <c r="C87308" s="14" t="s">
        <v>23</v>
      </c>
      <c r="D87308" s="14" t="s">
        <v>439</v>
      </c>
      <c r="E87308" s="15">
        <v>45449</v>
      </c>
      <c r="F87308" s="14" t="s">
        <v>61</v>
      </c>
      <c r="G87308" s="16">
        <v>0.90776048727564984</v>
      </c>
    </row>
    <row r="87309" spans="1:7" x14ac:dyDescent="0.3">
      <c r="A87309" s="13" t="s">
        <v>438</v>
      </c>
      <c r="B87309" s="14" t="s">
        <v>1</v>
      </c>
      <c r="C87309" s="14" t="s">
        <v>23</v>
      </c>
      <c r="D87309" s="14" t="s">
        <v>439</v>
      </c>
      <c r="E87309" s="15">
        <v>45450</v>
      </c>
      <c r="F87309" s="14" t="s">
        <v>61</v>
      </c>
      <c r="G87309" s="16">
        <v>0.94753052790433268</v>
      </c>
    </row>
    <row r="87310" spans="1:7" x14ac:dyDescent="0.3">
      <c r="A87310" s="13" t="s">
        <v>438</v>
      </c>
      <c r="B87310" s="14" t="s">
        <v>1</v>
      </c>
      <c r="C87310" s="14" t="s">
        <v>23</v>
      </c>
      <c r="D87310" s="14" t="s">
        <v>439</v>
      </c>
      <c r="E87310" s="15">
        <v>45451</v>
      </c>
      <c r="F87310" s="14" t="s">
        <v>61</v>
      </c>
      <c r="G87310" s="16">
        <v>0.94753052790433268</v>
      </c>
    </row>
    <row r="87311" spans="1:7" x14ac:dyDescent="0.3">
      <c r="A87311" s="13" t="s">
        <v>438</v>
      </c>
      <c r="B87311" s="14" t="s">
        <v>1</v>
      </c>
      <c r="C87311" s="14" t="s">
        <v>23</v>
      </c>
      <c r="D87311" s="14" t="s">
        <v>439</v>
      </c>
      <c r="E87311" s="15">
        <v>45452</v>
      </c>
      <c r="F87311" s="14" t="s">
        <v>61</v>
      </c>
      <c r="G87311" s="16">
        <v>0.94753052790433268</v>
      </c>
    </row>
    <row r="87312" spans="1:7" x14ac:dyDescent="0.3">
      <c r="A87312" s="13" t="s">
        <v>438</v>
      </c>
      <c r="B87312" s="14" t="s">
        <v>1</v>
      </c>
      <c r="C87312" s="14" t="s">
        <v>23</v>
      </c>
      <c r="D87312" s="14" t="s">
        <v>439</v>
      </c>
      <c r="E87312" s="15">
        <v>45453</v>
      </c>
      <c r="F87312" s="14" t="s">
        <v>61</v>
      </c>
      <c r="G87312" s="16">
        <v>0.96399348323142786</v>
      </c>
    </row>
    <row r="87313" spans="1:7" x14ac:dyDescent="0.3">
      <c r="A87313" s="13" t="s">
        <v>438</v>
      </c>
      <c r="B87313" s="14" t="s">
        <v>1</v>
      </c>
      <c r="C87313" s="14" t="s">
        <v>23</v>
      </c>
      <c r="D87313" s="14" t="s">
        <v>439</v>
      </c>
      <c r="E87313" s="15">
        <v>45454</v>
      </c>
      <c r="F87313" s="14" t="s">
        <v>61</v>
      </c>
      <c r="G87313" s="16">
        <v>1.0057028369754937</v>
      </c>
    </row>
    <row r="87314" spans="1:7" x14ac:dyDescent="0.3">
      <c r="A87314" s="13" t="s">
        <v>438</v>
      </c>
      <c r="B87314" s="14" t="s">
        <v>1</v>
      </c>
      <c r="C87314" s="14" t="s">
        <v>23</v>
      </c>
      <c r="D87314" s="14" t="s">
        <v>439</v>
      </c>
      <c r="E87314" s="15">
        <v>45455</v>
      </c>
      <c r="F87314" s="14" t="s">
        <v>61</v>
      </c>
      <c r="G87314" s="16">
        <v>1.0122223298274395</v>
      </c>
    </row>
    <row r="87315" spans="1:7" x14ac:dyDescent="0.3">
      <c r="A87315" s="13" t="s">
        <v>438</v>
      </c>
      <c r="B87315" s="14" t="s">
        <v>1</v>
      </c>
      <c r="C87315" s="14" t="s">
        <v>23</v>
      </c>
      <c r="D87315" s="14" t="s">
        <v>439</v>
      </c>
      <c r="E87315" s="15">
        <v>45456</v>
      </c>
      <c r="F87315" s="14" t="s">
        <v>61</v>
      </c>
      <c r="G87315" s="16">
        <v>1.0315363525022985</v>
      </c>
    </row>
    <row r="87316" spans="1:7" x14ac:dyDescent="0.3">
      <c r="A87316" s="13" t="s">
        <v>438</v>
      </c>
      <c r="B87316" s="14" t="s">
        <v>1</v>
      </c>
      <c r="C87316" s="14" t="s">
        <v>23</v>
      </c>
      <c r="D87316" s="14" t="s">
        <v>439</v>
      </c>
      <c r="E87316" s="15">
        <v>45457</v>
      </c>
      <c r="F87316" s="14" t="s">
        <v>61</v>
      </c>
      <c r="G87316" s="16">
        <v>1.0495464145787459</v>
      </c>
    </row>
    <row r="87317" spans="1:7" x14ac:dyDescent="0.3">
      <c r="A87317" s="13" t="s">
        <v>438</v>
      </c>
      <c r="B87317" s="14" t="s">
        <v>1</v>
      </c>
      <c r="C87317" s="14" t="s">
        <v>23</v>
      </c>
      <c r="D87317" s="14" t="s">
        <v>439</v>
      </c>
      <c r="E87317" s="15">
        <v>45458</v>
      </c>
      <c r="F87317" s="14" t="s">
        <v>61</v>
      </c>
      <c r="G87317" s="16">
        <v>1.0495464145787459</v>
      </c>
    </row>
    <row r="87318" spans="1:7" x14ac:dyDescent="0.3">
      <c r="A87318" s="13" t="s">
        <v>438</v>
      </c>
      <c r="B87318" s="14" t="s">
        <v>1</v>
      </c>
      <c r="C87318" s="14" t="s">
        <v>23</v>
      </c>
      <c r="D87318" s="14" t="s">
        <v>439</v>
      </c>
      <c r="E87318" s="15">
        <v>45459</v>
      </c>
      <c r="F87318" s="14" t="s">
        <v>61</v>
      </c>
      <c r="G87318" s="16">
        <v>1.0495464145787459</v>
      </c>
    </row>
    <row r="87319" spans="1:7" x14ac:dyDescent="0.3">
      <c r="A87319" s="13" t="s">
        <v>438</v>
      </c>
      <c r="B87319" s="14" t="s">
        <v>1</v>
      </c>
      <c r="C87319" s="14" t="s">
        <v>23</v>
      </c>
      <c r="D87319" s="14" t="s">
        <v>439</v>
      </c>
      <c r="E87319" s="15">
        <v>45460</v>
      </c>
      <c r="F87319" s="14" t="s">
        <v>61</v>
      </c>
      <c r="G87319" s="16">
        <v>1.0597298099975396</v>
      </c>
    </row>
    <row r="87320" spans="1:7" x14ac:dyDescent="0.3">
      <c r="A87320" s="13" t="s">
        <v>438</v>
      </c>
      <c r="B87320" s="14" t="s">
        <v>1</v>
      </c>
      <c r="C87320" s="14" t="s">
        <v>23</v>
      </c>
      <c r="D87320" s="14" t="s">
        <v>439</v>
      </c>
      <c r="E87320" s="15">
        <v>45461</v>
      </c>
      <c r="F87320" s="14" t="s">
        <v>61</v>
      </c>
      <c r="G87320" s="16">
        <v>1.0983593615081928</v>
      </c>
    </row>
    <row r="87321" spans="1:7" x14ac:dyDescent="0.3">
      <c r="A87321" s="13" t="s">
        <v>438</v>
      </c>
      <c r="B87321" s="14" t="s">
        <v>1</v>
      </c>
      <c r="C87321" s="14" t="s">
        <v>23</v>
      </c>
      <c r="D87321" s="14" t="s">
        <v>439</v>
      </c>
      <c r="E87321" s="15">
        <v>45462</v>
      </c>
      <c r="F87321" s="14" t="s">
        <v>61</v>
      </c>
      <c r="G87321" s="16">
        <v>1.0983593615081928</v>
      </c>
    </row>
    <row r="87322" spans="1:7" x14ac:dyDescent="0.3">
      <c r="A87322" s="13" t="s">
        <v>438</v>
      </c>
      <c r="B87322" s="14" t="s">
        <v>1</v>
      </c>
      <c r="C87322" s="14" t="s">
        <v>23</v>
      </c>
      <c r="D87322" s="14" t="s">
        <v>439</v>
      </c>
      <c r="E87322" s="15">
        <v>45463</v>
      </c>
      <c r="F87322" s="14" t="s">
        <v>61</v>
      </c>
      <c r="G87322" s="16">
        <v>1.1154705342280906</v>
      </c>
    </row>
    <row r="87323" spans="1:7" x14ac:dyDescent="0.3">
      <c r="A87323" s="13" t="s">
        <v>438</v>
      </c>
      <c r="B87323" s="14" t="s">
        <v>1</v>
      </c>
      <c r="C87323" s="14" t="s">
        <v>23</v>
      </c>
      <c r="D87323" s="14" t="s">
        <v>439</v>
      </c>
      <c r="E87323" s="15">
        <v>45464</v>
      </c>
      <c r="F87323" s="14" t="s">
        <v>61</v>
      </c>
      <c r="G87323" s="16">
        <v>1.1443503604751626</v>
      </c>
    </row>
    <row r="87324" spans="1:7" x14ac:dyDescent="0.3">
      <c r="A87324" s="13" t="s">
        <v>438</v>
      </c>
      <c r="B87324" s="14" t="s">
        <v>1</v>
      </c>
      <c r="C87324" s="14" t="s">
        <v>23</v>
      </c>
      <c r="D87324" s="14" t="s">
        <v>439</v>
      </c>
      <c r="E87324" s="15">
        <v>45465</v>
      </c>
      <c r="F87324" s="14" t="s">
        <v>61</v>
      </c>
      <c r="G87324" s="16">
        <v>1.1443503604751626</v>
      </c>
    </row>
    <row r="87325" spans="1:7" x14ac:dyDescent="0.3">
      <c r="A87325" s="13" t="s">
        <v>438</v>
      </c>
      <c r="B87325" s="14" t="s">
        <v>1</v>
      </c>
      <c r="C87325" s="14" t="s">
        <v>23</v>
      </c>
      <c r="D87325" s="14" t="s">
        <v>439</v>
      </c>
      <c r="E87325" s="15">
        <v>45466</v>
      </c>
      <c r="F87325" s="14" t="s">
        <v>61</v>
      </c>
      <c r="G87325" s="16">
        <v>1.1443503604751626</v>
      </c>
    </row>
    <row r="87326" spans="1:7" x14ac:dyDescent="0.3">
      <c r="A87326" s="13" t="s">
        <v>438</v>
      </c>
      <c r="B87326" s="14" t="s">
        <v>1</v>
      </c>
      <c r="C87326" s="14" t="s">
        <v>23</v>
      </c>
      <c r="D87326" s="14" t="s">
        <v>439</v>
      </c>
      <c r="E87326" s="15">
        <v>45467</v>
      </c>
      <c r="F87326" s="14" t="s">
        <v>61</v>
      </c>
      <c r="G87326" s="16">
        <v>1.1532880022735443</v>
      </c>
    </row>
    <row r="87327" spans="1:7" x14ac:dyDescent="0.3">
      <c r="A87327" s="13" t="s">
        <v>438</v>
      </c>
      <c r="B87327" s="14" t="s">
        <v>1</v>
      </c>
      <c r="C87327" s="14" t="s">
        <v>23</v>
      </c>
      <c r="D87327" s="14" t="s">
        <v>439</v>
      </c>
      <c r="E87327" s="15">
        <v>45468</v>
      </c>
      <c r="F87327" s="14" t="s">
        <v>61</v>
      </c>
      <c r="G87327" s="16">
        <v>1.1969183864050574</v>
      </c>
    </row>
    <row r="87328" spans="1:7" x14ac:dyDescent="0.3">
      <c r="A87328" s="13" t="s">
        <v>438</v>
      </c>
      <c r="B87328" s="14" t="s">
        <v>1</v>
      </c>
      <c r="C87328" s="14" t="s">
        <v>23</v>
      </c>
      <c r="D87328" s="14" t="s">
        <v>439</v>
      </c>
      <c r="E87328" s="15">
        <v>45469</v>
      </c>
      <c r="F87328" s="14" t="s">
        <v>61</v>
      </c>
      <c r="G87328" s="16">
        <v>1.2128484173886196</v>
      </c>
    </row>
    <row r="87329" spans="1:7" x14ac:dyDescent="0.3">
      <c r="A87329" s="13" t="s">
        <v>438</v>
      </c>
      <c r="B87329" s="14" t="s">
        <v>1</v>
      </c>
      <c r="C87329" s="14" t="s">
        <v>23</v>
      </c>
      <c r="D87329" s="14" t="s">
        <v>439</v>
      </c>
      <c r="E87329" s="15">
        <v>45470</v>
      </c>
      <c r="F87329" s="14" t="s">
        <v>61</v>
      </c>
      <c r="G87329" s="16">
        <v>1.2231240110134487</v>
      </c>
    </row>
    <row r="87330" spans="1:7" x14ac:dyDescent="0.3">
      <c r="A87330" s="13" t="s">
        <v>438</v>
      </c>
      <c r="B87330" s="14" t="s">
        <v>1</v>
      </c>
      <c r="C87330" s="14" t="s">
        <v>23</v>
      </c>
      <c r="D87330" s="14" t="s">
        <v>439</v>
      </c>
      <c r="E87330" s="15">
        <v>45471</v>
      </c>
      <c r="F87330" s="14" t="s">
        <v>61</v>
      </c>
      <c r="G87330" s="16">
        <v>1.23483345343172</v>
      </c>
    </row>
    <row r="87331" spans="1:7" x14ac:dyDescent="0.3">
      <c r="A87331" s="13" t="s">
        <v>438</v>
      </c>
      <c r="B87331" s="14" t="s">
        <v>1</v>
      </c>
      <c r="C87331" s="14" t="s">
        <v>23</v>
      </c>
      <c r="D87331" s="14" t="s">
        <v>439</v>
      </c>
      <c r="E87331" s="15">
        <v>45472</v>
      </c>
      <c r="F87331" s="14" t="s">
        <v>61</v>
      </c>
      <c r="G87331" s="16">
        <v>1.23483345343172</v>
      </c>
    </row>
    <row r="87332" spans="1:7" x14ac:dyDescent="0.3">
      <c r="A87332" s="13" t="s">
        <v>438</v>
      </c>
      <c r="B87332" s="14" t="s">
        <v>1</v>
      </c>
      <c r="C87332" s="14" t="s">
        <v>23</v>
      </c>
      <c r="D87332" s="14" t="s">
        <v>439</v>
      </c>
      <c r="E87332" s="15">
        <v>45473</v>
      </c>
      <c r="F87332" s="14" t="s">
        <v>61</v>
      </c>
      <c r="G87332" s="16">
        <v>1.23483345343172</v>
      </c>
    </row>
    <row r="87333" spans="1:7" x14ac:dyDescent="0.3">
      <c r="A87333" s="13" t="s">
        <v>438</v>
      </c>
      <c r="B87333" s="14" t="s">
        <v>1</v>
      </c>
      <c r="C87333" s="14" t="s">
        <v>23</v>
      </c>
      <c r="D87333" s="14" t="s">
        <v>439</v>
      </c>
      <c r="E87333" s="15">
        <v>45474</v>
      </c>
      <c r="F87333" s="14" t="s">
        <v>61</v>
      </c>
      <c r="G87333" s="16">
        <v>1.2450685352658701</v>
      </c>
    </row>
    <row r="87334" spans="1:7" x14ac:dyDescent="0.3">
      <c r="A87334" s="13" t="s">
        <v>438</v>
      </c>
      <c r="B87334" s="14" t="s">
        <v>1</v>
      </c>
      <c r="C87334" s="14" t="s">
        <v>23</v>
      </c>
      <c r="D87334" s="14" t="s">
        <v>439</v>
      </c>
      <c r="E87334" s="15">
        <v>45475</v>
      </c>
      <c r="F87334" s="14" t="s">
        <v>61</v>
      </c>
      <c r="G87334" s="16">
        <v>1.2845609583894193</v>
      </c>
    </row>
    <row r="87335" spans="1:7" x14ac:dyDescent="0.3">
      <c r="A87335" s="13" t="s">
        <v>438</v>
      </c>
      <c r="B87335" s="14" t="s">
        <v>1</v>
      </c>
      <c r="C87335" s="14" t="s">
        <v>23</v>
      </c>
      <c r="D87335" s="14" t="s">
        <v>439</v>
      </c>
      <c r="E87335" s="15">
        <v>45476</v>
      </c>
      <c r="F87335" s="14" t="s">
        <v>61</v>
      </c>
      <c r="G87335" s="16">
        <v>1.2929427441212986</v>
      </c>
    </row>
    <row r="87336" spans="1:7" x14ac:dyDescent="0.3">
      <c r="A87336" s="13" t="s">
        <v>438</v>
      </c>
      <c r="B87336" s="14" t="s">
        <v>1</v>
      </c>
      <c r="C87336" s="14" t="s">
        <v>23</v>
      </c>
      <c r="D87336" s="14" t="s">
        <v>439</v>
      </c>
      <c r="E87336" s="15">
        <v>45477</v>
      </c>
      <c r="F87336" s="14" t="s">
        <v>61</v>
      </c>
      <c r="G87336" s="16">
        <v>1.2929427441212986</v>
      </c>
    </row>
    <row r="87337" spans="1:7" x14ac:dyDescent="0.3">
      <c r="A87337" s="13" t="s">
        <v>438</v>
      </c>
      <c r="B87337" s="14" t="s">
        <v>1</v>
      </c>
      <c r="C87337" s="14" t="s">
        <v>23</v>
      </c>
      <c r="D87337" s="14" t="s">
        <v>439</v>
      </c>
      <c r="E87337" s="15">
        <v>45478</v>
      </c>
      <c r="F87337" s="14" t="s">
        <v>61</v>
      </c>
      <c r="G87337" s="16">
        <v>1.2999545311531588</v>
      </c>
    </row>
    <row r="87338" spans="1:7" x14ac:dyDescent="0.3">
      <c r="A87338" s="13" t="s">
        <v>438</v>
      </c>
      <c r="B87338" s="14" t="s">
        <v>1</v>
      </c>
      <c r="C87338" s="14" t="s">
        <v>23</v>
      </c>
      <c r="D87338" s="14" t="s">
        <v>439</v>
      </c>
      <c r="E87338" s="15">
        <v>45479</v>
      </c>
      <c r="F87338" s="14" t="s">
        <v>61</v>
      </c>
      <c r="G87338" s="16">
        <v>1.2999545311531588</v>
      </c>
    </row>
    <row r="87339" spans="1:7" x14ac:dyDescent="0.3">
      <c r="A87339" s="13" t="s">
        <v>438</v>
      </c>
      <c r="B87339" s="14" t="s">
        <v>1</v>
      </c>
      <c r="C87339" s="14" t="s">
        <v>23</v>
      </c>
      <c r="D87339" s="14" t="s">
        <v>439</v>
      </c>
      <c r="E87339" s="15">
        <v>45480</v>
      </c>
      <c r="F87339" s="14" t="s">
        <v>61</v>
      </c>
      <c r="G87339" s="16">
        <v>1.2999545311531588</v>
      </c>
    </row>
    <row r="87340" spans="1:7" x14ac:dyDescent="0.3">
      <c r="A87340" s="13" t="s">
        <v>438</v>
      </c>
      <c r="B87340" s="14" t="s">
        <v>1</v>
      </c>
      <c r="C87340" s="14" t="s">
        <v>23</v>
      </c>
      <c r="D87340" s="14" t="s">
        <v>439</v>
      </c>
      <c r="E87340" s="15">
        <v>45481</v>
      </c>
      <c r="F87340" s="14" t="s">
        <v>61</v>
      </c>
      <c r="G87340" s="16">
        <v>1.3522446464624409</v>
      </c>
    </row>
    <row r="87341" spans="1:7" x14ac:dyDescent="0.3">
      <c r="A87341" s="13" t="s">
        <v>438</v>
      </c>
      <c r="B87341" s="14" t="s">
        <v>1</v>
      </c>
      <c r="C87341" s="14" t="s">
        <v>23</v>
      </c>
      <c r="D87341" s="14" t="s">
        <v>439</v>
      </c>
      <c r="E87341" s="15">
        <v>45482</v>
      </c>
      <c r="F87341" s="14" t="s">
        <v>61</v>
      </c>
      <c r="G87341" s="16">
        <v>1.3942024450213892</v>
      </c>
    </row>
    <row r="87342" spans="1:7" x14ac:dyDescent="0.3">
      <c r="A87342" s="13" t="s">
        <v>438</v>
      </c>
      <c r="B87342" s="14" t="s">
        <v>1</v>
      </c>
      <c r="C87342" s="14" t="s">
        <v>23</v>
      </c>
      <c r="D87342" s="14" t="s">
        <v>439</v>
      </c>
      <c r="E87342" s="15">
        <v>45483</v>
      </c>
      <c r="F87342" s="14" t="s">
        <v>61</v>
      </c>
      <c r="G87342" s="16">
        <v>1.4066955059532587</v>
      </c>
    </row>
    <row r="87343" spans="1:7" x14ac:dyDescent="0.3">
      <c r="A87343" s="13" t="s">
        <v>438</v>
      </c>
      <c r="B87343" s="14" t="s">
        <v>1</v>
      </c>
      <c r="C87343" s="14" t="s">
        <v>23</v>
      </c>
      <c r="D87343" s="14" t="s">
        <v>439</v>
      </c>
      <c r="E87343" s="15">
        <v>45484</v>
      </c>
      <c r="F87343" s="14" t="s">
        <v>61</v>
      </c>
      <c r="G87343" s="16">
        <v>1.4151727450493561</v>
      </c>
    </row>
    <row r="87344" spans="1:7" x14ac:dyDescent="0.3">
      <c r="A87344" s="13" t="s">
        <v>438</v>
      </c>
      <c r="B87344" s="14" t="s">
        <v>1</v>
      </c>
      <c r="C87344" s="14" t="s">
        <v>23</v>
      </c>
      <c r="D87344" s="14" t="s">
        <v>439</v>
      </c>
      <c r="E87344" s="15">
        <v>45485</v>
      </c>
      <c r="F87344" s="14" t="s">
        <v>61</v>
      </c>
      <c r="G87344" s="16">
        <v>1.4241467639653738</v>
      </c>
    </row>
    <row r="87345" spans="1:7" x14ac:dyDescent="0.3">
      <c r="A87345" s="13" t="s">
        <v>438</v>
      </c>
      <c r="B87345" s="14" t="s">
        <v>1</v>
      </c>
      <c r="C87345" s="14" t="s">
        <v>23</v>
      </c>
      <c r="D87345" s="14" t="s">
        <v>439</v>
      </c>
      <c r="E87345" s="15">
        <v>45486</v>
      </c>
      <c r="F87345" s="14" t="s">
        <v>61</v>
      </c>
      <c r="G87345" s="16">
        <v>1.4241467639653738</v>
      </c>
    </row>
    <row r="87346" spans="1:7" x14ac:dyDescent="0.3">
      <c r="A87346" s="13" t="s">
        <v>438</v>
      </c>
      <c r="B87346" s="14" t="s">
        <v>1</v>
      </c>
      <c r="C87346" s="14" t="s">
        <v>23</v>
      </c>
      <c r="D87346" s="14" t="s">
        <v>439</v>
      </c>
      <c r="E87346" s="15">
        <v>45487</v>
      </c>
      <c r="F87346" s="14" t="s">
        <v>61</v>
      </c>
      <c r="G87346" s="16">
        <v>1.4241467639653738</v>
      </c>
    </row>
    <row r="87347" spans="1:7" x14ac:dyDescent="0.3">
      <c r="A87347" s="13" t="s">
        <v>438</v>
      </c>
      <c r="B87347" s="14" t="s">
        <v>1</v>
      </c>
      <c r="C87347" s="14" t="s">
        <v>23</v>
      </c>
      <c r="D87347" s="14" t="s">
        <v>439</v>
      </c>
      <c r="E87347" s="15">
        <v>45488</v>
      </c>
      <c r="F87347" s="14" t="s">
        <v>61</v>
      </c>
      <c r="G87347" s="16">
        <v>1.4390612257820976</v>
      </c>
    </row>
    <row r="87348" spans="1:7" x14ac:dyDescent="0.3">
      <c r="A87348" s="13" t="s">
        <v>438</v>
      </c>
      <c r="B87348" s="14" t="s">
        <v>1</v>
      </c>
      <c r="C87348" s="14" t="s">
        <v>23</v>
      </c>
      <c r="D87348" s="14" t="s">
        <v>439</v>
      </c>
      <c r="E87348" s="15">
        <v>45489</v>
      </c>
      <c r="F87348" s="14" t="s">
        <v>61</v>
      </c>
      <c r="G87348" s="16">
        <v>1.4776391790598407</v>
      </c>
    </row>
    <row r="87349" spans="1:7" x14ac:dyDescent="0.3">
      <c r="A87349" s="13" t="s">
        <v>438</v>
      </c>
      <c r="B87349" s="14" t="s">
        <v>1</v>
      </c>
      <c r="C87349" s="14" t="s">
        <v>23</v>
      </c>
      <c r="D87349" s="14" t="s">
        <v>439</v>
      </c>
      <c r="E87349" s="15">
        <v>45490</v>
      </c>
      <c r="F87349" s="14" t="s">
        <v>61</v>
      </c>
      <c r="G87349" s="16">
        <v>1.4854168195270796</v>
      </c>
    </row>
    <row r="87350" spans="1:7" x14ac:dyDescent="0.3">
      <c r="A87350" s="13" t="s">
        <v>438</v>
      </c>
      <c r="B87350" s="14" t="s">
        <v>1</v>
      </c>
      <c r="C87350" s="14" t="s">
        <v>23</v>
      </c>
      <c r="D87350" s="14" t="s">
        <v>439</v>
      </c>
      <c r="E87350" s="15">
        <v>45491</v>
      </c>
      <c r="F87350" s="14" t="s">
        <v>61</v>
      </c>
      <c r="G87350" s="16">
        <v>1.50468969824279</v>
      </c>
    </row>
    <row r="87351" spans="1:7" x14ac:dyDescent="0.3">
      <c r="A87351" s="13" t="s">
        <v>438</v>
      </c>
      <c r="B87351" s="14" t="s">
        <v>1</v>
      </c>
      <c r="C87351" s="14" t="s">
        <v>23</v>
      </c>
      <c r="D87351" s="14" t="s">
        <v>439</v>
      </c>
      <c r="E87351" s="15">
        <v>45492</v>
      </c>
      <c r="F87351" s="14" t="s">
        <v>61</v>
      </c>
      <c r="G87351" s="16">
        <v>1.5198098256273294</v>
      </c>
    </row>
    <row r="87352" spans="1:7" x14ac:dyDescent="0.3">
      <c r="A87352" s="13" t="s">
        <v>438</v>
      </c>
      <c r="B87352" s="14" t="s">
        <v>1</v>
      </c>
      <c r="C87352" s="14" t="s">
        <v>23</v>
      </c>
      <c r="D87352" s="14" t="s">
        <v>439</v>
      </c>
      <c r="E87352" s="15">
        <v>45493</v>
      </c>
      <c r="F87352" s="14" t="s">
        <v>61</v>
      </c>
      <c r="G87352" s="16">
        <v>1.5198098256273294</v>
      </c>
    </row>
    <row r="87353" spans="1:7" x14ac:dyDescent="0.3">
      <c r="A87353" s="13" t="s">
        <v>438</v>
      </c>
      <c r="B87353" s="14" t="s">
        <v>1</v>
      </c>
      <c r="C87353" s="14" t="s">
        <v>23</v>
      </c>
      <c r="D87353" s="14" t="s">
        <v>439</v>
      </c>
      <c r="E87353" s="15">
        <v>45494</v>
      </c>
      <c r="F87353" s="14" t="s">
        <v>61</v>
      </c>
      <c r="G87353" s="16">
        <v>1.5198098256273294</v>
      </c>
    </row>
    <row r="87354" spans="1:7" x14ac:dyDescent="0.3">
      <c r="A87354" s="13" t="s">
        <v>438</v>
      </c>
      <c r="B87354" s="14" t="s">
        <v>1</v>
      </c>
      <c r="C87354" s="14" t="s">
        <v>23</v>
      </c>
      <c r="D87354" s="14" t="s">
        <v>439</v>
      </c>
      <c r="E87354" s="15">
        <v>45495</v>
      </c>
      <c r="F87354" s="14" t="s">
        <v>61</v>
      </c>
      <c r="G87354" s="16">
        <v>1.5310424135519409</v>
      </c>
    </row>
    <row r="87355" spans="1:7" x14ac:dyDescent="0.3">
      <c r="A87355" s="13" t="s">
        <v>438</v>
      </c>
      <c r="B87355" s="14" t="s">
        <v>1</v>
      </c>
      <c r="C87355" s="14" t="s">
        <v>23</v>
      </c>
      <c r="D87355" s="14" t="s">
        <v>439</v>
      </c>
      <c r="E87355" s="15">
        <v>45496</v>
      </c>
      <c r="F87355" s="14" t="s">
        <v>61</v>
      </c>
      <c r="G87355" s="16">
        <v>1.5754373769921486</v>
      </c>
    </row>
    <row r="87356" spans="1:7" x14ac:dyDescent="0.3">
      <c r="A87356" s="13" t="s">
        <v>438</v>
      </c>
      <c r="B87356" s="14" t="s">
        <v>1</v>
      </c>
      <c r="C87356" s="14" t="s">
        <v>23</v>
      </c>
      <c r="D87356" s="14" t="s">
        <v>439</v>
      </c>
      <c r="E87356" s="15">
        <v>45497</v>
      </c>
      <c r="F87356" s="14" t="s">
        <v>61</v>
      </c>
      <c r="G87356" s="16">
        <v>1.5921164140460373</v>
      </c>
    </row>
    <row r="87357" spans="1:7" x14ac:dyDescent="0.3">
      <c r="A87357" s="13" t="s">
        <v>438</v>
      </c>
      <c r="B87357" s="14" t="s">
        <v>1</v>
      </c>
      <c r="C87357" s="14" t="s">
        <v>23</v>
      </c>
      <c r="D87357" s="14" t="s">
        <v>439</v>
      </c>
      <c r="E87357" s="15">
        <v>45498</v>
      </c>
      <c r="F87357" s="14" t="s">
        <v>61</v>
      </c>
      <c r="G87357" s="16">
        <v>1.6036642758618338</v>
      </c>
    </row>
    <row r="87358" spans="1:7" x14ac:dyDescent="0.3">
      <c r="A87358" s="13" t="s">
        <v>438</v>
      </c>
      <c r="B87358" s="14" t="s">
        <v>1</v>
      </c>
      <c r="C87358" s="14" t="s">
        <v>23</v>
      </c>
      <c r="D87358" s="14" t="s">
        <v>439</v>
      </c>
      <c r="E87358" s="15">
        <v>45499</v>
      </c>
      <c r="F87358" s="14" t="s">
        <v>61</v>
      </c>
      <c r="G87358" s="16">
        <v>1.6143866663689097</v>
      </c>
    </row>
    <row r="87359" spans="1:7" x14ac:dyDescent="0.3">
      <c r="A87359" s="13" t="s">
        <v>438</v>
      </c>
      <c r="B87359" s="14" t="s">
        <v>1</v>
      </c>
      <c r="C87359" s="14" t="s">
        <v>23</v>
      </c>
      <c r="D87359" s="14" t="s">
        <v>439</v>
      </c>
      <c r="E87359" s="15">
        <v>45500</v>
      </c>
      <c r="F87359" s="14" t="s">
        <v>61</v>
      </c>
      <c r="G87359" s="16">
        <v>1.6143866663689097</v>
      </c>
    </row>
    <row r="87360" spans="1:7" x14ac:dyDescent="0.3">
      <c r="A87360" s="13" t="s">
        <v>438</v>
      </c>
      <c r="B87360" s="14" t="s">
        <v>1</v>
      </c>
      <c r="C87360" s="14" t="s">
        <v>23</v>
      </c>
      <c r="D87360" s="14" t="s">
        <v>439</v>
      </c>
      <c r="E87360" s="15">
        <v>45501</v>
      </c>
      <c r="F87360" s="14" t="s">
        <v>61</v>
      </c>
      <c r="G87360" s="16">
        <v>1.6143866663689097</v>
      </c>
    </row>
    <row r="87361" spans="1:7" x14ac:dyDescent="0.3">
      <c r="A87361" s="13" t="s">
        <v>438</v>
      </c>
      <c r="B87361" s="14" t="s">
        <v>1</v>
      </c>
      <c r="C87361" s="14" t="s">
        <v>23</v>
      </c>
      <c r="D87361" s="14" t="s">
        <v>439</v>
      </c>
      <c r="E87361" s="15">
        <v>45502</v>
      </c>
      <c r="F87361" s="14" t="s">
        <v>61</v>
      </c>
      <c r="G87361" s="16">
        <v>1.6325150747671351</v>
      </c>
    </row>
    <row r="87362" spans="1:7" x14ac:dyDescent="0.3">
      <c r="A87362" s="13" t="s">
        <v>438</v>
      </c>
      <c r="B87362" s="14" t="s">
        <v>1</v>
      </c>
      <c r="C87362" s="14" t="s">
        <v>23</v>
      </c>
      <c r="D87362" s="14" t="s">
        <v>439</v>
      </c>
      <c r="E87362" s="15">
        <v>45503</v>
      </c>
      <c r="F87362" s="14" t="s">
        <v>61</v>
      </c>
      <c r="G87362" s="16">
        <v>1.671108983385754</v>
      </c>
    </row>
    <row r="87363" spans="1:7" x14ac:dyDescent="0.3">
      <c r="A87363" s="13" t="s">
        <v>438</v>
      </c>
      <c r="B87363" s="14" t="s">
        <v>1</v>
      </c>
      <c r="C87363" s="14" t="s">
        <v>23</v>
      </c>
      <c r="D87363" s="14" t="s">
        <v>439</v>
      </c>
      <c r="E87363" s="15">
        <v>45504</v>
      </c>
      <c r="F87363" s="14" t="s">
        <v>61</v>
      </c>
      <c r="G87363" s="16">
        <v>1.6832312744322095</v>
      </c>
    </row>
    <row r="87364" spans="1:7" x14ac:dyDescent="0.3">
      <c r="A87364" s="13" t="s">
        <v>438</v>
      </c>
      <c r="B87364" s="14" t="s">
        <v>1</v>
      </c>
      <c r="C87364" s="14" t="s">
        <v>23</v>
      </c>
      <c r="D87364" s="14" t="s">
        <v>439</v>
      </c>
      <c r="E87364" s="15">
        <v>45505</v>
      </c>
      <c r="F87364" s="14" t="s">
        <v>61</v>
      </c>
      <c r="G87364" s="16">
        <v>1.6933786743583243</v>
      </c>
    </row>
    <row r="87365" spans="1:7" x14ac:dyDescent="0.3">
      <c r="A87365" s="13" t="s">
        <v>438</v>
      </c>
      <c r="B87365" s="14" t="s">
        <v>1</v>
      </c>
      <c r="C87365" s="14" t="s">
        <v>23</v>
      </c>
      <c r="D87365" s="14" t="s">
        <v>439</v>
      </c>
      <c r="E87365" s="15">
        <v>45506</v>
      </c>
      <c r="F87365" s="14" t="s">
        <v>61</v>
      </c>
      <c r="G87365" s="16">
        <v>1.6795674361954467</v>
      </c>
    </row>
    <row r="87366" spans="1:7" x14ac:dyDescent="0.3">
      <c r="A87366" s="13" t="s">
        <v>438</v>
      </c>
      <c r="B87366" s="14" t="s">
        <v>1</v>
      </c>
      <c r="C87366" s="14" t="s">
        <v>23</v>
      </c>
      <c r="D87366" s="14" t="s">
        <v>439</v>
      </c>
      <c r="E87366" s="15">
        <v>45507</v>
      </c>
      <c r="F87366" s="14" t="s">
        <v>61</v>
      </c>
      <c r="G87366" s="16">
        <v>1.6795674361954467</v>
      </c>
    </row>
    <row r="87367" spans="1:7" x14ac:dyDescent="0.3">
      <c r="A87367" s="13" t="s">
        <v>438</v>
      </c>
      <c r="B87367" s="14" t="s">
        <v>1</v>
      </c>
      <c r="C87367" s="14" t="s">
        <v>23</v>
      </c>
      <c r="D87367" s="14" t="s">
        <v>439</v>
      </c>
      <c r="E87367" s="15">
        <v>45508</v>
      </c>
      <c r="F87367" s="14" t="s">
        <v>61</v>
      </c>
      <c r="G87367" s="16">
        <v>1.6795674361954467</v>
      </c>
    </row>
    <row r="87368" spans="1:7" x14ac:dyDescent="0.3">
      <c r="A87368" s="13" t="s">
        <v>438</v>
      </c>
      <c r="B87368" s="14" t="s">
        <v>1</v>
      </c>
      <c r="C87368" s="14" t="s">
        <v>23</v>
      </c>
      <c r="D87368" s="14" t="s">
        <v>439</v>
      </c>
      <c r="E87368" s="15">
        <v>45509</v>
      </c>
      <c r="F87368" s="14" t="s">
        <v>61</v>
      </c>
      <c r="G87368" s="16">
        <v>1.6795674361954467</v>
      </c>
    </row>
    <row r="87369" spans="1:7" x14ac:dyDescent="0.3">
      <c r="A87369" s="13" t="s">
        <v>438</v>
      </c>
      <c r="B87369" s="14" t="s">
        <v>1</v>
      </c>
      <c r="C87369" s="14" t="s">
        <v>23</v>
      </c>
      <c r="D87369" s="14" t="s">
        <v>439</v>
      </c>
      <c r="E87369" s="15">
        <v>45510</v>
      </c>
      <c r="F87369" s="14" t="s">
        <v>61</v>
      </c>
      <c r="G87369" s="16">
        <v>1.6881253752883871</v>
      </c>
    </row>
    <row r="87370" spans="1:7" x14ac:dyDescent="0.3">
      <c r="A87370" s="13" t="s">
        <v>438</v>
      </c>
      <c r="B87370" s="14" t="s">
        <v>1</v>
      </c>
      <c r="C87370" s="14" t="s">
        <v>23</v>
      </c>
      <c r="D87370" s="14" t="s">
        <v>439</v>
      </c>
      <c r="E87370" s="15">
        <v>45511</v>
      </c>
      <c r="F87370" s="14" t="s">
        <v>61</v>
      </c>
      <c r="G87370" s="16">
        <v>1.7545905912576112</v>
      </c>
    </row>
    <row r="87371" spans="1:7" x14ac:dyDescent="0.3">
      <c r="A87371" s="13" t="s">
        <v>438</v>
      </c>
      <c r="B87371" s="14" t="s">
        <v>1</v>
      </c>
      <c r="C87371" s="14" t="s">
        <v>23</v>
      </c>
      <c r="D87371" s="14" t="s">
        <v>439</v>
      </c>
      <c r="E87371" s="15">
        <v>45512</v>
      </c>
      <c r="F87371" s="14" t="s">
        <v>61</v>
      </c>
      <c r="G87371" s="16">
        <v>1.7625435094066204</v>
      </c>
    </row>
    <row r="87372" spans="1:7" x14ac:dyDescent="0.3">
      <c r="A87372" s="13" t="s">
        <v>438</v>
      </c>
      <c r="B87372" s="14" t="s">
        <v>1</v>
      </c>
      <c r="C87372" s="14" t="s">
        <v>23</v>
      </c>
      <c r="D87372" s="14" t="s">
        <v>439</v>
      </c>
      <c r="E87372" s="15">
        <v>45513</v>
      </c>
      <c r="F87372" s="14" t="s">
        <v>61</v>
      </c>
      <c r="G87372" s="16">
        <v>1.7745926608847762</v>
      </c>
    </row>
    <row r="87373" spans="1:7" x14ac:dyDescent="0.3">
      <c r="A87373" s="13" t="s">
        <v>438</v>
      </c>
      <c r="B87373" s="14" t="s">
        <v>1</v>
      </c>
      <c r="C87373" s="14" t="s">
        <v>23</v>
      </c>
      <c r="D87373" s="14" t="s">
        <v>439</v>
      </c>
      <c r="E87373" s="15">
        <v>45514</v>
      </c>
      <c r="F87373" s="14" t="s">
        <v>61</v>
      </c>
      <c r="G87373" s="16">
        <v>1.7745926608847762</v>
      </c>
    </row>
    <row r="87374" spans="1:7" x14ac:dyDescent="0.3">
      <c r="A87374" s="13" t="s">
        <v>438</v>
      </c>
      <c r="B87374" s="14" t="s">
        <v>1</v>
      </c>
      <c r="C87374" s="14" t="s">
        <v>23</v>
      </c>
      <c r="D87374" s="14" t="s">
        <v>439</v>
      </c>
      <c r="E87374" s="15">
        <v>45515</v>
      </c>
      <c r="F87374" s="14" t="s">
        <v>61</v>
      </c>
      <c r="G87374" s="16">
        <v>1.7745926608847762</v>
      </c>
    </row>
    <row r="87375" spans="1:7" x14ac:dyDescent="0.3">
      <c r="A87375" s="13" t="s">
        <v>438</v>
      </c>
      <c r="B87375" s="14" t="s">
        <v>1</v>
      </c>
      <c r="C87375" s="14" t="s">
        <v>23</v>
      </c>
      <c r="D87375" s="14" t="s">
        <v>439</v>
      </c>
      <c r="E87375" s="15">
        <v>45516</v>
      </c>
      <c r="F87375" s="14" t="s">
        <v>61</v>
      </c>
      <c r="G87375" s="16">
        <v>1.7845147234331278</v>
      </c>
    </row>
    <row r="87376" spans="1:7" x14ac:dyDescent="0.3">
      <c r="A87376" s="13" t="s">
        <v>438</v>
      </c>
      <c r="B87376" s="14" t="s">
        <v>1</v>
      </c>
      <c r="C87376" s="14" t="s">
        <v>23</v>
      </c>
      <c r="D87376" s="14" t="s">
        <v>439</v>
      </c>
      <c r="E87376" s="15">
        <v>45517</v>
      </c>
      <c r="F87376" s="14" t="s">
        <v>61</v>
      </c>
      <c r="G87376" s="16">
        <v>1.8119537015976543</v>
      </c>
    </row>
    <row r="87377" spans="1:7" x14ac:dyDescent="0.3">
      <c r="A87377" s="13" t="s">
        <v>438</v>
      </c>
      <c r="B87377" s="14" t="s">
        <v>1</v>
      </c>
      <c r="C87377" s="14" t="s">
        <v>23</v>
      </c>
      <c r="D87377" s="14" t="s">
        <v>439</v>
      </c>
      <c r="E87377" s="15">
        <v>45518</v>
      </c>
      <c r="F87377" s="14" t="s">
        <v>61</v>
      </c>
      <c r="G87377" s="16">
        <v>1.8210377065694814</v>
      </c>
    </row>
    <row r="87378" spans="1:7" x14ac:dyDescent="0.3">
      <c r="A87378" s="13" t="s">
        <v>438</v>
      </c>
      <c r="B87378" s="14" t="s">
        <v>1</v>
      </c>
      <c r="C87378" s="14" t="s">
        <v>23</v>
      </c>
      <c r="D87378" s="14" t="s">
        <v>439</v>
      </c>
      <c r="E87378" s="15">
        <v>45519</v>
      </c>
      <c r="F87378" s="14" t="s">
        <v>61</v>
      </c>
      <c r="G87378" s="16">
        <v>1.8349776325633826</v>
      </c>
    </row>
    <row r="87379" spans="1:7" x14ac:dyDescent="0.3">
      <c r="A87379" s="13" t="s">
        <v>438</v>
      </c>
      <c r="B87379" s="14" t="s">
        <v>1</v>
      </c>
      <c r="C87379" s="14" t="s">
        <v>23</v>
      </c>
      <c r="D87379" s="14" t="s">
        <v>439</v>
      </c>
      <c r="E87379" s="15">
        <v>45520</v>
      </c>
      <c r="F87379" s="14" t="s">
        <v>61</v>
      </c>
      <c r="G87379" s="16">
        <v>1.8383542736778169</v>
      </c>
    </row>
    <row r="87380" spans="1:7" x14ac:dyDescent="0.3">
      <c r="A87380" s="13" t="s">
        <v>438</v>
      </c>
      <c r="B87380" s="14" t="s">
        <v>1</v>
      </c>
      <c r="C87380" s="14" t="s">
        <v>23</v>
      </c>
      <c r="D87380" s="14" t="s">
        <v>439</v>
      </c>
      <c r="E87380" s="15">
        <v>45521</v>
      </c>
      <c r="F87380" s="14" t="s">
        <v>61</v>
      </c>
      <c r="G87380" s="16">
        <v>1.8383542736778169</v>
      </c>
    </row>
    <row r="87381" spans="1:7" x14ac:dyDescent="0.3">
      <c r="A87381" s="13" t="s">
        <v>438</v>
      </c>
      <c r="B87381" s="14" t="s">
        <v>1</v>
      </c>
      <c r="C87381" s="14" t="s">
        <v>23</v>
      </c>
      <c r="D87381" s="14" t="s">
        <v>439</v>
      </c>
      <c r="E87381" s="15">
        <v>45522</v>
      </c>
      <c r="F87381" s="14" t="s">
        <v>61</v>
      </c>
      <c r="G87381" s="16">
        <v>1.8383542736778169</v>
      </c>
    </row>
    <row r="87382" spans="1:7" x14ac:dyDescent="0.3">
      <c r="A87382" s="13" t="s">
        <v>438</v>
      </c>
      <c r="B87382" s="14" t="s">
        <v>1</v>
      </c>
      <c r="C87382" s="14" t="s">
        <v>23</v>
      </c>
      <c r="D87382" s="14" t="s">
        <v>439</v>
      </c>
      <c r="E87382" s="15">
        <v>45523</v>
      </c>
      <c r="F87382" s="14" t="s">
        <v>61</v>
      </c>
      <c r="G87382" s="16">
        <v>1.8413646911512682</v>
      </c>
    </row>
    <row r="87383" spans="1:7" x14ac:dyDescent="0.3">
      <c r="A87383" s="13" t="s">
        <v>438</v>
      </c>
      <c r="B87383" s="14" t="s">
        <v>1</v>
      </c>
      <c r="C87383" s="14" t="s">
        <v>23</v>
      </c>
      <c r="D87383" s="14" t="s">
        <v>439</v>
      </c>
      <c r="E87383" s="15">
        <v>45524</v>
      </c>
      <c r="F87383" s="14" t="s">
        <v>61</v>
      </c>
      <c r="G87383" s="16">
        <v>1.872087119026683</v>
      </c>
    </row>
    <row r="87384" spans="1:7" x14ac:dyDescent="0.3">
      <c r="A87384" s="13" t="s">
        <v>438</v>
      </c>
      <c r="B87384" s="14" t="s">
        <v>1</v>
      </c>
      <c r="C87384" s="14" t="s">
        <v>23</v>
      </c>
      <c r="D87384" s="14" t="s">
        <v>439</v>
      </c>
      <c r="E87384" s="15">
        <v>45525</v>
      </c>
      <c r="F87384" s="14" t="s">
        <v>61</v>
      </c>
      <c r="G87384" s="16">
        <v>1.8770750383129013</v>
      </c>
    </row>
    <row r="87385" spans="1:7" x14ac:dyDescent="0.3">
      <c r="A87385" s="13" t="s">
        <v>438</v>
      </c>
      <c r="B87385" s="14" t="s">
        <v>1</v>
      </c>
      <c r="C87385" s="14" t="s">
        <v>23</v>
      </c>
      <c r="D87385" s="14" t="s">
        <v>439</v>
      </c>
      <c r="E87385" s="15">
        <v>45526</v>
      </c>
      <c r="F87385" s="14" t="s">
        <v>61</v>
      </c>
      <c r="G87385" s="16">
        <v>1.8960047167823801</v>
      </c>
    </row>
    <row r="87386" spans="1:7" x14ac:dyDescent="0.3">
      <c r="A87386" s="13" t="s">
        <v>438</v>
      </c>
      <c r="B87386" s="14" t="s">
        <v>1</v>
      </c>
      <c r="C87386" s="14" t="s">
        <v>23</v>
      </c>
      <c r="D87386" s="14" t="s">
        <v>439</v>
      </c>
      <c r="E87386" s="15">
        <v>45527</v>
      </c>
      <c r="F87386" s="14" t="s">
        <v>61</v>
      </c>
      <c r="G87386" s="16">
        <v>1.8950416230176719</v>
      </c>
    </row>
    <row r="87387" spans="1:7" x14ac:dyDescent="0.3">
      <c r="A87387" s="13" t="s">
        <v>438</v>
      </c>
      <c r="B87387" s="14" t="s">
        <v>1</v>
      </c>
      <c r="C87387" s="14" t="s">
        <v>23</v>
      </c>
      <c r="D87387" s="14" t="s">
        <v>439</v>
      </c>
      <c r="E87387" s="15">
        <v>45528</v>
      </c>
      <c r="F87387" s="14" t="s">
        <v>61</v>
      </c>
      <c r="G87387" s="16">
        <v>1.8950416230176719</v>
      </c>
    </row>
    <row r="87388" spans="1:7" x14ac:dyDescent="0.3">
      <c r="A87388" s="13" t="s">
        <v>438</v>
      </c>
      <c r="B87388" s="14" t="s">
        <v>1</v>
      </c>
      <c r="C87388" s="14" t="s">
        <v>23</v>
      </c>
      <c r="D87388" s="14" t="s">
        <v>439</v>
      </c>
      <c r="E87388" s="15">
        <v>45529</v>
      </c>
      <c r="F87388" s="14" t="s">
        <v>61</v>
      </c>
      <c r="G87388" s="16">
        <v>1.8950416230176719</v>
      </c>
    </row>
    <row r="87389" spans="1:7" x14ac:dyDescent="0.3">
      <c r="A87389" s="13" t="s">
        <v>438</v>
      </c>
      <c r="B87389" s="14" t="s">
        <v>1</v>
      </c>
      <c r="C87389" s="14" t="s">
        <v>23</v>
      </c>
      <c r="D87389" s="14" t="s">
        <v>439</v>
      </c>
      <c r="E87389" s="15">
        <v>45530</v>
      </c>
      <c r="F87389" s="14" t="s">
        <v>61</v>
      </c>
      <c r="G87389" s="16">
        <v>1.9132742881189684</v>
      </c>
    </row>
    <row r="87390" spans="1:7" x14ac:dyDescent="0.3">
      <c r="A87390" s="13" t="s">
        <v>438</v>
      </c>
      <c r="B87390" s="14" t="s">
        <v>1</v>
      </c>
      <c r="C87390" s="14" t="s">
        <v>23</v>
      </c>
      <c r="D87390" s="14" t="s">
        <v>439</v>
      </c>
      <c r="E87390" s="15">
        <v>45531</v>
      </c>
      <c r="F87390" s="14" t="s">
        <v>61</v>
      </c>
      <c r="G87390" s="16">
        <v>1.9474226536312194</v>
      </c>
    </row>
    <row r="87391" spans="1:7" x14ac:dyDescent="0.3">
      <c r="A87391" s="13" t="s">
        <v>438</v>
      </c>
      <c r="B87391" s="14" t="s">
        <v>1</v>
      </c>
      <c r="C87391" s="14" t="s">
        <v>23</v>
      </c>
      <c r="D87391" s="14" t="s">
        <v>439</v>
      </c>
      <c r="E87391" s="15">
        <v>45532</v>
      </c>
      <c r="F87391" s="14" t="s">
        <v>61</v>
      </c>
      <c r="G87391" s="16">
        <v>1.9718118133805727</v>
      </c>
    </row>
    <row r="87392" spans="1:7" x14ac:dyDescent="0.3">
      <c r="A87392" s="13" t="s">
        <v>438</v>
      </c>
      <c r="B87392" s="14" t="s">
        <v>1</v>
      </c>
      <c r="C87392" s="14" t="s">
        <v>23</v>
      </c>
      <c r="D87392" s="14" t="s">
        <v>439</v>
      </c>
      <c r="E87392" s="15">
        <v>45533</v>
      </c>
      <c r="F87392" s="14" t="s">
        <v>61</v>
      </c>
      <c r="G87392" s="16">
        <v>1.9918745268621159</v>
      </c>
    </row>
    <row r="87393" spans="1:7" x14ac:dyDescent="0.3">
      <c r="A87393" s="13" t="s">
        <v>438</v>
      </c>
      <c r="B87393" s="14" t="s">
        <v>1</v>
      </c>
      <c r="C87393" s="14" t="s">
        <v>23</v>
      </c>
      <c r="D87393" s="14" t="s">
        <v>439</v>
      </c>
      <c r="E87393" s="15">
        <v>45534</v>
      </c>
      <c r="F87393" s="14" t="s">
        <v>61</v>
      </c>
      <c r="G87393" s="16">
        <v>2.0098650774822531</v>
      </c>
    </row>
    <row r="87394" spans="1:7" x14ac:dyDescent="0.3">
      <c r="A87394" s="13" t="s">
        <v>438</v>
      </c>
      <c r="B87394" s="14" t="s">
        <v>1</v>
      </c>
      <c r="C87394" s="14" t="s">
        <v>23</v>
      </c>
      <c r="D87394" s="14" t="s">
        <v>439</v>
      </c>
      <c r="E87394" s="15">
        <v>45535</v>
      </c>
      <c r="F87394" s="14" t="s">
        <v>61</v>
      </c>
      <c r="G87394" s="16">
        <v>2.0098650774822531</v>
      </c>
    </row>
    <row r="87395" spans="1:7" x14ac:dyDescent="0.3">
      <c r="A87395" s="13" t="s">
        <v>438</v>
      </c>
      <c r="B87395" s="14" t="s">
        <v>1</v>
      </c>
      <c r="C87395" s="14" t="s">
        <v>23</v>
      </c>
      <c r="D87395" s="14" t="s">
        <v>439</v>
      </c>
      <c r="E87395" s="15">
        <v>45536</v>
      </c>
      <c r="F87395" s="14" t="s">
        <v>61</v>
      </c>
      <c r="G87395" s="16">
        <v>2.0098650774822531</v>
      </c>
    </row>
    <row r="87396" spans="1:7" x14ac:dyDescent="0.3">
      <c r="A87396" s="13" t="s">
        <v>438</v>
      </c>
      <c r="B87396" s="14" t="s">
        <v>1</v>
      </c>
      <c r="C87396" s="14" t="s">
        <v>23</v>
      </c>
      <c r="D87396" s="14" t="s">
        <v>439</v>
      </c>
      <c r="E87396" s="15">
        <v>45537</v>
      </c>
      <c r="F87396" s="14" t="s">
        <v>61</v>
      </c>
      <c r="G87396" s="16">
        <v>2.0098650774822531</v>
      </c>
    </row>
    <row r="87397" spans="1:7" x14ac:dyDescent="0.3">
      <c r="A87397" s="13" t="s">
        <v>438</v>
      </c>
      <c r="B87397" s="14" t="s">
        <v>1</v>
      </c>
      <c r="C87397" s="14" t="s">
        <v>23</v>
      </c>
      <c r="D87397" s="14" t="s">
        <v>439</v>
      </c>
      <c r="E87397" s="15">
        <v>45538</v>
      </c>
      <c r="F87397" s="14" t="s">
        <v>61</v>
      </c>
      <c r="G87397" s="16">
        <v>2.0235958441615005</v>
      </c>
    </row>
    <row r="87398" spans="1:7" x14ac:dyDescent="0.3">
      <c r="A87398" s="13" t="s">
        <v>438</v>
      </c>
      <c r="B87398" s="14" t="s">
        <v>1</v>
      </c>
      <c r="C87398" s="14" t="s">
        <v>23</v>
      </c>
      <c r="D87398" s="14" t="s">
        <v>439</v>
      </c>
      <c r="E87398" s="15">
        <v>45539</v>
      </c>
      <c r="F87398" s="14" t="s">
        <v>61</v>
      </c>
      <c r="G87398" s="16">
        <v>2.058486255726478</v>
      </c>
    </row>
    <row r="87399" spans="1:7" x14ac:dyDescent="0.3">
      <c r="A87399" s="13" t="s">
        <v>438</v>
      </c>
      <c r="B87399" s="14" t="s">
        <v>1</v>
      </c>
      <c r="C87399" s="14" t="s">
        <v>23</v>
      </c>
      <c r="D87399" s="14" t="s">
        <v>439</v>
      </c>
      <c r="E87399" s="15">
        <v>45540</v>
      </c>
      <c r="F87399" s="14" t="s">
        <v>61</v>
      </c>
      <c r="G87399" s="16">
        <v>2.0659804804500266</v>
      </c>
    </row>
    <row r="87400" spans="1:7" x14ac:dyDescent="0.3">
      <c r="A87400" s="13" t="s">
        <v>438</v>
      </c>
      <c r="B87400" s="14" t="s">
        <v>1</v>
      </c>
      <c r="C87400" s="14" t="s">
        <v>23</v>
      </c>
      <c r="D87400" s="14" t="s">
        <v>439</v>
      </c>
      <c r="E87400" s="15">
        <v>45541</v>
      </c>
      <c r="F87400" s="14" t="s">
        <v>61</v>
      </c>
      <c r="G87400" s="16">
        <v>2.0838274361072635</v>
      </c>
    </row>
    <row r="87401" spans="1:7" x14ac:dyDescent="0.3">
      <c r="A87401" s="13" t="s">
        <v>438</v>
      </c>
      <c r="B87401" s="14" t="s">
        <v>1</v>
      </c>
      <c r="C87401" s="14" t="s">
        <v>23</v>
      </c>
      <c r="D87401" s="14" t="s">
        <v>439</v>
      </c>
      <c r="E87401" s="15">
        <v>45542</v>
      </c>
      <c r="F87401" s="14" t="s">
        <v>61</v>
      </c>
      <c r="G87401" s="16">
        <v>2.0838274361072635</v>
      </c>
    </row>
    <row r="87402" spans="1:7" x14ac:dyDescent="0.3">
      <c r="A87402" s="13" t="s">
        <v>438</v>
      </c>
      <c r="B87402" s="14" t="s">
        <v>1</v>
      </c>
      <c r="C87402" s="14" t="s">
        <v>23</v>
      </c>
      <c r="D87402" s="14" t="s">
        <v>439</v>
      </c>
      <c r="E87402" s="15">
        <v>45543</v>
      </c>
      <c r="F87402" s="14" t="s">
        <v>61</v>
      </c>
      <c r="G87402" s="16">
        <v>2.0838274361072635</v>
      </c>
    </row>
    <row r="87403" spans="1:7" x14ac:dyDescent="0.3">
      <c r="A87403" s="13" t="s">
        <v>438</v>
      </c>
      <c r="B87403" s="14" t="s">
        <v>1</v>
      </c>
      <c r="C87403" s="14" t="s">
        <v>23</v>
      </c>
      <c r="D87403" s="14" t="s">
        <v>439</v>
      </c>
      <c r="E87403" s="15">
        <v>45544</v>
      </c>
      <c r="F87403" s="14" t="s">
        <v>61</v>
      </c>
      <c r="G87403" s="16">
        <v>2.132923868005395</v>
      </c>
    </row>
    <row r="87404" spans="1:7" x14ac:dyDescent="0.3">
      <c r="A87404" s="13" t="s">
        <v>438</v>
      </c>
      <c r="B87404" s="14" t="s">
        <v>1</v>
      </c>
      <c r="C87404" s="14" t="s">
        <v>23</v>
      </c>
      <c r="D87404" s="14" t="s">
        <v>439</v>
      </c>
      <c r="E87404" s="15">
        <v>45545</v>
      </c>
      <c r="F87404" s="14" t="s">
        <v>61</v>
      </c>
      <c r="G87404" s="16">
        <v>2.1708765597392525</v>
      </c>
    </row>
    <row r="87405" spans="1:7" x14ac:dyDescent="0.3">
      <c r="A87405" s="13" t="s">
        <v>438</v>
      </c>
      <c r="B87405" s="14" t="s">
        <v>1</v>
      </c>
      <c r="C87405" s="14" t="s">
        <v>23</v>
      </c>
      <c r="D87405" s="14" t="s">
        <v>439</v>
      </c>
      <c r="E87405" s="15">
        <v>45546</v>
      </c>
      <c r="F87405" s="14" t="s">
        <v>61</v>
      </c>
      <c r="G87405" s="16">
        <v>2.1832901660702353</v>
      </c>
    </row>
    <row r="87406" spans="1:7" x14ac:dyDescent="0.3">
      <c r="A87406" s="13" t="s">
        <v>438</v>
      </c>
      <c r="B87406" s="14" t="s">
        <v>1</v>
      </c>
      <c r="C87406" s="14" t="s">
        <v>23</v>
      </c>
      <c r="D87406" s="14" t="s">
        <v>439</v>
      </c>
      <c r="E87406" s="15">
        <v>45547</v>
      </c>
      <c r="F87406" s="14" t="s">
        <v>61</v>
      </c>
      <c r="G87406" s="16">
        <v>2.1840876490272336</v>
      </c>
    </row>
    <row r="87407" spans="1:7" x14ac:dyDescent="0.3">
      <c r="A87407" s="13" t="s">
        <v>438</v>
      </c>
      <c r="B87407" s="14" t="s">
        <v>1</v>
      </c>
      <c r="C87407" s="14" t="s">
        <v>23</v>
      </c>
      <c r="D87407" s="14" t="s">
        <v>439</v>
      </c>
      <c r="E87407" s="15">
        <v>45548</v>
      </c>
      <c r="F87407" s="14" t="s">
        <v>61</v>
      </c>
      <c r="G87407" s="16">
        <v>2.196592920946963</v>
      </c>
    </row>
    <row r="87408" spans="1:7" x14ac:dyDescent="0.3">
      <c r="A87408" s="13" t="s">
        <v>438</v>
      </c>
      <c r="B87408" s="14" t="s">
        <v>1</v>
      </c>
      <c r="C87408" s="14" t="s">
        <v>23</v>
      </c>
      <c r="D87408" s="14" t="s">
        <v>439</v>
      </c>
      <c r="E87408" s="15">
        <v>45549</v>
      </c>
      <c r="F87408" s="14" t="s">
        <v>61</v>
      </c>
      <c r="G87408" s="16">
        <v>2.196592920946963</v>
      </c>
    </row>
    <row r="87409" spans="1:7" x14ac:dyDescent="0.3">
      <c r="A87409" s="13" t="s">
        <v>438</v>
      </c>
      <c r="B87409" s="14" t="s">
        <v>1</v>
      </c>
      <c r="C87409" s="14" t="s">
        <v>23</v>
      </c>
      <c r="D87409" s="14" t="s">
        <v>439</v>
      </c>
      <c r="E87409" s="15">
        <v>45550</v>
      </c>
      <c r="F87409" s="14" t="s">
        <v>61</v>
      </c>
      <c r="G87409" s="16">
        <v>2.196592920946963</v>
      </c>
    </row>
    <row r="87410" spans="1:7" x14ac:dyDescent="0.3">
      <c r="A87410" s="13" t="s">
        <v>438</v>
      </c>
      <c r="B87410" s="14" t="s">
        <v>1</v>
      </c>
      <c r="C87410" s="14" t="s">
        <v>23</v>
      </c>
      <c r="D87410" s="14" t="s">
        <v>439</v>
      </c>
      <c r="E87410" s="15">
        <v>45551</v>
      </c>
      <c r="F87410" s="14" t="s">
        <v>61</v>
      </c>
      <c r="G87410" s="16">
        <v>2.1982438915711979</v>
      </c>
    </row>
    <row r="87411" spans="1:7" x14ac:dyDescent="0.3">
      <c r="A87411" s="13" t="s">
        <v>438</v>
      </c>
      <c r="B87411" s="14" t="s">
        <v>1</v>
      </c>
      <c r="C87411" s="14" t="s">
        <v>23</v>
      </c>
      <c r="D87411" s="14" t="s">
        <v>439</v>
      </c>
      <c r="E87411" s="15">
        <v>45552</v>
      </c>
      <c r="F87411" s="14" t="s">
        <v>61</v>
      </c>
      <c r="G87411" s="16">
        <v>2.2417887100635769</v>
      </c>
    </row>
    <row r="87412" spans="1:7" x14ac:dyDescent="0.3">
      <c r="A87412" s="13" t="s">
        <v>438</v>
      </c>
      <c r="B87412" s="14" t="s">
        <v>1</v>
      </c>
      <c r="C87412" s="14" t="s">
        <v>23</v>
      </c>
      <c r="D87412" s="14" t="s">
        <v>439</v>
      </c>
      <c r="E87412" s="15">
        <v>45553</v>
      </c>
      <c r="F87412" s="14" t="s">
        <v>61</v>
      </c>
      <c r="G87412" s="16">
        <v>2.2540454250270474</v>
      </c>
    </row>
    <row r="87413" spans="1:7" x14ac:dyDescent="0.3">
      <c r="A87413" s="13" t="s">
        <v>438</v>
      </c>
      <c r="B87413" s="14" t="s">
        <v>1</v>
      </c>
      <c r="C87413" s="14" t="s">
        <v>23</v>
      </c>
      <c r="D87413" s="14" t="s">
        <v>439</v>
      </c>
      <c r="E87413" s="15">
        <v>45554</v>
      </c>
      <c r="F87413" s="14" t="s">
        <v>61</v>
      </c>
      <c r="G87413" s="16">
        <v>2.2578756727054454</v>
      </c>
    </row>
    <row r="87414" spans="1:7" x14ac:dyDescent="0.3">
      <c r="A87414" s="13" t="s">
        <v>438</v>
      </c>
      <c r="B87414" s="14" t="s">
        <v>1</v>
      </c>
      <c r="C87414" s="14" t="s">
        <v>23</v>
      </c>
      <c r="D87414" s="14" t="s">
        <v>439</v>
      </c>
      <c r="E87414" s="15">
        <v>45555</v>
      </c>
      <c r="F87414" s="14" t="s">
        <v>61</v>
      </c>
      <c r="G87414" s="16">
        <v>2.2711530409113743</v>
      </c>
    </row>
    <row r="87415" spans="1:7" x14ac:dyDescent="0.3">
      <c r="A87415" s="13" t="s">
        <v>438</v>
      </c>
      <c r="B87415" s="14" t="s">
        <v>1</v>
      </c>
      <c r="C87415" s="14" t="s">
        <v>23</v>
      </c>
      <c r="D87415" s="14" t="s">
        <v>439</v>
      </c>
      <c r="E87415" s="15">
        <v>45556</v>
      </c>
      <c r="F87415" s="14" t="s">
        <v>61</v>
      </c>
      <c r="G87415" s="16">
        <v>2.2711530409113743</v>
      </c>
    </row>
    <row r="87416" spans="1:7" x14ac:dyDescent="0.3">
      <c r="A87416" s="13" t="s">
        <v>438</v>
      </c>
      <c r="B87416" s="14" t="s">
        <v>1</v>
      </c>
      <c r="C87416" s="14" t="s">
        <v>23</v>
      </c>
      <c r="D87416" s="14" t="s">
        <v>439</v>
      </c>
      <c r="E87416" s="15">
        <v>45557</v>
      </c>
      <c r="F87416" s="14" t="s">
        <v>61</v>
      </c>
      <c r="G87416" s="16">
        <v>2.2711530409113743</v>
      </c>
    </row>
    <row r="87417" spans="1:7" x14ac:dyDescent="0.3">
      <c r="A87417" s="13" t="s">
        <v>438</v>
      </c>
      <c r="B87417" s="14" t="s">
        <v>1</v>
      </c>
      <c r="C87417" s="14" t="s">
        <v>23</v>
      </c>
      <c r="D87417" s="14" t="s">
        <v>439</v>
      </c>
      <c r="E87417" s="15">
        <v>45558</v>
      </c>
      <c r="F87417" s="14" t="s">
        <v>61</v>
      </c>
      <c r="G87417" s="16">
        <v>2.2948635597622373</v>
      </c>
    </row>
    <row r="87418" spans="1:7" x14ac:dyDescent="0.3">
      <c r="A87418" s="13" t="s">
        <v>438</v>
      </c>
      <c r="B87418" s="14" t="s">
        <v>1</v>
      </c>
      <c r="C87418" s="14" t="s">
        <v>23</v>
      </c>
      <c r="D87418" s="14" t="s">
        <v>439</v>
      </c>
      <c r="E87418" s="15">
        <v>45559</v>
      </c>
      <c r="F87418" s="14" t="s">
        <v>61</v>
      </c>
      <c r="G87418" s="16">
        <v>2.3329421753440753</v>
      </c>
    </row>
    <row r="87419" spans="1:7" x14ac:dyDescent="0.3">
      <c r="A87419" s="13" t="s">
        <v>438</v>
      </c>
      <c r="B87419" s="14" t="s">
        <v>1</v>
      </c>
      <c r="C87419" s="14" t="s">
        <v>23</v>
      </c>
      <c r="D87419" s="14" t="s">
        <v>439</v>
      </c>
      <c r="E87419" s="15">
        <v>45560</v>
      </c>
      <c r="F87419" s="14" t="s">
        <v>61</v>
      </c>
      <c r="G87419" s="16">
        <v>2.3563207788223437</v>
      </c>
    </row>
    <row r="87420" spans="1:7" x14ac:dyDescent="0.3">
      <c r="A87420" s="13" t="s">
        <v>438</v>
      </c>
      <c r="B87420" s="14" t="s">
        <v>1</v>
      </c>
      <c r="C87420" s="14" t="s">
        <v>23</v>
      </c>
      <c r="D87420" s="14" t="s">
        <v>439</v>
      </c>
      <c r="E87420" s="15">
        <v>45561</v>
      </c>
      <c r="F87420" s="14" t="s">
        <v>61</v>
      </c>
      <c r="G87420" s="16">
        <v>2.3610566240326247</v>
      </c>
    </row>
    <row r="87421" spans="1:7" x14ac:dyDescent="0.3">
      <c r="A87421" s="13" t="s">
        <v>438</v>
      </c>
      <c r="B87421" s="14" t="s">
        <v>1</v>
      </c>
      <c r="C87421" s="14" t="s">
        <v>23</v>
      </c>
      <c r="D87421" s="14" t="s">
        <v>439</v>
      </c>
      <c r="E87421" s="15">
        <v>45562</v>
      </c>
      <c r="F87421" s="14" t="s">
        <v>61</v>
      </c>
      <c r="G87421" s="16">
        <v>2.3799708465090843</v>
      </c>
    </row>
    <row r="87422" spans="1:7" x14ac:dyDescent="0.3">
      <c r="A87422" s="13" t="s">
        <v>438</v>
      </c>
      <c r="B87422" s="14" t="s">
        <v>1</v>
      </c>
      <c r="C87422" s="14" t="s">
        <v>23</v>
      </c>
      <c r="D87422" s="14" t="s">
        <v>439</v>
      </c>
      <c r="E87422" s="15">
        <v>45563</v>
      </c>
      <c r="F87422" s="14" t="s">
        <v>61</v>
      </c>
      <c r="G87422" s="16">
        <v>2.3799708465090843</v>
      </c>
    </row>
    <row r="87423" spans="1:7" x14ac:dyDescent="0.3">
      <c r="A87423" s="13" t="s">
        <v>438</v>
      </c>
      <c r="B87423" s="14" t="s">
        <v>1</v>
      </c>
      <c r="C87423" s="14" t="s">
        <v>23</v>
      </c>
      <c r="D87423" s="14" t="s">
        <v>439</v>
      </c>
      <c r="E87423" s="15">
        <v>45564</v>
      </c>
      <c r="F87423" s="14" t="s">
        <v>61</v>
      </c>
      <c r="G87423" s="16">
        <v>2.3799708465090843</v>
      </c>
    </row>
    <row r="87424" spans="1:7" x14ac:dyDescent="0.3">
      <c r="A87424" s="13" t="s">
        <v>438</v>
      </c>
      <c r="B87424" s="14" t="s">
        <v>1</v>
      </c>
      <c r="C87424" s="14" t="s">
        <v>23</v>
      </c>
      <c r="D87424" s="14" t="s">
        <v>439</v>
      </c>
      <c r="E87424" s="15">
        <v>45565</v>
      </c>
      <c r="F87424" s="14" t="s">
        <v>61</v>
      </c>
      <c r="G87424" s="16">
        <v>2.4000218236112563</v>
      </c>
    </row>
    <row r="87425" spans="1:7" x14ac:dyDescent="0.3">
      <c r="A87425" s="13" t="s">
        <v>438</v>
      </c>
      <c r="B87425" s="14" t="s">
        <v>1</v>
      </c>
      <c r="C87425" s="14" t="s">
        <v>23</v>
      </c>
      <c r="D87425" s="14" t="s">
        <v>439</v>
      </c>
      <c r="E87425" s="15">
        <v>45566</v>
      </c>
      <c r="F87425" s="14" t="s">
        <v>61</v>
      </c>
      <c r="G87425" s="16">
        <v>2.455330009083053</v>
      </c>
    </row>
    <row r="87426" spans="1:7" x14ac:dyDescent="0.3">
      <c r="A87426" s="13" t="s">
        <v>438</v>
      </c>
      <c r="B87426" s="14" t="s">
        <v>1</v>
      </c>
      <c r="C87426" s="14" t="s">
        <v>23</v>
      </c>
      <c r="D87426" s="14" t="s">
        <v>439</v>
      </c>
      <c r="E87426" s="15">
        <v>45567</v>
      </c>
      <c r="F87426" s="14" t="s">
        <v>61</v>
      </c>
      <c r="G87426" s="16">
        <v>2.4740329086409671</v>
      </c>
    </row>
    <row r="87427" spans="1:7" x14ac:dyDescent="0.3">
      <c r="A87427" s="13" t="s">
        <v>438</v>
      </c>
      <c r="B87427" s="14" t="s">
        <v>1</v>
      </c>
      <c r="C87427" s="14" t="s">
        <v>23</v>
      </c>
      <c r="D87427" s="14" t="s">
        <v>439</v>
      </c>
      <c r="E87427" s="15">
        <v>45568</v>
      </c>
      <c r="F87427" s="14" t="s">
        <v>61</v>
      </c>
      <c r="G87427" s="16">
        <v>2.4820868365658817</v>
      </c>
    </row>
    <row r="87428" spans="1:7" x14ac:dyDescent="0.3">
      <c r="A87428" s="13" t="s">
        <v>438</v>
      </c>
      <c r="B87428" s="14" t="s">
        <v>1</v>
      </c>
      <c r="C87428" s="14" t="s">
        <v>23</v>
      </c>
      <c r="D87428" s="14" t="s">
        <v>439</v>
      </c>
      <c r="E87428" s="15">
        <v>45569</v>
      </c>
      <c r="F87428" s="14" t="s">
        <v>61</v>
      </c>
      <c r="G87428" s="16">
        <v>2.5081127356632984</v>
      </c>
    </row>
    <row r="87429" spans="1:7" x14ac:dyDescent="0.3">
      <c r="A87429" s="13" t="s">
        <v>438</v>
      </c>
      <c r="B87429" s="14" t="s">
        <v>1</v>
      </c>
      <c r="C87429" s="14" t="s">
        <v>23</v>
      </c>
      <c r="D87429" s="14" t="s">
        <v>439</v>
      </c>
      <c r="E87429" s="15">
        <v>45570</v>
      </c>
      <c r="F87429" s="14" t="s">
        <v>61</v>
      </c>
      <c r="G87429" s="16">
        <v>2.5081127356632984</v>
      </c>
    </row>
    <row r="87430" spans="1:7" x14ac:dyDescent="0.3">
      <c r="A87430" s="13" t="s">
        <v>438</v>
      </c>
      <c r="B87430" s="14" t="s">
        <v>1</v>
      </c>
      <c r="C87430" s="14" t="s">
        <v>23</v>
      </c>
      <c r="D87430" s="14" t="s">
        <v>439</v>
      </c>
      <c r="E87430" s="15">
        <v>45571</v>
      </c>
      <c r="F87430" s="14" t="s">
        <v>61</v>
      </c>
      <c r="G87430" s="16">
        <v>2.5081127356632984</v>
      </c>
    </row>
    <row r="87431" spans="1:7" x14ac:dyDescent="0.3">
      <c r="A87431" s="13" t="s">
        <v>438</v>
      </c>
      <c r="B87431" s="14" t="s">
        <v>1</v>
      </c>
      <c r="C87431" s="14" t="s">
        <v>23</v>
      </c>
      <c r="D87431" s="14" t="s">
        <v>439</v>
      </c>
      <c r="E87431" s="15">
        <v>45572</v>
      </c>
      <c r="F87431" s="14" t="s">
        <v>61</v>
      </c>
      <c r="G87431" s="16">
        <v>2.5443251737869783</v>
      </c>
    </row>
    <row r="87432" spans="1:7" x14ac:dyDescent="0.3">
      <c r="A87432" s="13" t="s">
        <v>438</v>
      </c>
      <c r="B87432" s="14" t="s">
        <v>1</v>
      </c>
      <c r="C87432" s="14" t="s">
        <v>23</v>
      </c>
      <c r="D87432" s="14" t="s">
        <v>439</v>
      </c>
      <c r="E87432" s="15">
        <v>45573</v>
      </c>
      <c r="F87432" s="14" t="s">
        <v>61</v>
      </c>
      <c r="G87432" s="16">
        <v>2.5868848869918963</v>
      </c>
    </row>
    <row r="87433" spans="1:7" x14ac:dyDescent="0.3">
      <c r="A87433" s="13" t="s">
        <v>438</v>
      </c>
      <c r="B87433" s="14" t="s">
        <v>1</v>
      </c>
      <c r="C87433" s="14" t="s">
        <v>23</v>
      </c>
      <c r="D87433" s="14" t="s">
        <v>439</v>
      </c>
      <c r="E87433" s="15">
        <v>45574</v>
      </c>
      <c r="F87433" s="14" t="s">
        <v>61</v>
      </c>
      <c r="G87433" s="16">
        <v>2.6112090384904927</v>
      </c>
    </row>
    <row r="87434" spans="1:7" x14ac:dyDescent="0.3">
      <c r="A87434" s="13" t="s">
        <v>438</v>
      </c>
      <c r="B87434" s="14" t="s">
        <v>1</v>
      </c>
      <c r="C87434" s="14" t="s">
        <v>23</v>
      </c>
      <c r="D87434" s="14" t="s">
        <v>439</v>
      </c>
      <c r="E87434" s="15">
        <v>45575</v>
      </c>
      <c r="F87434" s="14" t="s">
        <v>61</v>
      </c>
      <c r="G87434" s="16">
        <v>2.6261507043542824</v>
      </c>
    </row>
    <row r="87435" spans="1:7" x14ac:dyDescent="0.3">
      <c r="A87435" s="13" t="s">
        <v>438</v>
      </c>
      <c r="B87435" s="14" t="s">
        <v>1</v>
      </c>
      <c r="C87435" s="14" t="s">
        <v>23</v>
      </c>
      <c r="D87435" s="14" t="s">
        <v>439</v>
      </c>
      <c r="E87435" s="15">
        <v>45576</v>
      </c>
      <c r="F87435" s="14" t="s">
        <v>61</v>
      </c>
      <c r="G87435" s="16">
        <v>2.6394921794448751</v>
      </c>
    </row>
    <row r="87436" spans="1:7" x14ac:dyDescent="0.3">
      <c r="A87436" s="13" t="s">
        <v>438</v>
      </c>
      <c r="B87436" s="14" t="s">
        <v>1</v>
      </c>
      <c r="C87436" s="14" t="s">
        <v>23</v>
      </c>
      <c r="D87436" s="14" t="s">
        <v>439</v>
      </c>
      <c r="E87436" s="15">
        <v>45577</v>
      </c>
      <c r="F87436" s="14" t="s">
        <v>61</v>
      </c>
      <c r="G87436" s="16">
        <v>2.6394921794448751</v>
      </c>
    </row>
    <row r="87437" spans="1:7" x14ac:dyDescent="0.3">
      <c r="A87437" s="13" t="s">
        <v>438</v>
      </c>
      <c r="B87437" s="14" t="s">
        <v>1</v>
      </c>
      <c r="C87437" s="14" t="s">
        <v>23</v>
      </c>
      <c r="D87437" s="14" t="s">
        <v>439</v>
      </c>
      <c r="E87437" s="15">
        <v>45578</v>
      </c>
      <c r="F87437" s="14" t="s">
        <v>61</v>
      </c>
      <c r="G87437" s="16">
        <v>2.6394921794448751</v>
      </c>
    </row>
    <row r="87438" spans="1:7" x14ac:dyDescent="0.3">
      <c r="A87438" s="13" t="s">
        <v>438</v>
      </c>
      <c r="B87438" s="14" t="s">
        <v>1</v>
      </c>
      <c r="C87438" s="14" t="s">
        <v>23</v>
      </c>
      <c r="D87438" s="14" t="s">
        <v>439</v>
      </c>
      <c r="E87438" s="15">
        <v>45579</v>
      </c>
      <c r="F87438" s="14" t="s">
        <v>61</v>
      </c>
      <c r="G87438" s="16">
        <v>2.6394921794448751</v>
      </c>
    </row>
    <row r="87439" spans="1:7" x14ac:dyDescent="0.3">
      <c r="A87439" s="13" t="s">
        <v>438</v>
      </c>
      <c r="B87439" s="14" t="s">
        <v>1</v>
      </c>
      <c r="C87439" s="14" t="s">
        <v>23</v>
      </c>
      <c r="D87439" s="14" t="s">
        <v>439</v>
      </c>
      <c r="E87439" s="15">
        <v>45580</v>
      </c>
      <c r="F87439" s="14" t="s">
        <v>61</v>
      </c>
      <c r="G87439" s="16">
        <v>2.6647696467762385</v>
      </c>
    </row>
    <row r="87440" spans="1:7" x14ac:dyDescent="0.3">
      <c r="A87440" s="13" t="s">
        <v>438</v>
      </c>
      <c r="B87440" s="14" t="s">
        <v>1</v>
      </c>
      <c r="C87440" s="14" t="s">
        <v>23</v>
      </c>
      <c r="D87440" s="14" t="s">
        <v>439</v>
      </c>
      <c r="E87440" s="15">
        <v>45581</v>
      </c>
      <c r="F87440" s="14" t="s">
        <v>61</v>
      </c>
      <c r="G87440" s="16">
        <v>2.7282679775261056</v>
      </c>
    </row>
    <row r="87441" spans="1:7" x14ac:dyDescent="0.3">
      <c r="A87441" s="13" t="s">
        <v>438</v>
      </c>
      <c r="B87441" s="14" t="s">
        <v>1</v>
      </c>
      <c r="C87441" s="14" t="s">
        <v>23</v>
      </c>
      <c r="D87441" s="14" t="s">
        <v>439</v>
      </c>
      <c r="E87441" s="15">
        <v>45582</v>
      </c>
      <c r="F87441" s="14" t="s">
        <v>61</v>
      </c>
      <c r="G87441" s="16">
        <v>2.7497933724194392</v>
      </c>
    </row>
    <row r="87442" spans="1:7" x14ac:dyDescent="0.3">
      <c r="A87442" s="13" t="s">
        <v>438</v>
      </c>
      <c r="B87442" s="14" t="s">
        <v>1</v>
      </c>
      <c r="C87442" s="14" t="s">
        <v>23</v>
      </c>
      <c r="D87442" s="14" t="s">
        <v>439</v>
      </c>
      <c r="E87442" s="15">
        <v>45583</v>
      </c>
      <c r="F87442" s="14" t="s">
        <v>61</v>
      </c>
      <c r="G87442" s="16">
        <v>2.754663603527939</v>
      </c>
    </row>
    <row r="87443" spans="1:7" x14ac:dyDescent="0.3">
      <c r="A87443" s="13" t="s">
        <v>438</v>
      </c>
      <c r="B87443" s="14" t="s">
        <v>1</v>
      </c>
      <c r="C87443" s="14" t="s">
        <v>23</v>
      </c>
      <c r="D87443" s="14" t="s">
        <v>439</v>
      </c>
      <c r="E87443" s="15">
        <v>45584</v>
      </c>
      <c r="F87443" s="14" t="s">
        <v>61</v>
      </c>
      <c r="G87443" s="16">
        <v>2.754663603527939</v>
      </c>
    </row>
    <row r="87444" spans="1:7" x14ac:dyDescent="0.3">
      <c r="A87444" s="13" t="s">
        <v>438</v>
      </c>
      <c r="B87444" s="14" t="s">
        <v>1</v>
      </c>
      <c r="C87444" s="14" t="s">
        <v>23</v>
      </c>
      <c r="D87444" s="14" t="s">
        <v>439</v>
      </c>
      <c r="E87444" s="15">
        <v>45585</v>
      </c>
      <c r="F87444" s="14" t="s">
        <v>61</v>
      </c>
      <c r="G87444" s="16">
        <v>2.754663603527939</v>
      </c>
    </row>
    <row r="87445" spans="1:7" x14ac:dyDescent="0.3">
      <c r="A87445" s="13" t="s">
        <v>438</v>
      </c>
      <c r="B87445" s="14" t="s">
        <v>1</v>
      </c>
      <c r="C87445" s="14" t="s">
        <v>23</v>
      </c>
      <c r="D87445" s="14" t="s">
        <v>439</v>
      </c>
      <c r="E87445" s="15">
        <v>45586</v>
      </c>
      <c r="F87445" s="14" t="s">
        <v>61</v>
      </c>
      <c r="G87445" s="16">
        <v>2.7807206477545492</v>
      </c>
    </row>
    <row r="87446" spans="1:7" x14ac:dyDescent="0.3">
      <c r="A87446" s="13" t="s">
        <v>438</v>
      </c>
      <c r="B87446" s="14" t="s">
        <v>1</v>
      </c>
      <c r="C87446" s="14" t="s">
        <v>23</v>
      </c>
      <c r="D87446" s="14" t="s">
        <v>439</v>
      </c>
      <c r="E87446" s="15">
        <v>45587</v>
      </c>
      <c r="F87446" s="14" t="s">
        <v>61</v>
      </c>
      <c r="G87446" s="16">
        <v>2.8258593093976128</v>
      </c>
    </row>
    <row r="87447" spans="1:7" x14ac:dyDescent="0.3">
      <c r="A87447" s="13" t="s">
        <v>438</v>
      </c>
      <c r="B87447" s="14" t="s">
        <v>1</v>
      </c>
      <c r="C87447" s="14" t="s">
        <v>23</v>
      </c>
      <c r="D87447" s="14" t="s">
        <v>439</v>
      </c>
      <c r="E87447" s="15">
        <v>45588</v>
      </c>
      <c r="F87447" s="14" t="s">
        <v>61</v>
      </c>
      <c r="G87447" s="16">
        <v>2.8443392647885344</v>
      </c>
    </row>
    <row r="87448" spans="1:7" x14ac:dyDescent="0.3">
      <c r="A87448" s="13" t="s">
        <v>438</v>
      </c>
      <c r="B87448" s="14" t="s">
        <v>1</v>
      </c>
      <c r="C87448" s="14" t="s">
        <v>23</v>
      </c>
      <c r="D87448" s="14" t="s">
        <v>439</v>
      </c>
      <c r="E87448" s="15">
        <v>45589</v>
      </c>
      <c r="F87448" s="14" t="s">
        <v>61</v>
      </c>
      <c r="G87448" s="16">
        <v>2.8461859705548394</v>
      </c>
    </row>
    <row r="87449" spans="1:7" x14ac:dyDescent="0.3">
      <c r="A87449" s="13" t="s">
        <v>438</v>
      </c>
      <c r="B87449" s="14" t="s">
        <v>1</v>
      </c>
      <c r="C87449" s="14" t="s">
        <v>23</v>
      </c>
      <c r="D87449" s="14" t="s">
        <v>439</v>
      </c>
      <c r="E87449" s="15">
        <v>45590</v>
      </c>
      <c r="F87449" s="14" t="s">
        <v>61</v>
      </c>
      <c r="G87449" s="16">
        <v>2.8681014143060053</v>
      </c>
    </row>
    <row r="87450" spans="1:7" x14ac:dyDescent="0.3">
      <c r="A87450" s="13" t="s">
        <v>438</v>
      </c>
      <c r="B87450" s="14" t="s">
        <v>1</v>
      </c>
      <c r="C87450" s="14" t="s">
        <v>23</v>
      </c>
      <c r="D87450" s="14" t="s">
        <v>439</v>
      </c>
      <c r="E87450" s="15">
        <v>45591</v>
      </c>
      <c r="F87450" s="14" t="s">
        <v>61</v>
      </c>
      <c r="G87450" s="16">
        <v>2.8681014143060053</v>
      </c>
    </row>
    <row r="87451" spans="1:7" x14ac:dyDescent="0.3">
      <c r="A87451" s="13" t="s">
        <v>438</v>
      </c>
      <c r="B87451" s="14" t="s">
        <v>1</v>
      </c>
      <c r="C87451" s="14" t="s">
        <v>23</v>
      </c>
      <c r="D87451" s="14" t="s">
        <v>439</v>
      </c>
      <c r="E87451" s="15">
        <v>45592</v>
      </c>
      <c r="F87451" s="14" t="s">
        <v>61</v>
      </c>
      <c r="G87451" s="16">
        <v>2.8681014143060053</v>
      </c>
    </row>
    <row r="87452" spans="1:7" x14ac:dyDescent="0.3">
      <c r="A87452" s="13" t="s">
        <v>438</v>
      </c>
      <c r="B87452" s="14" t="s">
        <v>1</v>
      </c>
      <c r="C87452" s="14" t="s">
        <v>23</v>
      </c>
      <c r="D87452" s="14" t="s">
        <v>439</v>
      </c>
      <c r="E87452" s="15">
        <v>45593</v>
      </c>
      <c r="F87452" s="14" t="s">
        <v>61</v>
      </c>
      <c r="G87452" s="16">
        <v>2.8681014143060053</v>
      </c>
    </row>
    <row r="87453" spans="1:7" x14ac:dyDescent="0.3">
      <c r="A87453" s="13" t="s">
        <v>438</v>
      </c>
      <c r="B87453" s="14" t="s">
        <v>1</v>
      </c>
      <c r="C87453" s="14" t="s">
        <v>23</v>
      </c>
      <c r="D87453" s="14" t="s">
        <v>439</v>
      </c>
      <c r="E87453" s="15">
        <v>45594</v>
      </c>
      <c r="F87453" s="14" t="s">
        <v>61</v>
      </c>
      <c r="G87453" s="16">
        <v>2.8785505233766671</v>
      </c>
    </row>
    <row r="87454" spans="1:7" x14ac:dyDescent="0.3">
      <c r="A87454" s="13" t="s">
        <v>438</v>
      </c>
      <c r="B87454" s="14" t="s">
        <v>1</v>
      </c>
      <c r="C87454" s="14" t="s">
        <v>23</v>
      </c>
      <c r="D87454" s="14" t="s">
        <v>439</v>
      </c>
      <c r="E87454" s="15">
        <v>45595</v>
      </c>
      <c r="F87454" s="14" t="s">
        <v>61</v>
      </c>
      <c r="G87454" s="16">
        <v>2.9216904595795143</v>
      </c>
    </row>
    <row r="87455" spans="1:7" x14ac:dyDescent="0.3">
      <c r="A87455" s="13" t="s">
        <v>438</v>
      </c>
      <c r="B87455" s="14" t="s">
        <v>1</v>
      </c>
      <c r="C87455" s="14" t="s">
        <v>23</v>
      </c>
      <c r="D87455" s="14" t="s">
        <v>439</v>
      </c>
      <c r="E87455" s="15">
        <v>45596</v>
      </c>
      <c r="F87455" s="14" t="s">
        <v>61</v>
      </c>
      <c r="G87455" s="16">
        <v>2.9161849838801075</v>
      </c>
    </row>
    <row r="87456" spans="1:7" x14ac:dyDescent="0.3">
      <c r="A87456" s="13" t="s">
        <v>438</v>
      </c>
      <c r="B87456" s="14" t="s">
        <v>1</v>
      </c>
      <c r="C87456" s="14" t="s">
        <v>23</v>
      </c>
      <c r="D87456" s="14" t="s">
        <v>439</v>
      </c>
      <c r="E87456" s="15">
        <v>45597</v>
      </c>
      <c r="F87456" s="14" t="s">
        <v>61</v>
      </c>
      <c r="G87456" s="16">
        <v>2.9424419912479105</v>
      </c>
    </row>
    <row r="87457" spans="1:7" x14ac:dyDescent="0.3">
      <c r="A87457" s="13" t="s">
        <v>438</v>
      </c>
      <c r="B87457" s="14" t="s">
        <v>1</v>
      </c>
      <c r="C87457" s="14" t="s">
        <v>23</v>
      </c>
      <c r="D87457" s="14" t="s">
        <v>439</v>
      </c>
      <c r="E87457" s="15">
        <v>45598</v>
      </c>
      <c r="F87457" s="14" t="s">
        <v>61</v>
      </c>
      <c r="G87457" s="16">
        <v>2.9424419912479105</v>
      </c>
    </row>
    <row r="87458" spans="1:7" x14ac:dyDescent="0.3">
      <c r="A87458" s="13" t="s">
        <v>438</v>
      </c>
      <c r="B87458" s="14" t="s">
        <v>1</v>
      </c>
      <c r="C87458" s="14" t="s">
        <v>23</v>
      </c>
      <c r="D87458" s="14" t="s">
        <v>439</v>
      </c>
      <c r="E87458" s="15">
        <v>45599</v>
      </c>
      <c r="F87458" s="14" t="s">
        <v>61</v>
      </c>
      <c r="G87458" s="16">
        <v>2.9424419912479105</v>
      </c>
    </row>
    <row r="87459" spans="1:7" x14ac:dyDescent="0.3">
      <c r="A87459" s="13" t="s">
        <v>438</v>
      </c>
      <c r="B87459" s="14" t="s">
        <v>1</v>
      </c>
      <c r="C87459" s="14" t="s">
        <v>23</v>
      </c>
      <c r="D87459" s="14" t="s">
        <v>439</v>
      </c>
      <c r="E87459" s="15">
        <v>45600</v>
      </c>
      <c r="F87459" s="14" t="s">
        <v>61</v>
      </c>
      <c r="G87459" s="16">
        <v>2.9357383361320109</v>
      </c>
    </row>
    <row r="87460" spans="1:7" x14ac:dyDescent="0.3">
      <c r="A87460" s="13" t="s">
        <v>438</v>
      </c>
      <c r="B87460" s="14" t="s">
        <v>1</v>
      </c>
      <c r="C87460" s="14" t="s">
        <v>23</v>
      </c>
      <c r="D87460" s="14" t="s">
        <v>439</v>
      </c>
      <c r="E87460" s="15">
        <v>45601</v>
      </c>
      <c r="F87460" s="14" t="s">
        <v>61</v>
      </c>
      <c r="G87460" s="16">
        <v>2.9621183421874577</v>
      </c>
    </row>
    <row r="87461" spans="1:7" x14ac:dyDescent="0.3">
      <c r="A87461" s="13" t="s">
        <v>438</v>
      </c>
      <c r="B87461" s="14" t="s">
        <v>1</v>
      </c>
      <c r="C87461" s="14" t="s">
        <v>23</v>
      </c>
      <c r="D87461" s="14" t="s">
        <v>439</v>
      </c>
      <c r="E87461" s="15">
        <v>45602</v>
      </c>
      <c r="F87461" s="14" t="s">
        <v>61</v>
      </c>
      <c r="G87461" s="16">
        <v>3.0320295323470439</v>
      </c>
    </row>
    <row r="87462" spans="1:7" x14ac:dyDescent="0.3">
      <c r="A87462" s="13" t="s">
        <v>438</v>
      </c>
      <c r="B87462" s="14" t="s">
        <v>1</v>
      </c>
      <c r="C87462" s="14" t="s">
        <v>23</v>
      </c>
      <c r="D87462" s="14" t="s">
        <v>439</v>
      </c>
      <c r="E87462" s="15">
        <v>45603</v>
      </c>
      <c r="F87462" s="14" t="s">
        <v>61</v>
      </c>
      <c r="G87462" s="16">
        <v>3.0258451456845772</v>
      </c>
    </row>
    <row r="87463" spans="1:7" x14ac:dyDescent="0.3">
      <c r="A87463" s="13" t="s">
        <v>438</v>
      </c>
      <c r="B87463" s="14" t="s">
        <v>1</v>
      </c>
      <c r="C87463" s="14" t="s">
        <v>23</v>
      </c>
      <c r="D87463" s="14" t="s">
        <v>439</v>
      </c>
      <c r="E87463" s="15">
        <v>45604</v>
      </c>
      <c r="F87463" s="14" t="s">
        <v>61</v>
      </c>
      <c r="G87463" s="16">
        <v>3.0646078233360847</v>
      </c>
    </row>
    <row r="87464" spans="1:7" x14ac:dyDescent="0.3">
      <c r="A87464" s="13" t="s">
        <v>438</v>
      </c>
      <c r="B87464" s="14" t="s">
        <v>1</v>
      </c>
      <c r="C87464" s="14" t="s">
        <v>23</v>
      </c>
      <c r="D87464" s="14" t="s">
        <v>439</v>
      </c>
      <c r="E87464" s="15">
        <v>45605</v>
      </c>
      <c r="F87464" s="14" t="s">
        <v>61</v>
      </c>
      <c r="G87464" s="16">
        <v>3.0646078233360847</v>
      </c>
    </row>
    <row r="87465" spans="1:7" x14ac:dyDescent="0.3">
      <c r="A87465" s="13" t="s">
        <v>438</v>
      </c>
      <c r="B87465" s="14" t="s">
        <v>1</v>
      </c>
      <c r="C87465" s="14" t="s">
        <v>23</v>
      </c>
      <c r="D87465" s="14" t="s">
        <v>439</v>
      </c>
      <c r="E87465" s="15">
        <v>45606</v>
      </c>
      <c r="F87465" s="14" t="s">
        <v>61</v>
      </c>
      <c r="G87465" s="16">
        <v>3.0646078233360847</v>
      </c>
    </row>
    <row r="87466" spans="1:7" x14ac:dyDescent="0.3">
      <c r="A87466" s="13" t="s">
        <v>438</v>
      </c>
      <c r="B87466" s="14" t="s">
        <v>1</v>
      </c>
      <c r="C87466" s="14" t="s">
        <v>23</v>
      </c>
      <c r="D87466" s="14" t="s">
        <v>439</v>
      </c>
      <c r="E87466" s="15">
        <v>45607</v>
      </c>
      <c r="F87466" s="14" t="s">
        <v>61</v>
      </c>
      <c r="G87466" s="16">
        <v>3.0646078233360847</v>
      </c>
    </row>
    <row r="87467" spans="1:7" x14ac:dyDescent="0.3">
      <c r="A87467" s="13" t="s">
        <v>438</v>
      </c>
      <c r="B87467" s="14" t="s">
        <v>1</v>
      </c>
      <c r="C87467" s="14" t="s">
        <v>23</v>
      </c>
      <c r="D87467" s="14" t="s">
        <v>439</v>
      </c>
      <c r="E87467" s="15">
        <v>45608</v>
      </c>
      <c r="F87467" s="14" t="s">
        <v>61</v>
      </c>
      <c r="G87467" s="16">
        <v>3.1055752600843385</v>
      </c>
    </row>
    <row r="87468" spans="1:7" x14ac:dyDescent="0.3">
      <c r="A87468" s="13" t="s">
        <v>438</v>
      </c>
      <c r="B87468" s="14" t="s">
        <v>1</v>
      </c>
      <c r="C87468" s="14" t="s">
        <v>23</v>
      </c>
      <c r="D87468" s="14" t="s">
        <v>439</v>
      </c>
      <c r="E87468" s="15">
        <v>45609</v>
      </c>
      <c r="F87468" s="14" t="s">
        <v>61</v>
      </c>
      <c r="G87468" s="16">
        <v>3.1903311150747866</v>
      </c>
    </row>
    <row r="87469" spans="1:7" x14ac:dyDescent="0.3">
      <c r="A87469" s="13" t="s">
        <v>438</v>
      </c>
      <c r="B87469" s="14" t="s">
        <v>1</v>
      </c>
      <c r="C87469" s="14" t="s">
        <v>23</v>
      </c>
      <c r="D87469" s="14" t="s">
        <v>439</v>
      </c>
      <c r="E87469" s="15">
        <v>45610</v>
      </c>
      <c r="F87469" s="14" t="s">
        <v>61</v>
      </c>
      <c r="G87469" s="16">
        <v>3.2141617481333982</v>
      </c>
    </row>
    <row r="87470" spans="1:7" x14ac:dyDescent="0.3">
      <c r="A87470" s="13" t="s">
        <v>438</v>
      </c>
      <c r="B87470" s="14" t="s">
        <v>1</v>
      </c>
      <c r="C87470" s="14" t="s">
        <v>23</v>
      </c>
      <c r="D87470" s="14" t="s">
        <v>439</v>
      </c>
      <c r="E87470" s="15">
        <v>45611</v>
      </c>
      <c r="F87470" s="14" t="s">
        <v>61</v>
      </c>
      <c r="G87470" s="16">
        <v>3.2241411909405766</v>
      </c>
    </row>
    <row r="87471" spans="1:7" x14ac:dyDescent="0.3">
      <c r="A87471" s="13" t="s">
        <v>438</v>
      </c>
      <c r="B87471" s="14" t="s">
        <v>1</v>
      </c>
      <c r="C87471" s="14" t="s">
        <v>23</v>
      </c>
      <c r="D87471" s="14" t="s">
        <v>439</v>
      </c>
      <c r="E87471" s="15">
        <v>45612</v>
      </c>
      <c r="F87471" s="14" t="s">
        <v>61</v>
      </c>
      <c r="G87471" s="16">
        <v>3.2241411909405766</v>
      </c>
    </row>
    <row r="87472" spans="1:7" x14ac:dyDescent="0.3">
      <c r="A87472" s="13" t="s">
        <v>438</v>
      </c>
      <c r="B87472" s="14" t="s">
        <v>1</v>
      </c>
      <c r="C87472" s="14" t="s">
        <v>23</v>
      </c>
      <c r="D87472" s="14" t="s">
        <v>439</v>
      </c>
      <c r="E87472" s="15">
        <v>45613</v>
      </c>
      <c r="F87472" s="14" t="s">
        <v>61</v>
      </c>
      <c r="G87472" s="16">
        <v>3.2241411909405766</v>
      </c>
    </row>
    <row r="87473" spans="1:7" x14ac:dyDescent="0.3">
      <c r="A87473" s="13" t="s">
        <v>438</v>
      </c>
      <c r="B87473" s="14" t="s">
        <v>1</v>
      </c>
      <c r="C87473" s="14" t="s">
        <v>23</v>
      </c>
      <c r="D87473" s="14" t="s">
        <v>439</v>
      </c>
      <c r="E87473" s="15">
        <v>45614</v>
      </c>
      <c r="F87473" s="14" t="s">
        <v>61</v>
      </c>
      <c r="G87473" s="16">
        <v>3.219407029966769</v>
      </c>
    </row>
    <row r="87474" spans="1:7" x14ac:dyDescent="0.3">
      <c r="A87474" s="13" t="s">
        <v>438</v>
      </c>
      <c r="B87474" s="14" t="s">
        <v>1</v>
      </c>
      <c r="C87474" s="14" t="s">
        <v>23</v>
      </c>
      <c r="D87474" s="14" t="s">
        <v>439</v>
      </c>
      <c r="E87474" s="15">
        <v>45615</v>
      </c>
      <c r="F87474" s="14" t="s">
        <v>61</v>
      </c>
      <c r="G87474" s="16">
        <v>3.2598634486169877</v>
      </c>
    </row>
    <row r="87475" spans="1:7" x14ac:dyDescent="0.3">
      <c r="A87475" s="13" t="s">
        <v>438</v>
      </c>
      <c r="B87475" s="14" t="s">
        <v>1</v>
      </c>
      <c r="C87475" s="14" t="s">
        <v>23</v>
      </c>
      <c r="D87475" s="14" t="s">
        <v>439</v>
      </c>
      <c r="E87475" s="15">
        <v>45616</v>
      </c>
      <c r="F87475" s="14" t="s">
        <v>61</v>
      </c>
      <c r="G87475" s="16">
        <v>3.2892984858926049</v>
      </c>
    </row>
    <row r="87476" spans="1:7" x14ac:dyDescent="0.3">
      <c r="A87476" s="13" t="s">
        <v>438</v>
      </c>
      <c r="B87476" s="14" t="s">
        <v>1</v>
      </c>
      <c r="C87476" s="14" t="s">
        <v>23</v>
      </c>
      <c r="D87476" s="14" t="s">
        <v>439</v>
      </c>
      <c r="E87476" s="15">
        <v>45617</v>
      </c>
      <c r="F87476" s="14" t="s">
        <v>61</v>
      </c>
      <c r="G87476" s="16">
        <v>3.3250756354737065</v>
      </c>
    </row>
    <row r="87477" spans="1:7" x14ac:dyDescent="0.3">
      <c r="A87477" s="13" t="s">
        <v>438</v>
      </c>
      <c r="B87477" s="14" t="s">
        <v>1</v>
      </c>
      <c r="C87477" s="14" t="s">
        <v>23</v>
      </c>
      <c r="D87477" s="14" t="s">
        <v>439</v>
      </c>
      <c r="E87477" s="15">
        <v>45618</v>
      </c>
      <c r="F87477" s="14" t="s">
        <v>61</v>
      </c>
      <c r="G87477" s="16">
        <v>3.3557304529035843</v>
      </c>
    </row>
    <row r="87478" spans="1:7" x14ac:dyDescent="0.3">
      <c r="A87478" s="13" t="s">
        <v>438</v>
      </c>
      <c r="B87478" s="14" t="s">
        <v>1</v>
      </c>
      <c r="C87478" s="14" t="s">
        <v>23</v>
      </c>
      <c r="D87478" s="14" t="s">
        <v>439</v>
      </c>
      <c r="E87478" s="15">
        <v>45619</v>
      </c>
      <c r="F87478" s="14" t="s">
        <v>61</v>
      </c>
      <c r="G87478" s="16">
        <v>3.3557304529035843</v>
      </c>
    </row>
    <row r="87479" spans="1:7" x14ac:dyDescent="0.3">
      <c r="A87479" s="13" t="s">
        <v>438</v>
      </c>
      <c r="B87479" s="14" t="s">
        <v>1</v>
      </c>
      <c r="C87479" s="14" t="s">
        <v>23</v>
      </c>
      <c r="D87479" s="14" t="s">
        <v>439</v>
      </c>
      <c r="E87479" s="15">
        <v>45620</v>
      </c>
      <c r="F87479" s="14" t="s">
        <v>61</v>
      </c>
      <c r="G87479" s="16">
        <v>3.3557304529035843</v>
      </c>
    </row>
    <row r="87480" spans="1:7" x14ac:dyDescent="0.3">
      <c r="A87480" s="13" t="s">
        <v>438</v>
      </c>
      <c r="B87480" s="14" t="s">
        <v>1</v>
      </c>
      <c r="C87480" s="14" t="s">
        <v>23</v>
      </c>
      <c r="D87480" s="14" t="s">
        <v>439</v>
      </c>
      <c r="E87480" s="15">
        <v>45621</v>
      </c>
      <c r="F87480" s="14" t="s">
        <v>61</v>
      </c>
      <c r="G87480" s="16">
        <v>3.3457028828865529</v>
      </c>
    </row>
    <row r="87481" spans="1:7" x14ac:dyDescent="0.3">
      <c r="A87481" s="13" t="s">
        <v>438</v>
      </c>
      <c r="B87481" s="14" t="s">
        <v>1</v>
      </c>
      <c r="C87481" s="14" t="s">
        <v>23</v>
      </c>
      <c r="D87481" s="14" t="s">
        <v>439</v>
      </c>
      <c r="E87481" s="15">
        <v>45622</v>
      </c>
      <c r="F87481" s="14" t="s">
        <v>61</v>
      </c>
      <c r="G87481" s="16">
        <v>3.3871342478378845</v>
      </c>
    </row>
    <row r="87482" spans="1:7" x14ac:dyDescent="0.3">
      <c r="A87482" s="13" t="s">
        <v>438</v>
      </c>
      <c r="B87482" s="14" t="s">
        <v>1</v>
      </c>
      <c r="C87482" s="14" t="s">
        <v>23</v>
      </c>
      <c r="D87482" s="14" t="s">
        <v>439</v>
      </c>
      <c r="E87482" s="15">
        <v>45623</v>
      </c>
      <c r="F87482" s="14" t="s">
        <v>61</v>
      </c>
      <c r="G87482" s="16">
        <v>3.3755827737031203</v>
      </c>
    </row>
    <row r="87483" spans="1:7" x14ac:dyDescent="0.3">
      <c r="A87483" s="13" t="s">
        <v>438</v>
      </c>
      <c r="B87483" s="14" t="s">
        <v>1</v>
      </c>
      <c r="C87483" s="14" t="s">
        <v>23</v>
      </c>
      <c r="D87483" s="14" t="s">
        <v>439</v>
      </c>
      <c r="E87483" s="15">
        <v>45624</v>
      </c>
      <c r="F87483" s="14" t="s">
        <v>61</v>
      </c>
      <c r="G87483" s="16">
        <v>3.3755827737031203</v>
      </c>
    </row>
    <row r="87484" spans="1:7" x14ac:dyDescent="0.3">
      <c r="A87484" s="13" t="s">
        <v>438</v>
      </c>
      <c r="B87484" s="14" t="s">
        <v>1</v>
      </c>
      <c r="C87484" s="14" t="s">
        <v>23</v>
      </c>
      <c r="D87484" s="14" t="s">
        <v>439</v>
      </c>
      <c r="E87484" s="15">
        <v>45625</v>
      </c>
      <c r="F87484" s="14" t="s">
        <v>61</v>
      </c>
      <c r="G87484" s="16">
        <v>3.3896288510011785</v>
      </c>
    </row>
    <row r="87485" spans="1:7" x14ac:dyDescent="0.3">
      <c r="A87485" s="13" t="s">
        <v>438</v>
      </c>
      <c r="B87485" s="14" t="s">
        <v>1</v>
      </c>
      <c r="C87485" s="14" t="s">
        <v>23</v>
      </c>
      <c r="D87485" s="14" t="s">
        <v>439</v>
      </c>
      <c r="E87485" s="15">
        <v>45626</v>
      </c>
      <c r="F87485" s="14" t="s">
        <v>61</v>
      </c>
      <c r="G87485" s="16">
        <v>3.3896288510011785</v>
      </c>
    </row>
    <row r="87486" spans="1:7" x14ac:dyDescent="0.3">
      <c r="A87486" s="13" t="s">
        <v>438</v>
      </c>
      <c r="B87486" s="14" t="s">
        <v>1</v>
      </c>
      <c r="C87486" s="14" t="s">
        <v>23</v>
      </c>
      <c r="D87486" s="14" t="s">
        <v>439</v>
      </c>
      <c r="E87486" s="15">
        <v>45627</v>
      </c>
      <c r="F87486" s="14" t="s">
        <v>61</v>
      </c>
      <c r="G87486" s="16">
        <v>3.3896288510011785</v>
      </c>
    </row>
    <row r="87487" spans="1:7" x14ac:dyDescent="0.3">
      <c r="A87487" s="13" t="s">
        <v>438</v>
      </c>
      <c r="B87487" s="14" t="s">
        <v>1</v>
      </c>
      <c r="C87487" s="14" t="s">
        <v>23</v>
      </c>
      <c r="D87487" s="14" t="s">
        <v>439</v>
      </c>
      <c r="E87487" s="15">
        <v>45628</v>
      </c>
      <c r="F87487" s="14" t="s">
        <v>61</v>
      </c>
      <c r="G87487" s="16">
        <v>3.4422438505365549</v>
      </c>
    </row>
    <row r="87488" spans="1:7" x14ac:dyDescent="0.3">
      <c r="A87488" s="13" t="s">
        <v>438</v>
      </c>
      <c r="B87488" s="14" t="s">
        <v>1</v>
      </c>
      <c r="C87488" s="14" t="s">
        <v>23</v>
      </c>
      <c r="D87488" s="14" t="s">
        <v>439</v>
      </c>
      <c r="E87488" s="15">
        <v>45629</v>
      </c>
      <c r="F87488" s="14" t="s">
        <v>61</v>
      </c>
      <c r="G87488" s="16">
        <v>3.4667803574657232</v>
      </c>
    </row>
    <row r="87489" spans="1:7" x14ac:dyDescent="0.3">
      <c r="A87489" s="13" t="s">
        <v>438</v>
      </c>
      <c r="B87489" s="14" t="s">
        <v>1</v>
      </c>
      <c r="C87489" s="14" t="s">
        <v>23</v>
      </c>
      <c r="D87489" s="14" t="s">
        <v>439</v>
      </c>
      <c r="E87489" s="15">
        <v>45630</v>
      </c>
      <c r="F87489" s="14" t="s">
        <v>61</v>
      </c>
      <c r="G87489" s="16">
        <v>3.4776222473889544</v>
      </c>
    </row>
    <row r="87490" spans="1:7" x14ac:dyDescent="0.3">
      <c r="A87490" s="13" t="s">
        <v>438</v>
      </c>
      <c r="B87490" s="14" t="s">
        <v>1</v>
      </c>
      <c r="C87490" s="14" t="s">
        <v>23</v>
      </c>
      <c r="D87490" s="14" t="s">
        <v>439</v>
      </c>
      <c r="E87490" s="15">
        <v>45631</v>
      </c>
      <c r="F87490" s="14" t="s">
        <v>61</v>
      </c>
      <c r="G87490" s="16">
        <v>3.4661378166906807</v>
      </c>
    </row>
    <row r="87491" spans="1:7" x14ac:dyDescent="0.3">
      <c r="A87491" s="13" t="s">
        <v>438</v>
      </c>
      <c r="B87491" s="14" t="s">
        <v>1</v>
      </c>
      <c r="C87491" s="14" t="s">
        <v>23</v>
      </c>
      <c r="D87491" s="14" t="s">
        <v>439</v>
      </c>
      <c r="E87491" s="15">
        <v>45632</v>
      </c>
      <c r="F87491" s="14" t="s">
        <v>61</v>
      </c>
      <c r="G87491" s="16">
        <v>3.4849911284941437</v>
      </c>
    </row>
    <row r="87492" spans="1:7" x14ac:dyDescent="0.3">
      <c r="A87492" s="13" t="s">
        <v>438</v>
      </c>
      <c r="B87492" s="14" t="s">
        <v>1</v>
      </c>
      <c r="C87492" s="14" t="s">
        <v>23</v>
      </c>
      <c r="D87492" s="14" t="s">
        <v>439</v>
      </c>
      <c r="E87492" s="15">
        <v>45633</v>
      </c>
      <c r="F87492" s="14" t="s">
        <v>61</v>
      </c>
      <c r="G87492" s="16">
        <v>3.4849911284941437</v>
      </c>
    </row>
    <row r="87493" spans="1:7" x14ac:dyDescent="0.3">
      <c r="A87493" s="13" t="s">
        <v>438</v>
      </c>
      <c r="B87493" s="14" t="s">
        <v>1</v>
      </c>
      <c r="C87493" s="14" t="s">
        <v>23</v>
      </c>
      <c r="D87493" s="14" t="s">
        <v>439</v>
      </c>
      <c r="E87493" s="15">
        <v>45634</v>
      </c>
      <c r="F87493" s="14" t="s">
        <v>61</v>
      </c>
      <c r="G87493" s="16">
        <v>3.4849911284941437</v>
      </c>
    </row>
    <row r="87494" spans="1:7" x14ac:dyDescent="0.3">
      <c r="A87494" s="13" t="s">
        <v>438</v>
      </c>
      <c r="B87494" s="14" t="s">
        <v>1</v>
      </c>
      <c r="C87494" s="14" t="s">
        <v>23</v>
      </c>
      <c r="D87494" s="14" t="s">
        <v>439</v>
      </c>
      <c r="E87494" s="15">
        <v>45635</v>
      </c>
      <c r="F87494" s="14" t="s">
        <v>61</v>
      </c>
      <c r="G87494" s="16">
        <v>3.5103686718928797</v>
      </c>
    </row>
    <row r="87495" spans="1:7" x14ac:dyDescent="0.3">
      <c r="A87495" s="13" t="s">
        <v>438</v>
      </c>
      <c r="B87495" s="14" t="s">
        <v>1</v>
      </c>
      <c r="C87495" s="14" t="s">
        <v>23</v>
      </c>
      <c r="D87495" s="14" t="s">
        <v>439</v>
      </c>
      <c r="E87495" s="15">
        <v>45636</v>
      </c>
      <c r="F87495" s="14" t="s">
        <v>61</v>
      </c>
      <c r="G87495" s="16">
        <v>3.5591317037548227</v>
      </c>
    </row>
    <row r="87496" spans="1:7" x14ac:dyDescent="0.3">
      <c r="A87496" s="13" t="s">
        <v>438</v>
      </c>
      <c r="B87496" s="14" t="s">
        <v>1</v>
      </c>
      <c r="C87496" s="14" t="s">
        <v>23</v>
      </c>
      <c r="D87496" s="14" t="s">
        <v>439</v>
      </c>
      <c r="E87496" s="15">
        <v>45637</v>
      </c>
      <c r="F87496" s="14" t="s">
        <v>61</v>
      </c>
      <c r="G87496" s="16">
        <v>3.5834696364162011</v>
      </c>
    </row>
    <row r="87497" spans="1:7" x14ac:dyDescent="0.3">
      <c r="A87497" s="13" t="s">
        <v>438</v>
      </c>
      <c r="B87497" s="14" t="s">
        <v>1</v>
      </c>
      <c r="C87497" s="14" t="s">
        <v>23</v>
      </c>
      <c r="D87497" s="14" t="s">
        <v>439</v>
      </c>
      <c r="E87497" s="15">
        <v>45638</v>
      </c>
      <c r="F87497" s="14" t="s">
        <v>61</v>
      </c>
      <c r="G87497" s="16">
        <v>3.6066852597858459</v>
      </c>
    </row>
    <row r="87498" spans="1:7" x14ac:dyDescent="0.3">
      <c r="A87498" s="13" t="s">
        <v>438</v>
      </c>
      <c r="B87498" s="14" t="s">
        <v>1</v>
      </c>
      <c r="C87498" s="14" t="s">
        <v>23</v>
      </c>
      <c r="D87498" s="14" t="s">
        <v>439</v>
      </c>
      <c r="E87498" s="15">
        <v>45639</v>
      </c>
      <c r="F87498" s="14" t="s">
        <v>61</v>
      </c>
      <c r="G87498" s="16">
        <v>3.6079624424034282</v>
      </c>
    </row>
    <row r="87499" spans="1:7" x14ac:dyDescent="0.3">
      <c r="A87499" s="13" t="s">
        <v>438</v>
      </c>
      <c r="B87499" s="14" t="s">
        <v>1</v>
      </c>
      <c r="C87499" s="14" t="s">
        <v>23</v>
      </c>
      <c r="D87499" s="14" t="s">
        <v>439</v>
      </c>
      <c r="E87499" s="15">
        <v>45640</v>
      </c>
      <c r="F87499" s="14" t="s">
        <v>61</v>
      </c>
      <c r="G87499" s="16">
        <v>3.6079624424034282</v>
      </c>
    </row>
    <row r="87500" spans="1:7" x14ac:dyDescent="0.3">
      <c r="A87500" s="13" t="s">
        <v>438</v>
      </c>
      <c r="B87500" s="14" t="s">
        <v>1</v>
      </c>
      <c r="C87500" s="14" t="s">
        <v>23</v>
      </c>
      <c r="D87500" s="14" t="s">
        <v>439</v>
      </c>
      <c r="E87500" s="15">
        <v>45641</v>
      </c>
      <c r="F87500" s="14" t="s">
        <v>61</v>
      </c>
      <c r="G87500" s="16">
        <v>3.6079624424034282</v>
      </c>
    </row>
    <row r="87501" spans="1:7" x14ac:dyDescent="0.3">
      <c r="A87501" s="13" t="s">
        <v>438</v>
      </c>
      <c r="B87501" s="14" t="s">
        <v>1</v>
      </c>
      <c r="C87501" s="14" t="s">
        <v>23</v>
      </c>
      <c r="D87501" s="14" t="s">
        <v>439</v>
      </c>
      <c r="E87501" s="15">
        <v>45642</v>
      </c>
      <c r="F87501" s="14" t="s">
        <v>61</v>
      </c>
      <c r="G87501" s="16">
        <v>3.617595502897939</v>
      </c>
    </row>
    <row r="87502" spans="1:7" x14ac:dyDescent="0.3">
      <c r="A87502" s="13" t="s">
        <v>438</v>
      </c>
      <c r="B87502" s="14" t="s">
        <v>1</v>
      </c>
      <c r="C87502" s="14" t="s">
        <v>23</v>
      </c>
      <c r="D87502" s="14" t="s">
        <v>439</v>
      </c>
      <c r="E87502" s="15">
        <v>45643</v>
      </c>
      <c r="F87502" s="14" t="s">
        <v>61</v>
      </c>
      <c r="G87502" s="16">
        <v>3.6646410414711896</v>
      </c>
    </row>
    <row r="87503" spans="1:7" x14ac:dyDescent="0.3">
      <c r="A87503" s="13" t="s">
        <v>438</v>
      </c>
      <c r="B87503" s="14" t="s">
        <v>1</v>
      </c>
      <c r="C87503" s="14" t="s">
        <v>23</v>
      </c>
      <c r="D87503" s="14" t="s">
        <v>439</v>
      </c>
      <c r="E87503" s="15">
        <v>45644</v>
      </c>
      <c r="F87503" s="14" t="s">
        <v>61</v>
      </c>
      <c r="G87503" s="16">
        <v>3.7281709539891819</v>
      </c>
    </row>
    <row r="87504" spans="1:7" x14ac:dyDescent="0.3">
      <c r="A87504" s="13" t="s">
        <v>438</v>
      </c>
      <c r="B87504" s="14" t="s">
        <v>1</v>
      </c>
      <c r="C87504" s="14" t="s">
        <v>23</v>
      </c>
      <c r="D87504" s="14" t="s">
        <v>439</v>
      </c>
      <c r="E87504" s="15">
        <v>45645</v>
      </c>
      <c r="F87504" s="14" t="s">
        <v>61</v>
      </c>
      <c r="G87504" s="16">
        <v>3.7372548929071479</v>
      </c>
    </row>
    <row r="87505" spans="1:7" x14ac:dyDescent="0.3">
      <c r="A87505" s="13" t="s">
        <v>438</v>
      </c>
      <c r="B87505" s="14" t="s">
        <v>1</v>
      </c>
      <c r="C87505" s="14" t="s">
        <v>23</v>
      </c>
      <c r="D87505" s="14" t="s">
        <v>439</v>
      </c>
      <c r="E87505" s="15">
        <v>45646</v>
      </c>
      <c r="F87505" s="14" t="s">
        <v>61</v>
      </c>
      <c r="G87505" s="16">
        <v>3.7260143502938994</v>
      </c>
    </row>
    <row r="87506" spans="1:7" x14ac:dyDescent="0.3">
      <c r="A87506" s="13" t="s">
        <v>438</v>
      </c>
      <c r="B87506" s="14" t="s">
        <v>1</v>
      </c>
      <c r="C87506" s="14" t="s">
        <v>23</v>
      </c>
      <c r="D87506" s="14" t="s">
        <v>439</v>
      </c>
      <c r="E87506" s="15">
        <v>45647</v>
      </c>
      <c r="F87506" s="14" t="s">
        <v>61</v>
      </c>
      <c r="G87506" s="16">
        <v>3.7260143502938994</v>
      </c>
    </row>
    <row r="87507" spans="1:7" x14ac:dyDescent="0.3">
      <c r="A87507" s="13" t="s">
        <v>438</v>
      </c>
      <c r="B87507" s="14" t="s">
        <v>1</v>
      </c>
      <c r="C87507" s="14" t="s">
        <v>23</v>
      </c>
      <c r="D87507" s="14" t="s">
        <v>439</v>
      </c>
      <c r="E87507" s="15">
        <v>45648</v>
      </c>
      <c r="F87507" s="14" t="s">
        <v>61</v>
      </c>
      <c r="G87507" s="16">
        <v>3.7260143502938994</v>
      </c>
    </row>
    <row r="87508" spans="1:7" x14ac:dyDescent="0.3">
      <c r="A87508" s="13" t="s">
        <v>438</v>
      </c>
      <c r="B87508" s="14" t="s">
        <v>1</v>
      </c>
      <c r="C87508" s="14" t="s">
        <v>23</v>
      </c>
      <c r="D87508" s="14" t="s">
        <v>439</v>
      </c>
      <c r="E87508" s="15">
        <v>45649</v>
      </c>
      <c r="F87508" s="14" t="s">
        <v>61</v>
      </c>
      <c r="G87508" s="16">
        <v>3.7120651840978196</v>
      </c>
    </row>
    <row r="87509" spans="1:7" x14ac:dyDescent="0.3">
      <c r="A87509" s="13" t="s">
        <v>438</v>
      </c>
      <c r="B87509" s="14" t="s">
        <v>1</v>
      </c>
      <c r="C87509" s="14" t="s">
        <v>23</v>
      </c>
      <c r="D87509" s="14" t="s">
        <v>439</v>
      </c>
      <c r="E87509" s="15">
        <v>45650</v>
      </c>
      <c r="F87509" s="14" t="s">
        <v>61</v>
      </c>
      <c r="G87509" s="16">
        <v>3.7499188007256676</v>
      </c>
    </row>
    <row r="87510" spans="1:7" x14ac:dyDescent="0.3">
      <c r="A87510" s="13" t="s">
        <v>438</v>
      </c>
      <c r="B87510" s="14" t="s">
        <v>1</v>
      </c>
      <c r="C87510" s="14" t="s">
        <v>23</v>
      </c>
      <c r="D87510" s="14" t="s">
        <v>439</v>
      </c>
      <c r="E87510" s="15">
        <v>45651</v>
      </c>
      <c r="F87510" s="14" t="s">
        <v>61</v>
      </c>
      <c r="G87510" s="16">
        <v>3.7499188007256676</v>
      </c>
    </row>
    <row r="87511" spans="1:7" x14ac:dyDescent="0.3">
      <c r="A87511" s="13" t="s">
        <v>438</v>
      </c>
      <c r="B87511" s="14" t="s">
        <v>1</v>
      </c>
      <c r="C87511" s="14" t="s">
        <v>23</v>
      </c>
      <c r="D87511" s="14" t="s">
        <v>439</v>
      </c>
      <c r="E87511" s="15">
        <v>45652</v>
      </c>
      <c r="F87511" s="14" t="s">
        <v>61</v>
      </c>
      <c r="G87511" s="16">
        <v>3.7499188007256676</v>
      </c>
    </row>
    <row r="87512" spans="1:7" x14ac:dyDescent="0.3">
      <c r="A87512" s="13" t="s">
        <v>438</v>
      </c>
      <c r="B87512" s="14" t="s">
        <v>1</v>
      </c>
      <c r="C87512" s="14" t="s">
        <v>23</v>
      </c>
      <c r="D87512" s="14" t="s">
        <v>439</v>
      </c>
      <c r="E87512" s="15">
        <v>45653</v>
      </c>
      <c r="F87512" s="14" t="s">
        <v>61</v>
      </c>
      <c r="G87512" s="16">
        <v>3.7499188007256676</v>
      </c>
    </row>
    <row r="87513" spans="1:7" x14ac:dyDescent="0.3">
      <c r="A87513" s="13" t="s">
        <v>438</v>
      </c>
      <c r="B87513" s="14" t="s">
        <v>1</v>
      </c>
      <c r="C87513" s="14" t="s">
        <v>23</v>
      </c>
      <c r="D87513" s="14" t="s">
        <v>439</v>
      </c>
      <c r="E87513" s="15">
        <v>45654</v>
      </c>
      <c r="F87513" s="14" t="s">
        <v>61</v>
      </c>
      <c r="G87513" s="16">
        <v>3.7499188007256676</v>
      </c>
    </row>
    <row r="87514" spans="1:7" x14ac:dyDescent="0.3">
      <c r="A87514" s="13" t="s">
        <v>438</v>
      </c>
      <c r="B87514" s="14" t="s">
        <v>1</v>
      </c>
      <c r="C87514" s="14" t="s">
        <v>23</v>
      </c>
      <c r="D87514" s="14" t="s">
        <v>439</v>
      </c>
      <c r="E87514" s="15">
        <v>45655</v>
      </c>
      <c r="F87514" s="14" t="s">
        <v>61</v>
      </c>
      <c r="G87514" s="16">
        <v>3.7499188007256676</v>
      </c>
    </row>
    <row r="87515" spans="1:7" x14ac:dyDescent="0.3">
      <c r="A87515" s="13" t="s">
        <v>438</v>
      </c>
      <c r="B87515" s="14" t="s">
        <v>1</v>
      </c>
      <c r="C87515" s="14" t="s">
        <v>23</v>
      </c>
      <c r="D87515" s="14" t="s">
        <v>439</v>
      </c>
      <c r="E87515" s="15">
        <v>45656</v>
      </c>
      <c r="F87515" s="14" t="s">
        <v>61</v>
      </c>
      <c r="G87515" s="16">
        <v>3.7604052151931939</v>
      </c>
    </row>
    <row r="87516" spans="1:7" x14ac:dyDescent="0.3">
      <c r="A87516" s="13" t="s">
        <v>438</v>
      </c>
      <c r="B87516" s="14" t="s">
        <v>1</v>
      </c>
      <c r="C87516" s="14" t="s">
        <v>23</v>
      </c>
      <c r="D87516" s="14" t="s">
        <v>439</v>
      </c>
      <c r="E87516" s="15">
        <v>45657</v>
      </c>
      <c r="F87516" s="14" t="s">
        <v>61</v>
      </c>
      <c r="G87516" s="16">
        <v>3.8652284688125724</v>
      </c>
    </row>
    <row r="87517" spans="1:7" x14ac:dyDescent="0.3">
      <c r="A87517" s="13" t="s">
        <v>438</v>
      </c>
      <c r="B87517" s="14" t="s">
        <v>1</v>
      </c>
      <c r="C87517" s="14" t="s">
        <v>23</v>
      </c>
      <c r="D87517" s="14" t="s">
        <v>439</v>
      </c>
      <c r="E87517" s="15">
        <v>45658</v>
      </c>
      <c r="F87517" s="14" t="s">
        <v>61</v>
      </c>
      <c r="G87517" s="16">
        <v>3.8652284688125724</v>
      </c>
    </row>
    <row r="87518" spans="1:7" x14ac:dyDescent="0.3">
      <c r="A87518" s="13" t="s">
        <v>438</v>
      </c>
      <c r="B87518" s="14" t="s">
        <v>1</v>
      </c>
      <c r="C87518" s="14" t="s">
        <v>23</v>
      </c>
      <c r="D87518" s="14" t="s">
        <v>439</v>
      </c>
      <c r="E87518" s="15">
        <v>45659</v>
      </c>
      <c r="F87518" s="14" t="s">
        <v>61</v>
      </c>
      <c r="G87518" s="16">
        <v>3.9112507789808504</v>
      </c>
    </row>
    <row r="87519" spans="1:7" x14ac:dyDescent="0.3">
      <c r="A87519" s="13" t="s">
        <v>438</v>
      </c>
      <c r="B87519" s="14" t="s">
        <v>1</v>
      </c>
      <c r="C87519" s="14" t="s">
        <v>23</v>
      </c>
      <c r="D87519" s="14" t="s">
        <v>439</v>
      </c>
      <c r="E87519" s="15">
        <v>45660</v>
      </c>
      <c r="F87519" s="14" t="s">
        <v>61</v>
      </c>
      <c r="G87519" s="16">
        <v>3.9125683310605144</v>
      </c>
    </row>
    <row r="87520" spans="1:7" x14ac:dyDescent="0.3">
      <c r="A87520" s="13" t="s">
        <v>438</v>
      </c>
      <c r="B87520" s="14" t="s">
        <v>1</v>
      </c>
      <c r="C87520" s="14" t="s">
        <v>23</v>
      </c>
      <c r="D87520" s="14" t="s">
        <v>439</v>
      </c>
      <c r="E87520" s="15">
        <v>45661</v>
      </c>
      <c r="F87520" s="14" t="s">
        <v>61</v>
      </c>
      <c r="G87520" s="16">
        <v>3.9125683310605144</v>
      </c>
    </row>
    <row r="87521" spans="1:7" x14ac:dyDescent="0.3">
      <c r="A87521" s="13" t="s">
        <v>438</v>
      </c>
      <c r="B87521" s="14" t="s">
        <v>1</v>
      </c>
      <c r="C87521" s="14" t="s">
        <v>23</v>
      </c>
      <c r="D87521" s="14" t="s">
        <v>439</v>
      </c>
      <c r="E87521" s="15">
        <v>45662</v>
      </c>
      <c r="F87521" s="14" t="s">
        <v>61</v>
      </c>
      <c r="G87521" s="16">
        <v>3.9125683310605144</v>
      </c>
    </row>
    <row r="87522" spans="1:7" x14ac:dyDescent="0.3">
      <c r="A87522" s="13" t="s">
        <v>438</v>
      </c>
      <c r="B87522" s="14" t="s">
        <v>1</v>
      </c>
      <c r="C87522" s="14" t="s">
        <v>23</v>
      </c>
      <c r="D87522" s="14" t="s">
        <v>439</v>
      </c>
      <c r="E87522" s="15">
        <v>45663</v>
      </c>
      <c r="F87522" s="14" t="s">
        <v>61</v>
      </c>
      <c r="G87522" s="16">
        <v>3.895296630640825</v>
      </c>
    </row>
    <row r="87523" spans="1:7" x14ac:dyDescent="0.3">
      <c r="A87523" s="13" t="s">
        <v>438</v>
      </c>
      <c r="B87523" s="14" t="s">
        <v>1</v>
      </c>
      <c r="C87523" s="14" t="s">
        <v>23</v>
      </c>
      <c r="D87523" s="14" t="s">
        <v>439</v>
      </c>
      <c r="E87523" s="15">
        <v>45664</v>
      </c>
      <c r="F87523" s="14" t="s">
        <v>61</v>
      </c>
      <c r="G87523" s="16">
        <v>3.9554672777282214</v>
      </c>
    </row>
    <row r="87524" spans="1:7" x14ac:dyDescent="0.3">
      <c r="A87524" s="13" t="s">
        <v>438</v>
      </c>
      <c r="B87524" s="14" t="s">
        <v>1</v>
      </c>
      <c r="C87524" s="14" t="s">
        <v>23</v>
      </c>
      <c r="D87524" s="14" t="s">
        <v>439</v>
      </c>
      <c r="E87524" s="15">
        <v>45665</v>
      </c>
      <c r="F87524" s="14" t="s">
        <v>61</v>
      </c>
      <c r="G87524" s="16">
        <v>3.9790100297233857</v>
      </c>
    </row>
    <row r="87525" spans="1:7" x14ac:dyDescent="0.3">
      <c r="A87525" s="13" t="s">
        <v>438</v>
      </c>
      <c r="B87525" s="14" t="s">
        <v>1</v>
      </c>
      <c r="C87525" s="14" t="s">
        <v>23</v>
      </c>
      <c r="D87525" s="14" t="s">
        <v>439</v>
      </c>
      <c r="E87525" s="15">
        <v>45666</v>
      </c>
      <c r="F87525" s="14" t="s">
        <v>61</v>
      </c>
      <c r="G87525" s="16">
        <v>3.9790100297233857</v>
      </c>
    </row>
    <row r="87526" spans="1:7" x14ac:dyDescent="0.3">
      <c r="A87526" s="13" t="s">
        <v>438</v>
      </c>
      <c r="B87526" s="14" t="s">
        <v>1</v>
      </c>
      <c r="C87526" s="14" t="s">
        <v>23</v>
      </c>
      <c r="D87526" s="14" t="s">
        <v>439</v>
      </c>
      <c r="E87526" s="15">
        <v>45667</v>
      </c>
      <c r="F87526" s="14" t="s">
        <v>61</v>
      </c>
      <c r="G87526" s="16">
        <v>4.026405367005597</v>
      </c>
    </row>
    <row r="87527" spans="1:7" x14ac:dyDescent="0.3">
      <c r="A87527" s="13" t="s">
        <v>438</v>
      </c>
      <c r="B87527" s="14" t="s">
        <v>1</v>
      </c>
      <c r="C87527" s="14" t="s">
        <v>23</v>
      </c>
      <c r="D87527" s="14" t="s">
        <v>439</v>
      </c>
      <c r="E87527" s="15">
        <v>45668</v>
      </c>
      <c r="F87527" s="14" t="s">
        <v>61</v>
      </c>
      <c r="G87527" s="16">
        <v>4.026405367005597</v>
      </c>
    </row>
    <row r="87528" spans="1:7" x14ac:dyDescent="0.3">
      <c r="A87528" s="13" t="s">
        <v>438</v>
      </c>
      <c r="B87528" s="14" t="s">
        <v>1</v>
      </c>
      <c r="C87528" s="14" t="s">
        <v>23</v>
      </c>
      <c r="D87528" s="14" t="s">
        <v>439</v>
      </c>
      <c r="E87528" s="15">
        <v>45669</v>
      </c>
      <c r="F87528" s="14" t="s">
        <v>61</v>
      </c>
      <c r="G87528" s="16">
        <v>4.026405367005597</v>
      </c>
    </row>
    <row r="87529" spans="1:7" x14ac:dyDescent="0.3">
      <c r="A87529" s="13" t="s">
        <v>438</v>
      </c>
      <c r="B87529" s="14" t="s">
        <v>1</v>
      </c>
      <c r="C87529" s="14" t="s">
        <v>23</v>
      </c>
      <c r="D87529" s="14" t="s">
        <v>439</v>
      </c>
      <c r="E87529" s="15">
        <v>45670</v>
      </c>
      <c r="F87529" s="14" t="s">
        <v>61</v>
      </c>
      <c r="G87529" s="16">
        <v>4.0563041325207889</v>
      </c>
    </row>
    <row r="87530" spans="1:7" x14ac:dyDescent="0.3">
      <c r="A87530" s="13" t="s">
        <v>438</v>
      </c>
      <c r="B87530" s="14" t="s">
        <v>1</v>
      </c>
      <c r="C87530" s="14" t="s">
        <v>23</v>
      </c>
      <c r="D87530" s="14" t="s">
        <v>439</v>
      </c>
      <c r="E87530" s="15">
        <v>45671</v>
      </c>
      <c r="F87530" s="14" t="s">
        <v>61</v>
      </c>
      <c r="G87530" s="16">
        <v>4.066871749092825</v>
      </c>
    </row>
    <row r="87531" spans="1:7" x14ac:dyDescent="0.3">
      <c r="A87531" s="13" t="s">
        <v>438</v>
      </c>
      <c r="B87531" s="14" t="s">
        <v>1</v>
      </c>
      <c r="C87531" s="14" t="s">
        <v>23</v>
      </c>
      <c r="D87531" s="14" t="s">
        <v>439</v>
      </c>
      <c r="E87531" s="15">
        <v>45672</v>
      </c>
      <c r="F87531" s="14" t="s">
        <v>61</v>
      </c>
      <c r="G87531" s="16">
        <v>4.0884594527300209</v>
      </c>
    </row>
    <row r="87532" spans="1:7" x14ac:dyDescent="0.3">
      <c r="A87532" s="13" t="s">
        <v>438</v>
      </c>
      <c r="B87532" s="14" t="s">
        <v>1</v>
      </c>
      <c r="C87532" s="14" t="s">
        <v>23</v>
      </c>
      <c r="D87532" s="14" t="s">
        <v>439</v>
      </c>
      <c r="E87532" s="15">
        <v>45673</v>
      </c>
      <c r="F87532" s="14" t="s">
        <v>61</v>
      </c>
      <c r="G87532" s="16">
        <v>4.098413472140102</v>
      </c>
    </row>
    <row r="87533" spans="1:7" x14ac:dyDescent="0.3">
      <c r="A87533" s="13" t="s">
        <v>438</v>
      </c>
      <c r="B87533" s="14" t="s">
        <v>1</v>
      </c>
      <c r="C87533" s="14" t="s">
        <v>23</v>
      </c>
      <c r="D87533" s="14" t="s">
        <v>439</v>
      </c>
      <c r="E87533" s="15">
        <v>45674</v>
      </c>
      <c r="F87533" s="14" t="s">
        <v>61</v>
      </c>
      <c r="G87533" s="16">
        <v>4.1150023236439495</v>
      </c>
    </row>
    <row r="87534" spans="1:7" x14ac:dyDescent="0.3">
      <c r="A87534" s="13" t="s">
        <v>438</v>
      </c>
      <c r="B87534" s="14" t="s">
        <v>1</v>
      </c>
      <c r="C87534" s="14" t="s">
        <v>23</v>
      </c>
      <c r="D87534" s="14" t="s">
        <v>439</v>
      </c>
      <c r="E87534" s="15">
        <v>45675</v>
      </c>
      <c r="F87534" s="14" t="s">
        <v>61</v>
      </c>
      <c r="G87534" s="16">
        <v>4.1150023236439495</v>
      </c>
    </row>
    <row r="87535" spans="1:7" x14ac:dyDescent="0.3">
      <c r="A87535" s="13" t="s">
        <v>438</v>
      </c>
      <c r="B87535" s="14" t="s">
        <v>1</v>
      </c>
      <c r="C87535" s="14" t="s">
        <v>23</v>
      </c>
      <c r="D87535" s="14" t="s">
        <v>439</v>
      </c>
      <c r="E87535" s="15">
        <v>45676</v>
      </c>
      <c r="F87535" s="14" t="s">
        <v>61</v>
      </c>
      <c r="G87535" s="16">
        <v>4.1150023236439495</v>
      </c>
    </row>
    <row r="87536" spans="1:7" x14ac:dyDescent="0.3">
      <c r="A87536" s="13" t="s">
        <v>438</v>
      </c>
      <c r="B87536" s="14" t="s">
        <v>1</v>
      </c>
      <c r="C87536" s="14" t="s">
        <v>23</v>
      </c>
      <c r="D87536" s="14" t="s">
        <v>439</v>
      </c>
      <c r="E87536" s="15">
        <v>45677</v>
      </c>
      <c r="F87536" s="14" t="s">
        <v>61</v>
      </c>
      <c r="G87536" s="16">
        <v>4.1150023236439495</v>
      </c>
    </row>
    <row r="87537" spans="1:7" x14ac:dyDescent="0.3">
      <c r="A87537" s="13" t="s">
        <v>438</v>
      </c>
      <c r="B87537" s="14" t="s">
        <v>1</v>
      </c>
      <c r="C87537" s="14" t="s">
        <v>23</v>
      </c>
      <c r="D87537" s="14" t="s">
        <v>439</v>
      </c>
      <c r="E87537" s="15">
        <v>45678</v>
      </c>
      <c r="F87537" s="14" t="s">
        <v>61</v>
      </c>
      <c r="G87537" s="16">
        <v>4.0672734521505305</v>
      </c>
    </row>
    <row r="87538" spans="1:7" x14ac:dyDescent="0.3">
      <c r="A87538" s="13" t="s">
        <v>438</v>
      </c>
      <c r="B87538" s="14" t="s">
        <v>1</v>
      </c>
      <c r="C87538" s="14" t="s">
        <v>23</v>
      </c>
      <c r="D87538" s="14" t="s">
        <v>439</v>
      </c>
      <c r="E87538" s="15">
        <v>45679</v>
      </c>
      <c r="F87538" s="14" t="s">
        <v>61</v>
      </c>
      <c r="G87538" s="16">
        <v>4.1252286148004549</v>
      </c>
    </row>
    <row r="87539" spans="1:7" x14ac:dyDescent="0.3">
      <c r="A87539" s="13" t="s">
        <v>438</v>
      </c>
      <c r="B87539" s="14" t="s">
        <v>1</v>
      </c>
      <c r="C87539" s="14" t="s">
        <v>23</v>
      </c>
      <c r="D87539" s="14" t="s">
        <v>439</v>
      </c>
      <c r="E87539" s="15">
        <v>45680</v>
      </c>
      <c r="F87539" s="14" t="s">
        <v>61</v>
      </c>
      <c r="G87539" s="16">
        <v>4.1353939253042356</v>
      </c>
    </row>
    <row r="87540" spans="1:7" x14ac:dyDescent="0.3">
      <c r="A87540" s="13" t="s">
        <v>438</v>
      </c>
      <c r="B87540" s="14" t="s">
        <v>1</v>
      </c>
      <c r="C87540" s="14" t="s">
        <v>23</v>
      </c>
      <c r="D87540" s="14" t="s">
        <v>439</v>
      </c>
      <c r="E87540" s="15">
        <v>45681</v>
      </c>
      <c r="F87540" s="14" t="s">
        <v>61</v>
      </c>
      <c r="G87540" s="16">
        <v>4.1170897313765034</v>
      </c>
    </row>
    <row r="87541" spans="1:7" x14ac:dyDescent="0.3">
      <c r="A87541" s="13" t="s">
        <v>438</v>
      </c>
      <c r="B87541" s="14" t="s">
        <v>1</v>
      </c>
      <c r="C87541" s="14" t="s">
        <v>23</v>
      </c>
      <c r="D87541" s="14" t="s">
        <v>439</v>
      </c>
      <c r="E87541" s="15">
        <v>45682</v>
      </c>
      <c r="F87541" s="14" t="s">
        <v>61</v>
      </c>
      <c r="G87541" s="16">
        <v>4.1170897313765034</v>
      </c>
    </row>
    <row r="87542" spans="1:7" x14ac:dyDescent="0.3">
      <c r="A87542" s="13" t="s">
        <v>438</v>
      </c>
      <c r="B87542" s="14" t="s">
        <v>1</v>
      </c>
      <c r="C87542" s="14" t="s">
        <v>23</v>
      </c>
      <c r="D87542" s="14" t="s">
        <v>439</v>
      </c>
      <c r="E87542" s="15">
        <v>45683</v>
      </c>
      <c r="F87542" s="14" t="s">
        <v>61</v>
      </c>
      <c r="G87542" s="16">
        <v>4.1170897313765034</v>
      </c>
    </row>
    <row r="87543" spans="1:7" x14ac:dyDescent="0.3">
      <c r="A87543" s="13" t="s">
        <v>438</v>
      </c>
      <c r="B87543" s="14" t="s">
        <v>1</v>
      </c>
      <c r="C87543" s="14" t="s">
        <v>23</v>
      </c>
      <c r="D87543" s="14" t="s">
        <v>439</v>
      </c>
      <c r="E87543" s="15">
        <v>45684</v>
      </c>
      <c r="F87543" s="14" t="s">
        <v>61</v>
      </c>
      <c r="G87543" s="16">
        <v>4.1321208446387665</v>
      </c>
    </row>
    <row r="87544" spans="1:7" x14ac:dyDescent="0.3">
      <c r="A87544" s="13" t="s">
        <v>438</v>
      </c>
      <c r="B87544" s="14" t="s">
        <v>1</v>
      </c>
      <c r="C87544" s="14" t="s">
        <v>23</v>
      </c>
      <c r="D87544" s="14" t="s">
        <v>439</v>
      </c>
      <c r="E87544" s="15">
        <v>45685</v>
      </c>
      <c r="F87544" s="14" t="s">
        <v>61</v>
      </c>
      <c r="G87544" s="16">
        <v>4.1952854187913244</v>
      </c>
    </row>
    <row r="87545" spans="1:7" x14ac:dyDescent="0.3">
      <c r="A87545" s="13" t="s">
        <v>438</v>
      </c>
      <c r="B87545" s="14" t="s">
        <v>1</v>
      </c>
      <c r="C87545" s="14" t="s">
        <v>23</v>
      </c>
      <c r="D87545" s="14" t="s">
        <v>439</v>
      </c>
      <c r="E87545" s="15">
        <v>45686</v>
      </c>
      <c r="F87545" s="14" t="s">
        <v>61</v>
      </c>
      <c r="G87545" s="16">
        <v>4.2126571635063099</v>
      </c>
    </row>
    <row r="87546" spans="1:7" x14ac:dyDescent="0.3">
      <c r="A87546" s="13" t="s">
        <v>438</v>
      </c>
      <c r="B87546" s="14" t="s">
        <v>1</v>
      </c>
      <c r="C87546" s="14" t="s">
        <v>23</v>
      </c>
      <c r="D87546" s="14" t="s">
        <v>439</v>
      </c>
      <c r="E87546" s="15">
        <v>45687</v>
      </c>
      <c r="F87546" s="14" t="s">
        <v>61</v>
      </c>
      <c r="G87546" s="16">
        <v>4.2387117026395611</v>
      </c>
    </row>
    <row r="87547" spans="1:7" x14ac:dyDescent="0.3">
      <c r="A87547" s="13" t="s">
        <v>438</v>
      </c>
      <c r="B87547" s="14" t="s">
        <v>1</v>
      </c>
      <c r="C87547" s="14" t="s">
        <v>23</v>
      </c>
      <c r="D87547" s="14" t="s">
        <v>439</v>
      </c>
      <c r="E87547" s="15">
        <v>45688</v>
      </c>
      <c r="F87547" s="14" t="s">
        <v>61</v>
      </c>
      <c r="G87547" s="16">
        <v>4.2621393349375776</v>
      </c>
    </row>
    <row r="87548" spans="1:7" x14ac:dyDescent="0.3">
      <c r="A87548" s="13" t="s">
        <v>438</v>
      </c>
      <c r="B87548" s="14" t="s">
        <v>1</v>
      </c>
      <c r="C87548" s="14" t="s">
        <v>23</v>
      </c>
      <c r="D87548" s="14" t="s">
        <v>439</v>
      </c>
      <c r="E87548" s="15">
        <v>45689</v>
      </c>
      <c r="F87548" s="14" t="s">
        <v>61</v>
      </c>
      <c r="G87548" s="16">
        <v>4.2621393349375776</v>
      </c>
    </row>
    <row r="87549" spans="1:7" x14ac:dyDescent="0.3">
      <c r="A87549" s="13" t="s">
        <v>438</v>
      </c>
      <c r="B87549" s="14" t="s">
        <v>1</v>
      </c>
      <c r="C87549" s="14" t="s">
        <v>23</v>
      </c>
      <c r="D87549" s="14" t="s">
        <v>439</v>
      </c>
      <c r="E87549" s="15">
        <v>45690</v>
      </c>
      <c r="F87549" s="14" t="s">
        <v>61</v>
      </c>
      <c r="G87549" s="16">
        <v>4.2621393349375776</v>
      </c>
    </row>
    <row r="87550" spans="1:7" x14ac:dyDescent="0.3">
      <c r="A87550" s="13" t="s">
        <v>438</v>
      </c>
      <c r="B87550" s="14" t="s">
        <v>1</v>
      </c>
      <c r="C87550" s="14" t="s">
        <v>23</v>
      </c>
      <c r="D87550" s="14" t="s">
        <v>439</v>
      </c>
      <c r="E87550" s="15">
        <v>45691</v>
      </c>
      <c r="F87550" s="14" t="s">
        <v>61</v>
      </c>
      <c r="G87550" s="16">
        <v>4.2621393349375776</v>
      </c>
    </row>
    <row r="87551" spans="1:7" x14ac:dyDescent="0.3">
      <c r="A87551" s="13" t="s">
        <v>438</v>
      </c>
      <c r="B87551" s="14" t="s">
        <v>1</v>
      </c>
      <c r="C87551" s="14" t="s">
        <v>23</v>
      </c>
      <c r="D87551" s="14" t="s">
        <v>439</v>
      </c>
      <c r="E87551" s="15">
        <v>45692</v>
      </c>
      <c r="F87551" s="14" t="s">
        <v>61</v>
      </c>
      <c r="G87551" s="16">
        <v>4.2673150625414555</v>
      </c>
    </row>
    <row r="87552" spans="1:7" x14ac:dyDescent="0.3">
      <c r="A87552" s="13" t="s">
        <v>438</v>
      </c>
      <c r="B87552" s="14" t="s">
        <v>1</v>
      </c>
      <c r="C87552" s="14" t="s">
        <v>23</v>
      </c>
      <c r="D87552" s="14" t="s">
        <v>439</v>
      </c>
      <c r="E87552" s="15">
        <v>45693</v>
      </c>
      <c r="F87552" s="14" t="s">
        <v>61</v>
      </c>
      <c r="G87552" s="16">
        <v>4.3007875177584705</v>
      </c>
    </row>
    <row r="87553" spans="1:7" x14ac:dyDescent="0.3">
      <c r="A87553" s="13" t="s">
        <v>438</v>
      </c>
      <c r="B87553" s="14" t="s">
        <v>1</v>
      </c>
      <c r="C87553" s="14" t="s">
        <v>23</v>
      </c>
      <c r="D87553" s="14" t="s">
        <v>439</v>
      </c>
      <c r="E87553" s="15">
        <v>45694</v>
      </c>
      <c r="F87553" s="14" t="s">
        <v>61</v>
      </c>
      <c r="G87553" s="16">
        <v>4.3209088518780838</v>
      </c>
    </row>
    <row r="87554" spans="1:7" x14ac:dyDescent="0.3">
      <c r="A87554" s="13" t="s">
        <v>438</v>
      </c>
      <c r="B87554" s="14" t="s">
        <v>1</v>
      </c>
      <c r="C87554" s="14" t="s">
        <v>23</v>
      </c>
      <c r="D87554" s="14" t="s">
        <v>439</v>
      </c>
      <c r="E87554" s="15">
        <v>45695</v>
      </c>
      <c r="F87554" s="14" t="s">
        <v>61</v>
      </c>
      <c r="G87554" s="16">
        <v>4.3578474752798915</v>
      </c>
    </row>
    <row r="87555" spans="1:7" x14ac:dyDescent="0.3">
      <c r="A87555" s="13" t="s">
        <v>438</v>
      </c>
      <c r="B87555" s="14" t="s">
        <v>1</v>
      </c>
      <c r="C87555" s="14" t="s">
        <v>23</v>
      </c>
      <c r="D87555" s="14" t="s">
        <v>439</v>
      </c>
      <c r="E87555" s="15">
        <v>45696</v>
      </c>
      <c r="F87555" s="14" t="s">
        <v>61</v>
      </c>
      <c r="G87555" s="16">
        <v>4.3578474752798915</v>
      </c>
    </row>
    <row r="87556" spans="1:7" x14ac:dyDescent="0.3">
      <c r="A87556" s="13" t="s">
        <v>438</v>
      </c>
      <c r="B87556" s="14" t="s">
        <v>1</v>
      </c>
      <c r="C87556" s="14" t="s">
        <v>23</v>
      </c>
      <c r="D87556" s="14" t="s">
        <v>439</v>
      </c>
      <c r="E87556" s="15">
        <v>45697</v>
      </c>
      <c r="F87556" s="14" t="s">
        <v>61</v>
      </c>
      <c r="G87556" s="16">
        <v>4.3578474752798915</v>
      </c>
    </row>
    <row r="87557" spans="1:7" x14ac:dyDescent="0.3">
      <c r="A87557" s="13" t="s">
        <v>438</v>
      </c>
      <c r="B87557" s="14" t="s">
        <v>1</v>
      </c>
      <c r="C87557" s="14" t="s">
        <v>23</v>
      </c>
      <c r="D87557" s="14" t="s">
        <v>439</v>
      </c>
      <c r="E87557" s="15">
        <v>45698</v>
      </c>
      <c r="F87557" s="14" t="s">
        <v>61</v>
      </c>
      <c r="G87557" s="16">
        <v>4.387165708409916</v>
      </c>
    </row>
    <row r="87558" spans="1:7" x14ac:dyDescent="0.3">
      <c r="A87558" s="13" t="s">
        <v>438</v>
      </c>
      <c r="B87558" s="14" t="s">
        <v>1</v>
      </c>
      <c r="C87558" s="14" t="s">
        <v>23</v>
      </c>
      <c r="D87558" s="14" t="s">
        <v>439</v>
      </c>
      <c r="E87558" s="15">
        <v>45699</v>
      </c>
      <c r="F87558" s="14" t="s">
        <v>61</v>
      </c>
      <c r="G87558" s="16">
        <v>4.4032896892634463</v>
      </c>
    </row>
    <row r="87559" spans="1:7" x14ac:dyDescent="0.3">
      <c r="A87559" s="13" t="s">
        <v>438</v>
      </c>
      <c r="B87559" s="14" t="s">
        <v>1</v>
      </c>
      <c r="C87559" s="14" t="s">
        <v>23</v>
      </c>
      <c r="D87559" s="14" t="s">
        <v>439</v>
      </c>
      <c r="E87559" s="15">
        <v>45700</v>
      </c>
      <c r="F87559" s="14" t="s">
        <v>61</v>
      </c>
      <c r="G87559" s="16">
        <v>4.4074318790634575</v>
      </c>
    </row>
    <row r="87560" spans="1:7" x14ac:dyDescent="0.3">
      <c r="A87560" s="13" t="s">
        <v>438</v>
      </c>
      <c r="B87560" s="14" t="s">
        <v>1</v>
      </c>
      <c r="C87560" s="14" t="s">
        <v>23</v>
      </c>
      <c r="D87560" s="14" t="s">
        <v>439</v>
      </c>
      <c r="E87560" s="15">
        <v>45701</v>
      </c>
      <c r="F87560" s="14" t="s">
        <v>61</v>
      </c>
      <c r="G87560" s="16">
        <v>4.3873191874285595</v>
      </c>
    </row>
    <row r="87561" spans="1:7" x14ac:dyDescent="0.3">
      <c r="A87561" s="13" t="s">
        <v>438</v>
      </c>
      <c r="B87561" s="14" t="s">
        <v>1</v>
      </c>
      <c r="C87561" s="14" t="s">
        <v>23</v>
      </c>
      <c r="D87561" s="14" t="s">
        <v>439</v>
      </c>
      <c r="E87561" s="15">
        <v>45702</v>
      </c>
      <c r="F87561" s="14" t="s">
        <v>61</v>
      </c>
      <c r="G87561" s="16">
        <v>4.3870778943919273</v>
      </c>
    </row>
    <row r="87562" spans="1:7" x14ac:dyDescent="0.3">
      <c r="A87562" s="13" t="s">
        <v>438</v>
      </c>
      <c r="B87562" s="14" t="s">
        <v>1</v>
      </c>
      <c r="C87562" s="14" t="s">
        <v>23</v>
      </c>
      <c r="D87562" s="14" t="s">
        <v>439</v>
      </c>
      <c r="E87562" s="15">
        <v>45703</v>
      </c>
      <c r="F87562" s="14" t="s">
        <v>61</v>
      </c>
      <c r="G87562" s="16">
        <v>4.3870778943919273</v>
      </c>
    </row>
    <row r="87563" spans="1:7" x14ac:dyDescent="0.3">
      <c r="A87563" s="13" t="s">
        <v>438</v>
      </c>
      <c r="B87563" s="14" t="s">
        <v>1</v>
      </c>
      <c r="C87563" s="14" t="s">
        <v>23</v>
      </c>
      <c r="D87563" s="14" t="s">
        <v>439</v>
      </c>
      <c r="E87563" s="15">
        <v>45704</v>
      </c>
      <c r="F87563" s="14" t="s">
        <v>61</v>
      </c>
      <c r="G87563" s="16">
        <v>4.3870778943919273</v>
      </c>
    </row>
    <row r="87564" spans="1:7" x14ac:dyDescent="0.3">
      <c r="A87564" s="13" t="s">
        <v>438</v>
      </c>
      <c r="B87564" s="14" t="s">
        <v>1</v>
      </c>
      <c r="C87564" s="14" t="s">
        <v>23</v>
      </c>
      <c r="D87564" s="14" t="s">
        <v>439</v>
      </c>
      <c r="E87564" s="15">
        <v>45705</v>
      </c>
      <c r="F87564" s="14" t="s">
        <v>61</v>
      </c>
      <c r="G87564" s="16">
        <v>4.3870778943919273</v>
      </c>
    </row>
    <row r="87565" spans="1:7" x14ac:dyDescent="0.3">
      <c r="A87565" s="13" t="s">
        <v>438</v>
      </c>
      <c r="B87565" s="14" t="s">
        <v>1</v>
      </c>
      <c r="C87565" s="14" t="s">
        <v>23</v>
      </c>
      <c r="D87565" s="14" t="s">
        <v>439</v>
      </c>
      <c r="E87565" s="15">
        <v>45706</v>
      </c>
      <c r="F87565" s="14" t="s">
        <v>61</v>
      </c>
      <c r="G87565" s="16">
        <v>4.4197923860518511</v>
      </c>
    </row>
    <row r="87566" spans="1:7" x14ac:dyDescent="0.3">
      <c r="A87566" s="13" t="s">
        <v>438</v>
      </c>
      <c r="B87566" s="14" t="s">
        <v>1</v>
      </c>
      <c r="C87566" s="14" t="s">
        <v>23</v>
      </c>
      <c r="D87566" s="14" t="s">
        <v>439</v>
      </c>
      <c r="E87566" s="15">
        <v>45707</v>
      </c>
      <c r="F87566" s="14" t="s">
        <v>61</v>
      </c>
      <c r="G87566" s="16">
        <v>4.482144239337047</v>
      </c>
    </row>
    <row r="87567" spans="1:7" x14ac:dyDescent="0.3">
      <c r="A87567" s="13" t="s">
        <v>438</v>
      </c>
      <c r="B87567" s="14" t="s">
        <v>1</v>
      </c>
      <c r="C87567" s="14" t="s">
        <v>23</v>
      </c>
      <c r="D87567" s="14" t="s">
        <v>439</v>
      </c>
      <c r="E87567" s="15">
        <v>45708</v>
      </c>
      <c r="F87567" s="14" t="s">
        <v>61</v>
      </c>
      <c r="G87567" s="16">
        <v>4.4608364433590726</v>
      </c>
    </row>
    <row r="87568" spans="1:7" x14ac:dyDescent="0.3">
      <c r="A87568" s="13" t="s">
        <v>438</v>
      </c>
      <c r="B87568" s="14" t="s">
        <v>1</v>
      </c>
      <c r="C87568" s="14" t="s">
        <v>23</v>
      </c>
      <c r="D87568" s="14" t="s">
        <v>439</v>
      </c>
      <c r="E87568" s="15">
        <v>45709</v>
      </c>
      <c r="F87568" s="14" t="s">
        <v>61</v>
      </c>
      <c r="G87568" s="16">
        <v>4.486167509535874</v>
      </c>
    </row>
    <row r="87569" spans="1:7" x14ac:dyDescent="0.3">
      <c r="A87569" s="13" t="s">
        <v>438</v>
      </c>
      <c r="B87569" s="14" t="s">
        <v>1</v>
      </c>
      <c r="C87569" s="14" t="s">
        <v>23</v>
      </c>
      <c r="D87569" s="14" t="s">
        <v>439</v>
      </c>
      <c r="E87569" s="15">
        <v>45710</v>
      </c>
      <c r="F87569" s="14" t="s">
        <v>61</v>
      </c>
      <c r="G87569" s="16">
        <v>4.486167509535874</v>
      </c>
    </row>
    <row r="87570" spans="1:7" x14ac:dyDescent="0.3">
      <c r="A87570" s="13" t="s">
        <v>438</v>
      </c>
      <c r="B87570" s="14" t="s">
        <v>1</v>
      </c>
      <c r="C87570" s="14" t="s">
        <v>23</v>
      </c>
      <c r="D87570" s="14" t="s">
        <v>439</v>
      </c>
      <c r="E87570" s="15">
        <v>45711</v>
      </c>
      <c r="F87570" s="14" t="s">
        <v>61</v>
      </c>
      <c r="G87570" s="16">
        <v>4.486167509535874</v>
      </c>
    </row>
    <row r="87571" spans="1:7" x14ac:dyDescent="0.3">
      <c r="A87571" s="13" t="s">
        <v>438</v>
      </c>
      <c r="B87571" s="14" t="s">
        <v>1</v>
      </c>
      <c r="C87571" s="14" t="s">
        <v>23</v>
      </c>
      <c r="D87571" s="14" t="s">
        <v>439</v>
      </c>
      <c r="E87571" s="15">
        <v>45712</v>
      </c>
      <c r="F87571" s="14" t="s">
        <v>61</v>
      </c>
      <c r="G87571" s="16">
        <v>4.4923966124575365</v>
      </c>
    </row>
    <row r="87572" spans="1:7" x14ac:dyDescent="0.3">
      <c r="A87572" s="13" t="s">
        <v>438</v>
      </c>
      <c r="B87572" s="14" t="s">
        <v>1</v>
      </c>
      <c r="C87572" s="14" t="s">
        <v>23</v>
      </c>
      <c r="D87572" s="14" t="s">
        <v>439</v>
      </c>
      <c r="E87572" s="15">
        <v>45713</v>
      </c>
      <c r="F87572" s="14" t="s">
        <v>61</v>
      </c>
      <c r="G87572" s="16">
        <v>4.5114309177630432</v>
      </c>
    </row>
    <row r="87573" spans="1:7" x14ac:dyDescent="0.3">
      <c r="A87573" s="13" t="s">
        <v>438</v>
      </c>
      <c r="B87573" s="14" t="s">
        <v>1</v>
      </c>
      <c r="C87573" s="14" t="s">
        <v>23</v>
      </c>
      <c r="D87573" s="14" t="s">
        <v>439</v>
      </c>
      <c r="E87573" s="15">
        <v>45714</v>
      </c>
      <c r="F87573" s="14" t="s">
        <v>61</v>
      </c>
      <c r="G87573" s="16">
        <v>4.5342724613993308</v>
      </c>
    </row>
    <row r="87574" spans="1:7" x14ac:dyDescent="0.3">
      <c r="A87574" s="13" t="s">
        <v>438</v>
      </c>
      <c r="B87574" s="14" t="s">
        <v>1</v>
      </c>
      <c r="C87574" s="14" t="s">
        <v>23</v>
      </c>
      <c r="D87574" s="14" t="s">
        <v>439</v>
      </c>
      <c r="E87574" s="15">
        <v>45715</v>
      </c>
      <c r="F87574" s="14" t="s">
        <v>61</v>
      </c>
      <c r="G87574" s="16">
        <v>4.5846269038100891</v>
      </c>
    </row>
    <row r="87575" spans="1:7" x14ac:dyDescent="0.3">
      <c r="A87575" s="13" t="s">
        <v>438</v>
      </c>
      <c r="B87575" s="14" t="s">
        <v>1</v>
      </c>
      <c r="C87575" s="14" t="s">
        <v>23</v>
      </c>
      <c r="D87575" s="14" t="s">
        <v>439</v>
      </c>
      <c r="E87575" s="15">
        <v>45716</v>
      </c>
      <c r="F87575" s="14" t="s">
        <v>61</v>
      </c>
      <c r="G87575" s="16">
        <v>4.6081958609011338</v>
      </c>
    </row>
    <row r="87576" spans="1:7" x14ac:dyDescent="0.3">
      <c r="A87576" s="13" t="s">
        <v>438</v>
      </c>
      <c r="B87576" s="14" t="s">
        <v>1</v>
      </c>
      <c r="C87576" s="14" t="s">
        <v>23</v>
      </c>
      <c r="D87576" s="14" t="s">
        <v>439</v>
      </c>
      <c r="E87576" s="15">
        <v>45717</v>
      </c>
      <c r="F87576" s="14" t="s">
        <v>61</v>
      </c>
      <c r="G87576" s="16">
        <v>4.6081958609011338</v>
      </c>
    </row>
    <row r="87577" spans="1:7" x14ac:dyDescent="0.3">
      <c r="A87577" s="13" t="s">
        <v>438</v>
      </c>
      <c r="B87577" s="14" t="s">
        <v>1</v>
      </c>
      <c r="C87577" s="14" t="s">
        <v>23</v>
      </c>
      <c r="D87577" s="14" t="s">
        <v>439</v>
      </c>
      <c r="E87577" s="15">
        <v>45718</v>
      </c>
      <c r="F87577" s="14" t="s">
        <v>61</v>
      </c>
      <c r="G87577" s="16">
        <v>4.6081958609011338</v>
      </c>
    </row>
    <row r="87578" spans="1:7" x14ac:dyDescent="0.3">
      <c r="A87578" s="13" t="s">
        <v>438</v>
      </c>
      <c r="B87578" s="14" t="s">
        <v>1</v>
      </c>
      <c r="C87578" s="14" t="s">
        <v>23</v>
      </c>
      <c r="D87578" s="14" t="s">
        <v>439</v>
      </c>
      <c r="E87578" s="15">
        <v>45719</v>
      </c>
      <c r="F87578" s="14" t="s">
        <v>61</v>
      </c>
      <c r="G87578" s="16">
        <v>4.5909156010476169</v>
      </c>
    </row>
    <row r="87579" spans="1:7" x14ac:dyDescent="0.3">
      <c r="A87579" s="13" t="s">
        <v>438</v>
      </c>
      <c r="B87579" s="14" t="s">
        <v>1</v>
      </c>
      <c r="C87579" s="14" t="s">
        <v>23</v>
      </c>
      <c r="D87579" s="14" t="s">
        <v>439</v>
      </c>
      <c r="E87579" s="15">
        <v>45720</v>
      </c>
      <c r="F87579" s="14" t="s">
        <v>61</v>
      </c>
      <c r="G87579" s="16">
        <v>4.5690206135369795</v>
      </c>
    </row>
    <row r="87580" spans="1:7" x14ac:dyDescent="0.3">
      <c r="A87580" s="13" t="s">
        <v>438</v>
      </c>
      <c r="B87580" s="14" t="s">
        <v>1</v>
      </c>
      <c r="C87580" s="14" t="s">
        <v>23</v>
      </c>
      <c r="D87580" s="14" t="s">
        <v>439</v>
      </c>
      <c r="E87580" s="15">
        <v>45721</v>
      </c>
      <c r="F87580" s="14" t="s">
        <v>61</v>
      </c>
      <c r="G87580" s="16">
        <v>4.5128891960632744</v>
      </c>
    </row>
    <row r="87581" spans="1:7" x14ac:dyDescent="0.3">
      <c r="A87581" s="13" t="s">
        <v>438</v>
      </c>
      <c r="B87581" s="14" t="s">
        <v>1</v>
      </c>
      <c r="C87581" s="14" t="s">
        <v>23</v>
      </c>
      <c r="D87581" s="14" t="s">
        <v>439</v>
      </c>
      <c r="E87581" s="15">
        <v>45722</v>
      </c>
      <c r="F87581" s="14" t="s">
        <v>61</v>
      </c>
      <c r="G87581" s="16">
        <v>4.5280671496165112</v>
      </c>
    </row>
    <row r="87582" spans="1:7" x14ac:dyDescent="0.3">
      <c r="A87582" s="13" t="s">
        <v>438</v>
      </c>
      <c r="B87582" s="14" t="s">
        <v>1</v>
      </c>
      <c r="C87582" s="14" t="s">
        <v>23</v>
      </c>
      <c r="D87582" s="14" t="s">
        <v>439</v>
      </c>
      <c r="E87582" s="15">
        <v>45723</v>
      </c>
      <c r="F87582" s="14" t="s">
        <v>61</v>
      </c>
      <c r="G87582" s="16">
        <v>4.5204521251587213</v>
      </c>
    </row>
    <row r="87583" spans="1:7" x14ac:dyDescent="0.3">
      <c r="A87583" s="13" t="s">
        <v>438</v>
      </c>
      <c r="B87583" s="14" t="s">
        <v>1</v>
      </c>
      <c r="C87583" s="14" t="s">
        <v>23</v>
      </c>
      <c r="D87583" s="14" t="s">
        <v>439</v>
      </c>
      <c r="E87583" s="15">
        <v>45724</v>
      </c>
      <c r="F87583" s="14" t="s">
        <v>61</v>
      </c>
      <c r="G87583" s="16">
        <v>4.5204521251587213</v>
      </c>
    </row>
    <row r="87584" spans="1:7" x14ac:dyDescent="0.3">
      <c r="A87584" s="13" t="s">
        <v>438</v>
      </c>
      <c r="B87584" s="14" t="s">
        <v>1</v>
      </c>
      <c r="C87584" s="14" t="s">
        <v>23</v>
      </c>
      <c r="D87584" s="14" t="s">
        <v>439</v>
      </c>
      <c r="E87584" s="15">
        <v>45725</v>
      </c>
      <c r="F87584" s="14" t="s">
        <v>61</v>
      </c>
      <c r="G87584" s="16">
        <v>4.5204521251587213</v>
      </c>
    </row>
    <row r="87585" spans="1:7" x14ac:dyDescent="0.3">
      <c r="A87585" s="13" t="s">
        <v>438</v>
      </c>
      <c r="B87585" s="14" t="s">
        <v>1</v>
      </c>
      <c r="C87585" s="14" t="s">
        <v>23</v>
      </c>
      <c r="D87585" s="14" t="s">
        <v>439</v>
      </c>
      <c r="E87585" s="15">
        <v>45726</v>
      </c>
      <c r="F87585" s="14" t="s">
        <v>61</v>
      </c>
      <c r="G87585" s="16">
        <v>4.5407873694663117</v>
      </c>
    </row>
    <row r="87586" spans="1:7" x14ac:dyDescent="0.3">
      <c r="A87586" s="13" t="s">
        <v>438</v>
      </c>
      <c r="B87586" s="14" t="s">
        <v>1</v>
      </c>
      <c r="C87586" s="14" t="s">
        <v>23</v>
      </c>
      <c r="D87586" s="14" t="s">
        <v>439</v>
      </c>
      <c r="E87586" s="15">
        <v>45727</v>
      </c>
      <c r="F87586" s="14" t="s">
        <v>61</v>
      </c>
      <c r="G87586" s="16">
        <v>4.5447108243909931</v>
      </c>
    </row>
    <row r="87587" spans="1:7" x14ac:dyDescent="0.3">
      <c r="A87587" s="13" t="s">
        <v>438</v>
      </c>
      <c r="B87587" s="14" t="s">
        <v>1</v>
      </c>
      <c r="C87587" s="14" t="s">
        <v>23</v>
      </c>
      <c r="D87587" s="14" t="s">
        <v>439</v>
      </c>
      <c r="E87587" s="15">
        <v>45728</v>
      </c>
      <c r="F87587" s="14" t="s">
        <v>61</v>
      </c>
      <c r="G87587" s="16">
        <v>4.5717533982670915</v>
      </c>
    </row>
    <row r="87588" spans="1:7" x14ac:dyDescent="0.3">
      <c r="A87588" s="13" t="s">
        <v>438</v>
      </c>
      <c r="B87588" s="14" t="s">
        <v>1</v>
      </c>
      <c r="C87588" s="14" t="s">
        <v>23</v>
      </c>
      <c r="D87588" s="14" t="s">
        <v>439</v>
      </c>
      <c r="E87588" s="15">
        <v>45729</v>
      </c>
      <c r="F87588" s="14" t="s">
        <v>61</v>
      </c>
      <c r="G87588" s="16">
        <v>4.5978813782135326</v>
      </c>
    </row>
    <row r="87589" spans="1:7" x14ac:dyDescent="0.3">
      <c r="A87589" s="13" t="s">
        <v>438</v>
      </c>
      <c r="B87589" s="14" t="s">
        <v>1</v>
      </c>
      <c r="C87589" s="14" t="s">
        <v>23</v>
      </c>
      <c r="D87589" s="14" t="s">
        <v>439</v>
      </c>
      <c r="E87589" s="15">
        <v>45730</v>
      </c>
      <c r="F87589" s="14" t="s">
        <v>61</v>
      </c>
      <c r="G87589" s="16">
        <v>4.5034173816051624</v>
      </c>
    </row>
    <row r="87590" spans="1:7" x14ac:dyDescent="0.3">
      <c r="A87590" s="13" t="s">
        <v>438</v>
      </c>
      <c r="B87590" s="14" t="s">
        <v>1</v>
      </c>
      <c r="C87590" s="14" t="s">
        <v>23</v>
      </c>
      <c r="D87590" s="14" t="s">
        <v>439</v>
      </c>
      <c r="E87590" s="15">
        <v>45731</v>
      </c>
      <c r="F87590" s="14" t="s">
        <v>61</v>
      </c>
      <c r="G87590" s="16">
        <v>4.5034173816051624</v>
      </c>
    </row>
    <row r="87591" spans="1:7" x14ac:dyDescent="0.3">
      <c r="A87591" s="13" t="s">
        <v>438</v>
      </c>
      <c r="B87591" s="14" t="s">
        <v>1</v>
      </c>
      <c r="C87591" s="14" t="s">
        <v>23</v>
      </c>
      <c r="D87591" s="14" t="s">
        <v>439</v>
      </c>
      <c r="E87591" s="15">
        <v>45732</v>
      </c>
      <c r="F87591" s="14" t="s">
        <v>61</v>
      </c>
      <c r="G87591" s="16">
        <v>4.5034173816051624</v>
      </c>
    </row>
    <row r="87592" spans="1:7" x14ac:dyDescent="0.3">
      <c r="A87592" s="13" t="s">
        <v>438</v>
      </c>
      <c r="B87592" s="14" t="s">
        <v>1</v>
      </c>
      <c r="C87592" s="14" t="s">
        <v>23</v>
      </c>
      <c r="D87592" s="14" t="s">
        <v>439</v>
      </c>
      <c r="E87592" s="15">
        <v>45733</v>
      </c>
      <c r="F87592" s="14" t="s">
        <v>61</v>
      </c>
      <c r="G87592" s="16">
        <v>4.5034173816051624</v>
      </c>
    </row>
    <row r="87593" spans="1:7" x14ac:dyDescent="0.3">
      <c r="A87593" s="13" t="s">
        <v>438</v>
      </c>
      <c r="B87593" s="14" t="s">
        <v>1</v>
      </c>
      <c r="C87593" s="14" t="s">
        <v>23</v>
      </c>
      <c r="D87593" s="14" t="s">
        <v>439</v>
      </c>
      <c r="E87593" s="15">
        <v>45734</v>
      </c>
      <c r="F87593" s="14" t="s">
        <v>61</v>
      </c>
      <c r="G87593" s="16">
        <v>4.4885357330644595</v>
      </c>
    </row>
    <row r="87594" spans="1:7" x14ac:dyDescent="0.3">
      <c r="A87594" s="13" t="s">
        <v>438</v>
      </c>
      <c r="B87594" s="14" t="s">
        <v>1</v>
      </c>
      <c r="C87594" s="14" t="s">
        <v>23</v>
      </c>
      <c r="D87594" s="14" t="s">
        <v>439</v>
      </c>
      <c r="E87594" s="15">
        <v>45735</v>
      </c>
      <c r="F87594" s="14" t="s">
        <v>61</v>
      </c>
      <c r="G87594" s="16">
        <v>4.5505940551471857</v>
      </c>
    </row>
    <row r="87595" spans="1:7" x14ac:dyDescent="0.3">
      <c r="A87595" s="13" t="s">
        <v>438</v>
      </c>
      <c r="B87595" s="14" t="s">
        <v>1</v>
      </c>
      <c r="C87595" s="14" t="s">
        <v>23</v>
      </c>
      <c r="D87595" s="14" t="s">
        <v>439</v>
      </c>
      <c r="E87595" s="15">
        <v>45736</v>
      </c>
      <c r="F87595" s="14" t="s">
        <v>61</v>
      </c>
      <c r="G87595" s="16">
        <v>4.5845763246285385</v>
      </c>
    </row>
    <row r="87596" spans="1:7" x14ac:dyDescent="0.3">
      <c r="A87596" s="13" t="s">
        <v>438</v>
      </c>
      <c r="B87596" s="14" t="s">
        <v>1</v>
      </c>
      <c r="C87596" s="14" t="s">
        <v>23</v>
      </c>
      <c r="D87596" s="14" t="s">
        <v>439</v>
      </c>
      <c r="E87596" s="15">
        <v>45737</v>
      </c>
      <c r="F87596" s="14" t="s">
        <v>61</v>
      </c>
      <c r="G87596" s="16">
        <v>4.6131857732030106</v>
      </c>
    </row>
    <row r="87597" spans="1:7" x14ac:dyDescent="0.3">
      <c r="A87597" s="13" t="s">
        <v>438</v>
      </c>
      <c r="B87597" s="14" t="s">
        <v>1</v>
      </c>
      <c r="C87597" s="14" t="s">
        <v>23</v>
      </c>
      <c r="D87597" s="14" t="s">
        <v>439</v>
      </c>
      <c r="E87597" s="15">
        <v>45738</v>
      </c>
      <c r="F87597" s="14" t="s">
        <v>61</v>
      </c>
      <c r="G87597" s="16">
        <v>4.6131857732030106</v>
      </c>
    </row>
    <row r="87598" spans="1:7" x14ac:dyDescent="0.3">
      <c r="A87598" s="13" t="s">
        <v>438</v>
      </c>
      <c r="B87598" s="14" t="s">
        <v>1</v>
      </c>
      <c r="C87598" s="14" t="s">
        <v>23</v>
      </c>
      <c r="D87598" s="14" t="s">
        <v>439</v>
      </c>
      <c r="E87598" s="15">
        <v>45739</v>
      </c>
      <c r="F87598" s="14" t="s">
        <v>61</v>
      </c>
      <c r="G87598" s="16">
        <v>4.6131857732030106</v>
      </c>
    </row>
    <row r="87599" spans="1:7" x14ac:dyDescent="0.3">
      <c r="A87599" s="13" t="s">
        <v>438</v>
      </c>
      <c r="B87599" s="14" t="s">
        <v>1</v>
      </c>
      <c r="C87599" s="14" t="s">
        <v>23</v>
      </c>
      <c r="D87599" s="14" t="s">
        <v>439</v>
      </c>
      <c r="E87599" s="15">
        <v>45740</v>
      </c>
      <c r="F87599" s="14" t="s">
        <v>61</v>
      </c>
      <c r="G87599" s="16">
        <v>4.632328552413675</v>
      </c>
    </row>
    <row r="87600" spans="1:7" x14ac:dyDescent="0.3">
      <c r="A87600" s="13" t="s">
        <v>438</v>
      </c>
      <c r="B87600" s="14" t="s">
        <v>1</v>
      </c>
      <c r="C87600" s="14" t="s">
        <v>23</v>
      </c>
      <c r="D87600" s="14" t="s">
        <v>439</v>
      </c>
      <c r="E87600" s="15">
        <v>45741</v>
      </c>
      <c r="F87600" s="14" t="s">
        <v>61</v>
      </c>
      <c r="G87600" s="16">
        <v>4.6757589198466558</v>
      </c>
    </row>
    <row r="87601" spans="1:7" x14ac:dyDescent="0.3">
      <c r="A87601" s="13" t="s">
        <v>438</v>
      </c>
      <c r="B87601" s="14" t="s">
        <v>1</v>
      </c>
      <c r="C87601" s="14" t="s">
        <v>23</v>
      </c>
      <c r="D87601" s="14" t="s">
        <v>439</v>
      </c>
      <c r="E87601" s="15">
        <v>45742</v>
      </c>
      <c r="F87601" s="14" t="s">
        <v>61</v>
      </c>
      <c r="G87601" s="16">
        <v>4.7050278809036321</v>
      </c>
    </row>
    <row r="87602" spans="1:7" x14ac:dyDescent="0.3">
      <c r="A87602" s="13" t="s">
        <v>438</v>
      </c>
      <c r="B87602" s="14" t="s">
        <v>1</v>
      </c>
      <c r="C87602" s="14" t="s">
        <v>23</v>
      </c>
      <c r="D87602" s="14" t="s">
        <v>439</v>
      </c>
      <c r="E87602" s="15">
        <v>45743</v>
      </c>
      <c r="F87602" s="14" t="s">
        <v>61</v>
      </c>
      <c r="G87602" s="16">
        <v>4.6980536141556684</v>
      </c>
    </row>
    <row r="87603" spans="1:7" x14ac:dyDescent="0.3">
      <c r="A87603" s="13" t="s">
        <v>438</v>
      </c>
      <c r="B87603" s="14" t="s">
        <v>1</v>
      </c>
      <c r="C87603" s="14" t="s">
        <v>23</v>
      </c>
      <c r="D87603" s="14" t="s">
        <v>439</v>
      </c>
      <c r="E87603" s="15">
        <v>45744</v>
      </c>
      <c r="F87603" s="14" t="s">
        <v>61</v>
      </c>
      <c r="G87603" s="16">
        <v>4.6988645312396597</v>
      </c>
    </row>
    <row r="87604" spans="1:7" x14ac:dyDescent="0.3">
      <c r="A87604" s="13" t="s">
        <v>438</v>
      </c>
      <c r="B87604" s="14" t="s">
        <v>1</v>
      </c>
      <c r="C87604" s="14" t="s">
        <v>23</v>
      </c>
      <c r="D87604" s="14" t="s">
        <v>439</v>
      </c>
      <c r="E87604" s="15">
        <v>45745</v>
      </c>
      <c r="F87604" s="14" t="s">
        <v>61</v>
      </c>
      <c r="G87604" s="16">
        <v>4.6988645312396597</v>
      </c>
    </row>
    <row r="87605" spans="1:7" x14ac:dyDescent="0.3">
      <c r="A87605" s="13" t="s">
        <v>438</v>
      </c>
      <c r="B87605" s="14" t="s">
        <v>1</v>
      </c>
      <c r="C87605" s="14" t="s">
        <v>23</v>
      </c>
      <c r="D87605" s="14" t="s">
        <v>439</v>
      </c>
      <c r="E87605" s="15">
        <v>45746</v>
      </c>
      <c r="F87605" s="14" t="s">
        <v>61</v>
      </c>
      <c r="G87605" s="16">
        <v>4.6988645312396597</v>
      </c>
    </row>
    <row r="87606" spans="1:7" x14ac:dyDescent="0.3">
      <c r="A87606" s="13" t="s">
        <v>438</v>
      </c>
      <c r="B87606" s="14" t="s">
        <v>1</v>
      </c>
      <c r="C87606" s="14" t="s">
        <v>23</v>
      </c>
      <c r="D87606" s="14" t="s">
        <v>439</v>
      </c>
      <c r="E87606" s="15">
        <v>45747</v>
      </c>
      <c r="F87606" s="14" t="s">
        <v>61</v>
      </c>
      <c r="G87606" s="16">
        <v>4.7168672911093221</v>
      </c>
    </row>
    <row r="87607" spans="1:7" x14ac:dyDescent="0.3">
      <c r="A87607" s="13" t="s">
        <v>440</v>
      </c>
      <c r="B87607" s="14" t="s">
        <v>1</v>
      </c>
      <c r="C87607" s="14" t="s">
        <v>137</v>
      </c>
      <c r="D87607" s="14" t="s">
        <v>39</v>
      </c>
      <c r="E87607" s="15">
        <v>45383</v>
      </c>
      <c r="F87607" s="14" t="s">
        <v>15</v>
      </c>
      <c r="G87607" s="16">
        <v>0</v>
      </c>
    </row>
    <row r="87608" spans="1:7" x14ac:dyDescent="0.3">
      <c r="A87608" s="13" t="s">
        <v>440</v>
      </c>
      <c r="B87608" s="14" t="s">
        <v>1</v>
      </c>
      <c r="C87608" s="14" t="s">
        <v>137</v>
      </c>
      <c r="D87608" s="14" t="s">
        <v>39</v>
      </c>
      <c r="E87608" s="15">
        <v>45384</v>
      </c>
      <c r="F87608" s="14" t="s">
        <v>15</v>
      </c>
      <c r="G87608" s="16">
        <v>0</v>
      </c>
    </row>
    <row r="87609" spans="1:7" x14ac:dyDescent="0.3">
      <c r="A87609" s="13" t="s">
        <v>440</v>
      </c>
      <c r="B87609" s="14" t="s">
        <v>1</v>
      </c>
      <c r="C87609" s="14" t="s">
        <v>137</v>
      </c>
      <c r="D87609" s="14" t="s">
        <v>39</v>
      </c>
      <c r="E87609" s="15">
        <v>45385</v>
      </c>
      <c r="F87609" s="14" t="s">
        <v>15</v>
      </c>
      <c r="G87609" s="16">
        <v>8.203721442612108E-2</v>
      </c>
    </row>
    <row r="87610" spans="1:7" x14ac:dyDescent="0.3">
      <c r="A87610" s="13" t="s">
        <v>440</v>
      </c>
      <c r="B87610" s="14" t="s">
        <v>1</v>
      </c>
      <c r="C87610" s="14" t="s">
        <v>137</v>
      </c>
      <c r="D87610" s="14" t="s">
        <v>39</v>
      </c>
      <c r="E87610" s="15">
        <v>45386</v>
      </c>
      <c r="F87610" s="14" t="s">
        <v>15</v>
      </c>
      <c r="G87610" s="16">
        <v>0.10207442885224216</v>
      </c>
    </row>
    <row r="87611" spans="1:7" x14ac:dyDescent="0.3">
      <c r="A87611" s="13" t="s">
        <v>440</v>
      </c>
      <c r="B87611" s="14" t="s">
        <v>1</v>
      </c>
      <c r="C87611" s="14" t="s">
        <v>137</v>
      </c>
      <c r="D87611" s="14" t="s">
        <v>39</v>
      </c>
      <c r="E87611" s="15">
        <v>45387</v>
      </c>
      <c r="F87611" s="14" t="s">
        <v>15</v>
      </c>
      <c r="G87611" s="16">
        <v>0.12311164327836324</v>
      </c>
    </row>
    <row r="87612" spans="1:7" x14ac:dyDescent="0.3">
      <c r="A87612" s="13" t="s">
        <v>440</v>
      </c>
      <c r="B87612" s="14" t="s">
        <v>1</v>
      </c>
      <c r="C87612" s="14" t="s">
        <v>137</v>
      </c>
      <c r="D87612" s="14" t="s">
        <v>39</v>
      </c>
      <c r="E87612" s="15">
        <v>45388</v>
      </c>
      <c r="F87612" s="14" t="s">
        <v>15</v>
      </c>
      <c r="G87612" s="16">
        <v>0.12311164327836324</v>
      </c>
    </row>
    <row r="87613" spans="1:7" x14ac:dyDescent="0.3">
      <c r="A87613" s="13" t="s">
        <v>440</v>
      </c>
      <c r="B87613" s="14" t="s">
        <v>1</v>
      </c>
      <c r="C87613" s="14" t="s">
        <v>137</v>
      </c>
      <c r="D87613" s="14" t="s">
        <v>39</v>
      </c>
      <c r="E87613" s="15">
        <v>45389</v>
      </c>
      <c r="F87613" s="14" t="s">
        <v>15</v>
      </c>
      <c r="G87613" s="16">
        <v>0.12311164327836324</v>
      </c>
    </row>
    <row r="87614" spans="1:7" x14ac:dyDescent="0.3">
      <c r="A87614" s="13" t="s">
        <v>440</v>
      </c>
      <c r="B87614" s="14" t="s">
        <v>1</v>
      </c>
      <c r="C87614" s="14" t="s">
        <v>137</v>
      </c>
      <c r="D87614" s="14" t="s">
        <v>39</v>
      </c>
      <c r="E87614" s="15">
        <v>45390</v>
      </c>
      <c r="F87614" s="14" t="s">
        <v>15</v>
      </c>
      <c r="G87614" s="16">
        <v>0.14314885770448432</v>
      </c>
    </row>
    <row r="87615" spans="1:7" x14ac:dyDescent="0.3">
      <c r="A87615" s="13" t="s">
        <v>440</v>
      </c>
      <c r="B87615" s="14" t="s">
        <v>1</v>
      </c>
      <c r="C87615" s="14" t="s">
        <v>137</v>
      </c>
      <c r="D87615" s="14" t="s">
        <v>39</v>
      </c>
      <c r="E87615" s="15">
        <v>45391</v>
      </c>
      <c r="F87615" s="14" t="s">
        <v>15</v>
      </c>
      <c r="G87615" s="16">
        <v>0.1881860721306054</v>
      </c>
    </row>
    <row r="87616" spans="1:7" x14ac:dyDescent="0.3">
      <c r="A87616" s="13" t="s">
        <v>440</v>
      </c>
      <c r="B87616" s="14" t="s">
        <v>1</v>
      </c>
      <c r="C87616" s="14" t="s">
        <v>137</v>
      </c>
      <c r="D87616" s="14" t="s">
        <v>39</v>
      </c>
      <c r="E87616" s="15">
        <v>45392</v>
      </c>
      <c r="F87616" s="14" t="s">
        <v>15</v>
      </c>
      <c r="G87616" s="16">
        <v>0.20422328655672647</v>
      </c>
    </row>
    <row r="87617" spans="1:7" x14ac:dyDescent="0.3">
      <c r="A87617" s="13" t="s">
        <v>440</v>
      </c>
      <c r="B87617" s="14" t="s">
        <v>1</v>
      </c>
      <c r="C87617" s="14" t="s">
        <v>137</v>
      </c>
      <c r="D87617" s="14" t="s">
        <v>39</v>
      </c>
      <c r="E87617" s="15">
        <v>45393</v>
      </c>
      <c r="F87617" s="14" t="s">
        <v>15</v>
      </c>
      <c r="G87617" s="16">
        <v>0.21826050098284755</v>
      </c>
    </row>
    <row r="87618" spans="1:7" x14ac:dyDescent="0.3">
      <c r="A87618" s="13" t="s">
        <v>440</v>
      </c>
      <c r="B87618" s="14" t="s">
        <v>1</v>
      </c>
      <c r="C87618" s="14" t="s">
        <v>137</v>
      </c>
      <c r="D87618" s="14" t="s">
        <v>39</v>
      </c>
      <c r="E87618" s="15">
        <v>45394</v>
      </c>
      <c r="F87618" s="14" t="s">
        <v>15</v>
      </c>
      <c r="G87618" s="16">
        <v>0.23529771540896866</v>
      </c>
    </row>
    <row r="87619" spans="1:7" x14ac:dyDescent="0.3">
      <c r="A87619" s="13" t="s">
        <v>440</v>
      </c>
      <c r="B87619" s="14" t="s">
        <v>1</v>
      </c>
      <c r="C87619" s="14" t="s">
        <v>137</v>
      </c>
      <c r="D87619" s="14" t="s">
        <v>39</v>
      </c>
      <c r="E87619" s="15">
        <v>45395</v>
      </c>
      <c r="F87619" s="14" t="s">
        <v>15</v>
      </c>
      <c r="G87619" s="16">
        <v>0.23529771540896866</v>
      </c>
    </row>
    <row r="87620" spans="1:7" x14ac:dyDescent="0.3">
      <c r="A87620" s="13" t="s">
        <v>440</v>
      </c>
      <c r="B87620" s="14" t="s">
        <v>1</v>
      </c>
      <c r="C87620" s="14" t="s">
        <v>137</v>
      </c>
      <c r="D87620" s="14" t="s">
        <v>39</v>
      </c>
      <c r="E87620" s="15">
        <v>45396</v>
      </c>
      <c r="F87620" s="14" t="s">
        <v>15</v>
      </c>
      <c r="G87620" s="16">
        <v>0.23529771540896866</v>
      </c>
    </row>
    <row r="87621" spans="1:7" x14ac:dyDescent="0.3">
      <c r="A87621" s="13" t="s">
        <v>440</v>
      </c>
      <c r="B87621" s="14" t="s">
        <v>1</v>
      </c>
      <c r="C87621" s="14" t="s">
        <v>137</v>
      </c>
      <c r="D87621" s="14" t="s">
        <v>39</v>
      </c>
      <c r="E87621" s="15">
        <v>45397</v>
      </c>
      <c r="F87621" s="14" t="s">
        <v>15</v>
      </c>
      <c r="G87621" s="16">
        <v>0.25233492983508976</v>
      </c>
    </row>
    <row r="87622" spans="1:7" x14ac:dyDescent="0.3">
      <c r="A87622" s="13" t="s">
        <v>440</v>
      </c>
      <c r="B87622" s="14" t="s">
        <v>1</v>
      </c>
      <c r="C87622" s="14" t="s">
        <v>137</v>
      </c>
      <c r="D87622" s="14" t="s">
        <v>39</v>
      </c>
      <c r="E87622" s="15">
        <v>45398</v>
      </c>
      <c r="F87622" s="14" t="s">
        <v>15</v>
      </c>
      <c r="G87622" s="16">
        <v>0.30637214426121079</v>
      </c>
    </row>
    <row r="87623" spans="1:7" x14ac:dyDescent="0.3">
      <c r="A87623" s="13" t="s">
        <v>440</v>
      </c>
      <c r="B87623" s="14" t="s">
        <v>1</v>
      </c>
      <c r="C87623" s="14" t="s">
        <v>137</v>
      </c>
      <c r="D87623" s="14" t="s">
        <v>39</v>
      </c>
      <c r="E87623" s="15">
        <v>45399</v>
      </c>
      <c r="F87623" s="14" t="s">
        <v>15</v>
      </c>
      <c r="G87623" s="16">
        <v>0.32440935868733189</v>
      </c>
    </row>
    <row r="87624" spans="1:7" x14ac:dyDescent="0.3">
      <c r="A87624" s="13" t="s">
        <v>440</v>
      </c>
      <c r="B87624" s="14" t="s">
        <v>1</v>
      </c>
      <c r="C87624" s="14" t="s">
        <v>137</v>
      </c>
      <c r="D87624" s="14" t="s">
        <v>39</v>
      </c>
      <c r="E87624" s="15">
        <v>45400</v>
      </c>
      <c r="F87624" s="14" t="s">
        <v>15</v>
      </c>
      <c r="G87624" s="16">
        <v>0.30844657311345297</v>
      </c>
    </row>
    <row r="87625" spans="1:7" x14ac:dyDescent="0.3">
      <c r="A87625" s="13" t="s">
        <v>440</v>
      </c>
      <c r="B87625" s="14" t="s">
        <v>1</v>
      </c>
      <c r="C87625" s="14" t="s">
        <v>137</v>
      </c>
      <c r="D87625" s="14" t="s">
        <v>39</v>
      </c>
      <c r="E87625" s="15">
        <v>45401</v>
      </c>
      <c r="F87625" s="14" t="s">
        <v>15</v>
      </c>
      <c r="G87625" s="16">
        <v>0.32648378753957402</v>
      </c>
    </row>
    <row r="87626" spans="1:7" x14ac:dyDescent="0.3">
      <c r="A87626" s="13" t="s">
        <v>440</v>
      </c>
      <c r="B87626" s="14" t="s">
        <v>1</v>
      </c>
      <c r="C87626" s="14" t="s">
        <v>137</v>
      </c>
      <c r="D87626" s="14" t="s">
        <v>39</v>
      </c>
      <c r="E87626" s="15">
        <v>45402</v>
      </c>
      <c r="F87626" s="14" t="s">
        <v>15</v>
      </c>
      <c r="G87626" s="16">
        <v>0.32648378753957402</v>
      </c>
    </row>
    <row r="87627" spans="1:7" x14ac:dyDescent="0.3">
      <c r="A87627" s="13" t="s">
        <v>440</v>
      </c>
      <c r="B87627" s="14" t="s">
        <v>1</v>
      </c>
      <c r="C87627" s="14" t="s">
        <v>137</v>
      </c>
      <c r="D87627" s="14" t="s">
        <v>39</v>
      </c>
      <c r="E87627" s="15">
        <v>45403</v>
      </c>
      <c r="F87627" s="14" t="s">
        <v>15</v>
      </c>
      <c r="G87627" s="16">
        <v>0.32648378753957402</v>
      </c>
    </row>
    <row r="87628" spans="1:7" x14ac:dyDescent="0.3">
      <c r="A87628" s="13" t="s">
        <v>440</v>
      </c>
      <c r="B87628" s="14" t="s">
        <v>1</v>
      </c>
      <c r="C87628" s="14" t="s">
        <v>137</v>
      </c>
      <c r="D87628" s="14" t="s">
        <v>39</v>
      </c>
      <c r="E87628" s="15">
        <v>45404</v>
      </c>
      <c r="F87628" s="14" t="s">
        <v>15</v>
      </c>
      <c r="G87628" s="16">
        <v>0.34352100196569513</v>
      </c>
    </row>
    <row r="87629" spans="1:7" x14ac:dyDescent="0.3">
      <c r="A87629" s="13" t="s">
        <v>440</v>
      </c>
      <c r="B87629" s="14" t="s">
        <v>1</v>
      </c>
      <c r="C87629" s="14" t="s">
        <v>137</v>
      </c>
      <c r="D87629" s="14" t="s">
        <v>39</v>
      </c>
      <c r="E87629" s="15">
        <v>45405</v>
      </c>
      <c r="F87629" s="14" t="s">
        <v>15</v>
      </c>
      <c r="G87629" s="16">
        <v>0.39955821639181621</v>
      </c>
    </row>
    <row r="87630" spans="1:7" x14ac:dyDescent="0.3">
      <c r="A87630" s="13" t="s">
        <v>440</v>
      </c>
      <c r="B87630" s="14" t="s">
        <v>1</v>
      </c>
      <c r="C87630" s="14" t="s">
        <v>137</v>
      </c>
      <c r="D87630" s="14" t="s">
        <v>39</v>
      </c>
      <c r="E87630" s="15">
        <v>45406</v>
      </c>
      <c r="F87630" s="14" t="s">
        <v>15</v>
      </c>
      <c r="G87630" s="16">
        <v>0.41959543081793732</v>
      </c>
    </row>
    <row r="87631" spans="1:7" x14ac:dyDescent="0.3">
      <c r="A87631" s="13" t="s">
        <v>440</v>
      </c>
      <c r="B87631" s="14" t="s">
        <v>1</v>
      </c>
      <c r="C87631" s="14" t="s">
        <v>137</v>
      </c>
      <c r="D87631" s="14" t="s">
        <v>39</v>
      </c>
      <c r="E87631" s="15">
        <v>45407</v>
      </c>
      <c r="F87631" s="14" t="s">
        <v>15</v>
      </c>
      <c r="G87631" s="16">
        <v>0.44163264524405843</v>
      </c>
    </row>
    <row r="87632" spans="1:7" x14ac:dyDescent="0.3">
      <c r="A87632" s="13" t="s">
        <v>440</v>
      </c>
      <c r="B87632" s="14" t="s">
        <v>1</v>
      </c>
      <c r="C87632" s="14" t="s">
        <v>137</v>
      </c>
      <c r="D87632" s="14" t="s">
        <v>39</v>
      </c>
      <c r="E87632" s="15">
        <v>45408</v>
      </c>
      <c r="F87632" s="14" t="s">
        <v>15</v>
      </c>
      <c r="G87632" s="16">
        <v>0.46366985967017954</v>
      </c>
    </row>
    <row r="87633" spans="1:7" x14ac:dyDescent="0.3">
      <c r="A87633" s="13" t="s">
        <v>440</v>
      </c>
      <c r="B87633" s="14" t="s">
        <v>1</v>
      </c>
      <c r="C87633" s="14" t="s">
        <v>137</v>
      </c>
      <c r="D87633" s="14" t="s">
        <v>39</v>
      </c>
      <c r="E87633" s="15">
        <v>45409</v>
      </c>
      <c r="F87633" s="14" t="s">
        <v>15</v>
      </c>
      <c r="G87633" s="16">
        <v>0.46366985967017954</v>
      </c>
    </row>
    <row r="87634" spans="1:7" x14ac:dyDescent="0.3">
      <c r="A87634" s="13" t="s">
        <v>440</v>
      </c>
      <c r="B87634" s="14" t="s">
        <v>1</v>
      </c>
      <c r="C87634" s="14" t="s">
        <v>137</v>
      </c>
      <c r="D87634" s="14" t="s">
        <v>39</v>
      </c>
      <c r="E87634" s="15">
        <v>45410</v>
      </c>
      <c r="F87634" s="14" t="s">
        <v>15</v>
      </c>
      <c r="G87634" s="16">
        <v>0.46366985967017954</v>
      </c>
    </row>
    <row r="87635" spans="1:7" x14ac:dyDescent="0.3">
      <c r="A87635" s="13" t="s">
        <v>440</v>
      </c>
      <c r="B87635" s="14" t="s">
        <v>1</v>
      </c>
      <c r="C87635" s="14" t="s">
        <v>137</v>
      </c>
      <c r="D87635" s="14" t="s">
        <v>39</v>
      </c>
      <c r="E87635" s="15">
        <v>45411</v>
      </c>
      <c r="F87635" s="14" t="s">
        <v>15</v>
      </c>
      <c r="G87635" s="16">
        <v>0.49070707409630065</v>
      </c>
    </row>
    <row r="87636" spans="1:7" x14ac:dyDescent="0.3">
      <c r="A87636" s="13" t="s">
        <v>440</v>
      </c>
      <c r="B87636" s="14" t="s">
        <v>1</v>
      </c>
      <c r="C87636" s="14" t="s">
        <v>137</v>
      </c>
      <c r="D87636" s="14" t="s">
        <v>39</v>
      </c>
      <c r="E87636" s="15">
        <v>45412</v>
      </c>
      <c r="F87636" s="14" t="s">
        <v>15</v>
      </c>
      <c r="G87636" s="16">
        <v>0.54274428852242174</v>
      </c>
    </row>
    <row r="87637" spans="1:7" x14ac:dyDescent="0.3">
      <c r="A87637" s="13" t="s">
        <v>440</v>
      </c>
      <c r="B87637" s="14" t="s">
        <v>1</v>
      </c>
      <c r="C87637" s="14" t="s">
        <v>137</v>
      </c>
      <c r="D87637" s="14" t="s">
        <v>39</v>
      </c>
      <c r="E87637" s="15">
        <v>45413</v>
      </c>
      <c r="F87637" s="14" t="s">
        <v>15</v>
      </c>
      <c r="G87637" s="16">
        <v>0.56278150294854279</v>
      </c>
    </row>
    <row r="87638" spans="1:7" x14ac:dyDescent="0.3">
      <c r="A87638" s="13" t="s">
        <v>440</v>
      </c>
      <c r="B87638" s="14" t="s">
        <v>1</v>
      </c>
      <c r="C87638" s="14" t="s">
        <v>137</v>
      </c>
      <c r="D87638" s="14" t="s">
        <v>39</v>
      </c>
      <c r="E87638" s="15">
        <v>45414</v>
      </c>
      <c r="F87638" s="14" t="s">
        <v>15</v>
      </c>
      <c r="G87638" s="16">
        <v>0.58781871737466385</v>
      </c>
    </row>
    <row r="87639" spans="1:7" x14ac:dyDescent="0.3">
      <c r="A87639" s="13" t="s">
        <v>440</v>
      </c>
      <c r="B87639" s="14" t="s">
        <v>1</v>
      </c>
      <c r="C87639" s="14" t="s">
        <v>137</v>
      </c>
      <c r="D87639" s="14" t="s">
        <v>39</v>
      </c>
      <c r="E87639" s="15">
        <v>45415</v>
      </c>
      <c r="F87639" s="14" t="s">
        <v>15</v>
      </c>
      <c r="G87639" s="16">
        <v>0.60685593180078501</v>
      </c>
    </row>
    <row r="87640" spans="1:7" x14ac:dyDescent="0.3">
      <c r="A87640" s="13" t="s">
        <v>440</v>
      </c>
      <c r="B87640" s="14" t="s">
        <v>1</v>
      </c>
      <c r="C87640" s="14" t="s">
        <v>137</v>
      </c>
      <c r="D87640" s="14" t="s">
        <v>39</v>
      </c>
      <c r="E87640" s="15">
        <v>45416</v>
      </c>
      <c r="F87640" s="14" t="s">
        <v>15</v>
      </c>
      <c r="G87640" s="16">
        <v>0.60685593180078501</v>
      </c>
    </row>
    <row r="87641" spans="1:7" x14ac:dyDescent="0.3">
      <c r="A87641" s="13" t="s">
        <v>440</v>
      </c>
      <c r="B87641" s="14" t="s">
        <v>1</v>
      </c>
      <c r="C87641" s="14" t="s">
        <v>137</v>
      </c>
      <c r="D87641" s="14" t="s">
        <v>39</v>
      </c>
      <c r="E87641" s="15">
        <v>45417</v>
      </c>
      <c r="F87641" s="14" t="s">
        <v>15</v>
      </c>
      <c r="G87641" s="16">
        <v>0.60685593180078501</v>
      </c>
    </row>
    <row r="87642" spans="1:7" x14ac:dyDescent="0.3">
      <c r="A87642" s="13" t="s">
        <v>440</v>
      </c>
      <c r="B87642" s="14" t="s">
        <v>1</v>
      </c>
      <c r="C87642" s="14" t="s">
        <v>137</v>
      </c>
      <c r="D87642" s="14" t="s">
        <v>39</v>
      </c>
      <c r="E87642" s="15">
        <v>45418</v>
      </c>
      <c r="F87642" s="14" t="s">
        <v>15</v>
      </c>
      <c r="G87642" s="16">
        <v>0.60685593180078501</v>
      </c>
    </row>
    <row r="87643" spans="1:7" x14ac:dyDescent="0.3">
      <c r="A87643" s="13" t="s">
        <v>440</v>
      </c>
      <c r="B87643" s="14" t="s">
        <v>1</v>
      </c>
      <c r="C87643" s="14" t="s">
        <v>137</v>
      </c>
      <c r="D87643" s="14" t="s">
        <v>39</v>
      </c>
      <c r="E87643" s="15">
        <v>45419</v>
      </c>
      <c r="F87643" s="14" t="s">
        <v>15</v>
      </c>
      <c r="G87643" s="16">
        <v>0.62589314622690606</v>
      </c>
    </row>
    <row r="87644" spans="1:7" x14ac:dyDescent="0.3">
      <c r="A87644" s="13" t="s">
        <v>440</v>
      </c>
      <c r="B87644" s="14" t="s">
        <v>1</v>
      </c>
      <c r="C87644" s="14" t="s">
        <v>137</v>
      </c>
      <c r="D87644" s="14" t="s">
        <v>39</v>
      </c>
      <c r="E87644" s="15">
        <v>45420</v>
      </c>
      <c r="F87644" s="14" t="s">
        <v>15</v>
      </c>
      <c r="G87644" s="16">
        <v>0.69693036065302716</v>
      </c>
    </row>
    <row r="87645" spans="1:7" x14ac:dyDescent="0.3">
      <c r="A87645" s="13" t="s">
        <v>440</v>
      </c>
      <c r="B87645" s="14" t="s">
        <v>1</v>
      </c>
      <c r="C87645" s="14" t="s">
        <v>137</v>
      </c>
      <c r="D87645" s="14" t="s">
        <v>39</v>
      </c>
      <c r="E87645" s="15">
        <v>45421</v>
      </c>
      <c r="F87645" s="14" t="s">
        <v>15</v>
      </c>
      <c r="G87645" s="16">
        <v>0.71596757507914821</v>
      </c>
    </row>
    <row r="87646" spans="1:7" x14ac:dyDescent="0.3">
      <c r="A87646" s="13" t="s">
        <v>440</v>
      </c>
      <c r="B87646" s="14" t="s">
        <v>1</v>
      </c>
      <c r="C87646" s="14" t="s">
        <v>137</v>
      </c>
      <c r="D87646" s="14" t="s">
        <v>39</v>
      </c>
      <c r="E87646" s="15">
        <v>45422</v>
      </c>
      <c r="F87646" s="14" t="s">
        <v>15</v>
      </c>
      <c r="G87646" s="16">
        <v>0.73500478950526937</v>
      </c>
    </row>
    <row r="87647" spans="1:7" x14ac:dyDescent="0.3">
      <c r="A87647" s="13" t="s">
        <v>440</v>
      </c>
      <c r="B87647" s="14" t="s">
        <v>1</v>
      </c>
      <c r="C87647" s="14" t="s">
        <v>137</v>
      </c>
      <c r="D87647" s="14" t="s">
        <v>39</v>
      </c>
      <c r="E87647" s="15">
        <v>45423</v>
      </c>
      <c r="F87647" s="14" t="s">
        <v>15</v>
      </c>
      <c r="G87647" s="16">
        <v>0.73500478950526937</v>
      </c>
    </row>
    <row r="87648" spans="1:7" x14ac:dyDescent="0.3">
      <c r="A87648" s="13" t="s">
        <v>440</v>
      </c>
      <c r="B87648" s="14" t="s">
        <v>1</v>
      </c>
      <c r="C87648" s="14" t="s">
        <v>137</v>
      </c>
      <c r="D87648" s="14" t="s">
        <v>39</v>
      </c>
      <c r="E87648" s="15">
        <v>45424</v>
      </c>
      <c r="F87648" s="14" t="s">
        <v>15</v>
      </c>
      <c r="G87648" s="16">
        <v>0.73500478950526937</v>
      </c>
    </row>
    <row r="87649" spans="1:7" x14ac:dyDescent="0.3">
      <c r="A87649" s="13" t="s">
        <v>440</v>
      </c>
      <c r="B87649" s="14" t="s">
        <v>1</v>
      </c>
      <c r="C87649" s="14" t="s">
        <v>137</v>
      </c>
      <c r="D87649" s="14" t="s">
        <v>39</v>
      </c>
      <c r="E87649" s="15">
        <v>45425</v>
      </c>
      <c r="F87649" s="14" t="s">
        <v>15</v>
      </c>
      <c r="G87649" s="16">
        <v>0.75904200393139043</v>
      </c>
    </row>
    <row r="87650" spans="1:7" x14ac:dyDescent="0.3">
      <c r="A87650" s="13" t="s">
        <v>440</v>
      </c>
      <c r="B87650" s="14" t="s">
        <v>1</v>
      </c>
      <c r="C87650" s="14" t="s">
        <v>137</v>
      </c>
      <c r="D87650" s="14" t="s">
        <v>39</v>
      </c>
      <c r="E87650" s="15">
        <v>45426</v>
      </c>
      <c r="F87650" s="14" t="s">
        <v>15</v>
      </c>
      <c r="G87650" s="16">
        <v>0.81707921835751152</v>
      </c>
    </row>
    <row r="87651" spans="1:7" x14ac:dyDescent="0.3">
      <c r="A87651" s="13" t="s">
        <v>440</v>
      </c>
      <c r="B87651" s="14" t="s">
        <v>1</v>
      </c>
      <c r="C87651" s="14" t="s">
        <v>137</v>
      </c>
      <c r="D87651" s="14" t="s">
        <v>39</v>
      </c>
      <c r="E87651" s="15">
        <v>45427</v>
      </c>
      <c r="F87651" s="14" t="s">
        <v>15</v>
      </c>
      <c r="G87651" s="16">
        <v>0.83611643278363257</v>
      </c>
    </row>
    <row r="87652" spans="1:7" x14ac:dyDescent="0.3">
      <c r="A87652" s="13" t="s">
        <v>440</v>
      </c>
      <c r="B87652" s="14" t="s">
        <v>1</v>
      </c>
      <c r="C87652" s="14" t="s">
        <v>137</v>
      </c>
      <c r="D87652" s="14" t="s">
        <v>39</v>
      </c>
      <c r="E87652" s="15">
        <v>45428</v>
      </c>
      <c r="F87652" s="14" t="s">
        <v>15</v>
      </c>
      <c r="G87652" s="16">
        <v>0.85515364720975362</v>
      </c>
    </row>
    <row r="87653" spans="1:7" x14ac:dyDescent="0.3">
      <c r="A87653" s="13" t="s">
        <v>440</v>
      </c>
      <c r="B87653" s="14" t="s">
        <v>1</v>
      </c>
      <c r="C87653" s="14" t="s">
        <v>137</v>
      </c>
      <c r="D87653" s="14" t="s">
        <v>39</v>
      </c>
      <c r="E87653" s="15">
        <v>45429</v>
      </c>
      <c r="F87653" s="14" t="s">
        <v>15</v>
      </c>
      <c r="G87653" s="16">
        <v>0.87219086163587478</v>
      </c>
    </row>
    <row r="87654" spans="1:7" x14ac:dyDescent="0.3">
      <c r="A87654" s="13" t="s">
        <v>440</v>
      </c>
      <c r="B87654" s="14" t="s">
        <v>1</v>
      </c>
      <c r="C87654" s="14" t="s">
        <v>137</v>
      </c>
      <c r="D87654" s="14" t="s">
        <v>39</v>
      </c>
      <c r="E87654" s="15">
        <v>45430</v>
      </c>
      <c r="F87654" s="14" t="s">
        <v>15</v>
      </c>
      <c r="G87654" s="16">
        <v>0.87219086163587478</v>
      </c>
    </row>
    <row r="87655" spans="1:7" x14ac:dyDescent="0.3">
      <c r="A87655" s="13" t="s">
        <v>440</v>
      </c>
      <c r="B87655" s="14" t="s">
        <v>1</v>
      </c>
      <c r="C87655" s="14" t="s">
        <v>137</v>
      </c>
      <c r="D87655" s="14" t="s">
        <v>39</v>
      </c>
      <c r="E87655" s="15">
        <v>45431</v>
      </c>
      <c r="F87655" s="14" t="s">
        <v>15</v>
      </c>
      <c r="G87655" s="16">
        <v>0.87219086163587478</v>
      </c>
    </row>
    <row r="87656" spans="1:7" x14ac:dyDescent="0.3">
      <c r="A87656" s="13" t="s">
        <v>440</v>
      </c>
      <c r="B87656" s="14" t="s">
        <v>1</v>
      </c>
      <c r="C87656" s="14" t="s">
        <v>137</v>
      </c>
      <c r="D87656" s="14" t="s">
        <v>39</v>
      </c>
      <c r="E87656" s="15">
        <v>45432</v>
      </c>
      <c r="F87656" s="14" t="s">
        <v>15</v>
      </c>
      <c r="G87656" s="16">
        <v>0.89022807606199594</v>
      </c>
    </row>
    <row r="87657" spans="1:7" x14ac:dyDescent="0.3">
      <c r="A87657" s="13" t="s">
        <v>440</v>
      </c>
      <c r="B87657" s="14" t="s">
        <v>1</v>
      </c>
      <c r="C87657" s="14" t="s">
        <v>137</v>
      </c>
      <c r="D87657" s="14" t="s">
        <v>39</v>
      </c>
      <c r="E87657" s="15">
        <v>45433</v>
      </c>
      <c r="F87657" s="14" t="s">
        <v>15</v>
      </c>
      <c r="G87657" s="16">
        <v>0.94626529048811692</v>
      </c>
    </row>
    <row r="87658" spans="1:7" x14ac:dyDescent="0.3">
      <c r="A87658" s="13" t="s">
        <v>440</v>
      </c>
      <c r="B87658" s="14" t="s">
        <v>1</v>
      </c>
      <c r="C87658" s="14" t="s">
        <v>137</v>
      </c>
      <c r="D87658" s="14" t="s">
        <v>39</v>
      </c>
      <c r="E87658" s="15">
        <v>45434</v>
      </c>
      <c r="F87658" s="14" t="s">
        <v>15</v>
      </c>
      <c r="G87658" s="16">
        <v>0.96430250491423808</v>
      </c>
    </row>
    <row r="87659" spans="1:7" x14ac:dyDescent="0.3">
      <c r="A87659" s="13" t="s">
        <v>440</v>
      </c>
      <c r="B87659" s="14" t="s">
        <v>1</v>
      </c>
      <c r="C87659" s="14" t="s">
        <v>137</v>
      </c>
      <c r="D87659" s="14" t="s">
        <v>39</v>
      </c>
      <c r="E87659" s="15">
        <v>45435</v>
      </c>
      <c r="F87659" s="14" t="s">
        <v>15</v>
      </c>
      <c r="G87659" s="16">
        <v>0.98433971934035913</v>
      </c>
    </row>
    <row r="87660" spans="1:7" x14ac:dyDescent="0.3">
      <c r="A87660" s="13" t="s">
        <v>440</v>
      </c>
      <c r="B87660" s="14" t="s">
        <v>1</v>
      </c>
      <c r="C87660" s="14" t="s">
        <v>137</v>
      </c>
      <c r="D87660" s="14" t="s">
        <v>39</v>
      </c>
      <c r="E87660" s="15">
        <v>45436</v>
      </c>
      <c r="F87660" s="14" t="s">
        <v>15</v>
      </c>
      <c r="G87660" s="16">
        <v>1.0033769337664802</v>
      </c>
    </row>
    <row r="87661" spans="1:7" x14ac:dyDescent="0.3">
      <c r="A87661" s="13" t="s">
        <v>440</v>
      </c>
      <c r="B87661" s="14" t="s">
        <v>1</v>
      </c>
      <c r="C87661" s="14" t="s">
        <v>137</v>
      </c>
      <c r="D87661" s="14" t="s">
        <v>39</v>
      </c>
      <c r="E87661" s="15">
        <v>45437</v>
      </c>
      <c r="F87661" s="14" t="s">
        <v>15</v>
      </c>
      <c r="G87661" s="16">
        <v>1.0033769337664802</v>
      </c>
    </row>
    <row r="87662" spans="1:7" x14ac:dyDescent="0.3">
      <c r="A87662" s="13" t="s">
        <v>440</v>
      </c>
      <c r="B87662" s="14" t="s">
        <v>1</v>
      </c>
      <c r="C87662" s="14" t="s">
        <v>137</v>
      </c>
      <c r="D87662" s="14" t="s">
        <v>39</v>
      </c>
      <c r="E87662" s="15">
        <v>45438</v>
      </c>
      <c r="F87662" s="14" t="s">
        <v>15</v>
      </c>
      <c r="G87662" s="16">
        <v>1.0033769337664802</v>
      </c>
    </row>
    <row r="87663" spans="1:7" x14ac:dyDescent="0.3">
      <c r="A87663" s="13" t="s">
        <v>440</v>
      </c>
      <c r="B87663" s="14" t="s">
        <v>1</v>
      </c>
      <c r="C87663" s="14" t="s">
        <v>137</v>
      </c>
      <c r="D87663" s="14" t="s">
        <v>39</v>
      </c>
      <c r="E87663" s="15">
        <v>45439</v>
      </c>
      <c r="F87663" s="14" t="s">
        <v>15</v>
      </c>
      <c r="G87663" s="16">
        <v>1.0234141481926013</v>
      </c>
    </row>
    <row r="87664" spans="1:7" x14ac:dyDescent="0.3">
      <c r="A87664" s="13" t="s">
        <v>440</v>
      </c>
      <c r="B87664" s="14" t="s">
        <v>1</v>
      </c>
      <c r="C87664" s="14" t="s">
        <v>137</v>
      </c>
      <c r="D87664" s="14" t="s">
        <v>39</v>
      </c>
      <c r="E87664" s="15">
        <v>45440</v>
      </c>
      <c r="F87664" s="14" t="s">
        <v>15</v>
      </c>
      <c r="G87664" s="16">
        <v>1.0804513626187222</v>
      </c>
    </row>
    <row r="87665" spans="1:7" x14ac:dyDescent="0.3">
      <c r="A87665" s="13" t="s">
        <v>440</v>
      </c>
      <c r="B87665" s="14" t="s">
        <v>1</v>
      </c>
      <c r="C87665" s="14" t="s">
        <v>137</v>
      </c>
      <c r="D87665" s="14" t="s">
        <v>39</v>
      </c>
      <c r="E87665" s="15">
        <v>45441</v>
      </c>
      <c r="F87665" s="14" t="s">
        <v>15</v>
      </c>
      <c r="G87665" s="16">
        <v>1.0994885770448435</v>
      </c>
    </row>
    <row r="87666" spans="1:7" x14ac:dyDescent="0.3">
      <c r="A87666" s="13" t="s">
        <v>440</v>
      </c>
      <c r="B87666" s="14" t="s">
        <v>1</v>
      </c>
      <c r="C87666" s="14" t="s">
        <v>137</v>
      </c>
      <c r="D87666" s="14" t="s">
        <v>39</v>
      </c>
      <c r="E87666" s="15">
        <v>45442</v>
      </c>
      <c r="F87666" s="14" t="s">
        <v>15</v>
      </c>
      <c r="G87666" s="16">
        <v>1.1185257914709645</v>
      </c>
    </row>
    <row r="87667" spans="1:7" x14ac:dyDescent="0.3">
      <c r="A87667" s="13" t="s">
        <v>440</v>
      </c>
      <c r="B87667" s="14" t="s">
        <v>1</v>
      </c>
      <c r="C87667" s="14" t="s">
        <v>137</v>
      </c>
      <c r="D87667" s="14" t="s">
        <v>39</v>
      </c>
      <c r="E87667" s="15">
        <v>45443</v>
      </c>
      <c r="F87667" s="14" t="s">
        <v>15</v>
      </c>
      <c r="G87667" s="16">
        <v>1.1375630058970856</v>
      </c>
    </row>
    <row r="87668" spans="1:7" x14ac:dyDescent="0.3">
      <c r="A87668" s="13" t="s">
        <v>440</v>
      </c>
      <c r="B87668" s="14" t="s">
        <v>1</v>
      </c>
      <c r="C87668" s="14" t="s">
        <v>137</v>
      </c>
      <c r="D87668" s="14" t="s">
        <v>39</v>
      </c>
      <c r="E87668" s="15">
        <v>45444</v>
      </c>
      <c r="F87668" s="14" t="s">
        <v>15</v>
      </c>
      <c r="G87668" s="16">
        <v>1.1375630058970856</v>
      </c>
    </row>
    <row r="87669" spans="1:7" x14ac:dyDescent="0.3">
      <c r="A87669" s="13" t="s">
        <v>440</v>
      </c>
      <c r="B87669" s="14" t="s">
        <v>1</v>
      </c>
      <c r="C87669" s="14" t="s">
        <v>137</v>
      </c>
      <c r="D87669" s="14" t="s">
        <v>39</v>
      </c>
      <c r="E87669" s="15">
        <v>45445</v>
      </c>
      <c r="F87669" s="14" t="s">
        <v>15</v>
      </c>
      <c r="G87669" s="16">
        <v>1.1375630058970856</v>
      </c>
    </row>
    <row r="87670" spans="1:7" x14ac:dyDescent="0.3">
      <c r="A87670" s="13" t="s">
        <v>440</v>
      </c>
      <c r="B87670" s="14" t="s">
        <v>1</v>
      </c>
      <c r="C87670" s="14" t="s">
        <v>137</v>
      </c>
      <c r="D87670" s="14" t="s">
        <v>39</v>
      </c>
      <c r="E87670" s="15">
        <v>45446</v>
      </c>
      <c r="F87670" s="14" t="s">
        <v>15</v>
      </c>
      <c r="G87670" s="16">
        <v>1.1375630058970856</v>
      </c>
    </row>
    <row r="87671" spans="1:7" x14ac:dyDescent="0.3">
      <c r="A87671" s="13" t="s">
        <v>440</v>
      </c>
      <c r="B87671" s="14" t="s">
        <v>1</v>
      </c>
      <c r="C87671" s="14" t="s">
        <v>137</v>
      </c>
      <c r="D87671" s="14" t="s">
        <v>39</v>
      </c>
      <c r="E87671" s="15">
        <v>45447</v>
      </c>
      <c r="F87671" s="14" t="s">
        <v>15</v>
      </c>
      <c r="G87671" s="16">
        <v>1.1556002203232068</v>
      </c>
    </row>
    <row r="87672" spans="1:7" x14ac:dyDescent="0.3">
      <c r="A87672" s="13" t="s">
        <v>440</v>
      </c>
      <c r="B87672" s="14" t="s">
        <v>1</v>
      </c>
      <c r="C87672" s="14" t="s">
        <v>137</v>
      </c>
      <c r="D87672" s="14" t="s">
        <v>39</v>
      </c>
      <c r="E87672" s="15">
        <v>45448</v>
      </c>
      <c r="F87672" s="14" t="s">
        <v>15</v>
      </c>
      <c r="G87672" s="16">
        <v>1.2206374347493276</v>
      </c>
    </row>
    <row r="87673" spans="1:7" x14ac:dyDescent="0.3">
      <c r="A87673" s="13" t="s">
        <v>440</v>
      </c>
      <c r="B87673" s="14" t="s">
        <v>1</v>
      </c>
      <c r="C87673" s="14" t="s">
        <v>137</v>
      </c>
      <c r="D87673" s="14" t="s">
        <v>39</v>
      </c>
      <c r="E87673" s="15">
        <v>45449</v>
      </c>
      <c r="F87673" s="14" t="s">
        <v>15</v>
      </c>
      <c r="G87673" s="16">
        <v>1.2406746491754488</v>
      </c>
    </row>
    <row r="87674" spans="1:7" x14ac:dyDescent="0.3">
      <c r="A87674" s="13" t="s">
        <v>440</v>
      </c>
      <c r="B87674" s="14" t="s">
        <v>1</v>
      </c>
      <c r="C87674" s="14" t="s">
        <v>137</v>
      </c>
      <c r="D87674" s="14" t="s">
        <v>39</v>
      </c>
      <c r="E87674" s="15">
        <v>45450</v>
      </c>
      <c r="F87674" s="14" t="s">
        <v>15</v>
      </c>
      <c r="G87674" s="16">
        <v>1.2607118636015699</v>
      </c>
    </row>
    <row r="87675" spans="1:7" x14ac:dyDescent="0.3">
      <c r="A87675" s="13" t="s">
        <v>440</v>
      </c>
      <c r="B87675" s="14" t="s">
        <v>1</v>
      </c>
      <c r="C87675" s="14" t="s">
        <v>137</v>
      </c>
      <c r="D87675" s="14" t="s">
        <v>39</v>
      </c>
      <c r="E87675" s="15">
        <v>45451</v>
      </c>
      <c r="F87675" s="14" t="s">
        <v>15</v>
      </c>
      <c r="G87675" s="16">
        <v>1.2607118636015699</v>
      </c>
    </row>
    <row r="87676" spans="1:7" x14ac:dyDescent="0.3">
      <c r="A87676" s="13" t="s">
        <v>440</v>
      </c>
      <c r="B87676" s="14" t="s">
        <v>1</v>
      </c>
      <c r="C87676" s="14" t="s">
        <v>137</v>
      </c>
      <c r="D87676" s="14" t="s">
        <v>39</v>
      </c>
      <c r="E87676" s="15">
        <v>45452</v>
      </c>
      <c r="F87676" s="14" t="s">
        <v>15</v>
      </c>
      <c r="G87676" s="16">
        <v>1.2607118636015699</v>
      </c>
    </row>
    <row r="87677" spans="1:7" x14ac:dyDescent="0.3">
      <c r="A87677" s="13" t="s">
        <v>440</v>
      </c>
      <c r="B87677" s="14" t="s">
        <v>1</v>
      </c>
      <c r="C87677" s="14" t="s">
        <v>137</v>
      </c>
      <c r="D87677" s="14" t="s">
        <v>39</v>
      </c>
      <c r="E87677" s="15">
        <v>45453</v>
      </c>
      <c r="F87677" s="14" t="s">
        <v>15</v>
      </c>
      <c r="G87677" s="16">
        <v>1.2867490780276909</v>
      </c>
    </row>
    <row r="87678" spans="1:7" x14ac:dyDescent="0.3">
      <c r="A87678" s="13" t="s">
        <v>440</v>
      </c>
      <c r="B87678" s="14" t="s">
        <v>1</v>
      </c>
      <c r="C87678" s="14" t="s">
        <v>137</v>
      </c>
      <c r="D87678" s="14" t="s">
        <v>39</v>
      </c>
      <c r="E87678" s="15">
        <v>45454</v>
      </c>
      <c r="F87678" s="14" t="s">
        <v>15</v>
      </c>
      <c r="G87678" s="16">
        <v>1.3467862924538121</v>
      </c>
    </row>
    <row r="87679" spans="1:7" x14ac:dyDescent="0.3">
      <c r="A87679" s="13" t="s">
        <v>440</v>
      </c>
      <c r="B87679" s="14" t="s">
        <v>1</v>
      </c>
      <c r="C87679" s="14" t="s">
        <v>137</v>
      </c>
      <c r="D87679" s="14" t="s">
        <v>39</v>
      </c>
      <c r="E87679" s="15">
        <v>45455</v>
      </c>
      <c r="F87679" s="14" t="s">
        <v>15</v>
      </c>
      <c r="G87679" s="16">
        <v>1.3668235068799333</v>
      </c>
    </row>
    <row r="87680" spans="1:7" x14ac:dyDescent="0.3">
      <c r="A87680" s="13" t="s">
        <v>440</v>
      </c>
      <c r="B87680" s="14" t="s">
        <v>1</v>
      </c>
      <c r="C87680" s="14" t="s">
        <v>137</v>
      </c>
      <c r="D87680" s="14" t="s">
        <v>39</v>
      </c>
      <c r="E87680" s="15">
        <v>45456</v>
      </c>
      <c r="F87680" s="14" t="s">
        <v>15</v>
      </c>
      <c r="G87680" s="16">
        <v>1.3868607213060542</v>
      </c>
    </row>
    <row r="87681" spans="1:7" x14ac:dyDescent="0.3">
      <c r="A87681" s="13" t="s">
        <v>440</v>
      </c>
      <c r="B87681" s="14" t="s">
        <v>1</v>
      </c>
      <c r="C87681" s="14" t="s">
        <v>137</v>
      </c>
      <c r="D87681" s="14" t="s">
        <v>39</v>
      </c>
      <c r="E87681" s="15">
        <v>45457</v>
      </c>
      <c r="F87681" s="14" t="s">
        <v>15</v>
      </c>
      <c r="G87681" s="16">
        <v>1.4068979357321754</v>
      </c>
    </row>
    <row r="87682" spans="1:7" x14ac:dyDescent="0.3">
      <c r="A87682" s="13" t="s">
        <v>440</v>
      </c>
      <c r="B87682" s="14" t="s">
        <v>1</v>
      </c>
      <c r="C87682" s="14" t="s">
        <v>137</v>
      </c>
      <c r="D87682" s="14" t="s">
        <v>39</v>
      </c>
      <c r="E87682" s="15">
        <v>45458</v>
      </c>
      <c r="F87682" s="14" t="s">
        <v>15</v>
      </c>
      <c r="G87682" s="16">
        <v>1.4068979357321754</v>
      </c>
    </row>
    <row r="87683" spans="1:7" x14ac:dyDescent="0.3">
      <c r="A87683" s="13" t="s">
        <v>440</v>
      </c>
      <c r="B87683" s="14" t="s">
        <v>1</v>
      </c>
      <c r="C87683" s="14" t="s">
        <v>137</v>
      </c>
      <c r="D87683" s="14" t="s">
        <v>39</v>
      </c>
      <c r="E87683" s="15">
        <v>45459</v>
      </c>
      <c r="F87683" s="14" t="s">
        <v>15</v>
      </c>
      <c r="G87683" s="16">
        <v>1.4068979357321754</v>
      </c>
    </row>
    <row r="87684" spans="1:7" x14ac:dyDescent="0.3">
      <c r="A87684" s="13" t="s">
        <v>440</v>
      </c>
      <c r="B87684" s="14" t="s">
        <v>1</v>
      </c>
      <c r="C87684" s="14" t="s">
        <v>137</v>
      </c>
      <c r="D87684" s="14" t="s">
        <v>39</v>
      </c>
      <c r="E87684" s="15">
        <v>45460</v>
      </c>
      <c r="F87684" s="14" t="s">
        <v>15</v>
      </c>
      <c r="G87684" s="16">
        <v>1.4269351501582963</v>
      </c>
    </row>
    <row r="87685" spans="1:7" x14ac:dyDescent="0.3">
      <c r="A87685" s="13" t="s">
        <v>440</v>
      </c>
      <c r="B87685" s="14" t="s">
        <v>1</v>
      </c>
      <c r="C87685" s="14" t="s">
        <v>137</v>
      </c>
      <c r="D87685" s="14" t="s">
        <v>39</v>
      </c>
      <c r="E87685" s="15">
        <v>45461</v>
      </c>
      <c r="F87685" s="14" t="s">
        <v>15</v>
      </c>
      <c r="G87685" s="16">
        <v>1.4869723645844175</v>
      </c>
    </row>
    <row r="87686" spans="1:7" x14ac:dyDescent="0.3">
      <c r="A87686" s="13" t="s">
        <v>440</v>
      </c>
      <c r="B87686" s="14" t="s">
        <v>1</v>
      </c>
      <c r="C87686" s="14" t="s">
        <v>137</v>
      </c>
      <c r="D87686" s="14" t="s">
        <v>39</v>
      </c>
      <c r="E87686" s="15">
        <v>45462</v>
      </c>
      <c r="F87686" s="14" t="s">
        <v>15</v>
      </c>
      <c r="G87686" s="16">
        <v>1.5070095790105387</v>
      </c>
    </row>
    <row r="87687" spans="1:7" x14ac:dyDescent="0.3">
      <c r="A87687" s="13" t="s">
        <v>440</v>
      </c>
      <c r="B87687" s="14" t="s">
        <v>1</v>
      </c>
      <c r="C87687" s="14" t="s">
        <v>137</v>
      </c>
      <c r="D87687" s="14" t="s">
        <v>39</v>
      </c>
      <c r="E87687" s="15">
        <v>45463</v>
      </c>
      <c r="F87687" s="14" t="s">
        <v>15</v>
      </c>
      <c r="G87687" s="16">
        <v>1.5270467934366596</v>
      </c>
    </row>
    <row r="87688" spans="1:7" x14ac:dyDescent="0.3">
      <c r="A87688" s="13" t="s">
        <v>440</v>
      </c>
      <c r="B87688" s="14" t="s">
        <v>1</v>
      </c>
      <c r="C87688" s="14" t="s">
        <v>137</v>
      </c>
      <c r="D87688" s="14" t="s">
        <v>39</v>
      </c>
      <c r="E87688" s="15">
        <v>45464</v>
      </c>
      <c r="F87688" s="14" t="s">
        <v>15</v>
      </c>
      <c r="G87688" s="16">
        <v>1.5470840078627808</v>
      </c>
    </row>
    <row r="87689" spans="1:7" x14ac:dyDescent="0.3">
      <c r="A87689" s="13" t="s">
        <v>440</v>
      </c>
      <c r="B87689" s="14" t="s">
        <v>1</v>
      </c>
      <c r="C87689" s="14" t="s">
        <v>137</v>
      </c>
      <c r="D87689" s="14" t="s">
        <v>39</v>
      </c>
      <c r="E87689" s="15">
        <v>45465</v>
      </c>
      <c r="F87689" s="14" t="s">
        <v>15</v>
      </c>
      <c r="G87689" s="16">
        <v>1.5470840078627808</v>
      </c>
    </row>
    <row r="87690" spans="1:7" x14ac:dyDescent="0.3">
      <c r="A87690" s="13" t="s">
        <v>440</v>
      </c>
      <c r="B87690" s="14" t="s">
        <v>1</v>
      </c>
      <c r="C87690" s="14" t="s">
        <v>137</v>
      </c>
      <c r="D87690" s="14" t="s">
        <v>39</v>
      </c>
      <c r="E87690" s="15">
        <v>45466</v>
      </c>
      <c r="F87690" s="14" t="s">
        <v>15</v>
      </c>
      <c r="G87690" s="16">
        <v>1.5470840078627808</v>
      </c>
    </row>
    <row r="87691" spans="1:7" x14ac:dyDescent="0.3">
      <c r="A87691" s="13" t="s">
        <v>440</v>
      </c>
      <c r="B87691" s="14" t="s">
        <v>1</v>
      </c>
      <c r="C87691" s="14" t="s">
        <v>137</v>
      </c>
      <c r="D87691" s="14" t="s">
        <v>39</v>
      </c>
      <c r="E87691" s="15">
        <v>45467</v>
      </c>
      <c r="F87691" s="14" t="s">
        <v>15</v>
      </c>
      <c r="G87691" s="16">
        <v>1.5671212222889017</v>
      </c>
    </row>
    <row r="87692" spans="1:7" x14ac:dyDescent="0.3">
      <c r="A87692" s="13" t="s">
        <v>440</v>
      </c>
      <c r="B87692" s="14" t="s">
        <v>1</v>
      </c>
      <c r="C87692" s="14" t="s">
        <v>137</v>
      </c>
      <c r="D87692" s="14" t="s">
        <v>39</v>
      </c>
      <c r="E87692" s="15">
        <v>45468</v>
      </c>
      <c r="F87692" s="14" t="s">
        <v>15</v>
      </c>
      <c r="G87692" s="16">
        <v>1.6271584367150229</v>
      </c>
    </row>
    <row r="87693" spans="1:7" x14ac:dyDescent="0.3">
      <c r="A87693" s="13" t="s">
        <v>440</v>
      </c>
      <c r="B87693" s="14" t="s">
        <v>1</v>
      </c>
      <c r="C87693" s="14" t="s">
        <v>137</v>
      </c>
      <c r="D87693" s="14" t="s">
        <v>39</v>
      </c>
      <c r="E87693" s="15">
        <v>45469</v>
      </c>
      <c r="F87693" s="14" t="s">
        <v>15</v>
      </c>
      <c r="G87693" s="16">
        <v>1.6471956511411441</v>
      </c>
    </row>
    <row r="87694" spans="1:7" x14ac:dyDescent="0.3">
      <c r="A87694" s="13" t="s">
        <v>440</v>
      </c>
      <c r="B87694" s="14" t="s">
        <v>1</v>
      </c>
      <c r="C87694" s="14" t="s">
        <v>137</v>
      </c>
      <c r="D87694" s="14" t="s">
        <v>39</v>
      </c>
      <c r="E87694" s="15">
        <v>45470</v>
      </c>
      <c r="F87694" s="14" t="s">
        <v>15</v>
      </c>
      <c r="G87694" s="16">
        <v>1.6672328655672655</v>
      </c>
    </row>
    <row r="87695" spans="1:7" x14ac:dyDescent="0.3">
      <c r="A87695" s="13" t="s">
        <v>440</v>
      </c>
      <c r="B87695" s="14" t="s">
        <v>1</v>
      </c>
      <c r="C87695" s="14" t="s">
        <v>137</v>
      </c>
      <c r="D87695" s="14" t="s">
        <v>39</v>
      </c>
      <c r="E87695" s="15">
        <v>45471</v>
      </c>
      <c r="F87695" s="14" t="s">
        <v>15</v>
      </c>
      <c r="G87695" s="16">
        <v>1.6872700799933866</v>
      </c>
    </row>
    <row r="87696" spans="1:7" x14ac:dyDescent="0.3">
      <c r="A87696" s="13" t="s">
        <v>440</v>
      </c>
      <c r="B87696" s="14" t="s">
        <v>1</v>
      </c>
      <c r="C87696" s="14" t="s">
        <v>137</v>
      </c>
      <c r="D87696" s="14" t="s">
        <v>39</v>
      </c>
      <c r="E87696" s="15">
        <v>45472</v>
      </c>
      <c r="F87696" s="14" t="s">
        <v>15</v>
      </c>
      <c r="G87696" s="16">
        <v>1.6872700799933866</v>
      </c>
    </row>
    <row r="87697" spans="1:7" x14ac:dyDescent="0.3">
      <c r="A87697" s="13" t="s">
        <v>440</v>
      </c>
      <c r="B87697" s="14" t="s">
        <v>1</v>
      </c>
      <c r="C87697" s="14" t="s">
        <v>137</v>
      </c>
      <c r="D87697" s="14" t="s">
        <v>39</v>
      </c>
      <c r="E87697" s="15">
        <v>45473</v>
      </c>
      <c r="F87697" s="14" t="s">
        <v>15</v>
      </c>
      <c r="G87697" s="16">
        <v>1.6872700799933866</v>
      </c>
    </row>
    <row r="87698" spans="1:7" x14ac:dyDescent="0.3">
      <c r="A87698" s="13" t="s">
        <v>440</v>
      </c>
      <c r="B87698" s="14" t="s">
        <v>1</v>
      </c>
      <c r="C87698" s="14" t="s">
        <v>137</v>
      </c>
      <c r="D87698" s="14" t="s">
        <v>39</v>
      </c>
      <c r="E87698" s="15">
        <v>45474</v>
      </c>
      <c r="F87698" s="14" t="s">
        <v>15</v>
      </c>
      <c r="G87698" s="16">
        <v>1.707307294419508</v>
      </c>
    </row>
    <row r="87699" spans="1:7" x14ac:dyDescent="0.3">
      <c r="A87699" s="13" t="s">
        <v>440</v>
      </c>
      <c r="B87699" s="14" t="s">
        <v>1</v>
      </c>
      <c r="C87699" s="14" t="s">
        <v>137</v>
      </c>
      <c r="D87699" s="14" t="s">
        <v>39</v>
      </c>
      <c r="E87699" s="15">
        <v>45475</v>
      </c>
      <c r="F87699" s="14" t="s">
        <v>15</v>
      </c>
      <c r="G87699" s="16">
        <v>1.7703445088456291</v>
      </c>
    </row>
    <row r="87700" spans="1:7" x14ac:dyDescent="0.3">
      <c r="A87700" s="13" t="s">
        <v>440</v>
      </c>
      <c r="B87700" s="14" t="s">
        <v>1</v>
      </c>
      <c r="C87700" s="14" t="s">
        <v>137</v>
      </c>
      <c r="D87700" s="14" t="s">
        <v>39</v>
      </c>
      <c r="E87700" s="15">
        <v>45476</v>
      </c>
      <c r="F87700" s="14" t="s">
        <v>15</v>
      </c>
      <c r="G87700" s="16">
        <v>1.7913817232717502</v>
      </c>
    </row>
    <row r="87701" spans="1:7" x14ac:dyDescent="0.3">
      <c r="A87701" s="13" t="s">
        <v>440</v>
      </c>
      <c r="B87701" s="14" t="s">
        <v>1</v>
      </c>
      <c r="C87701" s="14" t="s">
        <v>137</v>
      </c>
      <c r="D87701" s="14" t="s">
        <v>39</v>
      </c>
      <c r="E87701" s="15">
        <v>45477</v>
      </c>
      <c r="F87701" s="14" t="s">
        <v>15</v>
      </c>
      <c r="G87701" s="16">
        <v>1.8124189376978712</v>
      </c>
    </row>
    <row r="87702" spans="1:7" x14ac:dyDescent="0.3">
      <c r="A87702" s="13" t="s">
        <v>440</v>
      </c>
      <c r="B87702" s="14" t="s">
        <v>1</v>
      </c>
      <c r="C87702" s="14" t="s">
        <v>137</v>
      </c>
      <c r="D87702" s="14" t="s">
        <v>39</v>
      </c>
      <c r="E87702" s="15">
        <v>45478</v>
      </c>
      <c r="F87702" s="14" t="s">
        <v>15</v>
      </c>
      <c r="G87702" s="16">
        <v>1.8334561521239923</v>
      </c>
    </row>
    <row r="87703" spans="1:7" x14ac:dyDescent="0.3">
      <c r="A87703" s="13" t="s">
        <v>440</v>
      </c>
      <c r="B87703" s="14" t="s">
        <v>1</v>
      </c>
      <c r="C87703" s="14" t="s">
        <v>137</v>
      </c>
      <c r="D87703" s="14" t="s">
        <v>39</v>
      </c>
      <c r="E87703" s="15">
        <v>45479</v>
      </c>
      <c r="F87703" s="14" t="s">
        <v>15</v>
      </c>
      <c r="G87703" s="16">
        <v>1.8334561521239923</v>
      </c>
    </row>
    <row r="87704" spans="1:7" x14ac:dyDescent="0.3">
      <c r="A87704" s="13" t="s">
        <v>440</v>
      </c>
      <c r="B87704" s="14" t="s">
        <v>1</v>
      </c>
      <c r="C87704" s="14" t="s">
        <v>137</v>
      </c>
      <c r="D87704" s="14" t="s">
        <v>39</v>
      </c>
      <c r="E87704" s="15">
        <v>45480</v>
      </c>
      <c r="F87704" s="14" t="s">
        <v>15</v>
      </c>
      <c r="G87704" s="16">
        <v>1.8334561521239923</v>
      </c>
    </row>
    <row r="87705" spans="1:7" x14ac:dyDescent="0.3">
      <c r="A87705" s="13" t="s">
        <v>440</v>
      </c>
      <c r="B87705" s="14" t="s">
        <v>1</v>
      </c>
      <c r="C87705" s="14" t="s">
        <v>137</v>
      </c>
      <c r="D87705" s="14" t="s">
        <v>39</v>
      </c>
      <c r="E87705" s="15">
        <v>45481</v>
      </c>
      <c r="F87705" s="14" t="s">
        <v>15</v>
      </c>
      <c r="G87705" s="16">
        <v>1.8534933665501137</v>
      </c>
    </row>
    <row r="87706" spans="1:7" x14ac:dyDescent="0.3">
      <c r="A87706" s="13" t="s">
        <v>440</v>
      </c>
      <c r="B87706" s="14" t="s">
        <v>1</v>
      </c>
      <c r="C87706" s="14" t="s">
        <v>137</v>
      </c>
      <c r="D87706" s="14" t="s">
        <v>39</v>
      </c>
      <c r="E87706" s="15">
        <v>45482</v>
      </c>
      <c r="F87706" s="14" t="s">
        <v>15</v>
      </c>
      <c r="G87706" s="16">
        <v>1.9135305809762346</v>
      </c>
    </row>
    <row r="87707" spans="1:7" x14ac:dyDescent="0.3">
      <c r="A87707" s="13" t="s">
        <v>440</v>
      </c>
      <c r="B87707" s="14" t="s">
        <v>1</v>
      </c>
      <c r="C87707" s="14" t="s">
        <v>137</v>
      </c>
      <c r="D87707" s="14" t="s">
        <v>39</v>
      </c>
      <c r="E87707" s="15">
        <v>45483</v>
      </c>
      <c r="F87707" s="14" t="s">
        <v>15</v>
      </c>
      <c r="G87707" s="16">
        <v>1.9395677954023558</v>
      </c>
    </row>
    <row r="87708" spans="1:7" x14ac:dyDescent="0.3">
      <c r="A87708" s="13" t="s">
        <v>440</v>
      </c>
      <c r="B87708" s="14" t="s">
        <v>1</v>
      </c>
      <c r="C87708" s="14" t="s">
        <v>137</v>
      </c>
      <c r="D87708" s="14" t="s">
        <v>39</v>
      </c>
      <c r="E87708" s="15">
        <v>45484</v>
      </c>
      <c r="F87708" s="14" t="s">
        <v>15</v>
      </c>
      <c r="G87708" s="16">
        <v>1.959605009828477</v>
      </c>
    </row>
    <row r="87709" spans="1:7" x14ac:dyDescent="0.3">
      <c r="A87709" s="13" t="s">
        <v>440</v>
      </c>
      <c r="B87709" s="14" t="s">
        <v>1</v>
      </c>
      <c r="C87709" s="14" t="s">
        <v>137</v>
      </c>
      <c r="D87709" s="14" t="s">
        <v>39</v>
      </c>
      <c r="E87709" s="15">
        <v>45485</v>
      </c>
      <c r="F87709" s="14" t="s">
        <v>15</v>
      </c>
      <c r="G87709" s="16">
        <v>1.982642224254598</v>
      </c>
    </row>
    <row r="87710" spans="1:7" x14ac:dyDescent="0.3">
      <c r="A87710" s="13" t="s">
        <v>440</v>
      </c>
      <c r="B87710" s="14" t="s">
        <v>1</v>
      </c>
      <c r="C87710" s="14" t="s">
        <v>137</v>
      </c>
      <c r="D87710" s="14" t="s">
        <v>39</v>
      </c>
      <c r="E87710" s="15">
        <v>45486</v>
      </c>
      <c r="F87710" s="14" t="s">
        <v>15</v>
      </c>
      <c r="G87710" s="16">
        <v>1.982642224254598</v>
      </c>
    </row>
    <row r="87711" spans="1:7" x14ac:dyDescent="0.3">
      <c r="A87711" s="13" t="s">
        <v>440</v>
      </c>
      <c r="B87711" s="14" t="s">
        <v>1</v>
      </c>
      <c r="C87711" s="14" t="s">
        <v>137</v>
      </c>
      <c r="D87711" s="14" t="s">
        <v>39</v>
      </c>
      <c r="E87711" s="15">
        <v>45487</v>
      </c>
      <c r="F87711" s="14" t="s">
        <v>15</v>
      </c>
      <c r="G87711" s="16">
        <v>1.982642224254598</v>
      </c>
    </row>
    <row r="87712" spans="1:7" x14ac:dyDescent="0.3">
      <c r="A87712" s="13" t="s">
        <v>440</v>
      </c>
      <c r="B87712" s="14" t="s">
        <v>1</v>
      </c>
      <c r="C87712" s="14" t="s">
        <v>137</v>
      </c>
      <c r="D87712" s="14" t="s">
        <v>39</v>
      </c>
      <c r="E87712" s="15">
        <v>45488</v>
      </c>
      <c r="F87712" s="14" t="s">
        <v>15</v>
      </c>
      <c r="G87712" s="16">
        <v>2.0026794386807194</v>
      </c>
    </row>
    <row r="87713" spans="1:7" x14ac:dyDescent="0.3">
      <c r="A87713" s="13" t="s">
        <v>440</v>
      </c>
      <c r="B87713" s="14" t="s">
        <v>1</v>
      </c>
      <c r="C87713" s="14" t="s">
        <v>137</v>
      </c>
      <c r="D87713" s="14" t="s">
        <v>39</v>
      </c>
      <c r="E87713" s="15">
        <v>45489</v>
      </c>
      <c r="F87713" s="14" t="s">
        <v>15</v>
      </c>
      <c r="G87713" s="16">
        <v>2.0617166531068403</v>
      </c>
    </row>
    <row r="87714" spans="1:7" x14ac:dyDescent="0.3">
      <c r="A87714" s="13" t="s">
        <v>440</v>
      </c>
      <c r="B87714" s="14" t="s">
        <v>1</v>
      </c>
      <c r="C87714" s="14" t="s">
        <v>137</v>
      </c>
      <c r="D87714" s="14" t="s">
        <v>39</v>
      </c>
      <c r="E87714" s="15">
        <v>45490</v>
      </c>
      <c r="F87714" s="14" t="s">
        <v>15</v>
      </c>
      <c r="G87714" s="16">
        <v>2.0807538675329615</v>
      </c>
    </row>
    <row r="87715" spans="1:7" x14ac:dyDescent="0.3">
      <c r="A87715" s="13" t="s">
        <v>440</v>
      </c>
      <c r="B87715" s="14" t="s">
        <v>1</v>
      </c>
      <c r="C87715" s="14" t="s">
        <v>137</v>
      </c>
      <c r="D87715" s="14" t="s">
        <v>39</v>
      </c>
      <c r="E87715" s="15">
        <v>45491</v>
      </c>
      <c r="F87715" s="14" t="s">
        <v>15</v>
      </c>
      <c r="G87715" s="16">
        <v>2.0997910819590824</v>
      </c>
    </row>
    <row r="87716" spans="1:7" x14ac:dyDescent="0.3">
      <c r="A87716" s="13" t="s">
        <v>440</v>
      </c>
      <c r="B87716" s="14" t="s">
        <v>1</v>
      </c>
      <c r="C87716" s="14" t="s">
        <v>137</v>
      </c>
      <c r="D87716" s="14" t="s">
        <v>39</v>
      </c>
      <c r="E87716" s="15">
        <v>45492</v>
      </c>
      <c r="F87716" s="14" t="s">
        <v>15</v>
      </c>
      <c r="G87716" s="16">
        <v>2.1188282963852036</v>
      </c>
    </row>
    <row r="87717" spans="1:7" x14ac:dyDescent="0.3">
      <c r="A87717" s="13" t="s">
        <v>440</v>
      </c>
      <c r="B87717" s="14" t="s">
        <v>1</v>
      </c>
      <c r="C87717" s="14" t="s">
        <v>137</v>
      </c>
      <c r="D87717" s="14" t="s">
        <v>39</v>
      </c>
      <c r="E87717" s="15">
        <v>45493</v>
      </c>
      <c r="F87717" s="14" t="s">
        <v>15</v>
      </c>
      <c r="G87717" s="16">
        <v>2.1188282963852036</v>
      </c>
    </row>
    <row r="87718" spans="1:7" x14ac:dyDescent="0.3">
      <c r="A87718" s="13" t="s">
        <v>440</v>
      </c>
      <c r="B87718" s="14" t="s">
        <v>1</v>
      </c>
      <c r="C87718" s="14" t="s">
        <v>137</v>
      </c>
      <c r="D87718" s="14" t="s">
        <v>39</v>
      </c>
      <c r="E87718" s="15">
        <v>45494</v>
      </c>
      <c r="F87718" s="14" t="s">
        <v>15</v>
      </c>
      <c r="G87718" s="16">
        <v>2.1188282963852036</v>
      </c>
    </row>
    <row r="87719" spans="1:7" x14ac:dyDescent="0.3">
      <c r="A87719" s="13" t="s">
        <v>440</v>
      </c>
      <c r="B87719" s="14" t="s">
        <v>1</v>
      </c>
      <c r="C87719" s="14" t="s">
        <v>137</v>
      </c>
      <c r="D87719" s="14" t="s">
        <v>39</v>
      </c>
      <c r="E87719" s="15">
        <v>45495</v>
      </c>
      <c r="F87719" s="14" t="s">
        <v>15</v>
      </c>
      <c r="G87719" s="16">
        <v>2.1378655108113245</v>
      </c>
    </row>
    <row r="87720" spans="1:7" x14ac:dyDescent="0.3">
      <c r="A87720" s="13" t="s">
        <v>440</v>
      </c>
      <c r="B87720" s="14" t="s">
        <v>1</v>
      </c>
      <c r="C87720" s="14" t="s">
        <v>137</v>
      </c>
      <c r="D87720" s="14" t="s">
        <v>39</v>
      </c>
      <c r="E87720" s="15">
        <v>45496</v>
      </c>
      <c r="F87720" s="14" t="s">
        <v>15</v>
      </c>
      <c r="G87720" s="16">
        <v>2.1979027252374457</v>
      </c>
    </row>
    <row r="87721" spans="1:7" x14ac:dyDescent="0.3">
      <c r="A87721" s="13" t="s">
        <v>440</v>
      </c>
      <c r="B87721" s="14" t="s">
        <v>1</v>
      </c>
      <c r="C87721" s="14" t="s">
        <v>137</v>
      </c>
      <c r="D87721" s="14" t="s">
        <v>39</v>
      </c>
      <c r="E87721" s="15">
        <v>45497</v>
      </c>
      <c r="F87721" s="14" t="s">
        <v>15</v>
      </c>
      <c r="G87721" s="16">
        <v>2.2179399396635668</v>
      </c>
    </row>
    <row r="87722" spans="1:7" x14ac:dyDescent="0.3">
      <c r="A87722" s="13" t="s">
        <v>440</v>
      </c>
      <c r="B87722" s="14" t="s">
        <v>1</v>
      </c>
      <c r="C87722" s="14" t="s">
        <v>137</v>
      </c>
      <c r="D87722" s="14" t="s">
        <v>39</v>
      </c>
      <c r="E87722" s="15">
        <v>45498</v>
      </c>
      <c r="F87722" s="14" t="s">
        <v>15</v>
      </c>
      <c r="G87722" s="16">
        <v>2.2379771540896884</v>
      </c>
    </row>
    <row r="87723" spans="1:7" x14ac:dyDescent="0.3">
      <c r="A87723" s="13" t="s">
        <v>440</v>
      </c>
      <c r="B87723" s="14" t="s">
        <v>1</v>
      </c>
      <c r="C87723" s="14" t="s">
        <v>137</v>
      </c>
      <c r="D87723" s="14" t="s">
        <v>39</v>
      </c>
      <c r="E87723" s="15">
        <v>45499</v>
      </c>
      <c r="F87723" s="14" t="s">
        <v>15</v>
      </c>
      <c r="G87723" s="16">
        <v>2.2580143685158096</v>
      </c>
    </row>
    <row r="87724" spans="1:7" x14ac:dyDescent="0.3">
      <c r="A87724" s="13" t="s">
        <v>440</v>
      </c>
      <c r="B87724" s="14" t="s">
        <v>1</v>
      </c>
      <c r="C87724" s="14" t="s">
        <v>137</v>
      </c>
      <c r="D87724" s="14" t="s">
        <v>39</v>
      </c>
      <c r="E87724" s="15">
        <v>45500</v>
      </c>
      <c r="F87724" s="14" t="s">
        <v>15</v>
      </c>
      <c r="G87724" s="16">
        <v>2.2580143685158096</v>
      </c>
    </row>
    <row r="87725" spans="1:7" x14ac:dyDescent="0.3">
      <c r="A87725" s="13" t="s">
        <v>440</v>
      </c>
      <c r="B87725" s="14" t="s">
        <v>1</v>
      </c>
      <c r="C87725" s="14" t="s">
        <v>137</v>
      </c>
      <c r="D87725" s="14" t="s">
        <v>39</v>
      </c>
      <c r="E87725" s="15">
        <v>45501</v>
      </c>
      <c r="F87725" s="14" t="s">
        <v>15</v>
      </c>
      <c r="G87725" s="16">
        <v>2.2580143685158096</v>
      </c>
    </row>
    <row r="87726" spans="1:7" x14ac:dyDescent="0.3">
      <c r="A87726" s="13" t="s">
        <v>440</v>
      </c>
      <c r="B87726" s="14" t="s">
        <v>1</v>
      </c>
      <c r="C87726" s="14" t="s">
        <v>137</v>
      </c>
      <c r="D87726" s="14" t="s">
        <v>39</v>
      </c>
      <c r="E87726" s="15">
        <v>45502</v>
      </c>
      <c r="F87726" s="14" t="s">
        <v>15</v>
      </c>
      <c r="G87726" s="16">
        <v>2.2730515829419309</v>
      </c>
    </row>
    <row r="87727" spans="1:7" x14ac:dyDescent="0.3">
      <c r="A87727" s="13" t="s">
        <v>440</v>
      </c>
      <c r="B87727" s="14" t="s">
        <v>1</v>
      </c>
      <c r="C87727" s="14" t="s">
        <v>137</v>
      </c>
      <c r="D87727" s="14" t="s">
        <v>39</v>
      </c>
      <c r="E87727" s="15">
        <v>45503</v>
      </c>
      <c r="F87727" s="14" t="s">
        <v>15</v>
      </c>
      <c r="G87727" s="16">
        <v>2.3330887973680516</v>
      </c>
    </row>
    <row r="87728" spans="1:7" x14ac:dyDescent="0.3">
      <c r="A87728" s="13" t="s">
        <v>440</v>
      </c>
      <c r="B87728" s="14" t="s">
        <v>1</v>
      </c>
      <c r="C87728" s="14" t="s">
        <v>137</v>
      </c>
      <c r="D87728" s="14" t="s">
        <v>39</v>
      </c>
      <c r="E87728" s="15">
        <v>45504</v>
      </c>
      <c r="F87728" s="14" t="s">
        <v>15</v>
      </c>
      <c r="G87728" s="16">
        <v>2.3531260117941732</v>
      </c>
    </row>
    <row r="87729" spans="1:7" x14ac:dyDescent="0.3">
      <c r="A87729" s="13" t="s">
        <v>440</v>
      </c>
      <c r="B87729" s="14" t="s">
        <v>1</v>
      </c>
      <c r="C87729" s="14" t="s">
        <v>137</v>
      </c>
      <c r="D87729" s="14" t="s">
        <v>39</v>
      </c>
      <c r="E87729" s="15">
        <v>45505</v>
      </c>
      <c r="F87729" s="14" t="s">
        <v>15</v>
      </c>
      <c r="G87729" s="16">
        <v>2.3781632262202939</v>
      </c>
    </row>
    <row r="87730" spans="1:7" x14ac:dyDescent="0.3">
      <c r="A87730" s="13" t="s">
        <v>440</v>
      </c>
      <c r="B87730" s="14" t="s">
        <v>1</v>
      </c>
      <c r="C87730" s="14" t="s">
        <v>137</v>
      </c>
      <c r="D87730" s="14" t="s">
        <v>39</v>
      </c>
      <c r="E87730" s="15">
        <v>45506</v>
      </c>
      <c r="F87730" s="14" t="s">
        <v>15</v>
      </c>
      <c r="G87730" s="16">
        <v>2.3842004406464152</v>
      </c>
    </row>
    <row r="87731" spans="1:7" x14ac:dyDescent="0.3">
      <c r="A87731" s="13" t="s">
        <v>440</v>
      </c>
      <c r="B87731" s="14" t="s">
        <v>1</v>
      </c>
      <c r="C87731" s="14" t="s">
        <v>137</v>
      </c>
      <c r="D87731" s="14" t="s">
        <v>39</v>
      </c>
      <c r="E87731" s="15">
        <v>45507</v>
      </c>
      <c r="F87731" s="14" t="s">
        <v>15</v>
      </c>
      <c r="G87731" s="16">
        <v>2.3842004406464152</v>
      </c>
    </row>
    <row r="87732" spans="1:7" x14ac:dyDescent="0.3">
      <c r="A87732" s="13" t="s">
        <v>440</v>
      </c>
      <c r="B87732" s="14" t="s">
        <v>1</v>
      </c>
      <c r="C87732" s="14" t="s">
        <v>137</v>
      </c>
      <c r="D87732" s="14" t="s">
        <v>39</v>
      </c>
      <c r="E87732" s="15">
        <v>45508</v>
      </c>
      <c r="F87732" s="14" t="s">
        <v>15</v>
      </c>
      <c r="G87732" s="16">
        <v>2.3842004406464152</v>
      </c>
    </row>
    <row r="87733" spans="1:7" x14ac:dyDescent="0.3">
      <c r="A87733" s="13" t="s">
        <v>440</v>
      </c>
      <c r="B87733" s="14" t="s">
        <v>1</v>
      </c>
      <c r="C87733" s="14" t="s">
        <v>137</v>
      </c>
      <c r="D87733" s="14" t="s">
        <v>39</v>
      </c>
      <c r="E87733" s="15">
        <v>45509</v>
      </c>
      <c r="F87733" s="14" t="s">
        <v>15</v>
      </c>
      <c r="G87733" s="16">
        <v>2.3842004406464152</v>
      </c>
    </row>
    <row r="87734" spans="1:7" x14ac:dyDescent="0.3">
      <c r="A87734" s="13" t="s">
        <v>440</v>
      </c>
      <c r="B87734" s="14" t="s">
        <v>1</v>
      </c>
      <c r="C87734" s="14" t="s">
        <v>137</v>
      </c>
      <c r="D87734" s="14" t="s">
        <v>39</v>
      </c>
      <c r="E87734" s="15">
        <v>45510</v>
      </c>
      <c r="F87734" s="14" t="s">
        <v>15</v>
      </c>
      <c r="G87734" s="16">
        <v>2.4062376550725366</v>
      </c>
    </row>
    <row r="87735" spans="1:7" x14ac:dyDescent="0.3">
      <c r="A87735" s="13" t="s">
        <v>440</v>
      </c>
      <c r="B87735" s="14" t="s">
        <v>1</v>
      </c>
      <c r="C87735" s="14" t="s">
        <v>137</v>
      </c>
      <c r="D87735" s="14" t="s">
        <v>39</v>
      </c>
      <c r="E87735" s="15">
        <v>45511</v>
      </c>
      <c r="F87735" s="14" t="s">
        <v>15</v>
      </c>
      <c r="G87735" s="16">
        <v>2.4862748694986574</v>
      </c>
    </row>
    <row r="87736" spans="1:7" x14ac:dyDescent="0.3">
      <c r="A87736" s="13" t="s">
        <v>440</v>
      </c>
      <c r="B87736" s="14" t="s">
        <v>1</v>
      </c>
      <c r="C87736" s="14" t="s">
        <v>137</v>
      </c>
      <c r="D87736" s="14" t="s">
        <v>39</v>
      </c>
      <c r="E87736" s="15">
        <v>45512</v>
      </c>
      <c r="F87736" s="14" t="s">
        <v>15</v>
      </c>
      <c r="G87736" s="16">
        <v>2.5063120839247786</v>
      </c>
    </row>
    <row r="87737" spans="1:7" x14ac:dyDescent="0.3">
      <c r="A87737" s="13" t="s">
        <v>440</v>
      </c>
      <c r="B87737" s="14" t="s">
        <v>1</v>
      </c>
      <c r="C87737" s="14" t="s">
        <v>137</v>
      </c>
      <c r="D87737" s="14" t="s">
        <v>39</v>
      </c>
      <c r="E87737" s="15">
        <v>45513</v>
      </c>
      <c r="F87737" s="14" t="s">
        <v>15</v>
      </c>
      <c r="G87737" s="16">
        <v>2.5333492983508998</v>
      </c>
    </row>
    <row r="87738" spans="1:7" x14ac:dyDescent="0.3">
      <c r="A87738" s="13" t="s">
        <v>440</v>
      </c>
      <c r="B87738" s="14" t="s">
        <v>1</v>
      </c>
      <c r="C87738" s="14" t="s">
        <v>137</v>
      </c>
      <c r="D87738" s="14" t="s">
        <v>39</v>
      </c>
      <c r="E87738" s="15">
        <v>45514</v>
      </c>
      <c r="F87738" s="14" t="s">
        <v>15</v>
      </c>
      <c r="G87738" s="16">
        <v>2.5333492983508998</v>
      </c>
    </row>
    <row r="87739" spans="1:7" x14ac:dyDescent="0.3">
      <c r="A87739" s="13" t="s">
        <v>440</v>
      </c>
      <c r="B87739" s="14" t="s">
        <v>1</v>
      </c>
      <c r="C87739" s="14" t="s">
        <v>137</v>
      </c>
      <c r="D87739" s="14" t="s">
        <v>39</v>
      </c>
      <c r="E87739" s="15">
        <v>45515</v>
      </c>
      <c r="F87739" s="14" t="s">
        <v>15</v>
      </c>
      <c r="G87739" s="16">
        <v>2.5333492983508998</v>
      </c>
    </row>
    <row r="87740" spans="1:7" x14ac:dyDescent="0.3">
      <c r="A87740" s="13" t="s">
        <v>440</v>
      </c>
      <c r="B87740" s="14" t="s">
        <v>1</v>
      </c>
      <c r="C87740" s="14" t="s">
        <v>137</v>
      </c>
      <c r="D87740" s="14" t="s">
        <v>39</v>
      </c>
      <c r="E87740" s="15">
        <v>45516</v>
      </c>
      <c r="F87740" s="14" t="s">
        <v>15</v>
      </c>
      <c r="G87740" s="16">
        <v>2.553386512777021</v>
      </c>
    </row>
    <row r="87741" spans="1:7" x14ac:dyDescent="0.3">
      <c r="A87741" s="13" t="s">
        <v>440</v>
      </c>
      <c r="B87741" s="14" t="s">
        <v>1</v>
      </c>
      <c r="C87741" s="14" t="s">
        <v>137</v>
      </c>
      <c r="D87741" s="14" t="s">
        <v>39</v>
      </c>
      <c r="E87741" s="15">
        <v>45517</v>
      </c>
      <c r="F87741" s="14" t="s">
        <v>15</v>
      </c>
      <c r="G87741" s="16">
        <v>2.6134237272031422</v>
      </c>
    </row>
    <row r="87742" spans="1:7" x14ac:dyDescent="0.3">
      <c r="A87742" s="13" t="s">
        <v>440</v>
      </c>
      <c r="B87742" s="14" t="s">
        <v>1</v>
      </c>
      <c r="C87742" s="14" t="s">
        <v>137</v>
      </c>
      <c r="D87742" s="14" t="s">
        <v>39</v>
      </c>
      <c r="E87742" s="15">
        <v>45518</v>
      </c>
      <c r="F87742" s="14" t="s">
        <v>15</v>
      </c>
      <c r="G87742" s="16">
        <v>2.6334609416292634</v>
      </c>
    </row>
    <row r="87743" spans="1:7" x14ac:dyDescent="0.3">
      <c r="A87743" s="13" t="s">
        <v>440</v>
      </c>
      <c r="B87743" s="14" t="s">
        <v>1</v>
      </c>
      <c r="C87743" s="14" t="s">
        <v>137</v>
      </c>
      <c r="D87743" s="14" t="s">
        <v>39</v>
      </c>
      <c r="E87743" s="15">
        <v>45519</v>
      </c>
      <c r="F87743" s="14" t="s">
        <v>15</v>
      </c>
      <c r="G87743" s="16">
        <v>2.6534981560553845</v>
      </c>
    </row>
    <row r="87744" spans="1:7" x14ac:dyDescent="0.3">
      <c r="A87744" s="13" t="s">
        <v>440</v>
      </c>
      <c r="B87744" s="14" t="s">
        <v>1</v>
      </c>
      <c r="C87744" s="14" t="s">
        <v>137</v>
      </c>
      <c r="D87744" s="14" t="s">
        <v>39</v>
      </c>
      <c r="E87744" s="15">
        <v>45520</v>
      </c>
      <c r="F87744" s="14" t="s">
        <v>15</v>
      </c>
      <c r="G87744" s="16">
        <v>2.6745353704815056</v>
      </c>
    </row>
    <row r="87745" spans="1:7" x14ac:dyDescent="0.3">
      <c r="A87745" s="13" t="s">
        <v>440</v>
      </c>
      <c r="B87745" s="14" t="s">
        <v>1</v>
      </c>
      <c r="C87745" s="14" t="s">
        <v>137</v>
      </c>
      <c r="D87745" s="14" t="s">
        <v>39</v>
      </c>
      <c r="E87745" s="15">
        <v>45521</v>
      </c>
      <c r="F87745" s="14" t="s">
        <v>15</v>
      </c>
      <c r="G87745" s="16">
        <v>2.6745353704815056</v>
      </c>
    </row>
    <row r="87746" spans="1:7" x14ac:dyDescent="0.3">
      <c r="A87746" s="13" t="s">
        <v>440</v>
      </c>
      <c r="B87746" s="14" t="s">
        <v>1</v>
      </c>
      <c r="C87746" s="14" t="s">
        <v>137</v>
      </c>
      <c r="D87746" s="14" t="s">
        <v>39</v>
      </c>
      <c r="E87746" s="15">
        <v>45522</v>
      </c>
      <c r="F87746" s="14" t="s">
        <v>15</v>
      </c>
      <c r="G87746" s="16">
        <v>2.6745353704815056</v>
      </c>
    </row>
    <row r="87747" spans="1:7" x14ac:dyDescent="0.3">
      <c r="A87747" s="13" t="s">
        <v>440</v>
      </c>
      <c r="B87747" s="14" t="s">
        <v>1</v>
      </c>
      <c r="C87747" s="14" t="s">
        <v>137</v>
      </c>
      <c r="D87747" s="14" t="s">
        <v>39</v>
      </c>
      <c r="E87747" s="15">
        <v>45523</v>
      </c>
      <c r="F87747" s="14" t="s">
        <v>15</v>
      </c>
      <c r="G87747" s="16">
        <v>2.6945725849076267</v>
      </c>
    </row>
    <row r="87748" spans="1:7" x14ac:dyDescent="0.3">
      <c r="A87748" s="13" t="s">
        <v>440</v>
      </c>
      <c r="B87748" s="14" t="s">
        <v>1</v>
      </c>
      <c r="C87748" s="14" t="s">
        <v>137</v>
      </c>
      <c r="D87748" s="14" t="s">
        <v>39</v>
      </c>
      <c r="E87748" s="15">
        <v>45524</v>
      </c>
      <c r="F87748" s="14" t="s">
        <v>15</v>
      </c>
      <c r="G87748" s="16">
        <v>2.7546097993337479</v>
      </c>
    </row>
    <row r="87749" spans="1:7" x14ac:dyDescent="0.3">
      <c r="A87749" s="13" t="s">
        <v>440</v>
      </c>
      <c r="B87749" s="14" t="s">
        <v>1</v>
      </c>
      <c r="C87749" s="14" t="s">
        <v>137</v>
      </c>
      <c r="D87749" s="14" t="s">
        <v>39</v>
      </c>
      <c r="E87749" s="15">
        <v>45525</v>
      </c>
      <c r="F87749" s="14" t="s">
        <v>15</v>
      </c>
      <c r="G87749" s="16">
        <v>2.7746470137598691</v>
      </c>
    </row>
    <row r="87750" spans="1:7" x14ac:dyDescent="0.3">
      <c r="A87750" s="13" t="s">
        <v>440</v>
      </c>
      <c r="B87750" s="14" t="s">
        <v>1</v>
      </c>
      <c r="C87750" s="14" t="s">
        <v>137</v>
      </c>
      <c r="D87750" s="14" t="s">
        <v>39</v>
      </c>
      <c r="E87750" s="15">
        <v>45526</v>
      </c>
      <c r="F87750" s="14" t="s">
        <v>15</v>
      </c>
      <c r="G87750" s="16">
        <v>2.7946842281859903</v>
      </c>
    </row>
    <row r="87751" spans="1:7" x14ac:dyDescent="0.3">
      <c r="A87751" s="13" t="s">
        <v>440</v>
      </c>
      <c r="B87751" s="14" t="s">
        <v>1</v>
      </c>
      <c r="C87751" s="14" t="s">
        <v>137</v>
      </c>
      <c r="D87751" s="14" t="s">
        <v>39</v>
      </c>
      <c r="E87751" s="15">
        <v>45527</v>
      </c>
      <c r="F87751" s="14" t="s">
        <v>15</v>
      </c>
      <c r="G87751" s="16">
        <v>2.8147214426121119</v>
      </c>
    </row>
    <row r="87752" spans="1:7" x14ac:dyDescent="0.3">
      <c r="A87752" s="13" t="s">
        <v>440</v>
      </c>
      <c r="B87752" s="14" t="s">
        <v>1</v>
      </c>
      <c r="C87752" s="14" t="s">
        <v>137</v>
      </c>
      <c r="D87752" s="14" t="s">
        <v>39</v>
      </c>
      <c r="E87752" s="15">
        <v>45528</v>
      </c>
      <c r="F87752" s="14" t="s">
        <v>15</v>
      </c>
      <c r="G87752" s="16">
        <v>2.8147214426121119</v>
      </c>
    </row>
    <row r="87753" spans="1:7" x14ac:dyDescent="0.3">
      <c r="A87753" s="13" t="s">
        <v>440</v>
      </c>
      <c r="B87753" s="14" t="s">
        <v>1</v>
      </c>
      <c r="C87753" s="14" t="s">
        <v>137</v>
      </c>
      <c r="D87753" s="14" t="s">
        <v>39</v>
      </c>
      <c r="E87753" s="15">
        <v>45529</v>
      </c>
      <c r="F87753" s="14" t="s">
        <v>15</v>
      </c>
      <c r="G87753" s="16">
        <v>2.8147214426121119</v>
      </c>
    </row>
    <row r="87754" spans="1:7" x14ac:dyDescent="0.3">
      <c r="A87754" s="13" t="s">
        <v>440</v>
      </c>
      <c r="B87754" s="14" t="s">
        <v>1</v>
      </c>
      <c r="C87754" s="14" t="s">
        <v>137</v>
      </c>
      <c r="D87754" s="14" t="s">
        <v>39</v>
      </c>
      <c r="E87754" s="15">
        <v>45530</v>
      </c>
      <c r="F87754" s="14" t="s">
        <v>15</v>
      </c>
      <c r="G87754" s="16">
        <v>2.8337586570382327</v>
      </c>
    </row>
    <row r="87755" spans="1:7" x14ac:dyDescent="0.3">
      <c r="A87755" s="13" t="s">
        <v>440</v>
      </c>
      <c r="B87755" s="14" t="s">
        <v>1</v>
      </c>
      <c r="C87755" s="14" t="s">
        <v>137</v>
      </c>
      <c r="D87755" s="14" t="s">
        <v>39</v>
      </c>
      <c r="E87755" s="15">
        <v>45531</v>
      </c>
      <c r="F87755" s="14" t="s">
        <v>15</v>
      </c>
      <c r="G87755" s="16">
        <v>2.8927958714643536</v>
      </c>
    </row>
    <row r="87756" spans="1:7" x14ac:dyDescent="0.3">
      <c r="A87756" s="13" t="s">
        <v>440</v>
      </c>
      <c r="B87756" s="14" t="s">
        <v>1</v>
      </c>
      <c r="C87756" s="14" t="s">
        <v>137</v>
      </c>
      <c r="D87756" s="14" t="s">
        <v>39</v>
      </c>
      <c r="E87756" s="15">
        <v>45532</v>
      </c>
      <c r="F87756" s="14" t="s">
        <v>15</v>
      </c>
      <c r="G87756" s="16">
        <v>2.9118330858904748</v>
      </c>
    </row>
    <row r="87757" spans="1:7" x14ac:dyDescent="0.3">
      <c r="A87757" s="13" t="s">
        <v>440</v>
      </c>
      <c r="B87757" s="14" t="s">
        <v>1</v>
      </c>
      <c r="C87757" s="14" t="s">
        <v>137</v>
      </c>
      <c r="D87757" s="14" t="s">
        <v>39</v>
      </c>
      <c r="E87757" s="15">
        <v>45533</v>
      </c>
      <c r="F87757" s="14" t="s">
        <v>15</v>
      </c>
      <c r="G87757" s="16">
        <v>2.931870300316596</v>
      </c>
    </row>
    <row r="87758" spans="1:7" x14ac:dyDescent="0.3">
      <c r="A87758" s="13" t="s">
        <v>440</v>
      </c>
      <c r="B87758" s="14" t="s">
        <v>1</v>
      </c>
      <c r="C87758" s="14" t="s">
        <v>137</v>
      </c>
      <c r="D87758" s="14" t="s">
        <v>39</v>
      </c>
      <c r="E87758" s="15">
        <v>45534</v>
      </c>
      <c r="F87758" s="14" t="s">
        <v>15</v>
      </c>
      <c r="G87758" s="16">
        <v>2.9509075147427173</v>
      </c>
    </row>
    <row r="87759" spans="1:7" x14ac:dyDescent="0.3">
      <c r="A87759" s="13" t="s">
        <v>440</v>
      </c>
      <c r="B87759" s="14" t="s">
        <v>1</v>
      </c>
      <c r="C87759" s="14" t="s">
        <v>137</v>
      </c>
      <c r="D87759" s="14" t="s">
        <v>39</v>
      </c>
      <c r="E87759" s="15">
        <v>45535</v>
      </c>
      <c r="F87759" s="14" t="s">
        <v>15</v>
      </c>
      <c r="G87759" s="16">
        <v>2.9509075147427173</v>
      </c>
    </row>
    <row r="87760" spans="1:7" x14ac:dyDescent="0.3">
      <c r="A87760" s="13" t="s">
        <v>440</v>
      </c>
      <c r="B87760" s="14" t="s">
        <v>1</v>
      </c>
      <c r="C87760" s="14" t="s">
        <v>137</v>
      </c>
      <c r="D87760" s="14" t="s">
        <v>39</v>
      </c>
      <c r="E87760" s="15">
        <v>45536</v>
      </c>
      <c r="F87760" s="14" t="s">
        <v>15</v>
      </c>
      <c r="G87760" s="16">
        <v>2.9509075147427173</v>
      </c>
    </row>
    <row r="87761" spans="1:7" x14ac:dyDescent="0.3">
      <c r="A87761" s="13" t="s">
        <v>440</v>
      </c>
      <c r="B87761" s="14" t="s">
        <v>1</v>
      </c>
      <c r="C87761" s="14" t="s">
        <v>137</v>
      </c>
      <c r="D87761" s="14" t="s">
        <v>39</v>
      </c>
      <c r="E87761" s="15">
        <v>45537</v>
      </c>
      <c r="F87761" s="14" t="s">
        <v>15</v>
      </c>
      <c r="G87761" s="16">
        <v>2.9709447291688384</v>
      </c>
    </row>
    <row r="87762" spans="1:7" x14ac:dyDescent="0.3">
      <c r="A87762" s="13" t="s">
        <v>440</v>
      </c>
      <c r="B87762" s="14" t="s">
        <v>1</v>
      </c>
      <c r="C87762" s="14" t="s">
        <v>137</v>
      </c>
      <c r="D87762" s="14" t="s">
        <v>39</v>
      </c>
      <c r="E87762" s="15">
        <v>45538</v>
      </c>
      <c r="F87762" s="14" t="s">
        <v>15</v>
      </c>
      <c r="G87762" s="16">
        <v>3.0169819435949594</v>
      </c>
    </row>
    <row r="87763" spans="1:7" x14ac:dyDescent="0.3">
      <c r="A87763" s="13" t="s">
        <v>440</v>
      </c>
      <c r="B87763" s="14" t="s">
        <v>1</v>
      </c>
      <c r="C87763" s="14" t="s">
        <v>137</v>
      </c>
      <c r="D87763" s="14" t="s">
        <v>39</v>
      </c>
      <c r="E87763" s="15">
        <v>45539</v>
      </c>
      <c r="F87763" s="14" t="s">
        <v>15</v>
      </c>
      <c r="G87763" s="16">
        <v>3.0370191580210806</v>
      </c>
    </row>
    <row r="87764" spans="1:7" x14ac:dyDescent="0.3">
      <c r="A87764" s="13" t="s">
        <v>440</v>
      </c>
      <c r="B87764" s="14" t="s">
        <v>1</v>
      </c>
      <c r="C87764" s="14" t="s">
        <v>137</v>
      </c>
      <c r="D87764" s="14" t="s">
        <v>39</v>
      </c>
      <c r="E87764" s="15">
        <v>45540</v>
      </c>
      <c r="F87764" s="14" t="s">
        <v>15</v>
      </c>
      <c r="G87764" s="16">
        <v>3.0570563724472022</v>
      </c>
    </row>
    <row r="87765" spans="1:7" x14ac:dyDescent="0.3">
      <c r="A87765" s="13" t="s">
        <v>440</v>
      </c>
      <c r="B87765" s="14" t="s">
        <v>1</v>
      </c>
      <c r="C87765" s="14" t="s">
        <v>137</v>
      </c>
      <c r="D87765" s="14" t="s">
        <v>39</v>
      </c>
      <c r="E87765" s="15">
        <v>45541</v>
      </c>
      <c r="F87765" s="14" t="s">
        <v>15</v>
      </c>
      <c r="G87765" s="16">
        <v>3.0770935868733233</v>
      </c>
    </row>
    <row r="87766" spans="1:7" x14ac:dyDescent="0.3">
      <c r="A87766" s="13" t="s">
        <v>440</v>
      </c>
      <c r="B87766" s="14" t="s">
        <v>1</v>
      </c>
      <c r="C87766" s="14" t="s">
        <v>137</v>
      </c>
      <c r="D87766" s="14" t="s">
        <v>39</v>
      </c>
      <c r="E87766" s="15">
        <v>45542</v>
      </c>
      <c r="F87766" s="14" t="s">
        <v>15</v>
      </c>
      <c r="G87766" s="16">
        <v>3.0770935868733233</v>
      </c>
    </row>
    <row r="87767" spans="1:7" x14ac:dyDescent="0.3">
      <c r="A87767" s="13" t="s">
        <v>440</v>
      </c>
      <c r="B87767" s="14" t="s">
        <v>1</v>
      </c>
      <c r="C87767" s="14" t="s">
        <v>137</v>
      </c>
      <c r="D87767" s="14" t="s">
        <v>39</v>
      </c>
      <c r="E87767" s="15">
        <v>45543</v>
      </c>
      <c r="F87767" s="14" t="s">
        <v>15</v>
      </c>
      <c r="G87767" s="16">
        <v>3.0770935868733233</v>
      </c>
    </row>
    <row r="87768" spans="1:7" x14ac:dyDescent="0.3">
      <c r="A87768" s="13" t="s">
        <v>440</v>
      </c>
      <c r="B87768" s="14" t="s">
        <v>1</v>
      </c>
      <c r="C87768" s="14" t="s">
        <v>137</v>
      </c>
      <c r="D87768" s="14" t="s">
        <v>39</v>
      </c>
      <c r="E87768" s="15">
        <v>45544</v>
      </c>
      <c r="F87768" s="14" t="s">
        <v>15</v>
      </c>
      <c r="G87768" s="16">
        <v>3.1031308012994443</v>
      </c>
    </row>
    <row r="87769" spans="1:7" x14ac:dyDescent="0.3">
      <c r="A87769" s="13" t="s">
        <v>440</v>
      </c>
      <c r="B87769" s="14" t="s">
        <v>1</v>
      </c>
      <c r="C87769" s="14" t="s">
        <v>137</v>
      </c>
      <c r="D87769" s="14" t="s">
        <v>39</v>
      </c>
      <c r="E87769" s="15">
        <v>45545</v>
      </c>
      <c r="F87769" s="14" t="s">
        <v>15</v>
      </c>
      <c r="G87769" s="16">
        <v>3.1561680157255654</v>
      </c>
    </row>
    <row r="87770" spans="1:7" x14ac:dyDescent="0.3">
      <c r="A87770" s="13" t="s">
        <v>440</v>
      </c>
      <c r="B87770" s="14" t="s">
        <v>1</v>
      </c>
      <c r="C87770" s="14" t="s">
        <v>137</v>
      </c>
      <c r="D87770" s="14" t="s">
        <v>39</v>
      </c>
      <c r="E87770" s="15">
        <v>45546</v>
      </c>
      <c r="F87770" s="14" t="s">
        <v>15</v>
      </c>
      <c r="G87770" s="16">
        <v>3.1762052301516865</v>
      </c>
    </row>
    <row r="87771" spans="1:7" x14ac:dyDescent="0.3">
      <c r="A87771" s="13" t="s">
        <v>440</v>
      </c>
      <c r="B87771" s="14" t="s">
        <v>1</v>
      </c>
      <c r="C87771" s="14" t="s">
        <v>137</v>
      </c>
      <c r="D87771" s="14" t="s">
        <v>39</v>
      </c>
      <c r="E87771" s="15">
        <v>45547</v>
      </c>
      <c r="F87771" s="14" t="s">
        <v>15</v>
      </c>
      <c r="G87771" s="16">
        <v>3.1962424445778082</v>
      </c>
    </row>
    <row r="87772" spans="1:7" x14ac:dyDescent="0.3">
      <c r="A87772" s="13" t="s">
        <v>440</v>
      </c>
      <c r="B87772" s="14" t="s">
        <v>1</v>
      </c>
      <c r="C87772" s="14" t="s">
        <v>137</v>
      </c>
      <c r="D87772" s="14" t="s">
        <v>39</v>
      </c>
      <c r="E87772" s="15">
        <v>45548</v>
      </c>
      <c r="F87772" s="14" t="s">
        <v>15</v>
      </c>
      <c r="G87772" s="16">
        <v>3.2172796590039292</v>
      </c>
    </row>
    <row r="87773" spans="1:7" x14ac:dyDescent="0.3">
      <c r="A87773" s="13" t="s">
        <v>440</v>
      </c>
      <c r="B87773" s="14" t="s">
        <v>1</v>
      </c>
      <c r="C87773" s="14" t="s">
        <v>137</v>
      </c>
      <c r="D87773" s="14" t="s">
        <v>39</v>
      </c>
      <c r="E87773" s="15">
        <v>45549</v>
      </c>
      <c r="F87773" s="14" t="s">
        <v>15</v>
      </c>
      <c r="G87773" s="16">
        <v>3.2172796590039292</v>
      </c>
    </row>
    <row r="87774" spans="1:7" x14ac:dyDescent="0.3">
      <c r="A87774" s="13" t="s">
        <v>440</v>
      </c>
      <c r="B87774" s="14" t="s">
        <v>1</v>
      </c>
      <c r="C87774" s="14" t="s">
        <v>137</v>
      </c>
      <c r="D87774" s="14" t="s">
        <v>39</v>
      </c>
      <c r="E87774" s="15">
        <v>45550</v>
      </c>
      <c r="F87774" s="14" t="s">
        <v>15</v>
      </c>
      <c r="G87774" s="16">
        <v>3.2172796590039292</v>
      </c>
    </row>
    <row r="87775" spans="1:7" x14ac:dyDescent="0.3">
      <c r="A87775" s="13" t="s">
        <v>440</v>
      </c>
      <c r="B87775" s="14" t="s">
        <v>1</v>
      </c>
      <c r="C87775" s="14" t="s">
        <v>137</v>
      </c>
      <c r="D87775" s="14" t="s">
        <v>39</v>
      </c>
      <c r="E87775" s="15">
        <v>45551</v>
      </c>
      <c r="F87775" s="14" t="s">
        <v>15</v>
      </c>
      <c r="G87775" s="16">
        <v>3.2373168734300499</v>
      </c>
    </row>
    <row r="87776" spans="1:7" x14ac:dyDescent="0.3">
      <c r="A87776" s="13" t="s">
        <v>440</v>
      </c>
      <c r="B87776" s="14" t="s">
        <v>1</v>
      </c>
      <c r="C87776" s="14" t="s">
        <v>137</v>
      </c>
      <c r="D87776" s="14" t="s">
        <v>39</v>
      </c>
      <c r="E87776" s="15">
        <v>45552</v>
      </c>
      <c r="F87776" s="14" t="s">
        <v>15</v>
      </c>
      <c r="G87776" s="16">
        <v>3.2973540878561707</v>
      </c>
    </row>
    <row r="87777" spans="1:7" x14ac:dyDescent="0.3">
      <c r="A87777" s="13" t="s">
        <v>440</v>
      </c>
      <c r="B87777" s="14" t="s">
        <v>1</v>
      </c>
      <c r="C87777" s="14" t="s">
        <v>137</v>
      </c>
      <c r="D87777" s="14" t="s">
        <v>39</v>
      </c>
      <c r="E87777" s="15">
        <v>45553</v>
      </c>
      <c r="F87777" s="14" t="s">
        <v>15</v>
      </c>
      <c r="G87777" s="16">
        <v>3.3173913022822914</v>
      </c>
    </row>
    <row r="87778" spans="1:7" x14ac:dyDescent="0.3">
      <c r="A87778" s="13" t="s">
        <v>440</v>
      </c>
      <c r="B87778" s="14" t="s">
        <v>1</v>
      </c>
      <c r="C87778" s="14" t="s">
        <v>137</v>
      </c>
      <c r="D87778" s="14" t="s">
        <v>39</v>
      </c>
      <c r="E87778" s="15">
        <v>45554</v>
      </c>
      <c r="F87778" s="14" t="s">
        <v>15</v>
      </c>
      <c r="G87778" s="16">
        <v>3.3374285167084126</v>
      </c>
    </row>
    <row r="87779" spans="1:7" x14ac:dyDescent="0.3">
      <c r="A87779" s="13" t="s">
        <v>440</v>
      </c>
      <c r="B87779" s="14" t="s">
        <v>1</v>
      </c>
      <c r="C87779" s="14" t="s">
        <v>137</v>
      </c>
      <c r="D87779" s="14" t="s">
        <v>39</v>
      </c>
      <c r="E87779" s="15">
        <v>45555</v>
      </c>
      <c r="F87779" s="14" t="s">
        <v>15</v>
      </c>
      <c r="G87779" s="16">
        <v>3.3634657311345335</v>
      </c>
    </row>
    <row r="87780" spans="1:7" x14ac:dyDescent="0.3">
      <c r="A87780" s="13" t="s">
        <v>440</v>
      </c>
      <c r="B87780" s="14" t="s">
        <v>1</v>
      </c>
      <c r="C87780" s="14" t="s">
        <v>137</v>
      </c>
      <c r="D87780" s="14" t="s">
        <v>39</v>
      </c>
      <c r="E87780" s="15">
        <v>45556</v>
      </c>
      <c r="F87780" s="14" t="s">
        <v>15</v>
      </c>
      <c r="G87780" s="16">
        <v>3.3634657311345335</v>
      </c>
    </row>
    <row r="87781" spans="1:7" x14ac:dyDescent="0.3">
      <c r="A87781" s="13" t="s">
        <v>440</v>
      </c>
      <c r="B87781" s="14" t="s">
        <v>1</v>
      </c>
      <c r="C87781" s="14" t="s">
        <v>137</v>
      </c>
      <c r="D87781" s="14" t="s">
        <v>39</v>
      </c>
      <c r="E87781" s="15">
        <v>45557</v>
      </c>
      <c r="F87781" s="14" t="s">
        <v>15</v>
      </c>
      <c r="G87781" s="16">
        <v>3.3634657311345335</v>
      </c>
    </row>
    <row r="87782" spans="1:7" x14ac:dyDescent="0.3">
      <c r="A87782" s="13" t="s">
        <v>440</v>
      </c>
      <c r="B87782" s="14" t="s">
        <v>1</v>
      </c>
      <c r="C87782" s="14" t="s">
        <v>137</v>
      </c>
      <c r="D87782" s="14" t="s">
        <v>39</v>
      </c>
      <c r="E87782" s="15">
        <v>45558</v>
      </c>
      <c r="F87782" s="14" t="s">
        <v>15</v>
      </c>
      <c r="G87782" s="16">
        <v>3.3835029455606547</v>
      </c>
    </row>
    <row r="87783" spans="1:7" x14ac:dyDescent="0.3">
      <c r="A87783" s="13" t="s">
        <v>440</v>
      </c>
      <c r="B87783" s="14" t="s">
        <v>1</v>
      </c>
      <c r="C87783" s="14" t="s">
        <v>137</v>
      </c>
      <c r="D87783" s="14" t="s">
        <v>39</v>
      </c>
      <c r="E87783" s="15">
        <v>45559</v>
      </c>
      <c r="F87783" s="14" t="s">
        <v>15</v>
      </c>
      <c r="G87783" s="16">
        <v>3.4385401599867755</v>
      </c>
    </row>
    <row r="87784" spans="1:7" x14ac:dyDescent="0.3">
      <c r="A87784" s="13" t="s">
        <v>440</v>
      </c>
      <c r="B87784" s="14" t="s">
        <v>1</v>
      </c>
      <c r="C87784" s="14" t="s">
        <v>137</v>
      </c>
      <c r="D87784" s="14" t="s">
        <v>39</v>
      </c>
      <c r="E87784" s="15">
        <v>45560</v>
      </c>
      <c r="F87784" s="14" t="s">
        <v>15</v>
      </c>
      <c r="G87784" s="16">
        <v>3.4565773744128969</v>
      </c>
    </row>
    <row r="87785" spans="1:7" x14ac:dyDescent="0.3">
      <c r="A87785" s="13" t="s">
        <v>440</v>
      </c>
      <c r="B87785" s="14" t="s">
        <v>1</v>
      </c>
      <c r="C87785" s="14" t="s">
        <v>137</v>
      </c>
      <c r="D87785" s="14" t="s">
        <v>39</v>
      </c>
      <c r="E87785" s="15">
        <v>45561</v>
      </c>
      <c r="F87785" s="14" t="s">
        <v>15</v>
      </c>
      <c r="G87785" s="16">
        <v>3.4756145888390177</v>
      </c>
    </row>
    <row r="87786" spans="1:7" x14ac:dyDescent="0.3">
      <c r="A87786" s="13" t="s">
        <v>440</v>
      </c>
      <c r="B87786" s="14" t="s">
        <v>1</v>
      </c>
      <c r="C87786" s="14" t="s">
        <v>137</v>
      </c>
      <c r="D87786" s="14" t="s">
        <v>39</v>
      </c>
      <c r="E87786" s="15">
        <v>45562</v>
      </c>
      <c r="F87786" s="14" t="s">
        <v>15</v>
      </c>
      <c r="G87786" s="16">
        <v>3.4956518032651389</v>
      </c>
    </row>
    <row r="87787" spans="1:7" x14ac:dyDescent="0.3">
      <c r="A87787" s="13" t="s">
        <v>440</v>
      </c>
      <c r="B87787" s="14" t="s">
        <v>1</v>
      </c>
      <c r="C87787" s="14" t="s">
        <v>137</v>
      </c>
      <c r="D87787" s="14" t="s">
        <v>39</v>
      </c>
      <c r="E87787" s="15">
        <v>45563</v>
      </c>
      <c r="F87787" s="14" t="s">
        <v>15</v>
      </c>
      <c r="G87787" s="16">
        <v>3.4956518032651389</v>
      </c>
    </row>
    <row r="87788" spans="1:7" x14ac:dyDescent="0.3">
      <c r="A87788" s="13" t="s">
        <v>440</v>
      </c>
      <c r="B87788" s="14" t="s">
        <v>1</v>
      </c>
      <c r="C87788" s="14" t="s">
        <v>137</v>
      </c>
      <c r="D87788" s="14" t="s">
        <v>39</v>
      </c>
      <c r="E87788" s="15">
        <v>45564</v>
      </c>
      <c r="F87788" s="14" t="s">
        <v>15</v>
      </c>
      <c r="G87788" s="16">
        <v>3.4956518032651389</v>
      </c>
    </row>
    <row r="87789" spans="1:7" x14ac:dyDescent="0.3">
      <c r="A87789" s="13" t="s">
        <v>440</v>
      </c>
      <c r="B87789" s="14" t="s">
        <v>1</v>
      </c>
      <c r="C87789" s="14" t="s">
        <v>137</v>
      </c>
      <c r="D87789" s="14" t="s">
        <v>39</v>
      </c>
      <c r="E87789" s="15">
        <v>45565</v>
      </c>
      <c r="F87789" s="14" t="s">
        <v>15</v>
      </c>
      <c r="G87789" s="16">
        <v>3.5146890176912597</v>
      </c>
    </row>
    <row r="87790" spans="1:7" x14ac:dyDescent="0.3">
      <c r="A87790" s="13" t="s">
        <v>440</v>
      </c>
      <c r="B87790" s="14" t="s">
        <v>1</v>
      </c>
      <c r="C87790" s="14" t="s">
        <v>137</v>
      </c>
      <c r="D87790" s="14" t="s">
        <v>39</v>
      </c>
      <c r="E87790" s="15">
        <v>45566</v>
      </c>
      <c r="F87790" s="14" t="s">
        <v>15</v>
      </c>
      <c r="G87790" s="16">
        <v>3.5737262321173811</v>
      </c>
    </row>
    <row r="87791" spans="1:7" x14ac:dyDescent="0.3">
      <c r="A87791" s="13" t="s">
        <v>440</v>
      </c>
      <c r="B87791" s="14" t="s">
        <v>1</v>
      </c>
      <c r="C87791" s="14" t="s">
        <v>137</v>
      </c>
      <c r="D87791" s="14" t="s">
        <v>39</v>
      </c>
      <c r="E87791" s="15">
        <v>45567</v>
      </c>
      <c r="F87791" s="14" t="s">
        <v>15</v>
      </c>
      <c r="G87791" s="16">
        <v>3.5927634465435019</v>
      </c>
    </row>
    <row r="87792" spans="1:7" x14ac:dyDescent="0.3">
      <c r="A87792" s="13" t="s">
        <v>440</v>
      </c>
      <c r="B87792" s="14" t="s">
        <v>1</v>
      </c>
      <c r="C87792" s="14" t="s">
        <v>137</v>
      </c>
      <c r="D87792" s="14" t="s">
        <v>39</v>
      </c>
      <c r="E87792" s="15">
        <v>45568</v>
      </c>
      <c r="F87792" s="14" t="s">
        <v>15</v>
      </c>
      <c r="G87792" s="16">
        <v>3.612800660969623</v>
      </c>
    </row>
    <row r="87793" spans="1:7" x14ac:dyDescent="0.3">
      <c r="A87793" s="13" t="s">
        <v>440</v>
      </c>
      <c r="B87793" s="14" t="s">
        <v>1</v>
      </c>
      <c r="C87793" s="14" t="s">
        <v>137</v>
      </c>
      <c r="D87793" s="14" t="s">
        <v>39</v>
      </c>
      <c r="E87793" s="15">
        <v>45569</v>
      </c>
      <c r="F87793" s="14" t="s">
        <v>15</v>
      </c>
      <c r="G87793" s="16">
        <v>3.630837875395744</v>
      </c>
    </row>
    <row r="87794" spans="1:7" x14ac:dyDescent="0.3">
      <c r="A87794" s="13" t="s">
        <v>440</v>
      </c>
      <c r="B87794" s="14" t="s">
        <v>1</v>
      </c>
      <c r="C87794" s="14" t="s">
        <v>137</v>
      </c>
      <c r="D87794" s="14" t="s">
        <v>39</v>
      </c>
      <c r="E87794" s="15">
        <v>45570</v>
      </c>
      <c r="F87794" s="14" t="s">
        <v>15</v>
      </c>
      <c r="G87794" s="16">
        <v>3.630837875395744</v>
      </c>
    </row>
    <row r="87795" spans="1:7" x14ac:dyDescent="0.3">
      <c r="A87795" s="13" t="s">
        <v>440</v>
      </c>
      <c r="B87795" s="14" t="s">
        <v>1</v>
      </c>
      <c r="C87795" s="14" t="s">
        <v>137</v>
      </c>
      <c r="D87795" s="14" t="s">
        <v>39</v>
      </c>
      <c r="E87795" s="15">
        <v>45571</v>
      </c>
      <c r="F87795" s="14" t="s">
        <v>15</v>
      </c>
      <c r="G87795" s="16">
        <v>3.630837875395744</v>
      </c>
    </row>
    <row r="87796" spans="1:7" x14ac:dyDescent="0.3">
      <c r="A87796" s="13" t="s">
        <v>440</v>
      </c>
      <c r="B87796" s="14" t="s">
        <v>1</v>
      </c>
      <c r="C87796" s="14" t="s">
        <v>137</v>
      </c>
      <c r="D87796" s="14" t="s">
        <v>39</v>
      </c>
      <c r="E87796" s="15">
        <v>45572</v>
      </c>
      <c r="F87796" s="14" t="s">
        <v>15</v>
      </c>
      <c r="G87796" s="16">
        <v>3.6558750898218655</v>
      </c>
    </row>
    <row r="87797" spans="1:7" x14ac:dyDescent="0.3">
      <c r="A87797" s="13" t="s">
        <v>440</v>
      </c>
      <c r="B87797" s="14" t="s">
        <v>1</v>
      </c>
      <c r="C87797" s="14" t="s">
        <v>137</v>
      </c>
      <c r="D87797" s="14" t="s">
        <v>39</v>
      </c>
      <c r="E87797" s="15">
        <v>45573</v>
      </c>
      <c r="F87797" s="14" t="s">
        <v>15</v>
      </c>
      <c r="G87797" s="16">
        <v>3.7169123042479866</v>
      </c>
    </row>
    <row r="87798" spans="1:7" x14ac:dyDescent="0.3">
      <c r="A87798" s="13" t="s">
        <v>440</v>
      </c>
      <c r="B87798" s="14" t="s">
        <v>1</v>
      </c>
      <c r="C87798" s="14" t="s">
        <v>137</v>
      </c>
      <c r="D87798" s="14" t="s">
        <v>39</v>
      </c>
      <c r="E87798" s="15">
        <v>45574</v>
      </c>
      <c r="F87798" s="14" t="s">
        <v>15</v>
      </c>
      <c r="G87798" s="16">
        <v>3.742949518674108</v>
      </c>
    </row>
    <row r="87799" spans="1:7" x14ac:dyDescent="0.3">
      <c r="A87799" s="13" t="s">
        <v>440</v>
      </c>
      <c r="B87799" s="14" t="s">
        <v>1</v>
      </c>
      <c r="C87799" s="14" t="s">
        <v>137</v>
      </c>
      <c r="D87799" s="14" t="s">
        <v>39</v>
      </c>
      <c r="E87799" s="15">
        <v>45575</v>
      </c>
      <c r="F87799" s="14" t="s">
        <v>15</v>
      </c>
      <c r="G87799" s="16">
        <v>3.7639867331002295</v>
      </c>
    </row>
    <row r="87800" spans="1:7" x14ac:dyDescent="0.3">
      <c r="A87800" s="13" t="s">
        <v>440</v>
      </c>
      <c r="B87800" s="14" t="s">
        <v>1</v>
      </c>
      <c r="C87800" s="14" t="s">
        <v>137</v>
      </c>
      <c r="D87800" s="14" t="s">
        <v>39</v>
      </c>
      <c r="E87800" s="15">
        <v>45576</v>
      </c>
      <c r="F87800" s="14" t="s">
        <v>15</v>
      </c>
      <c r="G87800" s="16">
        <v>3.7840239475263502</v>
      </c>
    </row>
    <row r="87801" spans="1:7" x14ac:dyDescent="0.3">
      <c r="A87801" s="13" t="s">
        <v>440</v>
      </c>
      <c r="B87801" s="14" t="s">
        <v>1</v>
      </c>
      <c r="C87801" s="14" t="s">
        <v>137</v>
      </c>
      <c r="D87801" s="14" t="s">
        <v>39</v>
      </c>
      <c r="E87801" s="15">
        <v>45577</v>
      </c>
      <c r="F87801" s="14" t="s">
        <v>15</v>
      </c>
      <c r="G87801" s="16">
        <v>3.7840239475263502</v>
      </c>
    </row>
    <row r="87802" spans="1:7" x14ac:dyDescent="0.3">
      <c r="A87802" s="13" t="s">
        <v>440</v>
      </c>
      <c r="B87802" s="14" t="s">
        <v>1</v>
      </c>
      <c r="C87802" s="14" t="s">
        <v>137</v>
      </c>
      <c r="D87802" s="14" t="s">
        <v>39</v>
      </c>
      <c r="E87802" s="15">
        <v>45578</v>
      </c>
      <c r="F87802" s="14" t="s">
        <v>15</v>
      </c>
      <c r="G87802" s="16">
        <v>3.7840239475263502</v>
      </c>
    </row>
    <row r="87803" spans="1:7" x14ac:dyDescent="0.3">
      <c r="A87803" s="13" t="s">
        <v>440</v>
      </c>
      <c r="B87803" s="14" t="s">
        <v>1</v>
      </c>
      <c r="C87803" s="14" t="s">
        <v>137</v>
      </c>
      <c r="D87803" s="14" t="s">
        <v>39</v>
      </c>
      <c r="E87803" s="15">
        <v>45579</v>
      </c>
      <c r="F87803" s="14" t="s">
        <v>15</v>
      </c>
      <c r="G87803" s="16">
        <v>3.8040611619524709</v>
      </c>
    </row>
    <row r="87804" spans="1:7" x14ac:dyDescent="0.3">
      <c r="A87804" s="13" t="s">
        <v>440</v>
      </c>
      <c r="B87804" s="14" t="s">
        <v>1</v>
      </c>
      <c r="C87804" s="14" t="s">
        <v>137</v>
      </c>
      <c r="D87804" s="14" t="s">
        <v>39</v>
      </c>
      <c r="E87804" s="15">
        <v>45580</v>
      </c>
      <c r="F87804" s="14" t="s">
        <v>15</v>
      </c>
      <c r="G87804" s="16">
        <v>3.8640983763785917</v>
      </c>
    </row>
    <row r="87805" spans="1:7" x14ac:dyDescent="0.3">
      <c r="A87805" s="13" t="s">
        <v>440</v>
      </c>
      <c r="B87805" s="14" t="s">
        <v>1</v>
      </c>
      <c r="C87805" s="14" t="s">
        <v>137</v>
      </c>
      <c r="D87805" s="14" t="s">
        <v>39</v>
      </c>
      <c r="E87805" s="15">
        <v>45581</v>
      </c>
      <c r="F87805" s="14" t="s">
        <v>15</v>
      </c>
      <c r="G87805" s="16">
        <v>3.8841355908047128</v>
      </c>
    </row>
    <row r="87806" spans="1:7" x14ac:dyDescent="0.3">
      <c r="A87806" s="13" t="s">
        <v>440</v>
      </c>
      <c r="B87806" s="14" t="s">
        <v>1</v>
      </c>
      <c r="C87806" s="14" t="s">
        <v>137</v>
      </c>
      <c r="D87806" s="14" t="s">
        <v>39</v>
      </c>
      <c r="E87806" s="15">
        <v>45582</v>
      </c>
      <c r="F87806" s="14" t="s">
        <v>15</v>
      </c>
      <c r="G87806" s="16">
        <v>3.9061728052308338</v>
      </c>
    </row>
    <row r="87807" spans="1:7" x14ac:dyDescent="0.3">
      <c r="A87807" s="13" t="s">
        <v>440</v>
      </c>
      <c r="B87807" s="14" t="s">
        <v>1</v>
      </c>
      <c r="C87807" s="14" t="s">
        <v>137</v>
      </c>
      <c r="D87807" s="14" t="s">
        <v>39</v>
      </c>
      <c r="E87807" s="15">
        <v>45583</v>
      </c>
      <c r="F87807" s="14" t="s">
        <v>15</v>
      </c>
      <c r="G87807" s="16">
        <v>3.925210019656955</v>
      </c>
    </row>
    <row r="87808" spans="1:7" x14ac:dyDescent="0.3">
      <c r="A87808" s="13" t="s">
        <v>440</v>
      </c>
      <c r="B87808" s="14" t="s">
        <v>1</v>
      </c>
      <c r="C87808" s="14" t="s">
        <v>137</v>
      </c>
      <c r="D87808" s="14" t="s">
        <v>39</v>
      </c>
      <c r="E87808" s="15">
        <v>45584</v>
      </c>
      <c r="F87808" s="14" t="s">
        <v>15</v>
      </c>
      <c r="G87808" s="16">
        <v>3.925210019656955</v>
      </c>
    </row>
    <row r="87809" spans="1:7" x14ac:dyDescent="0.3">
      <c r="A87809" s="13" t="s">
        <v>440</v>
      </c>
      <c r="B87809" s="14" t="s">
        <v>1</v>
      </c>
      <c r="C87809" s="14" t="s">
        <v>137</v>
      </c>
      <c r="D87809" s="14" t="s">
        <v>39</v>
      </c>
      <c r="E87809" s="15">
        <v>45585</v>
      </c>
      <c r="F87809" s="14" t="s">
        <v>15</v>
      </c>
      <c r="G87809" s="16">
        <v>3.925210019656955</v>
      </c>
    </row>
    <row r="87810" spans="1:7" x14ac:dyDescent="0.3">
      <c r="A87810" s="13" t="s">
        <v>440</v>
      </c>
      <c r="B87810" s="14" t="s">
        <v>1</v>
      </c>
      <c r="C87810" s="14" t="s">
        <v>137</v>
      </c>
      <c r="D87810" s="14" t="s">
        <v>39</v>
      </c>
      <c r="E87810" s="15">
        <v>45586</v>
      </c>
      <c r="F87810" s="14" t="s">
        <v>15</v>
      </c>
      <c r="G87810" s="16">
        <v>3.9462472340830765</v>
      </c>
    </row>
    <row r="87811" spans="1:7" x14ac:dyDescent="0.3">
      <c r="A87811" s="13" t="s">
        <v>440</v>
      </c>
      <c r="B87811" s="14" t="s">
        <v>1</v>
      </c>
      <c r="C87811" s="14" t="s">
        <v>137</v>
      </c>
      <c r="D87811" s="14" t="s">
        <v>39</v>
      </c>
      <c r="E87811" s="15">
        <v>45587</v>
      </c>
      <c r="F87811" s="14" t="s">
        <v>15</v>
      </c>
      <c r="G87811" s="16">
        <v>4.0072844485091981</v>
      </c>
    </row>
    <row r="87812" spans="1:7" x14ac:dyDescent="0.3">
      <c r="A87812" s="13" t="s">
        <v>440</v>
      </c>
      <c r="B87812" s="14" t="s">
        <v>1</v>
      </c>
      <c r="C87812" s="14" t="s">
        <v>137</v>
      </c>
      <c r="D87812" s="14" t="s">
        <v>39</v>
      </c>
      <c r="E87812" s="15">
        <v>45588</v>
      </c>
      <c r="F87812" s="14" t="s">
        <v>15</v>
      </c>
      <c r="G87812" s="16">
        <v>4.0323216629353187</v>
      </c>
    </row>
    <row r="87813" spans="1:7" x14ac:dyDescent="0.3">
      <c r="A87813" s="13" t="s">
        <v>440</v>
      </c>
      <c r="B87813" s="14" t="s">
        <v>1</v>
      </c>
      <c r="C87813" s="14" t="s">
        <v>137</v>
      </c>
      <c r="D87813" s="14" t="s">
        <v>39</v>
      </c>
      <c r="E87813" s="15">
        <v>45589</v>
      </c>
      <c r="F87813" s="14" t="s">
        <v>15</v>
      </c>
      <c r="G87813" s="16">
        <v>4.0523588773614403</v>
      </c>
    </row>
    <row r="87814" spans="1:7" x14ac:dyDescent="0.3">
      <c r="A87814" s="13" t="s">
        <v>440</v>
      </c>
      <c r="B87814" s="14" t="s">
        <v>1</v>
      </c>
      <c r="C87814" s="14" t="s">
        <v>137</v>
      </c>
      <c r="D87814" s="14" t="s">
        <v>39</v>
      </c>
      <c r="E87814" s="15">
        <v>45590</v>
      </c>
      <c r="F87814" s="14" t="s">
        <v>15</v>
      </c>
      <c r="G87814" s="16">
        <v>4.072396091787561</v>
      </c>
    </row>
    <row r="87815" spans="1:7" x14ac:dyDescent="0.3">
      <c r="A87815" s="13" t="s">
        <v>440</v>
      </c>
      <c r="B87815" s="14" t="s">
        <v>1</v>
      </c>
      <c r="C87815" s="14" t="s">
        <v>137</v>
      </c>
      <c r="D87815" s="14" t="s">
        <v>39</v>
      </c>
      <c r="E87815" s="15">
        <v>45591</v>
      </c>
      <c r="F87815" s="14" t="s">
        <v>15</v>
      </c>
      <c r="G87815" s="16">
        <v>4.072396091787561</v>
      </c>
    </row>
    <row r="87816" spans="1:7" x14ac:dyDescent="0.3">
      <c r="A87816" s="13" t="s">
        <v>440</v>
      </c>
      <c r="B87816" s="14" t="s">
        <v>1</v>
      </c>
      <c r="C87816" s="14" t="s">
        <v>137</v>
      </c>
      <c r="D87816" s="14" t="s">
        <v>39</v>
      </c>
      <c r="E87816" s="15">
        <v>45592</v>
      </c>
      <c r="F87816" s="14" t="s">
        <v>15</v>
      </c>
      <c r="G87816" s="16">
        <v>4.072396091787561</v>
      </c>
    </row>
    <row r="87817" spans="1:7" x14ac:dyDescent="0.3">
      <c r="A87817" s="13" t="s">
        <v>440</v>
      </c>
      <c r="B87817" s="14" t="s">
        <v>1</v>
      </c>
      <c r="C87817" s="14" t="s">
        <v>137</v>
      </c>
      <c r="D87817" s="14" t="s">
        <v>39</v>
      </c>
      <c r="E87817" s="15">
        <v>45593</v>
      </c>
      <c r="F87817" s="14" t="s">
        <v>15</v>
      </c>
      <c r="G87817" s="16">
        <v>4.072396091787561</v>
      </c>
    </row>
    <row r="87818" spans="1:7" x14ac:dyDescent="0.3">
      <c r="A87818" s="13" t="s">
        <v>440</v>
      </c>
      <c r="B87818" s="14" t="s">
        <v>1</v>
      </c>
      <c r="C87818" s="14" t="s">
        <v>137</v>
      </c>
      <c r="D87818" s="14" t="s">
        <v>39</v>
      </c>
      <c r="E87818" s="15">
        <v>45594</v>
      </c>
      <c r="F87818" s="14" t="s">
        <v>15</v>
      </c>
      <c r="G87818" s="16">
        <v>4.0924333062136817</v>
      </c>
    </row>
    <row r="87819" spans="1:7" x14ac:dyDescent="0.3">
      <c r="A87819" s="13" t="s">
        <v>440</v>
      </c>
      <c r="B87819" s="14" t="s">
        <v>1</v>
      </c>
      <c r="C87819" s="14" t="s">
        <v>137</v>
      </c>
      <c r="D87819" s="14" t="s">
        <v>39</v>
      </c>
      <c r="E87819" s="15">
        <v>45595</v>
      </c>
      <c r="F87819" s="14" t="s">
        <v>15</v>
      </c>
      <c r="G87819" s="16">
        <v>4.1724705206398029</v>
      </c>
    </row>
    <row r="87820" spans="1:7" x14ac:dyDescent="0.3">
      <c r="A87820" s="13" t="s">
        <v>440</v>
      </c>
      <c r="B87820" s="14" t="s">
        <v>1</v>
      </c>
      <c r="C87820" s="14" t="s">
        <v>137</v>
      </c>
      <c r="D87820" s="14" t="s">
        <v>39</v>
      </c>
      <c r="E87820" s="15">
        <v>45596</v>
      </c>
      <c r="F87820" s="14" t="s">
        <v>15</v>
      </c>
      <c r="G87820" s="16">
        <v>4.1925077350659237</v>
      </c>
    </row>
    <row r="87821" spans="1:7" x14ac:dyDescent="0.3">
      <c r="A87821" s="13" t="s">
        <v>440</v>
      </c>
      <c r="B87821" s="14" t="s">
        <v>1</v>
      </c>
      <c r="C87821" s="14" t="s">
        <v>137</v>
      </c>
      <c r="D87821" s="14" t="s">
        <v>39</v>
      </c>
      <c r="E87821" s="15">
        <v>45597</v>
      </c>
      <c r="F87821" s="14" t="s">
        <v>15</v>
      </c>
      <c r="G87821" s="16">
        <v>4.2105449494920446</v>
      </c>
    </row>
    <row r="87822" spans="1:7" x14ac:dyDescent="0.3">
      <c r="A87822" s="13" t="s">
        <v>440</v>
      </c>
      <c r="B87822" s="14" t="s">
        <v>1</v>
      </c>
      <c r="C87822" s="14" t="s">
        <v>137</v>
      </c>
      <c r="D87822" s="14" t="s">
        <v>39</v>
      </c>
      <c r="E87822" s="15">
        <v>45598</v>
      </c>
      <c r="F87822" s="14" t="s">
        <v>15</v>
      </c>
      <c r="G87822" s="16">
        <v>4.2105449494920446</v>
      </c>
    </row>
    <row r="87823" spans="1:7" x14ac:dyDescent="0.3">
      <c r="A87823" s="13" t="s">
        <v>440</v>
      </c>
      <c r="B87823" s="14" t="s">
        <v>1</v>
      </c>
      <c r="C87823" s="14" t="s">
        <v>137</v>
      </c>
      <c r="D87823" s="14" t="s">
        <v>39</v>
      </c>
      <c r="E87823" s="15">
        <v>45599</v>
      </c>
      <c r="F87823" s="14" t="s">
        <v>15</v>
      </c>
      <c r="G87823" s="16">
        <v>4.2105449494920446</v>
      </c>
    </row>
    <row r="87824" spans="1:7" x14ac:dyDescent="0.3">
      <c r="A87824" s="13" t="s">
        <v>440</v>
      </c>
      <c r="B87824" s="14" t="s">
        <v>1</v>
      </c>
      <c r="C87824" s="14" t="s">
        <v>137</v>
      </c>
      <c r="D87824" s="14" t="s">
        <v>39</v>
      </c>
      <c r="E87824" s="15">
        <v>45600</v>
      </c>
      <c r="F87824" s="14" t="s">
        <v>15</v>
      </c>
      <c r="G87824" s="16">
        <v>4.2145821639181662</v>
      </c>
    </row>
    <row r="87825" spans="1:7" x14ac:dyDescent="0.3">
      <c r="A87825" s="13" t="s">
        <v>440</v>
      </c>
      <c r="B87825" s="14" t="s">
        <v>1</v>
      </c>
      <c r="C87825" s="14" t="s">
        <v>137</v>
      </c>
      <c r="D87825" s="14" t="s">
        <v>39</v>
      </c>
      <c r="E87825" s="15">
        <v>45601</v>
      </c>
      <c r="F87825" s="14" t="s">
        <v>15</v>
      </c>
      <c r="G87825" s="16">
        <v>4.2756193783442873</v>
      </c>
    </row>
    <row r="87826" spans="1:7" x14ac:dyDescent="0.3">
      <c r="A87826" s="13" t="s">
        <v>440</v>
      </c>
      <c r="B87826" s="14" t="s">
        <v>1</v>
      </c>
      <c r="C87826" s="14" t="s">
        <v>137</v>
      </c>
      <c r="D87826" s="14" t="s">
        <v>39</v>
      </c>
      <c r="E87826" s="15">
        <v>45602</v>
      </c>
      <c r="F87826" s="14" t="s">
        <v>15</v>
      </c>
      <c r="G87826" s="16">
        <v>4.295656592770408</v>
      </c>
    </row>
    <row r="87827" spans="1:7" x14ac:dyDescent="0.3">
      <c r="A87827" s="13" t="s">
        <v>440</v>
      </c>
      <c r="B87827" s="14" t="s">
        <v>1</v>
      </c>
      <c r="C87827" s="14" t="s">
        <v>137</v>
      </c>
      <c r="D87827" s="14" t="s">
        <v>39</v>
      </c>
      <c r="E87827" s="15">
        <v>45603</v>
      </c>
      <c r="F87827" s="14" t="s">
        <v>15</v>
      </c>
      <c r="G87827" s="16">
        <v>4.3156938071965296</v>
      </c>
    </row>
    <row r="87828" spans="1:7" x14ac:dyDescent="0.3">
      <c r="A87828" s="13" t="s">
        <v>440</v>
      </c>
      <c r="B87828" s="14" t="s">
        <v>1</v>
      </c>
      <c r="C87828" s="14" t="s">
        <v>137</v>
      </c>
      <c r="D87828" s="14" t="s">
        <v>39</v>
      </c>
      <c r="E87828" s="15">
        <v>45604</v>
      </c>
      <c r="F87828" s="14" t="s">
        <v>15</v>
      </c>
      <c r="G87828" s="16">
        <v>4.33473102162265</v>
      </c>
    </row>
    <row r="87829" spans="1:7" x14ac:dyDescent="0.3">
      <c r="A87829" s="13" t="s">
        <v>440</v>
      </c>
      <c r="B87829" s="14" t="s">
        <v>1</v>
      </c>
      <c r="C87829" s="14" t="s">
        <v>137</v>
      </c>
      <c r="D87829" s="14" t="s">
        <v>39</v>
      </c>
      <c r="E87829" s="15">
        <v>45605</v>
      </c>
      <c r="F87829" s="14" t="s">
        <v>15</v>
      </c>
      <c r="G87829" s="16">
        <v>4.33473102162265</v>
      </c>
    </row>
    <row r="87830" spans="1:7" x14ac:dyDescent="0.3">
      <c r="A87830" s="13" t="s">
        <v>440</v>
      </c>
      <c r="B87830" s="14" t="s">
        <v>1</v>
      </c>
      <c r="C87830" s="14" t="s">
        <v>137</v>
      </c>
      <c r="D87830" s="14" t="s">
        <v>39</v>
      </c>
      <c r="E87830" s="15">
        <v>45606</v>
      </c>
      <c r="F87830" s="14" t="s">
        <v>15</v>
      </c>
      <c r="G87830" s="16">
        <v>4.33473102162265</v>
      </c>
    </row>
    <row r="87831" spans="1:7" x14ac:dyDescent="0.3">
      <c r="A87831" s="13" t="s">
        <v>440</v>
      </c>
      <c r="B87831" s="14" t="s">
        <v>1</v>
      </c>
      <c r="C87831" s="14" t="s">
        <v>137</v>
      </c>
      <c r="D87831" s="14" t="s">
        <v>39</v>
      </c>
      <c r="E87831" s="15">
        <v>45607</v>
      </c>
      <c r="F87831" s="14" t="s">
        <v>15</v>
      </c>
      <c r="G87831" s="16">
        <v>4.3547682360487716</v>
      </c>
    </row>
    <row r="87832" spans="1:7" x14ac:dyDescent="0.3">
      <c r="A87832" s="13" t="s">
        <v>440</v>
      </c>
      <c r="B87832" s="14" t="s">
        <v>1</v>
      </c>
      <c r="C87832" s="14" t="s">
        <v>137</v>
      </c>
      <c r="D87832" s="14" t="s">
        <v>39</v>
      </c>
      <c r="E87832" s="15">
        <v>45608</v>
      </c>
      <c r="F87832" s="14" t="s">
        <v>15</v>
      </c>
      <c r="G87832" s="16">
        <v>4.4158054504748927</v>
      </c>
    </row>
    <row r="87833" spans="1:7" x14ac:dyDescent="0.3">
      <c r="A87833" s="13" t="s">
        <v>440</v>
      </c>
      <c r="B87833" s="14" t="s">
        <v>1</v>
      </c>
      <c r="C87833" s="14" t="s">
        <v>137</v>
      </c>
      <c r="D87833" s="14" t="s">
        <v>39</v>
      </c>
      <c r="E87833" s="15">
        <v>45609</v>
      </c>
      <c r="F87833" s="14" t="s">
        <v>15</v>
      </c>
      <c r="G87833" s="16">
        <v>4.4418426649010136</v>
      </c>
    </row>
    <row r="87834" spans="1:7" x14ac:dyDescent="0.3">
      <c r="A87834" s="13" t="s">
        <v>440</v>
      </c>
      <c r="B87834" s="14" t="s">
        <v>1</v>
      </c>
      <c r="C87834" s="14" t="s">
        <v>137</v>
      </c>
      <c r="D87834" s="14" t="s">
        <v>39</v>
      </c>
      <c r="E87834" s="15">
        <v>45610</v>
      </c>
      <c r="F87834" s="14" t="s">
        <v>15</v>
      </c>
      <c r="G87834" s="16">
        <v>4.4618798793271344</v>
      </c>
    </row>
    <row r="87835" spans="1:7" x14ac:dyDescent="0.3">
      <c r="A87835" s="13" t="s">
        <v>440</v>
      </c>
      <c r="B87835" s="14" t="s">
        <v>1</v>
      </c>
      <c r="C87835" s="14" t="s">
        <v>137</v>
      </c>
      <c r="D87835" s="14" t="s">
        <v>39</v>
      </c>
      <c r="E87835" s="15">
        <v>45611</v>
      </c>
      <c r="F87835" s="14" t="s">
        <v>15</v>
      </c>
      <c r="G87835" s="16">
        <v>4.4819170937532551</v>
      </c>
    </row>
    <row r="87836" spans="1:7" x14ac:dyDescent="0.3">
      <c r="A87836" s="13" t="s">
        <v>440</v>
      </c>
      <c r="B87836" s="14" t="s">
        <v>1</v>
      </c>
      <c r="C87836" s="14" t="s">
        <v>137</v>
      </c>
      <c r="D87836" s="14" t="s">
        <v>39</v>
      </c>
      <c r="E87836" s="15">
        <v>45612</v>
      </c>
      <c r="F87836" s="14" t="s">
        <v>15</v>
      </c>
      <c r="G87836" s="16">
        <v>4.4819170937532551</v>
      </c>
    </row>
    <row r="87837" spans="1:7" x14ac:dyDescent="0.3">
      <c r="A87837" s="13" t="s">
        <v>440</v>
      </c>
      <c r="B87837" s="14" t="s">
        <v>1</v>
      </c>
      <c r="C87837" s="14" t="s">
        <v>137</v>
      </c>
      <c r="D87837" s="14" t="s">
        <v>39</v>
      </c>
      <c r="E87837" s="15">
        <v>45613</v>
      </c>
      <c r="F87837" s="14" t="s">
        <v>15</v>
      </c>
      <c r="G87837" s="16">
        <v>4.4819170937532551</v>
      </c>
    </row>
    <row r="87838" spans="1:7" x14ac:dyDescent="0.3">
      <c r="A87838" s="13" t="s">
        <v>440</v>
      </c>
      <c r="B87838" s="14" t="s">
        <v>1</v>
      </c>
      <c r="C87838" s="14" t="s">
        <v>137</v>
      </c>
      <c r="D87838" s="14" t="s">
        <v>39</v>
      </c>
      <c r="E87838" s="15">
        <v>45614</v>
      </c>
      <c r="F87838" s="14" t="s">
        <v>15</v>
      </c>
      <c r="G87838" s="16">
        <v>4.5019543081793767</v>
      </c>
    </row>
    <row r="87839" spans="1:7" x14ac:dyDescent="0.3">
      <c r="A87839" s="13" t="s">
        <v>440</v>
      </c>
      <c r="B87839" s="14" t="s">
        <v>1</v>
      </c>
      <c r="C87839" s="14" t="s">
        <v>137</v>
      </c>
      <c r="D87839" s="14" t="s">
        <v>39</v>
      </c>
      <c r="E87839" s="15">
        <v>45615</v>
      </c>
      <c r="F87839" s="14" t="s">
        <v>15</v>
      </c>
      <c r="G87839" s="16">
        <v>4.5629915226054978</v>
      </c>
    </row>
    <row r="87840" spans="1:7" x14ac:dyDescent="0.3">
      <c r="A87840" s="13" t="s">
        <v>440</v>
      </c>
      <c r="B87840" s="14" t="s">
        <v>1</v>
      </c>
      <c r="C87840" s="14" t="s">
        <v>137</v>
      </c>
      <c r="D87840" s="14" t="s">
        <v>39</v>
      </c>
      <c r="E87840" s="15">
        <v>45616</v>
      </c>
      <c r="F87840" s="14" t="s">
        <v>15</v>
      </c>
      <c r="G87840" s="16">
        <v>4.5830287370316185</v>
      </c>
    </row>
    <row r="87841" spans="1:7" x14ac:dyDescent="0.3">
      <c r="A87841" s="13" t="s">
        <v>440</v>
      </c>
      <c r="B87841" s="14" t="s">
        <v>1</v>
      </c>
      <c r="C87841" s="14" t="s">
        <v>137</v>
      </c>
      <c r="D87841" s="14" t="s">
        <v>39</v>
      </c>
      <c r="E87841" s="15">
        <v>45617</v>
      </c>
      <c r="F87841" s="14" t="s">
        <v>15</v>
      </c>
      <c r="G87841" s="16">
        <v>4.6050659514577399</v>
      </c>
    </row>
    <row r="87842" spans="1:7" x14ac:dyDescent="0.3">
      <c r="A87842" s="13" t="s">
        <v>440</v>
      </c>
      <c r="B87842" s="14" t="s">
        <v>1</v>
      </c>
      <c r="C87842" s="14" t="s">
        <v>137</v>
      </c>
      <c r="D87842" s="14" t="s">
        <v>39</v>
      </c>
      <c r="E87842" s="15">
        <v>45618</v>
      </c>
      <c r="F87842" s="14" t="s">
        <v>15</v>
      </c>
      <c r="G87842" s="16">
        <v>4.6251031658838606</v>
      </c>
    </row>
    <row r="87843" spans="1:7" x14ac:dyDescent="0.3">
      <c r="A87843" s="13" t="s">
        <v>440</v>
      </c>
      <c r="B87843" s="14" t="s">
        <v>1</v>
      </c>
      <c r="C87843" s="14" t="s">
        <v>137</v>
      </c>
      <c r="D87843" s="14" t="s">
        <v>39</v>
      </c>
      <c r="E87843" s="15">
        <v>45619</v>
      </c>
      <c r="F87843" s="14" t="s">
        <v>15</v>
      </c>
      <c r="G87843" s="16">
        <v>4.6251031658838606</v>
      </c>
    </row>
    <row r="87844" spans="1:7" x14ac:dyDescent="0.3">
      <c r="A87844" s="13" t="s">
        <v>440</v>
      </c>
      <c r="B87844" s="14" t="s">
        <v>1</v>
      </c>
      <c r="C87844" s="14" t="s">
        <v>137</v>
      </c>
      <c r="D87844" s="14" t="s">
        <v>39</v>
      </c>
      <c r="E87844" s="15">
        <v>45620</v>
      </c>
      <c r="F87844" s="14" t="s">
        <v>15</v>
      </c>
      <c r="G87844" s="16">
        <v>4.6251031658838606</v>
      </c>
    </row>
    <row r="87845" spans="1:7" x14ac:dyDescent="0.3">
      <c r="A87845" s="13" t="s">
        <v>440</v>
      </c>
      <c r="B87845" s="14" t="s">
        <v>1</v>
      </c>
      <c r="C87845" s="14" t="s">
        <v>137</v>
      </c>
      <c r="D87845" s="14" t="s">
        <v>39</v>
      </c>
      <c r="E87845" s="15">
        <v>45621</v>
      </c>
      <c r="F87845" s="14" t="s">
        <v>15</v>
      </c>
      <c r="G87845" s="16">
        <v>4.6451403803099813</v>
      </c>
    </row>
    <row r="87846" spans="1:7" x14ac:dyDescent="0.3">
      <c r="A87846" s="13" t="s">
        <v>440</v>
      </c>
      <c r="B87846" s="14" t="s">
        <v>1</v>
      </c>
      <c r="C87846" s="14" t="s">
        <v>137</v>
      </c>
      <c r="D87846" s="14" t="s">
        <v>39</v>
      </c>
      <c r="E87846" s="15">
        <v>45622</v>
      </c>
      <c r="F87846" s="14" t="s">
        <v>15</v>
      </c>
      <c r="G87846" s="16">
        <v>4.7051775947361021</v>
      </c>
    </row>
    <row r="87847" spans="1:7" x14ac:dyDescent="0.3">
      <c r="A87847" s="13" t="s">
        <v>440</v>
      </c>
      <c r="B87847" s="14" t="s">
        <v>1</v>
      </c>
      <c r="C87847" s="14" t="s">
        <v>137</v>
      </c>
      <c r="D87847" s="14" t="s">
        <v>39</v>
      </c>
      <c r="E87847" s="15">
        <v>45623</v>
      </c>
      <c r="F87847" s="14" t="s">
        <v>15</v>
      </c>
      <c r="G87847" s="16">
        <v>4.7592148091622235</v>
      </c>
    </row>
    <row r="87848" spans="1:7" x14ac:dyDescent="0.3">
      <c r="A87848" s="13" t="s">
        <v>440</v>
      </c>
      <c r="B87848" s="14" t="s">
        <v>1</v>
      </c>
      <c r="C87848" s="14" t="s">
        <v>137</v>
      </c>
      <c r="D87848" s="14" t="s">
        <v>39</v>
      </c>
      <c r="E87848" s="15">
        <v>45624</v>
      </c>
      <c r="F87848" s="14" t="s">
        <v>15</v>
      </c>
      <c r="G87848" s="16">
        <v>4.7792520235883442</v>
      </c>
    </row>
    <row r="87849" spans="1:7" x14ac:dyDescent="0.3">
      <c r="A87849" s="13" t="s">
        <v>440</v>
      </c>
      <c r="B87849" s="14" t="s">
        <v>1</v>
      </c>
      <c r="C87849" s="14" t="s">
        <v>137</v>
      </c>
      <c r="D87849" s="14" t="s">
        <v>39</v>
      </c>
      <c r="E87849" s="15">
        <v>45625</v>
      </c>
      <c r="F87849" s="14" t="s">
        <v>15</v>
      </c>
      <c r="G87849" s="16">
        <v>4.7992892380144649</v>
      </c>
    </row>
    <row r="87850" spans="1:7" x14ac:dyDescent="0.3">
      <c r="A87850" s="13" t="s">
        <v>440</v>
      </c>
      <c r="B87850" s="14" t="s">
        <v>1</v>
      </c>
      <c r="C87850" s="14" t="s">
        <v>137</v>
      </c>
      <c r="D87850" s="14" t="s">
        <v>39</v>
      </c>
      <c r="E87850" s="15">
        <v>45626</v>
      </c>
      <c r="F87850" s="14" t="s">
        <v>15</v>
      </c>
      <c r="G87850" s="16">
        <v>4.7992892380144649</v>
      </c>
    </row>
    <row r="87851" spans="1:7" x14ac:dyDescent="0.3">
      <c r="A87851" s="13" t="s">
        <v>440</v>
      </c>
      <c r="B87851" s="14" t="s">
        <v>1</v>
      </c>
      <c r="C87851" s="14" t="s">
        <v>137</v>
      </c>
      <c r="D87851" s="14" t="s">
        <v>39</v>
      </c>
      <c r="E87851" s="15">
        <v>45627</v>
      </c>
      <c r="F87851" s="14" t="s">
        <v>15</v>
      </c>
      <c r="G87851" s="16">
        <v>4.7992892380144649</v>
      </c>
    </row>
    <row r="87852" spans="1:7" x14ac:dyDescent="0.3">
      <c r="A87852" s="13" t="s">
        <v>440</v>
      </c>
      <c r="B87852" s="14" t="s">
        <v>1</v>
      </c>
      <c r="C87852" s="14" t="s">
        <v>137</v>
      </c>
      <c r="D87852" s="14" t="s">
        <v>39</v>
      </c>
      <c r="E87852" s="15">
        <v>45628</v>
      </c>
      <c r="F87852" s="14" t="s">
        <v>15</v>
      </c>
      <c r="G87852" s="16">
        <v>4.8193264524405866</v>
      </c>
    </row>
    <row r="87853" spans="1:7" x14ac:dyDescent="0.3">
      <c r="A87853" s="13" t="s">
        <v>440</v>
      </c>
      <c r="B87853" s="14" t="s">
        <v>1</v>
      </c>
      <c r="C87853" s="14" t="s">
        <v>137</v>
      </c>
      <c r="D87853" s="14" t="s">
        <v>39</v>
      </c>
      <c r="E87853" s="15">
        <v>45629</v>
      </c>
      <c r="F87853" s="14" t="s">
        <v>15</v>
      </c>
      <c r="G87853" s="16">
        <v>4.878363666866707</v>
      </c>
    </row>
    <row r="87854" spans="1:7" x14ac:dyDescent="0.3">
      <c r="A87854" s="13" t="s">
        <v>440</v>
      </c>
      <c r="B87854" s="14" t="s">
        <v>1</v>
      </c>
      <c r="C87854" s="14" t="s">
        <v>137</v>
      </c>
      <c r="D87854" s="14" t="s">
        <v>39</v>
      </c>
      <c r="E87854" s="15">
        <v>45630</v>
      </c>
      <c r="F87854" s="14" t="s">
        <v>15</v>
      </c>
      <c r="G87854" s="16">
        <v>4.8984008812928277</v>
      </c>
    </row>
    <row r="87855" spans="1:7" x14ac:dyDescent="0.3">
      <c r="A87855" s="13" t="s">
        <v>440</v>
      </c>
      <c r="B87855" s="14" t="s">
        <v>1</v>
      </c>
      <c r="C87855" s="14" t="s">
        <v>137</v>
      </c>
      <c r="D87855" s="14" t="s">
        <v>39</v>
      </c>
      <c r="E87855" s="15">
        <v>45631</v>
      </c>
      <c r="F87855" s="14" t="s">
        <v>15</v>
      </c>
      <c r="G87855" s="16">
        <v>4.9194380957189496</v>
      </c>
    </row>
    <row r="87856" spans="1:7" x14ac:dyDescent="0.3">
      <c r="A87856" s="13" t="s">
        <v>440</v>
      </c>
      <c r="B87856" s="14" t="s">
        <v>1</v>
      </c>
      <c r="C87856" s="14" t="s">
        <v>137</v>
      </c>
      <c r="D87856" s="14" t="s">
        <v>39</v>
      </c>
      <c r="E87856" s="15">
        <v>45632</v>
      </c>
      <c r="F87856" s="14" t="s">
        <v>15</v>
      </c>
      <c r="G87856" s="16">
        <v>4.9394753101450704</v>
      </c>
    </row>
    <row r="87857" spans="1:7" x14ac:dyDescent="0.3">
      <c r="A87857" s="13" t="s">
        <v>440</v>
      </c>
      <c r="B87857" s="14" t="s">
        <v>1</v>
      </c>
      <c r="C87857" s="14" t="s">
        <v>137</v>
      </c>
      <c r="D87857" s="14" t="s">
        <v>39</v>
      </c>
      <c r="E87857" s="15">
        <v>45633</v>
      </c>
      <c r="F87857" s="14" t="s">
        <v>15</v>
      </c>
      <c r="G87857" s="16">
        <v>4.9394753101450704</v>
      </c>
    </row>
    <row r="87858" spans="1:7" x14ac:dyDescent="0.3">
      <c r="A87858" s="13" t="s">
        <v>440</v>
      </c>
      <c r="B87858" s="14" t="s">
        <v>1</v>
      </c>
      <c r="C87858" s="14" t="s">
        <v>137</v>
      </c>
      <c r="D87858" s="14" t="s">
        <v>39</v>
      </c>
      <c r="E87858" s="15">
        <v>45634</v>
      </c>
      <c r="F87858" s="14" t="s">
        <v>15</v>
      </c>
      <c r="G87858" s="16">
        <v>4.9394753101450704</v>
      </c>
    </row>
    <row r="87859" spans="1:7" x14ac:dyDescent="0.3">
      <c r="A87859" s="13" t="s">
        <v>440</v>
      </c>
      <c r="B87859" s="14" t="s">
        <v>1</v>
      </c>
      <c r="C87859" s="14" t="s">
        <v>137</v>
      </c>
      <c r="D87859" s="14" t="s">
        <v>39</v>
      </c>
      <c r="E87859" s="15">
        <v>45635</v>
      </c>
      <c r="F87859" s="14" t="s">
        <v>15</v>
      </c>
      <c r="G87859" s="16">
        <v>4.9645125245711919</v>
      </c>
    </row>
    <row r="87860" spans="1:7" x14ac:dyDescent="0.3">
      <c r="A87860" s="13" t="s">
        <v>440</v>
      </c>
      <c r="B87860" s="14" t="s">
        <v>1</v>
      </c>
      <c r="C87860" s="14" t="s">
        <v>137</v>
      </c>
      <c r="D87860" s="14" t="s">
        <v>39</v>
      </c>
      <c r="E87860" s="15">
        <v>45636</v>
      </c>
      <c r="F87860" s="14" t="s">
        <v>15</v>
      </c>
      <c r="G87860" s="16">
        <v>5.0235497389973123</v>
      </c>
    </row>
    <row r="87861" spans="1:7" x14ac:dyDescent="0.3">
      <c r="A87861" s="13" t="s">
        <v>440</v>
      </c>
      <c r="B87861" s="14" t="s">
        <v>1</v>
      </c>
      <c r="C87861" s="14" t="s">
        <v>137</v>
      </c>
      <c r="D87861" s="14" t="s">
        <v>39</v>
      </c>
      <c r="E87861" s="15">
        <v>45637</v>
      </c>
      <c r="F87861" s="14" t="s">
        <v>15</v>
      </c>
      <c r="G87861" s="16">
        <v>5.0435869534234339</v>
      </c>
    </row>
    <row r="87862" spans="1:7" x14ac:dyDescent="0.3">
      <c r="A87862" s="13" t="s">
        <v>440</v>
      </c>
      <c r="B87862" s="14" t="s">
        <v>1</v>
      </c>
      <c r="C87862" s="14" t="s">
        <v>137</v>
      </c>
      <c r="D87862" s="14" t="s">
        <v>39</v>
      </c>
      <c r="E87862" s="15">
        <v>45638</v>
      </c>
      <c r="F87862" s="14" t="s">
        <v>15</v>
      </c>
      <c r="G87862" s="16">
        <v>5.0636241678495546</v>
      </c>
    </row>
    <row r="87863" spans="1:7" x14ac:dyDescent="0.3">
      <c r="A87863" s="13" t="s">
        <v>440</v>
      </c>
      <c r="B87863" s="14" t="s">
        <v>1</v>
      </c>
      <c r="C87863" s="14" t="s">
        <v>137</v>
      </c>
      <c r="D87863" s="14" t="s">
        <v>39</v>
      </c>
      <c r="E87863" s="15">
        <v>45639</v>
      </c>
      <c r="F87863" s="14" t="s">
        <v>15</v>
      </c>
      <c r="G87863" s="16">
        <v>5.0836613822756753</v>
      </c>
    </row>
    <row r="87864" spans="1:7" x14ac:dyDescent="0.3">
      <c r="A87864" s="13" t="s">
        <v>440</v>
      </c>
      <c r="B87864" s="14" t="s">
        <v>1</v>
      </c>
      <c r="C87864" s="14" t="s">
        <v>137</v>
      </c>
      <c r="D87864" s="14" t="s">
        <v>39</v>
      </c>
      <c r="E87864" s="15">
        <v>45640</v>
      </c>
      <c r="F87864" s="14" t="s">
        <v>15</v>
      </c>
      <c r="G87864" s="16">
        <v>5.0836613822756753</v>
      </c>
    </row>
    <row r="87865" spans="1:7" x14ac:dyDescent="0.3">
      <c r="A87865" s="13" t="s">
        <v>440</v>
      </c>
      <c r="B87865" s="14" t="s">
        <v>1</v>
      </c>
      <c r="C87865" s="14" t="s">
        <v>137</v>
      </c>
      <c r="D87865" s="14" t="s">
        <v>39</v>
      </c>
      <c r="E87865" s="15">
        <v>45641</v>
      </c>
      <c r="F87865" s="14" t="s">
        <v>15</v>
      </c>
      <c r="G87865" s="16">
        <v>5.0836613822756753</v>
      </c>
    </row>
    <row r="87866" spans="1:7" x14ac:dyDescent="0.3">
      <c r="A87866" s="13" t="s">
        <v>440</v>
      </c>
      <c r="B87866" s="14" t="s">
        <v>1</v>
      </c>
      <c r="C87866" s="14" t="s">
        <v>137</v>
      </c>
      <c r="D87866" s="14" t="s">
        <v>39</v>
      </c>
      <c r="E87866" s="15">
        <v>45642</v>
      </c>
      <c r="F87866" s="14" t="s">
        <v>15</v>
      </c>
      <c r="G87866" s="16">
        <v>5.103698596701796</v>
      </c>
    </row>
    <row r="87867" spans="1:7" x14ac:dyDescent="0.3">
      <c r="A87867" s="13" t="s">
        <v>440</v>
      </c>
      <c r="B87867" s="14" t="s">
        <v>1</v>
      </c>
      <c r="C87867" s="14" t="s">
        <v>137</v>
      </c>
      <c r="D87867" s="14" t="s">
        <v>39</v>
      </c>
      <c r="E87867" s="15">
        <v>45643</v>
      </c>
      <c r="F87867" s="14" t="s">
        <v>15</v>
      </c>
      <c r="G87867" s="16">
        <v>5.1627358111279174</v>
      </c>
    </row>
    <row r="87868" spans="1:7" x14ac:dyDescent="0.3">
      <c r="A87868" s="13" t="s">
        <v>440</v>
      </c>
      <c r="B87868" s="14" t="s">
        <v>1</v>
      </c>
      <c r="C87868" s="14" t="s">
        <v>137</v>
      </c>
      <c r="D87868" s="14" t="s">
        <v>39</v>
      </c>
      <c r="E87868" s="15">
        <v>45644</v>
      </c>
      <c r="F87868" s="14" t="s">
        <v>15</v>
      </c>
      <c r="G87868" s="16">
        <v>5.1827730255540381</v>
      </c>
    </row>
    <row r="87869" spans="1:7" x14ac:dyDescent="0.3">
      <c r="A87869" s="13" t="s">
        <v>440</v>
      </c>
      <c r="B87869" s="14" t="s">
        <v>1</v>
      </c>
      <c r="C87869" s="14" t="s">
        <v>137</v>
      </c>
      <c r="D87869" s="14" t="s">
        <v>39</v>
      </c>
      <c r="E87869" s="15">
        <v>45645</v>
      </c>
      <c r="F87869" s="14" t="s">
        <v>15</v>
      </c>
      <c r="G87869" s="16">
        <v>5.2038102399801591</v>
      </c>
    </row>
    <row r="87870" spans="1:7" x14ac:dyDescent="0.3">
      <c r="A87870" s="13" t="s">
        <v>440</v>
      </c>
      <c r="B87870" s="14" t="s">
        <v>1</v>
      </c>
      <c r="C87870" s="14" t="s">
        <v>137</v>
      </c>
      <c r="D87870" s="14" t="s">
        <v>39</v>
      </c>
      <c r="E87870" s="15">
        <v>45646</v>
      </c>
      <c r="F87870" s="14" t="s">
        <v>15</v>
      </c>
      <c r="G87870" s="16">
        <v>5.2238474544062807</v>
      </c>
    </row>
    <row r="87871" spans="1:7" x14ac:dyDescent="0.3">
      <c r="A87871" s="13" t="s">
        <v>440</v>
      </c>
      <c r="B87871" s="14" t="s">
        <v>1</v>
      </c>
      <c r="C87871" s="14" t="s">
        <v>137</v>
      </c>
      <c r="D87871" s="14" t="s">
        <v>39</v>
      </c>
      <c r="E87871" s="15">
        <v>45647</v>
      </c>
      <c r="F87871" s="14" t="s">
        <v>15</v>
      </c>
      <c r="G87871" s="16">
        <v>5.2238474544062807</v>
      </c>
    </row>
    <row r="87872" spans="1:7" x14ac:dyDescent="0.3">
      <c r="A87872" s="13" t="s">
        <v>440</v>
      </c>
      <c r="B87872" s="14" t="s">
        <v>1</v>
      </c>
      <c r="C87872" s="14" t="s">
        <v>137</v>
      </c>
      <c r="D87872" s="14" t="s">
        <v>39</v>
      </c>
      <c r="E87872" s="15">
        <v>45648</v>
      </c>
      <c r="F87872" s="14" t="s">
        <v>15</v>
      </c>
      <c r="G87872" s="16">
        <v>5.2238474544062807</v>
      </c>
    </row>
    <row r="87873" spans="1:7" x14ac:dyDescent="0.3">
      <c r="A87873" s="13" t="s">
        <v>440</v>
      </c>
      <c r="B87873" s="14" t="s">
        <v>1</v>
      </c>
      <c r="C87873" s="14" t="s">
        <v>137</v>
      </c>
      <c r="D87873" s="14" t="s">
        <v>39</v>
      </c>
      <c r="E87873" s="15">
        <v>45649</v>
      </c>
      <c r="F87873" s="14" t="s">
        <v>15</v>
      </c>
      <c r="G87873" s="16">
        <v>5.2438846688324015</v>
      </c>
    </row>
    <row r="87874" spans="1:7" x14ac:dyDescent="0.3">
      <c r="A87874" s="13" t="s">
        <v>440</v>
      </c>
      <c r="B87874" s="14" t="s">
        <v>1</v>
      </c>
      <c r="C87874" s="14" t="s">
        <v>137</v>
      </c>
      <c r="D87874" s="14" t="s">
        <v>39</v>
      </c>
      <c r="E87874" s="15">
        <v>45650</v>
      </c>
      <c r="F87874" s="14" t="s">
        <v>15</v>
      </c>
      <c r="G87874" s="16">
        <v>5.3039218832585222</v>
      </c>
    </row>
    <row r="87875" spans="1:7" x14ac:dyDescent="0.3">
      <c r="A87875" s="13" t="s">
        <v>440</v>
      </c>
      <c r="B87875" s="14" t="s">
        <v>1</v>
      </c>
      <c r="C87875" s="14" t="s">
        <v>137</v>
      </c>
      <c r="D87875" s="14" t="s">
        <v>39</v>
      </c>
      <c r="E87875" s="15">
        <v>45651</v>
      </c>
      <c r="F87875" s="14" t="s">
        <v>15</v>
      </c>
      <c r="G87875" s="16">
        <v>5.3039218832585222</v>
      </c>
    </row>
    <row r="87876" spans="1:7" x14ac:dyDescent="0.3">
      <c r="A87876" s="13" t="s">
        <v>440</v>
      </c>
      <c r="B87876" s="14" t="s">
        <v>1</v>
      </c>
      <c r="C87876" s="14" t="s">
        <v>137</v>
      </c>
      <c r="D87876" s="14" t="s">
        <v>39</v>
      </c>
      <c r="E87876" s="15">
        <v>45652</v>
      </c>
      <c r="F87876" s="14" t="s">
        <v>15</v>
      </c>
      <c r="G87876" s="16">
        <v>5.3039218832585222</v>
      </c>
    </row>
    <row r="87877" spans="1:7" x14ac:dyDescent="0.3">
      <c r="A87877" s="13" t="s">
        <v>440</v>
      </c>
      <c r="B87877" s="14" t="s">
        <v>1</v>
      </c>
      <c r="C87877" s="14" t="s">
        <v>137</v>
      </c>
      <c r="D87877" s="14" t="s">
        <v>39</v>
      </c>
      <c r="E87877" s="15">
        <v>45653</v>
      </c>
      <c r="F87877" s="14" t="s">
        <v>15</v>
      </c>
      <c r="G87877" s="16">
        <v>5.3039218832585222</v>
      </c>
    </row>
    <row r="87878" spans="1:7" x14ac:dyDescent="0.3">
      <c r="A87878" s="13" t="s">
        <v>440</v>
      </c>
      <c r="B87878" s="14" t="s">
        <v>1</v>
      </c>
      <c r="C87878" s="14" t="s">
        <v>137</v>
      </c>
      <c r="D87878" s="14" t="s">
        <v>39</v>
      </c>
      <c r="E87878" s="15">
        <v>45654</v>
      </c>
      <c r="F87878" s="14" t="s">
        <v>15</v>
      </c>
      <c r="G87878" s="16">
        <v>5.3039218832585222</v>
      </c>
    </row>
    <row r="87879" spans="1:7" x14ac:dyDescent="0.3">
      <c r="A87879" s="13" t="s">
        <v>440</v>
      </c>
      <c r="B87879" s="14" t="s">
        <v>1</v>
      </c>
      <c r="C87879" s="14" t="s">
        <v>137</v>
      </c>
      <c r="D87879" s="14" t="s">
        <v>39</v>
      </c>
      <c r="E87879" s="15">
        <v>45655</v>
      </c>
      <c r="F87879" s="14" t="s">
        <v>15</v>
      </c>
      <c r="G87879" s="16">
        <v>5.3039218832585222</v>
      </c>
    </row>
    <row r="87880" spans="1:7" x14ac:dyDescent="0.3">
      <c r="A87880" s="13" t="s">
        <v>440</v>
      </c>
      <c r="B87880" s="14" t="s">
        <v>1</v>
      </c>
      <c r="C87880" s="14" t="s">
        <v>137</v>
      </c>
      <c r="D87880" s="14" t="s">
        <v>39</v>
      </c>
      <c r="E87880" s="15">
        <v>45656</v>
      </c>
      <c r="F87880" s="14" t="s">
        <v>15</v>
      </c>
      <c r="G87880" s="16">
        <v>5.3239590976846429</v>
      </c>
    </row>
    <row r="87881" spans="1:7" x14ac:dyDescent="0.3">
      <c r="A87881" s="13" t="s">
        <v>440</v>
      </c>
      <c r="B87881" s="14" t="s">
        <v>1</v>
      </c>
      <c r="C87881" s="14" t="s">
        <v>137</v>
      </c>
      <c r="D87881" s="14" t="s">
        <v>39</v>
      </c>
      <c r="E87881" s="15">
        <v>45657</v>
      </c>
      <c r="F87881" s="14" t="s">
        <v>15</v>
      </c>
      <c r="G87881" s="16">
        <v>5.4399963121107637</v>
      </c>
    </row>
    <row r="87882" spans="1:7" x14ac:dyDescent="0.3">
      <c r="A87882" s="13" t="s">
        <v>440</v>
      </c>
      <c r="B87882" s="14" t="s">
        <v>1</v>
      </c>
      <c r="C87882" s="14" t="s">
        <v>137</v>
      </c>
      <c r="D87882" s="14" t="s">
        <v>39</v>
      </c>
      <c r="E87882" s="15">
        <v>45658</v>
      </c>
      <c r="F87882" s="14" t="s">
        <v>15</v>
      </c>
      <c r="G87882" s="16">
        <v>5.4399963121107637</v>
      </c>
    </row>
    <row r="87883" spans="1:7" x14ac:dyDescent="0.3">
      <c r="A87883" s="13" t="s">
        <v>440</v>
      </c>
      <c r="B87883" s="14" t="s">
        <v>1</v>
      </c>
      <c r="C87883" s="14" t="s">
        <v>137</v>
      </c>
      <c r="D87883" s="14" t="s">
        <v>39</v>
      </c>
      <c r="E87883" s="15">
        <v>45659</v>
      </c>
      <c r="F87883" s="14" t="s">
        <v>15</v>
      </c>
      <c r="G87883" s="16">
        <v>5.459033526536885</v>
      </c>
    </row>
    <row r="87884" spans="1:7" x14ac:dyDescent="0.3">
      <c r="A87884" s="13" t="s">
        <v>440</v>
      </c>
      <c r="B87884" s="14" t="s">
        <v>1</v>
      </c>
      <c r="C87884" s="14" t="s">
        <v>137</v>
      </c>
      <c r="D87884" s="14" t="s">
        <v>39</v>
      </c>
      <c r="E87884" s="15">
        <v>45660</v>
      </c>
      <c r="F87884" s="14" t="s">
        <v>15</v>
      </c>
      <c r="G87884" s="16">
        <v>5.4830707409630062</v>
      </c>
    </row>
    <row r="87885" spans="1:7" x14ac:dyDescent="0.3">
      <c r="A87885" s="13" t="s">
        <v>440</v>
      </c>
      <c r="B87885" s="14" t="s">
        <v>1</v>
      </c>
      <c r="C87885" s="14" t="s">
        <v>137</v>
      </c>
      <c r="D87885" s="14" t="s">
        <v>39</v>
      </c>
      <c r="E87885" s="15">
        <v>45661</v>
      </c>
      <c r="F87885" s="14" t="s">
        <v>15</v>
      </c>
      <c r="G87885" s="16">
        <v>5.4830707409630062</v>
      </c>
    </row>
    <row r="87886" spans="1:7" x14ac:dyDescent="0.3">
      <c r="A87886" s="13" t="s">
        <v>440</v>
      </c>
      <c r="B87886" s="14" t="s">
        <v>1</v>
      </c>
      <c r="C87886" s="14" t="s">
        <v>137</v>
      </c>
      <c r="D87886" s="14" t="s">
        <v>39</v>
      </c>
      <c r="E87886" s="15">
        <v>45662</v>
      </c>
      <c r="F87886" s="14" t="s">
        <v>15</v>
      </c>
      <c r="G87886" s="16">
        <v>5.4830707409630062</v>
      </c>
    </row>
    <row r="87887" spans="1:7" x14ac:dyDescent="0.3">
      <c r="A87887" s="13" t="s">
        <v>440</v>
      </c>
      <c r="B87887" s="14" t="s">
        <v>1</v>
      </c>
      <c r="C87887" s="14" t="s">
        <v>137</v>
      </c>
      <c r="D87887" s="14" t="s">
        <v>39</v>
      </c>
      <c r="E87887" s="15">
        <v>45663</v>
      </c>
      <c r="F87887" s="14" t="s">
        <v>15</v>
      </c>
      <c r="G87887" s="16">
        <v>5.5031079553891269</v>
      </c>
    </row>
    <row r="87888" spans="1:7" x14ac:dyDescent="0.3">
      <c r="A87888" s="13" t="s">
        <v>440</v>
      </c>
      <c r="B87888" s="14" t="s">
        <v>1</v>
      </c>
      <c r="C87888" s="14" t="s">
        <v>137</v>
      </c>
      <c r="D87888" s="14" t="s">
        <v>39</v>
      </c>
      <c r="E87888" s="15">
        <v>45664</v>
      </c>
      <c r="F87888" s="14" t="s">
        <v>15</v>
      </c>
      <c r="G87888" s="16">
        <v>5.5651451698152474</v>
      </c>
    </row>
    <row r="87889" spans="1:7" x14ac:dyDescent="0.3">
      <c r="A87889" s="13" t="s">
        <v>440</v>
      </c>
      <c r="B87889" s="14" t="s">
        <v>1</v>
      </c>
      <c r="C87889" s="14" t="s">
        <v>137</v>
      </c>
      <c r="D87889" s="14" t="s">
        <v>39</v>
      </c>
      <c r="E87889" s="15">
        <v>45665</v>
      </c>
      <c r="F87889" s="14" t="s">
        <v>15</v>
      </c>
      <c r="G87889" s="16">
        <v>5.585182384241369</v>
      </c>
    </row>
    <row r="87890" spans="1:7" x14ac:dyDescent="0.3">
      <c r="A87890" s="13" t="s">
        <v>440</v>
      </c>
      <c r="B87890" s="14" t="s">
        <v>1</v>
      </c>
      <c r="C87890" s="14" t="s">
        <v>137</v>
      </c>
      <c r="D87890" s="14" t="s">
        <v>39</v>
      </c>
      <c r="E87890" s="15">
        <v>45666</v>
      </c>
      <c r="F87890" s="14" t="s">
        <v>15</v>
      </c>
      <c r="G87890" s="16">
        <v>5.6062195986674901</v>
      </c>
    </row>
    <row r="87891" spans="1:7" x14ac:dyDescent="0.3">
      <c r="A87891" s="13" t="s">
        <v>440</v>
      </c>
      <c r="B87891" s="14" t="s">
        <v>1</v>
      </c>
      <c r="C87891" s="14" t="s">
        <v>137</v>
      </c>
      <c r="D87891" s="14" t="s">
        <v>39</v>
      </c>
      <c r="E87891" s="15">
        <v>45667</v>
      </c>
      <c r="F87891" s="14" t="s">
        <v>15</v>
      </c>
      <c r="G87891" s="16">
        <v>5.6312568130936116</v>
      </c>
    </row>
    <row r="87892" spans="1:7" x14ac:dyDescent="0.3">
      <c r="A87892" s="13" t="s">
        <v>440</v>
      </c>
      <c r="B87892" s="14" t="s">
        <v>1</v>
      </c>
      <c r="C87892" s="14" t="s">
        <v>137</v>
      </c>
      <c r="D87892" s="14" t="s">
        <v>39</v>
      </c>
      <c r="E87892" s="15">
        <v>45668</v>
      </c>
      <c r="F87892" s="14" t="s">
        <v>15</v>
      </c>
      <c r="G87892" s="16">
        <v>5.6312568130936116</v>
      </c>
    </row>
    <row r="87893" spans="1:7" x14ac:dyDescent="0.3">
      <c r="A87893" s="13" t="s">
        <v>440</v>
      </c>
      <c r="B87893" s="14" t="s">
        <v>1</v>
      </c>
      <c r="C87893" s="14" t="s">
        <v>137</v>
      </c>
      <c r="D87893" s="14" t="s">
        <v>39</v>
      </c>
      <c r="E87893" s="15">
        <v>45669</v>
      </c>
      <c r="F87893" s="14" t="s">
        <v>15</v>
      </c>
      <c r="G87893" s="16">
        <v>5.6312568130936116</v>
      </c>
    </row>
    <row r="87894" spans="1:7" x14ac:dyDescent="0.3">
      <c r="A87894" s="13" t="s">
        <v>440</v>
      </c>
      <c r="B87894" s="14" t="s">
        <v>1</v>
      </c>
      <c r="C87894" s="14" t="s">
        <v>137</v>
      </c>
      <c r="D87894" s="14" t="s">
        <v>39</v>
      </c>
      <c r="E87894" s="15">
        <v>45670</v>
      </c>
      <c r="F87894" s="14" t="s">
        <v>15</v>
      </c>
      <c r="G87894" s="16">
        <v>5.6512940275197323</v>
      </c>
    </row>
    <row r="87895" spans="1:7" x14ac:dyDescent="0.3">
      <c r="A87895" s="13" t="s">
        <v>440</v>
      </c>
      <c r="B87895" s="14" t="s">
        <v>1</v>
      </c>
      <c r="C87895" s="14" t="s">
        <v>137</v>
      </c>
      <c r="D87895" s="14" t="s">
        <v>39</v>
      </c>
      <c r="E87895" s="15">
        <v>45671</v>
      </c>
      <c r="F87895" s="14" t="s">
        <v>15</v>
      </c>
      <c r="G87895" s="16">
        <v>5.7133312419458537</v>
      </c>
    </row>
    <row r="87896" spans="1:7" x14ac:dyDescent="0.3">
      <c r="A87896" s="13" t="s">
        <v>440</v>
      </c>
      <c r="B87896" s="14" t="s">
        <v>1</v>
      </c>
      <c r="C87896" s="14" t="s">
        <v>137</v>
      </c>
      <c r="D87896" s="14" t="s">
        <v>39</v>
      </c>
      <c r="E87896" s="15">
        <v>45672</v>
      </c>
      <c r="F87896" s="14" t="s">
        <v>15</v>
      </c>
      <c r="G87896" s="16">
        <v>5.7343684563719748</v>
      </c>
    </row>
    <row r="87897" spans="1:7" x14ac:dyDescent="0.3">
      <c r="A87897" s="13" t="s">
        <v>440</v>
      </c>
      <c r="B87897" s="14" t="s">
        <v>1</v>
      </c>
      <c r="C87897" s="14" t="s">
        <v>137</v>
      </c>
      <c r="D87897" s="14" t="s">
        <v>39</v>
      </c>
      <c r="E87897" s="15">
        <v>45673</v>
      </c>
      <c r="F87897" s="14" t="s">
        <v>15</v>
      </c>
      <c r="G87897" s="16">
        <v>5.7534056707980961</v>
      </c>
    </row>
    <row r="87898" spans="1:7" x14ac:dyDescent="0.3">
      <c r="A87898" s="13" t="s">
        <v>440</v>
      </c>
      <c r="B87898" s="14" t="s">
        <v>1</v>
      </c>
      <c r="C87898" s="14" t="s">
        <v>137</v>
      </c>
      <c r="D87898" s="14" t="s">
        <v>39</v>
      </c>
      <c r="E87898" s="15">
        <v>45674</v>
      </c>
      <c r="F87898" s="14" t="s">
        <v>15</v>
      </c>
      <c r="G87898" s="16">
        <v>5.7724428852242173</v>
      </c>
    </row>
    <row r="87899" spans="1:7" x14ac:dyDescent="0.3">
      <c r="A87899" s="13" t="s">
        <v>440</v>
      </c>
      <c r="B87899" s="14" t="s">
        <v>1</v>
      </c>
      <c r="C87899" s="14" t="s">
        <v>137</v>
      </c>
      <c r="D87899" s="14" t="s">
        <v>39</v>
      </c>
      <c r="E87899" s="15">
        <v>45675</v>
      </c>
      <c r="F87899" s="14" t="s">
        <v>15</v>
      </c>
      <c r="G87899" s="16">
        <v>5.7724428852242173</v>
      </c>
    </row>
    <row r="87900" spans="1:7" x14ac:dyDescent="0.3">
      <c r="A87900" s="13" t="s">
        <v>440</v>
      </c>
      <c r="B87900" s="14" t="s">
        <v>1</v>
      </c>
      <c r="C87900" s="14" t="s">
        <v>137</v>
      </c>
      <c r="D87900" s="14" t="s">
        <v>39</v>
      </c>
      <c r="E87900" s="15">
        <v>45676</v>
      </c>
      <c r="F87900" s="14" t="s">
        <v>15</v>
      </c>
      <c r="G87900" s="16">
        <v>5.7724428852242173</v>
      </c>
    </row>
    <row r="87901" spans="1:7" x14ac:dyDescent="0.3">
      <c r="A87901" s="13" t="s">
        <v>440</v>
      </c>
      <c r="B87901" s="14" t="s">
        <v>1</v>
      </c>
      <c r="C87901" s="14" t="s">
        <v>137</v>
      </c>
      <c r="D87901" s="14" t="s">
        <v>39</v>
      </c>
      <c r="E87901" s="15">
        <v>45677</v>
      </c>
      <c r="F87901" s="14" t="s">
        <v>15</v>
      </c>
      <c r="G87901" s="16">
        <v>5.7924800996503381</v>
      </c>
    </row>
    <row r="87902" spans="1:7" x14ac:dyDescent="0.3">
      <c r="A87902" s="13" t="s">
        <v>440</v>
      </c>
      <c r="B87902" s="14" t="s">
        <v>1</v>
      </c>
      <c r="C87902" s="14" t="s">
        <v>137</v>
      </c>
      <c r="D87902" s="14" t="s">
        <v>39</v>
      </c>
      <c r="E87902" s="15">
        <v>45678</v>
      </c>
      <c r="F87902" s="14" t="s">
        <v>15</v>
      </c>
      <c r="G87902" s="16">
        <v>5.8525173140764588</v>
      </c>
    </row>
    <row r="87903" spans="1:7" x14ac:dyDescent="0.3">
      <c r="A87903" s="13" t="s">
        <v>440</v>
      </c>
      <c r="B87903" s="14" t="s">
        <v>1</v>
      </c>
      <c r="C87903" s="14" t="s">
        <v>137</v>
      </c>
      <c r="D87903" s="14" t="s">
        <v>39</v>
      </c>
      <c r="E87903" s="15">
        <v>45679</v>
      </c>
      <c r="F87903" s="14" t="s">
        <v>15</v>
      </c>
      <c r="G87903" s="16">
        <v>5.8735545285025799</v>
      </c>
    </row>
    <row r="87904" spans="1:7" x14ac:dyDescent="0.3">
      <c r="A87904" s="13" t="s">
        <v>440</v>
      </c>
      <c r="B87904" s="14" t="s">
        <v>1</v>
      </c>
      <c r="C87904" s="14" t="s">
        <v>137</v>
      </c>
      <c r="D87904" s="14" t="s">
        <v>39</v>
      </c>
      <c r="E87904" s="15">
        <v>45680</v>
      </c>
      <c r="F87904" s="14" t="s">
        <v>15</v>
      </c>
      <c r="G87904" s="16">
        <v>5.8935917429287006</v>
      </c>
    </row>
    <row r="87905" spans="1:7" x14ac:dyDescent="0.3">
      <c r="A87905" s="13" t="s">
        <v>440</v>
      </c>
      <c r="B87905" s="14" t="s">
        <v>1</v>
      </c>
      <c r="C87905" s="14" t="s">
        <v>137</v>
      </c>
      <c r="D87905" s="14" t="s">
        <v>39</v>
      </c>
      <c r="E87905" s="15">
        <v>45681</v>
      </c>
      <c r="F87905" s="14" t="s">
        <v>15</v>
      </c>
      <c r="G87905" s="16">
        <v>5.9146289573548225</v>
      </c>
    </row>
    <row r="87906" spans="1:7" x14ac:dyDescent="0.3">
      <c r="A87906" s="13" t="s">
        <v>440</v>
      </c>
      <c r="B87906" s="14" t="s">
        <v>1</v>
      </c>
      <c r="C87906" s="14" t="s">
        <v>137</v>
      </c>
      <c r="D87906" s="14" t="s">
        <v>39</v>
      </c>
      <c r="E87906" s="15">
        <v>45682</v>
      </c>
      <c r="F87906" s="14" t="s">
        <v>15</v>
      </c>
      <c r="G87906" s="16">
        <v>5.9146289573548225</v>
      </c>
    </row>
    <row r="87907" spans="1:7" x14ac:dyDescent="0.3">
      <c r="A87907" s="13" t="s">
        <v>440</v>
      </c>
      <c r="B87907" s="14" t="s">
        <v>1</v>
      </c>
      <c r="C87907" s="14" t="s">
        <v>137</v>
      </c>
      <c r="D87907" s="14" t="s">
        <v>39</v>
      </c>
      <c r="E87907" s="15">
        <v>45683</v>
      </c>
      <c r="F87907" s="14" t="s">
        <v>15</v>
      </c>
      <c r="G87907" s="16">
        <v>5.9146289573548225</v>
      </c>
    </row>
    <row r="87908" spans="1:7" x14ac:dyDescent="0.3">
      <c r="A87908" s="13" t="s">
        <v>440</v>
      </c>
      <c r="B87908" s="14" t="s">
        <v>1</v>
      </c>
      <c r="C87908" s="14" t="s">
        <v>137</v>
      </c>
      <c r="D87908" s="14" t="s">
        <v>39</v>
      </c>
      <c r="E87908" s="15">
        <v>45684</v>
      </c>
      <c r="F87908" s="14" t="s">
        <v>15</v>
      </c>
      <c r="G87908" s="16">
        <v>5.9346661717809432</v>
      </c>
    </row>
    <row r="87909" spans="1:7" x14ac:dyDescent="0.3">
      <c r="A87909" s="13" t="s">
        <v>440</v>
      </c>
      <c r="B87909" s="14" t="s">
        <v>1</v>
      </c>
      <c r="C87909" s="14" t="s">
        <v>137</v>
      </c>
      <c r="D87909" s="14" t="s">
        <v>39</v>
      </c>
      <c r="E87909" s="15">
        <v>45685</v>
      </c>
      <c r="F87909" s="14" t="s">
        <v>15</v>
      </c>
      <c r="G87909" s="16">
        <v>5.9927033862070642</v>
      </c>
    </row>
    <row r="87910" spans="1:7" x14ac:dyDescent="0.3">
      <c r="A87910" s="13" t="s">
        <v>440</v>
      </c>
      <c r="B87910" s="14" t="s">
        <v>1</v>
      </c>
      <c r="C87910" s="14" t="s">
        <v>137</v>
      </c>
      <c r="D87910" s="14" t="s">
        <v>39</v>
      </c>
      <c r="E87910" s="15">
        <v>45686</v>
      </c>
      <c r="F87910" s="14" t="s">
        <v>15</v>
      </c>
      <c r="G87910" s="16">
        <v>6.0157406006331851</v>
      </c>
    </row>
    <row r="87911" spans="1:7" x14ac:dyDescent="0.3">
      <c r="A87911" s="13" t="s">
        <v>440</v>
      </c>
      <c r="B87911" s="14" t="s">
        <v>1</v>
      </c>
      <c r="C87911" s="14" t="s">
        <v>137</v>
      </c>
      <c r="D87911" s="14" t="s">
        <v>39</v>
      </c>
      <c r="E87911" s="15">
        <v>45687</v>
      </c>
      <c r="F87911" s="14" t="s">
        <v>15</v>
      </c>
      <c r="G87911" s="16">
        <v>6.0397778150593062</v>
      </c>
    </row>
    <row r="87912" spans="1:7" x14ac:dyDescent="0.3">
      <c r="A87912" s="13" t="s">
        <v>440</v>
      </c>
      <c r="B87912" s="14" t="s">
        <v>1</v>
      </c>
      <c r="C87912" s="14" t="s">
        <v>137</v>
      </c>
      <c r="D87912" s="14" t="s">
        <v>39</v>
      </c>
      <c r="E87912" s="15">
        <v>45688</v>
      </c>
      <c r="F87912" s="14" t="s">
        <v>15</v>
      </c>
      <c r="G87912" s="16">
        <v>6.0598150294854269</v>
      </c>
    </row>
    <row r="87913" spans="1:7" x14ac:dyDescent="0.3">
      <c r="A87913" s="13" t="s">
        <v>440</v>
      </c>
      <c r="B87913" s="14" t="s">
        <v>1</v>
      </c>
      <c r="C87913" s="14" t="s">
        <v>137</v>
      </c>
      <c r="D87913" s="14" t="s">
        <v>39</v>
      </c>
      <c r="E87913" s="15">
        <v>45689</v>
      </c>
      <c r="F87913" s="14" t="s">
        <v>15</v>
      </c>
      <c r="G87913" s="16">
        <v>6.0598150294854269</v>
      </c>
    </row>
    <row r="87914" spans="1:7" x14ac:dyDescent="0.3">
      <c r="A87914" s="13" t="s">
        <v>440</v>
      </c>
      <c r="B87914" s="14" t="s">
        <v>1</v>
      </c>
      <c r="C87914" s="14" t="s">
        <v>137</v>
      </c>
      <c r="D87914" s="14" t="s">
        <v>39</v>
      </c>
      <c r="E87914" s="15">
        <v>45690</v>
      </c>
      <c r="F87914" s="14" t="s">
        <v>15</v>
      </c>
      <c r="G87914" s="16">
        <v>6.0598150294854269</v>
      </c>
    </row>
    <row r="87915" spans="1:7" x14ac:dyDescent="0.3">
      <c r="A87915" s="13" t="s">
        <v>440</v>
      </c>
      <c r="B87915" s="14" t="s">
        <v>1</v>
      </c>
      <c r="C87915" s="14" t="s">
        <v>137</v>
      </c>
      <c r="D87915" s="14" t="s">
        <v>39</v>
      </c>
      <c r="E87915" s="15">
        <v>45691</v>
      </c>
      <c r="F87915" s="14" t="s">
        <v>15</v>
      </c>
      <c r="G87915" s="16">
        <v>6.0598150294854269</v>
      </c>
    </row>
    <row r="87916" spans="1:7" x14ac:dyDescent="0.3">
      <c r="A87916" s="13" t="s">
        <v>440</v>
      </c>
      <c r="B87916" s="14" t="s">
        <v>1</v>
      </c>
      <c r="C87916" s="14" t="s">
        <v>137</v>
      </c>
      <c r="D87916" s="14" t="s">
        <v>39</v>
      </c>
      <c r="E87916" s="15">
        <v>45692</v>
      </c>
      <c r="F87916" s="14" t="s">
        <v>15</v>
      </c>
      <c r="G87916" s="16">
        <v>6.0778522439115488</v>
      </c>
    </row>
    <row r="87917" spans="1:7" x14ac:dyDescent="0.3">
      <c r="A87917" s="13" t="s">
        <v>440</v>
      </c>
      <c r="B87917" s="14" t="s">
        <v>1</v>
      </c>
      <c r="C87917" s="14" t="s">
        <v>137</v>
      </c>
      <c r="D87917" s="14" t="s">
        <v>39</v>
      </c>
      <c r="E87917" s="15">
        <v>45693</v>
      </c>
      <c r="F87917" s="14" t="s">
        <v>15</v>
      </c>
      <c r="G87917" s="16">
        <v>6.14188945833767</v>
      </c>
    </row>
    <row r="87918" spans="1:7" x14ac:dyDescent="0.3">
      <c r="A87918" s="13" t="s">
        <v>440</v>
      </c>
      <c r="B87918" s="14" t="s">
        <v>1</v>
      </c>
      <c r="C87918" s="14" t="s">
        <v>137</v>
      </c>
      <c r="D87918" s="14" t="s">
        <v>39</v>
      </c>
      <c r="E87918" s="15">
        <v>45694</v>
      </c>
      <c r="F87918" s="14" t="s">
        <v>15</v>
      </c>
      <c r="G87918" s="16">
        <v>6.1619266727637907</v>
      </c>
    </row>
    <row r="87919" spans="1:7" x14ac:dyDescent="0.3">
      <c r="A87919" s="13" t="s">
        <v>440</v>
      </c>
      <c r="B87919" s="14" t="s">
        <v>1</v>
      </c>
      <c r="C87919" s="14" t="s">
        <v>137</v>
      </c>
      <c r="D87919" s="14" t="s">
        <v>39</v>
      </c>
      <c r="E87919" s="15">
        <v>45695</v>
      </c>
      <c r="F87919" s="14" t="s">
        <v>15</v>
      </c>
      <c r="G87919" s="16">
        <v>6.1819638871899114</v>
      </c>
    </row>
    <row r="87920" spans="1:7" x14ac:dyDescent="0.3">
      <c r="A87920" s="13" t="s">
        <v>440</v>
      </c>
      <c r="B87920" s="14" t="s">
        <v>1</v>
      </c>
      <c r="C87920" s="14" t="s">
        <v>137</v>
      </c>
      <c r="D87920" s="14" t="s">
        <v>39</v>
      </c>
      <c r="E87920" s="15">
        <v>45696</v>
      </c>
      <c r="F87920" s="14" t="s">
        <v>15</v>
      </c>
      <c r="G87920" s="16">
        <v>6.1819638871899114</v>
      </c>
    </row>
    <row r="87921" spans="1:7" x14ac:dyDescent="0.3">
      <c r="A87921" s="13" t="s">
        <v>440</v>
      </c>
      <c r="B87921" s="14" t="s">
        <v>1</v>
      </c>
      <c r="C87921" s="14" t="s">
        <v>137</v>
      </c>
      <c r="D87921" s="14" t="s">
        <v>39</v>
      </c>
      <c r="E87921" s="15">
        <v>45697</v>
      </c>
      <c r="F87921" s="14" t="s">
        <v>15</v>
      </c>
      <c r="G87921" s="16">
        <v>6.1819638871899114</v>
      </c>
    </row>
    <row r="87922" spans="1:7" x14ac:dyDescent="0.3">
      <c r="A87922" s="13" t="s">
        <v>440</v>
      </c>
      <c r="B87922" s="14" t="s">
        <v>1</v>
      </c>
      <c r="C87922" s="14" t="s">
        <v>137</v>
      </c>
      <c r="D87922" s="14" t="s">
        <v>39</v>
      </c>
      <c r="E87922" s="15">
        <v>45698</v>
      </c>
      <c r="F87922" s="14" t="s">
        <v>15</v>
      </c>
      <c r="G87922" s="16">
        <v>6.2090011016160327</v>
      </c>
    </row>
    <row r="87923" spans="1:7" x14ac:dyDescent="0.3">
      <c r="A87923" s="13" t="s">
        <v>440</v>
      </c>
      <c r="B87923" s="14" t="s">
        <v>1</v>
      </c>
      <c r="C87923" s="14" t="s">
        <v>137</v>
      </c>
      <c r="D87923" s="14" t="s">
        <v>39</v>
      </c>
      <c r="E87923" s="15">
        <v>45699</v>
      </c>
      <c r="F87923" s="14" t="s">
        <v>15</v>
      </c>
      <c r="G87923" s="16">
        <v>6.2680383160421531</v>
      </c>
    </row>
    <row r="87924" spans="1:7" x14ac:dyDescent="0.3">
      <c r="A87924" s="13" t="s">
        <v>440</v>
      </c>
      <c r="B87924" s="14" t="s">
        <v>1</v>
      </c>
      <c r="C87924" s="14" t="s">
        <v>137</v>
      </c>
      <c r="D87924" s="14" t="s">
        <v>39</v>
      </c>
      <c r="E87924" s="15">
        <v>45700</v>
      </c>
      <c r="F87924" s="14" t="s">
        <v>15</v>
      </c>
      <c r="G87924" s="16">
        <v>6.2890755304682751</v>
      </c>
    </row>
    <row r="87925" spans="1:7" x14ac:dyDescent="0.3">
      <c r="A87925" s="13" t="s">
        <v>440</v>
      </c>
      <c r="B87925" s="14" t="s">
        <v>1</v>
      </c>
      <c r="C87925" s="14" t="s">
        <v>137</v>
      </c>
      <c r="D87925" s="14" t="s">
        <v>39</v>
      </c>
      <c r="E87925" s="15">
        <v>45701</v>
      </c>
      <c r="F87925" s="14" t="s">
        <v>15</v>
      </c>
      <c r="G87925" s="16">
        <v>6.3091127448943958</v>
      </c>
    </row>
    <row r="87926" spans="1:7" x14ac:dyDescent="0.3">
      <c r="A87926" s="13" t="s">
        <v>440</v>
      </c>
      <c r="B87926" s="14" t="s">
        <v>1</v>
      </c>
      <c r="C87926" s="14" t="s">
        <v>137</v>
      </c>
      <c r="D87926" s="14" t="s">
        <v>39</v>
      </c>
      <c r="E87926" s="15">
        <v>45702</v>
      </c>
      <c r="F87926" s="14" t="s">
        <v>15</v>
      </c>
      <c r="G87926" s="16">
        <v>6.1981499593205172</v>
      </c>
    </row>
    <row r="87927" spans="1:7" x14ac:dyDescent="0.3">
      <c r="A87927" s="13" t="s">
        <v>440</v>
      </c>
      <c r="B87927" s="14" t="s">
        <v>1</v>
      </c>
      <c r="C87927" s="14" t="s">
        <v>137</v>
      </c>
      <c r="D87927" s="14" t="s">
        <v>39</v>
      </c>
      <c r="E87927" s="15">
        <v>45703</v>
      </c>
      <c r="F87927" s="14" t="s">
        <v>15</v>
      </c>
      <c r="G87927" s="16">
        <v>6.1981499593205172</v>
      </c>
    </row>
    <row r="87928" spans="1:7" x14ac:dyDescent="0.3">
      <c r="A87928" s="13" t="s">
        <v>440</v>
      </c>
      <c r="B87928" s="14" t="s">
        <v>1</v>
      </c>
      <c r="C87928" s="14" t="s">
        <v>137</v>
      </c>
      <c r="D87928" s="14" t="s">
        <v>39</v>
      </c>
      <c r="E87928" s="15">
        <v>45704</v>
      </c>
      <c r="F87928" s="14" t="s">
        <v>15</v>
      </c>
      <c r="G87928" s="16">
        <v>6.1981499593205172</v>
      </c>
    </row>
    <row r="87929" spans="1:7" x14ac:dyDescent="0.3">
      <c r="A87929" s="13" t="s">
        <v>440</v>
      </c>
      <c r="B87929" s="14" t="s">
        <v>1</v>
      </c>
      <c r="C87929" s="14" t="s">
        <v>137</v>
      </c>
      <c r="D87929" s="14" t="s">
        <v>39</v>
      </c>
      <c r="E87929" s="15">
        <v>45705</v>
      </c>
      <c r="F87929" s="14" t="s">
        <v>15</v>
      </c>
      <c r="G87929" s="16">
        <v>6.354187173746638</v>
      </c>
    </row>
    <row r="87930" spans="1:7" x14ac:dyDescent="0.3">
      <c r="A87930" s="13" t="s">
        <v>440</v>
      </c>
      <c r="B87930" s="14" t="s">
        <v>1</v>
      </c>
      <c r="C87930" s="14" t="s">
        <v>137</v>
      </c>
      <c r="D87930" s="14" t="s">
        <v>39</v>
      </c>
      <c r="E87930" s="15">
        <v>45706</v>
      </c>
      <c r="F87930" s="14" t="s">
        <v>15</v>
      </c>
      <c r="G87930" s="16">
        <v>6.4132243881727593</v>
      </c>
    </row>
    <row r="87931" spans="1:7" x14ac:dyDescent="0.3">
      <c r="A87931" s="13" t="s">
        <v>440</v>
      </c>
      <c r="B87931" s="14" t="s">
        <v>1</v>
      </c>
      <c r="C87931" s="14" t="s">
        <v>137</v>
      </c>
      <c r="D87931" s="14" t="s">
        <v>39</v>
      </c>
      <c r="E87931" s="15">
        <v>45707</v>
      </c>
      <c r="F87931" s="14" t="s">
        <v>15</v>
      </c>
      <c r="G87931" s="16">
        <v>6.4342616025988804</v>
      </c>
    </row>
    <row r="87932" spans="1:7" x14ac:dyDescent="0.3">
      <c r="A87932" s="13" t="s">
        <v>440</v>
      </c>
      <c r="B87932" s="14" t="s">
        <v>1</v>
      </c>
      <c r="C87932" s="14" t="s">
        <v>137</v>
      </c>
      <c r="D87932" s="14" t="s">
        <v>39</v>
      </c>
      <c r="E87932" s="15">
        <v>45708</v>
      </c>
      <c r="F87932" s="14" t="s">
        <v>15</v>
      </c>
      <c r="G87932" s="16">
        <v>6.4552988170250014</v>
      </c>
    </row>
    <row r="87933" spans="1:7" x14ac:dyDescent="0.3">
      <c r="A87933" s="13" t="s">
        <v>440</v>
      </c>
      <c r="B87933" s="14" t="s">
        <v>1</v>
      </c>
      <c r="C87933" s="14" t="s">
        <v>137</v>
      </c>
      <c r="D87933" s="14" t="s">
        <v>39</v>
      </c>
      <c r="E87933" s="15">
        <v>45709</v>
      </c>
      <c r="F87933" s="14" t="s">
        <v>15</v>
      </c>
      <c r="G87933" s="16">
        <v>6.475336031451123</v>
      </c>
    </row>
    <row r="87934" spans="1:7" x14ac:dyDescent="0.3">
      <c r="A87934" s="13" t="s">
        <v>440</v>
      </c>
      <c r="B87934" s="14" t="s">
        <v>1</v>
      </c>
      <c r="C87934" s="14" t="s">
        <v>137</v>
      </c>
      <c r="D87934" s="14" t="s">
        <v>39</v>
      </c>
      <c r="E87934" s="15">
        <v>45710</v>
      </c>
      <c r="F87934" s="14" t="s">
        <v>15</v>
      </c>
      <c r="G87934" s="16">
        <v>6.475336031451123</v>
      </c>
    </row>
    <row r="87935" spans="1:7" x14ac:dyDescent="0.3">
      <c r="A87935" s="13" t="s">
        <v>440</v>
      </c>
      <c r="B87935" s="14" t="s">
        <v>1</v>
      </c>
      <c r="C87935" s="14" t="s">
        <v>137</v>
      </c>
      <c r="D87935" s="14" t="s">
        <v>39</v>
      </c>
      <c r="E87935" s="15">
        <v>45711</v>
      </c>
      <c r="F87935" s="14" t="s">
        <v>15</v>
      </c>
      <c r="G87935" s="16">
        <v>6.475336031451123</v>
      </c>
    </row>
    <row r="87936" spans="1:7" x14ac:dyDescent="0.3">
      <c r="A87936" s="13" t="s">
        <v>440</v>
      </c>
      <c r="B87936" s="14" t="s">
        <v>1</v>
      </c>
      <c r="C87936" s="14" t="s">
        <v>137</v>
      </c>
      <c r="D87936" s="14" t="s">
        <v>39</v>
      </c>
      <c r="E87936" s="15">
        <v>45712</v>
      </c>
      <c r="F87936" s="14" t="s">
        <v>15</v>
      </c>
      <c r="G87936" s="16">
        <v>6.4953732458772437</v>
      </c>
    </row>
    <row r="87937" spans="1:7" x14ac:dyDescent="0.3">
      <c r="A87937" s="13" t="s">
        <v>440</v>
      </c>
      <c r="B87937" s="14" t="s">
        <v>1</v>
      </c>
      <c r="C87937" s="14" t="s">
        <v>137</v>
      </c>
      <c r="D87937" s="14" t="s">
        <v>39</v>
      </c>
      <c r="E87937" s="15">
        <v>45713</v>
      </c>
      <c r="F87937" s="14" t="s">
        <v>15</v>
      </c>
      <c r="G87937" s="16">
        <v>6.5664104603033646</v>
      </c>
    </row>
    <row r="87938" spans="1:7" x14ac:dyDescent="0.3">
      <c r="A87938" s="13" t="s">
        <v>440</v>
      </c>
      <c r="B87938" s="14" t="s">
        <v>1</v>
      </c>
      <c r="C87938" s="14" t="s">
        <v>137</v>
      </c>
      <c r="D87938" s="14" t="s">
        <v>39</v>
      </c>
      <c r="E87938" s="15">
        <v>45714</v>
      </c>
      <c r="F87938" s="14" t="s">
        <v>15</v>
      </c>
      <c r="G87938" s="16">
        <v>6.5874476747294866</v>
      </c>
    </row>
    <row r="87939" spans="1:7" x14ac:dyDescent="0.3">
      <c r="A87939" s="13" t="s">
        <v>440</v>
      </c>
      <c r="B87939" s="14" t="s">
        <v>1</v>
      </c>
      <c r="C87939" s="14" t="s">
        <v>137</v>
      </c>
      <c r="D87939" s="14" t="s">
        <v>39</v>
      </c>
      <c r="E87939" s="15">
        <v>45715</v>
      </c>
      <c r="F87939" s="14" t="s">
        <v>15</v>
      </c>
      <c r="G87939" s="16">
        <v>6.6084848891556076</v>
      </c>
    </row>
    <row r="87940" spans="1:7" x14ac:dyDescent="0.3">
      <c r="A87940" s="13" t="s">
        <v>440</v>
      </c>
      <c r="B87940" s="14" t="s">
        <v>1</v>
      </c>
      <c r="C87940" s="14" t="s">
        <v>137</v>
      </c>
      <c r="D87940" s="14" t="s">
        <v>39</v>
      </c>
      <c r="E87940" s="15">
        <v>45716</v>
      </c>
      <c r="F87940" s="14" t="s">
        <v>15</v>
      </c>
      <c r="G87940" s="16">
        <v>6.6315221035817284</v>
      </c>
    </row>
    <row r="87941" spans="1:7" x14ac:dyDescent="0.3">
      <c r="A87941" s="13" t="s">
        <v>440</v>
      </c>
      <c r="B87941" s="14" t="s">
        <v>1</v>
      </c>
      <c r="C87941" s="14" t="s">
        <v>137</v>
      </c>
      <c r="D87941" s="14" t="s">
        <v>39</v>
      </c>
      <c r="E87941" s="15">
        <v>45717</v>
      </c>
      <c r="F87941" s="14" t="s">
        <v>15</v>
      </c>
      <c r="G87941" s="16">
        <v>6.6315221035817284</v>
      </c>
    </row>
    <row r="87942" spans="1:7" x14ac:dyDescent="0.3">
      <c r="A87942" s="13" t="s">
        <v>440</v>
      </c>
      <c r="B87942" s="14" t="s">
        <v>1</v>
      </c>
      <c r="C87942" s="14" t="s">
        <v>137</v>
      </c>
      <c r="D87942" s="14" t="s">
        <v>39</v>
      </c>
      <c r="E87942" s="15">
        <v>45718</v>
      </c>
      <c r="F87942" s="14" t="s">
        <v>15</v>
      </c>
      <c r="G87942" s="16">
        <v>6.6315221035817284</v>
      </c>
    </row>
    <row r="87943" spans="1:7" x14ac:dyDescent="0.3">
      <c r="A87943" s="13" t="s">
        <v>440</v>
      </c>
      <c r="B87943" s="14" t="s">
        <v>1</v>
      </c>
      <c r="C87943" s="14" t="s">
        <v>137</v>
      </c>
      <c r="D87943" s="14" t="s">
        <v>39</v>
      </c>
      <c r="E87943" s="15">
        <v>45719</v>
      </c>
      <c r="F87943" s="14" t="s">
        <v>15</v>
      </c>
      <c r="G87943" s="16">
        <v>6.6945593180078502</v>
      </c>
    </row>
    <row r="87944" spans="1:7" x14ac:dyDescent="0.3">
      <c r="A87944" s="13" t="s">
        <v>440</v>
      </c>
      <c r="B87944" s="14" t="s">
        <v>1</v>
      </c>
      <c r="C87944" s="14" t="s">
        <v>137</v>
      </c>
      <c r="D87944" s="14" t="s">
        <v>39</v>
      </c>
      <c r="E87944" s="15">
        <v>45720</v>
      </c>
      <c r="F87944" s="14" t="s">
        <v>15</v>
      </c>
      <c r="G87944" s="16">
        <v>6.7555965324339713</v>
      </c>
    </row>
    <row r="87945" spans="1:7" x14ac:dyDescent="0.3">
      <c r="A87945" s="13" t="s">
        <v>440</v>
      </c>
      <c r="B87945" s="14" t="s">
        <v>1</v>
      </c>
      <c r="C87945" s="14" t="s">
        <v>137</v>
      </c>
      <c r="D87945" s="14" t="s">
        <v>39</v>
      </c>
      <c r="E87945" s="15">
        <v>45721</v>
      </c>
      <c r="F87945" s="14" t="s">
        <v>15</v>
      </c>
      <c r="G87945" s="16">
        <v>6.7776337468600918</v>
      </c>
    </row>
    <row r="87946" spans="1:7" x14ac:dyDescent="0.3">
      <c r="A87946" s="13" t="s">
        <v>440</v>
      </c>
      <c r="B87946" s="14" t="s">
        <v>1</v>
      </c>
      <c r="C87946" s="14" t="s">
        <v>137</v>
      </c>
      <c r="D87946" s="14" t="s">
        <v>39</v>
      </c>
      <c r="E87946" s="15">
        <v>45722</v>
      </c>
      <c r="F87946" s="14" t="s">
        <v>15</v>
      </c>
      <c r="G87946" s="16">
        <v>6.7966709612862122</v>
      </c>
    </row>
    <row r="87947" spans="1:7" x14ac:dyDescent="0.3">
      <c r="A87947" s="13" t="s">
        <v>440</v>
      </c>
      <c r="B87947" s="14" t="s">
        <v>1</v>
      </c>
      <c r="C87947" s="14" t="s">
        <v>137</v>
      </c>
      <c r="D87947" s="14" t="s">
        <v>39</v>
      </c>
      <c r="E87947" s="15">
        <v>45723</v>
      </c>
      <c r="F87947" s="14" t="s">
        <v>15</v>
      </c>
      <c r="G87947" s="16">
        <v>6.8167081757123329</v>
      </c>
    </row>
    <row r="87948" spans="1:7" x14ac:dyDescent="0.3">
      <c r="A87948" s="13" t="s">
        <v>440</v>
      </c>
      <c r="B87948" s="14" t="s">
        <v>1</v>
      </c>
      <c r="C87948" s="14" t="s">
        <v>137</v>
      </c>
      <c r="D87948" s="14" t="s">
        <v>39</v>
      </c>
      <c r="E87948" s="15">
        <v>45724</v>
      </c>
      <c r="F87948" s="14" t="s">
        <v>15</v>
      </c>
      <c r="G87948" s="16">
        <v>6.8167081757123329</v>
      </c>
    </row>
    <row r="87949" spans="1:7" x14ac:dyDescent="0.3">
      <c r="A87949" s="13" t="s">
        <v>440</v>
      </c>
      <c r="B87949" s="14" t="s">
        <v>1</v>
      </c>
      <c r="C87949" s="14" t="s">
        <v>137</v>
      </c>
      <c r="D87949" s="14" t="s">
        <v>39</v>
      </c>
      <c r="E87949" s="15">
        <v>45725</v>
      </c>
      <c r="F87949" s="14" t="s">
        <v>15</v>
      </c>
      <c r="G87949" s="16">
        <v>6.8167081757123329</v>
      </c>
    </row>
    <row r="87950" spans="1:7" x14ac:dyDescent="0.3">
      <c r="A87950" s="13" t="s">
        <v>440</v>
      </c>
      <c r="B87950" s="14" t="s">
        <v>1</v>
      </c>
      <c r="C87950" s="14" t="s">
        <v>137</v>
      </c>
      <c r="D87950" s="14" t="s">
        <v>39</v>
      </c>
      <c r="E87950" s="15">
        <v>45726</v>
      </c>
      <c r="F87950" s="14" t="s">
        <v>15</v>
      </c>
      <c r="G87950" s="16">
        <v>6.8387453901384534</v>
      </c>
    </row>
    <row r="87951" spans="1:7" x14ac:dyDescent="0.3">
      <c r="A87951" s="13" t="s">
        <v>440</v>
      </c>
      <c r="B87951" s="14" t="s">
        <v>1</v>
      </c>
      <c r="C87951" s="14" t="s">
        <v>137</v>
      </c>
      <c r="D87951" s="14" t="s">
        <v>39</v>
      </c>
      <c r="E87951" s="15">
        <v>45727</v>
      </c>
      <c r="F87951" s="14" t="s">
        <v>15</v>
      </c>
      <c r="G87951" s="16">
        <v>6.8977826045645738</v>
      </c>
    </row>
    <row r="87952" spans="1:7" x14ac:dyDescent="0.3">
      <c r="A87952" s="13" t="s">
        <v>440</v>
      </c>
      <c r="B87952" s="14" t="s">
        <v>1</v>
      </c>
      <c r="C87952" s="14" t="s">
        <v>137</v>
      </c>
      <c r="D87952" s="14" t="s">
        <v>39</v>
      </c>
      <c r="E87952" s="15">
        <v>45728</v>
      </c>
      <c r="F87952" s="14" t="s">
        <v>15</v>
      </c>
      <c r="G87952" s="16">
        <v>6.9178198189906954</v>
      </c>
    </row>
    <row r="87953" spans="1:7" x14ac:dyDescent="0.3">
      <c r="A87953" s="13" t="s">
        <v>440</v>
      </c>
      <c r="B87953" s="14" t="s">
        <v>1</v>
      </c>
      <c r="C87953" s="14" t="s">
        <v>137</v>
      </c>
      <c r="D87953" s="14" t="s">
        <v>39</v>
      </c>
      <c r="E87953" s="15">
        <v>45729</v>
      </c>
      <c r="F87953" s="14" t="s">
        <v>15</v>
      </c>
      <c r="G87953" s="16">
        <v>6.9378570334168161</v>
      </c>
    </row>
    <row r="87954" spans="1:7" x14ac:dyDescent="0.3">
      <c r="A87954" s="13" t="s">
        <v>440</v>
      </c>
      <c r="B87954" s="14" t="s">
        <v>1</v>
      </c>
      <c r="C87954" s="14" t="s">
        <v>137</v>
      </c>
      <c r="D87954" s="14" t="s">
        <v>39</v>
      </c>
      <c r="E87954" s="15">
        <v>45730</v>
      </c>
      <c r="F87954" s="14" t="s">
        <v>15</v>
      </c>
      <c r="G87954" s="16">
        <v>6.9578942478429369</v>
      </c>
    </row>
    <row r="87955" spans="1:7" x14ac:dyDescent="0.3">
      <c r="A87955" s="13" t="s">
        <v>440</v>
      </c>
      <c r="B87955" s="14" t="s">
        <v>1</v>
      </c>
      <c r="C87955" s="14" t="s">
        <v>137</v>
      </c>
      <c r="D87955" s="14" t="s">
        <v>39</v>
      </c>
      <c r="E87955" s="15">
        <v>45731</v>
      </c>
      <c r="F87955" s="14" t="s">
        <v>15</v>
      </c>
      <c r="G87955" s="16">
        <v>6.9578942478429369</v>
      </c>
    </row>
    <row r="87956" spans="1:7" x14ac:dyDescent="0.3">
      <c r="A87956" s="13" t="s">
        <v>440</v>
      </c>
      <c r="B87956" s="14" t="s">
        <v>1</v>
      </c>
      <c r="C87956" s="14" t="s">
        <v>137</v>
      </c>
      <c r="D87956" s="14" t="s">
        <v>39</v>
      </c>
      <c r="E87956" s="15">
        <v>45732</v>
      </c>
      <c r="F87956" s="14" t="s">
        <v>15</v>
      </c>
      <c r="G87956" s="16">
        <v>6.9578942478429369</v>
      </c>
    </row>
    <row r="87957" spans="1:7" x14ac:dyDescent="0.3">
      <c r="A87957" s="13" t="s">
        <v>440</v>
      </c>
      <c r="B87957" s="14" t="s">
        <v>1</v>
      </c>
      <c r="C87957" s="14" t="s">
        <v>137</v>
      </c>
      <c r="D87957" s="14" t="s">
        <v>39</v>
      </c>
      <c r="E87957" s="15">
        <v>45733</v>
      </c>
      <c r="F87957" s="14" t="s">
        <v>15</v>
      </c>
      <c r="G87957" s="16">
        <v>6.9578942478429369</v>
      </c>
    </row>
    <row r="87958" spans="1:7" x14ac:dyDescent="0.3">
      <c r="A87958" s="13" t="s">
        <v>440</v>
      </c>
      <c r="B87958" s="14" t="s">
        <v>1</v>
      </c>
      <c r="C87958" s="14" t="s">
        <v>137</v>
      </c>
      <c r="D87958" s="14" t="s">
        <v>39</v>
      </c>
      <c r="E87958" s="15">
        <v>45734</v>
      </c>
      <c r="F87958" s="14" t="s">
        <v>15</v>
      </c>
      <c r="G87958" s="16">
        <v>6.9779314622690576</v>
      </c>
    </row>
    <row r="87959" spans="1:7" x14ac:dyDescent="0.3">
      <c r="A87959" s="13" t="s">
        <v>440</v>
      </c>
      <c r="B87959" s="14" t="s">
        <v>1</v>
      </c>
      <c r="C87959" s="14" t="s">
        <v>137</v>
      </c>
      <c r="D87959" s="14" t="s">
        <v>39</v>
      </c>
      <c r="E87959" s="15">
        <v>45735</v>
      </c>
      <c r="F87959" s="14" t="s">
        <v>15</v>
      </c>
      <c r="G87959" s="16">
        <v>7.0569686766951794</v>
      </c>
    </row>
    <row r="87960" spans="1:7" x14ac:dyDescent="0.3">
      <c r="A87960" s="13" t="s">
        <v>440</v>
      </c>
      <c r="B87960" s="14" t="s">
        <v>1</v>
      </c>
      <c r="C87960" s="14" t="s">
        <v>137</v>
      </c>
      <c r="D87960" s="14" t="s">
        <v>39</v>
      </c>
      <c r="E87960" s="15">
        <v>45736</v>
      </c>
      <c r="F87960" s="14" t="s">
        <v>15</v>
      </c>
      <c r="G87960" s="16">
        <v>7.0770058911213001</v>
      </c>
    </row>
    <row r="87961" spans="1:7" x14ac:dyDescent="0.3">
      <c r="A87961" s="13" t="s">
        <v>440</v>
      </c>
      <c r="B87961" s="14" t="s">
        <v>1</v>
      </c>
      <c r="C87961" s="14" t="s">
        <v>137</v>
      </c>
      <c r="D87961" s="14" t="s">
        <v>39</v>
      </c>
      <c r="E87961" s="15">
        <v>45737</v>
      </c>
      <c r="F87961" s="14" t="s">
        <v>15</v>
      </c>
      <c r="G87961" s="16">
        <v>7.1010431055474212</v>
      </c>
    </row>
    <row r="87962" spans="1:7" x14ac:dyDescent="0.3">
      <c r="A87962" s="13" t="s">
        <v>440</v>
      </c>
      <c r="B87962" s="14" t="s">
        <v>1</v>
      </c>
      <c r="C87962" s="14" t="s">
        <v>137</v>
      </c>
      <c r="D87962" s="14" t="s">
        <v>39</v>
      </c>
      <c r="E87962" s="15">
        <v>45738</v>
      </c>
      <c r="F87962" s="14" t="s">
        <v>15</v>
      </c>
      <c r="G87962" s="16">
        <v>7.1010431055474212</v>
      </c>
    </row>
    <row r="87963" spans="1:7" x14ac:dyDescent="0.3">
      <c r="A87963" s="13" t="s">
        <v>440</v>
      </c>
      <c r="B87963" s="14" t="s">
        <v>1</v>
      </c>
      <c r="C87963" s="14" t="s">
        <v>137</v>
      </c>
      <c r="D87963" s="14" t="s">
        <v>39</v>
      </c>
      <c r="E87963" s="15">
        <v>45739</v>
      </c>
      <c r="F87963" s="14" t="s">
        <v>15</v>
      </c>
      <c r="G87963" s="16">
        <v>7.1010431055474212</v>
      </c>
    </row>
    <row r="87964" spans="1:7" x14ac:dyDescent="0.3">
      <c r="A87964" s="13" t="s">
        <v>440</v>
      </c>
      <c r="B87964" s="14" t="s">
        <v>1</v>
      </c>
      <c r="C87964" s="14" t="s">
        <v>137</v>
      </c>
      <c r="D87964" s="14" t="s">
        <v>39</v>
      </c>
      <c r="E87964" s="15">
        <v>45740</v>
      </c>
      <c r="F87964" s="14" t="s">
        <v>15</v>
      </c>
      <c r="G87964" s="16">
        <v>7.121080319973542</v>
      </c>
    </row>
    <row r="87965" spans="1:7" x14ac:dyDescent="0.3">
      <c r="A87965" s="13" t="s">
        <v>440</v>
      </c>
      <c r="B87965" s="14" t="s">
        <v>1</v>
      </c>
      <c r="C87965" s="14" t="s">
        <v>137</v>
      </c>
      <c r="D87965" s="14" t="s">
        <v>39</v>
      </c>
      <c r="E87965" s="15">
        <v>45741</v>
      </c>
      <c r="F87965" s="14" t="s">
        <v>15</v>
      </c>
      <c r="G87965" s="16">
        <v>7.1801175343996633</v>
      </c>
    </row>
    <row r="87966" spans="1:7" x14ac:dyDescent="0.3">
      <c r="A87966" s="13" t="s">
        <v>440</v>
      </c>
      <c r="B87966" s="14" t="s">
        <v>1</v>
      </c>
      <c r="C87966" s="14" t="s">
        <v>137</v>
      </c>
      <c r="D87966" s="14" t="s">
        <v>39</v>
      </c>
      <c r="E87966" s="15">
        <v>45742</v>
      </c>
      <c r="F87966" s="14" t="s">
        <v>15</v>
      </c>
      <c r="G87966" s="16">
        <v>7.1991547488257837</v>
      </c>
    </row>
    <row r="87967" spans="1:7" x14ac:dyDescent="0.3">
      <c r="A87967" s="13" t="s">
        <v>440</v>
      </c>
      <c r="B87967" s="14" t="s">
        <v>1</v>
      </c>
      <c r="C87967" s="14" t="s">
        <v>137</v>
      </c>
      <c r="D87967" s="14" t="s">
        <v>39</v>
      </c>
      <c r="E87967" s="15">
        <v>45743</v>
      </c>
      <c r="F87967" s="14" t="s">
        <v>15</v>
      </c>
      <c r="G87967" s="16">
        <v>7.2191919632519044</v>
      </c>
    </row>
    <row r="87968" spans="1:7" x14ac:dyDescent="0.3">
      <c r="A87968" s="13" t="s">
        <v>440</v>
      </c>
      <c r="B87968" s="14" t="s">
        <v>1</v>
      </c>
      <c r="C87968" s="14" t="s">
        <v>137</v>
      </c>
      <c r="D87968" s="14" t="s">
        <v>39</v>
      </c>
      <c r="E87968" s="15">
        <v>45744</v>
      </c>
      <c r="F87968" s="14" t="s">
        <v>15</v>
      </c>
      <c r="G87968" s="16">
        <v>7.2392291776780251</v>
      </c>
    </row>
    <row r="87969" spans="1:7" x14ac:dyDescent="0.3">
      <c r="A87969" s="13" t="s">
        <v>440</v>
      </c>
      <c r="B87969" s="14" t="s">
        <v>1</v>
      </c>
      <c r="C87969" s="14" t="s">
        <v>137</v>
      </c>
      <c r="D87969" s="14" t="s">
        <v>39</v>
      </c>
      <c r="E87969" s="15">
        <v>45745</v>
      </c>
      <c r="F87969" s="14" t="s">
        <v>15</v>
      </c>
      <c r="G87969" s="16">
        <v>7.2392291776780251</v>
      </c>
    </row>
    <row r="87970" spans="1:7" x14ac:dyDescent="0.3">
      <c r="A87970" s="13" t="s">
        <v>440</v>
      </c>
      <c r="B87970" s="14" t="s">
        <v>1</v>
      </c>
      <c r="C87970" s="14" t="s">
        <v>137</v>
      </c>
      <c r="D87970" s="14" t="s">
        <v>39</v>
      </c>
      <c r="E87970" s="15">
        <v>45746</v>
      </c>
      <c r="F87970" s="14" t="s">
        <v>15</v>
      </c>
      <c r="G87970" s="16">
        <v>7.2392291776780251</v>
      </c>
    </row>
    <row r="87971" spans="1:7" x14ac:dyDescent="0.3">
      <c r="A87971" s="13" t="s">
        <v>440</v>
      </c>
      <c r="B87971" s="14" t="s">
        <v>1</v>
      </c>
      <c r="C87971" s="14" t="s">
        <v>137</v>
      </c>
      <c r="D87971" s="14" t="s">
        <v>39</v>
      </c>
      <c r="E87971" s="15">
        <v>45747</v>
      </c>
      <c r="F87971" s="14" t="s">
        <v>15</v>
      </c>
      <c r="G87971" s="16">
        <v>7.260266392104147</v>
      </c>
    </row>
    <row r="87972" spans="1:7" x14ac:dyDescent="0.3">
      <c r="A87972" s="13" t="s">
        <v>441</v>
      </c>
      <c r="B87972" s="14" t="s">
        <v>1</v>
      </c>
      <c r="C87972" s="14" t="s">
        <v>51</v>
      </c>
      <c r="D87972" s="14" t="s">
        <v>442</v>
      </c>
      <c r="E87972" s="15">
        <v>45383</v>
      </c>
      <c r="F87972" s="14" t="s">
        <v>15</v>
      </c>
      <c r="G87972" s="16">
        <v>0</v>
      </c>
    </row>
    <row r="87973" spans="1:7" x14ac:dyDescent="0.3">
      <c r="A87973" s="13" t="s">
        <v>441</v>
      </c>
      <c r="B87973" s="14" t="s">
        <v>1</v>
      </c>
      <c r="C87973" s="14" t="s">
        <v>51</v>
      </c>
      <c r="D87973" s="14" t="s">
        <v>442</v>
      </c>
      <c r="E87973" s="15">
        <v>45384</v>
      </c>
      <c r="F87973" s="14" t="s">
        <v>15</v>
      </c>
      <c r="G87973" s="16">
        <v>0</v>
      </c>
    </row>
    <row r="87974" spans="1:7" x14ac:dyDescent="0.3">
      <c r="A87974" s="13" t="s">
        <v>441</v>
      </c>
      <c r="B87974" s="14" t="s">
        <v>1</v>
      </c>
      <c r="C87974" s="14" t="s">
        <v>51</v>
      </c>
      <c r="D87974" s="14" t="s">
        <v>442</v>
      </c>
      <c r="E87974" s="15">
        <v>45385</v>
      </c>
      <c r="F87974" s="14" t="s">
        <v>15</v>
      </c>
      <c r="G87974" s="16">
        <v>0</v>
      </c>
    </row>
    <row r="87975" spans="1:7" x14ac:dyDescent="0.3">
      <c r="A87975" s="13" t="s">
        <v>441</v>
      </c>
      <c r="B87975" s="14" t="s">
        <v>1</v>
      </c>
      <c r="C87975" s="14" t="s">
        <v>51</v>
      </c>
      <c r="D87975" s="14" t="s">
        <v>442</v>
      </c>
      <c r="E87975" s="15">
        <v>45386</v>
      </c>
      <c r="F87975" s="14" t="s">
        <v>15</v>
      </c>
      <c r="G87975" s="16">
        <v>0</v>
      </c>
    </row>
    <row r="87976" spans="1:7" x14ac:dyDescent="0.3">
      <c r="A87976" s="13" t="s">
        <v>441</v>
      </c>
      <c r="B87976" s="14" t="s">
        <v>1</v>
      </c>
      <c r="C87976" s="14" t="s">
        <v>51</v>
      </c>
      <c r="D87976" s="14" t="s">
        <v>442</v>
      </c>
      <c r="E87976" s="15">
        <v>45387</v>
      </c>
      <c r="F87976" s="14" t="s">
        <v>15</v>
      </c>
      <c r="G87976" s="16">
        <v>0</v>
      </c>
    </row>
    <row r="87977" spans="1:7" x14ac:dyDescent="0.3">
      <c r="A87977" s="13" t="s">
        <v>441</v>
      </c>
      <c r="B87977" s="14" t="s">
        <v>1</v>
      </c>
      <c r="C87977" s="14" t="s">
        <v>51</v>
      </c>
      <c r="D87977" s="14" t="s">
        <v>442</v>
      </c>
      <c r="E87977" s="15">
        <v>45388</v>
      </c>
      <c r="F87977" s="14" t="s">
        <v>15</v>
      </c>
      <c r="G87977" s="16">
        <v>0</v>
      </c>
    </row>
    <row r="87978" spans="1:7" x14ac:dyDescent="0.3">
      <c r="A87978" s="13" t="s">
        <v>441</v>
      </c>
      <c r="B87978" s="14" t="s">
        <v>1</v>
      </c>
      <c r="C87978" s="14" t="s">
        <v>51</v>
      </c>
      <c r="D87978" s="14" t="s">
        <v>442</v>
      </c>
      <c r="E87978" s="15">
        <v>45389</v>
      </c>
      <c r="F87978" s="14" t="s">
        <v>15</v>
      </c>
      <c r="G87978" s="16">
        <v>0</v>
      </c>
    </row>
    <row r="87979" spans="1:7" x14ac:dyDescent="0.3">
      <c r="A87979" s="13" t="s">
        <v>441</v>
      </c>
      <c r="B87979" s="14" t="s">
        <v>1</v>
      </c>
      <c r="C87979" s="14" t="s">
        <v>51</v>
      </c>
      <c r="D87979" s="14" t="s">
        <v>442</v>
      </c>
      <c r="E87979" s="15">
        <v>45390</v>
      </c>
      <c r="F87979" s="14" t="s">
        <v>15</v>
      </c>
      <c r="G87979" s="16">
        <v>0</v>
      </c>
    </row>
    <row r="87980" spans="1:7" x14ac:dyDescent="0.3">
      <c r="A87980" s="13" t="s">
        <v>441</v>
      </c>
      <c r="B87980" s="14" t="s">
        <v>1</v>
      </c>
      <c r="C87980" s="14" t="s">
        <v>51</v>
      </c>
      <c r="D87980" s="14" t="s">
        <v>442</v>
      </c>
      <c r="E87980" s="15">
        <v>45391</v>
      </c>
      <c r="F87980" s="14" t="s">
        <v>15</v>
      </c>
      <c r="G87980" s="16">
        <v>0</v>
      </c>
    </row>
    <row r="87981" spans="1:7" x14ac:dyDescent="0.3">
      <c r="A87981" s="13" t="s">
        <v>441</v>
      </c>
      <c r="B87981" s="14" t="s">
        <v>1</v>
      </c>
      <c r="C87981" s="14" t="s">
        <v>51</v>
      </c>
      <c r="D87981" s="14" t="s">
        <v>442</v>
      </c>
      <c r="E87981" s="15">
        <v>45392</v>
      </c>
      <c r="F87981" s="14" t="s">
        <v>15</v>
      </c>
      <c r="G87981" s="16">
        <v>0</v>
      </c>
    </row>
    <row r="87982" spans="1:7" x14ac:dyDescent="0.3">
      <c r="A87982" s="13" t="s">
        <v>441</v>
      </c>
      <c r="B87982" s="14" t="s">
        <v>1</v>
      </c>
      <c r="C87982" s="14" t="s">
        <v>51</v>
      </c>
      <c r="D87982" s="14" t="s">
        <v>442</v>
      </c>
      <c r="E87982" s="15">
        <v>45393</v>
      </c>
      <c r="F87982" s="14" t="s">
        <v>15</v>
      </c>
      <c r="G87982" s="16">
        <v>0</v>
      </c>
    </row>
    <row r="87983" spans="1:7" x14ac:dyDescent="0.3">
      <c r="A87983" s="13" t="s">
        <v>441</v>
      </c>
      <c r="B87983" s="14" t="s">
        <v>1</v>
      </c>
      <c r="C87983" s="14" t="s">
        <v>51</v>
      </c>
      <c r="D87983" s="14" t="s">
        <v>442</v>
      </c>
      <c r="E87983" s="15">
        <v>45394</v>
      </c>
      <c r="F87983" s="14" t="s">
        <v>15</v>
      </c>
      <c r="G87983" s="16">
        <v>0</v>
      </c>
    </row>
    <row r="87984" spans="1:7" x14ac:dyDescent="0.3">
      <c r="A87984" s="13" t="s">
        <v>441</v>
      </c>
      <c r="B87984" s="14" t="s">
        <v>1</v>
      </c>
      <c r="C87984" s="14" t="s">
        <v>51</v>
      </c>
      <c r="D87984" s="14" t="s">
        <v>442</v>
      </c>
      <c r="E87984" s="15">
        <v>45395</v>
      </c>
      <c r="F87984" s="14" t="s">
        <v>15</v>
      </c>
      <c r="G87984" s="16">
        <v>0</v>
      </c>
    </row>
    <row r="87985" spans="1:7" x14ac:dyDescent="0.3">
      <c r="A87985" s="13" t="s">
        <v>441</v>
      </c>
      <c r="B87985" s="14" t="s">
        <v>1</v>
      </c>
      <c r="C87985" s="14" t="s">
        <v>51</v>
      </c>
      <c r="D87985" s="14" t="s">
        <v>442</v>
      </c>
      <c r="E87985" s="15">
        <v>45396</v>
      </c>
      <c r="F87985" s="14" t="s">
        <v>15</v>
      </c>
      <c r="G87985" s="16">
        <v>0</v>
      </c>
    </row>
    <row r="87986" spans="1:7" x14ac:dyDescent="0.3">
      <c r="A87986" s="13" t="s">
        <v>441</v>
      </c>
      <c r="B87986" s="14" t="s">
        <v>1</v>
      </c>
      <c r="C87986" s="14" t="s">
        <v>51</v>
      </c>
      <c r="D87986" s="14" t="s">
        <v>442</v>
      </c>
      <c r="E87986" s="15">
        <v>45397</v>
      </c>
      <c r="F87986" s="14" t="s">
        <v>15</v>
      </c>
      <c r="G87986" s="16">
        <v>0</v>
      </c>
    </row>
    <row r="87987" spans="1:7" x14ac:dyDescent="0.3">
      <c r="A87987" s="13" t="s">
        <v>441</v>
      </c>
      <c r="B87987" s="14" t="s">
        <v>1</v>
      </c>
      <c r="C87987" s="14" t="s">
        <v>51</v>
      </c>
      <c r="D87987" s="14" t="s">
        <v>442</v>
      </c>
      <c r="E87987" s="15">
        <v>45398</v>
      </c>
      <c r="F87987" s="14" t="s">
        <v>15</v>
      </c>
      <c r="G87987" s="16">
        <v>0</v>
      </c>
    </row>
    <row r="87988" spans="1:7" x14ac:dyDescent="0.3">
      <c r="A87988" s="13" t="s">
        <v>441</v>
      </c>
      <c r="B87988" s="14" t="s">
        <v>1</v>
      </c>
      <c r="C87988" s="14" t="s">
        <v>51</v>
      </c>
      <c r="D87988" s="14" t="s">
        <v>442</v>
      </c>
      <c r="E87988" s="15">
        <v>45399</v>
      </c>
      <c r="F87988" s="14" t="s">
        <v>15</v>
      </c>
      <c r="G87988" s="16">
        <v>0</v>
      </c>
    </row>
    <row r="87989" spans="1:7" x14ac:dyDescent="0.3">
      <c r="A87989" s="13" t="s">
        <v>441</v>
      </c>
      <c r="B87989" s="14" t="s">
        <v>1</v>
      </c>
      <c r="C87989" s="14" t="s">
        <v>51</v>
      </c>
      <c r="D87989" s="14" t="s">
        <v>442</v>
      </c>
      <c r="E87989" s="15">
        <v>45400</v>
      </c>
      <c r="F87989" s="14" t="s">
        <v>15</v>
      </c>
      <c r="G87989" s="16">
        <v>0</v>
      </c>
    </row>
    <row r="87990" spans="1:7" x14ac:dyDescent="0.3">
      <c r="A87990" s="13" t="s">
        <v>441</v>
      </c>
      <c r="B87990" s="14" t="s">
        <v>1</v>
      </c>
      <c r="C87990" s="14" t="s">
        <v>51</v>
      </c>
      <c r="D87990" s="14" t="s">
        <v>442</v>
      </c>
      <c r="E87990" s="15">
        <v>45401</v>
      </c>
      <c r="F87990" s="14" t="s">
        <v>15</v>
      </c>
      <c r="G87990" s="16">
        <v>0</v>
      </c>
    </row>
    <row r="87991" spans="1:7" x14ac:dyDescent="0.3">
      <c r="A87991" s="13" t="s">
        <v>441</v>
      </c>
      <c r="B87991" s="14" t="s">
        <v>1</v>
      </c>
      <c r="C87991" s="14" t="s">
        <v>51</v>
      </c>
      <c r="D87991" s="14" t="s">
        <v>442</v>
      </c>
      <c r="E87991" s="15">
        <v>45402</v>
      </c>
      <c r="F87991" s="14" t="s">
        <v>15</v>
      </c>
      <c r="G87991" s="16">
        <v>0</v>
      </c>
    </row>
    <row r="87992" spans="1:7" x14ac:dyDescent="0.3">
      <c r="A87992" s="13" t="s">
        <v>441</v>
      </c>
      <c r="B87992" s="14" t="s">
        <v>1</v>
      </c>
      <c r="C87992" s="14" t="s">
        <v>51</v>
      </c>
      <c r="D87992" s="14" t="s">
        <v>442</v>
      </c>
      <c r="E87992" s="15">
        <v>45403</v>
      </c>
      <c r="F87992" s="14" t="s">
        <v>15</v>
      </c>
      <c r="G87992" s="16">
        <v>0</v>
      </c>
    </row>
    <row r="87993" spans="1:7" x14ac:dyDescent="0.3">
      <c r="A87993" s="13" t="s">
        <v>441</v>
      </c>
      <c r="B87993" s="14" t="s">
        <v>1</v>
      </c>
      <c r="C87993" s="14" t="s">
        <v>51</v>
      </c>
      <c r="D87993" s="14" t="s">
        <v>442</v>
      </c>
      <c r="E87993" s="15">
        <v>45404</v>
      </c>
      <c r="F87993" s="14" t="s">
        <v>15</v>
      </c>
      <c r="G87993" s="16">
        <v>0</v>
      </c>
    </row>
    <row r="87994" spans="1:7" x14ac:dyDescent="0.3">
      <c r="A87994" s="13" t="s">
        <v>441</v>
      </c>
      <c r="B87994" s="14" t="s">
        <v>1</v>
      </c>
      <c r="C87994" s="14" t="s">
        <v>51</v>
      </c>
      <c r="D87994" s="14" t="s">
        <v>442</v>
      </c>
      <c r="E87994" s="15">
        <v>45405</v>
      </c>
      <c r="F87994" s="14" t="s">
        <v>15</v>
      </c>
      <c r="G87994" s="16">
        <v>0</v>
      </c>
    </row>
    <row r="87995" spans="1:7" x14ac:dyDescent="0.3">
      <c r="A87995" s="13" t="s">
        <v>441</v>
      </c>
      <c r="B87995" s="14" t="s">
        <v>1</v>
      </c>
      <c r="C87995" s="14" t="s">
        <v>51</v>
      </c>
      <c r="D87995" s="14" t="s">
        <v>442</v>
      </c>
      <c r="E87995" s="15">
        <v>45406</v>
      </c>
      <c r="F87995" s="14" t="s">
        <v>15</v>
      </c>
      <c r="G87995" s="16">
        <v>0</v>
      </c>
    </row>
    <row r="87996" spans="1:7" x14ac:dyDescent="0.3">
      <c r="A87996" s="13" t="s">
        <v>441</v>
      </c>
      <c r="B87996" s="14" t="s">
        <v>1</v>
      </c>
      <c r="C87996" s="14" t="s">
        <v>51</v>
      </c>
      <c r="D87996" s="14" t="s">
        <v>442</v>
      </c>
      <c r="E87996" s="15">
        <v>45407</v>
      </c>
      <c r="F87996" s="14" t="s">
        <v>15</v>
      </c>
      <c r="G87996" s="16">
        <v>0</v>
      </c>
    </row>
    <row r="87997" spans="1:7" x14ac:dyDescent="0.3">
      <c r="A87997" s="13" t="s">
        <v>441</v>
      </c>
      <c r="B87997" s="14" t="s">
        <v>1</v>
      </c>
      <c r="C87997" s="14" t="s">
        <v>51</v>
      </c>
      <c r="D87997" s="14" t="s">
        <v>442</v>
      </c>
      <c r="E87997" s="15">
        <v>45408</v>
      </c>
      <c r="F87997" s="14" t="s">
        <v>15</v>
      </c>
      <c r="G87997" s="16">
        <v>0</v>
      </c>
    </row>
    <row r="87998" spans="1:7" x14ac:dyDescent="0.3">
      <c r="A87998" s="13" t="s">
        <v>441</v>
      </c>
      <c r="B87998" s="14" t="s">
        <v>1</v>
      </c>
      <c r="C87998" s="14" t="s">
        <v>51</v>
      </c>
      <c r="D87998" s="14" t="s">
        <v>442</v>
      </c>
      <c r="E87998" s="15">
        <v>45409</v>
      </c>
      <c r="F87998" s="14" t="s">
        <v>15</v>
      </c>
      <c r="G87998" s="16">
        <v>0</v>
      </c>
    </row>
    <row r="87999" spans="1:7" x14ac:dyDescent="0.3">
      <c r="A87999" s="13" t="s">
        <v>441</v>
      </c>
      <c r="B87999" s="14" t="s">
        <v>1</v>
      </c>
      <c r="C87999" s="14" t="s">
        <v>51</v>
      </c>
      <c r="D87999" s="14" t="s">
        <v>442</v>
      </c>
      <c r="E87999" s="15">
        <v>45410</v>
      </c>
      <c r="F87999" s="14" t="s">
        <v>15</v>
      </c>
      <c r="G87999" s="16">
        <v>0</v>
      </c>
    </row>
    <row r="88000" spans="1:7" x14ac:dyDescent="0.3">
      <c r="A88000" s="13" t="s">
        <v>441</v>
      </c>
      <c r="B88000" s="14" t="s">
        <v>1</v>
      </c>
      <c r="C88000" s="14" t="s">
        <v>51</v>
      </c>
      <c r="D88000" s="14" t="s">
        <v>442</v>
      </c>
      <c r="E88000" s="15">
        <v>45411</v>
      </c>
      <c r="F88000" s="14" t="s">
        <v>15</v>
      </c>
      <c r="G88000" s="16">
        <v>0</v>
      </c>
    </row>
    <row r="88001" spans="1:7" x14ac:dyDescent="0.3">
      <c r="A88001" s="13" t="s">
        <v>441</v>
      </c>
      <c r="B88001" s="14" t="s">
        <v>1</v>
      </c>
      <c r="C88001" s="14" t="s">
        <v>51</v>
      </c>
      <c r="D88001" s="14" t="s">
        <v>442</v>
      </c>
      <c r="E88001" s="15">
        <v>45412</v>
      </c>
      <c r="F88001" s="14" t="s">
        <v>15</v>
      </c>
      <c r="G88001" s="16">
        <v>0</v>
      </c>
    </row>
    <row r="88002" spans="1:7" x14ac:dyDescent="0.3">
      <c r="A88002" s="13" t="s">
        <v>441</v>
      </c>
      <c r="B88002" s="14" t="s">
        <v>1</v>
      </c>
      <c r="C88002" s="14" t="s">
        <v>51</v>
      </c>
      <c r="D88002" s="14" t="s">
        <v>442</v>
      </c>
      <c r="E88002" s="15">
        <v>45413</v>
      </c>
      <c r="F88002" s="14" t="s">
        <v>15</v>
      </c>
      <c r="G88002" s="16">
        <v>0</v>
      </c>
    </row>
    <row r="88003" spans="1:7" x14ac:dyDescent="0.3">
      <c r="A88003" s="13" t="s">
        <v>441</v>
      </c>
      <c r="B88003" s="14" t="s">
        <v>1</v>
      </c>
      <c r="C88003" s="14" t="s">
        <v>51</v>
      </c>
      <c r="D88003" s="14" t="s">
        <v>442</v>
      </c>
      <c r="E88003" s="15">
        <v>45414</v>
      </c>
      <c r="F88003" s="14" t="s">
        <v>15</v>
      </c>
      <c r="G88003" s="16">
        <v>0</v>
      </c>
    </row>
    <row r="88004" spans="1:7" x14ac:dyDescent="0.3">
      <c r="A88004" s="13" t="s">
        <v>441</v>
      </c>
      <c r="B88004" s="14" t="s">
        <v>1</v>
      </c>
      <c r="C88004" s="14" t="s">
        <v>51</v>
      </c>
      <c r="D88004" s="14" t="s">
        <v>442</v>
      </c>
      <c r="E88004" s="15">
        <v>45415</v>
      </c>
      <c r="F88004" s="14" t="s">
        <v>15</v>
      </c>
      <c r="G88004" s="16">
        <v>0</v>
      </c>
    </row>
    <row r="88005" spans="1:7" x14ac:dyDescent="0.3">
      <c r="A88005" s="13" t="s">
        <v>441</v>
      </c>
      <c r="B88005" s="14" t="s">
        <v>1</v>
      </c>
      <c r="C88005" s="14" t="s">
        <v>51</v>
      </c>
      <c r="D88005" s="14" t="s">
        <v>442</v>
      </c>
      <c r="E88005" s="15">
        <v>45416</v>
      </c>
      <c r="F88005" s="14" t="s">
        <v>15</v>
      </c>
      <c r="G88005" s="16">
        <v>0</v>
      </c>
    </row>
    <row r="88006" spans="1:7" x14ac:dyDescent="0.3">
      <c r="A88006" s="13" t="s">
        <v>441</v>
      </c>
      <c r="B88006" s="14" t="s">
        <v>1</v>
      </c>
      <c r="C88006" s="14" t="s">
        <v>51</v>
      </c>
      <c r="D88006" s="14" t="s">
        <v>442</v>
      </c>
      <c r="E88006" s="15">
        <v>45417</v>
      </c>
      <c r="F88006" s="14" t="s">
        <v>15</v>
      </c>
      <c r="G88006" s="16">
        <v>0</v>
      </c>
    </row>
    <row r="88007" spans="1:7" x14ac:dyDescent="0.3">
      <c r="A88007" s="13" t="s">
        <v>441</v>
      </c>
      <c r="B88007" s="14" t="s">
        <v>1</v>
      </c>
      <c r="C88007" s="14" t="s">
        <v>51</v>
      </c>
      <c r="D88007" s="14" t="s">
        <v>442</v>
      </c>
      <c r="E88007" s="15">
        <v>45418</v>
      </c>
      <c r="F88007" s="14" t="s">
        <v>15</v>
      </c>
      <c r="G88007" s="16">
        <v>0</v>
      </c>
    </row>
    <row r="88008" spans="1:7" x14ac:dyDescent="0.3">
      <c r="A88008" s="13" t="s">
        <v>441</v>
      </c>
      <c r="B88008" s="14" t="s">
        <v>1</v>
      </c>
      <c r="C88008" s="14" t="s">
        <v>51</v>
      </c>
      <c r="D88008" s="14" t="s">
        <v>442</v>
      </c>
      <c r="E88008" s="15">
        <v>45419</v>
      </c>
      <c r="F88008" s="14" t="s">
        <v>15</v>
      </c>
      <c r="G88008" s="16">
        <v>0</v>
      </c>
    </row>
    <row r="88009" spans="1:7" x14ac:dyDescent="0.3">
      <c r="A88009" s="13" t="s">
        <v>441</v>
      </c>
      <c r="B88009" s="14" t="s">
        <v>1</v>
      </c>
      <c r="C88009" s="14" t="s">
        <v>51</v>
      </c>
      <c r="D88009" s="14" t="s">
        <v>442</v>
      </c>
      <c r="E88009" s="15">
        <v>45420</v>
      </c>
      <c r="F88009" s="14" t="s">
        <v>15</v>
      </c>
      <c r="G88009" s="16">
        <v>0</v>
      </c>
    </row>
    <row r="88010" spans="1:7" x14ac:dyDescent="0.3">
      <c r="A88010" s="13" t="s">
        <v>441</v>
      </c>
      <c r="B88010" s="14" t="s">
        <v>1</v>
      </c>
      <c r="C88010" s="14" t="s">
        <v>51</v>
      </c>
      <c r="D88010" s="14" t="s">
        <v>442</v>
      </c>
      <c r="E88010" s="15">
        <v>45421</v>
      </c>
      <c r="F88010" s="14" t="s">
        <v>15</v>
      </c>
      <c r="G88010" s="16">
        <v>0</v>
      </c>
    </row>
    <row r="88011" spans="1:7" x14ac:dyDescent="0.3">
      <c r="A88011" s="13" t="s">
        <v>441</v>
      </c>
      <c r="B88011" s="14" t="s">
        <v>1</v>
      </c>
      <c r="C88011" s="14" t="s">
        <v>51</v>
      </c>
      <c r="D88011" s="14" t="s">
        <v>442</v>
      </c>
      <c r="E88011" s="15">
        <v>45422</v>
      </c>
      <c r="F88011" s="14" t="s">
        <v>15</v>
      </c>
      <c r="G88011" s="16">
        <v>0</v>
      </c>
    </row>
    <row r="88012" spans="1:7" x14ac:dyDescent="0.3">
      <c r="A88012" s="13" t="s">
        <v>441</v>
      </c>
      <c r="B88012" s="14" t="s">
        <v>1</v>
      </c>
      <c r="C88012" s="14" t="s">
        <v>51</v>
      </c>
      <c r="D88012" s="14" t="s">
        <v>442</v>
      </c>
      <c r="E88012" s="15">
        <v>45423</v>
      </c>
      <c r="F88012" s="14" t="s">
        <v>15</v>
      </c>
      <c r="G88012" s="16">
        <v>0</v>
      </c>
    </row>
    <row r="88013" spans="1:7" x14ac:dyDescent="0.3">
      <c r="A88013" s="13" t="s">
        <v>441</v>
      </c>
      <c r="B88013" s="14" t="s">
        <v>1</v>
      </c>
      <c r="C88013" s="14" t="s">
        <v>51</v>
      </c>
      <c r="D88013" s="14" t="s">
        <v>442</v>
      </c>
      <c r="E88013" s="15">
        <v>45424</v>
      </c>
      <c r="F88013" s="14" t="s">
        <v>15</v>
      </c>
      <c r="G88013" s="16">
        <v>0</v>
      </c>
    </row>
    <row r="88014" spans="1:7" x14ac:dyDescent="0.3">
      <c r="A88014" s="13" t="s">
        <v>441</v>
      </c>
      <c r="B88014" s="14" t="s">
        <v>1</v>
      </c>
      <c r="C88014" s="14" t="s">
        <v>51</v>
      </c>
      <c r="D88014" s="14" t="s">
        <v>442</v>
      </c>
      <c r="E88014" s="15">
        <v>45425</v>
      </c>
      <c r="F88014" s="14" t="s">
        <v>15</v>
      </c>
      <c r="G88014" s="16">
        <v>0</v>
      </c>
    </row>
    <row r="88015" spans="1:7" x14ac:dyDescent="0.3">
      <c r="A88015" s="13" t="s">
        <v>441</v>
      </c>
      <c r="B88015" s="14" t="s">
        <v>1</v>
      </c>
      <c r="C88015" s="14" t="s">
        <v>51</v>
      </c>
      <c r="D88015" s="14" t="s">
        <v>442</v>
      </c>
      <c r="E88015" s="15">
        <v>45426</v>
      </c>
      <c r="F88015" s="14" t="s">
        <v>15</v>
      </c>
      <c r="G88015" s="16">
        <v>0</v>
      </c>
    </row>
    <row r="88016" spans="1:7" x14ac:dyDescent="0.3">
      <c r="A88016" s="13" t="s">
        <v>441</v>
      </c>
      <c r="B88016" s="14" t="s">
        <v>1</v>
      </c>
      <c r="C88016" s="14" t="s">
        <v>51</v>
      </c>
      <c r="D88016" s="14" t="s">
        <v>442</v>
      </c>
      <c r="E88016" s="15">
        <v>45427</v>
      </c>
      <c r="F88016" s="14" t="s">
        <v>15</v>
      </c>
      <c r="G88016" s="16">
        <v>0</v>
      </c>
    </row>
    <row r="88017" spans="1:7" x14ac:dyDescent="0.3">
      <c r="A88017" s="13" t="s">
        <v>441</v>
      </c>
      <c r="B88017" s="14" t="s">
        <v>1</v>
      </c>
      <c r="C88017" s="14" t="s">
        <v>51</v>
      </c>
      <c r="D88017" s="14" t="s">
        <v>442</v>
      </c>
      <c r="E88017" s="15">
        <v>45428</v>
      </c>
      <c r="F88017" s="14" t="s">
        <v>15</v>
      </c>
      <c r="G88017" s="16">
        <v>0</v>
      </c>
    </row>
    <row r="88018" spans="1:7" x14ac:dyDescent="0.3">
      <c r="A88018" s="13" t="s">
        <v>441</v>
      </c>
      <c r="B88018" s="14" t="s">
        <v>1</v>
      </c>
      <c r="C88018" s="14" t="s">
        <v>51</v>
      </c>
      <c r="D88018" s="14" t="s">
        <v>442</v>
      </c>
      <c r="E88018" s="15">
        <v>45429</v>
      </c>
      <c r="F88018" s="14" t="s">
        <v>15</v>
      </c>
      <c r="G88018" s="16">
        <v>0</v>
      </c>
    </row>
    <row r="88019" spans="1:7" x14ac:dyDescent="0.3">
      <c r="A88019" s="13" t="s">
        <v>441</v>
      </c>
      <c r="B88019" s="14" t="s">
        <v>1</v>
      </c>
      <c r="C88019" s="14" t="s">
        <v>51</v>
      </c>
      <c r="D88019" s="14" t="s">
        <v>442</v>
      </c>
      <c r="E88019" s="15">
        <v>45430</v>
      </c>
      <c r="F88019" s="14" t="s">
        <v>15</v>
      </c>
      <c r="G88019" s="16">
        <v>0</v>
      </c>
    </row>
    <row r="88020" spans="1:7" x14ac:dyDescent="0.3">
      <c r="A88020" s="13" t="s">
        <v>441</v>
      </c>
      <c r="B88020" s="14" t="s">
        <v>1</v>
      </c>
      <c r="C88020" s="14" t="s">
        <v>51</v>
      </c>
      <c r="D88020" s="14" t="s">
        <v>442</v>
      </c>
      <c r="E88020" s="15">
        <v>45431</v>
      </c>
      <c r="F88020" s="14" t="s">
        <v>15</v>
      </c>
      <c r="G88020" s="16">
        <v>0</v>
      </c>
    </row>
    <row r="88021" spans="1:7" x14ac:dyDescent="0.3">
      <c r="A88021" s="13" t="s">
        <v>441</v>
      </c>
      <c r="B88021" s="14" t="s">
        <v>1</v>
      </c>
      <c r="C88021" s="14" t="s">
        <v>51</v>
      </c>
      <c r="D88021" s="14" t="s">
        <v>442</v>
      </c>
      <c r="E88021" s="15">
        <v>45432</v>
      </c>
      <c r="F88021" s="14" t="s">
        <v>15</v>
      </c>
      <c r="G88021" s="16">
        <v>0</v>
      </c>
    </row>
    <row r="88022" spans="1:7" x14ac:dyDescent="0.3">
      <c r="A88022" s="13" t="s">
        <v>441</v>
      </c>
      <c r="B88022" s="14" t="s">
        <v>1</v>
      </c>
      <c r="C88022" s="14" t="s">
        <v>51</v>
      </c>
      <c r="D88022" s="14" t="s">
        <v>442</v>
      </c>
      <c r="E88022" s="15">
        <v>45433</v>
      </c>
      <c r="F88022" s="14" t="s">
        <v>15</v>
      </c>
      <c r="G88022" s="16">
        <v>0</v>
      </c>
    </row>
    <row r="88023" spans="1:7" x14ac:dyDescent="0.3">
      <c r="A88023" s="13" t="s">
        <v>441</v>
      </c>
      <c r="B88023" s="14" t="s">
        <v>1</v>
      </c>
      <c r="C88023" s="14" t="s">
        <v>51</v>
      </c>
      <c r="D88023" s="14" t="s">
        <v>442</v>
      </c>
      <c r="E88023" s="15">
        <v>45434</v>
      </c>
      <c r="F88023" s="14" t="s">
        <v>15</v>
      </c>
      <c r="G88023" s="16">
        <v>0</v>
      </c>
    </row>
    <row r="88024" spans="1:7" x14ac:dyDescent="0.3">
      <c r="A88024" s="13" t="s">
        <v>441</v>
      </c>
      <c r="B88024" s="14" t="s">
        <v>1</v>
      </c>
      <c r="C88024" s="14" t="s">
        <v>51</v>
      </c>
      <c r="D88024" s="14" t="s">
        <v>442</v>
      </c>
      <c r="E88024" s="15">
        <v>45435</v>
      </c>
      <c r="F88024" s="14" t="s">
        <v>15</v>
      </c>
      <c r="G88024" s="16">
        <v>0</v>
      </c>
    </row>
    <row r="88025" spans="1:7" x14ac:dyDescent="0.3">
      <c r="A88025" s="13" t="s">
        <v>441</v>
      </c>
      <c r="B88025" s="14" t="s">
        <v>1</v>
      </c>
      <c r="C88025" s="14" t="s">
        <v>51</v>
      </c>
      <c r="D88025" s="14" t="s">
        <v>442</v>
      </c>
      <c r="E88025" s="15">
        <v>45436</v>
      </c>
      <c r="F88025" s="14" t="s">
        <v>15</v>
      </c>
      <c r="G88025" s="16">
        <v>0</v>
      </c>
    </row>
    <row r="88026" spans="1:7" x14ac:dyDescent="0.3">
      <c r="A88026" s="13" t="s">
        <v>441</v>
      </c>
      <c r="B88026" s="14" t="s">
        <v>1</v>
      </c>
      <c r="C88026" s="14" t="s">
        <v>51</v>
      </c>
      <c r="D88026" s="14" t="s">
        <v>442</v>
      </c>
      <c r="E88026" s="15">
        <v>45437</v>
      </c>
      <c r="F88026" s="14" t="s">
        <v>15</v>
      </c>
      <c r="G88026" s="16">
        <v>0</v>
      </c>
    </row>
    <row r="88027" spans="1:7" x14ac:dyDescent="0.3">
      <c r="A88027" s="13" t="s">
        <v>441</v>
      </c>
      <c r="B88027" s="14" t="s">
        <v>1</v>
      </c>
      <c r="C88027" s="14" t="s">
        <v>51</v>
      </c>
      <c r="D88027" s="14" t="s">
        <v>442</v>
      </c>
      <c r="E88027" s="15">
        <v>45438</v>
      </c>
      <c r="F88027" s="14" t="s">
        <v>15</v>
      </c>
      <c r="G88027" s="16">
        <v>0</v>
      </c>
    </row>
    <row r="88028" spans="1:7" x14ac:dyDescent="0.3">
      <c r="A88028" s="13" t="s">
        <v>441</v>
      </c>
      <c r="B88028" s="14" t="s">
        <v>1</v>
      </c>
      <c r="C88028" s="14" t="s">
        <v>51</v>
      </c>
      <c r="D88028" s="14" t="s">
        <v>442</v>
      </c>
      <c r="E88028" s="15">
        <v>45439</v>
      </c>
      <c r="F88028" s="14" t="s">
        <v>15</v>
      </c>
      <c r="G88028" s="16">
        <v>0</v>
      </c>
    </row>
    <row r="88029" spans="1:7" x14ac:dyDescent="0.3">
      <c r="A88029" s="13" t="s">
        <v>441</v>
      </c>
      <c r="B88029" s="14" t="s">
        <v>1</v>
      </c>
      <c r="C88029" s="14" t="s">
        <v>51</v>
      </c>
      <c r="D88029" s="14" t="s">
        <v>442</v>
      </c>
      <c r="E88029" s="15">
        <v>45440</v>
      </c>
      <c r="F88029" s="14" t="s">
        <v>15</v>
      </c>
      <c r="G88029" s="16">
        <v>0</v>
      </c>
    </row>
    <row r="88030" spans="1:7" x14ac:dyDescent="0.3">
      <c r="A88030" s="13" t="s">
        <v>441</v>
      </c>
      <c r="B88030" s="14" t="s">
        <v>1</v>
      </c>
      <c r="C88030" s="14" t="s">
        <v>51</v>
      </c>
      <c r="D88030" s="14" t="s">
        <v>442</v>
      </c>
      <c r="E88030" s="15">
        <v>45441</v>
      </c>
      <c r="F88030" s="14" t="s">
        <v>15</v>
      </c>
      <c r="G88030" s="16">
        <v>0</v>
      </c>
    </row>
    <row r="88031" spans="1:7" x14ac:dyDescent="0.3">
      <c r="A88031" s="13" t="s">
        <v>441</v>
      </c>
      <c r="B88031" s="14" t="s">
        <v>1</v>
      </c>
      <c r="C88031" s="14" t="s">
        <v>51</v>
      </c>
      <c r="D88031" s="14" t="s">
        <v>442</v>
      </c>
      <c r="E88031" s="15">
        <v>45442</v>
      </c>
      <c r="F88031" s="14" t="s">
        <v>15</v>
      </c>
      <c r="G88031" s="16">
        <v>0</v>
      </c>
    </row>
    <row r="88032" spans="1:7" x14ac:dyDescent="0.3">
      <c r="A88032" s="13" t="s">
        <v>441</v>
      </c>
      <c r="B88032" s="14" t="s">
        <v>1</v>
      </c>
      <c r="C88032" s="14" t="s">
        <v>51</v>
      </c>
      <c r="D88032" s="14" t="s">
        <v>442</v>
      </c>
      <c r="E88032" s="15">
        <v>45443</v>
      </c>
      <c r="F88032" s="14" t="s">
        <v>15</v>
      </c>
      <c r="G88032" s="16">
        <v>0</v>
      </c>
    </row>
    <row r="88033" spans="1:7" x14ac:dyDescent="0.3">
      <c r="A88033" s="13" t="s">
        <v>441</v>
      </c>
      <c r="B88033" s="14" t="s">
        <v>1</v>
      </c>
      <c r="C88033" s="14" t="s">
        <v>51</v>
      </c>
      <c r="D88033" s="14" t="s">
        <v>442</v>
      </c>
      <c r="E88033" s="15">
        <v>45444</v>
      </c>
      <c r="F88033" s="14" t="s">
        <v>15</v>
      </c>
      <c r="G88033" s="16">
        <v>0</v>
      </c>
    </row>
    <row r="88034" spans="1:7" x14ac:dyDescent="0.3">
      <c r="A88034" s="13" t="s">
        <v>441</v>
      </c>
      <c r="B88034" s="14" t="s">
        <v>1</v>
      </c>
      <c r="C88034" s="14" t="s">
        <v>51</v>
      </c>
      <c r="D88034" s="14" t="s">
        <v>442</v>
      </c>
      <c r="E88034" s="15">
        <v>45445</v>
      </c>
      <c r="F88034" s="14" t="s">
        <v>15</v>
      </c>
      <c r="G88034" s="16">
        <v>0</v>
      </c>
    </row>
    <row r="88035" spans="1:7" x14ac:dyDescent="0.3">
      <c r="A88035" s="13" t="s">
        <v>441</v>
      </c>
      <c r="B88035" s="14" t="s">
        <v>1</v>
      </c>
      <c r="C88035" s="14" t="s">
        <v>51</v>
      </c>
      <c r="D88035" s="14" t="s">
        <v>442</v>
      </c>
      <c r="E88035" s="15">
        <v>45446</v>
      </c>
      <c r="F88035" s="14" t="s">
        <v>15</v>
      </c>
      <c r="G88035" s="16">
        <v>0</v>
      </c>
    </row>
    <row r="88036" spans="1:7" x14ac:dyDescent="0.3">
      <c r="A88036" s="13" t="s">
        <v>441</v>
      </c>
      <c r="B88036" s="14" t="s">
        <v>1</v>
      </c>
      <c r="C88036" s="14" t="s">
        <v>51</v>
      </c>
      <c r="D88036" s="14" t="s">
        <v>442</v>
      </c>
      <c r="E88036" s="15">
        <v>45447</v>
      </c>
      <c r="F88036" s="14" t="s">
        <v>15</v>
      </c>
      <c r="G88036" s="16">
        <v>0</v>
      </c>
    </row>
    <row r="88037" spans="1:7" x14ac:dyDescent="0.3">
      <c r="A88037" s="13" t="s">
        <v>441</v>
      </c>
      <c r="B88037" s="14" t="s">
        <v>1</v>
      </c>
      <c r="C88037" s="14" t="s">
        <v>51</v>
      </c>
      <c r="D88037" s="14" t="s">
        <v>442</v>
      </c>
      <c r="E88037" s="15">
        <v>45448</v>
      </c>
      <c r="F88037" s="14" t="s">
        <v>15</v>
      </c>
      <c r="G88037" s="16">
        <v>0</v>
      </c>
    </row>
    <row r="88038" spans="1:7" x14ac:dyDescent="0.3">
      <c r="A88038" s="13" t="s">
        <v>441</v>
      </c>
      <c r="B88038" s="14" t="s">
        <v>1</v>
      </c>
      <c r="C88038" s="14" t="s">
        <v>51</v>
      </c>
      <c r="D88038" s="14" t="s">
        <v>442</v>
      </c>
      <c r="E88038" s="15">
        <v>45449</v>
      </c>
      <c r="F88038" s="14" t="s">
        <v>15</v>
      </c>
      <c r="G88038" s="16">
        <v>0</v>
      </c>
    </row>
    <row r="88039" spans="1:7" x14ac:dyDescent="0.3">
      <c r="A88039" s="13" t="s">
        <v>441</v>
      </c>
      <c r="B88039" s="14" t="s">
        <v>1</v>
      </c>
      <c r="C88039" s="14" t="s">
        <v>51</v>
      </c>
      <c r="D88039" s="14" t="s">
        <v>442</v>
      </c>
      <c r="E88039" s="15">
        <v>45450</v>
      </c>
      <c r="F88039" s="14" t="s">
        <v>15</v>
      </c>
      <c r="G88039" s="16">
        <v>0</v>
      </c>
    </row>
    <row r="88040" spans="1:7" x14ac:dyDescent="0.3">
      <c r="A88040" s="13" t="s">
        <v>441</v>
      </c>
      <c r="B88040" s="14" t="s">
        <v>1</v>
      </c>
      <c r="C88040" s="14" t="s">
        <v>51</v>
      </c>
      <c r="D88040" s="14" t="s">
        <v>442</v>
      </c>
      <c r="E88040" s="15">
        <v>45451</v>
      </c>
      <c r="F88040" s="14" t="s">
        <v>15</v>
      </c>
      <c r="G88040" s="16">
        <v>0</v>
      </c>
    </row>
    <row r="88041" spans="1:7" x14ac:dyDescent="0.3">
      <c r="A88041" s="13" t="s">
        <v>441</v>
      </c>
      <c r="B88041" s="14" t="s">
        <v>1</v>
      </c>
      <c r="C88041" s="14" t="s">
        <v>51</v>
      </c>
      <c r="D88041" s="14" t="s">
        <v>442</v>
      </c>
      <c r="E88041" s="15">
        <v>45452</v>
      </c>
      <c r="F88041" s="14" t="s">
        <v>15</v>
      </c>
      <c r="G88041" s="16">
        <v>0</v>
      </c>
    </row>
    <row r="88042" spans="1:7" x14ac:dyDescent="0.3">
      <c r="A88042" s="13" t="s">
        <v>441</v>
      </c>
      <c r="B88042" s="14" t="s">
        <v>1</v>
      </c>
      <c r="C88042" s="14" t="s">
        <v>51</v>
      </c>
      <c r="D88042" s="14" t="s">
        <v>442</v>
      </c>
      <c r="E88042" s="15">
        <v>45453</v>
      </c>
      <c r="F88042" s="14" t="s">
        <v>15</v>
      </c>
      <c r="G88042" s="16">
        <v>0</v>
      </c>
    </row>
    <row r="88043" spans="1:7" x14ac:dyDescent="0.3">
      <c r="A88043" s="13" t="s">
        <v>441</v>
      </c>
      <c r="B88043" s="14" t="s">
        <v>1</v>
      </c>
      <c r="C88043" s="14" t="s">
        <v>51</v>
      </c>
      <c r="D88043" s="14" t="s">
        <v>442</v>
      </c>
      <c r="E88043" s="15">
        <v>45454</v>
      </c>
      <c r="F88043" s="14" t="s">
        <v>15</v>
      </c>
      <c r="G88043" s="16">
        <v>0</v>
      </c>
    </row>
    <row r="88044" spans="1:7" x14ac:dyDescent="0.3">
      <c r="A88044" s="13" t="s">
        <v>441</v>
      </c>
      <c r="B88044" s="14" t="s">
        <v>1</v>
      </c>
      <c r="C88044" s="14" t="s">
        <v>51</v>
      </c>
      <c r="D88044" s="14" t="s">
        <v>442</v>
      </c>
      <c r="E88044" s="15">
        <v>45455</v>
      </c>
      <c r="F88044" s="14" t="s">
        <v>15</v>
      </c>
      <c r="G88044" s="16">
        <v>0</v>
      </c>
    </row>
    <row r="88045" spans="1:7" x14ac:dyDescent="0.3">
      <c r="A88045" s="13" t="s">
        <v>441</v>
      </c>
      <c r="B88045" s="14" t="s">
        <v>1</v>
      </c>
      <c r="C88045" s="14" t="s">
        <v>51</v>
      </c>
      <c r="D88045" s="14" t="s">
        <v>442</v>
      </c>
      <c r="E88045" s="15">
        <v>45456</v>
      </c>
      <c r="F88045" s="14" t="s">
        <v>15</v>
      </c>
      <c r="G88045" s="16">
        <v>0</v>
      </c>
    </row>
    <row r="88046" spans="1:7" x14ac:dyDescent="0.3">
      <c r="A88046" s="13" t="s">
        <v>441</v>
      </c>
      <c r="B88046" s="14" t="s">
        <v>1</v>
      </c>
      <c r="C88046" s="14" t="s">
        <v>51</v>
      </c>
      <c r="D88046" s="14" t="s">
        <v>442</v>
      </c>
      <c r="E88046" s="15">
        <v>45457</v>
      </c>
      <c r="F88046" s="14" t="s">
        <v>15</v>
      </c>
      <c r="G88046" s="16">
        <v>0</v>
      </c>
    </row>
    <row r="88047" spans="1:7" x14ac:dyDescent="0.3">
      <c r="A88047" s="13" t="s">
        <v>441</v>
      </c>
      <c r="B88047" s="14" t="s">
        <v>1</v>
      </c>
      <c r="C88047" s="14" t="s">
        <v>51</v>
      </c>
      <c r="D88047" s="14" t="s">
        <v>442</v>
      </c>
      <c r="E88047" s="15">
        <v>45458</v>
      </c>
      <c r="F88047" s="14" t="s">
        <v>15</v>
      </c>
      <c r="G88047" s="16">
        <v>0</v>
      </c>
    </row>
    <row r="88048" spans="1:7" x14ac:dyDescent="0.3">
      <c r="A88048" s="13" t="s">
        <v>441</v>
      </c>
      <c r="B88048" s="14" t="s">
        <v>1</v>
      </c>
      <c r="C88048" s="14" t="s">
        <v>51</v>
      </c>
      <c r="D88048" s="14" t="s">
        <v>442</v>
      </c>
      <c r="E88048" s="15">
        <v>45459</v>
      </c>
      <c r="F88048" s="14" t="s">
        <v>15</v>
      </c>
      <c r="G88048" s="16">
        <v>0</v>
      </c>
    </row>
    <row r="88049" spans="1:7" x14ac:dyDescent="0.3">
      <c r="A88049" s="13" t="s">
        <v>441</v>
      </c>
      <c r="B88049" s="14" t="s">
        <v>1</v>
      </c>
      <c r="C88049" s="14" t="s">
        <v>51</v>
      </c>
      <c r="D88049" s="14" t="s">
        <v>442</v>
      </c>
      <c r="E88049" s="15">
        <v>45460</v>
      </c>
      <c r="F88049" s="14" t="s">
        <v>15</v>
      </c>
      <c r="G88049" s="16">
        <v>0</v>
      </c>
    </row>
    <row r="88050" spans="1:7" x14ac:dyDescent="0.3">
      <c r="A88050" s="13" t="s">
        <v>441</v>
      </c>
      <c r="B88050" s="14" t="s">
        <v>1</v>
      </c>
      <c r="C88050" s="14" t="s">
        <v>51</v>
      </c>
      <c r="D88050" s="14" t="s">
        <v>442</v>
      </c>
      <c r="E88050" s="15">
        <v>45461</v>
      </c>
      <c r="F88050" s="14" t="s">
        <v>15</v>
      </c>
      <c r="G88050" s="16">
        <v>0</v>
      </c>
    </row>
    <row r="88051" spans="1:7" x14ac:dyDescent="0.3">
      <c r="A88051" s="13" t="s">
        <v>441</v>
      </c>
      <c r="B88051" s="14" t="s">
        <v>1</v>
      </c>
      <c r="C88051" s="14" t="s">
        <v>51</v>
      </c>
      <c r="D88051" s="14" t="s">
        <v>442</v>
      </c>
      <c r="E88051" s="15">
        <v>45462</v>
      </c>
      <c r="F88051" s="14" t="s">
        <v>15</v>
      </c>
      <c r="G88051" s="16">
        <v>0</v>
      </c>
    </row>
    <row r="88052" spans="1:7" x14ac:dyDescent="0.3">
      <c r="A88052" s="13" t="s">
        <v>441</v>
      </c>
      <c r="B88052" s="14" t="s">
        <v>1</v>
      </c>
      <c r="C88052" s="14" t="s">
        <v>51</v>
      </c>
      <c r="D88052" s="14" t="s">
        <v>442</v>
      </c>
      <c r="E88052" s="15">
        <v>45463</v>
      </c>
      <c r="F88052" s="14" t="s">
        <v>15</v>
      </c>
      <c r="G88052" s="16">
        <v>0</v>
      </c>
    </row>
    <row r="88053" spans="1:7" x14ac:dyDescent="0.3">
      <c r="A88053" s="13" t="s">
        <v>441</v>
      </c>
      <c r="B88053" s="14" t="s">
        <v>1</v>
      </c>
      <c r="C88053" s="14" t="s">
        <v>51</v>
      </c>
      <c r="D88053" s="14" t="s">
        <v>442</v>
      </c>
      <c r="E88053" s="15">
        <v>45464</v>
      </c>
      <c r="F88053" s="14" t="s">
        <v>15</v>
      </c>
      <c r="G88053" s="16">
        <v>0</v>
      </c>
    </row>
    <row r="88054" spans="1:7" x14ac:dyDescent="0.3">
      <c r="A88054" s="13" t="s">
        <v>441</v>
      </c>
      <c r="B88054" s="14" t="s">
        <v>1</v>
      </c>
      <c r="C88054" s="14" t="s">
        <v>51</v>
      </c>
      <c r="D88054" s="14" t="s">
        <v>442</v>
      </c>
      <c r="E88054" s="15">
        <v>45465</v>
      </c>
      <c r="F88054" s="14" t="s">
        <v>15</v>
      </c>
      <c r="G88054" s="16">
        <v>0</v>
      </c>
    </row>
    <row r="88055" spans="1:7" x14ac:dyDescent="0.3">
      <c r="A88055" s="13" t="s">
        <v>441</v>
      </c>
      <c r="B88055" s="14" t="s">
        <v>1</v>
      </c>
      <c r="C88055" s="14" t="s">
        <v>51</v>
      </c>
      <c r="D88055" s="14" t="s">
        <v>442</v>
      </c>
      <c r="E88055" s="15">
        <v>45466</v>
      </c>
      <c r="F88055" s="14" t="s">
        <v>15</v>
      </c>
      <c r="G88055" s="16">
        <v>0</v>
      </c>
    </row>
    <row r="88056" spans="1:7" x14ac:dyDescent="0.3">
      <c r="A88056" s="13" t="s">
        <v>441</v>
      </c>
      <c r="B88056" s="14" t="s">
        <v>1</v>
      </c>
      <c r="C88056" s="14" t="s">
        <v>51</v>
      </c>
      <c r="D88056" s="14" t="s">
        <v>442</v>
      </c>
      <c r="E88056" s="15">
        <v>45467</v>
      </c>
      <c r="F88056" s="14" t="s">
        <v>15</v>
      </c>
      <c r="G88056" s="16">
        <v>0</v>
      </c>
    </row>
    <row r="88057" spans="1:7" x14ac:dyDescent="0.3">
      <c r="A88057" s="13" t="s">
        <v>441</v>
      </c>
      <c r="B88057" s="14" t="s">
        <v>1</v>
      </c>
      <c r="C88057" s="14" t="s">
        <v>51</v>
      </c>
      <c r="D88057" s="14" t="s">
        <v>442</v>
      </c>
      <c r="E88057" s="15">
        <v>45468</v>
      </c>
      <c r="F88057" s="14" t="s">
        <v>15</v>
      </c>
      <c r="G88057" s="16">
        <v>0</v>
      </c>
    </row>
    <row r="88058" spans="1:7" x14ac:dyDescent="0.3">
      <c r="A88058" s="13" t="s">
        <v>441</v>
      </c>
      <c r="B88058" s="14" t="s">
        <v>1</v>
      </c>
      <c r="C88058" s="14" t="s">
        <v>51</v>
      </c>
      <c r="D88058" s="14" t="s">
        <v>442</v>
      </c>
      <c r="E88058" s="15">
        <v>45469</v>
      </c>
      <c r="F88058" s="14" t="s">
        <v>15</v>
      </c>
      <c r="G88058" s="16">
        <v>0</v>
      </c>
    </row>
    <row r="88059" spans="1:7" x14ac:dyDescent="0.3">
      <c r="A88059" s="13" t="s">
        <v>441</v>
      </c>
      <c r="B88059" s="14" t="s">
        <v>1</v>
      </c>
      <c r="C88059" s="14" t="s">
        <v>51</v>
      </c>
      <c r="D88059" s="14" t="s">
        <v>442</v>
      </c>
      <c r="E88059" s="15">
        <v>45470</v>
      </c>
      <c r="F88059" s="14" t="s">
        <v>15</v>
      </c>
      <c r="G88059" s="16">
        <v>0</v>
      </c>
    </row>
    <row r="88060" spans="1:7" x14ac:dyDescent="0.3">
      <c r="A88060" s="13" t="s">
        <v>441</v>
      </c>
      <c r="B88060" s="14" t="s">
        <v>1</v>
      </c>
      <c r="C88060" s="14" t="s">
        <v>51</v>
      </c>
      <c r="D88060" s="14" t="s">
        <v>442</v>
      </c>
      <c r="E88060" s="15">
        <v>45471</v>
      </c>
      <c r="F88060" s="14" t="s">
        <v>15</v>
      </c>
      <c r="G88060" s="16">
        <v>0</v>
      </c>
    </row>
    <row r="88061" spans="1:7" x14ac:dyDescent="0.3">
      <c r="A88061" s="13" t="s">
        <v>441</v>
      </c>
      <c r="B88061" s="14" t="s">
        <v>1</v>
      </c>
      <c r="C88061" s="14" t="s">
        <v>51</v>
      </c>
      <c r="D88061" s="14" t="s">
        <v>442</v>
      </c>
      <c r="E88061" s="15">
        <v>45472</v>
      </c>
      <c r="F88061" s="14" t="s">
        <v>15</v>
      </c>
      <c r="G88061" s="16">
        <v>0</v>
      </c>
    </row>
    <row r="88062" spans="1:7" x14ac:dyDescent="0.3">
      <c r="A88062" s="13" t="s">
        <v>441</v>
      </c>
      <c r="B88062" s="14" t="s">
        <v>1</v>
      </c>
      <c r="C88062" s="14" t="s">
        <v>51</v>
      </c>
      <c r="D88062" s="14" t="s">
        <v>442</v>
      </c>
      <c r="E88062" s="15">
        <v>45473</v>
      </c>
      <c r="F88062" s="14" t="s">
        <v>15</v>
      </c>
      <c r="G88062" s="16">
        <v>0</v>
      </c>
    </row>
    <row r="88063" spans="1:7" x14ac:dyDescent="0.3">
      <c r="A88063" s="13" t="s">
        <v>441</v>
      </c>
      <c r="B88063" s="14" t="s">
        <v>1</v>
      </c>
      <c r="C88063" s="14" t="s">
        <v>51</v>
      </c>
      <c r="D88063" s="14" t="s">
        <v>442</v>
      </c>
      <c r="E88063" s="15">
        <v>45474</v>
      </c>
      <c r="F88063" s="14" t="s">
        <v>15</v>
      </c>
      <c r="G88063" s="16">
        <v>0</v>
      </c>
    </row>
    <row r="88064" spans="1:7" x14ac:dyDescent="0.3">
      <c r="A88064" s="13" t="s">
        <v>441</v>
      </c>
      <c r="B88064" s="14" t="s">
        <v>1</v>
      </c>
      <c r="C88064" s="14" t="s">
        <v>51</v>
      </c>
      <c r="D88064" s="14" t="s">
        <v>442</v>
      </c>
      <c r="E88064" s="15">
        <v>45475</v>
      </c>
      <c r="F88064" s="14" t="s">
        <v>15</v>
      </c>
      <c r="G88064" s="16">
        <v>0</v>
      </c>
    </row>
    <row r="88065" spans="1:7" x14ac:dyDescent="0.3">
      <c r="A88065" s="13" t="s">
        <v>441</v>
      </c>
      <c r="B88065" s="14" t="s">
        <v>1</v>
      </c>
      <c r="C88065" s="14" t="s">
        <v>51</v>
      </c>
      <c r="D88065" s="14" t="s">
        <v>442</v>
      </c>
      <c r="E88065" s="15">
        <v>45476</v>
      </c>
      <c r="F88065" s="14" t="s">
        <v>15</v>
      </c>
      <c r="G88065" s="16">
        <v>0</v>
      </c>
    </row>
    <row r="88066" spans="1:7" x14ac:dyDescent="0.3">
      <c r="A88066" s="13" t="s">
        <v>441</v>
      </c>
      <c r="B88066" s="14" t="s">
        <v>1</v>
      </c>
      <c r="C88066" s="14" t="s">
        <v>51</v>
      </c>
      <c r="D88066" s="14" t="s">
        <v>442</v>
      </c>
      <c r="E88066" s="15">
        <v>45477</v>
      </c>
      <c r="F88066" s="14" t="s">
        <v>15</v>
      </c>
      <c r="G88066" s="16">
        <v>0</v>
      </c>
    </row>
    <row r="88067" spans="1:7" x14ac:dyDescent="0.3">
      <c r="A88067" s="13" t="s">
        <v>441</v>
      </c>
      <c r="B88067" s="14" t="s">
        <v>1</v>
      </c>
      <c r="C88067" s="14" t="s">
        <v>51</v>
      </c>
      <c r="D88067" s="14" t="s">
        <v>442</v>
      </c>
      <c r="E88067" s="15">
        <v>45478</v>
      </c>
      <c r="F88067" s="14" t="s">
        <v>15</v>
      </c>
      <c r="G88067" s="16">
        <v>0</v>
      </c>
    </row>
    <row r="88068" spans="1:7" x14ac:dyDescent="0.3">
      <c r="A88068" s="13" t="s">
        <v>441</v>
      </c>
      <c r="B88068" s="14" t="s">
        <v>1</v>
      </c>
      <c r="C88068" s="14" t="s">
        <v>51</v>
      </c>
      <c r="D88068" s="14" t="s">
        <v>442</v>
      </c>
      <c r="E88068" s="15">
        <v>45479</v>
      </c>
      <c r="F88068" s="14" t="s">
        <v>15</v>
      </c>
      <c r="G88068" s="16">
        <v>0</v>
      </c>
    </row>
    <row r="88069" spans="1:7" x14ac:dyDescent="0.3">
      <c r="A88069" s="13" t="s">
        <v>441</v>
      </c>
      <c r="B88069" s="14" t="s">
        <v>1</v>
      </c>
      <c r="C88069" s="14" t="s">
        <v>51</v>
      </c>
      <c r="D88069" s="14" t="s">
        <v>442</v>
      </c>
      <c r="E88069" s="15">
        <v>45480</v>
      </c>
      <c r="F88069" s="14" t="s">
        <v>15</v>
      </c>
      <c r="G88069" s="16">
        <v>0</v>
      </c>
    </row>
    <row r="88070" spans="1:7" x14ac:dyDescent="0.3">
      <c r="A88070" s="13" t="s">
        <v>441</v>
      </c>
      <c r="B88070" s="14" t="s">
        <v>1</v>
      </c>
      <c r="C88070" s="14" t="s">
        <v>51</v>
      </c>
      <c r="D88070" s="14" t="s">
        <v>442</v>
      </c>
      <c r="E88070" s="15">
        <v>45481</v>
      </c>
      <c r="F88070" s="14" t="s">
        <v>15</v>
      </c>
      <c r="G88070" s="16">
        <v>0</v>
      </c>
    </row>
    <row r="88071" spans="1:7" x14ac:dyDescent="0.3">
      <c r="A88071" s="13" t="s">
        <v>441</v>
      </c>
      <c r="B88071" s="14" t="s">
        <v>1</v>
      </c>
      <c r="C88071" s="14" t="s">
        <v>51</v>
      </c>
      <c r="D88071" s="14" t="s">
        <v>442</v>
      </c>
      <c r="E88071" s="15">
        <v>45482</v>
      </c>
      <c r="F88071" s="14" t="s">
        <v>15</v>
      </c>
      <c r="G88071" s="16">
        <v>0</v>
      </c>
    </row>
    <row r="88072" spans="1:7" x14ac:dyDescent="0.3">
      <c r="A88072" s="13" t="s">
        <v>441</v>
      </c>
      <c r="B88072" s="14" t="s">
        <v>1</v>
      </c>
      <c r="C88072" s="14" t="s">
        <v>51</v>
      </c>
      <c r="D88072" s="14" t="s">
        <v>442</v>
      </c>
      <c r="E88072" s="15">
        <v>45483</v>
      </c>
      <c r="F88072" s="14" t="s">
        <v>15</v>
      </c>
      <c r="G88072" s="16">
        <v>0</v>
      </c>
    </row>
    <row r="88073" spans="1:7" x14ac:dyDescent="0.3">
      <c r="A88073" s="13" t="s">
        <v>441</v>
      </c>
      <c r="B88073" s="14" t="s">
        <v>1</v>
      </c>
      <c r="C88073" s="14" t="s">
        <v>51</v>
      </c>
      <c r="D88073" s="14" t="s">
        <v>442</v>
      </c>
      <c r="E88073" s="15">
        <v>45484</v>
      </c>
      <c r="F88073" s="14" t="s">
        <v>15</v>
      </c>
      <c r="G88073" s="16">
        <v>0</v>
      </c>
    </row>
    <row r="88074" spans="1:7" x14ac:dyDescent="0.3">
      <c r="A88074" s="13" t="s">
        <v>441</v>
      </c>
      <c r="B88074" s="14" t="s">
        <v>1</v>
      </c>
      <c r="C88074" s="14" t="s">
        <v>51</v>
      </c>
      <c r="D88074" s="14" t="s">
        <v>442</v>
      </c>
      <c r="E88074" s="15">
        <v>45485</v>
      </c>
      <c r="F88074" s="14" t="s">
        <v>15</v>
      </c>
      <c r="G88074" s="16">
        <v>0</v>
      </c>
    </row>
    <row r="88075" spans="1:7" x14ac:dyDescent="0.3">
      <c r="A88075" s="13" t="s">
        <v>441</v>
      </c>
      <c r="B88075" s="14" t="s">
        <v>1</v>
      </c>
      <c r="C88075" s="14" t="s">
        <v>51</v>
      </c>
      <c r="D88075" s="14" t="s">
        <v>442</v>
      </c>
      <c r="E88075" s="15">
        <v>45486</v>
      </c>
      <c r="F88075" s="14" t="s">
        <v>15</v>
      </c>
      <c r="G88075" s="16">
        <v>0</v>
      </c>
    </row>
    <row r="88076" spans="1:7" x14ac:dyDescent="0.3">
      <c r="A88076" s="13" t="s">
        <v>441</v>
      </c>
      <c r="B88076" s="14" t="s">
        <v>1</v>
      </c>
      <c r="C88076" s="14" t="s">
        <v>51</v>
      </c>
      <c r="D88076" s="14" t="s">
        <v>442</v>
      </c>
      <c r="E88076" s="15">
        <v>45487</v>
      </c>
      <c r="F88076" s="14" t="s">
        <v>15</v>
      </c>
      <c r="G88076" s="16">
        <v>0</v>
      </c>
    </row>
    <row r="88077" spans="1:7" x14ac:dyDescent="0.3">
      <c r="A88077" s="13" t="s">
        <v>441</v>
      </c>
      <c r="B88077" s="14" t="s">
        <v>1</v>
      </c>
      <c r="C88077" s="14" t="s">
        <v>51</v>
      </c>
      <c r="D88077" s="14" t="s">
        <v>442</v>
      </c>
      <c r="E88077" s="15">
        <v>45488</v>
      </c>
      <c r="F88077" s="14" t="s">
        <v>15</v>
      </c>
      <c r="G88077" s="16">
        <v>0</v>
      </c>
    </row>
    <row r="88078" spans="1:7" x14ac:dyDescent="0.3">
      <c r="A88078" s="13" t="s">
        <v>441</v>
      </c>
      <c r="B88078" s="14" t="s">
        <v>1</v>
      </c>
      <c r="C88078" s="14" t="s">
        <v>51</v>
      </c>
      <c r="D88078" s="14" t="s">
        <v>442</v>
      </c>
      <c r="E88078" s="15">
        <v>45489</v>
      </c>
      <c r="F88078" s="14" t="s">
        <v>15</v>
      </c>
      <c r="G88078" s="16">
        <v>0</v>
      </c>
    </row>
    <row r="88079" spans="1:7" x14ac:dyDescent="0.3">
      <c r="A88079" s="13" t="s">
        <v>441</v>
      </c>
      <c r="B88079" s="14" t="s">
        <v>1</v>
      </c>
      <c r="C88079" s="14" t="s">
        <v>51</v>
      </c>
      <c r="D88079" s="14" t="s">
        <v>442</v>
      </c>
      <c r="E88079" s="15">
        <v>45490</v>
      </c>
      <c r="F88079" s="14" t="s">
        <v>15</v>
      </c>
      <c r="G88079" s="16">
        <v>0</v>
      </c>
    </row>
    <row r="88080" spans="1:7" x14ac:dyDescent="0.3">
      <c r="A88080" s="13" t="s">
        <v>441</v>
      </c>
      <c r="B88080" s="14" t="s">
        <v>1</v>
      </c>
      <c r="C88080" s="14" t="s">
        <v>51</v>
      </c>
      <c r="D88080" s="14" t="s">
        <v>442</v>
      </c>
      <c r="E88080" s="15">
        <v>45491</v>
      </c>
      <c r="F88080" s="14" t="s">
        <v>15</v>
      </c>
      <c r="G88080" s="16">
        <v>0</v>
      </c>
    </row>
    <row r="88081" spans="1:7" x14ac:dyDescent="0.3">
      <c r="A88081" s="13" t="s">
        <v>441</v>
      </c>
      <c r="B88081" s="14" t="s">
        <v>1</v>
      </c>
      <c r="C88081" s="14" t="s">
        <v>51</v>
      </c>
      <c r="D88081" s="14" t="s">
        <v>442</v>
      </c>
      <c r="E88081" s="15">
        <v>45492</v>
      </c>
      <c r="F88081" s="14" t="s">
        <v>15</v>
      </c>
      <c r="G88081" s="16">
        <v>0</v>
      </c>
    </row>
    <row r="88082" spans="1:7" x14ac:dyDescent="0.3">
      <c r="A88082" s="13" t="s">
        <v>441</v>
      </c>
      <c r="B88082" s="14" t="s">
        <v>1</v>
      </c>
      <c r="C88082" s="14" t="s">
        <v>51</v>
      </c>
      <c r="D88082" s="14" t="s">
        <v>442</v>
      </c>
      <c r="E88082" s="15">
        <v>45493</v>
      </c>
      <c r="F88082" s="14" t="s">
        <v>15</v>
      </c>
      <c r="G88082" s="16">
        <v>0</v>
      </c>
    </row>
    <row r="88083" spans="1:7" x14ac:dyDescent="0.3">
      <c r="A88083" s="13" t="s">
        <v>441</v>
      </c>
      <c r="B88083" s="14" t="s">
        <v>1</v>
      </c>
      <c r="C88083" s="14" t="s">
        <v>51</v>
      </c>
      <c r="D88083" s="14" t="s">
        <v>442</v>
      </c>
      <c r="E88083" s="15">
        <v>45494</v>
      </c>
      <c r="F88083" s="14" t="s">
        <v>15</v>
      </c>
      <c r="G88083" s="16">
        <v>0</v>
      </c>
    </row>
    <row r="88084" spans="1:7" x14ac:dyDescent="0.3">
      <c r="A88084" s="13" t="s">
        <v>441</v>
      </c>
      <c r="B88084" s="14" t="s">
        <v>1</v>
      </c>
      <c r="C88084" s="14" t="s">
        <v>51</v>
      </c>
      <c r="D88084" s="14" t="s">
        <v>442</v>
      </c>
      <c r="E88084" s="15">
        <v>45495</v>
      </c>
      <c r="F88084" s="14" t="s">
        <v>15</v>
      </c>
      <c r="G88084" s="16">
        <v>0</v>
      </c>
    </row>
    <row r="88085" spans="1:7" x14ac:dyDescent="0.3">
      <c r="A88085" s="13" t="s">
        <v>441</v>
      </c>
      <c r="B88085" s="14" t="s">
        <v>1</v>
      </c>
      <c r="C88085" s="14" t="s">
        <v>51</v>
      </c>
      <c r="D88085" s="14" t="s">
        <v>442</v>
      </c>
      <c r="E88085" s="15">
        <v>45496</v>
      </c>
      <c r="F88085" s="14" t="s">
        <v>15</v>
      </c>
      <c r="G88085" s="16">
        <v>0</v>
      </c>
    </row>
    <row r="88086" spans="1:7" x14ac:dyDescent="0.3">
      <c r="A88086" s="13" t="s">
        <v>441</v>
      </c>
      <c r="B88086" s="14" t="s">
        <v>1</v>
      </c>
      <c r="C88086" s="14" t="s">
        <v>51</v>
      </c>
      <c r="D88086" s="14" t="s">
        <v>442</v>
      </c>
      <c r="E88086" s="15">
        <v>45497</v>
      </c>
      <c r="F88086" s="14" t="s">
        <v>15</v>
      </c>
      <c r="G88086" s="16">
        <v>0</v>
      </c>
    </row>
    <row r="88087" spans="1:7" x14ac:dyDescent="0.3">
      <c r="A88087" s="13" t="s">
        <v>441</v>
      </c>
      <c r="B88087" s="14" t="s">
        <v>1</v>
      </c>
      <c r="C88087" s="14" t="s">
        <v>51</v>
      </c>
      <c r="D88087" s="14" t="s">
        <v>442</v>
      </c>
      <c r="E88087" s="15">
        <v>45498</v>
      </c>
      <c r="F88087" s="14" t="s">
        <v>15</v>
      </c>
      <c r="G88087" s="16">
        <v>0</v>
      </c>
    </row>
    <row r="88088" spans="1:7" x14ac:dyDescent="0.3">
      <c r="A88088" s="13" t="s">
        <v>441</v>
      </c>
      <c r="B88088" s="14" t="s">
        <v>1</v>
      </c>
      <c r="C88088" s="14" t="s">
        <v>51</v>
      </c>
      <c r="D88088" s="14" t="s">
        <v>442</v>
      </c>
      <c r="E88088" s="15">
        <v>45499</v>
      </c>
      <c r="F88088" s="14" t="s">
        <v>15</v>
      </c>
      <c r="G88088" s="16">
        <v>0</v>
      </c>
    </row>
    <row r="88089" spans="1:7" x14ac:dyDescent="0.3">
      <c r="A88089" s="13" t="s">
        <v>441</v>
      </c>
      <c r="B88089" s="14" t="s">
        <v>1</v>
      </c>
      <c r="C88089" s="14" t="s">
        <v>51</v>
      </c>
      <c r="D88089" s="14" t="s">
        <v>442</v>
      </c>
      <c r="E88089" s="15">
        <v>45500</v>
      </c>
      <c r="F88089" s="14" t="s">
        <v>15</v>
      </c>
      <c r="G88089" s="16">
        <v>0</v>
      </c>
    </row>
    <row r="88090" spans="1:7" x14ac:dyDescent="0.3">
      <c r="A88090" s="13" t="s">
        <v>441</v>
      </c>
      <c r="B88090" s="14" t="s">
        <v>1</v>
      </c>
      <c r="C88090" s="14" t="s">
        <v>51</v>
      </c>
      <c r="D88090" s="14" t="s">
        <v>442</v>
      </c>
      <c r="E88090" s="15">
        <v>45501</v>
      </c>
      <c r="F88090" s="14" t="s">
        <v>15</v>
      </c>
      <c r="G88090" s="16">
        <v>0</v>
      </c>
    </row>
    <row r="88091" spans="1:7" x14ac:dyDescent="0.3">
      <c r="A88091" s="13" t="s">
        <v>441</v>
      </c>
      <c r="B88091" s="14" t="s">
        <v>1</v>
      </c>
      <c r="C88091" s="14" t="s">
        <v>51</v>
      </c>
      <c r="D88091" s="14" t="s">
        <v>442</v>
      </c>
      <c r="E88091" s="15">
        <v>45502</v>
      </c>
      <c r="F88091" s="14" t="s">
        <v>15</v>
      </c>
      <c r="G88091" s="16">
        <v>0</v>
      </c>
    </row>
    <row r="88092" spans="1:7" x14ac:dyDescent="0.3">
      <c r="A88092" s="13" t="s">
        <v>441</v>
      </c>
      <c r="B88092" s="14" t="s">
        <v>1</v>
      </c>
      <c r="C88092" s="14" t="s">
        <v>51</v>
      </c>
      <c r="D88092" s="14" t="s">
        <v>442</v>
      </c>
      <c r="E88092" s="15">
        <v>45503</v>
      </c>
      <c r="F88092" s="14" t="s">
        <v>15</v>
      </c>
      <c r="G88092" s="16">
        <v>0</v>
      </c>
    </row>
    <row r="88093" spans="1:7" x14ac:dyDescent="0.3">
      <c r="A88093" s="13" t="s">
        <v>441</v>
      </c>
      <c r="B88093" s="14" t="s">
        <v>1</v>
      </c>
      <c r="C88093" s="14" t="s">
        <v>51</v>
      </c>
      <c r="D88093" s="14" t="s">
        <v>442</v>
      </c>
      <c r="E88093" s="15">
        <v>45504</v>
      </c>
      <c r="F88093" s="14" t="s">
        <v>15</v>
      </c>
      <c r="G88093" s="16">
        <v>0</v>
      </c>
    </row>
    <row r="88094" spans="1:7" x14ac:dyDescent="0.3">
      <c r="A88094" s="13" t="s">
        <v>441</v>
      </c>
      <c r="B88094" s="14" t="s">
        <v>1</v>
      </c>
      <c r="C88094" s="14" t="s">
        <v>51</v>
      </c>
      <c r="D88094" s="14" t="s">
        <v>442</v>
      </c>
      <c r="E88094" s="15">
        <v>45505</v>
      </c>
      <c r="F88094" s="14" t="s">
        <v>15</v>
      </c>
      <c r="G88094" s="16">
        <v>0</v>
      </c>
    </row>
    <row r="88095" spans="1:7" x14ac:dyDescent="0.3">
      <c r="A88095" s="13" t="s">
        <v>441</v>
      </c>
      <c r="B88095" s="14" t="s">
        <v>1</v>
      </c>
      <c r="C88095" s="14" t="s">
        <v>51</v>
      </c>
      <c r="D88095" s="14" t="s">
        <v>442</v>
      </c>
      <c r="E88095" s="15">
        <v>45506</v>
      </c>
      <c r="F88095" s="14" t="s">
        <v>15</v>
      </c>
      <c r="G88095" s="16">
        <v>0</v>
      </c>
    </row>
    <row r="88096" spans="1:7" x14ac:dyDescent="0.3">
      <c r="A88096" s="13" t="s">
        <v>441</v>
      </c>
      <c r="B88096" s="14" t="s">
        <v>1</v>
      </c>
      <c r="C88096" s="14" t="s">
        <v>51</v>
      </c>
      <c r="D88096" s="14" t="s">
        <v>442</v>
      </c>
      <c r="E88096" s="15">
        <v>45507</v>
      </c>
      <c r="F88096" s="14" t="s">
        <v>15</v>
      </c>
      <c r="G88096" s="16">
        <v>0</v>
      </c>
    </row>
    <row r="88097" spans="1:7" x14ac:dyDescent="0.3">
      <c r="A88097" s="13" t="s">
        <v>441</v>
      </c>
      <c r="B88097" s="14" t="s">
        <v>1</v>
      </c>
      <c r="C88097" s="14" t="s">
        <v>51</v>
      </c>
      <c r="D88097" s="14" t="s">
        <v>442</v>
      </c>
      <c r="E88097" s="15">
        <v>45508</v>
      </c>
      <c r="F88097" s="14" t="s">
        <v>15</v>
      </c>
      <c r="G88097" s="16">
        <v>0</v>
      </c>
    </row>
    <row r="88098" spans="1:7" x14ac:dyDescent="0.3">
      <c r="A88098" s="13" t="s">
        <v>441</v>
      </c>
      <c r="B88098" s="14" t="s">
        <v>1</v>
      </c>
      <c r="C88098" s="14" t="s">
        <v>51</v>
      </c>
      <c r="D88098" s="14" t="s">
        <v>442</v>
      </c>
      <c r="E88098" s="15">
        <v>45509</v>
      </c>
      <c r="F88098" s="14" t="s">
        <v>15</v>
      </c>
      <c r="G88098" s="16">
        <v>0</v>
      </c>
    </row>
    <row r="88099" spans="1:7" x14ac:dyDescent="0.3">
      <c r="A88099" s="13" t="s">
        <v>441</v>
      </c>
      <c r="B88099" s="14" t="s">
        <v>1</v>
      </c>
      <c r="C88099" s="14" t="s">
        <v>51</v>
      </c>
      <c r="D88099" s="14" t="s">
        <v>442</v>
      </c>
      <c r="E88099" s="15">
        <v>45510</v>
      </c>
      <c r="F88099" s="14" t="s">
        <v>15</v>
      </c>
      <c r="G88099" s="16">
        <v>0</v>
      </c>
    </row>
    <row r="88100" spans="1:7" x14ac:dyDescent="0.3">
      <c r="A88100" s="13" t="s">
        <v>441</v>
      </c>
      <c r="B88100" s="14" t="s">
        <v>1</v>
      </c>
      <c r="C88100" s="14" t="s">
        <v>51</v>
      </c>
      <c r="D88100" s="14" t="s">
        <v>442</v>
      </c>
      <c r="E88100" s="15">
        <v>45511</v>
      </c>
      <c r="F88100" s="14" t="s">
        <v>15</v>
      </c>
      <c r="G88100" s="16">
        <v>0</v>
      </c>
    </row>
    <row r="88101" spans="1:7" x14ac:dyDescent="0.3">
      <c r="A88101" s="13" t="s">
        <v>441</v>
      </c>
      <c r="B88101" s="14" t="s">
        <v>1</v>
      </c>
      <c r="C88101" s="14" t="s">
        <v>51</v>
      </c>
      <c r="D88101" s="14" t="s">
        <v>442</v>
      </c>
      <c r="E88101" s="15">
        <v>45512</v>
      </c>
      <c r="F88101" s="14" t="s">
        <v>15</v>
      </c>
      <c r="G88101" s="16">
        <v>0</v>
      </c>
    </row>
    <row r="88102" spans="1:7" x14ac:dyDescent="0.3">
      <c r="A88102" s="13" t="s">
        <v>441</v>
      </c>
      <c r="B88102" s="14" t="s">
        <v>1</v>
      </c>
      <c r="C88102" s="14" t="s">
        <v>51</v>
      </c>
      <c r="D88102" s="14" t="s">
        <v>442</v>
      </c>
      <c r="E88102" s="15">
        <v>45513</v>
      </c>
      <c r="F88102" s="14" t="s">
        <v>15</v>
      </c>
      <c r="G88102" s="16">
        <v>0</v>
      </c>
    </row>
    <row r="88103" spans="1:7" x14ac:dyDescent="0.3">
      <c r="A88103" s="13" t="s">
        <v>441</v>
      </c>
      <c r="B88103" s="14" t="s">
        <v>1</v>
      </c>
      <c r="C88103" s="14" t="s">
        <v>51</v>
      </c>
      <c r="D88103" s="14" t="s">
        <v>442</v>
      </c>
      <c r="E88103" s="15">
        <v>45514</v>
      </c>
      <c r="F88103" s="14" t="s">
        <v>15</v>
      </c>
      <c r="G88103" s="16">
        <v>0</v>
      </c>
    </row>
    <row r="88104" spans="1:7" x14ac:dyDescent="0.3">
      <c r="A88104" s="13" t="s">
        <v>441</v>
      </c>
      <c r="B88104" s="14" t="s">
        <v>1</v>
      </c>
      <c r="C88104" s="14" t="s">
        <v>51</v>
      </c>
      <c r="D88104" s="14" t="s">
        <v>442</v>
      </c>
      <c r="E88104" s="15">
        <v>45515</v>
      </c>
      <c r="F88104" s="14" t="s">
        <v>15</v>
      </c>
      <c r="G88104" s="16">
        <v>0</v>
      </c>
    </row>
    <row r="88105" spans="1:7" x14ac:dyDescent="0.3">
      <c r="A88105" s="13" t="s">
        <v>441</v>
      </c>
      <c r="B88105" s="14" t="s">
        <v>1</v>
      </c>
      <c r="C88105" s="14" t="s">
        <v>51</v>
      </c>
      <c r="D88105" s="14" t="s">
        <v>442</v>
      </c>
      <c r="E88105" s="15">
        <v>45516</v>
      </c>
      <c r="F88105" s="14" t="s">
        <v>15</v>
      </c>
      <c r="G88105" s="16">
        <v>0</v>
      </c>
    </row>
    <row r="88106" spans="1:7" x14ac:dyDescent="0.3">
      <c r="A88106" s="13" t="s">
        <v>441</v>
      </c>
      <c r="B88106" s="14" t="s">
        <v>1</v>
      </c>
      <c r="C88106" s="14" t="s">
        <v>51</v>
      </c>
      <c r="D88106" s="14" t="s">
        <v>442</v>
      </c>
      <c r="E88106" s="15">
        <v>45517</v>
      </c>
      <c r="F88106" s="14" t="s">
        <v>15</v>
      </c>
      <c r="G88106" s="16">
        <v>0</v>
      </c>
    </row>
    <row r="88107" spans="1:7" x14ac:dyDescent="0.3">
      <c r="A88107" s="13" t="s">
        <v>441</v>
      </c>
      <c r="B88107" s="14" t="s">
        <v>1</v>
      </c>
      <c r="C88107" s="14" t="s">
        <v>51</v>
      </c>
      <c r="D88107" s="14" t="s">
        <v>442</v>
      </c>
      <c r="E88107" s="15">
        <v>45518</v>
      </c>
      <c r="F88107" s="14" t="s">
        <v>15</v>
      </c>
      <c r="G88107" s="16">
        <v>0</v>
      </c>
    </row>
    <row r="88108" spans="1:7" x14ac:dyDescent="0.3">
      <c r="A88108" s="13" t="s">
        <v>441</v>
      </c>
      <c r="B88108" s="14" t="s">
        <v>1</v>
      </c>
      <c r="C88108" s="14" t="s">
        <v>51</v>
      </c>
      <c r="D88108" s="14" t="s">
        <v>442</v>
      </c>
      <c r="E88108" s="15">
        <v>45519</v>
      </c>
      <c r="F88108" s="14" t="s">
        <v>15</v>
      </c>
      <c r="G88108" s="16">
        <v>0</v>
      </c>
    </row>
    <row r="88109" spans="1:7" x14ac:dyDescent="0.3">
      <c r="A88109" s="13" t="s">
        <v>441</v>
      </c>
      <c r="B88109" s="14" t="s">
        <v>1</v>
      </c>
      <c r="C88109" s="14" t="s">
        <v>51</v>
      </c>
      <c r="D88109" s="14" t="s">
        <v>442</v>
      </c>
      <c r="E88109" s="15">
        <v>45520</v>
      </c>
      <c r="F88109" s="14" t="s">
        <v>15</v>
      </c>
      <c r="G88109" s="16">
        <v>0</v>
      </c>
    </row>
    <row r="88110" spans="1:7" x14ac:dyDescent="0.3">
      <c r="A88110" s="13" t="s">
        <v>441</v>
      </c>
      <c r="B88110" s="14" t="s">
        <v>1</v>
      </c>
      <c r="C88110" s="14" t="s">
        <v>51</v>
      </c>
      <c r="D88110" s="14" t="s">
        <v>442</v>
      </c>
      <c r="E88110" s="15">
        <v>45521</v>
      </c>
      <c r="F88110" s="14" t="s">
        <v>15</v>
      </c>
      <c r="G88110" s="16">
        <v>0</v>
      </c>
    </row>
    <row r="88111" spans="1:7" x14ac:dyDescent="0.3">
      <c r="A88111" s="13" t="s">
        <v>441</v>
      </c>
      <c r="B88111" s="14" t="s">
        <v>1</v>
      </c>
      <c r="C88111" s="14" t="s">
        <v>51</v>
      </c>
      <c r="D88111" s="14" t="s">
        <v>442</v>
      </c>
      <c r="E88111" s="15">
        <v>45522</v>
      </c>
      <c r="F88111" s="14" t="s">
        <v>15</v>
      </c>
      <c r="G88111" s="16">
        <v>0</v>
      </c>
    </row>
    <row r="88112" spans="1:7" x14ac:dyDescent="0.3">
      <c r="A88112" s="13" t="s">
        <v>441</v>
      </c>
      <c r="B88112" s="14" t="s">
        <v>1</v>
      </c>
      <c r="C88112" s="14" t="s">
        <v>51</v>
      </c>
      <c r="D88112" s="14" t="s">
        <v>442</v>
      </c>
      <c r="E88112" s="15">
        <v>45523</v>
      </c>
      <c r="F88112" s="14" t="s">
        <v>15</v>
      </c>
      <c r="G88112" s="16">
        <v>0</v>
      </c>
    </row>
    <row r="88113" spans="1:7" x14ac:dyDescent="0.3">
      <c r="A88113" s="13" t="s">
        <v>441</v>
      </c>
      <c r="B88113" s="14" t="s">
        <v>1</v>
      </c>
      <c r="C88113" s="14" t="s">
        <v>51</v>
      </c>
      <c r="D88113" s="14" t="s">
        <v>442</v>
      </c>
      <c r="E88113" s="15">
        <v>45524</v>
      </c>
      <c r="F88113" s="14" t="s">
        <v>15</v>
      </c>
      <c r="G88113" s="16">
        <v>0</v>
      </c>
    </row>
    <row r="88114" spans="1:7" x14ac:dyDescent="0.3">
      <c r="A88114" s="13" t="s">
        <v>441</v>
      </c>
      <c r="B88114" s="14" t="s">
        <v>1</v>
      </c>
      <c r="C88114" s="14" t="s">
        <v>51</v>
      </c>
      <c r="D88114" s="14" t="s">
        <v>442</v>
      </c>
      <c r="E88114" s="15">
        <v>45525</v>
      </c>
      <c r="F88114" s="14" t="s">
        <v>15</v>
      </c>
      <c r="G88114" s="16">
        <v>0</v>
      </c>
    </row>
    <row r="88115" spans="1:7" x14ac:dyDescent="0.3">
      <c r="A88115" s="13" t="s">
        <v>441</v>
      </c>
      <c r="B88115" s="14" t="s">
        <v>1</v>
      </c>
      <c r="C88115" s="14" t="s">
        <v>51</v>
      </c>
      <c r="D88115" s="14" t="s">
        <v>442</v>
      </c>
      <c r="E88115" s="15">
        <v>45526</v>
      </c>
      <c r="F88115" s="14" t="s">
        <v>15</v>
      </c>
      <c r="G88115" s="16">
        <v>0</v>
      </c>
    </row>
    <row r="88116" spans="1:7" x14ac:dyDescent="0.3">
      <c r="A88116" s="13" t="s">
        <v>441</v>
      </c>
      <c r="B88116" s="14" t="s">
        <v>1</v>
      </c>
      <c r="C88116" s="14" t="s">
        <v>51</v>
      </c>
      <c r="D88116" s="14" t="s">
        <v>442</v>
      </c>
      <c r="E88116" s="15">
        <v>45527</v>
      </c>
      <c r="F88116" s="14" t="s">
        <v>15</v>
      </c>
      <c r="G88116" s="16">
        <v>0</v>
      </c>
    </row>
    <row r="88117" spans="1:7" x14ac:dyDescent="0.3">
      <c r="A88117" s="13" t="s">
        <v>441</v>
      </c>
      <c r="B88117" s="14" t="s">
        <v>1</v>
      </c>
      <c r="C88117" s="14" t="s">
        <v>51</v>
      </c>
      <c r="D88117" s="14" t="s">
        <v>442</v>
      </c>
      <c r="E88117" s="15">
        <v>45528</v>
      </c>
      <c r="F88117" s="14" t="s">
        <v>15</v>
      </c>
      <c r="G88117" s="16">
        <v>0</v>
      </c>
    </row>
    <row r="88118" spans="1:7" x14ac:dyDescent="0.3">
      <c r="A88118" s="13" t="s">
        <v>441</v>
      </c>
      <c r="B88118" s="14" t="s">
        <v>1</v>
      </c>
      <c r="C88118" s="14" t="s">
        <v>51</v>
      </c>
      <c r="D88118" s="14" t="s">
        <v>442</v>
      </c>
      <c r="E88118" s="15">
        <v>45529</v>
      </c>
      <c r="F88118" s="14" t="s">
        <v>15</v>
      </c>
      <c r="G88118" s="16">
        <v>0</v>
      </c>
    </row>
    <row r="88119" spans="1:7" x14ac:dyDescent="0.3">
      <c r="A88119" s="13" t="s">
        <v>441</v>
      </c>
      <c r="B88119" s="14" t="s">
        <v>1</v>
      </c>
      <c r="C88119" s="14" t="s">
        <v>51</v>
      </c>
      <c r="D88119" s="14" t="s">
        <v>442</v>
      </c>
      <c r="E88119" s="15">
        <v>45530</v>
      </c>
      <c r="F88119" s="14" t="s">
        <v>15</v>
      </c>
      <c r="G88119" s="16">
        <v>0</v>
      </c>
    </row>
    <row r="88120" spans="1:7" x14ac:dyDescent="0.3">
      <c r="A88120" s="13" t="s">
        <v>441</v>
      </c>
      <c r="B88120" s="14" t="s">
        <v>1</v>
      </c>
      <c r="C88120" s="14" t="s">
        <v>51</v>
      </c>
      <c r="D88120" s="14" t="s">
        <v>442</v>
      </c>
      <c r="E88120" s="15">
        <v>45531</v>
      </c>
      <c r="F88120" s="14" t="s">
        <v>15</v>
      </c>
      <c r="G88120" s="16">
        <v>0</v>
      </c>
    </row>
    <row r="88121" spans="1:7" x14ac:dyDescent="0.3">
      <c r="A88121" s="13" t="s">
        <v>441</v>
      </c>
      <c r="B88121" s="14" t="s">
        <v>1</v>
      </c>
      <c r="C88121" s="14" t="s">
        <v>51</v>
      </c>
      <c r="D88121" s="14" t="s">
        <v>442</v>
      </c>
      <c r="E88121" s="15">
        <v>45532</v>
      </c>
      <c r="F88121" s="14" t="s">
        <v>15</v>
      </c>
      <c r="G88121" s="16">
        <v>0</v>
      </c>
    </row>
    <row r="88122" spans="1:7" x14ac:dyDescent="0.3">
      <c r="A88122" s="13" t="s">
        <v>441</v>
      </c>
      <c r="B88122" s="14" t="s">
        <v>1</v>
      </c>
      <c r="C88122" s="14" t="s">
        <v>51</v>
      </c>
      <c r="D88122" s="14" t="s">
        <v>442</v>
      </c>
      <c r="E88122" s="15">
        <v>45533</v>
      </c>
      <c r="F88122" s="14" t="s">
        <v>15</v>
      </c>
      <c r="G88122" s="16">
        <v>0</v>
      </c>
    </row>
    <row r="88123" spans="1:7" x14ac:dyDescent="0.3">
      <c r="A88123" s="13" t="s">
        <v>441</v>
      </c>
      <c r="B88123" s="14" t="s">
        <v>1</v>
      </c>
      <c r="C88123" s="14" t="s">
        <v>51</v>
      </c>
      <c r="D88123" s="14" t="s">
        <v>442</v>
      </c>
      <c r="E88123" s="15">
        <v>45534</v>
      </c>
      <c r="F88123" s="14" t="s">
        <v>15</v>
      </c>
      <c r="G88123" s="16">
        <v>0</v>
      </c>
    </row>
    <row r="88124" spans="1:7" x14ac:dyDescent="0.3">
      <c r="A88124" s="13" t="s">
        <v>441</v>
      </c>
      <c r="B88124" s="14" t="s">
        <v>1</v>
      </c>
      <c r="C88124" s="14" t="s">
        <v>51</v>
      </c>
      <c r="D88124" s="14" t="s">
        <v>442</v>
      </c>
      <c r="E88124" s="15">
        <v>45535</v>
      </c>
      <c r="F88124" s="14" t="s">
        <v>15</v>
      </c>
      <c r="G88124" s="16">
        <v>0</v>
      </c>
    </row>
    <row r="88125" spans="1:7" x14ac:dyDescent="0.3">
      <c r="A88125" s="13" t="s">
        <v>441</v>
      </c>
      <c r="B88125" s="14" t="s">
        <v>1</v>
      </c>
      <c r="C88125" s="14" t="s">
        <v>51</v>
      </c>
      <c r="D88125" s="14" t="s">
        <v>442</v>
      </c>
      <c r="E88125" s="15">
        <v>45536</v>
      </c>
      <c r="F88125" s="14" t="s">
        <v>15</v>
      </c>
      <c r="G88125" s="16">
        <v>0</v>
      </c>
    </row>
    <row r="88126" spans="1:7" x14ac:dyDescent="0.3">
      <c r="A88126" s="13" t="s">
        <v>441</v>
      </c>
      <c r="B88126" s="14" t="s">
        <v>1</v>
      </c>
      <c r="C88126" s="14" t="s">
        <v>51</v>
      </c>
      <c r="D88126" s="14" t="s">
        <v>442</v>
      </c>
      <c r="E88126" s="15">
        <v>45537</v>
      </c>
      <c r="F88126" s="14" t="s">
        <v>15</v>
      </c>
      <c r="G88126" s="16">
        <v>0</v>
      </c>
    </row>
    <row r="88127" spans="1:7" x14ac:dyDescent="0.3">
      <c r="A88127" s="13" t="s">
        <v>441</v>
      </c>
      <c r="B88127" s="14" t="s">
        <v>1</v>
      </c>
      <c r="C88127" s="14" t="s">
        <v>51</v>
      </c>
      <c r="D88127" s="14" t="s">
        <v>442</v>
      </c>
      <c r="E88127" s="15">
        <v>45538</v>
      </c>
      <c r="F88127" s="14" t="s">
        <v>15</v>
      </c>
      <c r="G88127" s="16">
        <v>0</v>
      </c>
    </row>
    <row r="88128" spans="1:7" x14ac:dyDescent="0.3">
      <c r="A88128" s="13" t="s">
        <v>441</v>
      </c>
      <c r="B88128" s="14" t="s">
        <v>1</v>
      </c>
      <c r="C88128" s="14" t="s">
        <v>51</v>
      </c>
      <c r="D88128" s="14" t="s">
        <v>442</v>
      </c>
      <c r="E88128" s="15">
        <v>45539</v>
      </c>
      <c r="F88128" s="14" t="s">
        <v>15</v>
      </c>
      <c r="G88128" s="16">
        <v>0</v>
      </c>
    </row>
    <row r="88129" spans="1:7" x14ac:dyDescent="0.3">
      <c r="A88129" s="13" t="s">
        <v>441</v>
      </c>
      <c r="B88129" s="14" t="s">
        <v>1</v>
      </c>
      <c r="C88129" s="14" t="s">
        <v>51</v>
      </c>
      <c r="D88129" s="14" t="s">
        <v>442</v>
      </c>
      <c r="E88129" s="15">
        <v>45540</v>
      </c>
      <c r="F88129" s="14" t="s">
        <v>15</v>
      </c>
      <c r="G88129" s="16">
        <v>0</v>
      </c>
    </row>
    <row r="88130" spans="1:7" x14ac:dyDescent="0.3">
      <c r="A88130" s="13" t="s">
        <v>441</v>
      </c>
      <c r="B88130" s="14" t="s">
        <v>1</v>
      </c>
      <c r="C88130" s="14" t="s">
        <v>51</v>
      </c>
      <c r="D88130" s="14" t="s">
        <v>442</v>
      </c>
      <c r="E88130" s="15">
        <v>45541</v>
      </c>
      <c r="F88130" s="14" t="s">
        <v>15</v>
      </c>
      <c r="G88130" s="16">
        <v>0</v>
      </c>
    </row>
    <row r="88131" spans="1:7" x14ac:dyDescent="0.3">
      <c r="A88131" s="13" t="s">
        <v>441</v>
      </c>
      <c r="B88131" s="14" t="s">
        <v>1</v>
      </c>
      <c r="C88131" s="14" t="s">
        <v>51</v>
      </c>
      <c r="D88131" s="14" t="s">
        <v>442</v>
      </c>
      <c r="E88131" s="15">
        <v>45542</v>
      </c>
      <c r="F88131" s="14" t="s">
        <v>15</v>
      </c>
      <c r="G88131" s="16">
        <v>0</v>
      </c>
    </row>
    <row r="88132" spans="1:7" x14ac:dyDescent="0.3">
      <c r="A88132" s="13" t="s">
        <v>441</v>
      </c>
      <c r="B88132" s="14" t="s">
        <v>1</v>
      </c>
      <c r="C88132" s="14" t="s">
        <v>51</v>
      </c>
      <c r="D88132" s="14" t="s">
        <v>442</v>
      </c>
      <c r="E88132" s="15">
        <v>45543</v>
      </c>
      <c r="F88132" s="14" t="s">
        <v>15</v>
      </c>
      <c r="G88132" s="16">
        <v>0</v>
      </c>
    </row>
    <row r="88133" spans="1:7" x14ac:dyDescent="0.3">
      <c r="A88133" s="13" t="s">
        <v>441</v>
      </c>
      <c r="B88133" s="14" t="s">
        <v>1</v>
      </c>
      <c r="C88133" s="14" t="s">
        <v>51</v>
      </c>
      <c r="D88133" s="14" t="s">
        <v>442</v>
      </c>
      <c r="E88133" s="15">
        <v>45544</v>
      </c>
      <c r="F88133" s="14" t="s">
        <v>15</v>
      </c>
      <c r="G88133" s="16">
        <v>0</v>
      </c>
    </row>
    <row r="88134" spans="1:7" x14ac:dyDescent="0.3">
      <c r="A88134" s="13" t="s">
        <v>441</v>
      </c>
      <c r="B88134" s="14" t="s">
        <v>1</v>
      </c>
      <c r="C88134" s="14" t="s">
        <v>51</v>
      </c>
      <c r="D88134" s="14" t="s">
        <v>442</v>
      </c>
      <c r="E88134" s="15">
        <v>45545</v>
      </c>
      <c r="F88134" s="14" t="s">
        <v>15</v>
      </c>
      <c r="G88134" s="16">
        <v>0</v>
      </c>
    </row>
    <row r="88135" spans="1:7" x14ac:dyDescent="0.3">
      <c r="A88135" s="13" t="s">
        <v>441</v>
      </c>
      <c r="B88135" s="14" t="s">
        <v>1</v>
      </c>
      <c r="C88135" s="14" t="s">
        <v>51</v>
      </c>
      <c r="D88135" s="14" t="s">
        <v>442</v>
      </c>
      <c r="E88135" s="15">
        <v>45546</v>
      </c>
      <c r="F88135" s="14" t="s">
        <v>15</v>
      </c>
      <c r="G88135" s="16">
        <v>0</v>
      </c>
    </row>
    <row r="88136" spans="1:7" x14ac:dyDescent="0.3">
      <c r="A88136" s="13" t="s">
        <v>441</v>
      </c>
      <c r="B88136" s="14" t="s">
        <v>1</v>
      </c>
      <c r="C88136" s="14" t="s">
        <v>51</v>
      </c>
      <c r="D88136" s="14" t="s">
        <v>442</v>
      </c>
      <c r="E88136" s="15">
        <v>45547</v>
      </c>
      <c r="F88136" s="14" t="s">
        <v>15</v>
      </c>
      <c r="G88136" s="16">
        <v>0</v>
      </c>
    </row>
    <row r="88137" spans="1:7" x14ac:dyDescent="0.3">
      <c r="A88137" s="13" t="s">
        <v>441</v>
      </c>
      <c r="B88137" s="14" t="s">
        <v>1</v>
      </c>
      <c r="C88137" s="14" t="s">
        <v>51</v>
      </c>
      <c r="D88137" s="14" t="s">
        <v>442</v>
      </c>
      <c r="E88137" s="15">
        <v>45548</v>
      </c>
      <c r="F88137" s="14" t="s">
        <v>15</v>
      </c>
      <c r="G88137" s="16">
        <v>0</v>
      </c>
    </row>
    <row r="88138" spans="1:7" x14ac:dyDescent="0.3">
      <c r="A88138" s="13" t="s">
        <v>441</v>
      </c>
      <c r="B88138" s="14" t="s">
        <v>1</v>
      </c>
      <c r="C88138" s="14" t="s">
        <v>51</v>
      </c>
      <c r="D88138" s="14" t="s">
        <v>442</v>
      </c>
      <c r="E88138" s="15">
        <v>45549</v>
      </c>
      <c r="F88138" s="14" t="s">
        <v>15</v>
      </c>
      <c r="G88138" s="16">
        <v>0</v>
      </c>
    </row>
    <row r="88139" spans="1:7" x14ac:dyDescent="0.3">
      <c r="A88139" s="13" t="s">
        <v>441</v>
      </c>
      <c r="B88139" s="14" t="s">
        <v>1</v>
      </c>
      <c r="C88139" s="14" t="s">
        <v>51</v>
      </c>
      <c r="D88139" s="14" t="s">
        <v>442</v>
      </c>
      <c r="E88139" s="15">
        <v>45550</v>
      </c>
      <c r="F88139" s="14" t="s">
        <v>15</v>
      </c>
      <c r="G88139" s="16">
        <v>0</v>
      </c>
    </row>
    <row r="88140" spans="1:7" x14ac:dyDescent="0.3">
      <c r="A88140" s="13" t="s">
        <v>441</v>
      </c>
      <c r="B88140" s="14" t="s">
        <v>1</v>
      </c>
      <c r="C88140" s="14" t="s">
        <v>51</v>
      </c>
      <c r="D88140" s="14" t="s">
        <v>442</v>
      </c>
      <c r="E88140" s="15">
        <v>45551</v>
      </c>
      <c r="F88140" s="14" t="s">
        <v>15</v>
      </c>
      <c r="G88140" s="16">
        <v>0</v>
      </c>
    </row>
    <row r="88141" spans="1:7" x14ac:dyDescent="0.3">
      <c r="A88141" s="13" t="s">
        <v>441</v>
      </c>
      <c r="B88141" s="14" t="s">
        <v>1</v>
      </c>
      <c r="C88141" s="14" t="s">
        <v>51</v>
      </c>
      <c r="D88141" s="14" t="s">
        <v>442</v>
      </c>
      <c r="E88141" s="15">
        <v>45552</v>
      </c>
      <c r="F88141" s="14" t="s">
        <v>15</v>
      </c>
      <c r="G88141" s="16">
        <v>0</v>
      </c>
    </row>
    <row r="88142" spans="1:7" x14ac:dyDescent="0.3">
      <c r="A88142" s="13" t="s">
        <v>441</v>
      </c>
      <c r="B88142" s="14" t="s">
        <v>1</v>
      </c>
      <c r="C88142" s="14" t="s">
        <v>51</v>
      </c>
      <c r="D88142" s="14" t="s">
        <v>442</v>
      </c>
      <c r="E88142" s="15">
        <v>45553</v>
      </c>
      <c r="F88142" s="14" t="s">
        <v>15</v>
      </c>
      <c r="G88142" s="16">
        <v>0</v>
      </c>
    </row>
    <row r="88143" spans="1:7" x14ac:dyDescent="0.3">
      <c r="A88143" s="13" t="s">
        <v>441</v>
      </c>
      <c r="B88143" s="14" t="s">
        <v>1</v>
      </c>
      <c r="C88143" s="14" t="s">
        <v>51</v>
      </c>
      <c r="D88143" s="14" t="s">
        <v>442</v>
      </c>
      <c r="E88143" s="15">
        <v>45554</v>
      </c>
      <c r="F88143" s="14" t="s">
        <v>15</v>
      </c>
      <c r="G88143" s="16">
        <v>0</v>
      </c>
    </row>
    <row r="88144" spans="1:7" x14ac:dyDescent="0.3">
      <c r="A88144" s="13" t="s">
        <v>441</v>
      </c>
      <c r="B88144" s="14" t="s">
        <v>1</v>
      </c>
      <c r="C88144" s="14" t="s">
        <v>51</v>
      </c>
      <c r="D88144" s="14" t="s">
        <v>442</v>
      </c>
      <c r="E88144" s="15">
        <v>45555</v>
      </c>
      <c r="F88144" s="14" t="s">
        <v>15</v>
      </c>
      <c r="G88144" s="16">
        <v>0</v>
      </c>
    </row>
    <row r="88145" spans="1:7" x14ac:dyDescent="0.3">
      <c r="A88145" s="13" t="s">
        <v>441</v>
      </c>
      <c r="B88145" s="14" t="s">
        <v>1</v>
      </c>
      <c r="C88145" s="14" t="s">
        <v>51</v>
      </c>
      <c r="D88145" s="14" t="s">
        <v>442</v>
      </c>
      <c r="E88145" s="15">
        <v>45556</v>
      </c>
      <c r="F88145" s="14" t="s">
        <v>15</v>
      </c>
      <c r="G88145" s="16">
        <v>0</v>
      </c>
    </row>
    <row r="88146" spans="1:7" x14ac:dyDescent="0.3">
      <c r="A88146" s="13" t="s">
        <v>441</v>
      </c>
      <c r="B88146" s="14" t="s">
        <v>1</v>
      </c>
      <c r="C88146" s="14" t="s">
        <v>51</v>
      </c>
      <c r="D88146" s="14" t="s">
        <v>442</v>
      </c>
      <c r="E88146" s="15">
        <v>45557</v>
      </c>
      <c r="F88146" s="14" t="s">
        <v>15</v>
      </c>
      <c r="G88146" s="16">
        <v>0</v>
      </c>
    </row>
    <row r="88147" spans="1:7" x14ac:dyDescent="0.3">
      <c r="A88147" s="13" t="s">
        <v>441</v>
      </c>
      <c r="B88147" s="14" t="s">
        <v>1</v>
      </c>
      <c r="C88147" s="14" t="s">
        <v>51</v>
      </c>
      <c r="D88147" s="14" t="s">
        <v>442</v>
      </c>
      <c r="E88147" s="15">
        <v>45558</v>
      </c>
      <c r="F88147" s="14" t="s">
        <v>15</v>
      </c>
      <c r="G88147" s="16">
        <v>0</v>
      </c>
    </row>
    <row r="88148" spans="1:7" x14ac:dyDescent="0.3">
      <c r="A88148" s="13" t="s">
        <v>441</v>
      </c>
      <c r="B88148" s="14" t="s">
        <v>1</v>
      </c>
      <c r="C88148" s="14" t="s">
        <v>51</v>
      </c>
      <c r="D88148" s="14" t="s">
        <v>442</v>
      </c>
      <c r="E88148" s="15">
        <v>45559</v>
      </c>
      <c r="F88148" s="14" t="s">
        <v>15</v>
      </c>
      <c r="G88148" s="16">
        <v>0</v>
      </c>
    </row>
    <row r="88149" spans="1:7" x14ac:dyDescent="0.3">
      <c r="A88149" s="13" t="s">
        <v>441</v>
      </c>
      <c r="B88149" s="14" t="s">
        <v>1</v>
      </c>
      <c r="C88149" s="14" t="s">
        <v>51</v>
      </c>
      <c r="D88149" s="14" t="s">
        <v>442</v>
      </c>
      <c r="E88149" s="15">
        <v>45560</v>
      </c>
      <c r="F88149" s="14" t="s">
        <v>15</v>
      </c>
      <c r="G88149" s="16">
        <v>0</v>
      </c>
    </row>
    <row r="88150" spans="1:7" x14ac:dyDescent="0.3">
      <c r="A88150" s="13" t="s">
        <v>441</v>
      </c>
      <c r="B88150" s="14" t="s">
        <v>1</v>
      </c>
      <c r="C88150" s="14" t="s">
        <v>51</v>
      </c>
      <c r="D88150" s="14" t="s">
        <v>442</v>
      </c>
      <c r="E88150" s="15">
        <v>45561</v>
      </c>
      <c r="F88150" s="14" t="s">
        <v>15</v>
      </c>
      <c r="G88150" s="16">
        <v>0</v>
      </c>
    </row>
    <row r="88151" spans="1:7" x14ac:dyDescent="0.3">
      <c r="A88151" s="13" t="s">
        <v>441</v>
      </c>
      <c r="B88151" s="14" t="s">
        <v>1</v>
      </c>
      <c r="C88151" s="14" t="s">
        <v>51</v>
      </c>
      <c r="D88151" s="14" t="s">
        <v>442</v>
      </c>
      <c r="E88151" s="15">
        <v>45562</v>
      </c>
      <c r="F88151" s="14" t="s">
        <v>15</v>
      </c>
      <c r="G88151" s="16">
        <v>0</v>
      </c>
    </row>
    <row r="88152" spans="1:7" x14ac:dyDescent="0.3">
      <c r="A88152" s="13" t="s">
        <v>441</v>
      </c>
      <c r="B88152" s="14" t="s">
        <v>1</v>
      </c>
      <c r="C88152" s="14" t="s">
        <v>51</v>
      </c>
      <c r="D88152" s="14" t="s">
        <v>442</v>
      </c>
      <c r="E88152" s="15">
        <v>45563</v>
      </c>
      <c r="F88152" s="14" t="s">
        <v>15</v>
      </c>
      <c r="G88152" s="16">
        <v>0</v>
      </c>
    </row>
    <row r="88153" spans="1:7" x14ac:dyDescent="0.3">
      <c r="A88153" s="13" t="s">
        <v>441</v>
      </c>
      <c r="B88153" s="14" t="s">
        <v>1</v>
      </c>
      <c r="C88153" s="14" t="s">
        <v>51</v>
      </c>
      <c r="D88153" s="14" t="s">
        <v>442</v>
      </c>
      <c r="E88153" s="15">
        <v>45564</v>
      </c>
      <c r="F88153" s="14" t="s">
        <v>15</v>
      </c>
      <c r="G88153" s="16">
        <v>0</v>
      </c>
    </row>
    <row r="88154" spans="1:7" x14ac:dyDescent="0.3">
      <c r="A88154" s="13" t="s">
        <v>441</v>
      </c>
      <c r="B88154" s="14" t="s">
        <v>1</v>
      </c>
      <c r="C88154" s="14" t="s">
        <v>51</v>
      </c>
      <c r="D88154" s="14" t="s">
        <v>442</v>
      </c>
      <c r="E88154" s="15">
        <v>45565</v>
      </c>
      <c r="F88154" s="14" t="s">
        <v>15</v>
      </c>
      <c r="G88154" s="16">
        <v>0</v>
      </c>
    </row>
    <row r="88155" spans="1:7" x14ac:dyDescent="0.3">
      <c r="A88155" s="13" t="s">
        <v>441</v>
      </c>
      <c r="B88155" s="14" t="s">
        <v>1</v>
      </c>
      <c r="C88155" s="14" t="s">
        <v>51</v>
      </c>
      <c r="D88155" s="14" t="s">
        <v>442</v>
      </c>
      <c r="E88155" s="15">
        <v>45566</v>
      </c>
      <c r="F88155" s="14" t="s">
        <v>15</v>
      </c>
      <c r="G88155" s="16">
        <v>0</v>
      </c>
    </row>
    <row r="88156" spans="1:7" x14ac:dyDescent="0.3">
      <c r="A88156" s="13" t="s">
        <v>441</v>
      </c>
      <c r="B88156" s="14" t="s">
        <v>1</v>
      </c>
      <c r="C88156" s="14" t="s">
        <v>51</v>
      </c>
      <c r="D88156" s="14" t="s">
        <v>442</v>
      </c>
      <c r="E88156" s="15">
        <v>45567</v>
      </c>
      <c r="F88156" s="14" t="s">
        <v>15</v>
      </c>
      <c r="G88156" s="16">
        <v>0</v>
      </c>
    </row>
    <row r="88157" spans="1:7" x14ac:dyDescent="0.3">
      <c r="A88157" s="13" t="s">
        <v>441</v>
      </c>
      <c r="B88157" s="14" t="s">
        <v>1</v>
      </c>
      <c r="C88157" s="14" t="s">
        <v>51</v>
      </c>
      <c r="D88157" s="14" t="s">
        <v>442</v>
      </c>
      <c r="E88157" s="15">
        <v>45568</v>
      </c>
      <c r="F88157" s="14" t="s">
        <v>15</v>
      </c>
      <c r="G88157" s="16">
        <v>0</v>
      </c>
    </row>
    <row r="88158" spans="1:7" x14ac:dyDescent="0.3">
      <c r="A88158" s="13" t="s">
        <v>441</v>
      </c>
      <c r="B88158" s="14" t="s">
        <v>1</v>
      </c>
      <c r="C88158" s="14" t="s">
        <v>51</v>
      </c>
      <c r="D88158" s="14" t="s">
        <v>442</v>
      </c>
      <c r="E88158" s="15">
        <v>45569</v>
      </c>
      <c r="F88158" s="14" t="s">
        <v>15</v>
      </c>
      <c r="G88158" s="16">
        <v>0</v>
      </c>
    </row>
    <row r="88159" spans="1:7" x14ac:dyDescent="0.3">
      <c r="A88159" s="13" t="s">
        <v>441</v>
      </c>
      <c r="B88159" s="14" t="s">
        <v>1</v>
      </c>
      <c r="C88159" s="14" t="s">
        <v>51</v>
      </c>
      <c r="D88159" s="14" t="s">
        <v>442</v>
      </c>
      <c r="E88159" s="15">
        <v>45570</v>
      </c>
      <c r="F88159" s="14" t="s">
        <v>15</v>
      </c>
      <c r="G88159" s="16">
        <v>0</v>
      </c>
    </row>
    <row r="88160" spans="1:7" x14ac:dyDescent="0.3">
      <c r="A88160" s="13" t="s">
        <v>441</v>
      </c>
      <c r="B88160" s="14" t="s">
        <v>1</v>
      </c>
      <c r="C88160" s="14" t="s">
        <v>51</v>
      </c>
      <c r="D88160" s="14" t="s">
        <v>442</v>
      </c>
      <c r="E88160" s="15">
        <v>45571</v>
      </c>
      <c r="F88160" s="14" t="s">
        <v>15</v>
      </c>
      <c r="G88160" s="16">
        <v>0</v>
      </c>
    </row>
    <row r="88161" spans="1:7" x14ac:dyDescent="0.3">
      <c r="A88161" s="13" t="s">
        <v>441</v>
      </c>
      <c r="B88161" s="14" t="s">
        <v>1</v>
      </c>
      <c r="C88161" s="14" t="s">
        <v>51</v>
      </c>
      <c r="D88161" s="14" t="s">
        <v>442</v>
      </c>
      <c r="E88161" s="15">
        <v>45572</v>
      </c>
      <c r="F88161" s="14" t="s">
        <v>15</v>
      </c>
      <c r="G88161" s="16">
        <v>0</v>
      </c>
    </row>
    <row r="88162" spans="1:7" x14ac:dyDescent="0.3">
      <c r="A88162" s="13" t="s">
        <v>441</v>
      </c>
      <c r="B88162" s="14" t="s">
        <v>1</v>
      </c>
      <c r="C88162" s="14" t="s">
        <v>51</v>
      </c>
      <c r="D88162" s="14" t="s">
        <v>442</v>
      </c>
      <c r="E88162" s="15">
        <v>45573</v>
      </c>
      <c r="F88162" s="14" t="s">
        <v>15</v>
      </c>
      <c r="G88162" s="16">
        <v>0</v>
      </c>
    </row>
    <row r="88163" spans="1:7" x14ac:dyDescent="0.3">
      <c r="A88163" s="13" t="s">
        <v>441</v>
      </c>
      <c r="B88163" s="14" t="s">
        <v>1</v>
      </c>
      <c r="C88163" s="14" t="s">
        <v>51</v>
      </c>
      <c r="D88163" s="14" t="s">
        <v>442</v>
      </c>
      <c r="E88163" s="15">
        <v>45574</v>
      </c>
      <c r="F88163" s="14" t="s">
        <v>15</v>
      </c>
      <c r="G88163" s="16">
        <v>0</v>
      </c>
    </row>
    <row r="88164" spans="1:7" x14ac:dyDescent="0.3">
      <c r="A88164" s="13" t="s">
        <v>441</v>
      </c>
      <c r="B88164" s="14" t="s">
        <v>1</v>
      </c>
      <c r="C88164" s="14" t="s">
        <v>51</v>
      </c>
      <c r="D88164" s="14" t="s">
        <v>442</v>
      </c>
      <c r="E88164" s="15">
        <v>45575</v>
      </c>
      <c r="F88164" s="14" t="s">
        <v>15</v>
      </c>
      <c r="G88164" s="16">
        <v>0</v>
      </c>
    </row>
    <row r="88165" spans="1:7" x14ac:dyDescent="0.3">
      <c r="A88165" s="13" t="s">
        <v>441</v>
      </c>
      <c r="B88165" s="14" t="s">
        <v>1</v>
      </c>
      <c r="C88165" s="14" t="s">
        <v>51</v>
      </c>
      <c r="D88165" s="14" t="s">
        <v>442</v>
      </c>
      <c r="E88165" s="15">
        <v>45576</v>
      </c>
      <c r="F88165" s="14" t="s">
        <v>15</v>
      </c>
      <c r="G88165" s="16">
        <v>0</v>
      </c>
    </row>
    <row r="88166" spans="1:7" x14ac:dyDescent="0.3">
      <c r="A88166" s="13" t="s">
        <v>441</v>
      </c>
      <c r="B88166" s="14" t="s">
        <v>1</v>
      </c>
      <c r="C88166" s="14" t="s">
        <v>51</v>
      </c>
      <c r="D88166" s="14" t="s">
        <v>442</v>
      </c>
      <c r="E88166" s="15">
        <v>45577</v>
      </c>
      <c r="F88166" s="14" t="s">
        <v>15</v>
      </c>
      <c r="G88166" s="16">
        <v>0</v>
      </c>
    </row>
    <row r="88167" spans="1:7" x14ac:dyDescent="0.3">
      <c r="A88167" s="13" t="s">
        <v>441</v>
      </c>
      <c r="B88167" s="14" t="s">
        <v>1</v>
      </c>
      <c r="C88167" s="14" t="s">
        <v>51</v>
      </c>
      <c r="D88167" s="14" t="s">
        <v>442</v>
      </c>
      <c r="E88167" s="15">
        <v>45578</v>
      </c>
      <c r="F88167" s="14" t="s">
        <v>15</v>
      </c>
      <c r="G88167" s="16">
        <v>0</v>
      </c>
    </row>
    <row r="88168" spans="1:7" x14ac:dyDescent="0.3">
      <c r="A88168" s="13" t="s">
        <v>441</v>
      </c>
      <c r="B88168" s="14" t="s">
        <v>1</v>
      </c>
      <c r="C88168" s="14" t="s">
        <v>51</v>
      </c>
      <c r="D88168" s="14" t="s">
        <v>442</v>
      </c>
      <c r="E88168" s="15">
        <v>45579</v>
      </c>
      <c r="F88168" s="14" t="s">
        <v>15</v>
      </c>
      <c r="G88168" s="16">
        <v>0</v>
      </c>
    </row>
    <row r="88169" spans="1:7" x14ac:dyDescent="0.3">
      <c r="A88169" s="13" t="s">
        <v>441</v>
      </c>
      <c r="B88169" s="14" t="s">
        <v>1</v>
      </c>
      <c r="C88169" s="14" t="s">
        <v>51</v>
      </c>
      <c r="D88169" s="14" t="s">
        <v>442</v>
      </c>
      <c r="E88169" s="15">
        <v>45580</v>
      </c>
      <c r="F88169" s="14" t="s">
        <v>15</v>
      </c>
      <c r="G88169" s="16">
        <v>0</v>
      </c>
    </row>
    <row r="88170" spans="1:7" x14ac:dyDescent="0.3">
      <c r="A88170" s="13" t="s">
        <v>441</v>
      </c>
      <c r="B88170" s="14" t="s">
        <v>1</v>
      </c>
      <c r="C88170" s="14" t="s">
        <v>51</v>
      </c>
      <c r="D88170" s="14" t="s">
        <v>442</v>
      </c>
      <c r="E88170" s="15">
        <v>45581</v>
      </c>
      <c r="F88170" s="14" t="s">
        <v>15</v>
      </c>
      <c r="G88170" s="16">
        <v>0</v>
      </c>
    </row>
    <row r="88171" spans="1:7" x14ac:dyDescent="0.3">
      <c r="A88171" s="13" t="s">
        <v>441</v>
      </c>
      <c r="B88171" s="14" t="s">
        <v>1</v>
      </c>
      <c r="C88171" s="14" t="s">
        <v>51</v>
      </c>
      <c r="D88171" s="14" t="s">
        <v>442</v>
      </c>
      <c r="E88171" s="15">
        <v>45582</v>
      </c>
      <c r="F88171" s="14" t="s">
        <v>15</v>
      </c>
      <c r="G88171" s="16">
        <v>0</v>
      </c>
    </row>
    <row r="88172" spans="1:7" x14ac:dyDescent="0.3">
      <c r="A88172" s="13" t="s">
        <v>441</v>
      </c>
      <c r="B88172" s="14" t="s">
        <v>1</v>
      </c>
      <c r="C88172" s="14" t="s">
        <v>51</v>
      </c>
      <c r="D88172" s="14" t="s">
        <v>442</v>
      </c>
      <c r="E88172" s="15">
        <v>45583</v>
      </c>
      <c r="F88172" s="14" t="s">
        <v>15</v>
      </c>
      <c r="G88172" s="16">
        <v>0</v>
      </c>
    </row>
    <row r="88173" spans="1:7" x14ac:dyDescent="0.3">
      <c r="A88173" s="13" t="s">
        <v>441</v>
      </c>
      <c r="B88173" s="14" t="s">
        <v>1</v>
      </c>
      <c r="C88173" s="14" t="s">
        <v>51</v>
      </c>
      <c r="D88173" s="14" t="s">
        <v>442</v>
      </c>
      <c r="E88173" s="15">
        <v>45584</v>
      </c>
      <c r="F88173" s="14" t="s">
        <v>15</v>
      </c>
      <c r="G88173" s="16">
        <v>0</v>
      </c>
    </row>
    <row r="88174" spans="1:7" x14ac:dyDescent="0.3">
      <c r="A88174" s="13" t="s">
        <v>441</v>
      </c>
      <c r="B88174" s="14" t="s">
        <v>1</v>
      </c>
      <c r="C88174" s="14" t="s">
        <v>51</v>
      </c>
      <c r="D88174" s="14" t="s">
        <v>442</v>
      </c>
      <c r="E88174" s="15">
        <v>45585</v>
      </c>
      <c r="F88174" s="14" t="s">
        <v>15</v>
      </c>
      <c r="G88174" s="16">
        <v>0</v>
      </c>
    </row>
    <row r="88175" spans="1:7" x14ac:dyDescent="0.3">
      <c r="A88175" s="13" t="s">
        <v>441</v>
      </c>
      <c r="B88175" s="14" t="s">
        <v>1</v>
      </c>
      <c r="C88175" s="14" t="s">
        <v>51</v>
      </c>
      <c r="D88175" s="14" t="s">
        <v>442</v>
      </c>
      <c r="E88175" s="15">
        <v>45586</v>
      </c>
      <c r="F88175" s="14" t="s">
        <v>15</v>
      </c>
      <c r="G88175" s="16">
        <v>0</v>
      </c>
    </row>
    <row r="88176" spans="1:7" x14ac:dyDescent="0.3">
      <c r="A88176" s="13" t="s">
        <v>441</v>
      </c>
      <c r="B88176" s="14" t="s">
        <v>1</v>
      </c>
      <c r="C88176" s="14" t="s">
        <v>51</v>
      </c>
      <c r="D88176" s="14" t="s">
        <v>442</v>
      </c>
      <c r="E88176" s="15">
        <v>45587</v>
      </c>
      <c r="F88176" s="14" t="s">
        <v>15</v>
      </c>
      <c r="G88176" s="16">
        <v>0</v>
      </c>
    </row>
    <row r="88177" spans="1:7" x14ac:dyDescent="0.3">
      <c r="A88177" s="13" t="s">
        <v>441</v>
      </c>
      <c r="B88177" s="14" t="s">
        <v>1</v>
      </c>
      <c r="C88177" s="14" t="s">
        <v>51</v>
      </c>
      <c r="D88177" s="14" t="s">
        <v>442</v>
      </c>
      <c r="E88177" s="15">
        <v>45588</v>
      </c>
      <c r="F88177" s="14" t="s">
        <v>15</v>
      </c>
      <c r="G88177" s="16">
        <v>0</v>
      </c>
    </row>
    <row r="88178" spans="1:7" x14ac:dyDescent="0.3">
      <c r="A88178" s="13" t="s">
        <v>441</v>
      </c>
      <c r="B88178" s="14" t="s">
        <v>1</v>
      </c>
      <c r="C88178" s="14" t="s">
        <v>51</v>
      </c>
      <c r="D88178" s="14" t="s">
        <v>442</v>
      </c>
      <c r="E88178" s="15">
        <v>45589</v>
      </c>
      <c r="F88178" s="14" t="s">
        <v>15</v>
      </c>
      <c r="G88178" s="16">
        <v>0</v>
      </c>
    </row>
    <row r="88179" spans="1:7" x14ac:dyDescent="0.3">
      <c r="A88179" s="13" t="s">
        <v>441</v>
      </c>
      <c r="B88179" s="14" t="s">
        <v>1</v>
      </c>
      <c r="C88179" s="14" t="s">
        <v>51</v>
      </c>
      <c r="D88179" s="14" t="s">
        <v>442</v>
      </c>
      <c r="E88179" s="15">
        <v>45590</v>
      </c>
      <c r="F88179" s="14" t="s">
        <v>15</v>
      </c>
      <c r="G88179" s="16">
        <v>0</v>
      </c>
    </row>
    <row r="88180" spans="1:7" x14ac:dyDescent="0.3">
      <c r="A88180" s="13" t="s">
        <v>441</v>
      </c>
      <c r="B88180" s="14" t="s">
        <v>1</v>
      </c>
      <c r="C88180" s="14" t="s">
        <v>51</v>
      </c>
      <c r="D88180" s="14" t="s">
        <v>442</v>
      </c>
      <c r="E88180" s="15">
        <v>45591</v>
      </c>
      <c r="F88180" s="14" t="s">
        <v>15</v>
      </c>
      <c r="G88180" s="16">
        <v>0</v>
      </c>
    </row>
    <row r="88181" spans="1:7" x14ac:dyDescent="0.3">
      <c r="A88181" s="13" t="s">
        <v>441</v>
      </c>
      <c r="B88181" s="14" t="s">
        <v>1</v>
      </c>
      <c r="C88181" s="14" t="s">
        <v>51</v>
      </c>
      <c r="D88181" s="14" t="s">
        <v>442</v>
      </c>
      <c r="E88181" s="15">
        <v>45592</v>
      </c>
      <c r="F88181" s="14" t="s">
        <v>15</v>
      </c>
      <c r="G88181" s="16">
        <v>0</v>
      </c>
    </row>
    <row r="88182" spans="1:7" x14ac:dyDescent="0.3">
      <c r="A88182" s="13" t="s">
        <v>441</v>
      </c>
      <c r="B88182" s="14" t="s">
        <v>1</v>
      </c>
      <c r="C88182" s="14" t="s">
        <v>51</v>
      </c>
      <c r="D88182" s="14" t="s">
        <v>442</v>
      </c>
      <c r="E88182" s="15">
        <v>45593</v>
      </c>
      <c r="F88182" s="14" t="s">
        <v>15</v>
      </c>
      <c r="G88182" s="16">
        <v>0</v>
      </c>
    </row>
    <row r="88183" spans="1:7" x14ac:dyDescent="0.3">
      <c r="A88183" s="13" t="s">
        <v>441</v>
      </c>
      <c r="B88183" s="14" t="s">
        <v>1</v>
      </c>
      <c r="C88183" s="14" t="s">
        <v>51</v>
      </c>
      <c r="D88183" s="14" t="s">
        <v>442</v>
      </c>
      <c r="E88183" s="15">
        <v>45594</v>
      </c>
      <c r="F88183" s="14" t="s">
        <v>15</v>
      </c>
      <c r="G88183" s="16">
        <v>0</v>
      </c>
    </row>
    <row r="88184" spans="1:7" x14ac:dyDescent="0.3">
      <c r="A88184" s="13" t="s">
        <v>441</v>
      </c>
      <c r="B88184" s="14" t="s">
        <v>1</v>
      </c>
      <c r="C88184" s="14" t="s">
        <v>51</v>
      </c>
      <c r="D88184" s="14" t="s">
        <v>442</v>
      </c>
      <c r="E88184" s="15">
        <v>45595</v>
      </c>
      <c r="F88184" s="14" t="s">
        <v>15</v>
      </c>
      <c r="G88184" s="16">
        <v>0</v>
      </c>
    </row>
    <row r="88185" spans="1:7" x14ac:dyDescent="0.3">
      <c r="A88185" s="13" t="s">
        <v>441</v>
      </c>
      <c r="B88185" s="14" t="s">
        <v>1</v>
      </c>
      <c r="C88185" s="14" t="s">
        <v>51</v>
      </c>
      <c r="D88185" s="14" t="s">
        <v>442</v>
      </c>
      <c r="E88185" s="15">
        <v>45596</v>
      </c>
      <c r="F88185" s="14" t="s">
        <v>15</v>
      </c>
      <c r="G88185" s="16">
        <v>0</v>
      </c>
    </row>
    <row r="88186" spans="1:7" x14ac:dyDescent="0.3">
      <c r="A88186" s="13" t="s">
        <v>441</v>
      </c>
      <c r="B88186" s="14" t="s">
        <v>1</v>
      </c>
      <c r="C88186" s="14" t="s">
        <v>51</v>
      </c>
      <c r="D88186" s="14" t="s">
        <v>442</v>
      </c>
      <c r="E88186" s="15">
        <v>45597</v>
      </c>
      <c r="F88186" s="14" t="s">
        <v>15</v>
      </c>
      <c r="G88186" s="16">
        <v>0</v>
      </c>
    </row>
    <row r="88187" spans="1:7" x14ac:dyDescent="0.3">
      <c r="A88187" s="13" t="s">
        <v>441</v>
      </c>
      <c r="B88187" s="14" t="s">
        <v>1</v>
      </c>
      <c r="C88187" s="14" t="s">
        <v>51</v>
      </c>
      <c r="D88187" s="14" t="s">
        <v>442</v>
      </c>
      <c r="E88187" s="15">
        <v>45598</v>
      </c>
      <c r="F88187" s="14" t="s">
        <v>15</v>
      </c>
      <c r="G88187" s="16">
        <v>0</v>
      </c>
    </row>
    <row r="88188" spans="1:7" x14ac:dyDescent="0.3">
      <c r="A88188" s="13" t="s">
        <v>441</v>
      </c>
      <c r="B88188" s="14" t="s">
        <v>1</v>
      </c>
      <c r="C88188" s="14" t="s">
        <v>51</v>
      </c>
      <c r="D88188" s="14" t="s">
        <v>442</v>
      </c>
      <c r="E88188" s="15">
        <v>45599</v>
      </c>
      <c r="F88188" s="14" t="s">
        <v>15</v>
      </c>
      <c r="G88188" s="16">
        <v>0</v>
      </c>
    </row>
    <row r="88189" spans="1:7" x14ac:dyDescent="0.3">
      <c r="A88189" s="13" t="s">
        <v>441</v>
      </c>
      <c r="B88189" s="14" t="s">
        <v>1</v>
      </c>
      <c r="C88189" s="14" t="s">
        <v>51</v>
      </c>
      <c r="D88189" s="14" t="s">
        <v>442</v>
      </c>
      <c r="E88189" s="15">
        <v>45600</v>
      </c>
      <c r="F88189" s="14" t="s">
        <v>15</v>
      </c>
      <c r="G88189" s="16">
        <v>0</v>
      </c>
    </row>
    <row r="88190" spans="1:7" x14ac:dyDescent="0.3">
      <c r="A88190" s="13" t="s">
        <v>441</v>
      </c>
      <c r="B88190" s="14" t="s">
        <v>1</v>
      </c>
      <c r="C88190" s="14" t="s">
        <v>51</v>
      </c>
      <c r="D88190" s="14" t="s">
        <v>442</v>
      </c>
      <c r="E88190" s="15">
        <v>45601</v>
      </c>
      <c r="F88190" s="14" t="s">
        <v>15</v>
      </c>
      <c r="G88190" s="16">
        <v>0</v>
      </c>
    </row>
    <row r="88191" spans="1:7" x14ac:dyDescent="0.3">
      <c r="A88191" s="13" t="s">
        <v>441</v>
      </c>
      <c r="B88191" s="14" t="s">
        <v>1</v>
      </c>
      <c r="C88191" s="14" t="s">
        <v>51</v>
      </c>
      <c r="D88191" s="14" t="s">
        <v>442</v>
      </c>
      <c r="E88191" s="15">
        <v>45602</v>
      </c>
      <c r="F88191" s="14" t="s">
        <v>15</v>
      </c>
      <c r="G88191" s="16">
        <v>0</v>
      </c>
    </row>
    <row r="88192" spans="1:7" x14ac:dyDescent="0.3">
      <c r="A88192" s="13" t="s">
        <v>441</v>
      </c>
      <c r="B88192" s="14" t="s">
        <v>1</v>
      </c>
      <c r="C88192" s="14" t="s">
        <v>51</v>
      </c>
      <c r="D88192" s="14" t="s">
        <v>442</v>
      </c>
      <c r="E88192" s="15">
        <v>45603</v>
      </c>
      <c r="F88192" s="14" t="s">
        <v>15</v>
      </c>
      <c r="G88192" s="16">
        <v>0</v>
      </c>
    </row>
    <row r="88193" spans="1:7" x14ac:dyDescent="0.3">
      <c r="A88193" s="13" t="s">
        <v>441</v>
      </c>
      <c r="B88193" s="14" t="s">
        <v>1</v>
      </c>
      <c r="C88193" s="14" t="s">
        <v>51</v>
      </c>
      <c r="D88193" s="14" t="s">
        <v>442</v>
      </c>
      <c r="E88193" s="15">
        <v>45604</v>
      </c>
      <c r="F88193" s="14" t="s">
        <v>15</v>
      </c>
      <c r="G88193" s="16">
        <v>0</v>
      </c>
    </row>
    <row r="88194" spans="1:7" x14ac:dyDescent="0.3">
      <c r="A88194" s="13" t="s">
        <v>441</v>
      </c>
      <c r="B88194" s="14" t="s">
        <v>1</v>
      </c>
      <c r="C88194" s="14" t="s">
        <v>51</v>
      </c>
      <c r="D88194" s="14" t="s">
        <v>442</v>
      </c>
      <c r="E88194" s="15">
        <v>45605</v>
      </c>
      <c r="F88194" s="14" t="s">
        <v>15</v>
      </c>
      <c r="G88194" s="16">
        <v>0</v>
      </c>
    </row>
    <row r="88195" spans="1:7" x14ac:dyDescent="0.3">
      <c r="A88195" s="13" t="s">
        <v>441</v>
      </c>
      <c r="B88195" s="14" t="s">
        <v>1</v>
      </c>
      <c r="C88195" s="14" t="s">
        <v>51</v>
      </c>
      <c r="D88195" s="14" t="s">
        <v>442</v>
      </c>
      <c r="E88195" s="15">
        <v>45606</v>
      </c>
      <c r="F88195" s="14" t="s">
        <v>15</v>
      </c>
      <c r="G88195" s="16">
        <v>0</v>
      </c>
    </row>
    <row r="88196" spans="1:7" x14ac:dyDescent="0.3">
      <c r="A88196" s="13" t="s">
        <v>441</v>
      </c>
      <c r="B88196" s="14" t="s">
        <v>1</v>
      </c>
      <c r="C88196" s="14" t="s">
        <v>51</v>
      </c>
      <c r="D88196" s="14" t="s">
        <v>442</v>
      </c>
      <c r="E88196" s="15">
        <v>45607</v>
      </c>
      <c r="F88196" s="14" t="s">
        <v>15</v>
      </c>
      <c r="G88196" s="16">
        <v>0</v>
      </c>
    </row>
    <row r="88197" spans="1:7" x14ac:dyDescent="0.3">
      <c r="A88197" s="13" t="s">
        <v>441</v>
      </c>
      <c r="B88197" s="14" t="s">
        <v>1</v>
      </c>
      <c r="C88197" s="14" t="s">
        <v>51</v>
      </c>
      <c r="D88197" s="14" t="s">
        <v>442</v>
      </c>
      <c r="E88197" s="15">
        <v>45608</v>
      </c>
      <c r="F88197" s="14" t="s">
        <v>15</v>
      </c>
      <c r="G88197" s="16">
        <v>0</v>
      </c>
    </row>
    <row r="88198" spans="1:7" x14ac:dyDescent="0.3">
      <c r="A88198" s="13" t="s">
        <v>441</v>
      </c>
      <c r="B88198" s="14" t="s">
        <v>1</v>
      </c>
      <c r="C88198" s="14" t="s">
        <v>51</v>
      </c>
      <c r="D88198" s="14" t="s">
        <v>442</v>
      </c>
      <c r="E88198" s="15">
        <v>45609</v>
      </c>
      <c r="F88198" s="14" t="s">
        <v>15</v>
      </c>
      <c r="G88198" s="16">
        <v>0</v>
      </c>
    </row>
    <row r="88199" spans="1:7" x14ac:dyDescent="0.3">
      <c r="A88199" s="13" t="s">
        <v>441</v>
      </c>
      <c r="B88199" s="14" t="s">
        <v>1</v>
      </c>
      <c r="C88199" s="14" t="s">
        <v>51</v>
      </c>
      <c r="D88199" s="14" t="s">
        <v>442</v>
      </c>
      <c r="E88199" s="15">
        <v>45610</v>
      </c>
      <c r="F88199" s="14" t="s">
        <v>15</v>
      </c>
      <c r="G88199" s="16">
        <v>0</v>
      </c>
    </row>
    <row r="88200" spans="1:7" x14ac:dyDescent="0.3">
      <c r="A88200" s="13" t="s">
        <v>441</v>
      </c>
      <c r="B88200" s="14" t="s">
        <v>1</v>
      </c>
      <c r="C88200" s="14" t="s">
        <v>51</v>
      </c>
      <c r="D88200" s="14" t="s">
        <v>442</v>
      </c>
      <c r="E88200" s="15">
        <v>45611</v>
      </c>
      <c r="F88200" s="14" t="s">
        <v>15</v>
      </c>
      <c r="G88200" s="16">
        <v>0</v>
      </c>
    </row>
    <row r="88201" spans="1:7" x14ac:dyDescent="0.3">
      <c r="A88201" s="13" t="s">
        <v>441</v>
      </c>
      <c r="B88201" s="14" t="s">
        <v>1</v>
      </c>
      <c r="C88201" s="14" t="s">
        <v>51</v>
      </c>
      <c r="D88201" s="14" t="s">
        <v>442</v>
      </c>
      <c r="E88201" s="15">
        <v>45612</v>
      </c>
      <c r="F88201" s="14" t="s">
        <v>15</v>
      </c>
      <c r="G88201" s="16">
        <v>0</v>
      </c>
    </row>
    <row r="88202" spans="1:7" x14ac:dyDescent="0.3">
      <c r="A88202" s="13" t="s">
        <v>441</v>
      </c>
      <c r="B88202" s="14" t="s">
        <v>1</v>
      </c>
      <c r="C88202" s="14" t="s">
        <v>51</v>
      </c>
      <c r="D88202" s="14" t="s">
        <v>442</v>
      </c>
      <c r="E88202" s="15">
        <v>45613</v>
      </c>
      <c r="F88202" s="14" t="s">
        <v>15</v>
      </c>
      <c r="G88202" s="16">
        <v>0</v>
      </c>
    </row>
    <row r="88203" spans="1:7" x14ac:dyDescent="0.3">
      <c r="A88203" s="13" t="s">
        <v>441</v>
      </c>
      <c r="B88203" s="14" t="s">
        <v>1</v>
      </c>
      <c r="C88203" s="14" t="s">
        <v>51</v>
      </c>
      <c r="D88203" s="14" t="s">
        <v>442</v>
      </c>
      <c r="E88203" s="15">
        <v>45614</v>
      </c>
      <c r="F88203" s="14" t="s">
        <v>15</v>
      </c>
      <c r="G88203" s="16">
        <v>0</v>
      </c>
    </row>
    <row r="88204" spans="1:7" x14ac:dyDescent="0.3">
      <c r="A88204" s="13" t="s">
        <v>441</v>
      </c>
      <c r="B88204" s="14" t="s">
        <v>1</v>
      </c>
      <c r="C88204" s="14" t="s">
        <v>51</v>
      </c>
      <c r="D88204" s="14" t="s">
        <v>442</v>
      </c>
      <c r="E88204" s="15">
        <v>45615</v>
      </c>
      <c r="F88204" s="14" t="s">
        <v>15</v>
      </c>
      <c r="G88204" s="16">
        <v>0</v>
      </c>
    </row>
    <row r="88205" spans="1:7" x14ac:dyDescent="0.3">
      <c r="A88205" s="13" t="s">
        <v>441</v>
      </c>
      <c r="B88205" s="14" t="s">
        <v>1</v>
      </c>
      <c r="C88205" s="14" t="s">
        <v>51</v>
      </c>
      <c r="D88205" s="14" t="s">
        <v>442</v>
      </c>
      <c r="E88205" s="15">
        <v>45616</v>
      </c>
      <c r="F88205" s="14" t="s">
        <v>15</v>
      </c>
      <c r="G88205" s="16">
        <v>0</v>
      </c>
    </row>
    <row r="88206" spans="1:7" x14ac:dyDescent="0.3">
      <c r="A88206" s="13" t="s">
        <v>441</v>
      </c>
      <c r="B88206" s="14" t="s">
        <v>1</v>
      </c>
      <c r="C88206" s="14" t="s">
        <v>51</v>
      </c>
      <c r="D88206" s="14" t="s">
        <v>442</v>
      </c>
      <c r="E88206" s="15">
        <v>45617</v>
      </c>
      <c r="F88206" s="14" t="s">
        <v>15</v>
      </c>
      <c r="G88206" s="16">
        <v>0</v>
      </c>
    </row>
    <row r="88207" spans="1:7" x14ac:dyDescent="0.3">
      <c r="A88207" s="13" t="s">
        <v>441</v>
      </c>
      <c r="B88207" s="14" t="s">
        <v>1</v>
      </c>
      <c r="C88207" s="14" t="s">
        <v>51</v>
      </c>
      <c r="D88207" s="14" t="s">
        <v>442</v>
      </c>
      <c r="E88207" s="15">
        <v>45618</v>
      </c>
      <c r="F88207" s="14" t="s">
        <v>15</v>
      </c>
      <c r="G88207" s="16">
        <v>0</v>
      </c>
    </row>
    <row r="88208" spans="1:7" x14ac:dyDescent="0.3">
      <c r="A88208" s="13" t="s">
        <v>441</v>
      </c>
      <c r="B88208" s="14" t="s">
        <v>1</v>
      </c>
      <c r="C88208" s="14" t="s">
        <v>51</v>
      </c>
      <c r="D88208" s="14" t="s">
        <v>442</v>
      </c>
      <c r="E88208" s="15">
        <v>45619</v>
      </c>
      <c r="F88208" s="14" t="s">
        <v>15</v>
      </c>
      <c r="G88208" s="16">
        <v>0</v>
      </c>
    </row>
    <row r="88209" spans="1:7" x14ac:dyDescent="0.3">
      <c r="A88209" s="13" t="s">
        <v>441</v>
      </c>
      <c r="B88209" s="14" t="s">
        <v>1</v>
      </c>
      <c r="C88209" s="14" t="s">
        <v>51</v>
      </c>
      <c r="D88209" s="14" t="s">
        <v>442</v>
      </c>
      <c r="E88209" s="15">
        <v>45620</v>
      </c>
      <c r="F88209" s="14" t="s">
        <v>15</v>
      </c>
      <c r="G88209" s="16">
        <v>0</v>
      </c>
    </row>
    <row r="88210" spans="1:7" x14ac:dyDescent="0.3">
      <c r="A88210" s="13" t="s">
        <v>441</v>
      </c>
      <c r="B88210" s="14" t="s">
        <v>1</v>
      </c>
      <c r="C88210" s="14" t="s">
        <v>51</v>
      </c>
      <c r="D88210" s="14" t="s">
        <v>442</v>
      </c>
      <c r="E88210" s="15">
        <v>45621</v>
      </c>
      <c r="F88210" s="14" t="s">
        <v>15</v>
      </c>
      <c r="G88210" s="16">
        <v>0</v>
      </c>
    </row>
    <row r="88211" spans="1:7" x14ac:dyDescent="0.3">
      <c r="A88211" s="13" t="s">
        <v>441</v>
      </c>
      <c r="B88211" s="14" t="s">
        <v>1</v>
      </c>
      <c r="C88211" s="14" t="s">
        <v>51</v>
      </c>
      <c r="D88211" s="14" t="s">
        <v>442</v>
      </c>
      <c r="E88211" s="15">
        <v>45622</v>
      </c>
      <c r="F88211" s="14" t="s">
        <v>15</v>
      </c>
      <c r="G88211" s="16">
        <v>0</v>
      </c>
    </row>
    <row r="88212" spans="1:7" x14ac:dyDescent="0.3">
      <c r="A88212" s="13" t="s">
        <v>441</v>
      </c>
      <c r="B88212" s="14" t="s">
        <v>1</v>
      </c>
      <c r="C88212" s="14" t="s">
        <v>51</v>
      </c>
      <c r="D88212" s="14" t="s">
        <v>442</v>
      </c>
      <c r="E88212" s="15">
        <v>45623</v>
      </c>
      <c r="F88212" s="14" t="s">
        <v>15</v>
      </c>
      <c r="G88212" s="16">
        <v>0</v>
      </c>
    </row>
    <row r="88213" spans="1:7" x14ac:dyDescent="0.3">
      <c r="A88213" s="13" t="s">
        <v>441</v>
      </c>
      <c r="B88213" s="14" t="s">
        <v>1</v>
      </c>
      <c r="C88213" s="14" t="s">
        <v>51</v>
      </c>
      <c r="D88213" s="14" t="s">
        <v>442</v>
      </c>
      <c r="E88213" s="15">
        <v>45624</v>
      </c>
      <c r="F88213" s="14" t="s">
        <v>15</v>
      </c>
      <c r="G88213" s="16">
        <v>0</v>
      </c>
    </row>
    <row r="88214" spans="1:7" x14ac:dyDescent="0.3">
      <c r="A88214" s="13" t="s">
        <v>441</v>
      </c>
      <c r="B88214" s="14" t="s">
        <v>1</v>
      </c>
      <c r="C88214" s="14" t="s">
        <v>51</v>
      </c>
      <c r="D88214" s="14" t="s">
        <v>442</v>
      </c>
      <c r="E88214" s="15">
        <v>45625</v>
      </c>
      <c r="F88214" s="14" t="s">
        <v>15</v>
      </c>
      <c r="G88214" s="16">
        <v>0</v>
      </c>
    </row>
    <row r="88215" spans="1:7" x14ac:dyDescent="0.3">
      <c r="A88215" s="13" t="s">
        <v>441</v>
      </c>
      <c r="B88215" s="14" t="s">
        <v>1</v>
      </c>
      <c r="C88215" s="14" t="s">
        <v>51</v>
      </c>
      <c r="D88215" s="14" t="s">
        <v>442</v>
      </c>
      <c r="E88215" s="15">
        <v>45626</v>
      </c>
      <c r="F88215" s="14" t="s">
        <v>15</v>
      </c>
      <c r="G88215" s="16">
        <v>0</v>
      </c>
    </row>
    <row r="88216" spans="1:7" x14ac:dyDescent="0.3">
      <c r="A88216" s="13" t="s">
        <v>441</v>
      </c>
      <c r="B88216" s="14" t="s">
        <v>1</v>
      </c>
      <c r="C88216" s="14" t="s">
        <v>51</v>
      </c>
      <c r="D88216" s="14" t="s">
        <v>442</v>
      </c>
      <c r="E88216" s="15">
        <v>45627</v>
      </c>
      <c r="F88216" s="14" t="s">
        <v>15</v>
      </c>
      <c r="G88216" s="16">
        <v>0</v>
      </c>
    </row>
    <row r="88217" spans="1:7" x14ac:dyDescent="0.3">
      <c r="A88217" s="13" t="s">
        <v>441</v>
      </c>
      <c r="B88217" s="14" t="s">
        <v>1</v>
      </c>
      <c r="C88217" s="14" t="s">
        <v>51</v>
      </c>
      <c r="D88217" s="14" t="s">
        <v>442</v>
      </c>
      <c r="E88217" s="15">
        <v>45628</v>
      </c>
      <c r="F88217" s="14" t="s">
        <v>15</v>
      </c>
      <c r="G88217" s="16">
        <v>0</v>
      </c>
    </row>
    <row r="88218" spans="1:7" x14ac:dyDescent="0.3">
      <c r="A88218" s="13" t="s">
        <v>441</v>
      </c>
      <c r="B88218" s="14" t="s">
        <v>1</v>
      </c>
      <c r="C88218" s="14" t="s">
        <v>51</v>
      </c>
      <c r="D88218" s="14" t="s">
        <v>442</v>
      </c>
      <c r="E88218" s="15">
        <v>45629</v>
      </c>
      <c r="F88218" s="14" t="s">
        <v>15</v>
      </c>
      <c r="G88218" s="16">
        <v>0</v>
      </c>
    </row>
    <row r="88219" spans="1:7" x14ac:dyDescent="0.3">
      <c r="A88219" s="13" t="s">
        <v>441</v>
      </c>
      <c r="B88219" s="14" t="s">
        <v>1</v>
      </c>
      <c r="C88219" s="14" t="s">
        <v>51</v>
      </c>
      <c r="D88219" s="14" t="s">
        <v>442</v>
      </c>
      <c r="E88219" s="15">
        <v>45630</v>
      </c>
      <c r="F88219" s="14" t="s">
        <v>15</v>
      </c>
      <c r="G88219" s="16">
        <v>0</v>
      </c>
    </row>
    <row r="88220" spans="1:7" x14ac:dyDescent="0.3">
      <c r="A88220" s="13" t="s">
        <v>441</v>
      </c>
      <c r="B88220" s="14" t="s">
        <v>1</v>
      </c>
      <c r="C88220" s="14" t="s">
        <v>51</v>
      </c>
      <c r="D88220" s="14" t="s">
        <v>442</v>
      </c>
      <c r="E88220" s="15">
        <v>45631</v>
      </c>
      <c r="F88220" s="14" t="s">
        <v>15</v>
      </c>
      <c r="G88220" s="16">
        <v>0</v>
      </c>
    </row>
    <row r="88221" spans="1:7" x14ac:dyDescent="0.3">
      <c r="A88221" s="13" t="s">
        <v>441</v>
      </c>
      <c r="B88221" s="14" t="s">
        <v>1</v>
      </c>
      <c r="C88221" s="14" t="s">
        <v>51</v>
      </c>
      <c r="D88221" s="14" t="s">
        <v>442</v>
      </c>
      <c r="E88221" s="15">
        <v>45632</v>
      </c>
      <c r="F88221" s="14" t="s">
        <v>15</v>
      </c>
      <c r="G88221" s="16">
        <v>0</v>
      </c>
    </row>
    <row r="88222" spans="1:7" x14ac:dyDescent="0.3">
      <c r="A88222" s="13" t="s">
        <v>441</v>
      </c>
      <c r="B88222" s="14" t="s">
        <v>1</v>
      </c>
      <c r="C88222" s="14" t="s">
        <v>51</v>
      </c>
      <c r="D88222" s="14" t="s">
        <v>442</v>
      </c>
      <c r="E88222" s="15">
        <v>45633</v>
      </c>
      <c r="F88222" s="14" t="s">
        <v>15</v>
      </c>
      <c r="G88222" s="16">
        <v>0</v>
      </c>
    </row>
    <row r="88223" spans="1:7" x14ac:dyDescent="0.3">
      <c r="A88223" s="13" t="s">
        <v>441</v>
      </c>
      <c r="B88223" s="14" t="s">
        <v>1</v>
      </c>
      <c r="C88223" s="14" t="s">
        <v>51</v>
      </c>
      <c r="D88223" s="14" t="s">
        <v>442</v>
      </c>
      <c r="E88223" s="15">
        <v>45634</v>
      </c>
      <c r="F88223" s="14" t="s">
        <v>15</v>
      </c>
      <c r="G88223" s="16">
        <v>0</v>
      </c>
    </row>
    <row r="88224" spans="1:7" x14ac:dyDescent="0.3">
      <c r="A88224" s="13" t="s">
        <v>441</v>
      </c>
      <c r="B88224" s="14" t="s">
        <v>1</v>
      </c>
      <c r="C88224" s="14" t="s">
        <v>51</v>
      </c>
      <c r="D88224" s="14" t="s">
        <v>442</v>
      </c>
      <c r="E88224" s="15">
        <v>45635</v>
      </c>
      <c r="F88224" s="14" t="s">
        <v>15</v>
      </c>
      <c r="G88224" s="16">
        <v>0</v>
      </c>
    </row>
    <row r="88225" spans="1:7" x14ac:dyDescent="0.3">
      <c r="A88225" s="13" t="s">
        <v>441</v>
      </c>
      <c r="B88225" s="14" t="s">
        <v>1</v>
      </c>
      <c r="C88225" s="14" t="s">
        <v>51</v>
      </c>
      <c r="D88225" s="14" t="s">
        <v>442</v>
      </c>
      <c r="E88225" s="15">
        <v>45636</v>
      </c>
      <c r="F88225" s="14" t="s">
        <v>15</v>
      </c>
      <c r="G88225" s="16">
        <v>0</v>
      </c>
    </row>
    <row r="88226" spans="1:7" x14ac:dyDescent="0.3">
      <c r="A88226" s="13" t="s">
        <v>441</v>
      </c>
      <c r="B88226" s="14" t="s">
        <v>1</v>
      </c>
      <c r="C88226" s="14" t="s">
        <v>51</v>
      </c>
      <c r="D88226" s="14" t="s">
        <v>442</v>
      </c>
      <c r="E88226" s="15">
        <v>45637</v>
      </c>
      <c r="F88226" s="14" t="s">
        <v>15</v>
      </c>
      <c r="G88226" s="16">
        <v>0</v>
      </c>
    </row>
    <row r="88227" spans="1:7" x14ac:dyDescent="0.3">
      <c r="A88227" s="13" t="s">
        <v>441</v>
      </c>
      <c r="B88227" s="14" t="s">
        <v>1</v>
      </c>
      <c r="C88227" s="14" t="s">
        <v>51</v>
      </c>
      <c r="D88227" s="14" t="s">
        <v>442</v>
      </c>
      <c r="E88227" s="15">
        <v>45638</v>
      </c>
      <c r="F88227" s="14" t="s">
        <v>15</v>
      </c>
      <c r="G88227" s="16">
        <v>0</v>
      </c>
    </row>
    <row r="88228" spans="1:7" x14ac:dyDescent="0.3">
      <c r="A88228" s="13" t="s">
        <v>441</v>
      </c>
      <c r="B88228" s="14" t="s">
        <v>1</v>
      </c>
      <c r="C88228" s="14" t="s">
        <v>51</v>
      </c>
      <c r="D88228" s="14" t="s">
        <v>442</v>
      </c>
      <c r="E88228" s="15">
        <v>45639</v>
      </c>
      <c r="F88228" s="14" t="s">
        <v>15</v>
      </c>
      <c r="G88228" s="16">
        <v>0</v>
      </c>
    </row>
    <row r="88229" spans="1:7" x14ac:dyDescent="0.3">
      <c r="A88229" s="13" t="s">
        <v>441</v>
      </c>
      <c r="B88229" s="14" t="s">
        <v>1</v>
      </c>
      <c r="C88229" s="14" t="s">
        <v>51</v>
      </c>
      <c r="D88229" s="14" t="s">
        <v>442</v>
      </c>
      <c r="E88229" s="15">
        <v>45640</v>
      </c>
      <c r="F88229" s="14" t="s">
        <v>15</v>
      </c>
      <c r="G88229" s="16">
        <v>0</v>
      </c>
    </row>
    <row r="88230" spans="1:7" x14ac:dyDescent="0.3">
      <c r="A88230" s="13" t="s">
        <v>441</v>
      </c>
      <c r="B88230" s="14" t="s">
        <v>1</v>
      </c>
      <c r="C88230" s="14" t="s">
        <v>51</v>
      </c>
      <c r="D88230" s="14" t="s">
        <v>442</v>
      </c>
      <c r="E88230" s="15">
        <v>45641</v>
      </c>
      <c r="F88230" s="14" t="s">
        <v>15</v>
      </c>
      <c r="G88230" s="16">
        <v>0</v>
      </c>
    </row>
    <row r="88231" spans="1:7" x14ac:dyDescent="0.3">
      <c r="A88231" s="13" t="s">
        <v>441</v>
      </c>
      <c r="B88231" s="14" t="s">
        <v>1</v>
      </c>
      <c r="C88231" s="14" t="s">
        <v>51</v>
      </c>
      <c r="D88231" s="14" t="s">
        <v>442</v>
      </c>
      <c r="E88231" s="15">
        <v>45642</v>
      </c>
      <c r="F88231" s="14" t="s">
        <v>15</v>
      </c>
      <c r="G88231" s="16">
        <v>0</v>
      </c>
    </row>
    <row r="88232" spans="1:7" x14ac:dyDescent="0.3">
      <c r="A88232" s="13" t="s">
        <v>441</v>
      </c>
      <c r="B88232" s="14" t="s">
        <v>1</v>
      </c>
      <c r="C88232" s="14" t="s">
        <v>51</v>
      </c>
      <c r="D88232" s="14" t="s">
        <v>442</v>
      </c>
      <c r="E88232" s="15">
        <v>45643</v>
      </c>
      <c r="F88232" s="14" t="s">
        <v>15</v>
      </c>
      <c r="G88232" s="16">
        <v>0</v>
      </c>
    </row>
    <row r="88233" spans="1:7" x14ac:dyDescent="0.3">
      <c r="A88233" s="13" t="s">
        <v>441</v>
      </c>
      <c r="B88233" s="14" t="s">
        <v>1</v>
      </c>
      <c r="C88233" s="14" t="s">
        <v>51</v>
      </c>
      <c r="D88233" s="14" t="s">
        <v>442</v>
      </c>
      <c r="E88233" s="15">
        <v>45644</v>
      </c>
      <c r="F88233" s="14" t="s">
        <v>15</v>
      </c>
      <c r="G88233" s="16">
        <v>0</v>
      </c>
    </row>
    <row r="88234" spans="1:7" x14ac:dyDescent="0.3">
      <c r="A88234" s="13" t="s">
        <v>441</v>
      </c>
      <c r="B88234" s="14" t="s">
        <v>1</v>
      </c>
      <c r="C88234" s="14" t="s">
        <v>51</v>
      </c>
      <c r="D88234" s="14" t="s">
        <v>442</v>
      </c>
      <c r="E88234" s="15">
        <v>45645</v>
      </c>
      <c r="F88234" s="14" t="s">
        <v>15</v>
      </c>
      <c r="G88234" s="16">
        <v>0</v>
      </c>
    </row>
    <row r="88235" spans="1:7" x14ac:dyDescent="0.3">
      <c r="A88235" s="13" t="s">
        <v>441</v>
      </c>
      <c r="B88235" s="14" t="s">
        <v>1</v>
      </c>
      <c r="C88235" s="14" t="s">
        <v>51</v>
      </c>
      <c r="D88235" s="14" t="s">
        <v>442</v>
      </c>
      <c r="E88235" s="15">
        <v>45646</v>
      </c>
      <c r="F88235" s="14" t="s">
        <v>15</v>
      </c>
      <c r="G88235" s="16">
        <v>0</v>
      </c>
    </row>
    <row r="88236" spans="1:7" x14ac:dyDescent="0.3">
      <c r="A88236" s="13" t="s">
        <v>441</v>
      </c>
      <c r="B88236" s="14" t="s">
        <v>1</v>
      </c>
      <c r="C88236" s="14" t="s">
        <v>51</v>
      </c>
      <c r="D88236" s="14" t="s">
        <v>442</v>
      </c>
      <c r="E88236" s="15">
        <v>45647</v>
      </c>
      <c r="F88236" s="14" t="s">
        <v>15</v>
      </c>
      <c r="G88236" s="16">
        <v>0</v>
      </c>
    </row>
    <row r="88237" spans="1:7" x14ac:dyDescent="0.3">
      <c r="A88237" s="13" t="s">
        <v>441</v>
      </c>
      <c r="B88237" s="14" t="s">
        <v>1</v>
      </c>
      <c r="C88237" s="14" t="s">
        <v>51</v>
      </c>
      <c r="D88237" s="14" t="s">
        <v>442</v>
      </c>
      <c r="E88237" s="15">
        <v>45648</v>
      </c>
      <c r="F88237" s="14" t="s">
        <v>15</v>
      </c>
      <c r="G88237" s="16">
        <v>0</v>
      </c>
    </row>
    <row r="88238" spans="1:7" x14ac:dyDescent="0.3">
      <c r="A88238" s="13" t="s">
        <v>441</v>
      </c>
      <c r="B88238" s="14" t="s">
        <v>1</v>
      </c>
      <c r="C88238" s="14" t="s">
        <v>51</v>
      </c>
      <c r="D88238" s="14" t="s">
        <v>442</v>
      </c>
      <c r="E88238" s="15">
        <v>45649</v>
      </c>
      <c r="F88238" s="14" t="s">
        <v>15</v>
      </c>
      <c r="G88238" s="16">
        <v>0</v>
      </c>
    </row>
    <row r="88239" spans="1:7" x14ac:dyDescent="0.3">
      <c r="A88239" s="13" t="s">
        <v>441</v>
      </c>
      <c r="B88239" s="14" t="s">
        <v>1</v>
      </c>
      <c r="C88239" s="14" t="s">
        <v>51</v>
      </c>
      <c r="D88239" s="14" t="s">
        <v>442</v>
      </c>
      <c r="E88239" s="15">
        <v>45650</v>
      </c>
      <c r="F88239" s="14" t="s">
        <v>15</v>
      </c>
      <c r="G88239" s="16">
        <v>0</v>
      </c>
    </row>
    <row r="88240" spans="1:7" x14ac:dyDescent="0.3">
      <c r="A88240" s="13" t="s">
        <v>441</v>
      </c>
      <c r="B88240" s="14" t="s">
        <v>1</v>
      </c>
      <c r="C88240" s="14" t="s">
        <v>51</v>
      </c>
      <c r="D88240" s="14" t="s">
        <v>442</v>
      </c>
      <c r="E88240" s="15">
        <v>45651</v>
      </c>
      <c r="F88240" s="14" t="s">
        <v>15</v>
      </c>
      <c r="G88240" s="16">
        <v>0</v>
      </c>
    </row>
    <row r="88241" spans="1:7" x14ac:dyDescent="0.3">
      <c r="A88241" s="13" t="s">
        <v>441</v>
      </c>
      <c r="B88241" s="14" t="s">
        <v>1</v>
      </c>
      <c r="C88241" s="14" t="s">
        <v>51</v>
      </c>
      <c r="D88241" s="14" t="s">
        <v>442</v>
      </c>
      <c r="E88241" s="15">
        <v>45652</v>
      </c>
      <c r="F88241" s="14" t="s">
        <v>15</v>
      </c>
      <c r="G88241" s="16">
        <v>0</v>
      </c>
    </row>
    <row r="88242" spans="1:7" x14ac:dyDescent="0.3">
      <c r="A88242" s="13" t="s">
        <v>441</v>
      </c>
      <c r="B88242" s="14" t="s">
        <v>1</v>
      </c>
      <c r="C88242" s="14" t="s">
        <v>51</v>
      </c>
      <c r="D88242" s="14" t="s">
        <v>442</v>
      </c>
      <c r="E88242" s="15">
        <v>45653</v>
      </c>
      <c r="F88242" s="14" t="s">
        <v>15</v>
      </c>
      <c r="G88242" s="16">
        <v>0</v>
      </c>
    </row>
    <row r="88243" spans="1:7" x14ac:dyDescent="0.3">
      <c r="A88243" s="13" t="s">
        <v>441</v>
      </c>
      <c r="B88243" s="14" t="s">
        <v>1</v>
      </c>
      <c r="C88243" s="14" t="s">
        <v>51</v>
      </c>
      <c r="D88243" s="14" t="s">
        <v>442</v>
      </c>
      <c r="E88243" s="15">
        <v>45654</v>
      </c>
      <c r="F88243" s="14" t="s">
        <v>15</v>
      </c>
      <c r="G88243" s="16">
        <v>0</v>
      </c>
    </row>
    <row r="88244" spans="1:7" x14ac:dyDescent="0.3">
      <c r="A88244" s="13" t="s">
        <v>441</v>
      </c>
      <c r="B88244" s="14" t="s">
        <v>1</v>
      </c>
      <c r="C88244" s="14" t="s">
        <v>51</v>
      </c>
      <c r="D88244" s="14" t="s">
        <v>442</v>
      </c>
      <c r="E88244" s="15">
        <v>45655</v>
      </c>
      <c r="F88244" s="14" t="s">
        <v>15</v>
      </c>
      <c r="G88244" s="16">
        <v>0</v>
      </c>
    </row>
    <row r="88245" spans="1:7" x14ac:dyDescent="0.3">
      <c r="A88245" s="13" t="s">
        <v>441</v>
      </c>
      <c r="B88245" s="14" t="s">
        <v>1</v>
      </c>
      <c r="C88245" s="14" t="s">
        <v>51</v>
      </c>
      <c r="D88245" s="14" t="s">
        <v>442</v>
      </c>
      <c r="E88245" s="15">
        <v>45656</v>
      </c>
      <c r="F88245" s="14" t="s">
        <v>15</v>
      </c>
      <c r="G88245" s="16">
        <v>0</v>
      </c>
    </row>
    <row r="88246" spans="1:7" x14ac:dyDescent="0.3">
      <c r="A88246" s="13" t="s">
        <v>441</v>
      </c>
      <c r="B88246" s="14" t="s">
        <v>1</v>
      </c>
      <c r="C88246" s="14" t="s">
        <v>51</v>
      </c>
      <c r="D88246" s="14" t="s">
        <v>442</v>
      </c>
      <c r="E88246" s="15">
        <v>45657</v>
      </c>
      <c r="F88246" s="14" t="s">
        <v>15</v>
      </c>
      <c r="G88246" s="16">
        <v>0</v>
      </c>
    </row>
    <row r="88247" spans="1:7" x14ac:dyDescent="0.3">
      <c r="A88247" s="13" t="s">
        <v>441</v>
      </c>
      <c r="B88247" s="14" t="s">
        <v>1</v>
      </c>
      <c r="C88247" s="14" t="s">
        <v>51</v>
      </c>
      <c r="D88247" s="14" t="s">
        <v>442</v>
      </c>
      <c r="E88247" s="15">
        <v>45658</v>
      </c>
      <c r="F88247" s="14" t="s">
        <v>15</v>
      </c>
      <c r="G88247" s="16">
        <v>0</v>
      </c>
    </row>
    <row r="88248" spans="1:7" x14ac:dyDescent="0.3">
      <c r="A88248" s="13" t="s">
        <v>441</v>
      </c>
      <c r="B88248" s="14" t="s">
        <v>1</v>
      </c>
      <c r="C88248" s="14" t="s">
        <v>51</v>
      </c>
      <c r="D88248" s="14" t="s">
        <v>442</v>
      </c>
      <c r="E88248" s="15">
        <v>45659</v>
      </c>
      <c r="F88248" s="14" t="s">
        <v>15</v>
      </c>
      <c r="G88248" s="16">
        <v>0</v>
      </c>
    </row>
    <row r="88249" spans="1:7" x14ac:dyDescent="0.3">
      <c r="A88249" s="13" t="s">
        <v>441</v>
      </c>
      <c r="B88249" s="14" t="s">
        <v>1</v>
      </c>
      <c r="C88249" s="14" t="s">
        <v>51</v>
      </c>
      <c r="D88249" s="14" t="s">
        <v>442</v>
      </c>
      <c r="E88249" s="15">
        <v>45660</v>
      </c>
      <c r="F88249" s="14" t="s">
        <v>15</v>
      </c>
      <c r="G88249" s="16">
        <v>0</v>
      </c>
    </row>
    <row r="88250" spans="1:7" x14ac:dyDescent="0.3">
      <c r="A88250" s="13" t="s">
        <v>441</v>
      </c>
      <c r="B88250" s="14" t="s">
        <v>1</v>
      </c>
      <c r="C88250" s="14" t="s">
        <v>51</v>
      </c>
      <c r="D88250" s="14" t="s">
        <v>442</v>
      </c>
      <c r="E88250" s="15">
        <v>45661</v>
      </c>
      <c r="F88250" s="14" t="s">
        <v>15</v>
      </c>
      <c r="G88250" s="16">
        <v>0</v>
      </c>
    </row>
    <row r="88251" spans="1:7" x14ac:dyDescent="0.3">
      <c r="A88251" s="13" t="s">
        <v>441</v>
      </c>
      <c r="B88251" s="14" t="s">
        <v>1</v>
      </c>
      <c r="C88251" s="14" t="s">
        <v>51</v>
      </c>
      <c r="D88251" s="14" t="s">
        <v>442</v>
      </c>
      <c r="E88251" s="15">
        <v>45662</v>
      </c>
      <c r="F88251" s="14" t="s">
        <v>15</v>
      </c>
      <c r="G88251" s="16">
        <v>0</v>
      </c>
    </row>
    <row r="88252" spans="1:7" x14ac:dyDescent="0.3">
      <c r="A88252" s="13" t="s">
        <v>441</v>
      </c>
      <c r="B88252" s="14" t="s">
        <v>1</v>
      </c>
      <c r="C88252" s="14" t="s">
        <v>51</v>
      </c>
      <c r="D88252" s="14" t="s">
        <v>442</v>
      </c>
      <c r="E88252" s="15">
        <v>45663</v>
      </c>
      <c r="F88252" s="14" t="s">
        <v>15</v>
      </c>
      <c r="G88252" s="16">
        <v>0</v>
      </c>
    </row>
    <row r="88253" spans="1:7" x14ac:dyDescent="0.3">
      <c r="A88253" s="13" t="s">
        <v>441</v>
      </c>
      <c r="B88253" s="14" t="s">
        <v>1</v>
      </c>
      <c r="C88253" s="14" t="s">
        <v>51</v>
      </c>
      <c r="D88253" s="14" t="s">
        <v>442</v>
      </c>
      <c r="E88253" s="15">
        <v>45664</v>
      </c>
      <c r="F88253" s="14" t="s">
        <v>15</v>
      </c>
      <c r="G88253" s="16">
        <v>0</v>
      </c>
    </row>
    <row r="88254" spans="1:7" x14ac:dyDescent="0.3">
      <c r="A88254" s="13" t="s">
        <v>441</v>
      </c>
      <c r="B88254" s="14" t="s">
        <v>1</v>
      </c>
      <c r="C88254" s="14" t="s">
        <v>51</v>
      </c>
      <c r="D88254" s="14" t="s">
        <v>442</v>
      </c>
      <c r="E88254" s="15">
        <v>45665</v>
      </c>
      <c r="F88254" s="14" t="s">
        <v>15</v>
      </c>
      <c r="G88254" s="16">
        <v>0</v>
      </c>
    </row>
    <row r="88255" spans="1:7" x14ac:dyDescent="0.3">
      <c r="A88255" s="13" t="s">
        <v>441</v>
      </c>
      <c r="B88255" s="14" t="s">
        <v>1</v>
      </c>
      <c r="C88255" s="14" t="s">
        <v>51</v>
      </c>
      <c r="D88255" s="14" t="s">
        <v>442</v>
      </c>
      <c r="E88255" s="15">
        <v>45666</v>
      </c>
      <c r="F88255" s="14" t="s">
        <v>15</v>
      </c>
      <c r="G88255" s="16">
        <v>0</v>
      </c>
    </row>
    <row r="88256" spans="1:7" x14ac:dyDescent="0.3">
      <c r="A88256" s="13" t="s">
        <v>441</v>
      </c>
      <c r="B88256" s="14" t="s">
        <v>1</v>
      </c>
      <c r="C88256" s="14" t="s">
        <v>51</v>
      </c>
      <c r="D88256" s="14" t="s">
        <v>442</v>
      </c>
      <c r="E88256" s="15">
        <v>45667</v>
      </c>
      <c r="F88256" s="14" t="s">
        <v>15</v>
      </c>
      <c r="G88256" s="16">
        <v>0</v>
      </c>
    </row>
    <row r="88257" spans="1:7" x14ac:dyDescent="0.3">
      <c r="A88257" s="13" t="s">
        <v>441</v>
      </c>
      <c r="B88257" s="14" t="s">
        <v>1</v>
      </c>
      <c r="C88257" s="14" t="s">
        <v>51</v>
      </c>
      <c r="D88257" s="14" t="s">
        <v>442</v>
      </c>
      <c r="E88257" s="15">
        <v>45668</v>
      </c>
      <c r="F88257" s="14" t="s">
        <v>15</v>
      </c>
      <c r="G88257" s="16">
        <v>0</v>
      </c>
    </row>
    <row r="88258" spans="1:7" x14ac:dyDescent="0.3">
      <c r="A88258" s="13" t="s">
        <v>441</v>
      </c>
      <c r="B88258" s="14" t="s">
        <v>1</v>
      </c>
      <c r="C88258" s="14" t="s">
        <v>51</v>
      </c>
      <c r="D88258" s="14" t="s">
        <v>442</v>
      </c>
      <c r="E88258" s="15">
        <v>45669</v>
      </c>
      <c r="F88258" s="14" t="s">
        <v>15</v>
      </c>
      <c r="G88258" s="16">
        <v>0</v>
      </c>
    </row>
    <row r="88259" spans="1:7" x14ac:dyDescent="0.3">
      <c r="A88259" s="13" t="s">
        <v>441</v>
      </c>
      <c r="B88259" s="14" t="s">
        <v>1</v>
      </c>
      <c r="C88259" s="14" t="s">
        <v>51</v>
      </c>
      <c r="D88259" s="14" t="s">
        <v>442</v>
      </c>
      <c r="E88259" s="15">
        <v>45670</v>
      </c>
      <c r="F88259" s="14" t="s">
        <v>15</v>
      </c>
      <c r="G88259" s="16">
        <v>0</v>
      </c>
    </row>
    <row r="88260" spans="1:7" x14ac:dyDescent="0.3">
      <c r="A88260" s="13" t="s">
        <v>441</v>
      </c>
      <c r="B88260" s="14" t="s">
        <v>1</v>
      </c>
      <c r="C88260" s="14" t="s">
        <v>51</v>
      </c>
      <c r="D88260" s="14" t="s">
        <v>442</v>
      </c>
      <c r="E88260" s="15">
        <v>45671</v>
      </c>
      <c r="F88260" s="14" t="s">
        <v>15</v>
      </c>
      <c r="G88260" s="16">
        <v>0</v>
      </c>
    </row>
    <row r="88261" spans="1:7" x14ac:dyDescent="0.3">
      <c r="A88261" s="13" t="s">
        <v>441</v>
      </c>
      <c r="B88261" s="14" t="s">
        <v>1</v>
      </c>
      <c r="C88261" s="14" t="s">
        <v>51</v>
      </c>
      <c r="D88261" s="14" t="s">
        <v>442</v>
      </c>
      <c r="E88261" s="15">
        <v>45672</v>
      </c>
      <c r="F88261" s="14" t="s">
        <v>15</v>
      </c>
      <c r="G88261" s="16">
        <v>0</v>
      </c>
    </row>
    <row r="88262" spans="1:7" x14ac:dyDescent="0.3">
      <c r="A88262" s="13" t="s">
        <v>441</v>
      </c>
      <c r="B88262" s="14" t="s">
        <v>1</v>
      </c>
      <c r="C88262" s="14" t="s">
        <v>51</v>
      </c>
      <c r="D88262" s="14" t="s">
        <v>442</v>
      </c>
      <c r="E88262" s="15">
        <v>45673</v>
      </c>
      <c r="F88262" s="14" t="s">
        <v>15</v>
      </c>
      <c r="G88262" s="16">
        <v>0</v>
      </c>
    </row>
    <row r="88263" spans="1:7" x14ac:dyDescent="0.3">
      <c r="A88263" s="13" t="s">
        <v>441</v>
      </c>
      <c r="B88263" s="14" t="s">
        <v>1</v>
      </c>
      <c r="C88263" s="14" t="s">
        <v>51</v>
      </c>
      <c r="D88263" s="14" t="s">
        <v>442</v>
      </c>
      <c r="E88263" s="15">
        <v>45674</v>
      </c>
      <c r="F88263" s="14" t="s">
        <v>15</v>
      </c>
      <c r="G88263" s="16">
        <v>0</v>
      </c>
    </row>
    <row r="88264" spans="1:7" x14ac:dyDescent="0.3">
      <c r="A88264" s="13" t="s">
        <v>441</v>
      </c>
      <c r="B88264" s="14" t="s">
        <v>1</v>
      </c>
      <c r="C88264" s="14" t="s">
        <v>51</v>
      </c>
      <c r="D88264" s="14" t="s">
        <v>442</v>
      </c>
      <c r="E88264" s="15">
        <v>45675</v>
      </c>
      <c r="F88264" s="14" t="s">
        <v>15</v>
      </c>
      <c r="G88264" s="16">
        <v>0</v>
      </c>
    </row>
    <row r="88265" spans="1:7" x14ac:dyDescent="0.3">
      <c r="A88265" s="13" t="s">
        <v>441</v>
      </c>
      <c r="B88265" s="14" t="s">
        <v>1</v>
      </c>
      <c r="C88265" s="14" t="s">
        <v>51</v>
      </c>
      <c r="D88265" s="14" t="s">
        <v>442</v>
      </c>
      <c r="E88265" s="15">
        <v>45676</v>
      </c>
      <c r="F88265" s="14" t="s">
        <v>15</v>
      </c>
      <c r="G88265" s="16">
        <v>0</v>
      </c>
    </row>
    <row r="88266" spans="1:7" x14ac:dyDescent="0.3">
      <c r="A88266" s="13" t="s">
        <v>441</v>
      </c>
      <c r="B88266" s="14" t="s">
        <v>1</v>
      </c>
      <c r="C88266" s="14" t="s">
        <v>51</v>
      </c>
      <c r="D88266" s="14" t="s">
        <v>442</v>
      </c>
      <c r="E88266" s="15">
        <v>45677</v>
      </c>
      <c r="F88266" s="14" t="s">
        <v>15</v>
      </c>
      <c r="G88266" s="16">
        <v>0</v>
      </c>
    </row>
    <row r="88267" spans="1:7" x14ac:dyDescent="0.3">
      <c r="A88267" s="13" t="s">
        <v>441</v>
      </c>
      <c r="B88267" s="14" t="s">
        <v>1</v>
      </c>
      <c r="C88267" s="14" t="s">
        <v>51</v>
      </c>
      <c r="D88267" s="14" t="s">
        <v>442</v>
      </c>
      <c r="E88267" s="15">
        <v>45678</v>
      </c>
      <c r="F88267" s="14" t="s">
        <v>15</v>
      </c>
      <c r="G88267" s="16">
        <v>0</v>
      </c>
    </row>
    <row r="88268" spans="1:7" x14ac:dyDescent="0.3">
      <c r="A88268" s="13" t="s">
        <v>441</v>
      </c>
      <c r="B88268" s="14" t="s">
        <v>1</v>
      </c>
      <c r="C88268" s="14" t="s">
        <v>51</v>
      </c>
      <c r="D88268" s="14" t="s">
        <v>442</v>
      </c>
      <c r="E88268" s="15">
        <v>45679</v>
      </c>
      <c r="F88268" s="14" t="s">
        <v>15</v>
      </c>
      <c r="G88268" s="16">
        <v>0</v>
      </c>
    </row>
    <row r="88269" spans="1:7" x14ac:dyDescent="0.3">
      <c r="A88269" s="13" t="s">
        <v>441</v>
      </c>
      <c r="B88269" s="14" t="s">
        <v>1</v>
      </c>
      <c r="C88269" s="14" t="s">
        <v>51</v>
      </c>
      <c r="D88269" s="14" t="s">
        <v>442</v>
      </c>
      <c r="E88269" s="15">
        <v>45680</v>
      </c>
      <c r="F88269" s="14" t="s">
        <v>15</v>
      </c>
      <c r="G88269" s="16">
        <v>0</v>
      </c>
    </row>
    <row r="88270" spans="1:7" x14ac:dyDescent="0.3">
      <c r="A88270" s="13" t="s">
        <v>441</v>
      </c>
      <c r="B88270" s="14" t="s">
        <v>1</v>
      </c>
      <c r="C88270" s="14" t="s">
        <v>51</v>
      </c>
      <c r="D88270" s="14" t="s">
        <v>442</v>
      </c>
      <c r="E88270" s="15">
        <v>45681</v>
      </c>
      <c r="F88270" s="14" t="s">
        <v>15</v>
      </c>
      <c r="G88270" s="16">
        <v>0</v>
      </c>
    </row>
    <row r="88271" spans="1:7" x14ac:dyDescent="0.3">
      <c r="A88271" s="13" t="s">
        <v>441</v>
      </c>
      <c r="B88271" s="14" t="s">
        <v>1</v>
      </c>
      <c r="C88271" s="14" t="s">
        <v>51</v>
      </c>
      <c r="D88271" s="14" t="s">
        <v>442</v>
      </c>
      <c r="E88271" s="15">
        <v>45682</v>
      </c>
      <c r="F88271" s="14" t="s">
        <v>15</v>
      </c>
      <c r="G88271" s="16">
        <v>0</v>
      </c>
    </row>
    <row r="88272" spans="1:7" x14ac:dyDescent="0.3">
      <c r="A88272" s="13" t="s">
        <v>441</v>
      </c>
      <c r="B88272" s="14" t="s">
        <v>1</v>
      </c>
      <c r="C88272" s="14" t="s">
        <v>51</v>
      </c>
      <c r="D88272" s="14" t="s">
        <v>442</v>
      </c>
      <c r="E88272" s="15">
        <v>45683</v>
      </c>
      <c r="F88272" s="14" t="s">
        <v>15</v>
      </c>
      <c r="G88272" s="16">
        <v>0</v>
      </c>
    </row>
    <row r="88273" spans="1:7" x14ac:dyDescent="0.3">
      <c r="A88273" s="13" t="s">
        <v>441</v>
      </c>
      <c r="B88273" s="14" t="s">
        <v>1</v>
      </c>
      <c r="C88273" s="14" t="s">
        <v>51</v>
      </c>
      <c r="D88273" s="14" t="s">
        <v>442</v>
      </c>
      <c r="E88273" s="15">
        <v>45684</v>
      </c>
      <c r="F88273" s="14" t="s">
        <v>15</v>
      </c>
      <c r="G88273" s="16">
        <v>0</v>
      </c>
    </row>
    <row r="88274" spans="1:7" x14ac:dyDescent="0.3">
      <c r="A88274" s="13" t="s">
        <v>441</v>
      </c>
      <c r="B88274" s="14" t="s">
        <v>1</v>
      </c>
      <c r="C88274" s="14" t="s">
        <v>51</v>
      </c>
      <c r="D88274" s="14" t="s">
        <v>442</v>
      </c>
      <c r="E88274" s="15">
        <v>45685</v>
      </c>
      <c r="F88274" s="14" t="s">
        <v>15</v>
      </c>
      <c r="G88274" s="16">
        <v>0</v>
      </c>
    </row>
    <row r="88275" spans="1:7" x14ac:dyDescent="0.3">
      <c r="A88275" s="13" t="s">
        <v>441</v>
      </c>
      <c r="B88275" s="14" t="s">
        <v>1</v>
      </c>
      <c r="C88275" s="14" t="s">
        <v>51</v>
      </c>
      <c r="D88275" s="14" t="s">
        <v>442</v>
      </c>
      <c r="E88275" s="15">
        <v>45686</v>
      </c>
      <c r="F88275" s="14" t="s">
        <v>15</v>
      </c>
      <c r="G88275" s="16">
        <v>0</v>
      </c>
    </row>
    <row r="88276" spans="1:7" x14ac:dyDescent="0.3">
      <c r="A88276" s="13" t="s">
        <v>441</v>
      </c>
      <c r="B88276" s="14" t="s">
        <v>1</v>
      </c>
      <c r="C88276" s="14" t="s">
        <v>51</v>
      </c>
      <c r="D88276" s="14" t="s">
        <v>442</v>
      </c>
      <c r="E88276" s="15">
        <v>45687</v>
      </c>
      <c r="F88276" s="14" t="s">
        <v>15</v>
      </c>
      <c r="G88276" s="16">
        <v>0</v>
      </c>
    </row>
    <row r="88277" spans="1:7" x14ac:dyDescent="0.3">
      <c r="A88277" s="13" t="s">
        <v>441</v>
      </c>
      <c r="B88277" s="14" t="s">
        <v>1</v>
      </c>
      <c r="C88277" s="14" t="s">
        <v>51</v>
      </c>
      <c r="D88277" s="14" t="s">
        <v>442</v>
      </c>
      <c r="E88277" s="15">
        <v>45688</v>
      </c>
      <c r="F88277" s="14" t="s">
        <v>15</v>
      </c>
      <c r="G88277" s="16">
        <v>0</v>
      </c>
    </row>
    <row r="88278" spans="1:7" x14ac:dyDescent="0.3">
      <c r="A88278" s="13" t="s">
        <v>441</v>
      </c>
      <c r="B88278" s="14" t="s">
        <v>1</v>
      </c>
      <c r="C88278" s="14" t="s">
        <v>51</v>
      </c>
      <c r="D88278" s="14" t="s">
        <v>442</v>
      </c>
      <c r="E88278" s="15">
        <v>45689</v>
      </c>
      <c r="F88278" s="14" t="s">
        <v>15</v>
      </c>
      <c r="G88278" s="16">
        <v>0</v>
      </c>
    </row>
    <row r="88279" spans="1:7" x14ac:dyDescent="0.3">
      <c r="A88279" s="13" t="s">
        <v>441</v>
      </c>
      <c r="B88279" s="14" t="s">
        <v>1</v>
      </c>
      <c r="C88279" s="14" t="s">
        <v>51</v>
      </c>
      <c r="D88279" s="14" t="s">
        <v>442</v>
      </c>
      <c r="E88279" s="15">
        <v>45690</v>
      </c>
      <c r="F88279" s="14" t="s">
        <v>15</v>
      </c>
      <c r="G88279" s="16">
        <v>0</v>
      </c>
    </row>
    <row r="88280" spans="1:7" x14ac:dyDescent="0.3">
      <c r="A88280" s="13" t="s">
        <v>441</v>
      </c>
      <c r="B88280" s="14" t="s">
        <v>1</v>
      </c>
      <c r="C88280" s="14" t="s">
        <v>51</v>
      </c>
      <c r="D88280" s="14" t="s">
        <v>442</v>
      </c>
      <c r="E88280" s="15">
        <v>45691</v>
      </c>
      <c r="F88280" s="14" t="s">
        <v>15</v>
      </c>
      <c r="G88280" s="16">
        <v>0</v>
      </c>
    </row>
    <row r="88281" spans="1:7" x14ac:dyDescent="0.3">
      <c r="A88281" s="13" t="s">
        <v>441</v>
      </c>
      <c r="B88281" s="14" t="s">
        <v>1</v>
      </c>
      <c r="C88281" s="14" t="s">
        <v>51</v>
      </c>
      <c r="D88281" s="14" t="s">
        <v>442</v>
      </c>
      <c r="E88281" s="15">
        <v>45692</v>
      </c>
      <c r="F88281" s="14" t="s">
        <v>15</v>
      </c>
      <c r="G88281" s="16">
        <v>0</v>
      </c>
    </row>
    <row r="88282" spans="1:7" x14ac:dyDescent="0.3">
      <c r="A88282" s="13" t="s">
        <v>441</v>
      </c>
      <c r="B88282" s="14" t="s">
        <v>1</v>
      </c>
      <c r="C88282" s="14" t="s">
        <v>51</v>
      </c>
      <c r="D88282" s="14" t="s">
        <v>442</v>
      </c>
      <c r="E88282" s="15">
        <v>45693</v>
      </c>
      <c r="F88282" s="14" t="s">
        <v>15</v>
      </c>
      <c r="G88282" s="16">
        <v>0</v>
      </c>
    </row>
    <row r="88283" spans="1:7" x14ac:dyDescent="0.3">
      <c r="A88283" s="13" t="s">
        <v>441</v>
      </c>
      <c r="B88283" s="14" t="s">
        <v>1</v>
      </c>
      <c r="C88283" s="14" t="s">
        <v>51</v>
      </c>
      <c r="D88283" s="14" t="s">
        <v>442</v>
      </c>
      <c r="E88283" s="15">
        <v>45694</v>
      </c>
      <c r="F88283" s="14" t="s">
        <v>15</v>
      </c>
      <c r="G88283" s="16">
        <v>0</v>
      </c>
    </row>
    <row r="88284" spans="1:7" x14ac:dyDescent="0.3">
      <c r="A88284" s="13" t="s">
        <v>441</v>
      </c>
      <c r="B88284" s="14" t="s">
        <v>1</v>
      </c>
      <c r="C88284" s="14" t="s">
        <v>51</v>
      </c>
      <c r="D88284" s="14" t="s">
        <v>442</v>
      </c>
      <c r="E88284" s="15">
        <v>45695</v>
      </c>
      <c r="F88284" s="14" t="s">
        <v>15</v>
      </c>
      <c r="G88284" s="16">
        <v>0</v>
      </c>
    </row>
    <row r="88285" spans="1:7" x14ac:dyDescent="0.3">
      <c r="A88285" s="13" t="s">
        <v>441</v>
      </c>
      <c r="B88285" s="14" t="s">
        <v>1</v>
      </c>
      <c r="C88285" s="14" t="s">
        <v>51</v>
      </c>
      <c r="D88285" s="14" t="s">
        <v>442</v>
      </c>
      <c r="E88285" s="15">
        <v>45696</v>
      </c>
      <c r="F88285" s="14" t="s">
        <v>15</v>
      </c>
      <c r="G88285" s="16">
        <v>0</v>
      </c>
    </row>
    <row r="88286" spans="1:7" x14ac:dyDescent="0.3">
      <c r="A88286" s="13" t="s">
        <v>441</v>
      </c>
      <c r="B88286" s="14" t="s">
        <v>1</v>
      </c>
      <c r="C88286" s="14" t="s">
        <v>51</v>
      </c>
      <c r="D88286" s="14" t="s">
        <v>442</v>
      </c>
      <c r="E88286" s="15">
        <v>45697</v>
      </c>
      <c r="F88286" s="14" t="s">
        <v>15</v>
      </c>
      <c r="G88286" s="16">
        <v>0</v>
      </c>
    </row>
    <row r="88287" spans="1:7" x14ac:dyDescent="0.3">
      <c r="A88287" s="13" t="s">
        <v>441</v>
      </c>
      <c r="B88287" s="14" t="s">
        <v>1</v>
      </c>
      <c r="C88287" s="14" t="s">
        <v>51</v>
      </c>
      <c r="D88287" s="14" t="s">
        <v>442</v>
      </c>
      <c r="E88287" s="15">
        <v>45698</v>
      </c>
      <c r="F88287" s="14" t="s">
        <v>15</v>
      </c>
      <c r="G88287" s="16">
        <v>0</v>
      </c>
    </row>
    <row r="88288" spans="1:7" x14ac:dyDescent="0.3">
      <c r="A88288" s="13" t="s">
        <v>441</v>
      </c>
      <c r="B88288" s="14" t="s">
        <v>1</v>
      </c>
      <c r="C88288" s="14" t="s">
        <v>51</v>
      </c>
      <c r="D88288" s="14" t="s">
        <v>442</v>
      </c>
      <c r="E88288" s="15">
        <v>45699</v>
      </c>
      <c r="F88288" s="14" t="s">
        <v>15</v>
      </c>
      <c r="G88288" s="16">
        <v>0</v>
      </c>
    </row>
    <row r="88289" spans="1:7" x14ac:dyDescent="0.3">
      <c r="A88289" s="13" t="s">
        <v>441</v>
      </c>
      <c r="B88289" s="14" t="s">
        <v>1</v>
      </c>
      <c r="C88289" s="14" t="s">
        <v>51</v>
      </c>
      <c r="D88289" s="14" t="s">
        <v>442</v>
      </c>
      <c r="E88289" s="15">
        <v>45700</v>
      </c>
      <c r="F88289" s="14" t="s">
        <v>15</v>
      </c>
      <c r="G88289" s="16">
        <v>0</v>
      </c>
    </row>
    <row r="88290" spans="1:7" x14ac:dyDescent="0.3">
      <c r="A88290" s="13" t="s">
        <v>441</v>
      </c>
      <c r="B88290" s="14" t="s">
        <v>1</v>
      </c>
      <c r="C88290" s="14" t="s">
        <v>51</v>
      </c>
      <c r="D88290" s="14" t="s">
        <v>442</v>
      </c>
      <c r="E88290" s="15">
        <v>45701</v>
      </c>
      <c r="F88290" s="14" t="s">
        <v>15</v>
      </c>
      <c r="G88290" s="16">
        <v>0</v>
      </c>
    </row>
    <row r="88291" spans="1:7" x14ac:dyDescent="0.3">
      <c r="A88291" s="13" t="s">
        <v>441</v>
      </c>
      <c r="B88291" s="14" t="s">
        <v>1</v>
      </c>
      <c r="C88291" s="14" t="s">
        <v>51</v>
      </c>
      <c r="D88291" s="14" t="s">
        <v>442</v>
      </c>
      <c r="E88291" s="15">
        <v>45702</v>
      </c>
      <c r="F88291" s="14" t="s">
        <v>15</v>
      </c>
      <c r="G88291" s="16">
        <v>0</v>
      </c>
    </row>
    <row r="88292" spans="1:7" x14ac:dyDescent="0.3">
      <c r="A88292" s="13" t="s">
        <v>441</v>
      </c>
      <c r="B88292" s="14" t="s">
        <v>1</v>
      </c>
      <c r="C88292" s="14" t="s">
        <v>51</v>
      </c>
      <c r="D88292" s="14" t="s">
        <v>442</v>
      </c>
      <c r="E88292" s="15">
        <v>45703</v>
      </c>
      <c r="F88292" s="14" t="s">
        <v>15</v>
      </c>
      <c r="G88292" s="16">
        <v>0</v>
      </c>
    </row>
    <row r="88293" spans="1:7" x14ac:dyDescent="0.3">
      <c r="A88293" s="13" t="s">
        <v>441</v>
      </c>
      <c r="B88293" s="14" t="s">
        <v>1</v>
      </c>
      <c r="C88293" s="14" t="s">
        <v>51</v>
      </c>
      <c r="D88293" s="14" t="s">
        <v>442</v>
      </c>
      <c r="E88293" s="15">
        <v>45704</v>
      </c>
      <c r="F88293" s="14" t="s">
        <v>15</v>
      </c>
      <c r="G88293" s="16">
        <v>0</v>
      </c>
    </row>
    <row r="88294" spans="1:7" x14ac:dyDescent="0.3">
      <c r="A88294" s="13" t="s">
        <v>441</v>
      </c>
      <c r="B88294" s="14" t="s">
        <v>1</v>
      </c>
      <c r="C88294" s="14" t="s">
        <v>51</v>
      </c>
      <c r="D88294" s="14" t="s">
        <v>442</v>
      </c>
      <c r="E88294" s="15">
        <v>45705</v>
      </c>
      <c r="F88294" s="14" t="s">
        <v>15</v>
      </c>
      <c r="G88294" s="16">
        <v>0</v>
      </c>
    </row>
    <row r="88295" spans="1:7" x14ac:dyDescent="0.3">
      <c r="A88295" s="13" t="s">
        <v>441</v>
      </c>
      <c r="B88295" s="14" t="s">
        <v>1</v>
      </c>
      <c r="C88295" s="14" t="s">
        <v>51</v>
      </c>
      <c r="D88295" s="14" t="s">
        <v>442</v>
      </c>
      <c r="E88295" s="15">
        <v>45706</v>
      </c>
      <c r="F88295" s="14" t="s">
        <v>15</v>
      </c>
      <c r="G88295" s="16">
        <v>0</v>
      </c>
    </row>
    <row r="88296" spans="1:7" x14ac:dyDescent="0.3">
      <c r="A88296" s="13" t="s">
        <v>441</v>
      </c>
      <c r="B88296" s="14" t="s">
        <v>1</v>
      </c>
      <c r="C88296" s="14" t="s">
        <v>51</v>
      </c>
      <c r="D88296" s="14" t="s">
        <v>442</v>
      </c>
      <c r="E88296" s="15">
        <v>45707</v>
      </c>
      <c r="F88296" s="14" t="s">
        <v>15</v>
      </c>
      <c r="G88296" s="16">
        <v>0</v>
      </c>
    </row>
    <row r="88297" spans="1:7" x14ac:dyDescent="0.3">
      <c r="A88297" s="13" t="s">
        <v>441</v>
      </c>
      <c r="B88297" s="14" t="s">
        <v>1</v>
      </c>
      <c r="C88297" s="14" t="s">
        <v>51</v>
      </c>
      <c r="D88297" s="14" t="s">
        <v>442</v>
      </c>
      <c r="E88297" s="15">
        <v>45708</v>
      </c>
      <c r="F88297" s="14" t="s">
        <v>15</v>
      </c>
      <c r="G88297" s="16">
        <v>0</v>
      </c>
    </row>
    <row r="88298" spans="1:7" x14ac:dyDescent="0.3">
      <c r="A88298" s="13" t="s">
        <v>441</v>
      </c>
      <c r="B88298" s="14" t="s">
        <v>1</v>
      </c>
      <c r="C88298" s="14" t="s">
        <v>51</v>
      </c>
      <c r="D88298" s="14" t="s">
        <v>442</v>
      </c>
      <c r="E88298" s="15">
        <v>45709</v>
      </c>
      <c r="F88298" s="14" t="s">
        <v>15</v>
      </c>
      <c r="G88298" s="16">
        <v>0</v>
      </c>
    </row>
    <row r="88299" spans="1:7" x14ac:dyDescent="0.3">
      <c r="A88299" s="13" t="s">
        <v>441</v>
      </c>
      <c r="B88299" s="14" t="s">
        <v>1</v>
      </c>
      <c r="C88299" s="14" t="s">
        <v>51</v>
      </c>
      <c r="D88299" s="14" t="s">
        <v>442</v>
      </c>
      <c r="E88299" s="15">
        <v>45710</v>
      </c>
      <c r="F88299" s="14" t="s">
        <v>15</v>
      </c>
      <c r="G88299" s="16">
        <v>0</v>
      </c>
    </row>
    <row r="88300" spans="1:7" x14ac:dyDescent="0.3">
      <c r="A88300" s="13" t="s">
        <v>441</v>
      </c>
      <c r="B88300" s="14" t="s">
        <v>1</v>
      </c>
      <c r="C88300" s="14" t="s">
        <v>51</v>
      </c>
      <c r="D88300" s="14" t="s">
        <v>442</v>
      </c>
      <c r="E88300" s="15">
        <v>45711</v>
      </c>
      <c r="F88300" s="14" t="s">
        <v>15</v>
      </c>
      <c r="G88300" s="16">
        <v>0</v>
      </c>
    </row>
    <row r="88301" spans="1:7" x14ac:dyDescent="0.3">
      <c r="A88301" s="13" t="s">
        <v>441</v>
      </c>
      <c r="B88301" s="14" t="s">
        <v>1</v>
      </c>
      <c r="C88301" s="14" t="s">
        <v>51</v>
      </c>
      <c r="D88301" s="14" t="s">
        <v>442</v>
      </c>
      <c r="E88301" s="15">
        <v>45712</v>
      </c>
      <c r="F88301" s="14" t="s">
        <v>15</v>
      </c>
      <c r="G88301" s="16">
        <v>0</v>
      </c>
    </row>
    <row r="88302" spans="1:7" x14ac:dyDescent="0.3">
      <c r="A88302" s="13" t="s">
        <v>441</v>
      </c>
      <c r="B88302" s="14" t="s">
        <v>1</v>
      </c>
      <c r="C88302" s="14" t="s">
        <v>51</v>
      </c>
      <c r="D88302" s="14" t="s">
        <v>442</v>
      </c>
      <c r="E88302" s="15">
        <v>45713</v>
      </c>
      <c r="F88302" s="14" t="s">
        <v>15</v>
      </c>
      <c r="G88302" s="16">
        <v>0</v>
      </c>
    </row>
    <row r="88303" spans="1:7" x14ac:dyDescent="0.3">
      <c r="A88303" s="13" t="s">
        <v>441</v>
      </c>
      <c r="B88303" s="14" t="s">
        <v>1</v>
      </c>
      <c r="C88303" s="14" t="s">
        <v>51</v>
      </c>
      <c r="D88303" s="14" t="s">
        <v>442</v>
      </c>
      <c r="E88303" s="15">
        <v>45714</v>
      </c>
      <c r="F88303" s="14" t="s">
        <v>15</v>
      </c>
      <c r="G88303" s="16">
        <v>0</v>
      </c>
    </row>
    <row r="88304" spans="1:7" x14ac:dyDescent="0.3">
      <c r="A88304" s="13" t="s">
        <v>441</v>
      </c>
      <c r="B88304" s="14" t="s">
        <v>1</v>
      </c>
      <c r="C88304" s="14" t="s">
        <v>51</v>
      </c>
      <c r="D88304" s="14" t="s">
        <v>442</v>
      </c>
      <c r="E88304" s="15">
        <v>45715</v>
      </c>
      <c r="F88304" s="14" t="s">
        <v>15</v>
      </c>
      <c r="G88304" s="16">
        <v>0</v>
      </c>
    </row>
    <row r="88305" spans="1:7" x14ac:dyDescent="0.3">
      <c r="A88305" s="13" t="s">
        <v>441</v>
      </c>
      <c r="B88305" s="14" t="s">
        <v>1</v>
      </c>
      <c r="C88305" s="14" t="s">
        <v>51</v>
      </c>
      <c r="D88305" s="14" t="s">
        <v>442</v>
      </c>
      <c r="E88305" s="15">
        <v>45716</v>
      </c>
      <c r="F88305" s="14" t="s">
        <v>15</v>
      </c>
      <c r="G88305" s="16">
        <v>0</v>
      </c>
    </row>
    <row r="88306" spans="1:7" x14ac:dyDescent="0.3">
      <c r="A88306" s="13" t="s">
        <v>441</v>
      </c>
      <c r="B88306" s="14" t="s">
        <v>1</v>
      </c>
      <c r="C88306" s="14" t="s">
        <v>51</v>
      </c>
      <c r="D88306" s="14" t="s">
        <v>442</v>
      </c>
      <c r="E88306" s="15">
        <v>45717</v>
      </c>
      <c r="F88306" s="14" t="s">
        <v>15</v>
      </c>
      <c r="G88306" s="16">
        <v>0</v>
      </c>
    </row>
    <row r="88307" spans="1:7" x14ac:dyDescent="0.3">
      <c r="A88307" s="13" t="s">
        <v>441</v>
      </c>
      <c r="B88307" s="14" t="s">
        <v>1</v>
      </c>
      <c r="C88307" s="14" t="s">
        <v>51</v>
      </c>
      <c r="D88307" s="14" t="s">
        <v>442</v>
      </c>
      <c r="E88307" s="15">
        <v>45718</v>
      </c>
      <c r="F88307" s="14" t="s">
        <v>15</v>
      </c>
      <c r="G88307" s="16">
        <v>0</v>
      </c>
    </row>
    <row r="88308" spans="1:7" x14ac:dyDescent="0.3">
      <c r="A88308" s="13" t="s">
        <v>441</v>
      </c>
      <c r="B88308" s="14" t="s">
        <v>1</v>
      </c>
      <c r="C88308" s="14" t="s">
        <v>51</v>
      </c>
      <c r="D88308" s="14" t="s">
        <v>442</v>
      </c>
      <c r="E88308" s="15">
        <v>45719</v>
      </c>
      <c r="F88308" s="14" t="s">
        <v>15</v>
      </c>
      <c r="G88308" s="16">
        <v>0</v>
      </c>
    </row>
    <row r="88309" spans="1:7" x14ac:dyDescent="0.3">
      <c r="A88309" s="13" t="s">
        <v>441</v>
      </c>
      <c r="B88309" s="14" t="s">
        <v>1</v>
      </c>
      <c r="C88309" s="14" t="s">
        <v>51</v>
      </c>
      <c r="D88309" s="14" t="s">
        <v>442</v>
      </c>
      <c r="E88309" s="15">
        <v>45720</v>
      </c>
      <c r="F88309" s="14" t="s">
        <v>15</v>
      </c>
      <c r="G88309" s="16">
        <v>0</v>
      </c>
    </row>
    <row r="88310" spans="1:7" x14ac:dyDescent="0.3">
      <c r="A88310" s="13" t="s">
        <v>441</v>
      </c>
      <c r="B88310" s="14" t="s">
        <v>1</v>
      </c>
      <c r="C88310" s="14" t="s">
        <v>51</v>
      </c>
      <c r="D88310" s="14" t="s">
        <v>442</v>
      </c>
      <c r="E88310" s="15">
        <v>45721</v>
      </c>
      <c r="F88310" s="14" t="s">
        <v>15</v>
      </c>
      <c r="G88310" s="16">
        <v>0</v>
      </c>
    </row>
    <row r="88311" spans="1:7" x14ac:dyDescent="0.3">
      <c r="A88311" s="13" t="s">
        <v>441</v>
      </c>
      <c r="B88311" s="14" t="s">
        <v>1</v>
      </c>
      <c r="C88311" s="14" t="s">
        <v>51</v>
      </c>
      <c r="D88311" s="14" t="s">
        <v>442</v>
      </c>
      <c r="E88311" s="15">
        <v>45722</v>
      </c>
      <c r="F88311" s="14" t="s">
        <v>15</v>
      </c>
      <c r="G88311" s="16">
        <v>0</v>
      </c>
    </row>
    <row r="88312" spans="1:7" x14ac:dyDescent="0.3">
      <c r="A88312" s="13" t="s">
        <v>441</v>
      </c>
      <c r="B88312" s="14" t="s">
        <v>1</v>
      </c>
      <c r="C88312" s="14" t="s">
        <v>51</v>
      </c>
      <c r="D88312" s="14" t="s">
        <v>442</v>
      </c>
      <c r="E88312" s="15">
        <v>45723</v>
      </c>
      <c r="F88312" s="14" t="s">
        <v>15</v>
      </c>
      <c r="G88312" s="16">
        <v>0</v>
      </c>
    </row>
    <row r="88313" spans="1:7" x14ac:dyDescent="0.3">
      <c r="A88313" s="13" t="s">
        <v>441</v>
      </c>
      <c r="B88313" s="14" t="s">
        <v>1</v>
      </c>
      <c r="C88313" s="14" t="s">
        <v>51</v>
      </c>
      <c r="D88313" s="14" t="s">
        <v>442</v>
      </c>
      <c r="E88313" s="15">
        <v>45724</v>
      </c>
      <c r="F88313" s="14" t="s">
        <v>15</v>
      </c>
      <c r="G88313" s="16">
        <v>0</v>
      </c>
    </row>
    <row r="88314" spans="1:7" x14ac:dyDescent="0.3">
      <c r="A88314" s="13" t="s">
        <v>441</v>
      </c>
      <c r="B88314" s="14" t="s">
        <v>1</v>
      </c>
      <c r="C88314" s="14" t="s">
        <v>51</v>
      </c>
      <c r="D88314" s="14" t="s">
        <v>442</v>
      </c>
      <c r="E88314" s="15">
        <v>45725</v>
      </c>
      <c r="F88314" s="14" t="s">
        <v>15</v>
      </c>
      <c r="G88314" s="16">
        <v>0</v>
      </c>
    </row>
    <row r="88315" spans="1:7" x14ac:dyDescent="0.3">
      <c r="A88315" s="13" t="s">
        <v>441</v>
      </c>
      <c r="B88315" s="14" t="s">
        <v>1</v>
      </c>
      <c r="C88315" s="14" t="s">
        <v>51</v>
      </c>
      <c r="D88315" s="14" t="s">
        <v>442</v>
      </c>
      <c r="E88315" s="15">
        <v>45726</v>
      </c>
      <c r="F88315" s="14" t="s">
        <v>15</v>
      </c>
      <c r="G88315" s="16">
        <v>0</v>
      </c>
    </row>
    <row r="88316" spans="1:7" x14ac:dyDescent="0.3">
      <c r="A88316" s="13" t="s">
        <v>441</v>
      </c>
      <c r="B88316" s="14" t="s">
        <v>1</v>
      </c>
      <c r="C88316" s="14" t="s">
        <v>51</v>
      </c>
      <c r="D88316" s="14" t="s">
        <v>442</v>
      </c>
      <c r="E88316" s="15">
        <v>45727</v>
      </c>
      <c r="F88316" s="14" t="s">
        <v>15</v>
      </c>
      <c r="G88316" s="16">
        <v>0</v>
      </c>
    </row>
    <row r="88317" spans="1:7" x14ac:dyDescent="0.3">
      <c r="A88317" s="13" t="s">
        <v>441</v>
      </c>
      <c r="B88317" s="14" t="s">
        <v>1</v>
      </c>
      <c r="C88317" s="14" t="s">
        <v>51</v>
      </c>
      <c r="D88317" s="14" t="s">
        <v>442</v>
      </c>
      <c r="E88317" s="15">
        <v>45728</v>
      </c>
      <c r="F88317" s="14" t="s">
        <v>15</v>
      </c>
      <c r="G88317" s="16">
        <v>0</v>
      </c>
    </row>
    <row r="88318" spans="1:7" x14ac:dyDescent="0.3">
      <c r="A88318" s="13" t="s">
        <v>441</v>
      </c>
      <c r="B88318" s="14" t="s">
        <v>1</v>
      </c>
      <c r="C88318" s="14" t="s">
        <v>51</v>
      </c>
      <c r="D88318" s="14" t="s">
        <v>442</v>
      </c>
      <c r="E88318" s="15">
        <v>45729</v>
      </c>
      <c r="F88318" s="14" t="s">
        <v>15</v>
      </c>
      <c r="G88318" s="16">
        <v>0</v>
      </c>
    </row>
    <row r="88319" spans="1:7" x14ac:dyDescent="0.3">
      <c r="A88319" s="13" t="s">
        <v>441</v>
      </c>
      <c r="B88319" s="14" t="s">
        <v>1</v>
      </c>
      <c r="C88319" s="14" t="s">
        <v>51</v>
      </c>
      <c r="D88319" s="14" t="s">
        <v>442</v>
      </c>
      <c r="E88319" s="15">
        <v>45730</v>
      </c>
      <c r="F88319" s="14" t="s">
        <v>15</v>
      </c>
      <c r="G88319" s="16">
        <v>0</v>
      </c>
    </row>
    <row r="88320" spans="1:7" x14ac:dyDescent="0.3">
      <c r="A88320" s="13" t="s">
        <v>441</v>
      </c>
      <c r="B88320" s="14" t="s">
        <v>1</v>
      </c>
      <c r="C88320" s="14" t="s">
        <v>51</v>
      </c>
      <c r="D88320" s="14" t="s">
        <v>442</v>
      </c>
      <c r="E88320" s="15">
        <v>45731</v>
      </c>
      <c r="F88320" s="14" t="s">
        <v>15</v>
      </c>
      <c r="G88320" s="16">
        <v>0</v>
      </c>
    </row>
    <row r="88321" spans="1:7" x14ac:dyDescent="0.3">
      <c r="A88321" s="13" t="s">
        <v>441</v>
      </c>
      <c r="B88321" s="14" t="s">
        <v>1</v>
      </c>
      <c r="C88321" s="14" t="s">
        <v>51</v>
      </c>
      <c r="D88321" s="14" t="s">
        <v>442</v>
      </c>
      <c r="E88321" s="15">
        <v>45732</v>
      </c>
      <c r="F88321" s="14" t="s">
        <v>15</v>
      </c>
      <c r="G88321" s="16">
        <v>0</v>
      </c>
    </row>
    <row r="88322" spans="1:7" x14ac:dyDescent="0.3">
      <c r="A88322" s="13" t="s">
        <v>441</v>
      </c>
      <c r="B88322" s="14" t="s">
        <v>1</v>
      </c>
      <c r="C88322" s="14" t="s">
        <v>51</v>
      </c>
      <c r="D88322" s="14" t="s">
        <v>442</v>
      </c>
      <c r="E88322" s="15">
        <v>45733</v>
      </c>
      <c r="F88322" s="14" t="s">
        <v>15</v>
      </c>
      <c r="G88322" s="16">
        <v>0</v>
      </c>
    </row>
    <row r="88323" spans="1:7" x14ac:dyDescent="0.3">
      <c r="A88323" s="13" t="s">
        <v>441</v>
      </c>
      <c r="B88323" s="14" t="s">
        <v>1</v>
      </c>
      <c r="C88323" s="14" t="s">
        <v>51</v>
      </c>
      <c r="D88323" s="14" t="s">
        <v>442</v>
      </c>
      <c r="E88323" s="15">
        <v>45734</v>
      </c>
      <c r="F88323" s="14" t="s">
        <v>15</v>
      </c>
      <c r="G88323" s="16">
        <v>0</v>
      </c>
    </row>
    <row r="88324" spans="1:7" x14ac:dyDescent="0.3">
      <c r="A88324" s="13" t="s">
        <v>441</v>
      </c>
      <c r="B88324" s="14" t="s">
        <v>1</v>
      </c>
      <c r="C88324" s="14" t="s">
        <v>51</v>
      </c>
      <c r="D88324" s="14" t="s">
        <v>442</v>
      </c>
      <c r="E88324" s="15">
        <v>45735</v>
      </c>
      <c r="F88324" s="14" t="s">
        <v>15</v>
      </c>
      <c r="G88324" s="16">
        <v>0</v>
      </c>
    </row>
    <row r="88325" spans="1:7" x14ac:dyDescent="0.3">
      <c r="A88325" s="13" t="s">
        <v>441</v>
      </c>
      <c r="B88325" s="14" t="s">
        <v>1</v>
      </c>
      <c r="C88325" s="14" t="s">
        <v>51</v>
      </c>
      <c r="D88325" s="14" t="s">
        <v>442</v>
      </c>
      <c r="E88325" s="15">
        <v>45736</v>
      </c>
      <c r="F88325" s="14" t="s">
        <v>15</v>
      </c>
      <c r="G88325" s="16">
        <v>0</v>
      </c>
    </row>
    <row r="88326" spans="1:7" x14ac:dyDescent="0.3">
      <c r="A88326" s="13" t="s">
        <v>441</v>
      </c>
      <c r="B88326" s="14" t="s">
        <v>1</v>
      </c>
      <c r="C88326" s="14" t="s">
        <v>51</v>
      </c>
      <c r="D88326" s="14" t="s">
        <v>442</v>
      </c>
      <c r="E88326" s="15">
        <v>45737</v>
      </c>
      <c r="F88326" s="14" t="s">
        <v>15</v>
      </c>
      <c r="G88326" s="16">
        <v>0</v>
      </c>
    </row>
    <row r="88327" spans="1:7" x14ac:dyDescent="0.3">
      <c r="A88327" s="13" t="s">
        <v>441</v>
      </c>
      <c r="B88327" s="14" t="s">
        <v>1</v>
      </c>
      <c r="C88327" s="14" t="s">
        <v>51</v>
      </c>
      <c r="D88327" s="14" t="s">
        <v>442</v>
      </c>
      <c r="E88327" s="15">
        <v>45738</v>
      </c>
      <c r="F88327" s="14" t="s">
        <v>15</v>
      </c>
      <c r="G88327" s="16">
        <v>0</v>
      </c>
    </row>
    <row r="88328" spans="1:7" x14ac:dyDescent="0.3">
      <c r="A88328" s="13" t="s">
        <v>441</v>
      </c>
      <c r="B88328" s="14" t="s">
        <v>1</v>
      </c>
      <c r="C88328" s="14" t="s">
        <v>51</v>
      </c>
      <c r="D88328" s="14" t="s">
        <v>442</v>
      </c>
      <c r="E88328" s="15">
        <v>45739</v>
      </c>
      <c r="F88328" s="14" t="s">
        <v>15</v>
      </c>
      <c r="G88328" s="16">
        <v>0</v>
      </c>
    </row>
    <row r="88329" spans="1:7" x14ac:dyDescent="0.3">
      <c r="A88329" s="13" t="s">
        <v>441</v>
      </c>
      <c r="B88329" s="14" t="s">
        <v>1</v>
      </c>
      <c r="C88329" s="14" t="s">
        <v>51</v>
      </c>
      <c r="D88329" s="14" t="s">
        <v>442</v>
      </c>
      <c r="E88329" s="15">
        <v>45740</v>
      </c>
      <c r="F88329" s="14" t="s">
        <v>15</v>
      </c>
      <c r="G88329" s="16">
        <v>0</v>
      </c>
    </row>
    <row r="88330" spans="1:7" x14ac:dyDescent="0.3">
      <c r="A88330" s="13" t="s">
        <v>441</v>
      </c>
      <c r="B88330" s="14" t="s">
        <v>1</v>
      </c>
      <c r="C88330" s="14" t="s">
        <v>51</v>
      </c>
      <c r="D88330" s="14" t="s">
        <v>442</v>
      </c>
      <c r="E88330" s="15">
        <v>45741</v>
      </c>
      <c r="F88330" s="14" t="s">
        <v>15</v>
      </c>
      <c r="G88330" s="16">
        <v>0</v>
      </c>
    </row>
    <row r="88331" spans="1:7" x14ac:dyDescent="0.3">
      <c r="A88331" s="13" t="s">
        <v>441</v>
      </c>
      <c r="B88331" s="14" t="s">
        <v>1</v>
      </c>
      <c r="C88331" s="14" t="s">
        <v>51</v>
      </c>
      <c r="D88331" s="14" t="s">
        <v>442</v>
      </c>
      <c r="E88331" s="15">
        <v>45742</v>
      </c>
      <c r="F88331" s="14" t="s">
        <v>15</v>
      </c>
      <c r="G88331" s="16">
        <v>0</v>
      </c>
    </row>
    <row r="88332" spans="1:7" x14ac:dyDescent="0.3">
      <c r="A88332" s="13" t="s">
        <v>441</v>
      </c>
      <c r="B88332" s="14" t="s">
        <v>1</v>
      </c>
      <c r="C88332" s="14" t="s">
        <v>51</v>
      </c>
      <c r="D88332" s="14" t="s">
        <v>442</v>
      </c>
      <c r="E88332" s="15">
        <v>45743</v>
      </c>
      <c r="F88332" s="14" t="s">
        <v>15</v>
      </c>
      <c r="G88332" s="16">
        <v>0</v>
      </c>
    </row>
    <row r="88333" spans="1:7" x14ac:dyDescent="0.3">
      <c r="A88333" s="13" t="s">
        <v>441</v>
      </c>
      <c r="B88333" s="14" t="s">
        <v>1</v>
      </c>
      <c r="C88333" s="14" t="s">
        <v>51</v>
      </c>
      <c r="D88333" s="14" t="s">
        <v>442</v>
      </c>
      <c r="E88333" s="15">
        <v>45744</v>
      </c>
      <c r="F88333" s="14" t="s">
        <v>15</v>
      </c>
      <c r="G88333" s="16">
        <v>0</v>
      </c>
    </row>
    <row r="88334" spans="1:7" x14ac:dyDescent="0.3">
      <c r="A88334" s="13" t="s">
        <v>441</v>
      </c>
      <c r="B88334" s="14" t="s">
        <v>1</v>
      </c>
      <c r="C88334" s="14" t="s">
        <v>51</v>
      </c>
      <c r="D88334" s="14" t="s">
        <v>442</v>
      </c>
      <c r="E88334" s="15">
        <v>45745</v>
      </c>
      <c r="F88334" s="14" t="s">
        <v>15</v>
      </c>
      <c r="G88334" s="16">
        <v>0</v>
      </c>
    </row>
    <row r="88335" spans="1:7" x14ac:dyDescent="0.3">
      <c r="A88335" s="13" t="s">
        <v>441</v>
      </c>
      <c r="B88335" s="14" t="s">
        <v>1</v>
      </c>
      <c r="C88335" s="14" t="s">
        <v>51</v>
      </c>
      <c r="D88335" s="14" t="s">
        <v>442</v>
      </c>
      <c r="E88335" s="15">
        <v>45746</v>
      </c>
      <c r="F88335" s="14" t="s">
        <v>15</v>
      </c>
      <c r="G88335" s="16">
        <v>0</v>
      </c>
    </row>
    <row r="88336" spans="1:7" x14ac:dyDescent="0.3">
      <c r="A88336" s="13" t="s">
        <v>441</v>
      </c>
      <c r="B88336" s="14" t="s">
        <v>1</v>
      </c>
      <c r="C88336" s="14" t="s">
        <v>51</v>
      </c>
      <c r="D88336" s="14" t="s">
        <v>442</v>
      </c>
      <c r="E88336" s="15">
        <v>45747</v>
      </c>
      <c r="F88336" s="14" t="s">
        <v>15</v>
      </c>
      <c r="G88336" s="16">
        <v>0</v>
      </c>
    </row>
    <row r="88337" spans="1:7" x14ac:dyDescent="0.3">
      <c r="A88337" s="13" t="s">
        <v>443</v>
      </c>
      <c r="B88337" s="14" t="s">
        <v>1</v>
      </c>
      <c r="C88337" s="14" t="s">
        <v>70</v>
      </c>
      <c r="D88337" s="14" t="s">
        <v>444</v>
      </c>
      <c r="E88337" s="15">
        <v>45383</v>
      </c>
      <c r="F88337" s="14" t="s">
        <v>25</v>
      </c>
      <c r="G88337" s="16">
        <v>0</v>
      </c>
    </row>
    <row r="88338" spans="1:7" x14ac:dyDescent="0.3">
      <c r="A88338" s="13" t="s">
        <v>443</v>
      </c>
      <c r="B88338" s="14" t="s">
        <v>1</v>
      </c>
      <c r="C88338" s="14" t="s">
        <v>70</v>
      </c>
      <c r="D88338" s="14" t="s">
        <v>444</v>
      </c>
      <c r="E88338" s="15">
        <v>45384</v>
      </c>
      <c r="F88338" s="14" t="s">
        <v>25</v>
      </c>
      <c r="G88338" s="16">
        <v>0</v>
      </c>
    </row>
    <row r="88339" spans="1:7" x14ac:dyDescent="0.3">
      <c r="A88339" s="13" t="s">
        <v>443</v>
      </c>
      <c r="B88339" s="14" t="s">
        <v>1</v>
      </c>
      <c r="C88339" s="14" t="s">
        <v>70</v>
      </c>
      <c r="D88339" s="14" t="s">
        <v>444</v>
      </c>
      <c r="E88339" s="15">
        <v>45385</v>
      </c>
      <c r="F88339" s="14" t="s">
        <v>25</v>
      </c>
      <c r="G88339" s="16">
        <v>3.1241871945422144E-2</v>
      </c>
    </row>
    <row r="88340" spans="1:7" x14ac:dyDescent="0.3">
      <c r="A88340" s="13" t="s">
        <v>443</v>
      </c>
      <c r="B88340" s="14" t="s">
        <v>1</v>
      </c>
      <c r="C88340" s="14" t="s">
        <v>70</v>
      </c>
      <c r="D88340" s="14" t="s">
        <v>444</v>
      </c>
      <c r="E88340" s="15">
        <v>45386</v>
      </c>
      <c r="F88340" s="14" t="s">
        <v>25</v>
      </c>
      <c r="G88340" s="16">
        <v>3.9749482933048613E-2</v>
      </c>
    </row>
    <row r="88341" spans="1:7" x14ac:dyDescent="0.3">
      <c r="A88341" s="13" t="s">
        <v>443</v>
      </c>
      <c r="B88341" s="14" t="s">
        <v>1</v>
      </c>
      <c r="C88341" s="14" t="s">
        <v>70</v>
      </c>
      <c r="D88341" s="14" t="s">
        <v>444</v>
      </c>
      <c r="E88341" s="15">
        <v>45387</v>
      </c>
      <c r="F88341" s="14" t="s">
        <v>25</v>
      </c>
      <c r="G88341" s="16">
        <v>5.7038127403144866E-2</v>
      </c>
    </row>
    <row r="88342" spans="1:7" x14ac:dyDescent="0.3">
      <c r="A88342" s="13" t="s">
        <v>443</v>
      </c>
      <c r="B88342" s="14" t="s">
        <v>1</v>
      </c>
      <c r="C88342" s="14" t="s">
        <v>70</v>
      </c>
      <c r="D88342" s="14" t="s">
        <v>444</v>
      </c>
      <c r="E88342" s="15">
        <v>45388</v>
      </c>
      <c r="F88342" s="14" t="s">
        <v>25</v>
      </c>
      <c r="G88342" s="16">
        <v>5.7038127403144866E-2</v>
      </c>
    </row>
    <row r="88343" spans="1:7" x14ac:dyDescent="0.3">
      <c r="A88343" s="13" t="s">
        <v>443</v>
      </c>
      <c r="B88343" s="14" t="s">
        <v>1</v>
      </c>
      <c r="C88343" s="14" t="s">
        <v>70</v>
      </c>
      <c r="D88343" s="14" t="s">
        <v>444</v>
      </c>
      <c r="E88343" s="15">
        <v>45389</v>
      </c>
      <c r="F88343" s="14" t="s">
        <v>25</v>
      </c>
      <c r="G88343" s="16">
        <v>5.7038127403144866E-2</v>
      </c>
    </row>
    <row r="88344" spans="1:7" x14ac:dyDescent="0.3">
      <c r="A88344" s="13" t="s">
        <v>443</v>
      </c>
      <c r="B88344" s="14" t="s">
        <v>1</v>
      </c>
      <c r="C88344" s="14" t="s">
        <v>70</v>
      </c>
      <c r="D88344" s="14" t="s">
        <v>444</v>
      </c>
      <c r="E88344" s="15">
        <v>45390</v>
      </c>
      <c r="F88344" s="14" t="s">
        <v>25</v>
      </c>
      <c r="G88344" s="16">
        <v>7.6702282468896751E-2</v>
      </c>
    </row>
    <row r="88345" spans="1:7" x14ac:dyDescent="0.3">
      <c r="A88345" s="13" t="s">
        <v>443</v>
      </c>
      <c r="B88345" s="14" t="s">
        <v>1</v>
      </c>
      <c r="C88345" s="14" t="s">
        <v>70</v>
      </c>
      <c r="D88345" s="14" t="s">
        <v>444</v>
      </c>
      <c r="E88345" s="15">
        <v>45391</v>
      </c>
      <c r="F88345" s="14" t="s">
        <v>25</v>
      </c>
      <c r="G88345" s="16">
        <v>9.052476503840462E-2</v>
      </c>
    </row>
    <row r="88346" spans="1:7" x14ac:dyDescent="0.3">
      <c r="A88346" s="13" t="s">
        <v>443</v>
      </c>
      <c r="B88346" s="14" t="s">
        <v>1</v>
      </c>
      <c r="C88346" s="14" t="s">
        <v>70</v>
      </c>
      <c r="D88346" s="14" t="s">
        <v>444</v>
      </c>
      <c r="E88346" s="15">
        <v>45392</v>
      </c>
      <c r="F88346" s="14" t="s">
        <v>25</v>
      </c>
      <c r="G88346" s="16">
        <v>0.10874395988093676</v>
      </c>
    </row>
    <row r="88347" spans="1:7" x14ac:dyDescent="0.3">
      <c r="A88347" s="13" t="s">
        <v>443</v>
      </c>
      <c r="B88347" s="14" t="s">
        <v>1</v>
      </c>
      <c r="C88347" s="14" t="s">
        <v>70</v>
      </c>
      <c r="D88347" s="14" t="s">
        <v>444</v>
      </c>
      <c r="E88347" s="15">
        <v>45393</v>
      </c>
      <c r="F88347" s="14" t="s">
        <v>25</v>
      </c>
      <c r="G88347" s="16">
        <v>0.11186040542041797</v>
      </c>
    </row>
    <row r="88348" spans="1:7" x14ac:dyDescent="0.3">
      <c r="A88348" s="13" t="s">
        <v>443</v>
      </c>
      <c r="B88348" s="14" t="s">
        <v>1</v>
      </c>
      <c r="C88348" s="14" t="s">
        <v>70</v>
      </c>
      <c r="D88348" s="14" t="s">
        <v>444</v>
      </c>
      <c r="E88348" s="15">
        <v>45394</v>
      </c>
      <c r="F88348" s="14" t="s">
        <v>25</v>
      </c>
      <c r="G88348" s="16">
        <v>0.11618511547893041</v>
      </c>
    </row>
    <row r="88349" spans="1:7" x14ac:dyDescent="0.3">
      <c r="A88349" s="13" t="s">
        <v>443</v>
      </c>
      <c r="B88349" s="14" t="s">
        <v>1</v>
      </c>
      <c r="C88349" s="14" t="s">
        <v>70</v>
      </c>
      <c r="D88349" s="14" t="s">
        <v>444</v>
      </c>
      <c r="E88349" s="15">
        <v>45395</v>
      </c>
      <c r="F88349" s="14" t="s">
        <v>25</v>
      </c>
      <c r="G88349" s="16">
        <v>0.11618511547893041</v>
      </c>
    </row>
    <row r="88350" spans="1:7" x14ac:dyDescent="0.3">
      <c r="A88350" s="13" t="s">
        <v>443</v>
      </c>
      <c r="B88350" s="14" t="s">
        <v>1</v>
      </c>
      <c r="C88350" s="14" t="s">
        <v>70</v>
      </c>
      <c r="D88350" s="14" t="s">
        <v>444</v>
      </c>
      <c r="E88350" s="15">
        <v>45396</v>
      </c>
      <c r="F88350" s="14" t="s">
        <v>25</v>
      </c>
      <c r="G88350" s="16">
        <v>0.11618511547893041</v>
      </c>
    </row>
    <row r="88351" spans="1:7" x14ac:dyDescent="0.3">
      <c r="A88351" s="13" t="s">
        <v>443</v>
      </c>
      <c r="B88351" s="14" t="s">
        <v>1</v>
      </c>
      <c r="C88351" s="14" t="s">
        <v>70</v>
      </c>
      <c r="D88351" s="14" t="s">
        <v>444</v>
      </c>
      <c r="E88351" s="15">
        <v>45397</v>
      </c>
      <c r="F88351" s="14" t="s">
        <v>25</v>
      </c>
      <c r="G88351" s="16">
        <v>0.14081055025163702</v>
      </c>
    </row>
    <row r="88352" spans="1:7" x14ac:dyDescent="0.3">
      <c r="A88352" s="13" t="s">
        <v>443</v>
      </c>
      <c r="B88352" s="14" t="s">
        <v>1</v>
      </c>
      <c r="C88352" s="14" t="s">
        <v>70</v>
      </c>
      <c r="D88352" s="14" t="s">
        <v>444</v>
      </c>
      <c r="E88352" s="15">
        <v>45398</v>
      </c>
      <c r="F88352" s="14" t="s">
        <v>25</v>
      </c>
      <c r="G88352" s="16">
        <v>0.15506539019027807</v>
      </c>
    </row>
    <row r="88353" spans="1:7" x14ac:dyDescent="0.3">
      <c r="A88353" s="13" t="s">
        <v>443</v>
      </c>
      <c r="B88353" s="14" t="s">
        <v>1</v>
      </c>
      <c r="C88353" s="14" t="s">
        <v>70</v>
      </c>
      <c r="D88353" s="14" t="s">
        <v>444</v>
      </c>
      <c r="E88353" s="15">
        <v>45399</v>
      </c>
      <c r="F88353" s="14" t="s">
        <v>25</v>
      </c>
      <c r="G88353" s="16">
        <v>0.19645349137622489</v>
      </c>
    </row>
    <row r="88354" spans="1:7" x14ac:dyDescent="0.3">
      <c r="A88354" s="13" t="s">
        <v>443</v>
      </c>
      <c r="B88354" s="14" t="s">
        <v>1</v>
      </c>
      <c r="C88354" s="14" t="s">
        <v>70</v>
      </c>
      <c r="D88354" s="14" t="s">
        <v>444</v>
      </c>
      <c r="E88354" s="15">
        <v>45400</v>
      </c>
      <c r="F88354" s="14" t="s">
        <v>25</v>
      </c>
      <c r="G88354" s="16">
        <v>0.20061344455845392</v>
      </c>
    </row>
    <row r="88355" spans="1:7" x14ac:dyDescent="0.3">
      <c r="A88355" s="13" t="s">
        <v>443</v>
      </c>
      <c r="B88355" s="14" t="s">
        <v>1</v>
      </c>
      <c r="C88355" s="14" t="s">
        <v>70</v>
      </c>
      <c r="D88355" s="14" t="s">
        <v>444</v>
      </c>
      <c r="E88355" s="15">
        <v>45401</v>
      </c>
      <c r="F88355" s="14" t="s">
        <v>25</v>
      </c>
      <c r="G88355" s="16">
        <v>0.20891580844525026</v>
      </c>
    </row>
    <row r="88356" spans="1:7" x14ac:dyDescent="0.3">
      <c r="A88356" s="13" t="s">
        <v>443</v>
      </c>
      <c r="B88356" s="14" t="s">
        <v>1</v>
      </c>
      <c r="C88356" s="14" t="s">
        <v>70</v>
      </c>
      <c r="D88356" s="14" t="s">
        <v>444</v>
      </c>
      <c r="E88356" s="15">
        <v>45402</v>
      </c>
      <c r="F88356" s="14" t="s">
        <v>25</v>
      </c>
      <c r="G88356" s="16">
        <v>0.20891580844525026</v>
      </c>
    </row>
    <row r="88357" spans="1:7" x14ac:dyDescent="0.3">
      <c r="A88357" s="13" t="s">
        <v>443</v>
      </c>
      <c r="B88357" s="14" t="s">
        <v>1</v>
      </c>
      <c r="C88357" s="14" t="s">
        <v>70</v>
      </c>
      <c r="D88357" s="14" t="s">
        <v>444</v>
      </c>
      <c r="E88357" s="15">
        <v>45403</v>
      </c>
      <c r="F88357" s="14" t="s">
        <v>25</v>
      </c>
      <c r="G88357" s="16">
        <v>0.20891580844525026</v>
      </c>
    </row>
    <row r="88358" spans="1:7" x14ac:dyDescent="0.3">
      <c r="A88358" s="13" t="s">
        <v>443</v>
      </c>
      <c r="B88358" s="14" t="s">
        <v>1</v>
      </c>
      <c r="C88358" s="14" t="s">
        <v>70</v>
      </c>
      <c r="D88358" s="14" t="s">
        <v>444</v>
      </c>
      <c r="E88358" s="15">
        <v>45404</v>
      </c>
      <c r="F88358" s="14" t="s">
        <v>25</v>
      </c>
      <c r="G88358" s="16">
        <v>0.21777672964066058</v>
      </c>
    </row>
    <row r="88359" spans="1:7" x14ac:dyDescent="0.3">
      <c r="A88359" s="13" t="s">
        <v>443</v>
      </c>
      <c r="B88359" s="14" t="s">
        <v>1</v>
      </c>
      <c r="C88359" s="14" t="s">
        <v>70</v>
      </c>
      <c r="D88359" s="14" t="s">
        <v>444</v>
      </c>
      <c r="E88359" s="15">
        <v>45405</v>
      </c>
      <c r="F88359" s="14" t="s">
        <v>25</v>
      </c>
      <c r="G88359" s="16">
        <v>0.24804798923281027</v>
      </c>
    </row>
    <row r="88360" spans="1:7" x14ac:dyDescent="0.3">
      <c r="A88360" s="13" t="s">
        <v>443</v>
      </c>
      <c r="B88360" s="14" t="s">
        <v>1</v>
      </c>
      <c r="C88360" s="14" t="s">
        <v>70</v>
      </c>
      <c r="D88360" s="14" t="s">
        <v>444</v>
      </c>
      <c r="E88360" s="15">
        <v>45406</v>
      </c>
      <c r="F88360" s="14" t="s">
        <v>25</v>
      </c>
      <c r="G88360" s="16">
        <v>0.25650980513786698</v>
      </c>
    </row>
    <row r="88361" spans="1:7" x14ac:dyDescent="0.3">
      <c r="A88361" s="13" t="s">
        <v>443</v>
      </c>
      <c r="B88361" s="14" t="s">
        <v>1</v>
      </c>
      <c r="C88361" s="14" t="s">
        <v>70</v>
      </c>
      <c r="D88361" s="14" t="s">
        <v>444</v>
      </c>
      <c r="E88361" s="15">
        <v>45407</v>
      </c>
      <c r="F88361" s="14" t="s">
        <v>25</v>
      </c>
      <c r="G88361" s="16">
        <v>0.30257995431796503</v>
      </c>
    </row>
    <row r="88362" spans="1:7" x14ac:dyDescent="0.3">
      <c r="A88362" s="13" t="s">
        <v>443</v>
      </c>
      <c r="B88362" s="14" t="s">
        <v>1</v>
      </c>
      <c r="C88362" s="14" t="s">
        <v>70</v>
      </c>
      <c r="D88362" s="14" t="s">
        <v>444</v>
      </c>
      <c r="E88362" s="15">
        <v>45408</v>
      </c>
      <c r="F88362" s="14" t="s">
        <v>25</v>
      </c>
      <c r="G88362" s="16">
        <v>0.30808379347065601</v>
      </c>
    </row>
    <row r="88363" spans="1:7" x14ac:dyDescent="0.3">
      <c r="A88363" s="13" t="s">
        <v>443</v>
      </c>
      <c r="B88363" s="14" t="s">
        <v>1</v>
      </c>
      <c r="C88363" s="14" t="s">
        <v>70</v>
      </c>
      <c r="D88363" s="14" t="s">
        <v>444</v>
      </c>
      <c r="E88363" s="15">
        <v>45409</v>
      </c>
      <c r="F88363" s="14" t="s">
        <v>25</v>
      </c>
      <c r="G88363" s="16">
        <v>0.30808379347065601</v>
      </c>
    </row>
    <row r="88364" spans="1:7" x14ac:dyDescent="0.3">
      <c r="A88364" s="13" t="s">
        <v>443</v>
      </c>
      <c r="B88364" s="14" t="s">
        <v>1</v>
      </c>
      <c r="C88364" s="14" t="s">
        <v>70</v>
      </c>
      <c r="D88364" s="14" t="s">
        <v>444</v>
      </c>
      <c r="E88364" s="15">
        <v>45410</v>
      </c>
      <c r="F88364" s="14" t="s">
        <v>25</v>
      </c>
      <c r="G88364" s="16">
        <v>0.30808379347065601</v>
      </c>
    </row>
    <row r="88365" spans="1:7" x14ac:dyDescent="0.3">
      <c r="A88365" s="13" t="s">
        <v>443</v>
      </c>
      <c r="B88365" s="14" t="s">
        <v>1</v>
      </c>
      <c r="C88365" s="14" t="s">
        <v>70</v>
      </c>
      <c r="D88365" s="14" t="s">
        <v>444</v>
      </c>
      <c r="E88365" s="15">
        <v>45411</v>
      </c>
      <c r="F88365" s="14" t="s">
        <v>25</v>
      </c>
      <c r="G88365" s="16">
        <v>0.31060999732950206</v>
      </c>
    </row>
    <row r="88366" spans="1:7" x14ac:dyDescent="0.3">
      <c r="A88366" s="13" t="s">
        <v>443</v>
      </c>
      <c r="B88366" s="14" t="s">
        <v>1</v>
      </c>
      <c r="C88366" s="14" t="s">
        <v>70</v>
      </c>
      <c r="D88366" s="14" t="s">
        <v>444</v>
      </c>
      <c r="E88366" s="15">
        <v>45412</v>
      </c>
      <c r="F88366" s="14" t="s">
        <v>25</v>
      </c>
      <c r="G88366" s="16">
        <v>0.32685259856315202</v>
      </c>
    </row>
    <row r="88367" spans="1:7" x14ac:dyDescent="0.3">
      <c r="A88367" s="13" t="s">
        <v>443</v>
      </c>
      <c r="B88367" s="14" t="s">
        <v>1</v>
      </c>
      <c r="C88367" s="14" t="s">
        <v>70</v>
      </c>
      <c r="D88367" s="14" t="s">
        <v>444</v>
      </c>
      <c r="E88367" s="15">
        <v>45413</v>
      </c>
      <c r="F88367" s="14" t="s">
        <v>25</v>
      </c>
      <c r="G88367" s="16">
        <v>0.32685259856315202</v>
      </c>
    </row>
    <row r="88368" spans="1:7" x14ac:dyDescent="0.3">
      <c r="A88368" s="13" t="s">
        <v>443</v>
      </c>
      <c r="B88368" s="14" t="s">
        <v>1</v>
      </c>
      <c r="C88368" s="14" t="s">
        <v>70</v>
      </c>
      <c r="D88368" s="14" t="s">
        <v>444</v>
      </c>
      <c r="E88368" s="15">
        <v>45414</v>
      </c>
      <c r="F88368" s="14" t="s">
        <v>25</v>
      </c>
      <c r="G88368" s="16">
        <v>0.36351928541106709</v>
      </c>
    </row>
    <row r="88369" spans="1:7" x14ac:dyDescent="0.3">
      <c r="A88369" s="13" t="s">
        <v>443</v>
      </c>
      <c r="B88369" s="14" t="s">
        <v>1</v>
      </c>
      <c r="C88369" s="14" t="s">
        <v>70</v>
      </c>
      <c r="D88369" s="14" t="s">
        <v>444</v>
      </c>
      <c r="E88369" s="15">
        <v>45415</v>
      </c>
      <c r="F88369" s="14" t="s">
        <v>25</v>
      </c>
      <c r="G88369" s="16">
        <v>0.3705284060232778</v>
      </c>
    </row>
    <row r="88370" spans="1:7" x14ac:dyDescent="0.3">
      <c r="A88370" s="13" t="s">
        <v>443</v>
      </c>
      <c r="B88370" s="14" t="s">
        <v>1</v>
      </c>
      <c r="C88370" s="14" t="s">
        <v>70</v>
      </c>
      <c r="D88370" s="14" t="s">
        <v>444</v>
      </c>
      <c r="E88370" s="15">
        <v>45416</v>
      </c>
      <c r="F88370" s="14" t="s">
        <v>25</v>
      </c>
      <c r="G88370" s="16">
        <v>0.3705284060232778</v>
      </c>
    </row>
    <row r="88371" spans="1:7" x14ac:dyDescent="0.3">
      <c r="A88371" s="13" t="s">
        <v>443</v>
      </c>
      <c r="B88371" s="14" t="s">
        <v>1</v>
      </c>
      <c r="C88371" s="14" t="s">
        <v>70</v>
      </c>
      <c r="D88371" s="14" t="s">
        <v>444</v>
      </c>
      <c r="E88371" s="15">
        <v>45417</v>
      </c>
      <c r="F88371" s="14" t="s">
        <v>25</v>
      </c>
      <c r="G88371" s="16">
        <v>0.3705284060232778</v>
      </c>
    </row>
    <row r="88372" spans="1:7" x14ac:dyDescent="0.3">
      <c r="A88372" s="13" t="s">
        <v>443</v>
      </c>
      <c r="B88372" s="14" t="s">
        <v>1</v>
      </c>
      <c r="C88372" s="14" t="s">
        <v>70</v>
      </c>
      <c r="D88372" s="14" t="s">
        <v>444</v>
      </c>
      <c r="E88372" s="15">
        <v>45418</v>
      </c>
      <c r="F88372" s="14" t="s">
        <v>25</v>
      </c>
      <c r="G88372" s="16">
        <v>0.3705284060232778</v>
      </c>
    </row>
    <row r="88373" spans="1:7" x14ac:dyDescent="0.3">
      <c r="A88373" s="13" t="s">
        <v>443</v>
      </c>
      <c r="B88373" s="14" t="s">
        <v>1</v>
      </c>
      <c r="C88373" s="14" t="s">
        <v>70</v>
      </c>
      <c r="D88373" s="14" t="s">
        <v>444</v>
      </c>
      <c r="E88373" s="15">
        <v>45419</v>
      </c>
      <c r="F88373" s="14" t="s">
        <v>25</v>
      </c>
      <c r="G88373" s="16">
        <v>0.39800735378971758</v>
      </c>
    </row>
    <row r="88374" spans="1:7" x14ac:dyDescent="0.3">
      <c r="A88374" s="13" t="s">
        <v>443</v>
      </c>
      <c r="B88374" s="14" t="s">
        <v>1</v>
      </c>
      <c r="C88374" s="14" t="s">
        <v>70</v>
      </c>
      <c r="D88374" s="14" t="s">
        <v>444</v>
      </c>
      <c r="E88374" s="15">
        <v>45420</v>
      </c>
      <c r="F88374" s="14" t="s">
        <v>25</v>
      </c>
      <c r="G88374" s="16">
        <v>0.4191275282863115</v>
      </c>
    </row>
    <row r="88375" spans="1:7" x14ac:dyDescent="0.3">
      <c r="A88375" s="13" t="s">
        <v>443</v>
      </c>
      <c r="B88375" s="14" t="s">
        <v>1</v>
      </c>
      <c r="C88375" s="14" t="s">
        <v>70</v>
      </c>
      <c r="D88375" s="14" t="s">
        <v>444</v>
      </c>
      <c r="E88375" s="15">
        <v>45421</v>
      </c>
      <c r="F88375" s="14" t="s">
        <v>25</v>
      </c>
      <c r="G88375" s="16">
        <v>0.4191275282863115</v>
      </c>
    </row>
    <row r="88376" spans="1:7" x14ac:dyDescent="0.3">
      <c r="A88376" s="13" t="s">
        <v>443</v>
      </c>
      <c r="B88376" s="14" t="s">
        <v>1</v>
      </c>
      <c r="C88376" s="14" t="s">
        <v>70</v>
      </c>
      <c r="D88376" s="14" t="s">
        <v>444</v>
      </c>
      <c r="E88376" s="15">
        <v>45422</v>
      </c>
      <c r="F88376" s="14" t="s">
        <v>25</v>
      </c>
      <c r="G88376" s="16">
        <v>0.42225634695391145</v>
      </c>
    </row>
    <row r="88377" spans="1:7" x14ac:dyDescent="0.3">
      <c r="A88377" s="13" t="s">
        <v>443</v>
      </c>
      <c r="B88377" s="14" t="s">
        <v>1</v>
      </c>
      <c r="C88377" s="14" t="s">
        <v>70</v>
      </c>
      <c r="D88377" s="14" t="s">
        <v>444</v>
      </c>
      <c r="E88377" s="15">
        <v>45423</v>
      </c>
      <c r="F88377" s="14" t="s">
        <v>25</v>
      </c>
      <c r="G88377" s="16">
        <v>0.42225634695391145</v>
      </c>
    </row>
    <row r="88378" spans="1:7" x14ac:dyDescent="0.3">
      <c r="A88378" s="13" t="s">
        <v>443</v>
      </c>
      <c r="B88378" s="14" t="s">
        <v>1</v>
      </c>
      <c r="C88378" s="14" t="s">
        <v>70</v>
      </c>
      <c r="D88378" s="14" t="s">
        <v>444</v>
      </c>
      <c r="E88378" s="15">
        <v>45424</v>
      </c>
      <c r="F88378" s="14" t="s">
        <v>25</v>
      </c>
      <c r="G88378" s="16">
        <v>0.42225634695391145</v>
      </c>
    </row>
    <row r="88379" spans="1:7" x14ac:dyDescent="0.3">
      <c r="A88379" s="13" t="s">
        <v>443</v>
      </c>
      <c r="B88379" s="14" t="s">
        <v>1</v>
      </c>
      <c r="C88379" s="14" t="s">
        <v>70</v>
      </c>
      <c r="D88379" s="14" t="s">
        <v>444</v>
      </c>
      <c r="E88379" s="15">
        <v>45425</v>
      </c>
      <c r="F88379" s="14" t="s">
        <v>25</v>
      </c>
      <c r="G88379" s="16">
        <v>0.53429706464828042</v>
      </c>
    </row>
    <row r="88380" spans="1:7" x14ac:dyDescent="0.3">
      <c r="A88380" s="13" t="s">
        <v>443</v>
      </c>
      <c r="B88380" s="14" t="s">
        <v>1</v>
      </c>
      <c r="C88380" s="14" t="s">
        <v>70</v>
      </c>
      <c r="D88380" s="14" t="s">
        <v>444</v>
      </c>
      <c r="E88380" s="15">
        <v>45426</v>
      </c>
      <c r="F88380" s="14" t="s">
        <v>25</v>
      </c>
      <c r="G88380" s="16">
        <v>0.56878924041996293</v>
      </c>
    </row>
    <row r="88381" spans="1:7" x14ac:dyDescent="0.3">
      <c r="A88381" s="13" t="s">
        <v>443</v>
      </c>
      <c r="B88381" s="14" t="s">
        <v>1</v>
      </c>
      <c r="C88381" s="14" t="s">
        <v>70</v>
      </c>
      <c r="D88381" s="14" t="s">
        <v>444</v>
      </c>
      <c r="E88381" s="15">
        <v>45427</v>
      </c>
      <c r="F88381" s="14" t="s">
        <v>25</v>
      </c>
      <c r="G88381" s="16">
        <v>0.57568523003045469</v>
      </c>
    </row>
    <row r="88382" spans="1:7" x14ac:dyDescent="0.3">
      <c r="A88382" s="13" t="s">
        <v>443</v>
      </c>
      <c r="B88382" s="14" t="s">
        <v>1</v>
      </c>
      <c r="C88382" s="14" t="s">
        <v>70</v>
      </c>
      <c r="D88382" s="14" t="s">
        <v>444</v>
      </c>
      <c r="E88382" s="15">
        <v>45428</v>
      </c>
      <c r="F88382" s="14" t="s">
        <v>25</v>
      </c>
      <c r="G88382" s="16">
        <v>0.58388839462246966</v>
      </c>
    </row>
    <row r="88383" spans="1:7" x14ac:dyDescent="0.3">
      <c r="A88383" s="13" t="s">
        <v>443</v>
      </c>
      <c r="B88383" s="14" t="s">
        <v>1</v>
      </c>
      <c r="C88383" s="14" t="s">
        <v>70</v>
      </c>
      <c r="D88383" s="14" t="s">
        <v>444</v>
      </c>
      <c r="E88383" s="15">
        <v>45429</v>
      </c>
      <c r="F88383" s="14" t="s">
        <v>25</v>
      </c>
      <c r="G88383" s="16">
        <v>0.67347251358345783</v>
      </c>
    </row>
    <row r="88384" spans="1:7" x14ac:dyDescent="0.3">
      <c r="A88384" s="13" t="s">
        <v>443</v>
      </c>
      <c r="B88384" s="14" t="s">
        <v>1</v>
      </c>
      <c r="C88384" s="14" t="s">
        <v>70</v>
      </c>
      <c r="D88384" s="14" t="s">
        <v>444</v>
      </c>
      <c r="E88384" s="15">
        <v>45430</v>
      </c>
      <c r="F88384" s="14" t="s">
        <v>25</v>
      </c>
      <c r="G88384" s="16">
        <v>0.67347251358345783</v>
      </c>
    </row>
    <row r="88385" spans="1:7" x14ac:dyDescent="0.3">
      <c r="A88385" s="13" t="s">
        <v>443</v>
      </c>
      <c r="B88385" s="14" t="s">
        <v>1</v>
      </c>
      <c r="C88385" s="14" t="s">
        <v>70</v>
      </c>
      <c r="D88385" s="14" t="s">
        <v>444</v>
      </c>
      <c r="E88385" s="15">
        <v>45431</v>
      </c>
      <c r="F88385" s="14" t="s">
        <v>25</v>
      </c>
      <c r="G88385" s="16">
        <v>0.67347251358345783</v>
      </c>
    </row>
    <row r="88386" spans="1:7" x14ac:dyDescent="0.3">
      <c r="A88386" s="13" t="s">
        <v>443</v>
      </c>
      <c r="B88386" s="14" t="s">
        <v>1</v>
      </c>
      <c r="C88386" s="14" t="s">
        <v>70</v>
      </c>
      <c r="D88386" s="14" t="s">
        <v>444</v>
      </c>
      <c r="E88386" s="15">
        <v>45432</v>
      </c>
      <c r="F88386" s="14" t="s">
        <v>25</v>
      </c>
      <c r="G88386" s="16">
        <v>0.67347251358345783</v>
      </c>
    </row>
    <row r="88387" spans="1:7" x14ac:dyDescent="0.3">
      <c r="A88387" s="13" t="s">
        <v>443</v>
      </c>
      <c r="B88387" s="14" t="s">
        <v>1</v>
      </c>
      <c r="C88387" s="14" t="s">
        <v>70</v>
      </c>
      <c r="D88387" s="14" t="s">
        <v>444</v>
      </c>
      <c r="E88387" s="15">
        <v>45433</v>
      </c>
      <c r="F88387" s="14" t="s">
        <v>25</v>
      </c>
      <c r="G88387" s="16">
        <v>0.67863802212087498</v>
      </c>
    </row>
    <row r="88388" spans="1:7" x14ac:dyDescent="0.3">
      <c r="A88388" s="13" t="s">
        <v>443</v>
      </c>
      <c r="B88388" s="14" t="s">
        <v>1</v>
      </c>
      <c r="C88388" s="14" t="s">
        <v>70</v>
      </c>
      <c r="D88388" s="14" t="s">
        <v>444</v>
      </c>
      <c r="E88388" s="15">
        <v>45434</v>
      </c>
      <c r="F88388" s="14" t="s">
        <v>25</v>
      </c>
      <c r="G88388" s="16">
        <v>0.71659309589214726</v>
      </c>
    </row>
    <row r="88389" spans="1:7" x14ac:dyDescent="0.3">
      <c r="A88389" s="13" t="s">
        <v>443</v>
      </c>
      <c r="B88389" s="14" t="s">
        <v>1</v>
      </c>
      <c r="C88389" s="14" t="s">
        <v>70</v>
      </c>
      <c r="D88389" s="14" t="s">
        <v>444</v>
      </c>
      <c r="E88389" s="15">
        <v>45435</v>
      </c>
      <c r="F88389" s="14" t="s">
        <v>25</v>
      </c>
      <c r="G88389" s="16">
        <v>0.72018233259967113</v>
      </c>
    </row>
    <row r="88390" spans="1:7" x14ac:dyDescent="0.3">
      <c r="A88390" s="13" t="s">
        <v>443</v>
      </c>
      <c r="B88390" s="14" t="s">
        <v>1</v>
      </c>
      <c r="C88390" s="14" t="s">
        <v>70</v>
      </c>
      <c r="D88390" s="14" t="s">
        <v>444</v>
      </c>
      <c r="E88390" s="15">
        <v>45436</v>
      </c>
      <c r="F88390" s="14" t="s">
        <v>25</v>
      </c>
      <c r="G88390" s="16">
        <v>0.72433356028368767</v>
      </c>
    </row>
    <row r="88391" spans="1:7" x14ac:dyDescent="0.3">
      <c r="A88391" s="13" t="s">
        <v>443</v>
      </c>
      <c r="B88391" s="14" t="s">
        <v>1</v>
      </c>
      <c r="C88391" s="14" t="s">
        <v>70</v>
      </c>
      <c r="D88391" s="14" t="s">
        <v>444</v>
      </c>
      <c r="E88391" s="15">
        <v>45437</v>
      </c>
      <c r="F88391" s="14" t="s">
        <v>25</v>
      </c>
      <c r="G88391" s="16">
        <v>0.72433356028368767</v>
      </c>
    </row>
    <row r="88392" spans="1:7" x14ac:dyDescent="0.3">
      <c r="A88392" s="13" t="s">
        <v>443</v>
      </c>
      <c r="B88392" s="14" t="s">
        <v>1</v>
      </c>
      <c r="C88392" s="14" t="s">
        <v>70</v>
      </c>
      <c r="D88392" s="14" t="s">
        <v>444</v>
      </c>
      <c r="E88392" s="15">
        <v>45438</v>
      </c>
      <c r="F88392" s="14" t="s">
        <v>25</v>
      </c>
      <c r="G88392" s="16">
        <v>0.72433356028368767</v>
      </c>
    </row>
    <row r="88393" spans="1:7" x14ac:dyDescent="0.3">
      <c r="A88393" s="13" t="s">
        <v>443</v>
      </c>
      <c r="B88393" s="14" t="s">
        <v>1</v>
      </c>
      <c r="C88393" s="14" t="s">
        <v>70</v>
      </c>
      <c r="D88393" s="14" t="s">
        <v>444</v>
      </c>
      <c r="E88393" s="15">
        <v>45439</v>
      </c>
      <c r="F88393" s="14" t="s">
        <v>25</v>
      </c>
      <c r="G88393" s="16">
        <v>0.71928529031521105</v>
      </c>
    </row>
    <row r="88394" spans="1:7" x14ac:dyDescent="0.3">
      <c r="A88394" s="13" t="s">
        <v>443</v>
      </c>
      <c r="B88394" s="14" t="s">
        <v>1</v>
      </c>
      <c r="C88394" s="14" t="s">
        <v>70</v>
      </c>
      <c r="D88394" s="14" t="s">
        <v>444</v>
      </c>
      <c r="E88394" s="15">
        <v>45440</v>
      </c>
      <c r="F88394" s="14" t="s">
        <v>25</v>
      </c>
      <c r="G88394" s="16">
        <v>0.72952530685232775</v>
      </c>
    </row>
    <row r="88395" spans="1:7" x14ac:dyDescent="0.3">
      <c r="A88395" s="13" t="s">
        <v>443</v>
      </c>
      <c r="B88395" s="14" t="s">
        <v>1</v>
      </c>
      <c r="C88395" s="14" t="s">
        <v>70</v>
      </c>
      <c r="D88395" s="14" t="s">
        <v>444</v>
      </c>
      <c r="E88395" s="15">
        <v>45441</v>
      </c>
      <c r="F88395" s="14" t="s">
        <v>25</v>
      </c>
      <c r="G88395" s="16">
        <v>0.73574602803853928</v>
      </c>
    </row>
    <row r="88396" spans="1:7" x14ac:dyDescent="0.3">
      <c r="A88396" s="13" t="s">
        <v>443</v>
      </c>
      <c r="B88396" s="14" t="s">
        <v>1</v>
      </c>
      <c r="C88396" s="14" t="s">
        <v>70</v>
      </c>
      <c r="D88396" s="14" t="s">
        <v>444</v>
      </c>
      <c r="E88396" s="15">
        <v>45442</v>
      </c>
      <c r="F88396" s="14" t="s">
        <v>25</v>
      </c>
      <c r="G88396" s="16">
        <v>0.72827368330132203</v>
      </c>
    </row>
    <row r="88397" spans="1:7" x14ac:dyDescent="0.3">
      <c r="A88397" s="13" t="s">
        <v>443</v>
      </c>
      <c r="B88397" s="14" t="s">
        <v>1</v>
      </c>
      <c r="C88397" s="14" t="s">
        <v>70</v>
      </c>
      <c r="D88397" s="14" t="s">
        <v>444</v>
      </c>
      <c r="E88397" s="15">
        <v>45443</v>
      </c>
      <c r="F88397" s="14" t="s">
        <v>25</v>
      </c>
      <c r="G88397" s="16">
        <v>0.73468921371347662</v>
      </c>
    </row>
    <row r="88398" spans="1:7" x14ac:dyDescent="0.3">
      <c r="A88398" s="13" t="s">
        <v>443</v>
      </c>
      <c r="B88398" s="14" t="s">
        <v>1</v>
      </c>
      <c r="C88398" s="14" t="s">
        <v>70</v>
      </c>
      <c r="D88398" s="14" t="s">
        <v>444</v>
      </c>
      <c r="E88398" s="15">
        <v>45444</v>
      </c>
      <c r="F88398" s="14" t="s">
        <v>25</v>
      </c>
      <c r="G88398" s="16">
        <v>0.73468921371347662</v>
      </c>
    </row>
    <row r="88399" spans="1:7" x14ac:dyDescent="0.3">
      <c r="A88399" s="13" t="s">
        <v>443</v>
      </c>
      <c r="B88399" s="14" t="s">
        <v>1</v>
      </c>
      <c r="C88399" s="14" t="s">
        <v>70</v>
      </c>
      <c r="D88399" s="14" t="s">
        <v>444</v>
      </c>
      <c r="E88399" s="15">
        <v>45445</v>
      </c>
      <c r="F88399" s="14" t="s">
        <v>25</v>
      </c>
      <c r="G88399" s="16">
        <v>0.73468921371347662</v>
      </c>
    </row>
    <row r="88400" spans="1:7" x14ac:dyDescent="0.3">
      <c r="A88400" s="13" t="s">
        <v>443</v>
      </c>
      <c r="B88400" s="14" t="s">
        <v>1</v>
      </c>
      <c r="C88400" s="14" t="s">
        <v>70</v>
      </c>
      <c r="D88400" s="14" t="s">
        <v>444</v>
      </c>
      <c r="E88400" s="15">
        <v>45446</v>
      </c>
      <c r="F88400" s="14" t="s">
        <v>25</v>
      </c>
      <c r="G88400" s="16">
        <v>0.73468921371347662</v>
      </c>
    </row>
    <row r="88401" spans="1:7" x14ac:dyDescent="0.3">
      <c r="A88401" s="13" t="s">
        <v>443</v>
      </c>
      <c r="B88401" s="14" t="s">
        <v>1</v>
      </c>
      <c r="C88401" s="14" t="s">
        <v>70</v>
      </c>
      <c r="D88401" s="14" t="s">
        <v>444</v>
      </c>
      <c r="E88401" s="15">
        <v>45447</v>
      </c>
      <c r="F88401" s="14" t="s">
        <v>25</v>
      </c>
      <c r="G88401" s="16">
        <v>0.73975608564496609</v>
      </c>
    </row>
    <row r="88402" spans="1:7" x14ac:dyDescent="0.3">
      <c r="A88402" s="13" t="s">
        <v>443</v>
      </c>
      <c r="B88402" s="14" t="s">
        <v>1</v>
      </c>
      <c r="C88402" s="14" t="s">
        <v>70</v>
      </c>
      <c r="D88402" s="14" t="s">
        <v>444</v>
      </c>
      <c r="E88402" s="15">
        <v>45448</v>
      </c>
      <c r="F88402" s="14" t="s">
        <v>25</v>
      </c>
      <c r="G88402" s="16">
        <v>0.77636508082724465</v>
      </c>
    </row>
    <row r="88403" spans="1:7" x14ac:dyDescent="0.3">
      <c r="A88403" s="13" t="s">
        <v>443</v>
      </c>
      <c r="B88403" s="14" t="s">
        <v>1</v>
      </c>
      <c r="C88403" s="14" t="s">
        <v>70</v>
      </c>
      <c r="D88403" s="14" t="s">
        <v>444</v>
      </c>
      <c r="E88403" s="15">
        <v>45449</v>
      </c>
      <c r="F88403" s="14" t="s">
        <v>25</v>
      </c>
      <c r="G88403" s="16">
        <v>0.77646475742154586</v>
      </c>
    </row>
    <row r="88404" spans="1:7" x14ac:dyDescent="0.3">
      <c r="A88404" s="13" t="s">
        <v>443</v>
      </c>
      <c r="B88404" s="14" t="s">
        <v>1</v>
      </c>
      <c r="C88404" s="14" t="s">
        <v>70</v>
      </c>
      <c r="D88404" s="14" t="s">
        <v>444</v>
      </c>
      <c r="E88404" s="15">
        <v>45450</v>
      </c>
      <c r="F88404" s="14" t="s">
        <v>25</v>
      </c>
      <c r="G88404" s="16">
        <v>0.78612499014858483</v>
      </c>
    </row>
    <row r="88405" spans="1:7" x14ac:dyDescent="0.3">
      <c r="A88405" s="13" t="s">
        <v>443</v>
      </c>
      <c r="B88405" s="14" t="s">
        <v>1</v>
      </c>
      <c r="C88405" s="14" t="s">
        <v>70</v>
      </c>
      <c r="D88405" s="14" t="s">
        <v>444</v>
      </c>
      <c r="E88405" s="15">
        <v>45451</v>
      </c>
      <c r="F88405" s="14" t="s">
        <v>25</v>
      </c>
      <c r="G88405" s="16">
        <v>0.78612499014858483</v>
      </c>
    </row>
    <row r="88406" spans="1:7" x14ac:dyDescent="0.3">
      <c r="A88406" s="13" t="s">
        <v>443</v>
      </c>
      <c r="B88406" s="14" t="s">
        <v>1</v>
      </c>
      <c r="C88406" s="14" t="s">
        <v>70</v>
      </c>
      <c r="D88406" s="14" t="s">
        <v>444</v>
      </c>
      <c r="E88406" s="15">
        <v>45452</v>
      </c>
      <c r="F88406" s="14" t="s">
        <v>25</v>
      </c>
      <c r="G88406" s="16">
        <v>0.78612499014858483</v>
      </c>
    </row>
    <row r="88407" spans="1:7" x14ac:dyDescent="0.3">
      <c r="A88407" s="13" t="s">
        <v>443</v>
      </c>
      <c r="B88407" s="14" t="s">
        <v>1</v>
      </c>
      <c r="C88407" s="14" t="s">
        <v>70</v>
      </c>
      <c r="D88407" s="14" t="s">
        <v>444</v>
      </c>
      <c r="E88407" s="15">
        <v>45453</v>
      </c>
      <c r="F88407" s="14" t="s">
        <v>25</v>
      </c>
      <c r="G88407" s="16">
        <v>0.7991830719693791</v>
      </c>
    </row>
    <row r="88408" spans="1:7" x14ac:dyDescent="0.3">
      <c r="A88408" s="13" t="s">
        <v>443</v>
      </c>
      <c r="B88408" s="14" t="s">
        <v>1</v>
      </c>
      <c r="C88408" s="14" t="s">
        <v>70</v>
      </c>
      <c r="D88408" s="14" t="s">
        <v>444</v>
      </c>
      <c r="E88408" s="15">
        <v>45454</v>
      </c>
      <c r="F88408" s="14" t="s">
        <v>25</v>
      </c>
      <c r="G88408" s="16">
        <v>0.81259826881790798</v>
      </c>
    </row>
    <row r="88409" spans="1:7" x14ac:dyDescent="0.3">
      <c r="A88409" s="13" t="s">
        <v>443</v>
      </c>
      <c r="B88409" s="14" t="s">
        <v>1</v>
      </c>
      <c r="C88409" s="14" t="s">
        <v>70</v>
      </c>
      <c r="D88409" s="14" t="s">
        <v>444</v>
      </c>
      <c r="E88409" s="15">
        <v>45455</v>
      </c>
      <c r="F88409" s="14" t="s">
        <v>25</v>
      </c>
      <c r="G88409" s="16">
        <v>0.82127847779664387</v>
      </c>
    </row>
    <row r="88410" spans="1:7" x14ac:dyDescent="0.3">
      <c r="A88410" s="13" t="s">
        <v>443</v>
      </c>
      <c r="B88410" s="14" t="s">
        <v>1</v>
      </c>
      <c r="C88410" s="14" t="s">
        <v>70</v>
      </c>
      <c r="D88410" s="14" t="s">
        <v>444</v>
      </c>
      <c r="E88410" s="15">
        <v>45456</v>
      </c>
      <c r="F88410" s="14" t="s">
        <v>25</v>
      </c>
      <c r="G88410" s="16">
        <v>0.82870710783526214</v>
      </c>
    </row>
    <row r="88411" spans="1:7" x14ac:dyDescent="0.3">
      <c r="A88411" s="13" t="s">
        <v>443</v>
      </c>
      <c r="B88411" s="14" t="s">
        <v>1</v>
      </c>
      <c r="C88411" s="14" t="s">
        <v>70</v>
      </c>
      <c r="D88411" s="14" t="s">
        <v>444</v>
      </c>
      <c r="E88411" s="15">
        <v>45457</v>
      </c>
      <c r="F88411" s="14" t="s">
        <v>25</v>
      </c>
      <c r="G88411" s="16">
        <v>0.8341350028313923</v>
      </c>
    </row>
    <row r="88412" spans="1:7" x14ac:dyDescent="0.3">
      <c r="A88412" s="13" t="s">
        <v>443</v>
      </c>
      <c r="B88412" s="14" t="s">
        <v>1</v>
      </c>
      <c r="C88412" s="14" t="s">
        <v>70</v>
      </c>
      <c r="D88412" s="14" t="s">
        <v>444</v>
      </c>
      <c r="E88412" s="15">
        <v>45458</v>
      </c>
      <c r="F88412" s="14" t="s">
        <v>25</v>
      </c>
      <c r="G88412" s="16">
        <v>0.8341350028313923</v>
      </c>
    </row>
    <row r="88413" spans="1:7" x14ac:dyDescent="0.3">
      <c r="A88413" s="13" t="s">
        <v>443</v>
      </c>
      <c r="B88413" s="14" t="s">
        <v>1</v>
      </c>
      <c r="C88413" s="14" t="s">
        <v>70</v>
      </c>
      <c r="D88413" s="14" t="s">
        <v>444</v>
      </c>
      <c r="E88413" s="15">
        <v>45459</v>
      </c>
      <c r="F88413" s="14" t="s">
        <v>25</v>
      </c>
      <c r="G88413" s="16">
        <v>0.8341350028313923</v>
      </c>
    </row>
    <row r="88414" spans="1:7" x14ac:dyDescent="0.3">
      <c r="A88414" s="13" t="s">
        <v>443</v>
      </c>
      <c r="B88414" s="14" t="s">
        <v>1</v>
      </c>
      <c r="C88414" s="14" t="s">
        <v>70</v>
      </c>
      <c r="D88414" s="14" t="s">
        <v>444</v>
      </c>
      <c r="E88414" s="15">
        <v>45460</v>
      </c>
      <c r="F88414" s="14" t="s">
        <v>25</v>
      </c>
      <c r="G88414" s="16">
        <v>0.85355655265435104</v>
      </c>
    </row>
    <row r="88415" spans="1:7" x14ac:dyDescent="0.3">
      <c r="A88415" s="13" t="s">
        <v>443</v>
      </c>
      <c r="B88415" s="14" t="s">
        <v>1</v>
      </c>
      <c r="C88415" s="14" t="s">
        <v>70</v>
      </c>
      <c r="D88415" s="14" t="s">
        <v>444</v>
      </c>
      <c r="E88415" s="15">
        <v>45461</v>
      </c>
      <c r="F88415" s="14" t="s">
        <v>25</v>
      </c>
      <c r="G88415" s="16">
        <v>0.85851546187351324</v>
      </c>
    </row>
    <row r="88416" spans="1:7" x14ac:dyDescent="0.3">
      <c r="A88416" s="13" t="s">
        <v>443</v>
      </c>
      <c r="B88416" s="14" t="s">
        <v>1</v>
      </c>
      <c r="C88416" s="14" t="s">
        <v>70</v>
      </c>
      <c r="D88416" s="14" t="s">
        <v>444</v>
      </c>
      <c r="E88416" s="15">
        <v>45462</v>
      </c>
      <c r="F88416" s="14" t="s">
        <v>25</v>
      </c>
      <c r="G88416" s="16">
        <v>0.86322916281542095</v>
      </c>
    </row>
    <row r="88417" spans="1:7" x14ac:dyDescent="0.3">
      <c r="A88417" s="13" t="s">
        <v>443</v>
      </c>
      <c r="B88417" s="14" t="s">
        <v>1</v>
      </c>
      <c r="C88417" s="14" t="s">
        <v>70</v>
      </c>
      <c r="D88417" s="14" t="s">
        <v>444</v>
      </c>
      <c r="E88417" s="15">
        <v>45463</v>
      </c>
      <c r="F88417" s="14" t="s">
        <v>25</v>
      </c>
      <c r="G88417" s="16">
        <v>0.88049214866974201</v>
      </c>
    </row>
    <row r="88418" spans="1:7" x14ac:dyDescent="0.3">
      <c r="A88418" s="13" t="s">
        <v>443</v>
      </c>
      <c r="B88418" s="14" t="s">
        <v>1</v>
      </c>
      <c r="C88418" s="14" t="s">
        <v>70</v>
      </c>
      <c r="D88418" s="14" t="s">
        <v>444</v>
      </c>
      <c r="E88418" s="15">
        <v>45464</v>
      </c>
      <c r="F88418" s="14" t="s">
        <v>25</v>
      </c>
      <c r="G88418" s="16">
        <v>0.88671669614544768</v>
      </c>
    </row>
    <row r="88419" spans="1:7" x14ac:dyDescent="0.3">
      <c r="A88419" s="13" t="s">
        <v>443</v>
      </c>
      <c r="B88419" s="14" t="s">
        <v>1</v>
      </c>
      <c r="C88419" s="14" t="s">
        <v>70</v>
      </c>
      <c r="D88419" s="14" t="s">
        <v>444</v>
      </c>
      <c r="E88419" s="15">
        <v>45465</v>
      </c>
      <c r="F88419" s="14" t="s">
        <v>25</v>
      </c>
      <c r="G88419" s="16">
        <v>0.88671669614544768</v>
      </c>
    </row>
    <row r="88420" spans="1:7" x14ac:dyDescent="0.3">
      <c r="A88420" s="13" t="s">
        <v>443</v>
      </c>
      <c r="B88420" s="14" t="s">
        <v>1</v>
      </c>
      <c r="C88420" s="14" t="s">
        <v>70</v>
      </c>
      <c r="D88420" s="14" t="s">
        <v>444</v>
      </c>
      <c r="E88420" s="15">
        <v>45466</v>
      </c>
      <c r="F88420" s="14" t="s">
        <v>25</v>
      </c>
      <c r="G88420" s="16">
        <v>0.88671669614544768</v>
      </c>
    </row>
    <row r="88421" spans="1:7" x14ac:dyDescent="0.3">
      <c r="A88421" s="13" t="s">
        <v>443</v>
      </c>
      <c r="B88421" s="14" t="s">
        <v>1</v>
      </c>
      <c r="C88421" s="14" t="s">
        <v>70</v>
      </c>
      <c r="D88421" s="14" t="s">
        <v>444</v>
      </c>
      <c r="E88421" s="15">
        <v>45467</v>
      </c>
      <c r="F88421" s="14" t="s">
        <v>25</v>
      </c>
      <c r="G88421" s="16">
        <v>0.88962821713087736</v>
      </c>
    </row>
    <row r="88422" spans="1:7" x14ac:dyDescent="0.3">
      <c r="A88422" s="13" t="s">
        <v>443</v>
      </c>
      <c r="B88422" s="14" t="s">
        <v>1</v>
      </c>
      <c r="C88422" s="14" t="s">
        <v>70</v>
      </c>
      <c r="D88422" s="14" t="s">
        <v>444</v>
      </c>
      <c r="E88422" s="15">
        <v>45468</v>
      </c>
      <c r="F88422" s="14" t="s">
        <v>25</v>
      </c>
      <c r="G88422" s="16">
        <v>0.90863157970919095</v>
      </c>
    </row>
    <row r="88423" spans="1:7" x14ac:dyDescent="0.3">
      <c r="A88423" s="13" t="s">
        <v>443</v>
      </c>
      <c r="B88423" s="14" t="s">
        <v>1</v>
      </c>
      <c r="C88423" s="14" t="s">
        <v>70</v>
      </c>
      <c r="D88423" s="14" t="s">
        <v>444</v>
      </c>
      <c r="E88423" s="15">
        <v>45469</v>
      </c>
      <c r="F88423" s="14" t="s">
        <v>25</v>
      </c>
      <c r="G88423" s="16">
        <v>0.91498117108291233</v>
      </c>
    </row>
    <row r="88424" spans="1:7" x14ac:dyDescent="0.3">
      <c r="A88424" s="13" t="s">
        <v>443</v>
      </c>
      <c r="B88424" s="14" t="s">
        <v>1</v>
      </c>
      <c r="C88424" s="14" t="s">
        <v>70</v>
      </c>
      <c r="D88424" s="14" t="s">
        <v>444</v>
      </c>
      <c r="E88424" s="15">
        <v>45470</v>
      </c>
      <c r="F88424" s="14" t="s">
        <v>25</v>
      </c>
      <c r="G88424" s="16">
        <v>0.92007867189397363</v>
      </c>
    </row>
    <row r="88425" spans="1:7" x14ac:dyDescent="0.3">
      <c r="A88425" s="13" t="s">
        <v>443</v>
      </c>
      <c r="B88425" s="14" t="s">
        <v>1</v>
      </c>
      <c r="C88425" s="14" t="s">
        <v>70</v>
      </c>
      <c r="D88425" s="14" t="s">
        <v>444</v>
      </c>
      <c r="E88425" s="15">
        <v>45471</v>
      </c>
      <c r="F88425" s="14" t="s">
        <v>25</v>
      </c>
      <c r="G88425" s="16">
        <v>0.94808947804315946</v>
      </c>
    </row>
    <row r="88426" spans="1:7" x14ac:dyDescent="0.3">
      <c r="A88426" s="13" t="s">
        <v>443</v>
      </c>
      <c r="B88426" s="14" t="s">
        <v>1</v>
      </c>
      <c r="C88426" s="14" t="s">
        <v>70</v>
      </c>
      <c r="D88426" s="14" t="s">
        <v>444</v>
      </c>
      <c r="E88426" s="15">
        <v>45472</v>
      </c>
      <c r="F88426" s="14" t="s">
        <v>25</v>
      </c>
      <c r="G88426" s="16">
        <v>0.94808947804315946</v>
      </c>
    </row>
    <row r="88427" spans="1:7" x14ac:dyDescent="0.3">
      <c r="A88427" s="13" t="s">
        <v>443</v>
      </c>
      <c r="B88427" s="14" t="s">
        <v>1</v>
      </c>
      <c r="C88427" s="14" t="s">
        <v>70</v>
      </c>
      <c r="D88427" s="14" t="s">
        <v>444</v>
      </c>
      <c r="E88427" s="15">
        <v>45473</v>
      </c>
      <c r="F88427" s="14" t="s">
        <v>25</v>
      </c>
      <c r="G88427" s="16">
        <v>0.94808947804315946</v>
      </c>
    </row>
    <row r="88428" spans="1:7" x14ac:dyDescent="0.3">
      <c r="A88428" s="13" t="s">
        <v>443</v>
      </c>
      <c r="B88428" s="14" t="s">
        <v>1</v>
      </c>
      <c r="C88428" s="14" t="s">
        <v>70</v>
      </c>
      <c r="D88428" s="14" t="s">
        <v>444</v>
      </c>
      <c r="E88428" s="15">
        <v>45474</v>
      </c>
      <c r="F88428" s="14" t="s">
        <v>25</v>
      </c>
      <c r="G88428" s="16">
        <v>0.96126785250070546</v>
      </c>
    </row>
    <row r="88429" spans="1:7" x14ac:dyDescent="0.3">
      <c r="A88429" s="13" t="s">
        <v>443</v>
      </c>
      <c r="B88429" s="14" t="s">
        <v>1</v>
      </c>
      <c r="C88429" s="14" t="s">
        <v>70</v>
      </c>
      <c r="D88429" s="14" t="s">
        <v>444</v>
      </c>
      <c r="E88429" s="15">
        <v>45475</v>
      </c>
      <c r="F88429" s="14" t="s">
        <v>25</v>
      </c>
      <c r="G88429" s="16">
        <v>0.97572538789554042</v>
      </c>
    </row>
    <row r="88430" spans="1:7" x14ac:dyDescent="0.3">
      <c r="A88430" s="13" t="s">
        <v>443</v>
      </c>
      <c r="B88430" s="14" t="s">
        <v>1</v>
      </c>
      <c r="C88430" s="14" t="s">
        <v>70</v>
      </c>
      <c r="D88430" s="14" t="s">
        <v>444</v>
      </c>
      <c r="E88430" s="15">
        <v>45476</v>
      </c>
      <c r="F88430" s="14" t="s">
        <v>25</v>
      </c>
      <c r="G88430" s="16">
        <v>1.009125837382473</v>
      </c>
    </row>
    <row r="88431" spans="1:7" x14ac:dyDescent="0.3">
      <c r="A88431" s="13" t="s">
        <v>443</v>
      </c>
      <c r="B88431" s="14" t="s">
        <v>1</v>
      </c>
      <c r="C88431" s="14" t="s">
        <v>70</v>
      </c>
      <c r="D88431" s="14" t="s">
        <v>444</v>
      </c>
      <c r="E88431" s="15">
        <v>45477</v>
      </c>
      <c r="F88431" s="14" t="s">
        <v>25</v>
      </c>
      <c r="G88431" s="16">
        <v>1.0113890277234832</v>
      </c>
    </row>
    <row r="88432" spans="1:7" x14ac:dyDescent="0.3">
      <c r="A88432" s="13" t="s">
        <v>443</v>
      </c>
      <c r="B88432" s="14" t="s">
        <v>1</v>
      </c>
      <c r="C88432" s="14" t="s">
        <v>70</v>
      </c>
      <c r="D88432" s="14" t="s">
        <v>444</v>
      </c>
      <c r="E88432" s="15">
        <v>45478</v>
      </c>
      <c r="F88432" s="14" t="s">
        <v>25</v>
      </c>
      <c r="G88432" s="16">
        <v>1.0105506100363042</v>
      </c>
    </row>
    <row r="88433" spans="1:7" x14ac:dyDescent="0.3">
      <c r="A88433" s="13" t="s">
        <v>443</v>
      </c>
      <c r="B88433" s="14" t="s">
        <v>1</v>
      </c>
      <c r="C88433" s="14" t="s">
        <v>70</v>
      </c>
      <c r="D88433" s="14" t="s">
        <v>444</v>
      </c>
      <c r="E88433" s="15">
        <v>45479</v>
      </c>
      <c r="F88433" s="14" t="s">
        <v>25</v>
      </c>
      <c r="G88433" s="16">
        <v>1.0105506100363042</v>
      </c>
    </row>
    <row r="88434" spans="1:7" x14ac:dyDescent="0.3">
      <c r="A88434" s="13" t="s">
        <v>443</v>
      </c>
      <c r="B88434" s="14" t="s">
        <v>1</v>
      </c>
      <c r="C88434" s="14" t="s">
        <v>70</v>
      </c>
      <c r="D88434" s="14" t="s">
        <v>444</v>
      </c>
      <c r="E88434" s="15">
        <v>45480</v>
      </c>
      <c r="F88434" s="14" t="s">
        <v>25</v>
      </c>
      <c r="G88434" s="16">
        <v>1.0105506100363042</v>
      </c>
    </row>
    <row r="88435" spans="1:7" x14ac:dyDescent="0.3">
      <c r="A88435" s="13" t="s">
        <v>443</v>
      </c>
      <c r="B88435" s="14" t="s">
        <v>1</v>
      </c>
      <c r="C88435" s="14" t="s">
        <v>70</v>
      </c>
      <c r="D88435" s="14" t="s">
        <v>444</v>
      </c>
      <c r="E88435" s="15">
        <v>45481</v>
      </c>
      <c r="F88435" s="14" t="s">
        <v>25</v>
      </c>
      <c r="G88435" s="16">
        <v>1.0344136618094193</v>
      </c>
    </row>
    <row r="88436" spans="1:7" x14ac:dyDescent="0.3">
      <c r="A88436" s="13" t="s">
        <v>443</v>
      </c>
      <c r="B88436" s="14" t="s">
        <v>1</v>
      </c>
      <c r="C88436" s="14" t="s">
        <v>70</v>
      </c>
      <c r="D88436" s="14" t="s">
        <v>444</v>
      </c>
      <c r="E88436" s="15">
        <v>45482</v>
      </c>
      <c r="F88436" s="14" t="s">
        <v>25</v>
      </c>
      <c r="G88436" s="16">
        <v>1.0455334759813348</v>
      </c>
    </row>
    <row r="88437" spans="1:7" x14ac:dyDescent="0.3">
      <c r="A88437" s="13" t="s">
        <v>443</v>
      </c>
      <c r="B88437" s="14" t="s">
        <v>1</v>
      </c>
      <c r="C88437" s="14" t="s">
        <v>70</v>
      </c>
      <c r="D88437" s="14" t="s">
        <v>444</v>
      </c>
      <c r="E88437" s="15">
        <v>45483</v>
      </c>
      <c r="F88437" s="14" t="s">
        <v>25</v>
      </c>
      <c r="G88437" s="16">
        <v>1.0541533356072033</v>
      </c>
    </row>
    <row r="88438" spans="1:7" x14ac:dyDescent="0.3">
      <c r="A88438" s="13" t="s">
        <v>443</v>
      </c>
      <c r="B88438" s="14" t="s">
        <v>1</v>
      </c>
      <c r="C88438" s="14" t="s">
        <v>70</v>
      </c>
      <c r="D88438" s="14" t="s">
        <v>444</v>
      </c>
      <c r="E88438" s="15">
        <v>45484</v>
      </c>
      <c r="F88438" s="14" t="s">
        <v>25</v>
      </c>
      <c r="G88438" s="16">
        <v>1.067002688648429</v>
      </c>
    </row>
    <row r="88439" spans="1:7" x14ac:dyDescent="0.3">
      <c r="A88439" s="13" t="s">
        <v>443</v>
      </c>
      <c r="B88439" s="14" t="s">
        <v>1</v>
      </c>
      <c r="C88439" s="14" t="s">
        <v>70</v>
      </c>
      <c r="D88439" s="14" t="s">
        <v>444</v>
      </c>
      <c r="E88439" s="15">
        <v>45485</v>
      </c>
      <c r="F88439" s="14" t="s">
        <v>25</v>
      </c>
      <c r="G88439" s="16">
        <v>1.0704063900972769</v>
      </c>
    </row>
    <row r="88440" spans="1:7" x14ac:dyDescent="0.3">
      <c r="A88440" s="13" t="s">
        <v>443</v>
      </c>
      <c r="B88440" s="14" t="s">
        <v>1</v>
      </c>
      <c r="C88440" s="14" t="s">
        <v>70</v>
      </c>
      <c r="D88440" s="14" t="s">
        <v>444</v>
      </c>
      <c r="E88440" s="15">
        <v>45486</v>
      </c>
      <c r="F88440" s="14" t="s">
        <v>25</v>
      </c>
      <c r="G88440" s="16">
        <v>1.0704063900972769</v>
      </c>
    </row>
    <row r="88441" spans="1:7" x14ac:dyDescent="0.3">
      <c r="A88441" s="13" t="s">
        <v>443</v>
      </c>
      <c r="B88441" s="14" t="s">
        <v>1</v>
      </c>
      <c r="C88441" s="14" t="s">
        <v>70</v>
      </c>
      <c r="D88441" s="14" t="s">
        <v>444</v>
      </c>
      <c r="E88441" s="15">
        <v>45487</v>
      </c>
      <c r="F88441" s="14" t="s">
        <v>25</v>
      </c>
      <c r="G88441" s="16">
        <v>1.0704063900972769</v>
      </c>
    </row>
    <row r="88442" spans="1:7" x14ac:dyDescent="0.3">
      <c r="A88442" s="13" t="s">
        <v>443</v>
      </c>
      <c r="B88442" s="14" t="s">
        <v>1</v>
      </c>
      <c r="C88442" s="14" t="s">
        <v>70</v>
      </c>
      <c r="D88442" s="14" t="s">
        <v>444</v>
      </c>
      <c r="E88442" s="15">
        <v>45488</v>
      </c>
      <c r="F88442" s="14" t="s">
        <v>25</v>
      </c>
      <c r="G88442" s="16">
        <v>1.0748794029074429</v>
      </c>
    </row>
    <row r="88443" spans="1:7" x14ac:dyDescent="0.3">
      <c r="A88443" s="13" t="s">
        <v>443</v>
      </c>
      <c r="B88443" s="14" t="s">
        <v>1</v>
      </c>
      <c r="C88443" s="14" t="s">
        <v>70</v>
      </c>
      <c r="D88443" s="14" t="s">
        <v>444</v>
      </c>
      <c r="E88443" s="15">
        <v>45489</v>
      </c>
      <c r="F88443" s="14" t="s">
        <v>25</v>
      </c>
      <c r="G88443" s="16">
        <v>1.0827928166530558</v>
      </c>
    </row>
    <row r="88444" spans="1:7" x14ac:dyDescent="0.3">
      <c r="A88444" s="13" t="s">
        <v>443</v>
      </c>
      <c r="B88444" s="14" t="s">
        <v>1</v>
      </c>
      <c r="C88444" s="14" t="s">
        <v>70</v>
      </c>
      <c r="D88444" s="14" t="s">
        <v>444</v>
      </c>
      <c r="E88444" s="15">
        <v>45490</v>
      </c>
      <c r="F88444" s="14" t="s">
        <v>25</v>
      </c>
      <c r="G88444" s="16">
        <v>1.0738004237959085</v>
      </c>
    </row>
    <row r="88445" spans="1:7" x14ac:dyDescent="0.3">
      <c r="A88445" s="13" t="s">
        <v>443</v>
      </c>
      <c r="B88445" s="14" t="s">
        <v>1</v>
      </c>
      <c r="C88445" s="14" t="s">
        <v>70</v>
      </c>
      <c r="D88445" s="14" t="s">
        <v>444</v>
      </c>
      <c r="E88445" s="15">
        <v>45491</v>
      </c>
      <c r="F88445" s="14" t="s">
        <v>25</v>
      </c>
      <c r="G88445" s="16">
        <v>1.0957247236331122</v>
      </c>
    </row>
    <row r="88446" spans="1:7" x14ac:dyDescent="0.3">
      <c r="A88446" s="13" t="s">
        <v>443</v>
      </c>
      <c r="B88446" s="14" t="s">
        <v>1</v>
      </c>
      <c r="C88446" s="14" t="s">
        <v>70</v>
      </c>
      <c r="D88446" s="14" t="s">
        <v>444</v>
      </c>
      <c r="E88446" s="15">
        <v>45492</v>
      </c>
      <c r="F88446" s="14" t="s">
        <v>25</v>
      </c>
      <c r="G88446" s="16">
        <v>1.1011844551330028</v>
      </c>
    </row>
    <row r="88447" spans="1:7" x14ac:dyDescent="0.3">
      <c r="A88447" s="13" t="s">
        <v>443</v>
      </c>
      <c r="B88447" s="14" t="s">
        <v>1</v>
      </c>
      <c r="C88447" s="14" t="s">
        <v>70</v>
      </c>
      <c r="D88447" s="14" t="s">
        <v>444</v>
      </c>
      <c r="E88447" s="15">
        <v>45493</v>
      </c>
      <c r="F88447" s="14" t="s">
        <v>25</v>
      </c>
      <c r="G88447" s="16">
        <v>1.1011844551330028</v>
      </c>
    </row>
    <row r="88448" spans="1:7" x14ac:dyDescent="0.3">
      <c r="A88448" s="13" t="s">
        <v>443</v>
      </c>
      <c r="B88448" s="14" t="s">
        <v>1</v>
      </c>
      <c r="C88448" s="14" t="s">
        <v>70</v>
      </c>
      <c r="D88448" s="14" t="s">
        <v>444</v>
      </c>
      <c r="E88448" s="15">
        <v>45494</v>
      </c>
      <c r="F88448" s="14" t="s">
        <v>25</v>
      </c>
      <c r="G88448" s="16">
        <v>1.1011844551330028</v>
      </c>
    </row>
    <row r="88449" spans="1:7" x14ac:dyDescent="0.3">
      <c r="A88449" s="13" t="s">
        <v>443</v>
      </c>
      <c r="B88449" s="14" t="s">
        <v>1</v>
      </c>
      <c r="C88449" s="14" t="s">
        <v>70</v>
      </c>
      <c r="D88449" s="14" t="s">
        <v>444</v>
      </c>
      <c r="E88449" s="15">
        <v>45495</v>
      </c>
      <c r="F88449" s="14" t="s">
        <v>25</v>
      </c>
      <c r="G88449" s="16">
        <v>1.109054313756759</v>
      </c>
    </row>
    <row r="88450" spans="1:7" x14ac:dyDescent="0.3">
      <c r="A88450" s="13" t="s">
        <v>443</v>
      </c>
      <c r="B88450" s="14" t="s">
        <v>1</v>
      </c>
      <c r="C88450" s="14" t="s">
        <v>70</v>
      </c>
      <c r="D88450" s="14" t="s">
        <v>444</v>
      </c>
      <c r="E88450" s="15">
        <v>45496</v>
      </c>
      <c r="F88450" s="14" t="s">
        <v>25</v>
      </c>
      <c r="G88450" s="16">
        <v>1.1418278490345839</v>
      </c>
    </row>
    <row r="88451" spans="1:7" x14ac:dyDescent="0.3">
      <c r="A88451" s="13" t="s">
        <v>443</v>
      </c>
      <c r="B88451" s="14" t="s">
        <v>1</v>
      </c>
      <c r="C88451" s="14" t="s">
        <v>70</v>
      </c>
      <c r="D88451" s="14" t="s">
        <v>444</v>
      </c>
      <c r="E88451" s="15">
        <v>45497</v>
      </c>
      <c r="F88451" s="14" t="s">
        <v>25</v>
      </c>
      <c r="G88451" s="16">
        <v>1.1390117286538186</v>
      </c>
    </row>
    <row r="88452" spans="1:7" x14ac:dyDescent="0.3">
      <c r="A88452" s="13" t="s">
        <v>443</v>
      </c>
      <c r="B88452" s="14" t="s">
        <v>1</v>
      </c>
      <c r="C88452" s="14" t="s">
        <v>70</v>
      </c>
      <c r="D88452" s="14" t="s">
        <v>444</v>
      </c>
      <c r="E88452" s="15">
        <v>45498</v>
      </c>
      <c r="F88452" s="14" t="s">
        <v>25</v>
      </c>
      <c r="G88452" s="16">
        <v>1.1379655155006139</v>
      </c>
    </row>
    <row r="88453" spans="1:7" x14ac:dyDescent="0.3">
      <c r="A88453" s="13" t="s">
        <v>443</v>
      </c>
      <c r="B88453" s="14" t="s">
        <v>1</v>
      </c>
      <c r="C88453" s="14" t="s">
        <v>70</v>
      </c>
      <c r="D88453" s="14" t="s">
        <v>444</v>
      </c>
      <c r="E88453" s="15">
        <v>45499</v>
      </c>
      <c r="F88453" s="14" t="s">
        <v>25</v>
      </c>
      <c r="G88453" s="16">
        <v>1.1442974795338097</v>
      </c>
    </row>
    <row r="88454" spans="1:7" x14ac:dyDescent="0.3">
      <c r="A88454" s="13" t="s">
        <v>443</v>
      </c>
      <c r="B88454" s="14" t="s">
        <v>1</v>
      </c>
      <c r="C88454" s="14" t="s">
        <v>70</v>
      </c>
      <c r="D88454" s="14" t="s">
        <v>444</v>
      </c>
      <c r="E88454" s="15">
        <v>45500</v>
      </c>
      <c r="F88454" s="14" t="s">
        <v>25</v>
      </c>
      <c r="G88454" s="16">
        <v>1.1442974795338097</v>
      </c>
    </row>
    <row r="88455" spans="1:7" x14ac:dyDescent="0.3">
      <c r="A88455" s="13" t="s">
        <v>443</v>
      </c>
      <c r="B88455" s="14" t="s">
        <v>1</v>
      </c>
      <c r="C88455" s="14" t="s">
        <v>70</v>
      </c>
      <c r="D88455" s="14" t="s">
        <v>444</v>
      </c>
      <c r="E88455" s="15">
        <v>45501</v>
      </c>
      <c r="F88455" s="14" t="s">
        <v>25</v>
      </c>
      <c r="G88455" s="16">
        <v>1.1442974795338097</v>
      </c>
    </row>
    <row r="88456" spans="1:7" x14ac:dyDescent="0.3">
      <c r="A88456" s="13" t="s">
        <v>443</v>
      </c>
      <c r="B88456" s="14" t="s">
        <v>1</v>
      </c>
      <c r="C88456" s="14" t="s">
        <v>70</v>
      </c>
      <c r="D88456" s="14" t="s">
        <v>444</v>
      </c>
      <c r="E88456" s="15">
        <v>45502</v>
      </c>
      <c r="F88456" s="14" t="s">
        <v>25</v>
      </c>
      <c r="G88456" s="16">
        <v>1.1521045710840625</v>
      </c>
    </row>
    <row r="88457" spans="1:7" x14ac:dyDescent="0.3">
      <c r="A88457" s="13" t="s">
        <v>443</v>
      </c>
      <c r="B88457" s="14" t="s">
        <v>1</v>
      </c>
      <c r="C88457" s="14" t="s">
        <v>70</v>
      </c>
      <c r="D88457" s="14" t="s">
        <v>444</v>
      </c>
      <c r="E88457" s="15">
        <v>45503</v>
      </c>
      <c r="F88457" s="14" t="s">
        <v>25</v>
      </c>
      <c r="G88457" s="16">
        <v>1.1583990232444508</v>
      </c>
    </row>
    <row r="88458" spans="1:7" x14ac:dyDescent="0.3">
      <c r="A88458" s="13" t="s">
        <v>443</v>
      </c>
      <c r="B88458" s="14" t="s">
        <v>1</v>
      </c>
      <c r="C88458" s="14" t="s">
        <v>70</v>
      </c>
      <c r="D88458" s="14" t="s">
        <v>444</v>
      </c>
      <c r="E88458" s="15">
        <v>45504</v>
      </c>
      <c r="F88458" s="14" t="s">
        <v>25</v>
      </c>
      <c r="G88458" s="16">
        <v>1.1565548181722776</v>
      </c>
    </row>
    <row r="88459" spans="1:7" x14ac:dyDescent="0.3">
      <c r="A88459" s="13" t="s">
        <v>443</v>
      </c>
      <c r="B88459" s="14" t="s">
        <v>1</v>
      </c>
      <c r="C88459" s="14" t="s">
        <v>70</v>
      </c>
      <c r="D88459" s="14" t="s">
        <v>444</v>
      </c>
      <c r="E88459" s="15">
        <v>45505</v>
      </c>
      <c r="F88459" s="14" t="s">
        <v>25</v>
      </c>
      <c r="G88459" s="16">
        <v>1.1565548181722776</v>
      </c>
    </row>
    <row r="88460" spans="1:7" x14ac:dyDescent="0.3">
      <c r="A88460" s="13" t="s">
        <v>443</v>
      </c>
      <c r="B88460" s="14" t="s">
        <v>1</v>
      </c>
      <c r="C88460" s="14" t="s">
        <v>70</v>
      </c>
      <c r="D88460" s="14" t="s">
        <v>444</v>
      </c>
      <c r="E88460" s="15">
        <v>45506</v>
      </c>
      <c r="F88460" s="14" t="s">
        <v>25</v>
      </c>
      <c r="G88460" s="16">
        <v>1.1436307909068821</v>
      </c>
    </row>
    <row r="88461" spans="1:7" x14ac:dyDescent="0.3">
      <c r="A88461" s="13" t="s">
        <v>443</v>
      </c>
      <c r="B88461" s="14" t="s">
        <v>1</v>
      </c>
      <c r="C88461" s="14" t="s">
        <v>70</v>
      </c>
      <c r="D88461" s="14" t="s">
        <v>444</v>
      </c>
      <c r="E88461" s="15">
        <v>45507</v>
      </c>
      <c r="F88461" s="14" t="s">
        <v>25</v>
      </c>
      <c r="G88461" s="16">
        <v>1.1436307909068821</v>
      </c>
    </row>
    <row r="88462" spans="1:7" x14ac:dyDescent="0.3">
      <c r="A88462" s="13" t="s">
        <v>443</v>
      </c>
      <c r="B88462" s="14" t="s">
        <v>1</v>
      </c>
      <c r="C88462" s="14" t="s">
        <v>70</v>
      </c>
      <c r="D88462" s="14" t="s">
        <v>444</v>
      </c>
      <c r="E88462" s="15">
        <v>45508</v>
      </c>
      <c r="F88462" s="14" t="s">
        <v>25</v>
      </c>
      <c r="G88462" s="16">
        <v>1.1436307909068821</v>
      </c>
    </row>
    <row r="88463" spans="1:7" x14ac:dyDescent="0.3">
      <c r="A88463" s="13" t="s">
        <v>443</v>
      </c>
      <c r="B88463" s="14" t="s">
        <v>1</v>
      </c>
      <c r="C88463" s="14" t="s">
        <v>70</v>
      </c>
      <c r="D88463" s="14" t="s">
        <v>444</v>
      </c>
      <c r="E88463" s="15">
        <v>45509</v>
      </c>
      <c r="F88463" s="14" t="s">
        <v>25</v>
      </c>
      <c r="G88463" s="16">
        <v>1.1436307909068821</v>
      </c>
    </row>
    <row r="88464" spans="1:7" x14ac:dyDescent="0.3">
      <c r="A88464" s="13" t="s">
        <v>443</v>
      </c>
      <c r="B88464" s="14" t="s">
        <v>1</v>
      </c>
      <c r="C88464" s="14" t="s">
        <v>70</v>
      </c>
      <c r="D88464" s="14" t="s">
        <v>444</v>
      </c>
      <c r="E88464" s="15">
        <v>45510</v>
      </c>
      <c r="F88464" s="14" t="s">
        <v>25</v>
      </c>
      <c r="G88464" s="16">
        <v>1.1397837751913023</v>
      </c>
    </row>
    <row r="88465" spans="1:7" x14ac:dyDescent="0.3">
      <c r="A88465" s="13" t="s">
        <v>443</v>
      </c>
      <c r="B88465" s="14" t="s">
        <v>1</v>
      </c>
      <c r="C88465" s="14" t="s">
        <v>70</v>
      </c>
      <c r="D88465" s="14" t="s">
        <v>444</v>
      </c>
      <c r="E88465" s="15">
        <v>45511</v>
      </c>
      <c r="F88465" s="14" t="s">
        <v>25</v>
      </c>
      <c r="G88465" s="16">
        <v>1.1979611747121603</v>
      </c>
    </row>
    <row r="88466" spans="1:7" x14ac:dyDescent="0.3">
      <c r="A88466" s="13" t="s">
        <v>443</v>
      </c>
      <c r="B88466" s="14" t="s">
        <v>1</v>
      </c>
      <c r="C88466" s="14" t="s">
        <v>70</v>
      </c>
      <c r="D88466" s="14" t="s">
        <v>444</v>
      </c>
      <c r="E88466" s="15">
        <v>45512</v>
      </c>
      <c r="F88466" s="14" t="s">
        <v>25</v>
      </c>
      <c r="G88466" s="16">
        <v>1.2084597885336088</v>
      </c>
    </row>
    <row r="88467" spans="1:7" x14ac:dyDescent="0.3">
      <c r="A88467" s="13" t="s">
        <v>443</v>
      </c>
      <c r="B88467" s="14" t="s">
        <v>1</v>
      </c>
      <c r="C88467" s="14" t="s">
        <v>70</v>
      </c>
      <c r="D88467" s="14" t="s">
        <v>444</v>
      </c>
      <c r="E88467" s="15">
        <v>45513</v>
      </c>
      <c r="F88467" s="14" t="s">
        <v>25</v>
      </c>
      <c r="G88467" s="16">
        <v>1.2241855998416324</v>
      </c>
    </row>
    <row r="88468" spans="1:7" x14ac:dyDescent="0.3">
      <c r="A88468" s="13" t="s">
        <v>443</v>
      </c>
      <c r="B88468" s="14" t="s">
        <v>1</v>
      </c>
      <c r="C88468" s="14" t="s">
        <v>70</v>
      </c>
      <c r="D88468" s="14" t="s">
        <v>444</v>
      </c>
      <c r="E88468" s="15">
        <v>45514</v>
      </c>
      <c r="F88468" s="14" t="s">
        <v>25</v>
      </c>
      <c r="G88468" s="16">
        <v>1.2241855998416324</v>
      </c>
    </row>
    <row r="88469" spans="1:7" x14ac:dyDescent="0.3">
      <c r="A88469" s="13" t="s">
        <v>443</v>
      </c>
      <c r="B88469" s="14" t="s">
        <v>1</v>
      </c>
      <c r="C88469" s="14" t="s">
        <v>70</v>
      </c>
      <c r="D88469" s="14" t="s">
        <v>444</v>
      </c>
      <c r="E88469" s="15">
        <v>45515</v>
      </c>
      <c r="F88469" s="14" t="s">
        <v>25</v>
      </c>
      <c r="G88469" s="16">
        <v>1.2241855998416324</v>
      </c>
    </row>
    <row r="88470" spans="1:7" x14ac:dyDescent="0.3">
      <c r="A88470" s="13" t="s">
        <v>443</v>
      </c>
      <c r="B88470" s="14" t="s">
        <v>1</v>
      </c>
      <c r="C88470" s="14" t="s">
        <v>70</v>
      </c>
      <c r="D88470" s="14" t="s">
        <v>444</v>
      </c>
      <c r="E88470" s="15">
        <v>45516</v>
      </c>
      <c r="F88470" s="14" t="s">
        <v>25</v>
      </c>
      <c r="G88470" s="16">
        <v>1.2412977470308295</v>
      </c>
    </row>
    <row r="88471" spans="1:7" x14ac:dyDescent="0.3">
      <c r="A88471" s="13" t="s">
        <v>443</v>
      </c>
      <c r="B88471" s="14" t="s">
        <v>1</v>
      </c>
      <c r="C88471" s="14" t="s">
        <v>70</v>
      </c>
      <c r="D88471" s="14" t="s">
        <v>444</v>
      </c>
      <c r="E88471" s="15">
        <v>45517</v>
      </c>
      <c r="F88471" s="14" t="s">
        <v>25</v>
      </c>
      <c r="G88471" s="16">
        <v>1.2551817798617781</v>
      </c>
    </row>
    <row r="88472" spans="1:7" x14ac:dyDescent="0.3">
      <c r="A88472" s="13" t="s">
        <v>443</v>
      </c>
      <c r="B88472" s="14" t="s">
        <v>1</v>
      </c>
      <c r="C88472" s="14" t="s">
        <v>70</v>
      </c>
      <c r="D88472" s="14" t="s">
        <v>444</v>
      </c>
      <c r="E88472" s="15">
        <v>45518</v>
      </c>
      <c r="F88472" s="14" t="s">
        <v>25</v>
      </c>
      <c r="G88472" s="16">
        <v>1.2587773084217784</v>
      </c>
    </row>
    <row r="88473" spans="1:7" x14ac:dyDescent="0.3">
      <c r="A88473" s="13" t="s">
        <v>443</v>
      </c>
      <c r="B88473" s="14" t="s">
        <v>1</v>
      </c>
      <c r="C88473" s="14" t="s">
        <v>70</v>
      </c>
      <c r="D88473" s="14" t="s">
        <v>444</v>
      </c>
      <c r="E88473" s="15">
        <v>45519</v>
      </c>
      <c r="F88473" s="14" t="s">
        <v>25</v>
      </c>
      <c r="G88473" s="16">
        <v>1.273405840326151</v>
      </c>
    </row>
    <row r="88474" spans="1:7" x14ac:dyDescent="0.3">
      <c r="A88474" s="13" t="s">
        <v>443</v>
      </c>
      <c r="B88474" s="14" t="s">
        <v>1</v>
      </c>
      <c r="C88474" s="14" t="s">
        <v>70</v>
      </c>
      <c r="D88474" s="14" t="s">
        <v>444</v>
      </c>
      <c r="E88474" s="15">
        <v>45520</v>
      </c>
      <c r="F88474" s="14" t="s">
        <v>25</v>
      </c>
      <c r="G88474" s="16">
        <v>1.3196683069599282</v>
      </c>
    </row>
    <row r="88475" spans="1:7" x14ac:dyDescent="0.3">
      <c r="A88475" s="13" t="s">
        <v>443</v>
      </c>
      <c r="B88475" s="14" t="s">
        <v>1</v>
      </c>
      <c r="C88475" s="14" t="s">
        <v>70</v>
      </c>
      <c r="D88475" s="14" t="s">
        <v>444</v>
      </c>
      <c r="E88475" s="15">
        <v>45521</v>
      </c>
      <c r="F88475" s="14" t="s">
        <v>25</v>
      </c>
      <c r="G88475" s="16">
        <v>1.3196683069599282</v>
      </c>
    </row>
    <row r="88476" spans="1:7" x14ac:dyDescent="0.3">
      <c r="A88476" s="13" t="s">
        <v>443</v>
      </c>
      <c r="B88476" s="14" t="s">
        <v>1</v>
      </c>
      <c r="C88476" s="14" t="s">
        <v>70</v>
      </c>
      <c r="D88476" s="14" t="s">
        <v>444</v>
      </c>
      <c r="E88476" s="15">
        <v>45522</v>
      </c>
      <c r="F88476" s="14" t="s">
        <v>25</v>
      </c>
      <c r="G88476" s="16">
        <v>1.3196683069599282</v>
      </c>
    </row>
    <row r="88477" spans="1:7" x14ac:dyDescent="0.3">
      <c r="A88477" s="13" t="s">
        <v>443</v>
      </c>
      <c r="B88477" s="14" t="s">
        <v>1</v>
      </c>
      <c r="C88477" s="14" t="s">
        <v>70</v>
      </c>
      <c r="D88477" s="14" t="s">
        <v>444</v>
      </c>
      <c r="E88477" s="15">
        <v>45523</v>
      </c>
      <c r="F88477" s="14" t="s">
        <v>25</v>
      </c>
      <c r="G88477" s="16">
        <v>1.3306195601901674</v>
      </c>
    </row>
    <row r="88478" spans="1:7" x14ac:dyDescent="0.3">
      <c r="A88478" s="13" t="s">
        <v>443</v>
      </c>
      <c r="B88478" s="14" t="s">
        <v>1</v>
      </c>
      <c r="C88478" s="14" t="s">
        <v>70</v>
      </c>
      <c r="D88478" s="14" t="s">
        <v>444</v>
      </c>
      <c r="E88478" s="15">
        <v>45524</v>
      </c>
      <c r="F88478" s="14" t="s">
        <v>25</v>
      </c>
      <c r="G88478" s="16">
        <v>1.3397241910174671</v>
      </c>
    </row>
    <row r="88479" spans="1:7" x14ac:dyDescent="0.3">
      <c r="A88479" s="13" t="s">
        <v>443</v>
      </c>
      <c r="B88479" s="14" t="s">
        <v>1</v>
      </c>
      <c r="C88479" s="14" t="s">
        <v>70</v>
      </c>
      <c r="D88479" s="14" t="s">
        <v>444</v>
      </c>
      <c r="E88479" s="15">
        <v>45525</v>
      </c>
      <c r="F88479" s="14" t="s">
        <v>25</v>
      </c>
      <c r="G88479" s="16">
        <v>1.3469699416999956</v>
      </c>
    </row>
    <row r="88480" spans="1:7" x14ac:dyDescent="0.3">
      <c r="A88480" s="13" t="s">
        <v>443</v>
      </c>
      <c r="B88480" s="14" t="s">
        <v>1</v>
      </c>
      <c r="C88480" s="14" t="s">
        <v>70</v>
      </c>
      <c r="D88480" s="14" t="s">
        <v>444</v>
      </c>
      <c r="E88480" s="15">
        <v>45526</v>
      </c>
      <c r="F88480" s="14" t="s">
        <v>25</v>
      </c>
      <c r="G88480" s="16">
        <v>1.3521808574819161</v>
      </c>
    </row>
    <row r="88481" spans="1:7" x14ac:dyDescent="0.3">
      <c r="A88481" s="13" t="s">
        <v>443</v>
      </c>
      <c r="B88481" s="14" t="s">
        <v>1</v>
      </c>
      <c r="C88481" s="14" t="s">
        <v>70</v>
      </c>
      <c r="D88481" s="14" t="s">
        <v>444</v>
      </c>
      <c r="E88481" s="15">
        <v>45527</v>
      </c>
      <c r="F88481" s="14" t="s">
        <v>25</v>
      </c>
      <c r="G88481" s="16">
        <v>1.3501511819060343</v>
      </c>
    </row>
    <row r="88482" spans="1:7" x14ac:dyDescent="0.3">
      <c r="A88482" s="13" t="s">
        <v>443</v>
      </c>
      <c r="B88482" s="14" t="s">
        <v>1</v>
      </c>
      <c r="C88482" s="14" t="s">
        <v>70</v>
      </c>
      <c r="D88482" s="14" t="s">
        <v>444</v>
      </c>
      <c r="E88482" s="15">
        <v>45528</v>
      </c>
      <c r="F88482" s="14" t="s">
        <v>25</v>
      </c>
      <c r="G88482" s="16">
        <v>1.3501511819060343</v>
      </c>
    </row>
    <row r="88483" spans="1:7" x14ac:dyDescent="0.3">
      <c r="A88483" s="13" t="s">
        <v>443</v>
      </c>
      <c r="B88483" s="14" t="s">
        <v>1</v>
      </c>
      <c r="C88483" s="14" t="s">
        <v>70</v>
      </c>
      <c r="D88483" s="14" t="s">
        <v>444</v>
      </c>
      <c r="E88483" s="15">
        <v>45529</v>
      </c>
      <c r="F88483" s="14" t="s">
        <v>25</v>
      </c>
      <c r="G88483" s="16">
        <v>1.3501511819060343</v>
      </c>
    </row>
    <row r="88484" spans="1:7" x14ac:dyDescent="0.3">
      <c r="A88484" s="13" t="s">
        <v>443</v>
      </c>
      <c r="B88484" s="14" t="s">
        <v>1</v>
      </c>
      <c r="C88484" s="14" t="s">
        <v>70</v>
      </c>
      <c r="D88484" s="14" t="s">
        <v>444</v>
      </c>
      <c r="E88484" s="15">
        <v>45530</v>
      </c>
      <c r="F88484" s="14" t="s">
        <v>25</v>
      </c>
      <c r="G88484" s="16">
        <v>1.3523191807445971</v>
      </c>
    </row>
    <row r="88485" spans="1:7" x14ac:dyDescent="0.3">
      <c r="A88485" s="13" t="s">
        <v>443</v>
      </c>
      <c r="B88485" s="14" t="s">
        <v>1</v>
      </c>
      <c r="C88485" s="14" t="s">
        <v>70</v>
      </c>
      <c r="D88485" s="14" t="s">
        <v>444</v>
      </c>
      <c r="E88485" s="15">
        <v>45531</v>
      </c>
      <c r="F88485" s="14" t="s">
        <v>25</v>
      </c>
      <c r="G88485" s="16">
        <v>1.3538564930790444</v>
      </c>
    </row>
    <row r="88486" spans="1:7" x14ac:dyDescent="0.3">
      <c r="A88486" s="13" t="s">
        <v>443</v>
      </c>
      <c r="B88486" s="14" t="s">
        <v>1</v>
      </c>
      <c r="C88486" s="14" t="s">
        <v>70</v>
      </c>
      <c r="D88486" s="14" t="s">
        <v>444</v>
      </c>
      <c r="E88486" s="15">
        <v>45532</v>
      </c>
      <c r="F88486" s="14" t="s">
        <v>25</v>
      </c>
      <c r="G88486" s="16">
        <v>1.3672606202039759</v>
      </c>
    </row>
    <row r="88487" spans="1:7" x14ac:dyDescent="0.3">
      <c r="A88487" s="13" t="s">
        <v>443</v>
      </c>
      <c r="B88487" s="14" t="s">
        <v>1</v>
      </c>
      <c r="C88487" s="14" t="s">
        <v>70</v>
      </c>
      <c r="D88487" s="14" t="s">
        <v>444</v>
      </c>
      <c r="E88487" s="15">
        <v>45533</v>
      </c>
      <c r="F88487" s="14" t="s">
        <v>25</v>
      </c>
      <c r="G88487" s="16">
        <v>1.3794888167198516</v>
      </c>
    </row>
    <row r="88488" spans="1:7" x14ac:dyDescent="0.3">
      <c r="A88488" s="13" t="s">
        <v>443</v>
      </c>
      <c r="B88488" s="14" t="s">
        <v>1</v>
      </c>
      <c r="C88488" s="14" t="s">
        <v>70</v>
      </c>
      <c r="D88488" s="14" t="s">
        <v>444</v>
      </c>
      <c r="E88488" s="15">
        <v>45534</v>
      </c>
      <c r="F88488" s="14" t="s">
        <v>25</v>
      </c>
      <c r="G88488" s="16">
        <v>1.3911270887846148</v>
      </c>
    </row>
    <row r="88489" spans="1:7" x14ac:dyDescent="0.3">
      <c r="A88489" s="13" t="s">
        <v>443</v>
      </c>
      <c r="B88489" s="14" t="s">
        <v>1</v>
      </c>
      <c r="C88489" s="14" t="s">
        <v>70</v>
      </c>
      <c r="D88489" s="14" t="s">
        <v>444</v>
      </c>
      <c r="E88489" s="15">
        <v>45535</v>
      </c>
      <c r="F88489" s="14" t="s">
        <v>25</v>
      </c>
      <c r="G88489" s="16">
        <v>1.3911270887846148</v>
      </c>
    </row>
    <row r="88490" spans="1:7" x14ac:dyDescent="0.3">
      <c r="A88490" s="13" t="s">
        <v>443</v>
      </c>
      <c r="B88490" s="14" t="s">
        <v>1</v>
      </c>
      <c r="C88490" s="14" t="s">
        <v>70</v>
      </c>
      <c r="D88490" s="14" t="s">
        <v>444</v>
      </c>
      <c r="E88490" s="15">
        <v>45536</v>
      </c>
      <c r="F88490" s="14" t="s">
        <v>25</v>
      </c>
      <c r="G88490" s="16">
        <v>1.3911270887846148</v>
      </c>
    </row>
    <row r="88491" spans="1:7" x14ac:dyDescent="0.3">
      <c r="A88491" s="13" t="s">
        <v>443</v>
      </c>
      <c r="B88491" s="14" t="s">
        <v>1</v>
      </c>
      <c r="C88491" s="14" t="s">
        <v>70</v>
      </c>
      <c r="D88491" s="14" t="s">
        <v>444</v>
      </c>
      <c r="E88491" s="15">
        <v>45537</v>
      </c>
      <c r="F88491" s="14" t="s">
        <v>25</v>
      </c>
      <c r="G88491" s="16">
        <v>1.4031512121710072</v>
      </c>
    </row>
    <row r="88492" spans="1:7" x14ac:dyDescent="0.3">
      <c r="A88492" s="13" t="s">
        <v>443</v>
      </c>
      <c r="B88492" s="14" t="s">
        <v>1</v>
      </c>
      <c r="C88492" s="14" t="s">
        <v>70</v>
      </c>
      <c r="D88492" s="14" t="s">
        <v>444</v>
      </c>
      <c r="E88492" s="15">
        <v>45538</v>
      </c>
      <c r="F88492" s="14" t="s">
        <v>25</v>
      </c>
      <c r="G88492" s="16">
        <v>1.406770703464981</v>
      </c>
    </row>
    <row r="88493" spans="1:7" x14ac:dyDescent="0.3">
      <c r="A88493" s="13" t="s">
        <v>443</v>
      </c>
      <c r="B88493" s="14" t="s">
        <v>1</v>
      </c>
      <c r="C88493" s="14" t="s">
        <v>70</v>
      </c>
      <c r="D88493" s="14" t="s">
        <v>444</v>
      </c>
      <c r="E88493" s="15">
        <v>45539</v>
      </c>
      <c r="F88493" s="14" t="s">
        <v>25</v>
      </c>
      <c r="G88493" s="16">
        <v>1.4038404752164868</v>
      </c>
    </row>
    <row r="88494" spans="1:7" x14ac:dyDescent="0.3">
      <c r="A88494" s="13" t="s">
        <v>443</v>
      </c>
      <c r="B88494" s="14" t="s">
        <v>1</v>
      </c>
      <c r="C88494" s="14" t="s">
        <v>70</v>
      </c>
      <c r="D88494" s="14" t="s">
        <v>444</v>
      </c>
      <c r="E88494" s="15">
        <v>45540</v>
      </c>
      <c r="F88494" s="14" t="s">
        <v>25</v>
      </c>
      <c r="G88494" s="16">
        <v>1.4115686899610429</v>
      </c>
    </row>
    <row r="88495" spans="1:7" x14ac:dyDescent="0.3">
      <c r="A88495" s="13" t="s">
        <v>443</v>
      </c>
      <c r="B88495" s="14" t="s">
        <v>1</v>
      </c>
      <c r="C88495" s="14" t="s">
        <v>70</v>
      </c>
      <c r="D88495" s="14" t="s">
        <v>444</v>
      </c>
      <c r="E88495" s="15">
        <v>45541</v>
      </c>
      <c r="F88495" s="14" t="s">
        <v>25</v>
      </c>
      <c r="G88495" s="16">
        <v>1.4131102911080118</v>
      </c>
    </row>
    <row r="88496" spans="1:7" x14ac:dyDescent="0.3">
      <c r="A88496" s="13" t="s">
        <v>443</v>
      </c>
      <c r="B88496" s="14" t="s">
        <v>1</v>
      </c>
      <c r="C88496" s="14" t="s">
        <v>70</v>
      </c>
      <c r="D88496" s="14" t="s">
        <v>444</v>
      </c>
      <c r="E88496" s="15">
        <v>45542</v>
      </c>
      <c r="F88496" s="14" t="s">
        <v>25</v>
      </c>
      <c r="G88496" s="16">
        <v>1.4131102911080118</v>
      </c>
    </row>
    <row r="88497" spans="1:7" x14ac:dyDescent="0.3">
      <c r="A88497" s="13" t="s">
        <v>443</v>
      </c>
      <c r="B88497" s="14" t="s">
        <v>1</v>
      </c>
      <c r="C88497" s="14" t="s">
        <v>70</v>
      </c>
      <c r="D88497" s="14" t="s">
        <v>444</v>
      </c>
      <c r="E88497" s="15">
        <v>45543</v>
      </c>
      <c r="F88497" s="14" t="s">
        <v>25</v>
      </c>
      <c r="G88497" s="16">
        <v>1.4131102911080118</v>
      </c>
    </row>
    <row r="88498" spans="1:7" x14ac:dyDescent="0.3">
      <c r="A88498" s="13" t="s">
        <v>443</v>
      </c>
      <c r="B88498" s="14" t="s">
        <v>1</v>
      </c>
      <c r="C88498" s="14" t="s">
        <v>70</v>
      </c>
      <c r="D88498" s="14" t="s">
        <v>444</v>
      </c>
      <c r="E88498" s="15">
        <v>45544</v>
      </c>
      <c r="F88498" s="14" t="s">
        <v>25</v>
      </c>
      <c r="G88498" s="16">
        <v>1.4274559559950748</v>
      </c>
    </row>
    <row r="88499" spans="1:7" x14ac:dyDescent="0.3">
      <c r="A88499" s="13" t="s">
        <v>443</v>
      </c>
      <c r="B88499" s="14" t="s">
        <v>1</v>
      </c>
      <c r="C88499" s="14" t="s">
        <v>70</v>
      </c>
      <c r="D88499" s="14" t="s">
        <v>444</v>
      </c>
      <c r="E88499" s="15">
        <v>45545</v>
      </c>
      <c r="F88499" s="14" t="s">
        <v>25</v>
      </c>
      <c r="G88499" s="16">
        <v>1.4351062902178779</v>
      </c>
    </row>
    <row r="88500" spans="1:7" x14ac:dyDescent="0.3">
      <c r="A88500" s="13" t="s">
        <v>443</v>
      </c>
      <c r="B88500" s="14" t="s">
        <v>1</v>
      </c>
      <c r="C88500" s="14" t="s">
        <v>70</v>
      </c>
      <c r="D88500" s="14" t="s">
        <v>444</v>
      </c>
      <c r="E88500" s="15">
        <v>45546</v>
      </c>
      <c r="F88500" s="14" t="s">
        <v>25</v>
      </c>
      <c r="G88500" s="16">
        <v>1.4503561846493693</v>
      </c>
    </row>
    <row r="88501" spans="1:7" x14ac:dyDescent="0.3">
      <c r="A88501" s="13" t="s">
        <v>443</v>
      </c>
      <c r="B88501" s="14" t="s">
        <v>1</v>
      </c>
      <c r="C88501" s="14" t="s">
        <v>70</v>
      </c>
      <c r="D88501" s="14" t="s">
        <v>444</v>
      </c>
      <c r="E88501" s="15">
        <v>45547</v>
      </c>
      <c r="F88501" s="14" t="s">
        <v>25</v>
      </c>
      <c r="G88501" s="16">
        <v>1.4522373017417214</v>
      </c>
    </row>
    <row r="88502" spans="1:7" x14ac:dyDescent="0.3">
      <c r="A88502" s="13" t="s">
        <v>443</v>
      </c>
      <c r="B88502" s="14" t="s">
        <v>1</v>
      </c>
      <c r="C88502" s="14" t="s">
        <v>70</v>
      </c>
      <c r="D88502" s="14" t="s">
        <v>444</v>
      </c>
      <c r="E88502" s="15">
        <v>45548</v>
      </c>
      <c r="F88502" s="14" t="s">
        <v>25</v>
      </c>
      <c r="G88502" s="16">
        <v>1.4739488566144749</v>
      </c>
    </row>
    <row r="88503" spans="1:7" x14ac:dyDescent="0.3">
      <c r="A88503" s="13" t="s">
        <v>443</v>
      </c>
      <c r="B88503" s="14" t="s">
        <v>1</v>
      </c>
      <c r="C88503" s="14" t="s">
        <v>70</v>
      </c>
      <c r="D88503" s="14" t="s">
        <v>444</v>
      </c>
      <c r="E88503" s="15">
        <v>45549</v>
      </c>
      <c r="F88503" s="14" t="s">
        <v>25</v>
      </c>
      <c r="G88503" s="16">
        <v>1.4739488566144749</v>
      </c>
    </row>
    <row r="88504" spans="1:7" x14ac:dyDescent="0.3">
      <c r="A88504" s="13" t="s">
        <v>443</v>
      </c>
      <c r="B88504" s="14" t="s">
        <v>1</v>
      </c>
      <c r="C88504" s="14" t="s">
        <v>70</v>
      </c>
      <c r="D88504" s="14" t="s">
        <v>444</v>
      </c>
      <c r="E88504" s="15">
        <v>45550</v>
      </c>
      <c r="F88504" s="14" t="s">
        <v>25</v>
      </c>
      <c r="G88504" s="16">
        <v>1.4739488566144749</v>
      </c>
    </row>
    <row r="88505" spans="1:7" x14ac:dyDescent="0.3">
      <c r="A88505" s="13" t="s">
        <v>443</v>
      </c>
      <c r="B88505" s="14" t="s">
        <v>1</v>
      </c>
      <c r="C88505" s="14" t="s">
        <v>70</v>
      </c>
      <c r="D88505" s="14" t="s">
        <v>444</v>
      </c>
      <c r="E88505" s="15">
        <v>45551</v>
      </c>
      <c r="F88505" s="14" t="s">
        <v>25</v>
      </c>
      <c r="G88505" s="16">
        <v>1.4813249880914936</v>
      </c>
    </row>
    <row r="88506" spans="1:7" x14ac:dyDescent="0.3">
      <c r="A88506" s="13" t="s">
        <v>443</v>
      </c>
      <c r="B88506" s="14" t="s">
        <v>1</v>
      </c>
      <c r="C88506" s="14" t="s">
        <v>70</v>
      </c>
      <c r="D88506" s="14" t="s">
        <v>444</v>
      </c>
      <c r="E88506" s="15">
        <v>45552</v>
      </c>
      <c r="F88506" s="14" t="s">
        <v>25</v>
      </c>
      <c r="G88506" s="16">
        <v>1.4983292732129803</v>
      </c>
    </row>
    <row r="88507" spans="1:7" x14ac:dyDescent="0.3">
      <c r="A88507" s="13" t="s">
        <v>443</v>
      </c>
      <c r="B88507" s="14" t="s">
        <v>1</v>
      </c>
      <c r="C88507" s="14" t="s">
        <v>70</v>
      </c>
      <c r="D88507" s="14" t="s">
        <v>444</v>
      </c>
      <c r="E88507" s="15">
        <v>45553</v>
      </c>
      <c r="F88507" s="14" t="s">
        <v>25</v>
      </c>
      <c r="G88507" s="16">
        <v>1.5013266227965918</v>
      </c>
    </row>
    <row r="88508" spans="1:7" x14ac:dyDescent="0.3">
      <c r="A88508" s="13" t="s">
        <v>443</v>
      </c>
      <c r="B88508" s="14" t="s">
        <v>1</v>
      </c>
      <c r="C88508" s="14" t="s">
        <v>70</v>
      </c>
      <c r="D88508" s="14" t="s">
        <v>444</v>
      </c>
      <c r="E88508" s="15">
        <v>45554</v>
      </c>
      <c r="F88508" s="14" t="s">
        <v>25</v>
      </c>
      <c r="G88508" s="16">
        <v>1.5074432367460324</v>
      </c>
    </row>
    <row r="88509" spans="1:7" x14ac:dyDescent="0.3">
      <c r="A88509" s="13" t="s">
        <v>443</v>
      </c>
      <c r="B88509" s="14" t="s">
        <v>1</v>
      </c>
      <c r="C88509" s="14" t="s">
        <v>70</v>
      </c>
      <c r="D88509" s="14" t="s">
        <v>444</v>
      </c>
      <c r="E88509" s="15">
        <v>45555</v>
      </c>
      <c r="F88509" s="14" t="s">
        <v>25</v>
      </c>
      <c r="G88509" s="16">
        <v>1.5151997531230308</v>
      </c>
    </row>
    <row r="88510" spans="1:7" x14ac:dyDescent="0.3">
      <c r="A88510" s="13" t="s">
        <v>443</v>
      </c>
      <c r="B88510" s="14" t="s">
        <v>1</v>
      </c>
      <c r="C88510" s="14" t="s">
        <v>70</v>
      </c>
      <c r="D88510" s="14" t="s">
        <v>444</v>
      </c>
      <c r="E88510" s="15">
        <v>45556</v>
      </c>
      <c r="F88510" s="14" t="s">
        <v>25</v>
      </c>
      <c r="G88510" s="16">
        <v>1.5151997531230308</v>
      </c>
    </row>
    <row r="88511" spans="1:7" x14ac:dyDescent="0.3">
      <c r="A88511" s="13" t="s">
        <v>443</v>
      </c>
      <c r="B88511" s="14" t="s">
        <v>1</v>
      </c>
      <c r="C88511" s="14" t="s">
        <v>70</v>
      </c>
      <c r="D88511" s="14" t="s">
        <v>444</v>
      </c>
      <c r="E88511" s="15">
        <v>45557</v>
      </c>
      <c r="F88511" s="14" t="s">
        <v>25</v>
      </c>
      <c r="G88511" s="16">
        <v>1.5151997531230308</v>
      </c>
    </row>
    <row r="88512" spans="1:7" x14ac:dyDescent="0.3">
      <c r="A88512" s="13" t="s">
        <v>443</v>
      </c>
      <c r="B88512" s="14" t="s">
        <v>1</v>
      </c>
      <c r="C88512" s="14" t="s">
        <v>70</v>
      </c>
      <c r="D88512" s="14" t="s">
        <v>444</v>
      </c>
      <c r="E88512" s="15">
        <v>45558</v>
      </c>
      <c r="F88512" s="14" t="s">
        <v>25</v>
      </c>
      <c r="G88512" s="16">
        <v>1.5140195948255413</v>
      </c>
    </row>
    <row r="88513" spans="1:7" x14ac:dyDescent="0.3">
      <c r="A88513" s="13" t="s">
        <v>443</v>
      </c>
      <c r="B88513" s="14" t="s">
        <v>1</v>
      </c>
      <c r="C88513" s="14" t="s">
        <v>70</v>
      </c>
      <c r="D88513" s="14" t="s">
        <v>444</v>
      </c>
      <c r="E88513" s="15">
        <v>45559</v>
      </c>
      <c r="F88513" s="14" t="s">
        <v>25</v>
      </c>
      <c r="G88513" s="16">
        <v>1.5180699519847545</v>
      </c>
    </row>
    <row r="88514" spans="1:7" x14ac:dyDescent="0.3">
      <c r="A88514" s="13" t="s">
        <v>443</v>
      </c>
      <c r="B88514" s="14" t="s">
        <v>1</v>
      </c>
      <c r="C88514" s="14" t="s">
        <v>70</v>
      </c>
      <c r="D88514" s="14" t="s">
        <v>444</v>
      </c>
      <c r="E88514" s="15">
        <v>45560</v>
      </c>
      <c r="F88514" s="14" t="s">
        <v>25</v>
      </c>
      <c r="G88514" s="16">
        <v>1.5343528776763882</v>
      </c>
    </row>
    <row r="88515" spans="1:7" x14ac:dyDescent="0.3">
      <c r="A88515" s="13" t="s">
        <v>443</v>
      </c>
      <c r="B88515" s="14" t="s">
        <v>1</v>
      </c>
      <c r="C88515" s="14" t="s">
        <v>70</v>
      </c>
      <c r="D88515" s="14" t="s">
        <v>444</v>
      </c>
      <c r="E88515" s="15">
        <v>45561</v>
      </c>
      <c r="F88515" s="14" t="s">
        <v>25</v>
      </c>
      <c r="G88515" s="16">
        <v>1.5368404620468064</v>
      </c>
    </row>
    <row r="88516" spans="1:7" x14ac:dyDescent="0.3">
      <c r="A88516" s="13" t="s">
        <v>443</v>
      </c>
      <c r="B88516" s="14" t="s">
        <v>1</v>
      </c>
      <c r="C88516" s="14" t="s">
        <v>70</v>
      </c>
      <c r="D88516" s="14" t="s">
        <v>444</v>
      </c>
      <c r="E88516" s="15">
        <v>45562</v>
      </c>
      <c r="F88516" s="14" t="s">
        <v>25</v>
      </c>
      <c r="G88516" s="16">
        <v>1.5341291880669363</v>
      </c>
    </row>
    <row r="88517" spans="1:7" x14ac:dyDescent="0.3">
      <c r="A88517" s="13" t="s">
        <v>443</v>
      </c>
      <c r="B88517" s="14" t="s">
        <v>1</v>
      </c>
      <c r="C88517" s="14" t="s">
        <v>70</v>
      </c>
      <c r="D88517" s="14" t="s">
        <v>444</v>
      </c>
      <c r="E88517" s="15">
        <v>45563</v>
      </c>
      <c r="F88517" s="14" t="s">
        <v>25</v>
      </c>
      <c r="G88517" s="16">
        <v>1.5341291880669363</v>
      </c>
    </row>
    <row r="88518" spans="1:7" x14ac:dyDescent="0.3">
      <c r="A88518" s="13" t="s">
        <v>443</v>
      </c>
      <c r="B88518" s="14" t="s">
        <v>1</v>
      </c>
      <c r="C88518" s="14" t="s">
        <v>70</v>
      </c>
      <c r="D88518" s="14" t="s">
        <v>444</v>
      </c>
      <c r="E88518" s="15">
        <v>45564</v>
      </c>
      <c r="F88518" s="14" t="s">
        <v>25</v>
      </c>
      <c r="G88518" s="16">
        <v>1.5341291880669363</v>
      </c>
    </row>
    <row r="88519" spans="1:7" x14ac:dyDescent="0.3">
      <c r="A88519" s="13" t="s">
        <v>443</v>
      </c>
      <c r="B88519" s="14" t="s">
        <v>1</v>
      </c>
      <c r="C88519" s="14" t="s">
        <v>70</v>
      </c>
      <c r="D88519" s="14" t="s">
        <v>444</v>
      </c>
      <c r="E88519" s="15">
        <v>45565</v>
      </c>
      <c r="F88519" s="14" t="s">
        <v>25</v>
      </c>
      <c r="G88519" s="16">
        <v>1.5609012549331442</v>
      </c>
    </row>
    <row r="88520" spans="1:7" x14ac:dyDescent="0.3">
      <c r="A88520" s="13" t="s">
        <v>443</v>
      </c>
      <c r="B88520" s="14" t="s">
        <v>1</v>
      </c>
      <c r="C88520" s="14" t="s">
        <v>70</v>
      </c>
      <c r="D88520" s="14" t="s">
        <v>444</v>
      </c>
      <c r="E88520" s="15">
        <v>45566</v>
      </c>
      <c r="F88520" s="14" t="s">
        <v>25</v>
      </c>
      <c r="G88520" s="16">
        <v>1.5780047435014661</v>
      </c>
    </row>
    <row r="88521" spans="1:7" x14ac:dyDescent="0.3">
      <c r="A88521" s="13" t="s">
        <v>443</v>
      </c>
      <c r="B88521" s="14" t="s">
        <v>1</v>
      </c>
      <c r="C88521" s="14" t="s">
        <v>70</v>
      </c>
      <c r="D88521" s="14" t="s">
        <v>444</v>
      </c>
      <c r="E88521" s="15">
        <v>45567</v>
      </c>
      <c r="F88521" s="14" t="s">
        <v>25</v>
      </c>
      <c r="G88521" s="16">
        <v>1.5888296448239323</v>
      </c>
    </row>
    <row r="88522" spans="1:7" x14ac:dyDescent="0.3">
      <c r="A88522" s="13" t="s">
        <v>443</v>
      </c>
      <c r="B88522" s="14" t="s">
        <v>1</v>
      </c>
      <c r="C88522" s="14" t="s">
        <v>70</v>
      </c>
      <c r="D88522" s="14" t="s">
        <v>444</v>
      </c>
      <c r="E88522" s="15">
        <v>45568</v>
      </c>
      <c r="F88522" s="14" t="s">
        <v>25</v>
      </c>
      <c r="G88522" s="16">
        <v>1.597557182285124</v>
      </c>
    </row>
    <row r="88523" spans="1:7" x14ac:dyDescent="0.3">
      <c r="A88523" s="13" t="s">
        <v>443</v>
      </c>
      <c r="B88523" s="14" t="s">
        <v>1</v>
      </c>
      <c r="C88523" s="14" t="s">
        <v>70</v>
      </c>
      <c r="D88523" s="14" t="s">
        <v>444</v>
      </c>
      <c r="E88523" s="15">
        <v>45569</v>
      </c>
      <c r="F88523" s="14" t="s">
        <v>25</v>
      </c>
      <c r="G88523" s="16">
        <v>1.6128879507962346</v>
      </c>
    </row>
    <row r="88524" spans="1:7" x14ac:dyDescent="0.3">
      <c r="A88524" s="13" t="s">
        <v>443</v>
      </c>
      <c r="B88524" s="14" t="s">
        <v>1</v>
      </c>
      <c r="C88524" s="14" t="s">
        <v>70</v>
      </c>
      <c r="D88524" s="14" t="s">
        <v>444</v>
      </c>
      <c r="E88524" s="15">
        <v>45570</v>
      </c>
      <c r="F88524" s="14" t="s">
        <v>25</v>
      </c>
      <c r="G88524" s="16">
        <v>1.6128879507962346</v>
      </c>
    </row>
    <row r="88525" spans="1:7" x14ac:dyDescent="0.3">
      <c r="A88525" s="13" t="s">
        <v>443</v>
      </c>
      <c r="B88525" s="14" t="s">
        <v>1</v>
      </c>
      <c r="C88525" s="14" t="s">
        <v>70</v>
      </c>
      <c r="D88525" s="14" t="s">
        <v>444</v>
      </c>
      <c r="E88525" s="15">
        <v>45571</v>
      </c>
      <c r="F88525" s="14" t="s">
        <v>25</v>
      </c>
      <c r="G88525" s="16">
        <v>1.6128879507962346</v>
      </c>
    </row>
    <row r="88526" spans="1:7" x14ac:dyDescent="0.3">
      <c r="A88526" s="13" t="s">
        <v>443</v>
      </c>
      <c r="B88526" s="14" t="s">
        <v>1</v>
      </c>
      <c r="C88526" s="14" t="s">
        <v>70</v>
      </c>
      <c r="D88526" s="14" t="s">
        <v>444</v>
      </c>
      <c r="E88526" s="15">
        <v>45572</v>
      </c>
      <c r="F88526" s="14" t="s">
        <v>25</v>
      </c>
      <c r="G88526" s="16">
        <v>1.6254160824091206</v>
      </c>
    </row>
    <row r="88527" spans="1:7" x14ac:dyDescent="0.3">
      <c r="A88527" s="13" t="s">
        <v>443</v>
      </c>
      <c r="B88527" s="14" t="s">
        <v>1</v>
      </c>
      <c r="C88527" s="14" t="s">
        <v>70</v>
      </c>
      <c r="D88527" s="14" t="s">
        <v>444</v>
      </c>
      <c r="E88527" s="15">
        <v>45573</v>
      </c>
      <c r="F88527" s="14" t="s">
        <v>25</v>
      </c>
      <c r="G88527" s="16">
        <v>1.6401811195745843</v>
      </c>
    </row>
    <row r="88528" spans="1:7" x14ac:dyDescent="0.3">
      <c r="A88528" s="13" t="s">
        <v>443</v>
      </c>
      <c r="B88528" s="14" t="s">
        <v>1</v>
      </c>
      <c r="C88528" s="14" t="s">
        <v>70</v>
      </c>
      <c r="D88528" s="14" t="s">
        <v>444</v>
      </c>
      <c r="E88528" s="15">
        <v>45574</v>
      </c>
      <c r="F88528" s="14" t="s">
        <v>25</v>
      </c>
      <c r="G88528" s="16">
        <v>1.6507446503114349</v>
      </c>
    </row>
    <row r="88529" spans="1:7" x14ac:dyDescent="0.3">
      <c r="A88529" s="13" t="s">
        <v>443</v>
      </c>
      <c r="B88529" s="14" t="s">
        <v>1</v>
      </c>
      <c r="C88529" s="14" t="s">
        <v>70</v>
      </c>
      <c r="D88529" s="14" t="s">
        <v>444</v>
      </c>
      <c r="E88529" s="15">
        <v>45575</v>
      </c>
      <c r="F88529" s="14" t="s">
        <v>25</v>
      </c>
      <c r="G88529" s="16">
        <v>1.6458154047516484</v>
      </c>
    </row>
    <row r="88530" spans="1:7" x14ac:dyDescent="0.3">
      <c r="A88530" s="13" t="s">
        <v>443</v>
      </c>
      <c r="B88530" s="14" t="s">
        <v>1</v>
      </c>
      <c r="C88530" s="14" t="s">
        <v>70</v>
      </c>
      <c r="D88530" s="14" t="s">
        <v>444</v>
      </c>
      <c r="E88530" s="15">
        <v>45576</v>
      </c>
      <c r="F88530" s="14" t="s">
        <v>25</v>
      </c>
      <c r="G88530" s="16">
        <v>1.6642662152447387</v>
      </c>
    </row>
    <row r="88531" spans="1:7" x14ac:dyDescent="0.3">
      <c r="A88531" s="13" t="s">
        <v>443</v>
      </c>
      <c r="B88531" s="14" t="s">
        <v>1</v>
      </c>
      <c r="C88531" s="14" t="s">
        <v>70</v>
      </c>
      <c r="D88531" s="14" t="s">
        <v>444</v>
      </c>
      <c r="E88531" s="15">
        <v>45577</v>
      </c>
      <c r="F88531" s="14" t="s">
        <v>25</v>
      </c>
      <c r="G88531" s="16">
        <v>1.6642662152447387</v>
      </c>
    </row>
    <row r="88532" spans="1:7" x14ac:dyDescent="0.3">
      <c r="A88532" s="13" t="s">
        <v>443</v>
      </c>
      <c r="B88532" s="14" t="s">
        <v>1</v>
      </c>
      <c r="C88532" s="14" t="s">
        <v>70</v>
      </c>
      <c r="D88532" s="14" t="s">
        <v>444</v>
      </c>
      <c r="E88532" s="15">
        <v>45578</v>
      </c>
      <c r="F88532" s="14" t="s">
        <v>25</v>
      </c>
      <c r="G88532" s="16">
        <v>1.6642662152447387</v>
      </c>
    </row>
    <row r="88533" spans="1:7" x14ac:dyDescent="0.3">
      <c r="A88533" s="13" t="s">
        <v>443</v>
      </c>
      <c r="B88533" s="14" t="s">
        <v>1</v>
      </c>
      <c r="C88533" s="14" t="s">
        <v>70</v>
      </c>
      <c r="D88533" s="14" t="s">
        <v>444</v>
      </c>
      <c r="E88533" s="15">
        <v>45579</v>
      </c>
      <c r="F88533" s="14" t="s">
        <v>25</v>
      </c>
      <c r="G88533" s="16">
        <v>1.6784827059992364</v>
      </c>
    </row>
    <row r="88534" spans="1:7" x14ac:dyDescent="0.3">
      <c r="A88534" s="13" t="s">
        <v>443</v>
      </c>
      <c r="B88534" s="14" t="s">
        <v>1</v>
      </c>
      <c r="C88534" s="14" t="s">
        <v>70</v>
      </c>
      <c r="D88534" s="14" t="s">
        <v>444</v>
      </c>
      <c r="E88534" s="15">
        <v>45580</v>
      </c>
      <c r="F88534" s="14" t="s">
        <v>25</v>
      </c>
      <c r="G88534" s="16">
        <v>1.6872904160228801</v>
      </c>
    </row>
    <row r="88535" spans="1:7" x14ac:dyDescent="0.3">
      <c r="A88535" s="13" t="s">
        <v>443</v>
      </c>
      <c r="B88535" s="14" t="s">
        <v>1</v>
      </c>
      <c r="C88535" s="14" t="s">
        <v>70</v>
      </c>
      <c r="D88535" s="14" t="s">
        <v>444</v>
      </c>
      <c r="E88535" s="15">
        <v>45581</v>
      </c>
      <c r="F88535" s="14" t="s">
        <v>25</v>
      </c>
      <c r="G88535" s="16">
        <v>1.7018207683810305</v>
      </c>
    </row>
    <row r="88536" spans="1:7" x14ac:dyDescent="0.3">
      <c r="A88536" s="13" t="s">
        <v>443</v>
      </c>
      <c r="B88536" s="14" t="s">
        <v>1</v>
      </c>
      <c r="C88536" s="14" t="s">
        <v>70</v>
      </c>
      <c r="D88536" s="14" t="s">
        <v>444</v>
      </c>
      <c r="E88536" s="15">
        <v>45582</v>
      </c>
      <c r="F88536" s="14" t="s">
        <v>25</v>
      </c>
      <c r="G88536" s="16">
        <v>1.7065578339824268</v>
      </c>
    </row>
    <row r="88537" spans="1:7" x14ac:dyDescent="0.3">
      <c r="A88537" s="13" t="s">
        <v>443</v>
      </c>
      <c r="B88537" s="14" t="s">
        <v>1</v>
      </c>
      <c r="C88537" s="14" t="s">
        <v>70</v>
      </c>
      <c r="D88537" s="14" t="s">
        <v>444</v>
      </c>
      <c r="E88537" s="15">
        <v>45583</v>
      </c>
      <c r="F88537" s="14" t="s">
        <v>25</v>
      </c>
      <c r="G88537" s="16">
        <v>1.7141199506178615</v>
      </c>
    </row>
    <row r="88538" spans="1:7" x14ac:dyDescent="0.3">
      <c r="A88538" s="13" t="s">
        <v>443</v>
      </c>
      <c r="B88538" s="14" t="s">
        <v>1</v>
      </c>
      <c r="C88538" s="14" t="s">
        <v>70</v>
      </c>
      <c r="D88538" s="14" t="s">
        <v>444</v>
      </c>
      <c r="E88538" s="15">
        <v>45584</v>
      </c>
      <c r="F88538" s="14" t="s">
        <v>25</v>
      </c>
      <c r="G88538" s="16">
        <v>1.7141199506178615</v>
      </c>
    </row>
    <row r="88539" spans="1:7" x14ac:dyDescent="0.3">
      <c r="A88539" s="13" t="s">
        <v>443</v>
      </c>
      <c r="B88539" s="14" t="s">
        <v>1</v>
      </c>
      <c r="C88539" s="14" t="s">
        <v>70</v>
      </c>
      <c r="D88539" s="14" t="s">
        <v>444</v>
      </c>
      <c r="E88539" s="15">
        <v>45585</v>
      </c>
      <c r="F88539" s="14" t="s">
        <v>25</v>
      </c>
      <c r="G88539" s="16">
        <v>1.7141199506178615</v>
      </c>
    </row>
    <row r="88540" spans="1:7" x14ac:dyDescent="0.3">
      <c r="A88540" s="13" t="s">
        <v>443</v>
      </c>
      <c r="B88540" s="14" t="s">
        <v>1</v>
      </c>
      <c r="C88540" s="14" t="s">
        <v>70</v>
      </c>
      <c r="D88540" s="14" t="s">
        <v>444</v>
      </c>
      <c r="E88540" s="15">
        <v>45586</v>
      </c>
      <c r="F88540" s="14" t="s">
        <v>25</v>
      </c>
      <c r="G88540" s="16">
        <v>1.7256287337275296</v>
      </c>
    </row>
    <row r="88541" spans="1:7" x14ac:dyDescent="0.3">
      <c r="A88541" s="13" t="s">
        <v>443</v>
      </c>
      <c r="B88541" s="14" t="s">
        <v>1</v>
      </c>
      <c r="C88541" s="14" t="s">
        <v>70</v>
      </c>
      <c r="D88541" s="14" t="s">
        <v>444</v>
      </c>
      <c r="E88541" s="15">
        <v>45587</v>
      </c>
      <c r="F88541" s="14" t="s">
        <v>25</v>
      </c>
      <c r="G88541" s="16">
        <v>1.7345840735848639</v>
      </c>
    </row>
    <row r="88542" spans="1:7" x14ac:dyDescent="0.3">
      <c r="A88542" s="13" t="s">
        <v>443</v>
      </c>
      <c r="B88542" s="14" t="s">
        <v>1</v>
      </c>
      <c r="C88542" s="14" t="s">
        <v>70</v>
      </c>
      <c r="D88542" s="14" t="s">
        <v>444</v>
      </c>
      <c r="E88542" s="15">
        <v>45588</v>
      </c>
      <c r="F88542" s="14" t="s">
        <v>25</v>
      </c>
      <c r="G88542" s="16">
        <v>1.7403445460338969</v>
      </c>
    </row>
    <row r="88543" spans="1:7" x14ac:dyDescent="0.3">
      <c r="A88543" s="13" t="s">
        <v>443</v>
      </c>
      <c r="B88543" s="14" t="s">
        <v>1</v>
      </c>
      <c r="C88543" s="14" t="s">
        <v>70</v>
      </c>
      <c r="D88543" s="14" t="s">
        <v>444</v>
      </c>
      <c r="E88543" s="15">
        <v>45589</v>
      </c>
      <c r="F88543" s="14" t="s">
        <v>25</v>
      </c>
      <c r="G88543" s="16">
        <v>1.7446334985252221</v>
      </c>
    </row>
    <row r="88544" spans="1:7" x14ac:dyDescent="0.3">
      <c r="A88544" s="13" t="s">
        <v>443</v>
      </c>
      <c r="B88544" s="14" t="s">
        <v>1</v>
      </c>
      <c r="C88544" s="14" t="s">
        <v>70</v>
      </c>
      <c r="D88544" s="14" t="s">
        <v>444</v>
      </c>
      <c r="E88544" s="15">
        <v>45590</v>
      </c>
      <c r="F88544" s="14" t="s">
        <v>25</v>
      </c>
      <c r="G88544" s="16">
        <v>1.7499950654918337</v>
      </c>
    </row>
    <row r="88545" spans="1:7" x14ac:dyDescent="0.3">
      <c r="A88545" s="13" t="s">
        <v>443</v>
      </c>
      <c r="B88545" s="14" t="s">
        <v>1</v>
      </c>
      <c r="C88545" s="14" t="s">
        <v>70</v>
      </c>
      <c r="D88545" s="14" t="s">
        <v>444</v>
      </c>
      <c r="E88545" s="15">
        <v>45591</v>
      </c>
      <c r="F88545" s="14" t="s">
        <v>25</v>
      </c>
      <c r="G88545" s="16">
        <v>1.7499950654918337</v>
      </c>
    </row>
    <row r="88546" spans="1:7" x14ac:dyDescent="0.3">
      <c r="A88546" s="13" t="s">
        <v>443</v>
      </c>
      <c r="B88546" s="14" t="s">
        <v>1</v>
      </c>
      <c r="C88546" s="14" t="s">
        <v>70</v>
      </c>
      <c r="D88546" s="14" t="s">
        <v>444</v>
      </c>
      <c r="E88546" s="15">
        <v>45592</v>
      </c>
      <c r="F88546" s="14" t="s">
        <v>25</v>
      </c>
      <c r="G88546" s="16">
        <v>1.7499950654918337</v>
      </c>
    </row>
    <row r="88547" spans="1:7" x14ac:dyDescent="0.3">
      <c r="A88547" s="13" t="s">
        <v>443</v>
      </c>
      <c r="B88547" s="14" t="s">
        <v>1</v>
      </c>
      <c r="C88547" s="14" t="s">
        <v>70</v>
      </c>
      <c r="D88547" s="14" t="s">
        <v>444</v>
      </c>
      <c r="E88547" s="15">
        <v>45593</v>
      </c>
      <c r="F88547" s="14" t="s">
        <v>25</v>
      </c>
      <c r="G88547" s="16">
        <v>1.7499950654918337</v>
      </c>
    </row>
    <row r="88548" spans="1:7" x14ac:dyDescent="0.3">
      <c r="A88548" s="13" t="s">
        <v>443</v>
      </c>
      <c r="B88548" s="14" t="s">
        <v>1</v>
      </c>
      <c r="C88548" s="14" t="s">
        <v>70</v>
      </c>
      <c r="D88548" s="14" t="s">
        <v>444</v>
      </c>
      <c r="E88548" s="15">
        <v>45594</v>
      </c>
      <c r="F88548" s="14" t="s">
        <v>25</v>
      </c>
      <c r="G88548" s="16">
        <v>1.7549762633920494</v>
      </c>
    </row>
    <row r="88549" spans="1:7" x14ac:dyDescent="0.3">
      <c r="A88549" s="13" t="s">
        <v>443</v>
      </c>
      <c r="B88549" s="14" t="s">
        <v>1</v>
      </c>
      <c r="C88549" s="14" t="s">
        <v>70</v>
      </c>
      <c r="D88549" s="14" t="s">
        <v>444</v>
      </c>
      <c r="E88549" s="15">
        <v>45595</v>
      </c>
      <c r="F88549" s="14" t="s">
        <v>25</v>
      </c>
      <c r="G88549" s="16">
        <v>1.7765546451422705</v>
      </c>
    </row>
    <row r="88550" spans="1:7" x14ac:dyDescent="0.3">
      <c r="A88550" s="13" t="s">
        <v>443</v>
      </c>
      <c r="B88550" s="14" t="s">
        <v>1</v>
      </c>
      <c r="C88550" s="14" t="s">
        <v>70</v>
      </c>
      <c r="D88550" s="14" t="s">
        <v>444</v>
      </c>
      <c r="E88550" s="15">
        <v>45596</v>
      </c>
      <c r="F88550" s="14" t="s">
        <v>25</v>
      </c>
      <c r="G88550" s="16">
        <v>1.7739596008420826</v>
      </c>
    </row>
    <row r="88551" spans="1:7" x14ac:dyDescent="0.3">
      <c r="A88551" s="13" t="s">
        <v>443</v>
      </c>
      <c r="B88551" s="14" t="s">
        <v>1</v>
      </c>
      <c r="C88551" s="14" t="s">
        <v>70</v>
      </c>
      <c r="D88551" s="14" t="s">
        <v>444</v>
      </c>
      <c r="E88551" s="15">
        <v>45597</v>
      </c>
      <c r="F88551" s="14" t="s">
        <v>25</v>
      </c>
      <c r="G88551" s="16">
        <v>1.7923656215440265</v>
      </c>
    </row>
    <row r="88552" spans="1:7" x14ac:dyDescent="0.3">
      <c r="A88552" s="13" t="s">
        <v>443</v>
      </c>
      <c r="B88552" s="14" t="s">
        <v>1</v>
      </c>
      <c r="C88552" s="14" t="s">
        <v>70</v>
      </c>
      <c r="D88552" s="14" t="s">
        <v>444</v>
      </c>
      <c r="E88552" s="15">
        <v>45598</v>
      </c>
      <c r="F88552" s="14" t="s">
        <v>25</v>
      </c>
      <c r="G88552" s="16">
        <v>1.7923656215440265</v>
      </c>
    </row>
    <row r="88553" spans="1:7" x14ac:dyDescent="0.3">
      <c r="A88553" s="13" t="s">
        <v>443</v>
      </c>
      <c r="B88553" s="14" t="s">
        <v>1</v>
      </c>
      <c r="C88553" s="14" t="s">
        <v>70</v>
      </c>
      <c r="D88553" s="14" t="s">
        <v>444</v>
      </c>
      <c r="E88553" s="15">
        <v>45599</v>
      </c>
      <c r="F88553" s="14" t="s">
        <v>25</v>
      </c>
      <c r="G88553" s="16">
        <v>1.7923656215440265</v>
      </c>
    </row>
    <row r="88554" spans="1:7" x14ac:dyDescent="0.3">
      <c r="A88554" s="13" t="s">
        <v>443</v>
      </c>
      <c r="B88554" s="14" t="s">
        <v>1</v>
      </c>
      <c r="C88554" s="14" t="s">
        <v>70</v>
      </c>
      <c r="D88554" s="14" t="s">
        <v>444</v>
      </c>
      <c r="E88554" s="15">
        <v>45600</v>
      </c>
      <c r="F88554" s="14" t="s">
        <v>25</v>
      </c>
      <c r="G88554" s="16">
        <v>1.7784280061940616</v>
      </c>
    </row>
    <row r="88555" spans="1:7" x14ac:dyDescent="0.3">
      <c r="A88555" s="13" t="s">
        <v>443</v>
      </c>
      <c r="B88555" s="14" t="s">
        <v>1</v>
      </c>
      <c r="C88555" s="14" t="s">
        <v>70</v>
      </c>
      <c r="D88555" s="14" t="s">
        <v>444</v>
      </c>
      <c r="E88555" s="15">
        <v>45601</v>
      </c>
      <c r="F88555" s="14" t="s">
        <v>25</v>
      </c>
      <c r="G88555" s="16">
        <v>1.7862130832637588</v>
      </c>
    </row>
    <row r="88556" spans="1:7" x14ac:dyDescent="0.3">
      <c r="A88556" s="13" t="s">
        <v>443</v>
      </c>
      <c r="B88556" s="14" t="s">
        <v>1</v>
      </c>
      <c r="C88556" s="14" t="s">
        <v>70</v>
      </c>
      <c r="D88556" s="14" t="s">
        <v>444</v>
      </c>
      <c r="E88556" s="15">
        <v>45602</v>
      </c>
      <c r="F88556" s="14" t="s">
        <v>25</v>
      </c>
      <c r="G88556" s="16">
        <v>1.8192858925796282</v>
      </c>
    </row>
    <row r="88557" spans="1:7" x14ac:dyDescent="0.3">
      <c r="A88557" s="13" t="s">
        <v>443</v>
      </c>
      <c r="B88557" s="14" t="s">
        <v>1</v>
      </c>
      <c r="C88557" s="14" t="s">
        <v>70</v>
      </c>
      <c r="D88557" s="14" t="s">
        <v>444</v>
      </c>
      <c r="E88557" s="15">
        <v>45603</v>
      </c>
      <c r="F88557" s="14" t="s">
        <v>25</v>
      </c>
      <c r="G88557" s="16">
        <v>1.8149231065715965</v>
      </c>
    </row>
    <row r="88558" spans="1:7" x14ac:dyDescent="0.3">
      <c r="A88558" s="13" t="s">
        <v>443</v>
      </c>
      <c r="B88558" s="14" t="s">
        <v>1</v>
      </c>
      <c r="C88558" s="14" t="s">
        <v>70</v>
      </c>
      <c r="D88558" s="14" t="s">
        <v>444</v>
      </c>
      <c r="E88558" s="15">
        <v>45604</v>
      </c>
      <c r="F88558" s="14" t="s">
        <v>25</v>
      </c>
      <c r="G88558" s="16">
        <v>1.8370606606624871</v>
      </c>
    </row>
    <row r="88559" spans="1:7" x14ac:dyDescent="0.3">
      <c r="A88559" s="13" t="s">
        <v>443</v>
      </c>
      <c r="B88559" s="14" t="s">
        <v>1</v>
      </c>
      <c r="C88559" s="14" t="s">
        <v>70</v>
      </c>
      <c r="D88559" s="14" t="s">
        <v>444</v>
      </c>
      <c r="E88559" s="15">
        <v>45605</v>
      </c>
      <c r="F88559" s="14" t="s">
        <v>25</v>
      </c>
      <c r="G88559" s="16">
        <v>1.8370606606624871</v>
      </c>
    </row>
    <row r="88560" spans="1:7" x14ac:dyDescent="0.3">
      <c r="A88560" s="13" t="s">
        <v>443</v>
      </c>
      <c r="B88560" s="14" t="s">
        <v>1</v>
      </c>
      <c r="C88560" s="14" t="s">
        <v>70</v>
      </c>
      <c r="D88560" s="14" t="s">
        <v>444</v>
      </c>
      <c r="E88560" s="15">
        <v>45606</v>
      </c>
      <c r="F88560" s="14" t="s">
        <v>25</v>
      </c>
      <c r="G88560" s="16">
        <v>1.8370606606624871</v>
      </c>
    </row>
    <row r="88561" spans="1:7" x14ac:dyDescent="0.3">
      <c r="A88561" s="13" t="s">
        <v>443</v>
      </c>
      <c r="B88561" s="14" t="s">
        <v>1</v>
      </c>
      <c r="C88561" s="14" t="s">
        <v>70</v>
      </c>
      <c r="D88561" s="14" t="s">
        <v>444</v>
      </c>
      <c r="E88561" s="15">
        <v>45607</v>
      </c>
      <c r="F88561" s="14" t="s">
        <v>25</v>
      </c>
      <c r="G88561" s="16">
        <v>1.8570946632986591</v>
      </c>
    </row>
    <row r="88562" spans="1:7" x14ac:dyDescent="0.3">
      <c r="A88562" s="13" t="s">
        <v>443</v>
      </c>
      <c r="B88562" s="14" t="s">
        <v>1</v>
      </c>
      <c r="C88562" s="14" t="s">
        <v>70</v>
      </c>
      <c r="D88562" s="14" t="s">
        <v>444</v>
      </c>
      <c r="E88562" s="15">
        <v>45608</v>
      </c>
      <c r="F88562" s="14" t="s">
        <v>25</v>
      </c>
      <c r="G88562" s="16">
        <v>1.8696102049312671</v>
      </c>
    </row>
    <row r="88563" spans="1:7" x14ac:dyDescent="0.3">
      <c r="A88563" s="13" t="s">
        <v>443</v>
      </c>
      <c r="B88563" s="14" t="s">
        <v>1</v>
      </c>
      <c r="C88563" s="14" t="s">
        <v>70</v>
      </c>
      <c r="D88563" s="14" t="s">
        <v>444</v>
      </c>
      <c r="E88563" s="15">
        <v>45609</v>
      </c>
      <c r="F88563" s="14" t="s">
        <v>25</v>
      </c>
      <c r="G88563" s="16">
        <v>1.8815385480933544</v>
      </c>
    </row>
    <row r="88564" spans="1:7" x14ac:dyDescent="0.3">
      <c r="A88564" s="13" t="s">
        <v>443</v>
      </c>
      <c r="B88564" s="14" t="s">
        <v>1</v>
      </c>
      <c r="C88564" s="14" t="s">
        <v>70</v>
      </c>
      <c r="D88564" s="14" t="s">
        <v>444</v>
      </c>
      <c r="E88564" s="15">
        <v>45610</v>
      </c>
      <c r="F88564" s="14" t="s">
        <v>25</v>
      </c>
      <c r="G88564" s="16">
        <v>1.8938410502861638</v>
      </c>
    </row>
    <row r="88565" spans="1:7" x14ac:dyDescent="0.3">
      <c r="A88565" s="13" t="s">
        <v>443</v>
      </c>
      <c r="B88565" s="14" t="s">
        <v>1</v>
      </c>
      <c r="C88565" s="14" t="s">
        <v>70</v>
      </c>
      <c r="D88565" s="14" t="s">
        <v>444</v>
      </c>
      <c r="E88565" s="15">
        <v>45611</v>
      </c>
      <c r="F88565" s="14" t="s">
        <v>25</v>
      </c>
      <c r="G88565" s="16">
        <v>1.9256725937170991</v>
      </c>
    </row>
    <row r="88566" spans="1:7" x14ac:dyDescent="0.3">
      <c r="A88566" s="13" t="s">
        <v>443</v>
      </c>
      <c r="B88566" s="14" t="s">
        <v>1</v>
      </c>
      <c r="C88566" s="14" t="s">
        <v>70</v>
      </c>
      <c r="D88566" s="14" t="s">
        <v>444</v>
      </c>
      <c r="E88566" s="15">
        <v>45612</v>
      </c>
      <c r="F88566" s="14" t="s">
        <v>25</v>
      </c>
      <c r="G88566" s="16">
        <v>1.9256725937170991</v>
      </c>
    </row>
    <row r="88567" spans="1:7" x14ac:dyDescent="0.3">
      <c r="A88567" s="13" t="s">
        <v>443</v>
      </c>
      <c r="B88567" s="14" t="s">
        <v>1</v>
      </c>
      <c r="C88567" s="14" t="s">
        <v>70</v>
      </c>
      <c r="D88567" s="14" t="s">
        <v>444</v>
      </c>
      <c r="E88567" s="15">
        <v>45613</v>
      </c>
      <c r="F88567" s="14" t="s">
        <v>25</v>
      </c>
      <c r="G88567" s="16">
        <v>1.9256725937170991</v>
      </c>
    </row>
    <row r="88568" spans="1:7" x14ac:dyDescent="0.3">
      <c r="A88568" s="13" t="s">
        <v>443</v>
      </c>
      <c r="B88568" s="14" t="s">
        <v>1</v>
      </c>
      <c r="C88568" s="14" t="s">
        <v>70</v>
      </c>
      <c r="D88568" s="14" t="s">
        <v>444</v>
      </c>
      <c r="E88568" s="15">
        <v>45614</v>
      </c>
      <c r="F88568" s="14" t="s">
        <v>25</v>
      </c>
      <c r="G88568" s="16">
        <v>1.9238288680846911</v>
      </c>
    </row>
    <row r="88569" spans="1:7" x14ac:dyDescent="0.3">
      <c r="A88569" s="13" t="s">
        <v>443</v>
      </c>
      <c r="B88569" s="14" t="s">
        <v>1</v>
      </c>
      <c r="C88569" s="14" t="s">
        <v>70</v>
      </c>
      <c r="D88569" s="14" t="s">
        <v>444</v>
      </c>
      <c r="E88569" s="15">
        <v>45615</v>
      </c>
      <c r="F88569" s="14" t="s">
        <v>25</v>
      </c>
      <c r="G88569" s="16">
        <v>1.9528570082497385</v>
      </c>
    </row>
    <row r="88570" spans="1:7" x14ac:dyDescent="0.3">
      <c r="A88570" s="13" t="s">
        <v>443</v>
      </c>
      <c r="B88570" s="14" t="s">
        <v>1</v>
      </c>
      <c r="C88570" s="14" t="s">
        <v>70</v>
      </c>
      <c r="D88570" s="14" t="s">
        <v>444</v>
      </c>
      <c r="E88570" s="15">
        <v>45616</v>
      </c>
      <c r="F88570" s="14" t="s">
        <v>25</v>
      </c>
      <c r="G88570" s="16">
        <v>1.9599108936401466</v>
      </c>
    </row>
    <row r="88571" spans="1:7" x14ac:dyDescent="0.3">
      <c r="A88571" s="13" t="s">
        <v>443</v>
      </c>
      <c r="B88571" s="14" t="s">
        <v>1</v>
      </c>
      <c r="C88571" s="14" t="s">
        <v>70</v>
      </c>
      <c r="D88571" s="14" t="s">
        <v>444</v>
      </c>
      <c r="E88571" s="15">
        <v>45617</v>
      </c>
      <c r="F88571" s="14" t="s">
        <v>25</v>
      </c>
      <c r="G88571" s="16">
        <v>1.9717926998782402</v>
      </c>
    </row>
    <row r="88572" spans="1:7" x14ac:dyDescent="0.3">
      <c r="A88572" s="13" t="s">
        <v>443</v>
      </c>
      <c r="B88572" s="14" t="s">
        <v>1</v>
      </c>
      <c r="C88572" s="14" t="s">
        <v>70</v>
      </c>
      <c r="D88572" s="14" t="s">
        <v>444</v>
      </c>
      <c r="E88572" s="15">
        <v>45618</v>
      </c>
      <c r="F88572" s="14" t="s">
        <v>25</v>
      </c>
      <c r="G88572" s="16">
        <v>1.9942269928297991</v>
      </c>
    </row>
    <row r="88573" spans="1:7" x14ac:dyDescent="0.3">
      <c r="A88573" s="13" t="s">
        <v>443</v>
      </c>
      <c r="B88573" s="14" t="s">
        <v>1</v>
      </c>
      <c r="C88573" s="14" t="s">
        <v>70</v>
      </c>
      <c r="D88573" s="14" t="s">
        <v>444</v>
      </c>
      <c r="E88573" s="15">
        <v>45619</v>
      </c>
      <c r="F88573" s="14" t="s">
        <v>25</v>
      </c>
      <c r="G88573" s="16">
        <v>1.9942269928297991</v>
      </c>
    </row>
    <row r="88574" spans="1:7" x14ac:dyDescent="0.3">
      <c r="A88574" s="13" t="s">
        <v>443</v>
      </c>
      <c r="B88574" s="14" t="s">
        <v>1</v>
      </c>
      <c r="C88574" s="14" t="s">
        <v>70</v>
      </c>
      <c r="D88574" s="14" t="s">
        <v>444</v>
      </c>
      <c r="E88574" s="15">
        <v>45620</v>
      </c>
      <c r="F88574" s="14" t="s">
        <v>25</v>
      </c>
      <c r="G88574" s="16">
        <v>1.9942269928297991</v>
      </c>
    </row>
    <row r="88575" spans="1:7" x14ac:dyDescent="0.3">
      <c r="A88575" s="13" t="s">
        <v>443</v>
      </c>
      <c r="B88575" s="14" t="s">
        <v>1</v>
      </c>
      <c r="C88575" s="14" t="s">
        <v>70</v>
      </c>
      <c r="D88575" s="14" t="s">
        <v>444</v>
      </c>
      <c r="E88575" s="15">
        <v>45621</v>
      </c>
      <c r="F88575" s="14" t="s">
        <v>25</v>
      </c>
      <c r="G88575" s="16">
        <v>1.9802235807016471</v>
      </c>
    </row>
    <row r="88576" spans="1:7" x14ac:dyDescent="0.3">
      <c r="A88576" s="13" t="s">
        <v>443</v>
      </c>
      <c r="B88576" s="14" t="s">
        <v>1</v>
      </c>
      <c r="C88576" s="14" t="s">
        <v>70</v>
      </c>
      <c r="D88576" s="14" t="s">
        <v>444</v>
      </c>
      <c r="E88576" s="15">
        <v>45622</v>
      </c>
      <c r="F88576" s="14" t="s">
        <v>25</v>
      </c>
      <c r="G88576" s="16">
        <v>2.0003820715843701</v>
      </c>
    </row>
    <row r="88577" spans="1:7" x14ac:dyDescent="0.3">
      <c r="A88577" s="13" t="s">
        <v>443</v>
      </c>
      <c r="B88577" s="14" t="s">
        <v>1</v>
      </c>
      <c r="C88577" s="14" t="s">
        <v>70</v>
      </c>
      <c r="D88577" s="14" t="s">
        <v>444</v>
      </c>
      <c r="E88577" s="15">
        <v>45623</v>
      </c>
      <c r="F88577" s="14" t="s">
        <v>25</v>
      </c>
      <c r="G88577" s="16">
        <v>1.9991177229081414</v>
      </c>
    </row>
    <row r="88578" spans="1:7" x14ac:dyDescent="0.3">
      <c r="A88578" s="13" t="s">
        <v>443</v>
      </c>
      <c r="B88578" s="14" t="s">
        <v>1</v>
      </c>
      <c r="C88578" s="14" t="s">
        <v>70</v>
      </c>
      <c r="D88578" s="14" t="s">
        <v>444</v>
      </c>
      <c r="E88578" s="15">
        <v>45624</v>
      </c>
      <c r="F88578" s="14" t="s">
        <v>25</v>
      </c>
      <c r="G88578" s="16">
        <v>2.0094193999614611</v>
      </c>
    </row>
    <row r="88579" spans="1:7" x14ac:dyDescent="0.3">
      <c r="A88579" s="13" t="s">
        <v>443</v>
      </c>
      <c r="B88579" s="14" t="s">
        <v>1</v>
      </c>
      <c r="C88579" s="14" t="s">
        <v>70</v>
      </c>
      <c r="D88579" s="14" t="s">
        <v>444</v>
      </c>
      <c r="E88579" s="15">
        <v>45625</v>
      </c>
      <c r="F88579" s="14" t="s">
        <v>25</v>
      </c>
      <c r="G88579" s="16">
        <v>2.0084656190442964</v>
      </c>
    </row>
    <row r="88580" spans="1:7" x14ac:dyDescent="0.3">
      <c r="A88580" s="13" t="s">
        <v>443</v>
      </c>
      <c r="B88580" s="14" t="s">
        <v>1</v>
      </c>
      <c r="C88580" s="14" t="s">
        <v>70</v>
      </c>
      <c r="D88580" s="14" t="s">
        <v>444</v>
      </c>
      <c r="E88580" s="15">
        <v>45626</v>
      </c>
      <c r="F88580" s="14" t="s">
        <v>25</v>
      </c>
      <c r="G88580" s="16">
        <v>2.0084656190442964</v>
      </c>
    </row>
    <row r="88581" spans="1:7" x14ac:dyDescent="0.3">
      <c r="A88581" s="13" t="s">
        <v>443</v>
      </c>
      <c r="B88581" s="14" t="s">
        <v>1</v>
      </c>
      <c r="C88581" s="14" t="s">
        <v>70</v>
      </c>
      <c r="D88581" s="14" t="s">
        <v>444</v>
      </c>
      <c r="E88581" s="15">
        <v>45627</v>
      </c>
      <c r="F88581" s="14" t="s">
        <v>25</v>
      </c>
      <c r="G88581" s="16">
        <v>2.0084656190442964</v>
      </c>
    </row>
    <row r="88582" spans="1:7" x14ac:dyDescent="0.3">
      <c r="A88582" s="13" t="s">
        <v>443</v>
      </c>
      <c r="B88582" s="14" t="s">
        <v>1</v>
      </c>
      <c r="C88582" s="14" t="s">
        <v>70</v>
      </c>
      <c r="D88582" s="14" t="s">
        <v>444</v>
      </c>
      <c r="E88582" s="15">
        <v>45628</v>
      </c>
      <c r="F88582" s="14" t="s">
        <v>25</v>
      </c>
      <c r="G88582" s="16">
        <v>2.0328524237352856</v>
      </c>
    </row>
    <row r="88583" spans="1:7" x14ac:dyDescent="0.3">
      <c r="A88583" s="13" t="s">
        <v>443</v>
      </c>
      <c r="B88583" s="14" t="s">
        <v>1</v>
      </c>
      <c r="C88583" s="14" t="s">
        <v>70</v>
      </c>
      <c r="D88583" s="14" t="s">
        <v>444</v>
      </c>
      <c r="E88583" s="15">
        <v>45629</v>
      </c>
      <c r="F88583" s="14" t="s">
        <v>25</v>
      </c>
      <c r="G88583" s="16">
        <v>2.0486766303038686</v>
      </c>
    </row>
    <row r="88584" spans="1:7" x14ac:dyDescent="0.3">
      <c r="A88584" s="13" t="s">
        <v>443</v>
      </c>
      <c r="B88584" s="14" t="s">
        <v>1</v>
      </c>
      <c r="C88584" s="14" t="s">
        <v>70</v>
      </c>
      <c r="D88584" s="14" t="s">
        <v>444</v>
      </c>
      <c r="E88584" s="15">
        <v>45630</v>
      </c>
      <c r="F88584" s="14" t="s">
        <v>25</v>
      </c>
      <c r="G88584" s="16">
        <v>2.0496998655785772</v>
      </c>
    </row>
    <row r="88585" spans="1:7" x14ac:dyDescent="0.3">
      <c r="A88585" s="13" t="s">
        <v>443</v>
      </c>
      <c r="B88585" s="14" t="s">
        <v>1</v>
      </c>
      <c r="C88585" s="14" t="s">
        <v>70</v>
      </c>
      <c r="D88585" s="14" t="s">
        <v>444</v>
      </c>
      <c r="E88585" s="15">
        <v>45631</v>
      </c>
      <c r="F88585" s="14" t="s">
        <v>25</v>
      </c>
      <c r="G88585" s="16">
        <v>2.0410964960773126</v>
      </c>
    </row>
    <row r="88586" spans="1:7" x14ac:dyDescent="0.3">
      <c r="A88586" s="13" t="s">
        <v>443</v>
      </c>
      <c r="B88586" s="14" t="s">
        <v>1</v>
      </c>
      <c r="C88586" s="14" t="s">
        <v>70</v>
      </c>
      <c r="D88586" s="14" t="s">
        <v>444</v>
      </c>
      <c r="E88586" s="15">
        <v>45632</v>
      </c>
      <c r="F88586" s="14" t="s">
        <v>25</v>
      </c>
      <c r="G88586" s="16">
        <v>2.0483969485155225</v>
      </c>
    </row>
    <row r="88587" spans="1:7" x14ac:dyDescent="0.3">
      <c r="A88587" s="13" t="s">
        <v>443</v>
      </c>
      <c r="B88587" s="14" t="s">
        <v>1</v>
      </c>
      <c r="C88587" s="14" t="s">
        <v>70</v>
      </c>
      <c r="D88587" s="14" t="s">
        <v>444</v>
      </c>
      <c r="E88587" s="15">
        <v>45633</v>
      </c>
      <c r="F88587" s="14" t="s">
        <v>25</v>
      </c>
      <c r="G88587" s="16">
        <v>2.0483969485155225</v>
      </c>
    </row>
    <row r="88588" spans="1:7" x14ac:dyDescent="0.3">
      <c r="A88588" s="13" t="s">
        <v>443</v>
      </c>
      <c r="B88588" s="14" t="s">
        <v>1</v>
      </c>
      <c r="C88588" s="14" t="s">
        <v>70</v>
      </c>
      <c r="D88588" s="14" t="s">
        <v>444</v>
      </c>
      <c r="E88588" s="15">
        <v>45634</v>
      </c>
      <c r="F88588" s="14" t="s">
        <v>25</v>
      </c>
      <c r="G88588" s="16">
        <v>2.0483969485155225</v>
      </c>
    </row>
    <row r="88589" spans="1:7" x14ac:dyDescent="0.3">
      <c r="A88589" s="13" t="s">
        <v>443</v>
      </c>
      <c r="B88589" s="14" t="s">
        <v>1</v>
      </c>
      <c r="C88589" s="14" t="s">
        <v>70</v>
      </c>
      <c r="D88589" s="14" t="s">
        <v>444</v>
      </c>
      <c r="E88589" s="15">
        <v>45635</v>
      </c>
      <c r="F88589" s="14" t="s">
        <v>25</v>
      </c>
      <c r="G88589" s="16">
        <v>2.0521544935690628</v>
      </c>
    </row>
    <row r="88590" spans="1:7" x14ac:dyDescent="0.3">
      <c r="A88590" s="13" t="s">
        <v>443</v>
      </c>
      <c r="B88590" s="14" t="s">
        <v>1</v>
      </c>
      <c r="C88590" s="14" t="s">
        <v>70</v>
      </c>
      <c r="D88590" s="14" t="s">
        <v>444</v>
      </c>
      <c r="E88590" s="15">
        <v>45636</v>
      </c>
      <c r="F88590" s="14" t="s">
        <v>25</v>
      </c>
      <c r="G88590" s="16">
        <v>2.0765856617990233</v>
      </c>
    </row>
    <row r="88591" spans="1:7" x14ac:dyDescent="0.3">
      <c r="A88591" s="13" t="s">
        <v>443</v>
      </c>
      <c r="B88591" s="14" t="s">
        <v>1</v>
      </c>
      <c r="C88591" s="14" t="s">
        <v>70</v>
      </c>
      <c r="D88591" s="14" t="s">
        <v>444</v>
      </c>
      <c r="E88591" s="15">
        <v>45637</v>
      </c>
      <c r="F88591" s="14" t="s">
        <v>25</v>
      </c>
      <c r="G88591" s="16">
        <v>2.0852192016299842</v>
      </c>
    </row>
    <row r="88592" spans="1:7" x14ac:dyDescent="0.3">
      <c r="A88592" s="13" t="s">
        <v>443</v>
      </c>
      <c r="B88592" s="14" t="s">
        <v>1</v>
      </c>
      <c r="C88592" s="14" t="s">
        <v>70</v>
      </c>
      <c r="D88592" s="14" t="s">
        <v>444</v>
      </c>
      <c r="E88592" s="15">
        <v>45638</v>
      </c>
      <c r="F88592" s="14" t="s">
        <v>25</v>
      </c>
      <c r="G88592" s="16">
        <v>2.1081157517099207</v>
      </c>
    </row>
    <row r="88593" spans="1:7" x14ac:dyDescent="0.3">
      <c r="A88593" s="13" t="s">
        <v>443</v>
      </c>
      <c r="B88593" s="14" t="s">
        <v>1</v>
      </c>
      <c r="C88593" s="14" t="s">
        <v>70</v>
      </c>
      <c r="D88593" s="14" t="s">
        <v>444</v>
      </c>
      <c r="E88593" s="15">
        <v>45639</v>
      </c>
      <c r="F88593" s="14" t="s">
        <v>25</v>
      </c>
      <c r="G88593" s="16">
        <v>2.1149258320456488</v>
      </c>
    </row>
    <row r="88594" spans="1:7" x14ac:dyDescent="0.3">
      <c r="A88594" s="13" t="s">
        <v>443</v>
      </c>
      <c r="B88594" s="14" t="s">
        <v>1</v>
      </c>
      <c r="C88594" s="14" t="s">
        <v>70</v>
      </c>
      <c r="D88594" s="14" t="s">
        <v>444</v>
      </c>
      <c r="E88594" s="15">
        <v>45640</v>
      </c>
      <c r="F88594" s="14" t="s">
        <v>25</v>
      </c>
      <c r="G88594" s="16">
        <v>2.1149258320456488</v>
      </c>
    </row>
    <row r="88595" spans="1:7" x14ac:dyDescent="0.3">
      <c r="A88595" s="13" t="s">
        <v>443</v>
      </c>
      <c r="B88595" s="14" t="s">
        <v>1</v>
      </c>
      <c r="C88595" s="14" t="s">
        <v>70</v>
      </c>
      <c r="D88595" s="14" t="s">
        <v>444</v>
      </c>
      <c r="E88595" s="15">
        <v>45641</v>
      </c>
      <c r="F88595" s="14" t="s">
        <v>25</v>
      </c>
      <c r="G88595" s="16">
        <v>2.1149258320456488</v>
      </c>
    </row>
    <row r="88596" spans="1:7" x14ac:dyDescent="0.3">
      <c r="A88596" s="13" t="s">
        <v>443</v>
      </c>
      <c r="B88596" s="14" t="s">
        <v>1</v>
      </c>
      <c r="C88596" s="14" t="s">
        <v>70</v>
      </c>
      <c r="D88596" s="14" t="s">
        <v>444</v>
      </c>
      <c r="E88596" s="15">
        <v>45642</v>
      </c>
      <c r="F88596" s="14" t="s">
        <v>25</v>
      </c>
      <c r="G88596" s="16">
        <v>2.1253359690724669</v>
      </c>
    </row>
    <row r="88597" spans="1:7" x14ac:dyDescent="0.3">
      <c r="A88597" s="13" t="s">
        <v>443</v>
      </c>
      <c r="B88597" s="14" t="s">
        <v>1</v>
      </c>
      <c r="C88597" s="14" t="s">
        <v>70</v>
      </c>
      <c r="D88597" s="14" t="s">
        <v>444</v>
      </c>
      <c r="E88597" s="15">
        <v>45643</v>
      </c>
      <c r="F88597" s="14" t="s">
        <v>25</v>
      </c>
      <c r="G88597" s="16">
        <v>2.136821430887395</v>
      </c>
    </row>
    <row r="88598" spans="1:7" x14ac:dyDescent="0.3">
      <c r="A88598" s="13" t="s">
        <v>443</v>
      </c>
      <c r="B88598" s="14" t="s">
        <v>1</v>
      </c>
      <c r="C88598" s="14" t="s">
        <v>70</v>
      </c>
      <c r="D88598" s="14" t="s">
        <v>444</v>
      </c>
      <c r="E88598" s="15">
        <v>45644</v>
      </c>
      <c r="F88598" s="14" t="s">
        <v>25</v>
      </c>
      <c r="G88598" s="16">
        <v>2.1485842913162689</v>
      </c>
    </row>
    <row r="88599" spans="1:7" x14ac:dyDescent="0.3">
      <c r="A88599" s="13" t="s">
        <v>443</v>
      </c>
      <c r="B88599" s="14" t="s">
        <v>1</v>
      </c>
      <c r="C88599" s="14" t="s">
        <v>70</v>
      </c>
      <c r="D88599" s="14" t="s">
        <v>444</v>
      </c>
      <c r="E88599" s="15">
        <v>45645</v>
      </c>
      <c r="F88599" s="14" t="s">
        <v>25</v>
      </c>
      <c r="G88599" s="16">
        <v>2.1471115990666831</v>
      </c>
    </row>
    <row r="88600" spans="1:7" x14ac:dyDescent="0.3">
      <c r="A88600" s="13" t="s">
        <v>443</v>
      </c>
      <c r="B88600" s="14" t="s">
        <v>1</v>
      </c>
      <c r="C88600" s="14" t="s">
        <v>70</v>
      </c>
      <c r="D88600" s="14" t="s">
        <v>444</v>
      </c>
      <c r="E88600" s="15">
        <v>45646</v>
      </c>
      <c r="F88600" s="14" t="s">
        <v>25</v>
      </c>
      <c r="G88600" s="16">
        <v>2.1402828627393831</v>
      </c>
    </row>
    <row r="88601" spans="1:7" x14ac:dyDescent="0.3">
      <c r="A88601" s="13" t="s">
        <v>443</v>
      </c>
      <c r="B88601" s="14" t="s">
        <v>1</v>
      </c>
      <c r="C88601" s="14" t="s">
        <v>70</v>
      </c>
      <c r="D88601" s="14" t="s">
        <v>444</v>
      </c>
      <c r="E88601" s="15">
        <v>45647</v>
      </c>
      <c r="F88601" s="14" t="s">
        <v>25</v>
      </c>
      <c r="G88601" s="16">
        <v>2.1402828627393831</v>
      </c>
    </row>
    <row r="88602" spans="1:7" x14ac:dyDescent="0.3">
      <c r="A88602" s="13" t="s">
        <v>443</v>
      </c>
      <c r="B88602" s="14" t="s">
        <v>1</v>
      </c>
      <c r="C88602" s="14" t="s">
        <v>70</v>
      </c>
      <c r="D88602" s="14" t="s">
        <v>444</v>
      </c>
      <c r="E88602" s="15">
        <v>45648</v>
      </c>
      <c r="F88602" s="14" t="s">
        <v>25</v>
      </c>
      <c r="G88602" s="16">
        <v>2.1402828627393831</v>
      </c>
    </row>
    <row r="88603" spans="1:7" x14ac:dyDescent="0.3">
      <c r="A88603" s="13" t="s">
        <v>443</v>
      </c>
      <c r="B88603" s="14" t="s">
        <v>1</v>
      </c>
      <c r="C88603" s="14" t="s">
        <v>70</v>
      </c>
      <c r="D88603" s="14" t="s">
        <v>444</v>
      </c>
      <c r="E88603" s="15">
        <v>45649</v>
      </c>
      <c r="F88603" s="14" t="s">
        <v>25</v>
      </c>
      <c r="G88603" s="16">
        <v>2.1569175193858983</v>
      </c>
    </row>
    <row r="88604" spans="1:7" x14ac:dyDescent="0.3">
      <c r="A88604" s="13" t="s">
        <v>443</v>
      </c>
      <c r="B88604" s="14" t="s">
        <v>1</v>
      </c>
      <c r="C88604" s="14" t="s">
        <v>70</v>
      </c>
      <c r="D88604" s="14" t="s">
        <v>444</v>
      </c>
      <c r="E88604" s="15">
        <v>45650</v>
      </c>
      <c r="F88604" s="14" t="s">
        <v>25</v>
      </c>
      <c r="G88604" s="16">
        <v>2.1734163717179706</v>
      </c>
    </row>
    <row r="88605" spans="1:7" x14ac:dyDescent="0.3">
      <c r="A88605" s="13" t="s">
        <v>443</v>
      </c>
      <c r="B88605" s="14" t="s">
        <v>1</v>
      </c>
      <c r="C88605" s="14" t="s">
        <v>70</v>
      </c>
      <c r="D88605" s="14" t="s">
        <v>444</v>
      </c>
      <c r="E88605" s="15">
        <v>45651</v>
      </c>
      <c r="F88605" s="14" t="s">
        <v>25</v>
      </c>
      <c r="G88605" s="16">
        <v>2.1734163717179706</v>
      </c>
    </row>
    <row r="88606" spans="1:7" x14ac:dyDescent="0.3">
      <c r="A88606" s="13" t="s">
        <v>443</v>
      </c>
      <c r="B88606" s="14" t="s">
        <v>1</v>
      </c>
      <c r="C88606" s="14" t="s">
        <v>70</v>
      </c>
      <c r="D88606" s="14" t="s">
        <v>444</v>
      </c>
      <c r="E88606" s="15">
        <v>45652</v>
      </c>
      <c r="F88606" s="14" t="s">
        <v>25</v>
      </c>
      <c r="G88606" s="16">
        <v>2.1734163717179706</v>
      </c>
    </row>
    <row r="88607" spans="1:7" x14ac:dyDescent="0.3">
      <c r="A88607" s="13" t="s">
        <v>443</v>
      </c>
      <c r="B88607" s="14" t="s">
        <v>1</v>
      </c>
      <c r="C88607" s="14" t="s">
        <v>70</v>
      </c>
      <c r="D88607" s="14" t="s">
        <v>444</v>
      </c>
      <c r="E88607" s="15">
        <v>45653</v>
      </c>
      <c r="F88607" s="14" t="s">
        <v>25</v>
      </c>
      <c r="G88607" s="16">
        <v>2.1734163717179706</v>
      </c>
    </row>
    <row r="88608" spans="1:7" x14ac:dyDescent="0.3">
      <c r="A88608" s="13" t="s">
        <v>443</v>
      </c>
      <c r="B88608" s="14" t="s">
        <v>1</v>
      </c>
      <c r="C88608" s="14" t="s">
        <v>70</v>
      </c>
      <c r="D88608" s="14" t="s">
        <v>444</v>
      </c>
      <c r="E88608" s="15">
        <v>45654</v>
      </c>
      <c r="F88608" s="14" t="s">
        <v>25</v>
      </c>
      <c r="G88608" s="16">
        <v>2.1734163717179706</v>
      </c>
    </row>
    <row r="88609" spans="1:7" x14ac:dyDescent="0.3">
      <c r="A88609" s="13" t="s">
        <v>443</v>
      </c>
      <c r="B88609" s="14" t="s">
        <v>1</v>
      </c>
      <c r="C88609" s="14" t="s">
        <v>70</v>
      </c>
      <c r="D88609" s="14" t="s">
        <v>444</v>
      </c>
      <c r="E88609" s="15">
        <v>45655</v>
      </c>
      <c r="F88609" s="14" t="s">
        <v>25</v>
      </c>
      <c r="G88609" s="16">
        <v>2.1734163717179706</v>
      </c>
    </row>
    <row r="88610" spans="1:7" x14ac:dyDescent="0.3">
      <c r="A88610" s="13" t="s">
        <v>443</v>
      </c>
      <c r="B88610" s="14" t="s">
        <v>1</v>
      </c>
      <c r="C88610" s="14" t="s">
        <v>70</v>
      </c>
      <c r="D88610" s="14" t="s">
        <v>444</v>
      </c>
      <c r="E88610" s="15">
        <v>45656</v>
      </c>
      <c r="F88610" s="14" t="s">
        <v>25</v>
      </c>
      <c r="G88610" s="16">
        <v>2.1852185173737833</v>
      </c>
    </row>
    <row r="88611" spans="1:7" x14ac:dyDescent="0.3">
      <c r="A88611" s="13" t="s">
        <v>443</v>
      </c>
      <c r="B88611" s="14" t="s">
        <v>1</v>
      </c>
      <c r="C88611" s="14" t="s">
        <v>70</v>
      </c>
      <c r="D88611" s="14" t="s">
        <v>444</v>
      </c>
      <c r="E88611" s="15">
        <v>45657</v>
      </c>
      <c r="F88611" s="14" t="s">
        <v>25</v>
      </c>
      <c r="G88611" s="16">
        <v>2.2158144738746821</v>
      </c>
    </row>
    <row r="88612" spans="1:7" x14ac:dyDescent="0.3">
      <c r="A88612" s="13" t="s">
        <v>443</v>
      </c>
      <c r="B88612" s="14" t="s">
        <v>1</v>
      </c>
      <c r="C88612" s="14" t="s">
        <v>70</v>
      </c>
      <c r="D88612" s="14" t="s">
        <v>444</v>
      </c>
      <c r="E88612" s="15">
        <v>45658</v>
      </c>
      <c r="F88612" s="14" t="s">
        <v>25</v>
      </c>
      <c r="G88612" s="16">
        <v>2.2158144738746821</v>
      </c>
    </row>
    <row r="88613" spans="1:7" x14ac:dyDescent="0.3">
      <c r="A88613" s="13" t="s">
        <v>443</v>
      </c>
      <c r="B88613" s="14" t="s">
        <v>1</v>
      </c>
      <c r="C88613" s="14" t="s">
        <v>70</v>
      </c>
      <c r="D88613" s="14" t="s">
        <v>444</v>
      </c>
      <c r="E88613" s="15">
        <v>45659</v>
      </c>
      <c r="F88613" s="14" t="s">
        <v>25</v>
      </c>
      <c r="G88613" s="16">
        <v>2.2158144738746821</v>
      </c>
    </row>
    <row r="88614" spans="1:7" x14ac:dyDescent="0.3">
      <c r="A88614" s="13" t="s">
        <v>443</v>
      </c>
      <c r="B88614" s="14" t="s">
        <v>1</v>
      </c>
      <c r="C88614" s="14" t="s">
        <v>70</v>
      </c>
      <c r="D88614" s="14" t="s">
        <v>444</v>
      </c>
      <c r="E88614" s="15">
        <v>45660</v>
      </c>
      <c r="F88614" s="14" t="s">
        <v>25</v>
      </c>
      <c r="G88614" s="16">
        <v>2.2286269698561201</v>
      </c>
    </row>
    <row r="88615" spans="1:7" x14ac:dyDescent="0.3">
      <c r="A88615" s="13" t="s">
        <v>443</v>
      </c>
      <c r="B88615" s="14" t="s">
        <v>1</v>
      </c>
      <c r="C88615" s="14" t="s">
        <v>70</v>
      </c>
      <c r="D88615" s="14" t="s">
        <v>444</v>
      </c>
      <c r="E88615" s="15">
        <v>45661</v>
      </c>
      <c r="F88615" s="14" t="s">
        <v>25</v>
      </c>
      <c r="G88615" s="16">
        <v>2.2286269698561201</v>
      </c>
    </row>
    <row r="88616" spans="1:7" x14ac:dyDescent="0.3">
      <c r="A88616" s="13" t="s">
        <v>443</v>
      </c>
      <c r="B88616" s="14" t="s">
        <v>1</v>
      </c>
      <c r="C88616" s="14" t="s">
        <v>70</v>
      </c>
      <c r="D88616" s="14" t="s">
        <v>444</v>
      </c>
      <c r="E88616" s="15">
        <v>45662</v>
      </c>
      <c r="F88616" s="14" t="s">
        <v>25</v>
      </c>
      <c r="G88616" s="16">
        <v>2.2286269698561201</v>
      </c>
    </row>
    <row r="88617" spans="1:7" x14ac:dyDescent="0.3">
      <c r="A88617" s="13" t="s">
        <v>443</v>
      </c>
      <c r="B88617" s="14" t="s">
        <v>1</v>
      </c>
      <c r="C88617" s="14" t="s">
        <v>70</v>
      </c>
      <c r="D88617" s="14" t="s">
        <v>444</v>
      </c>
      <c r="E88617" s="15">
        <v>45663</v>
      </c>
      <c r="F88617" s="14" t="s">
        <v>25</v>
      </c>
      <c r="G88617" s="16">
        <v>2.2458878013410235</v>
      </c>
    </row>
    <row r="88618" spans="1:7" x14ac:dyDescent="0.3">
      <c r="A88618" s="13" t="s">
        <v>443</v>
      </c>
      <c r="B88618" s="14" t="s">
        <v>1</v>
      </c>
      <c r="C88618" s="14" t="s">
        <v>70</v>
      </c>
      <c r="D88618" s="14" t="s">
        <v>444</v>
      </c>
      <c r="E88618" s="15">
        <v>45664</v>
      </c>
      <c r="F88618" s="14" t="s">
        <v>25</v>
      </c>
      <c r="G88618" s="16">
        <v>2.2754052367223454</v>
      </c>
    </row>
    <row r="88619" spans="1:7" x14ac:dyDescent="0.3">
      <c r="A88619" s="13" t="s">
        <v>443</v>
      </c>
      <c r="B88619" s="14" t="s">
        <v>1</v>
      </c>
      <c r="C88619" s="14" t="s">
        <v>70</v>
      </c>
      <c r="D88619" s="14" t="s">
        <v>444</v>
      </c>
      <c r="E88619" s="15">
        <v>45665</v>
      </c>
      <c r="F88619" s="14" t="s">
        <v>25</v>
      </c>
      <c r="G88619" s="16">
        <v>2.2829571161890465</v>
      </c>
    </row>
    <row r="88620" spans="1:7" x14ac:dyDescent="0.3">
      <c r="A88620" s="13" t="s">
        <v>443</v>
      </c>
      <c r="B88620" s="14" t="s">
        <v>1</v>
      </c>
      <c r="C88620" s="14" t="s">
        <v>70</v>
      </c>
      <c r="D88620" s="14" t="s">
        <v>444</v>
      </c>
      <c r="E88620" s="15">
        <v>45666</v>
      </c>
      <c r="F88620" s="14" t="s">
        <v>25</v>
      </c>
      <c r="G88620" s="16">
        <v>2.2980249582825745</v>
      </c>
    </row>
    <row r="88621" spans="1:7" x14ac:dyDescent="0.3">
      <c r="A88621" s="13" t="s">
        <v>443</v>
      </c>
      <c r="B88621" s="14" t="s">
        <v>1</v>
      </c>
      <c r="C88621" s="14" t="s">
        <v>70</v>
      </c>
      <c r="D88621" s="14" t="s">
        <v>444</v>
      </c>
      <c r="E88621" s="15">
        <v>45667</v>
      </c>
      <c r="F88621" s="14" t="s">
        <v>25</v>
      </c>
      <c r="G88621" s="16">
        <v>2.3129270917239104</v>
      </c>
    </row>
    <row r="88622" spans="1:7" x14ac:dyDescent="0.3">
      <c r="A88622" s="13" t="s">
        <v>443</v>
      </c>
      <c r="B88622" s="14" t="s">
        <v>1</v>
      </c>
      <c r="C88622" s="14" t="s">
        <v>70</v>
      </c>
      <c r="D88622" s="14" t="s">
        <v>444</v>
      </c>
      <c r="E88622" s="15">
        <v>45668</v>
      </c>
      <c r="F88622" s="14" t="s">
        <v>25</v>
      </c>
      <c r="G88622" s="16">
        <v>2.3129270917239104</v>
      </c>
    </row>
    <row r="88623" spans="1:7" x14ac:dyDescent="0.3">
      <c r="A88623" s="13" t="s">
        <v>443</v>
      </c>
      <c r="B88623" s="14" t="s">
        <v>1</v>
      </c>
      <c r="C88623" s="14" t="s">
        <v>70</v>
      </c>
      <c r="D88623" s="14" t="s">
        <v>444</v>
      </c>
      <c r="E88623" s="15">
        <v>45669</v>
      </c>
      <c r="F88623" s="14" t="s">
        <v>25</v>
      </c>
      <c r="G88623" s="16">
        <v>2.3129270917239104</v>
      </c>
    </row>
    <row r="88624" spans="1:7" x14ac:dyDescent="0.3">
      <c r="A88624" s="13" t="s">
        <v>443</v>
      </c>
      <c r="B88624" s="14" t="s">
        <v>1</v>
      </c>
      <c r="C88624" s="14" t="s">
        <v>70</v>
      </c>
      <c r="D88624" s="14" t="s">
        <v>444</v>
      </c>
      <c r="E88624" s="15">
        <v>45670</v>
      </c>
      <c r="F88624" s="14" t="s">
        <v>25</v>
      </c>
      <c r="G88624" s="16">
        <v>2.3312442302692937</v>
      </c>
    </row>
    <row r="88625" spans="1:7" x14ac:dyDescent="0.3">
      <c r="A88625" s="13" t="s">
        <v>443</v>
      </c>
      <c r="B88625" s="14" t="s">
        <v>1</v>
      </c>
      <c r="C88625" s="14" t="s">
        <v>70</v>
      </c>
      <c r="D88625" s="14" t="s">
        <v>444</v>
      </c>
      <c r="E88625" s="15">
        <v>45671</v>
      </c>
      <c r="F88625" s="14" t="s">
        <v>25</v>
      </c>
      <c r="G88625" s="16">
        <v>2.3307142264361862</v>
      </c>
    </row>
    <row r="88626" spans="1:7" x14ac:dyDescent="0.3">
      <c r="A88626" s="13" t="s">
        <v>443</v>
      </c>
      <c r="B88626" s="14" t="s">
        <v>1</v>
      </c>
      <c r="C88626" s="14" t="s">
        <v>70</v>
      </c>
      <c r="D88626" s="14" t="s">
        <v>444</v>
      </c>
      <c r="E88626" s="15">
        <v>45672</v>
      </c>
      <c r="F88626" s="14" t="s">
        <v>25</v>
      </c>
      <c r="G88626" s="16">
        <v>2.3358451174492352</v>
      </c>
    </row>
    <row r="88627" spans="1:7" x14ac:dyDescent="0.3">
      <c r="A88627" s="13" t="s">
        <v>443</v>
      </c>
      <c r="B88627" s="14" t="s">
        <v>1</v>
      </c>
      <c r="C88627" s="14" t="s">
        <v>70</v>
      </c>
      <c r="D88627" s="14" t="s">
        <v>444</v>
      </c>
      <c r="E88627" s="15">
        <v>45673</v>
      </c>
      <c r="F88627" s="14" t="s">
        <v>25</v>
      </c>
      <c r="G88627" s="16">
        <v>2.3378611431077698</v>
      </c>
    </row>
    <row r="88628" spans="1:7" x14ac:dyDescent="0.3">
      <c r="A88628" s="13" t="s">
        <v>443</v>
      </c>
      <c r="B88628" s="14" t="s">
        <v>1</v>
      </c>
      <c r="C88628" s="14" t="s">
        <v>70</v>
      </c>
      <c r="D88628" s="14" t="s">
        <v>444</v>
      </c>
      <c r="E88628" s="15">
        <v>45674</v>
      </c>
      <c r="F88628" s="14" t="s">
        <v>25</v>
      </c>
      <c r="G88628" s="16">
        <v>2.3523826308408919</v>
      </c>
    </row>
    <row r="88629" spans="1:7" x14ac:dyDescent="0.3">
      <c r="A88629" s="13" t="s">
        <v>443</v>
      </c>
      <c r="B88629" s="14" t="s">
        <v>1</v>
      </c>
      <c r="C88629" s="14" t="s">
        <v>70</v>
      </c>
      <c r="D88629" s="14" t="s">
        <v>444</v>
      </c>
      <c r="E88629" s="15">
        <v>45675</v>
      </c>
      <c r="F88629" s="14" t="s">
        <v>25</v>
      </c>
      <c r="G88629" s="16">
        <v>2.3523826308408919</v>
      </c>
    </row>
    <row r="88630" spans="1:7" x14ac:dyDescent="0.3">
      <c r="A88630" s="13" t="s">
        <v>443</v>
      </c>
      <c r="B88630" s="14" t="s">
        <v>1</v>
      </c>
      <c r="C88630" s="14" t="s">
        <v>70</v>
      </c>
      <c r="D88630" s="14" t="s">
        <v>444</v>
      </c>
      <c r="E88630" s="15">
        <v>45676</v>
      </c>
      <c r="F88630" s="14" t="s">
        <v>25</v>
      </c>
      <c r="G88630" s="16">
        <v>2.3523826308408919</v>
      </c>
    </row>
    <row r="88631" spans="1:7" x14ac:dyDescent="0.3">
      <c r="A88631" s="13" t="s">
        <v>443</v>
      </c>
      <c r="B88631" s="14" t="s">
        <v>1</v>
      </c>
      <c r="C88631" s="14" t="s">
        <v>70</v>
      </c>
      <c r="D88631" s="14" t="s">
        <v>444</v>
      </c>
      <c r="E88631" s="15">
        <v>45677</v>
      </c>
      <c r="F88631" s="14" t="s">
        <v>25</v>
      </c>
      <c r="G88631" s="16">
        <v>2.3384448810119034</v>
      </c>
    </row>
    <row r="88632" spans="1:7" x14ac:dyDescent="0.3">
      <c r="A88632" s="13" t="s">
        <v>443</v>
      </c>
      <c r="B88632" s="14" t="s">
        <v>1</v>
      </c>
      <c r="C88632" s="14" t="s">
        <v>70</v>
      </c>
      <c r="D88632" s="14" t="s">
        <v>444</v>
      </c>
      <c r="E88632" s="15">
        <v>45678</v>
      </c>
      <c r="F88632" s="14" t="s">
        <v>25</v>
      </c>
      <c r="G88632" s="16">
        <v>2.3652768178416914</v>
      </c>
    </row>
    <row r="88633" spans="1:7" x14ac:dyDescent="0.3">
      <c r="A88633" s="13" t="s">
        <v>443</v>
      </c>
      <c r="B88633" s="14" t="s">
        <v>1</v>
      </c>
      <c r="C88633" s="14" t="s">
        <v>70</v>
      </c>
      <c r="D88633" s="14" t="s">
        <v>444</v>
      </c>
      <c r="E88633" s="15">
        <v>45679</v>
      </c>
      <c r="F88633" s="14" t="s">
        <v>25</v>
      </c>
      <c r="G88633" s="16">
        <v>2.370578919577945</v>
      </c>
    </row>
    <row r="88634" spans="1:7" x14ac:dyDescent="0.3">
      <c r="A88634" s="13" t="s">
        <v>443</v>
      </c>
      <c r="B88634" s="14" t="s">
        <v>1</v>
      </c>
      <c r="C88634" s="14" t="s">
        <v>70</v>
      </c>
      <c r="D88634" s="14" t="s">
        <v>444</v>
      </c>
      <c r="E88634" s="15">
        <v>45680</v>
      </c>
      <c r="F88634" s="14" t="s">
        <v>25</v>
      </c>
      <c r="G88634" s="16">
        <v>2.3752871070104855</v>
      </c>
    </row>
    <row r="88635" spans="1:7" x14ac:dyDescent="0.3">
      <c r="A88635" s="13" t="s">
        <v>443</v>
      </c>
      <c r="B88635" s="14" t="s">
        <v>1</v>
      </c>
      <c r="C88635" s="14" t="s">
        <v>70</v>
      </c>
      <c r="D88635" s="14" t="s">
        <v>444</v>
      </c>
      <c r="E88635" s="15">
        <v>45681</v>
      </c>
      <c r="F88635" s="14" t="s">
        <v>25</v>
      </c>
      <c r="G88635" s="16">
        <v>2.3750565024977637</v>
      </c>
    </row>
    <row r="88636" spans="1:7" x14ac:dyDescent="0.3">
      <c r="A88636" s="13" t="s">
        <v>443</v>
      </c>
      <c r="B88636" s="14" t="s">
        <v>1</v>
      </c>
      <c r="C88636" s="14" t="s">
        <v>70</v>
      </c>
      <c r="D88636" s="14" t="s">
        <v>444</v>
      </c>
      <c r="E88636" s="15">
        <v>45682</v>
      </c>
      <c r="F88636" s="14" t="s">
        <v>25</v>
      </c>
      <c r="G88636" s="16">
        <v>2.3750565024977637</v>
      </c>
    </row>
    <row r="88637" spans="1:7" x14ac:dyDescent="0.3">
      <c r="A88637" s="13" t="s">
        <v>443</v>
      </c>
      <c r="B88637" s="14" t="s">
        <v>1</v>
      </c>
      <c r="C88637" s="14" t="s">
        <v>70</v>
      </c>
      <c r="D88637" s="14" t="s">
        <v>444</v>
      </c>
      <c r="E88637" s="15">
        <v>45683</v>
      </c>
      <c r="F88637" s="14" t="s">
        <v>25</v>
      </c>
      <c r="G88637" s="16">
        <v>2.3750565024977637</v>
      </c>
    </row>
    <row r="88638" spans="1:7" x14ac:dyDescent="0.3">
      <c r="A88638" s="13" t="s">
        <v>443</v>
      </c>
      <c r="B88638" s="14" t="s">
        <v>1</v>
      </c>
      <c r="C88638" s="14" t="s">
        <v>70</v>
      </c>
      <c r="D88638" s="14" t="s">
        <v>444</v>
      </c>
      <c r="E88638" s="15">
        <v>45684</v>
      </c>
      <c r="F88638" s="14" t="s">
        <v>25</v>
      </c>
      <c r="G88638" s="16">
        <v>2.3749511807874373</v>
      </c>
    </row>
    <row r="88639" spans="1:7" x14ac:dyDescent="0.3">
      <c r="A88639" s="13" t="s">
        <v>443</v>
      </c>
      <c r="B88639" s="14" t="s">
        <v>1</v>
      </c>
      <c r="C88639" s="14" t="s">
        <v>70</v>
      </c>
      <c r="D88639" s="14" t="s">
        <v>444</v>
      </c>
      <c r="E88639" s="15">
        <v>45685</v>
      </c>
      <c r="F88639" s="14" t="s">
        <v>25</v>
      </c>
      <c r="G88639" s="16">
        <v>2.3878329756791556</v>
      </c>
    </row>
    <row r="88640" spans="1:7" x14ac:dyDescent="0.3">
      <c r="A88640" s="13" t="s">
        <v>443</v>
      </c>
      <c r="B88640" s="14" t="s">
        <v>1</v>
      </c>
      <c r="C88640" s="14" t="s">
        <v>70</v>
      </c>
      <c r="D88640" s="14" t="s">
        <v>444</v>
      </c>
      <c r="E88640" s="15">
        <v>45686</v>
      </c>
      <c r="F88640" s="14" t="s">
        <v>25</v>
      </c>
      <c r="G88640" s="16">
        <v>2.3986153733667614</v>
      </c>
    </row>
    <row r="88641" spans="1:7" x14ac:dyDescent="0.3">
      <c r="A88641" s="13" t="s">
        <v>443</v>
      </c>
      <c r="B88641" s="14" t="s">
        <v>1</v>
      </c>
      <c r="C88641" s="14" t="s">
        <v>70</v>
      </c>
      <c r="D88641" s="14" t="s">
        <v>444</v>
      </c>
      <c r="E88641" s="15">
        <v>45687</v>
      </c>
      <c r="F88641" s="14" t="s">
        <v>25</v>
      </c>
      <c r="G88641" s="16">
        <v>2.4106188651967999</v>
      </c>
    </row>
    <row r="88642" spans="1:7" x14ac:dyDescent="0.3">
      <c r="A88642" s="13" t="s">
        <v>443</v>
      </c>
      <c r="B88642" s="14" t="s">
        <v>1</v>
      </c>
      <c r="C88642" s="14" t="s">
        <v>70</v>
      </c>
      <c r="D88642" s="14" t="s">
        <v>444</v>
      </c>
      <c r="E88642" s="15">
        <v>45688</v>
      </c>
      <c r="F88642" s="14" t="s">
        <v>25</v>
      </c>
      <c r="G88642" s="16">
        <v>2.4179881787558384</v>
      </c>
    </row>
    <row r="88643" spans="1:7" x14ac:dyDescent="0.3">
      <c r="A88643" s="13" t="s">
        <v>443</v>
      </c>
      <c r="B88643" s="14" t="s">
        <v>1</v>
      </c>
      <c r="C88643" s="14" t="s">
        <v>70</v>
      </c>
      <c r="D88643" s="14" t="s">
        <v>444</v>
      </c>
      <c r="E88643" s="15">
        <v>45689</v>
      </c>
      <c r="F88643" s="14" t="s">
        <v>25</v>
      </c>
      <c r="G88643" s="16">
        <v>2.4179881787558384</v>
      </c>
    </row>
    <row r="88644" spans="1:7" x14ac:dyDescent="0.3">
      <c r="A88644" s="13" t="s">
        <v>443</v>
      </c>
      <c r="B88644" s="14" t="s">
        <v>1</v>
      </c>
      <c r="C88644" s="14" t="s">
        <v>70</v>
      </c>
      <c r="D88644" s="14" t="s">
        <v>444</v>
      </c>
      <c r="E88644" s="15">
        <v>45690</v>
      </c>
      <c r="F88644" s="14" t="s">
        <v>25</v>
      </c>
      <c r="G88644" s="16">
        <v>2.4179881787558384</v>
      </c>
    </row>
    <row r="88645" spans="1:7" x14ac:dyDescent="0.3">
      <c r="A88645" s="13" t="s">
        <v>443</v>
      </c>
      <c r="B88645" s="14" t="s">
        <v>1</v>
      </c>
      <c r="C88645" s="14" t="s">
        <v>70</v>
      </c>
      <c r="D88645" s="14" t="s">
        <v>444</v>
      </c>
      <c r="E88645" s="15">
        <v>45691</v>
      </c>
      <c r="F88645" s="14" t="s">
        <v>25</v>
      </c>
      <c r="G88645" s="16">
        <v>2.4179881787558384</v>
      </c>
    </row>
    <row r="88646" spans="1:7" x14ac:dyDescent="0.3">
      <c r="A88646" s="13" t="s">
        <v>443</v>
      </c>
      <c r="B88646" s="14" t="s">
        <v>1</v>
      </c>
      <c r="C88646" s="14" t="s">
        <v>70</v>
      </c>
      <c r="D88646" s="14" t="s">
        <v>444</v>
      </c>
      <c r="E88646" s="15">
        <v>45692</v>
      </c>
      <c r="F88646" s="14" t="s">
        <v>25</v>
      </c>
      <c r="G88646" s="16">
        <v>2.4087943391722852</v>
      </c>
    </row>
    <row r="88647" spans="1:7" x14ac:dyDescent="0.3">
      <c r="A88647" s="13" t="s">
        <v>443</v>
      </c>
      <c r="B88647" s="14" t="s">
        <v>1</v>
      </c>
      <c r="C88647" s="14" t="s">
        <v>70</v>
      </c>
      <c r="D88647" s="14" t="s">
        <v>444</v>
      </c>
      <c r="E88647" s="15">
        <v>45693</v>
      </c>
      <c r="F88647" s="14" t="s">
        <v>25</v>
      </c>
      <c r="G88647" s="16">
        <v>2.4089894555218914</v>
      </c>
    </row>
    <row r="88648" spans="1:7" x14ac:dyDescent="0.3">
      <c r="A88648" s="13" t="s">
        <v>443</v>
      </c>
      <c r="B88648" s="14" t="s">
        <v>1</v>
      </c>
      <c r="C88648" s="14" t="s">
        <v>70</v>
      </c>
      <c r="D88648" s="14" t="s">
        <v>444</v>
      </c>
      <c r="E88648" s="15">
        <v>45694</v>
      </c>
      <c r="F88648" s="14" t="s">
        <v>25</v>
      </c>
      <c r="G88648" s="16">
        <v>2.420855076735771</v>
      </c>
    </row>
    <row r="88649" spans="1:7" x14ac:dyDescent="0.3">
      <c r="A88649" s="13" t="s">
        <v>443</v>
      </c>
      <c r="B88649" s="14" t="s">
        <v>1</v>
      </c>
      <c r="C88649" s="14" t="s">
        <v>70</v>
      </c>
      <c r="D88649" s="14" t="s">
        <v>444</v>
      </c>
      <c r="E88649" s="15">
        <v>45695</v>
      </c>
      <c r="F88649" s="14" t="s">
        <v>25</v>
      </c>
      <c r="G88649" s="16">
        <v>2.4389279771480528</v>
      </c>
    </row>
    <row r="88650" spans="1:7" x14ac:dyDescent="0.3">
      <c r="A88650" s="13" t="s">
        <v>443</v>
      </c>
      <c r="B88650" s="14" t="s">
        <v>1</v>
      </c>
      <c r="C88650" s="14" t="s">
        <v>70</v>
      </c>
      <c r="D88650" s="14" t="s">
        <v>444</v>
      </c>
      <c r="E88650" s="15">
        <v>45696</v>
      </c>
      <c r="F88650" s="14" t="s">
        <v>25</v>
      </c>
      <c r="G88650" s="16">
        <v>2.4389279771480528</v>
      </c>
    </row>
    <row r="88651" spans="1:7" x14ac:dyDescent="0.3">
      <c r="A88651" s="13" t="s">
        <v>443</v>
      </c>
      <c r="B88651" s="14" t="s">
        <v>1</v>
      </c>
      <c r="C88651" s="14" t="s">
        <v>70</v>
      </c>
      <c r="D88651" s="14" t="s">
        <v>444</v>
      </c>
      <c r="E88651" s="15">
        <v>45697</v>
      </c>
      <c r="F88651" s="14" t="s">
        <v>25</v>
      </c>
      <c r="G88651" s="16">
        <v>2.4389279771480528</v>
      </c>
    </row>
    <row r="88652" spans="1:7" x14ac:dyDescent="0.3">
      <c r="A88652" s="13" t="s">
        <v>443</v>
      </c>
      <c r="B88652" s="14" t="s">
        <v>1</v>
      </c>
      <c r="C88652" s="14" t="s">
        <v>70</v>
      </c>
      <c r="D88652" s="14" t="s">
        <v>444</v>
      </c>
      <c r="E88652" s="15">
        <v>45698</v>
      </c>
      <c r="F88652" s="14" t="s">
        <v>25</v>
      </c>
      <c r="G88652" s="16">
        <v>2.4468101692386268</v>
      </c>
    </row>
    <row r="88653" spans="1:7" x14ac:dyDescent="0.3">
      <c r="A88653" s="13" t="s">
        <v>443</v>
      </c>
      <c r="B88653" s="14" t="s">
        <v>1</v>
      </c>
      <c r="C88653" s="14" t="s">
        <v>70</v>
      </c>
      <c r="D88653" s="14" t="s">
        <v>444</v>
      </c>
      <c r="E88653" s="15">
        <v>45699</v>
      </c>
      <c r="F88653" s="14" t="s">
        <v>25</v>
      </c>
      <c r="G88653" s="16">
        <v>2.4632867608090399</v>
      </c>
    </row>
    <row r="88654" spans="1:7" x14ac:dyDescent="0.3">
      <c r="A88654" s="13" t="s">
        <v>443</v>
      </c>
      <c r="B88654" s="14" t="s">
        <v>1</v>
      </c>
      <c r="C88654" s="14" t="s">
        <v>70</v>
      </c>
      <c r="D88654" s="14" t="s">
        <v>444</v>
      </c>
      <c r="E88654" s="15">
        <v>45700</v>
      </c>
      <c r="F88654" s="14" t="s">
        <v>25</v>
      </c>
      <c r="G88654" s="16">
        <v>2.4687346250704176</v>
      </c>
    </row>
    <row r="88655" spans="1:7" x14ac:dyDescent="0.3">
      <c r="A88655" s="13" t="s">
        <v>443</v>
      </c>
      <c r="B88655" s="14" t="s">
        <v>1</v>
      </c>
      <c r="C88655" s="14" t="s">
        <v>70</v>
      </c>
      <c r="D88655" s="14" t="s">
        <v>444</v>
      </c>
      <c r="E88655" s="15">
        <v>45701</v>
      </c>
      <c r="F88655" s="14" t="s">
        <v>25</v>
      </c>
      <c r="G88655" s="16">
        <v>2.450205742367987</v>
      </c>
    </row>
    <row r="88656" spans="1:7" x14ac:dyDescent="0.3">
      <c r="A88656" s="13" t="s">
        <v>443</v>
      </c>
      <c r="B88656" s="14" t="s">
        <v>1</v>
      </c>
      <c r="C88656" s="14" t="s">
        <v>70</v>
      </c>
      <c r="D88656" s="14" t="s">
        <v>444</v>
      </c>
      <c r="E88656" s="15">
        <v>45702</v>
      </c>
      <c r="F88656" s="14" t="s">
        <v>25</v>
      </c>
      <c r="G88656" s="16">
        <v>2.4528784700324811</v>
      </c>
    </row>
    <row r="88657" spans="1:7" x14ac:dyDescent="0.3">
      <c r="A88657" s="13" t="s">
        <v>443</v>
      </c>
      <c r="B88657" s="14" t="s">
        <v>1</v>
      </c>
      <c r="C88657" s="14" t="s">
        <v>70</v>
      </c>
      <c r="D88657" s="14" t="s">
        <v>444</v>
      </c>
      <c r="E88657" s="15">
        <v>45703</v>
      </c>
      <c r="F88657" s="14" t="s">
        <v>25</v>
      </c>
      <c r="G88657" s="16">
        <v>2.4528784700324811</v>
      </c>
    </row>
    <row r="88658" spans="1:7" x14ac:dyDescent="0.3">
      <c r="A88658" s="13" t="s">
        <v>443</v>
      </c>
      <c r="B88658" s="14" t="s">
        <v>1</v>
      </c>
      <c r="C88658" s="14" t="s">
        <v>70</v>
      </c>
      <c r="D88658" s="14" t="s">
        <v>444</v>
      </c>
      <c r="E88658" s="15">
        <v>45704</v>
      </c>
      <c r="F88658" s="14" t="s">
        <v>25</v>
      </c>
      <c r="G88658" s="16">
        <v>2.4528784700324811</v>
      </c>
    </row>
    <row r="88659" spans="1:7" x14ac:dyDescent="0.3">
      <c r="A88659" s="13" t="s">
        <v>443</v>
      </c>
      <c r="B88659" s="14" t="s">
        <v>1</v>
      </c>
      <c r="C88659" s="14" t="s">
        <v>70</v>
      </c>
      <c r="D88659" s="14" t="s">
        <v>444</v>
      </c>
      <c r="E88659" s="15">
        <v>45705</v>
      </c>
      <c r="F88659" s="14" t="s">
        <v>25</v>
      </c>
      <c r="G88659" s="16">
        <v>2.502118304747404</v>
      </c>
    </row>
    <row r="88660" spans="1:7" x14ac:dyDescent="0.3">
      <c r="A88660" s="13" t="s">
        <v>443</v>
      </c>
      <c r="B88660" s="14" t="s">
        <v>1</v>
      </c>
      <c r="C88660" s="14" t="s">
        <v>70</v>
      </c>
      <c r="D88660" s="14" t="s">
        <v>444</v>
      </c>
      <c r="E88660" s="15">
        <v>45706</v>
      </c>
      <c r="F88660" s="14" t="s">
        <v>25</v>
      </c>
      <c r="G88660" s="16">
        <v>2.5190711350134349</v>
      </c>
    </row>
    <row r="88661" spans="1:7" x14ac:dyDescent="0.3">
      <c r="A88661" s="13" t="s">
        <v>443</v>
      </c>
      <c r="B88661" s="14" t="s">
        <v>1</v>
      </c>
      <c r="C88661" s="14" t="s">
        <v>70</v>
      </c>
      <c r="D88661" s="14" t="s">
        <v>444</v>
      </c>
      <c r="E88661" s="15">
        <v>45707</v>
      </c>
      <c r="F88661" s="14" t="s">
        <v>25</v>
      </c>
      <c r="G88661" s="16">
        <v>2.5386318038329301</v>
      </c>
    </row>
    <row r="88662" spans="1:7" x14ac:dyDescent="0.3">
      <c r="A88662" s="13" t="s">
        <v>443</v>
      </c>
      <c r="B88662" s="14" t="s">
        <v>1</v>
      </c>
      <c r="C88662" s="14" t="s">
        <v>70</v>
      </c>
      <c r="D88662" s="14" t="s">
        <v>444</v>
      </c>
      <c r="E88662" s="15">
        <v>45708</v>
      </c>
      <c r="F88662" s="14" t="s">
        <v>25</v>
      </c>
      <c r="G88662" s="16">
        <v>2.5230014180531186</v>
      </c>
    </row>
    <row r="88663" spans="1:7" x14ac:dyDescent="0.3">
      <c r="A88663" s="13" t="s">
        <v>443</v>
      </c>
      <c r="B88663" s="14" t="s">
        <v>1</v>
      </c>
      <c r="C88663" s="14" t="s">
        <v>70</v>
      </c>
      <c r="D88663" s="14" t="s">
        <v>444</v>
      </c>
      <c r="E88663" s="15">
        <v>45709</v>
      </c>
      <c r="F88663" s="14" t="s">
        <v>25</v>
      </c>
      <c r="G88663" s="16">
        <v>2.5272047692356612</v>
      </c>
    </row>
    <row r="88664" spans="1:7" x14ac:dyDescent="0.3">
      <c r="A88664" s="13" t="s">
        <v>443</v>
      </c>
      <c r="B88664" s="14" t="s">
        <v>1</v>
      </c>
      <c r="C88664" s="14" t="s">
        <v>70</v>
      </c>
      <c r="D88664" s="14" t="s">
        <v>444</v>
      </c>
      <c r="E88664" s="15">
        <v>45710</v>
      </c>
      <c r="F88664" s="14" t="s">
        <v>25</v>
      </c>
      <c r="G88664" s="16">
        <v>2.5272047692356612</v>
      </c>
    </row>
    <row r="88665" spans="1:7" x14ac:dyDescent="0.3">
      <c r="A88665" s="13" t="s">
        <v>443</v>
      </c>
      <c r="B88665" s="14" t="s">
        <v>1</v>
      </c>
      <c r="C88665" s="14" t="s">
        <v>70</v>
      </c>
      <c r="D88665" s="14" t="s">
        <v>444</v>
      </c>
      <c r="E88665" s="15">
        <v>45711</v>
      </c>
      <c r="F88665" s="14" t="s">
        <v>25</v>
      </c>
      <c r="G88665" s="16">
        <v>2.5272047692356612</v>
      </c>
    </row>
    <row r="88666" spans="1:7" x14ac:dyDescent="0.3">
      <c r="A88666" s="13" t="s">
        <v>443</v>
      </c>
      <c r="B88666" s="14" t="s">
        <v>1</v>
      </c>
      <c r="C88666" s="14" t="s">
        <v>70</v>
      </c>
      <c r="D88666" s="14" t="s">
        <v>444</v>
      </c>
      <c r="E88666" s="15">
        <v>45712</v>
      </c>
      <c r="F88666" s="14" t="s">
        <v>25</v>
      </c>
      <c r="G88666" s="16">
        <v>2.5280910220116684</v>
      </c>
    </row>
    <row r="88667" spans="1:7" x14ac:dyDescent="0.3">
      <c r="A88667" s="13" t="s">
        <v>443</v>
      </c>
      <c r="B88667" s="14" t="s">
        <v>1</v>
      </c>
      <c r="C88667" s="14" t="s">
        <v>70</v>
      </c>
      <c r="D88667" s="14" t="s">
        <v>444</v>
      </c>
      <c r="E88667" s="15">
        <v>45713</v>
      </c>
      <c r="F88667" s="14" t="s">
        <v>25</v>
      </c>
      <c r="G88667" s="16">
        <v>2.527319088302566</v>
      </c>
    </row>
    <row r="88668" spans="1:7" x14ac:dyDescent="0.3">
      <c r="A88668" s="13" t="s">
        <v>443</v>
      </c>
      <c r="B88668" s="14" t="s">
        <v>1</v>
      </c>
      <c r="C88668" s="14" t="s">
        <v>70</v>
      </c>
      <c r="D88668" s="14" t="s">
        <v>444</v>
      </c>
      <c r="E88668" s="15">
        <v>45714</v>
      </c>
      <c r="F88668" s="14" t="s">
        <v>25</v>
      </c>
      <c r="G88668" s="16">
        <v>2.5357560870597853</v>
      </c>
    </row>
    <row r="88669" spans="1:7" x14ac:dyDescent="0.3">
      <c r="A88669" s="13" t="s">
        <v>443</v>
      </c>
      <c r="B88669" s="14" t="s">
        <v>1</v>
      </c>
      <c r="C88669" s="14" t="s">
        <v>70</v>
      </c>
      <c r="D88669" s="14" t="s">
        <v>444</v>
      </c>
      <c r="E88669" s="15">
        <v>45715</v>
      </c>
      <c r="F88669" s="14" t="s">
        <v>25</v>
      </c>
      <c r="G88669" s="16">
        <v>2.5540635785769519</v>
      </c>
    </row>
    <row r="88670" spans="1:7" x14ac:dyDescent="0.3">
      <c r="A88670" s="13" t="s">
        <v>443</v>
      </c>
      <c r="B88670" s="14" t="s">
        <v>1</v>
      </c>
      <c r="C88670" s="14" t="s">
        <v>70</v>
      </c>
      <c r="D88670" s="14" t="s">
        <v>444</v>
      </c>
      <c r="E88670" s="15">
        <v>45716</v>
      </c>
      <c r="F88670" s="14" t="s">
        <v>25</v>
      </c>
      <c r="G88670" s="16">
        <v>2.5726317478354037</v>
      </c>
    </row>
    <row r="88671" spans="1:7" x14ac:dyDescent="0.3">
      <c r="A88671" s="13" t="s">
        <v>443</v>
      </c>
      <c r="B88671" s="14" t="s">
        <v>1</v>
      </c>
      <c r="C88671" s="14" t="s">
        <v>70</v>
      </c>
      <c r="D88671" s="14" t="s">
        <v>444</v>
      </c>
      <c r="E88671" s="15">
        <v>45717</v>
      </c>
      <c r="F88671" s="14" t="s">
        <v>25</v>
      </c>
      <c r="G88671" s="16">
        <v>2.5726317478354037</v>
      </c>
    </row>
    <row r="88672" spans="1:7" x14ac:dyDescent="0.3">
      <c r="A88672" s="13" t="s">
        <v>443</v>
      </c>
      <c r="B88672" s="14" t="s">
        <v>1</v>
      </c>
      <c r="C88672" s="14" t="s">
        <v>70</v>
      </c>
      <c r="D88672" s="14" t="s">
        <v>444</v>
      </c>
      <c r="E88672" s="15">
        <v>45718</v>
      </c>
      <c r="F88672" s="14" t="s">
        <v>25</v>
      </c>
      <c r="G88672" s="16">
        <v>2.5726317478354037</v>
      </c>
    </row>
    <row r="88673" spans="1:7" x14ac:dyDescent="0.3">
      <c r="A88673" s="13" t="s">
        <v>443</v>
      </c>
      <c r="B88673" s="14" t="s">
        <v>1</v>
      </c>
      <c r="C88673" s="14" t="s">
        <v>70</v>
      </c>
      <c r="D88673" s="14" t="s">
        <v>444</v>
      </c>
      <c r="E88673" s="15">
        <v>45719</v>
      </c>
      <c r="F88673" s="14" t="s">
        <v>25</v>
      </c>
      <c r="G88673" s="16">
        <v>2.5801859200551251</v>
      </c>
    </row>
    <row r="88674" spans="1:7" x14ac:dyDescent="0.3">
      <c r="A88674" s="13" t="s">
        <v>443</v>
      </c>
      <c r="B88674" s="14" t="s">
        <v>1</v>
      </c>
      <c r="C88674" s="14" t="s">
        <v>70</v>
      </c>
      <c r="D88674" s="14" t="s">
        <v>444</v>
      </c>
      <c r="E88674" s="15">
        <v>45720</v>
      </c>
      <c r="F88674" s="14" t="s">
        <v>25</v>
      </c>
      <c r="G88674" s="16">
        <v>2.5711310616146132</v>
      </c>
    </row>
    <row r="88675" spans="1:7" x14ac:dyDescent="0.3">
      <c r="A88675" s="13" t="s">
        <v>443</v>
      </c>
      <c r="B88675" s="14" t="s">
        <v>1</v>
      </c>
      <c r="C88675" s="14" t="s">
        <v>70</v>
      </c>
      <c r="D88675" s="14" t="s">
        <v>444</v>
      </c>
      <c r="E88675" s="15">
        <v>45721</v>
      </c>
      <c r="F88675" s="14" t="s">
        <v>25</v>
      </c>
      <c r="G88675" s="16">
        <v>2.5773785533427955</v>
      </c>
    </row>
    <row r="88676" spans="1:7" x14ac:dyDescent="0.3">
      <c r="A88676" s="13" t="s">
        <v>443</v>
      </c>
      <c r="B88676" s="14" t="s">
        <v>1</v>
      </c>
      <c r="C88676" s="14" t="s">
        <v>70</v>
      </c>
      <c r="D88676" s="14" t="s">
        <v>444</v>
      </c>
      <c r="E88676" s="15">
        <v>45722</v>
      </c>
      <c r="F88676" s="14" t="s">
        <v>25</v>
      </c>
      <c r="G88676" s="16">
        <v>2.5626593133317979</v>
      </c>
    </row>
    <row r="88677" spans="1:7" x14ac:dyDescent="0.3">
      <c r="A88677" s="13" t="s">
        <v>443</v>
      </c>
      <c r="B88677" s="14" t="s">
        <v>1</v>
      </c>
      <c r="C88677" s="14" t="s">
        <v>70</v>
      </c>
      <c r="D88677" s="14" t="s">
        <v>444</v>
      </c>
      <c r="E88677" s="15">
        <v>45723</v>
      </c>
      <c r="F88677" s="14" t="s">
        <v>25</v>
      </c>
      <c r="G88677" s="16">
        <v>2.5940560261341941</v>
      </c>
    </row>
    <row r="88678" spans="1:7" x14ac:dyDescent="0.3">
      <c r="A88678" s="13" t="s">
        <v>443</v>
      </c>
      <c r="B88678" s="14" t="s">
        <v>1</v>
      </c>
      <c r="C88678" s="14" t="s">
        <v>70</v>
      </c>
      <c r="D88678" s="14" t="s">
        <v>444</v>
      </c>
      <c r="E88678" s="15">
        <v>45724</v>
      </c>
      <c r="F88678" s="14" t="s">
        <v>25</v>
      </c>
      <c r="G88678" s="16">
        <v>2.5940560261341941</v>
      </c>
    </row>
    <row r="88679" spans="1:7" x14ac:dyDescent="0.3">
      <c r="A88679" s="13" t="s">
        <v>443</v>
      </c>
      <c r="B88679" s="14" t="s">
        <v>1</v>
      </c>
      <c r="C88679" s="14" t="s">
        <v>70</v>
      </c>
      <c r="D88679" s="14" t="s">
        <v>444</v>
      </c>
      <c r="E88679" s="15">
        <v>45725</v>
      </c>
      <c r="F88679" s="14" t="s">
        <v>25</v>
      </c>
      <c r="G88679" s="16">
        <v>2.5940560261341941</v>
      </c>
    </row>
    <row r="88680" spans="1:7" x14ac:dyDescent="0.3">
      <c r="A88680" s="13" t="s">
        <v>443</v>
      </c>
      <c r="B88680" s="14" t="s">
        <v>1</v>
      </c>
      <c r="C88680" s="14" t="s">
        <v>70</v>
      </c>
      <c r="D88680" s="14" t="s">
        <v>444</v>
      </c>
      <c r="E88680" s="15">
        <v>45726</v>
      </c>
      <c r="F88680" s="14" t="s">
        <v>25</v>
      </c>
      <c r="G88680" s="16">
        <v>2.6053803207938775</v>
      </c>
    </row>
    <row r="88681" spans="1:7" x14ac:dyDescent="0.3">
      <c r="A88681" s="13" t="s">
        <v>443</v>
      </c>
      <c r="B88681" s="14" t="s">
        <v>1</v>
      </c>
      <c r="C88681" s="14" t="s">
        <v>70</v>
      </c>
      <c r="D88681" s="14" t="s">
        <v>444</v>
      </c>
      <c r="E88681" s="15">
        <v>45727</v>
      </c>
      <c r="F88681" s="14" t="s">
        <v>25</v>
      </c>
      <c r="G88681" s="16">
        <v>2.6237081689859911</v>
      </c>
    </row>
    <row r="88682" spans="1:7" x14ac:dyDescent="0.3">
      <c r="A88682" s="13" t="s">
        <v>443</v>
      </c>
      <c r="B88682" s="14" t="s">
        <v>1</v>
      </c>
      <c r="C88682" s="14" t="s">
        <v>70</v>
      </c>
      <c r="D88682" s="14" t="s">
        <v>444</v>
      </c>
      <c r="E88682" s="15">
        <v>45728</v>
      </c>
      <c r="F88682" s="14" t="s">
        <v>25</v>
      </c>
      <c r="G88682" s="16">
        <v>2.6355496079898906</v>
      </c>
    </row>
    <row r="88683" spans="1:7" x14ac:dyDescent="0.3">
      <c r="A88683" s="13" t="s">
        <v>443</v>
      </c>
      <c r="B88683" s="14" t="s">
        <v>1</v>
      </c>
      <c r="C88683" s="14" t="s">
        <v>70</v>
      </c>
      <c r="D88683" s="14" t="s">
        <v>444</v>
      </c>
      <c r="E88683" s="15">
        <v>45729</v>
      </c>
      <c r="F88683" s="14" t="s">
        <v>25</v>
      </c>
      <c r="G88683" s="16">
        <v>2.6394648378196561</v>
      </c>
    </row>
    <row r="88684" spans="1:7" x14ac:dyDescent="0.3">
      <c r="A88684" s="13" t="s">
        <v>443</v>
      </c>
      <c r="B88684" s="14" t="s">
        <v>1</v>
      </c>
      <c r="C88684" s="14" t="s">
        <v>70</v>
      </c>
      <c r="D88684" s="14" t="s">
        <v>444</v>
      </c>
      <c r="E88684" s="15">
        <v>45730</v>
      </c>
      <c r="F88684" s="14" t="s">
        <v>25</v>
      </c>
      <c r="G88684" s="16">
        <v>2.6614068651812448</v>
      </c>
    </row>
    <row r="88685" spans="1:7" x14ac:dyDescent="0.3">
      <c r="A88685" s="13" t="s">
        <v>443</v>
      </c>
      <c r="B88685" s="14" t="s">
        <v>1</v>
      </c>
      <c r="C88685" s="14" t="s">
        <v>70</v>
      </c>
      <c r="D88685" s="14" t="s">
        <v>444</v>
      </c>
      <c r="E88685" s="15">
        <v>45731</v>
      </c>
      <c r="F88685" s="14" t="s">
        <v>25</v>
      </c>
      <c r="G88685" s="16">
        <v>2.6614068651812448</v>
      </c>
    </row>
    <row r="88686" spans="1:7" x14ac:dyDescent="0.3">
      <c r="A88686" s="13" t="s">
        <v>443</v>
      </c>
      <c r="B88686" s="14" t="s">
        <v>1</v>
      </c>
      <c r="C88686" s="14" t="s">
        <v>70</v>
      </c>
      <c r="D88686" s="14" t="s">
        <v>444</v>
      </c>
      <c r="E88686" s="15">
        <v>45732</v>
      </c>
      <c r="F88686" s="14" t="s">
        <v>25</v>
      </c>
      <c r="G88686" s="16">
        <v>2.6614068651812448</v>
      </c>
    </row>
    <row r="88687" spans="1:7" x14ac:dyDescent="0.3">
      <c r="A88687" s="13" t="s">
        <v>443</v>
      </c>
      <c r="B88687" s="14" t="s">
        <v>1</v>
      </c>
      <c r="C88687" s="14" t="s">
        <v>70</v>
      </c>
      <c r="D88687" s="14" t="s">
        <v>444</v>
      </c>
      <c r="E88687" s="15">
        <v>45733</v>
      </c>
      <c r="F88687" s="14" t="s">
        <v>25</v>
      </c>
      <c r="G88687" s="16">
        <v>2.6614068651812448</v>
      </c>
    </row>
    <row r="88688" spans="1:7" x14ac:dyDescent="0.3">
      <c r="A88688" s="13" t="s">
        <v>443</v>
      </c>
      <c r="B88688" s="14" t="s">
        <v>1</v>
      </c>
      <c r="C88688" s="14" t="s">
        <v>70</v>
      </c>
      <c r="D88688" s="14" t="s">
        <v>444</v>
      </c>
      <c r="E88688" s="15">
        <v>45734</v>
      </c>
      <c r="F88688" s="14" t="s">
        <v>25</v>
      </c>
      <c r="G88688" s="16">
        <v>2.6442369010727269</v>
      </c>
    </row>
    <row r="88689" spans="1:7" x14ac:dyDescent="0.3">
      <c r="A88689" s="13" t="s">
        <v>443</v>
      </c>
      <c r="B88689" s="14" t="s">
        <v>1</v>
      </c>
      <c r="C88689" s="14" t="s">
        <v>70</v>
      </c>
      <c r="D88689" s="14" t="s">
        <v>444</v>
      </c>
      <c r="E88689" s="15">
        <v>45735</v>
      </c>
      <c r="F88689" s="14" t="s">
        <v>25</v>
      </c>
      <c r="G88689" s="16">
        <v>2.6681059205423119</v>
      </c>
    </row>
    <row r="88690" spans="1:7" x14ac:dyDescent="0.3">
      <c r="A88690" s="13" t="s">
        <v>443</v>
      </c>
      <c r="B88690" s="14" t="s">
        <v>1</v>
      </c>
      <c r="C88690" s="14" t="s">
        <v>70</v>
      </c>
      <c r="D88690" s="14" t="s">
        <v>444</v>
      </c>
      <c r="E88690" s="15">
        <v>45736</v>
      </c>
      <c r="F88690" s="14" t="s">
        <v>25</v>
      </c>
      <c r="G88690" s="16">
        <v>2.6859031073378068</v>
      </c>
    </row>
    <row r="88691" spans="1:7" x14ac:dyDescent="0.3">
      <c r="A88691" s="13" t="s">
        <v>443</v>
      </c>
      <c r="B88691" s="14" t="s">
        <v>1</v>
      </c>
      <c r="C88691" s="14" t="s">
        <v>70</v>
      </c>
      <c r="D88691" s="14" t="s">
        <v>444</v>
      </c>
      <c r="E88691" s="15">
        <v>45737</v>
      </c>
      <c r="F88691" s="14" t="s">
        <v>25</v>
      </c>
      <c r="G88691" s="16">
        <v>2.692742215723877</v>
      </c>
    </row>
    <row r="88692" spans="1:7" x14ac:dyDescent="0.3">
      <c r="A88692" s="13" t="s">
        <v>443</v>
      </c>
      <c r="B88692" s="14" t="s">
        <v>1</v>
      </c>
      <c r="C88692" s="14" t="s">
        <v>70</v>
      </c>
      <c r="D88692" s="14" t="s">
        <v>444</v>
      </c>
      <c r="E88692" s="15">
        <v>45738</v>
      </c>
      <c r="F88692" s="14" t="s">
        <v>25</v>
      </c>
      <c r="G88692" s="16">
        <v>2.692742215723877</v>
      </c>
    </row>
    <row r="88693" spans="1:7" x14ac:dyDescent="0.3">
      <c r="A88693" s="13" t="s">
        <v>443</v>
      </c>
      <c r="B88693" s="14" t="s">
        <v>1</v>
      </c>
      <c r="C88693" s="14" t="s">
        <v>70</v>
      </c>
      <c r="D88693" s="14" t="s">
        <v>444</v>
      </c>
      <c r="E88693" s="15">
        <v>45739</v>
      </c>
      <c r="F88693" s="14" t="s">
        <v>25</v>
      </c>
      <c r="G88693" s="16">
        <v>2.692742215723877</v>
      </c>
    </row>
    <row r="88694" spans="1:7" x14ac:dyDescent="0.3">
      <c r="A88694" s="13" t="s">
        <v>443</v>
      </c>
      <c r="B88694" s="14" t="s">
        <v>1</v>
      </c>
      <c r="C88694" s="14" t="s">
        <v>70</v>
      </c>
      <c r="D88694" s="14" t="s">
        <v>444</v>
      </c>
      <c r="E88694" s="15">
        <v>45740</v>
      </c>
      <c r="F88694" s="14" t="s">
        <v>25</v>
      </c>
      <c r="G88694" s="16">
        <v>2.6956648941149366</v>
      </c>
    </row>
    <row r="88695" spans="1:7" x14ac:dyDescent="0.3">
      <c r="A88695" s="13" t="s">
        <v>443</v>
      </c>
      <c r="B88695" s="14" t="s">
        <v>1</v>
      </c>
      <c r="C88695" s="14" t="s">
        <v>70</v>
      </c>
      <c r="D88695" s="14" t="s">
        <v>444</v>
      </c>
      <c r="E88695" s="15">
        <v>45741</v>
      </c>
      <c r="F88695" s="14" t="s">
        <v>25</v>
      </c>
      <c r="G88695" s="16">
        <v>2.7050863052386869</v>
      </c>
    </row>
    <row r="88696" spans="1:7" x14ac:dyDescent="0.3">
      <c r="A88696" s="13" t="s">
        <v>443</v>
      </c>
      <c r="B88696" s="14" t="s">
        <v>1</v>
      </c>
      <c r="C88696" s="14" t="s">
        <v>70</v>
      </c>
      <c r="D88696" s="14" t="s">
        <v>444</v>
      </c>
      <c r="E88696" s="15">
        <v>45742</v>
      </c>
      <c r="F88696" s="14" t="s">
        <v>25</v>
      </c>
      <c r="G88696" s="16">
        <v>2.7116185568846056</v>
      </c>
    </row>
    <row r="88697" spans="1:7" x14ac:dyDescent="0.3">
      <c r="A88697" s="13" t="s">
        <v>443</v>
      </c>
      <c r="B88697" s="14" t="s">
        <v>1</v>
      </c>
      <c r="C88697" s="14" t="s">
        <v>70</v>
      </c>
      <c r="D88697" s="14" t="s">
        <v>444</v>
      </c>
      <c r="E88697" s="15">
        <v>45743</v>
      </c>
      <c r="F88697" s="14" t="s">
        <v>25</v>
      </c>
      <c r="G88697" s="16">
        <v>2.7222739491315533</v>
      </c>
    </row>
    <row r="88698" spans="1:7" x14ac:dyDescent="0.3">
      <c r="A88698" s="13" t="s">
        <v>443</v>
      </c>
      <c r="B88698" s="14" t="s">
        <v>1</v>
      </c>
      <c r="C88698" s="14" t="s">
        <v>70</v>
      </c>
      <c r="D88698" s="14" t="s">
        <v>444</v>
      </c>
      <c r="E88698" s="15">
        <v>45744</v>
      </c>
      <c r="F88698" s="14" t="s">
        <v>25</v>
      </c>
      <c r="G88698" s="16">
        <v>2.8101535091530807</v>
      </c>
    </row>
    <row r="88699" spans="1:7" x14ac:dyDescent="0.3">
      <c r="A88699" s="13" t="s">
        <v>443</v>
      </c>
      <c r="B88699" s="14" t="s">
        <v>1</v>
      </c>
      <c r="C88699" s="14" t="s">
        <v>70</v>
      </c>
      <c r="D88699" s="14" t="s">
        <v>444</v>
      </c>
      <c r="E88699" s="15">
        <v>45745</v>
      </c>
      <c r="F88699" s="14" t="s">
        <v>25</v>
      </c>
      <c r="G88699" s="16">
        <v>2.8101535091530807</v>
      </c>
    </row>
    <row r="88700" spans="1:7" x14ac:dyDescent="0.3">
      <c r="A88700" s="13" t="s">
        <v>443</v>
      </c>
      <c r="B88700" s="14" t="s">
        <v>1</v>
      </c>
      <c r="C88700" s="14" t="s">
        <v>70</v>
      </c>
      <c r="D88700" s="14" t="s">
        <v>444</v>
      </c>
      <c r="E88700" s="15">
        <v>45746</v>
      </c>
      <c r="F88700" s="14" t="s">
        <v>25</v>
      </c>
      <c r="G88700" s="16">
        <v>2.8101535091530807</v>
      </c>
    </row>
    <row r="88701" spans="1:7" x14ac:dyDescent="0.3">
      <c r="A88701" s="13" t="s">
        <v>443</v>
      </c>
      <c r="B88701" s="14" t="s">
        <v>1</v>
      </c>
      <c r="C88701" s="14" t="s">
        <v>70</v>
      </c>
      <c r="D88701" s="14" t="s">
        <v>444</v>
      </c>
      <c r="E88701" s="15">
        <v>45747</v>
      </c>
      <c r="F88701" s="14" t="s">
        <v>25</v>
      </c>
      <c r="G88701" s="16">
        <v>2.8683282680280269</v>
      </c>
    </row>
    <row r="88702" spans="1:7" x14ac:dyDescent="0.3">
      <c r="A88702" s="13" t="s">
        <v>445</v>
      </c>
      <c r="B88702" s="14" t="s">
        <v>1</v>
      </c>
      <c r="C88702" s="14" t="s">
        <v>137</v>
      </c>
      <c r="D88702" s="14" t="s">
        <v>446</v>
      </c>
      <c r="E88702" s="15">
        <v>45383</v>
      </c>
      <c r="F88702" s="14" t="s">
        <v>15</v>
      </c>
      <c r="G88702" s="16">
        <v>0</v>
      </c>
    </row>
    <row r="88703" spans="1:7" x14ac:dyDescent="0.3">
      <c r="A88703" s="13" t="s">
        <v>445</v>
      </c>
      <c r="B88703" s="14" t="s">
        <v>1</v>
      </c>
      <c r="C88703" s="14" t="s">
        <v>137</v>
      </c>
      <c r="D88703" s="14" t="s">
        <v>446</v>
      </c>
      <c r="E88703" s="15">
        <v>45384</v>
      </c>
      <c r="F88703" s="14" t="s">
        <v>15</v>
      </c>
      <c r="G88703" s="16">
        <v>0</v>
      </c>
    </row>
    <row r="88704" spans="1:7" x14ac:dyDescent="0.3">
      <c r="A88704" s="13" t="s">
        <v>445</v>
      </c>
      <c r="B88704" s="14" t="s">
        <v>1</v>
      </c>
      <c r="C88704" s="14" t="s">
        <v>137</v>
      </c>
      <c r="D88704" s="14" t="s">
        <v>446</v>
      </c>
      <c r="E88704" s="15">
        <v>45385</v>
      </c>
      <c r="F88704" s="14" t="s">
        <v>15</v>
      </c>
      <c r="G88704" s="16">
        <v>6.7586331239959885E-2</v>
      </c>
    </row>
    <row r="88705" spans="1:7" x14ac:dyDescent="0.3">
      <c r="A88705" s="13" t="s">
        <v>445</v>
      </c>
      <c r="B88705" s="14" t="s">
        <v>1</v>
      </c>
      <c r="C88705" s="14" t="s">
        <v>137</v>
      </c>
      <c r="D88705" s="14" t="s">
        <v>446</v>
      </c>
      <c r="E88705" s="15">
        <v>45386</v>
      </c>
      <c r="F88705" s="14" t="s">
        <v>15</v>
      </c>
      <c r="G88705" s="16">
        <v>8.479011466144247E-2</v>
      </c>
    </row>
    <row r="88706" spans="1:7" x14ac:dyDescent="0.3">
      <c r="A88706" s="13" t="s">
        <v>445</v>
      </c>
      <c r="B88706" s="14" t="s">
        <v>1</v>
      </c>
      <c r="C88706" s="14" t="s">
        <v>137</v>
      </c>
      <c r="D88706" s="14" t="s">
        <v>446</v>
      </c>
      <c r="E88706" s="15">
        <v>45387</v>
      </c>
      <c r="F88706" s="14" t="s">
        <v>15</v>
      </c>
      <c r="G88706" s="16">
        <v>0.10365035514005719</v>
      </c>
    </row>
    <row r="88707" spans="1:7" x14ac:dyDescent="0.3">
      <c r="A88707" s="13" t="s">
        <v>445</v>
      </c>
      <c r="B88707" s="14" t="s">
        <v>1</v>
      </c>
      <c r="C88707" s="14" t="s">
        <v>137</v>
      </c>
      <c r="D88707" s="14" t="s">
        <v>446</v>
      </c>
      <c r="E88707" s="15">
        <v>45388</v>
      </c>
      <c r="F88707" s="14" t="s">
        <v>15</v>
      </c>
      <c r="G88707" s="16">
        <v>0.10365035514005719</v>
      </c>
    </row>
    <row r="88708" spans="1:7" x14ac:dyDescent="0.3">
      <c r="A88708" s="13" t="s">
        <v>445</v>
      </c>
      <c r="B88708" s="14" t="s">
        <v>1</v>
      </c>
      <c r="C88708" s="14" t="s">
        <v>137</v>
      </c>
      <c r="D88708" s="14" t="s">
        <v>446</v>
      </c>
      <c r="E88708" s="15">
        <v>45389</v>
      </c>
      <c r="F88708" s="14" t="s">
        <v>15</v>
      </c>
      <c r="G88708" s="16">
        <v>0.10365035514005719</v>
      </c>
    </row>
    <row r="88709" spans="1:7" x14ac:dyDescent="0.3">
      <c r="A88709" s="13" t="s">
        <v>445</v>
      </c>
      <c r="B88709" s="14" t="s">
        <v>1</v>
      </c>
      <c r="C88709" s="14" t="s">
        <v>137</v>
      </c>
      <c r="D88709" s="14" t="s">
        <v>446</v>
      </c>
      <c r="E88709" s="15">
        <v>45390</v>
      </c>
      <c r="F88709" s="14" t="s">
        <v>15</v>
      </c>
      <c r="G88709" s="16">
        <v>0.12006091440852064</v>
      </c>
    </row>
    <row r="88710" spans="1:7" x14ac:dyDescent="0.3">
      <c r="A88710" s="13" t="s">
        <v>445</v>
      </c>
      <c r="B88710" s="14" t="s">
        <v>1</v>
      </c>
      <c r="C88710" s="14" t="s">
        <v>137</v>
      </c>
      <c r="D88710" s="14" t="s">
        <v>446</v>
      </c>
      <c r="E88710" s="15">
        <v>45391</v>
      </c>
      <c r="F88710" s="14" t="s">
        <v>15</v>
      </c>
      <c r="G88710" s="16">
        <v>0.15669650180550015</v>
      </c>
    </row>
    <row r="88711" spans="1:7" x14ac:dyDescent="0.3">
      <c r="A88711" s="13" t="s">
        <v>445</v>
      </c>
      <c r="B88711" s="14" t="s">
        <v>1</v>
      </c>
      <c r="C88711" s="14" t="s">
        <v>137</v>
      </c>
      <c r="D88711" s="14" t="s">
        <v>446</v>
      </c>
      <c r="E88711" s="15">
        <v>45392</v>
      </c>
      <c r="F88711" s="14" t="s">
        <v>15</v>
      </c>
      <c r="G88711" s="16">
        <v>0.17065237923873422</v>
      </c>
    </row>
    <row r="88712" spans="1:7" x14ac:dyDescent="0.3">
      <c r="A88712" s="13" t="s">
        <v>445</v>
      </c>
      <c r="B88712" s="14" t="s">
        <v>1</v>
      </c>
      <c r="C88712" s="14" t="s">
        <v>137</v>
      </c>
      <c r="D88712" s="14" t="s">
        <v>446</v>
      </c>
      <c r="E88712" s="15">
        <v>45393</v>
      </c>
      <c r="F88712" s="14" t="s">
        <v>15</v>
      </c>
      <c r="G88712" s="16">
        <v>0.18225608765084061</v>
      </c>
    </row>
    <row r="88713" spans="1:7" x14ac:dyDescent="0.3">
      <c r="A88713" s="13" t="s">
        <v>445</v>
      </c>
      <c r="B88713" s="14" t="s">
        <v>1</v>
      </c>
      <c r="C88713" s="14" t="s">
        <v>137</v>
      </c>
      <c r="D88713" s="14" t="s">
        <v>446</v>
      </c>
      <c r="E88713" s="15">
        <v>45394</v>
      </c>
      <c r="F88713" s="14" t="s">
        <v>15</v>
      </c>
      <c r="G88713" s="16">
        <v>0.1964701223537334</v>
      </c>
    </row>
    <row r="88714" spans="1:7" x14ac:dyDescent="0.3">
      <c r="A88714" s="13" t="s">
        <v>445</v>
      </c>
      <c r="B88714" s="14" t="s">
        <v>1</v>
      </c>
      <c r="C88714" s="14" t="s">
        <v>137</v>
      </c>
      <c r="D88714" s="14" t="s">
        <v>446</v>
      </c>
      <c r="E88714" s="15">
        <v>45395</v>
      </c>
      <c r="F88714" s="14" t="s">
        <v>15</v>
      </c>
      <c r="G88714" s="16">
        <v>0.1964701223537334</v>
      </c>
    </row>
    <row r="88715" spans="1:7" x14ac:dyDescent="0.3">
      <c r="A88715" s="13" t="s">
        <v>445</v>
      </c>
      <c r="B88715" s="14" t="s">
        <v>1</v>
      </c>
      <c r="C88715" s="14" t="s">
        <v>137</v>
      </c>
      <c r="D88715" s="14" t="s">
        <v>446</v>
      </c>
      <c r="E88715" s="15">
        <v>45396</v>
      </c>
      <c r="F88715" s="14" t="s">
        <v>15</v>
      </c>
      <c r="G88715" s="16">
        <v>0.1964701223537334</v>
      </c>
    </row>
    <row r="88716" spans="1:7" x14ac:dyDescent="0.3">
      <c r="A88716" s="13" t="s">
        <v>445</v>
      </c>
      <c r="B88716" s="14" t="s">
        <v>1</v>
      </c>
      <c r="C88716" s="14" t="s">
        <v>137</v>
      </c>
      <c r="D88716" s="14" t="s">
        <v>446</v>
      </c>
      <c r="E88716" s="15">
        <v>45397</v>
      </c>
      <c r="F88716" s="14" t="s">
        <v>15</v>
      </c>
      <c r="G88716" s="16">
        <v>0.21079979651155803</v>
      </c>
    </row>
    <row r="88717" spans="1:7" x14ac:dyDescent="0.3">
      <c r="A88717" s="13" t="s">
        <v>445</v>
      </c>
      <c r="B88717" s="14" t="s">
        <v>1</v>
      </c>
      <c r="C88717" s="14" t="s">
        <v>137</v>
      </c>
      <c r="D88717" s="14" t="s">
        <v>446</v>
      </c>
      <c r="E88717" s="15">
        <v>45398</v>
      </c>
      <c r="F88717" s="14" t="s">
        <v>15</v>
      </c>
      <c r="G88717" s="16">
        <v>0.25677657723473057</v>
      </c>
    </row>
    <row r="88718" spans="1:7" x14ac:dyDescent="0.3">
      <c r="A88718" s="13" t="s">
        <v>445</v>
      </c>
      <c r="B88718" s="14" t="s">
        <v>1</v>
      </c>
      <c r="C88718" s="14" t="s">
        <v>137</v>
      </c>
      <c r="D88718" s="14" t="s">
        <v>446</v>
      </c>
      <c r="E88718" s="15">
        <v>45399</v>
      </c>
      <c r="F88718" s="14" t="s">
        <v>15</v>
      </c>
      <c r="G88718" s="16">
        <v>0.27210864338643054</v>
      </c>
    </row>
    <row r="88719" spans="1:7" x14ac:dyDescent="0.3">
      <c r="A88719" s="13" t="s">
        <v>445</v>
      </c>
      <c r="B88719" s="14" t="s">
        <v>1</v>
      </c>
      <c r="C88719" s="14" t="s">
        <v>137</v>
      </c>
      <c r="D88719" s="14" t="s">
        <v>446</v>
      </c>
      <c r="E88719" s="15">
        <v>45400</v>
      </c>
      <c r="F88719" s="14" t="s">
        <v>15</v>
      </c>
      <c r="G88719" s="16">
        <v>0.2536193524062641</v>
      </c>
    </row>
    <row r="88720" spans="1:7" x14ac:dyDescent="0.3">
      <c r="A88720" s="13" t="s">
        <v>445</v>
      </c>
      <c r="B88720" s="14" t="s">
        <v>1</v>
      </c>
      <c r="C88720" s="14" t="s">
        <v>137</v>
      </c>
      <c r="D88720" s="14" t="s">
        <v>446</v>
      </c>
      <c r="E88720" s="15">
        <v>45401</v>
      </c>
      <c r="F88720" s="14" t="s">
        <v>15</v>
      </c>
      <c r="G88720" s="16">
        <v>0.26888910127838261</v>
      </c>
    </row>
    <row r="88721" spans="1:7" x14ac:dyDescent="0.3">
      <c r="A88721" s="13" t="s">
        <v>445</v>
      </c>
      <c r="B88721" s="14" t="s">
        <v>1</v>
      </c>
      <c r="C88721" s="14" t="s">
        <v>137</v>
      </c>
      <c r="D88721" s="14" t="s">
        <v>446</v>
      </c>
      <c r="E88721" s="15">
        <v>45402</v>
      </c>
      <c r="F88721" s="14" t="s">
        <v>15</v>
      </c>
      <c r="G88721" s="16">
        <v>0.26888910127838261</v>
      </c>
    </row>
    <row r="88722" spans="1:7" x14ac:dyDescent="0.3">
      <c r="A88722" s="13" t="s">
        <v>445</v>
      </c>
      <c r="B88722" s="14" t="s">
        <v>1</v>
      </c>
      <c r="C88722" s="14" t="s">
        <v>137</v>
      </c>
      <c r="D88722" s="14" t="s">
        <v>446</v>
      </c>
      <c r="E88722" s="15">
        <v>45403</v>
      </c>
      <c r="F88722" s="14" t="s">
        <v>15</v>
      </c>
      <c r="G88722" s="16">
        <v>0.26888910127838261</v>
      </c>
    </row>
    <row r="88723" spans="1:7" x14ac:dyDescent="0.3">
      <c r="A88723" s="13" t="s">
        <v>445</v>
      </c>
      <c r="B88723" s="14" t="s">
        <v>1</v>
      </c>
      <c r="C88723" s="14" t="s">
        <v>137</v>
      </c>
      <c r="D88723" s="14" t="s">
        <v>446</v>
      </c>
      <c r="E88723" s="15">
        <v>45404</v>
      </c>
      <c r="F88723" s="14" t="s">
        <v>15</v>
      </c>
      <c r="G88723" s="16">
        <v>0.28348720835945634</v>
      </c>
    </row>
    <row r="88724" spans="1:7" x14ac:dyDescent="0.3">
      <c r="A88724" s="13" t="s">
        <v>445</v>
      </c>
      <c r="B88724" s="14" t="s">
        <v>1</v>
      </c>
      <c r="C88724" s="14" t="s">
        <v>137</v>
      </c>
      <c r="D88724" s="14" t="s">
        <v>446</v>
      </c>
      <c r="E88724" s="15">
        <v>45405</v>
      </c>
      <c r="F88724" s="14" t="s">
        <v>15</v>
      </c>
      <c r="G88724" s="16">
        <v>0.33110377245849393</v>
      </c>
    </row>
    <row r="88725" spans="1:7" x14ac:dyDescent="0.3">
      <c r="A88725" s="13" t="s">
        <v>445</v>
      </c>
      <c r="B88725" s="14" t="s">
        <v>1</v>
      </c>
      <c r="C88725" s="14" t="s">
        <v>137</v>
      </c>
      <c r="D88725" s="14" t="s">
        <v>446</v>
      </c>
      <c r="E88725" s="15">
        <v>45406</v>
      </c>
      <c r="F88725" s="14" t="s">
        <v>15</v>
      </c>
      <c r="G88725" s="16">
        <v>0.34892550446617376</v>
      </c>
    </row>
    <row r="88726" spans="1:7" x14ac:dyDescent="0.3">
      <c r="A88726" s="13" t="s">
        <v>445</v>
      </c>
      <c r="B88726" s="14" t="s">
        <v>1</v>
      </c>
      <c r="C88726" s="14" t="s">
        <v>137</v>
      </c>
      <c r="D88726" s="14" t="s">
        <v>446</v>
      </c>
      <c r="E88726" s="15">
        <v>45407</v>
      </c>
      <c r="F88726" s="14" t="s">
        <v>15</v>
      </c>
      <c r="G88726" s="16">
        <v>0.36860632870263516</v>
      </c>
    </row>
    <row r="88727" spans="1:7" x14ac:dyDescent="0.3">
      <c r="A88727" s="13" t="s">
        <v>445</v>
      </c>
      <c r="B88727" s="14" t="s">
        <v>1</v>
      </c>
      <c r="C88727" s="14" t="s">
        <v>137</v>
      </c>
      <c r="D88727" s="14" t="s">
        <v>446</v>
      </c>
      <c r="E88727" s="15">
        <v>45408</v>
      </c>
      <c r="F88727" s="14" t="s">
        <v>15</v>
      </c>
      <c r="G88727" s="16">
        <v>0.3875064825948919</v>
      </c>
    </row>
    <row r="88728" spans="1:7" x14ac:dyDescent="0.3">
      <c r="A88728" s="13" t="s">
        <v>445</v>
      </c>
      <c r="B88728" s="14" t="s">
        <v>1</v>
      </c>
      <c r="C88728" s="14" t="s">
        <v>137</v>
      </c>
      <c r="D88728" s="14" t="s">
        <v>446</v>
      </c>
      <c r="E88728" s="15">
        <v>45409</v>
      </c>
      <c r="F88728" s="14" t="s">
        <v>15</v>
      </c>
      <c r="G88728" s="16">
        <v>0.3875064825948919</v>
      </c>
    </row>
    <row r="88729" spans="1:7" x14ac:dyDescent="0.3">
      <c r="A88729" s="13" t="s">
        <v>445</v>
      </c>
      <c r="B88729" s="14" t="s">
        <v>1</v>
      </c>
      <c r="C88729" s="14" t="s">
        <v>137</v>
      </c>
      <c r="D88729" s="14" t="s">
        <v>446</v>
      </c>
      <c r="E88729" s="15">
        <v>45410</v>
      </c>
      <c r="F88729" s="14" t="s">
        <v>15</v>
      </c>
      <c r="G88729" s="16">
        <v>0.3875064825948919</v>
      </c>
    </row>
    <row r="88730" spans="1:7" x14ac:dyDescent="0.3">
      <c r="A88730" s="13" t="s">
        <v>445</v>
      </c>
      <c r="B88730" s="14" t="s">
        <v>1</v>
      </c>
      <c r="C88730" s="14" t="s">
        <v>137</v>
      </c>
      <c r="D88730" s="14" t="s">
        <v>446</v>
      </c>
      <c r="E88730" s="15">
        <v>45411</v>
      </c>
      <c r="F88730" s="14" t="s">
        <v>15</v>
      </c>
      <c r="G88730" s="16">
        <v>0.411660030608405</v>
      </c>
    </row>
    <row r="88731" spans="1:7" x14ac:dyDescent="0.3">
      <c r="A88731" s="13" t="s">
        <v>445</v>
      </c>
      <c r="B88731" s="14" t="s">
        <v>1</v>
      </c>
      <c r="C88731" s="14" t="s">
        <v>137</v>
      </c>
      <c r="D88731" s="14" t="s">
        <v>446</v>
      </c>
      <c r="E88731" s="15">
        <v>45412</v>
      </c>
      <c r="F88731" s="14" t="s">
        <v>15</v>
      </c>
      <c r="G88731" s="16">
        <v>0.45575418666712025</v>
      </c>
    </row>
    <row r="88732" spans="1:7" x14ac:dyDescent="0.3">
      <c r="A88732" s="13" t="s">
        <v>445</v>
      </c>
      <c r="B88732" s="14" t="s">
        <v>1</v>
      </c>
      <c r="C88732" s="14" t="s">
        <v>137</v>
      </c>
      <c r="D88732" s="14" t="s">
        <v>446</v>
      </c>
      <c r="E88732" s="15">
        <v>45413</v>
      </c>
      <c r="F88732" s="14" t="s">
        <v>15</v>
      </c>
      <c r="G88732" s="16">
        <v>0</v>
      </c>
    </row>
    <row r="88733" spans="1:7" x14ac:dyDescent="0.3">
      <c r="A88733" s="13" t="s">
        <v>445</v>
      </c>
      <c r="B88733" s="14" t="s">
        <v>1</v>
      </c>
      <c r="C88733" s="14" t="s">
        <v>137</v>
      </c>
      <c r="D88733" s="14" t="s">
        <v>446</v>
      </c>
      <c r="E88733" s="15">
        <v>45414</v>
      </c>
      <c r="F88733" s="14" t="s">
        <v>15</v>
      </c>
      <c r="G88733" s="16">
        <v>0</v>
      </c>
    </row>
    <row r="88734" spans="1:7" x14ac:dyDescent="0.3">
      <c r="A88734" s="13" t="s">
        <v>445</v>
      </c>
      <c r="B88734" s="14" t="s">
        <v>1</v>
      </c>
      <c r="C88734" s="14" t="s">
        <v>137</v>
      </c>
      <c r="D88734" s="14" t="s">
        <v>446</v>
      </c>
      <c r="E88734" s="15">
        <v>45415</v>
      </c>
      <c r="F88734" s="14" t="s">
        <v>15</v>
      </c>
      <c r="G88734" s="16">
        <v>0</v>
      </c>
    </row>
    <row r="88735" spans="1:7" x14ac:dyDescent="0.3">
      <c r="A88735" s="13" t="s">
        <v>445</v>
      </c>
      <c r="B88735" s="14" t="s">
        <v>1</v>
      </c>
      <c r="C88735" s="14" t="s">
        <v>137</v>
      </c>
      <c r="D88735" s="14" t="s">
        <v>446</v>
      </c>
      <c r="E88735" s="15">
        <v>45416</v>
      </c>
      <c r="F88735" s="14" t="s">
        <v>15</v>
      </c>
      <c r="G88735" s="16">
        <v>0</v>
      </c>
    </row>
    <row r="88736" spans="1:7" x14ac:dyDescent="0.3">
      <c r="A88736" s="13" t="s">
        <v>445</v>
      </c>
      <c r="B88736" s="14" t="s">
        <v>1</v>
      </c>
      <c r="C88736" s="14" t="s">
        <v>137</v>
      </c>
      <c r="D88736" s="14" t="s">
        <v>446</v>
      </c>
      <c r="E88736" s="15">
        <v>45417</v>
      </c>
      <c r="F88736" s="14" t="s">
        <v>15</v>
      </c>
      <c r="G88736" s="16">
        <v>0</v>
      </c>
    </row>
    <row r="88737" spans="1:7" x14ac:dyDescent="0.3">
      <c r="A88737" s="13" t="s">
        <v>445</v>
      </c>
      <c r="B88737" s="14" t="s">
        <v>1</v>
      </c>
      <c r="C88737" s="14" t="s">
        <v>137</v>
      </c>
      <c r="D88737" s="14" t="s">
        <v>446</v>
      </c>
      <c r="E88737" s="15">
        <v>45418</v>
      </c>
      <c r="F88737" s="14" t="s">
        <v>15</v>
      </c>
      <c r="G88737" s="16">
        <v>0</v>
      </c>
    </row>
    <row r="88738" spans="1:7" x14ac:dyDescent="0.3">
      <c r="A88738" s="13" t="s">
        <v>445</v>
      </c>
      <c r="B88738" s="14" t="s">
        <v>1</v>
      </c>
      <c r="C88738" s="14" t="s">
        <v>137</v>
      </c>
      <c r="D88738" s="14" t="s">
        <v>446</v>
      </c>
      <c r="E88738" s="15">
        <v>45419</v>
      </c>
      <c r="F88738" s="14" t="s">
        <v>15</v>
      </c>
      <c r="G88738" s="16">
        <v>0</v>
      </c>
    </row>
    <row r="88739" spans="1:7" x14ac:dyDescent="0.3">
      <c r="A88739" s="13" t="s">
        <v>445</v>
      </c>
      <c r="B88739" s="14" t="s">
        <v>1</v>
      </c>
      <c r="C88739" s="14" t="s">
        <v>137</v>
      </c>
      <c r="D88739" s="14" t="s">
        <v>446</v>
      </c>
      <c r="E88739" s="15">
        <v>45420</v>
      </c>
      <c r="F88739" s="14" t="s">
        <v>15</v>
      </c>
      <c r="G88739" s="16">
        <v>0</v>
      </c>
    </row>
    <row r="88740" spans="1:7" x14ac:dyDescent="0.3">
      <c r="A88740" s="13" t="s">
        <v>445</v>
      </c>
      <c r="B88740" s="14" t="s">
        <v>1</v>
      </c>
      <c r="C88740" s="14" t="s">
        <v>137</v>
      </c>
      <c r="D88740" s="14" t="s">
        <v>446</v>
      </c>
      <c r="E88740" s="15">
        <v>45421</v>
      </c>
      <c r="F88740" s="14" t="s">
        <v>15</v>
      </c>
      <c r="G88740" s="16">
        <v>0</v>
      </c>
    </row>
    <row r="88741" spans="1:7" x14ac:dyDescent="0.3">
      <c r="A88741" s="13" t="s">
        <v>445</v>
      </c>
      <c r="B88741" s="14" t="s">
        <v>1</v>
      </c>
      <c r="C88741" s="14" t="s">
        <v>137</v>
      </c>
      <c r="D88741" s="14" t="s">
        <v>446</v>
      </c>
      <c r="E88741" s="15">
        <v>45422</v>
      </c>
      <c r="F88741" s="14" t="s">
        <v>15</v>
      </c>
      <c r="G88741" s="16">
        <v>1.6116116526446139E-3</v>
      </c>
    </row>
    <row r="88742" spans="1:7" x14ac:dyDescent="0.3">
      <c r="A88742" s="13" t="s">
        <v>445</v>
      </c>
      <c r="B88742" s="14" t="s">
        <v>1</v>
      </c>
      <c r="C88742" s="14" t="s">
        <v>137</v>
      </c>
      <c r="D88742" s="14" t="s">
        <v>446</v>
      </c>
      <c r="E88742" s="15">
        <v>45423</v>
      </c>
      <c r="F88742" s="14" t="s">
        <v>15</v>
      </c>
      <c r="G88742" s="16">
        <v>1.6116116526446139E-3</v>
      </c>
    </row>
    <row r="88743" spans="1:7" x14ac:dyDescent="0.3">
      <c r="A88743" s="13" t="s">
        <v>445</v>
      </c>
      <c r="B88743" s="14" t="s">
        <v>1</v>
      </c>
      <c r="C88743" s="14" t="s">
        <v>137</v>
      </c>
      <c r="D88743" s="14" t="s">
        <v>446</v>
      </c>
      <c r="E88743" s="15">
        <v>45424</v>
      </c>
      <c r="F88743" s="14" t="s">
        <v>15</v>
      </c>
      <c r="G88743" s="16">
        <v>1.6116116526446139E-3</v>
      </c>
    </row>
    <row r="88744" spans="1:7" x14ac:dyDescent="0.3">
      <c r="A88744" s="13" t="s">
        <v>445</v>
      </c>
      <c r="B88744" s="14" t="s">
        <v>1</v>
      </c>
      <c r="C88744" s="14" t="s">
        <v>137</v>
      </c>
      <c r="D88744" s="14" t="s">
        <v>446</v>
      </c>
      <c r="E88744" s="15">
        <v>45425</v>
      </c>
      <c r="F88744" s="14" t="s">
        <v>15</v>
      </c>
      <c r="G88744" s="16">
        <v>2.2684542840177402E-2</v>
      </c>
    </row>
    <row r="88745" spans="1:7" x14ac:dyDescent="0.3">
      <c r="A88745" s="13" t="s">
        <v>445</v>
      </c>
      <c r="B88745" s="14" t="s">
        <v>1</v>
      </c>
      <c r="C88745" s="14" t="s">
        <v>137</v>
      </c>
      <c r="D88745" s="14" t="s">
        <v>446</v>
      </c>
      <c r="E88745" s="15">
        <v>45426</v>
      </c>
      <c r="F88745" s="14" t="s">
        <v>15</v>
      </c>
      <c r="G88745" s="16">
        <v>7.1698732250632433E-2</v>
      </c>
    </row>
    <row r="88746" spans="1:7" x14ac:dyDescent="0.3">
      <c r="A88746" s="13" t="s">
        <v>445</v>
      </c>
      <c r="B88746" s="14" t="s">
        <v>1</v>
      </c>
      <c r="C88746" s="14" t="s">
        <v>137</v>
      </c>
      <c r="D88746" s="14" t="s">
        <v>446</v>
      </c>
      <c r="E88746" s="15">
        <v>45427</v>
      </c>
      <c r="F88746" s="14" t="s">
        <v>15</v>
      </c>
      <c r="G88746" s="16">
        <v>8.7466372972122453E-2</v>
      </c>
    </row>
    <row r="88747" spans="1:7" x14ac:dyDescent="0.3">
      <c r="A88747" s="13" t="s">
        <v>445</v>
      </c>
      <c r="B88747" s="14" t="s">
        <v>1</v>
      </c>
      <c r="C88747" s="14" t="s">
        <v>137</v>
      </c>
      <c r="D88747" s="14" t="s">
        <v>446</v>
      </c>
      <c r="E88747" s="15">
        <v>45428</v>
      </c>
      <c r="F88747" s="14" t="s">
        <v>15</v>
      </c>
      <c r="G88747" s="16">
        <v>0.10329145833365695</v>
      </c>
    </row>
    <row r="88748" spans="1:7" x14ac:dyDescent="0.3">
      <c r="A88748" s="13" t="s">
        <v>445</v>
      </c>
      <c r="B88748" s="14" t="s">
        <v>1</v>
      </c>
      <c r="C88748" s="14" t="s">
        <v>137</v>
      </c>
      <c r="D88748" s="14" t="s">
        <v>446</v>
      </c>
      <c r="E88748" s="15">
        <v>45429</v>
      </c>
      <c r="F88748" s="14" t="s">
        <v>15</v>
      </c>
      <c r="G88748" s="16">
        <v>0.11782573792602004</v>
      </c>
    </row>
    <row r="88749" spans="1:7" x14ac:dyDescent="0.3">
      <c r="A88749" s="13" t="s">
        <v>445</v>
      </c>
      <c r="B88749" s="14" t="s">
        <v>1</v>
      </c>
      <c r="C88749" s="14" t="s">
        <v>137</v>
      </c>
      <c r="D88749" s="14" t="s">
        <v>446</v>
      </c>
      <c r="E88749" s="15">
        <v>45430</v>
      </c>
      <c r="F88749" s="14" t="s">
        <v>15</v>
      </c>
      <c r="G88749" s="16">
        <v>0.11782573792602004</v>
      </c>
    </row>
    <row r="88750" spans="1:7" x14ac:dyDescent="0.3">
      <c r="A88750" s="13" t="s">
        <v>445</v>
      </c>
      <c r="B88750" s="14" t="s">
        <v>1</v>
      </c>
      <c r="C88750" s="14" t="s">
        <v>137</v>
      </c>
      <c r="D88750" s="14" t="s">
        <v>446</v>
      </c>
      <c r="E88750" s="15">
        <v>45431</v>
      </c>
      <c r="F88750" s="14" t="s">
        <v>15</v>
      </c>
      <c r="G88750" s="16">
        <v>0.11782573792602004</v>
      </c>
    </row>
    <row r="88751" spans="1:7" x14ac:dyDescent="0.3">
      <c r="A88751" s="13" t="s">
        <v>445</v>
      </c>
      <c r="B88751" s="14" t="s">
        <v>1</v>
      </c>
      <c r="C88751" s="14" t="s">
        <v>137</v>
      </c>
      <c r="D88751" s="14" t="s">
        <v>446</v>
      </c>
      <c r="E88751" s="15">
        <v>45432</v>
      </c>
      <c r="F88751" s="14" t="s">
        <v>15</v>
      </c>
      <c r="G88751" s="16">
        <v>0.13353624284961629</v>
      </c>
    </row>
    <row r="88752" spans="1:7" x14ac:dyDescent="0.3">
      <c r="A88752" s="13" t="s">
        <v>445</v>
      </c>
      <c r="B88752" s="14" t="s">
        <v>1</v>
      </c>
      <c r="C88752" s="14" t="s">
        <v>137</v>
      </c>
      <c r="D88752" s="14" t="s">
        <v>446</v>
      </c>
      <c r="E88752" s="15">
        <v>45433</v>
      </c>
      <c r="F88752" s="14" t="s">
        <v>15</v>
      </c>
      <c r="G88752" s="16">
        <v>0.1803890004678603</v>
      </c>
    </row>
    <row r="88753" spans="1:7" x14ac:dyDescent="0.3">
      <c r="A88753" s="13" t="s">
        <v>445</v>
      </c>
      <c r="B88753" s="14" t="s">
        <v>1</v>
      </c>
      <c r="C88753" s="14" t="s">
        <v>137</v>
      </c>
      <c r="D88753" s="14" t="s">
        <v>446</v>
      </c>
      <c r="E88753" s="15">
        <v>45434</v>
      </c>
      <c r="F88753" s="14" t="s">
        <v>15</v>
      </c>
      <c r="G88753" s="16">
        <v>0.1960621354912126</v>
      </c>
    </row>
    <row r="88754" spans="1:7" x14ac:dyDescent="0.3">
      <c r="A88754" s="13" t="s">
        <v>445</v>
      </c>
      <c r="B88754" s="14" t="s">
        <v>1</v>
      </c>
      <c r="C88754" s="14" t="s">
        <v>137</v>
      </c>
      <c r="D88754" s="14" t="s">
        <v>446</v>
      </c>
      <c r="E88754" s="15">
        <v>45435</v>
      </c>
      <c r="F88754" s="14" t="s">
        <v>15</v>
      </c>
      <c r="G88754" s="16">
        <v>0.21424553951607817</v>
      </c>
    </row>
    <row r="88755" spans="1:7" x14ac:dyDescent="0.3">
      <c r="A88755" s="13" t="s">
        <v>445</v>
      </c>
      <c r="B88755" s="14" t="s">
        <v>1</v>
      </c>
      <c r="C88755" s="14" t="s">
        <v>137</v>
      </c>
      <c r="D88755" s="14" t="s">
        <v>446</v>
      </c>
      <c r="E88755" s="15">
        <v>45436</v>
      </c>
      <c r="F88755" s="14" t="s">
        <v>15</v>
      </c>
      <c r="G88755" s="16">
        <v>0.23139555770444484</v>
      </c>
    </row>
    <row r="88756" spans="1:7" x14ac:dyDescent="0.3">
      <c r="A88756" s="13" t="s">
        <v>445</v>
      </c>
      <c r="B88756" s="14" t="s">
        <v>1</v>
      </c>
      <c r="C88756" s="14" t="s">
        <v>137</v>
      </c>
      <c r="D88756" s="14" t="s">
        <v>446</v>
      </c>
      <c r="E88756" s="15">
        <v>45437</v>
      </c>
      <c r="F88756" s="14" t="s">
        <v>15</v>
      </c>
      <c r="G88756" s="16">
        <v>0.23139555770444484</v>
      </c>
    </row>
    <row r="88757" spans="1:7" x14ac:dyDescent="0.3">
      <c r="A88757" s="13" t="s">
        <v>445</v>
      </c>
      <c r="B88757" s="14" t="s">
        <v>1</v>
      </c>
      <c r="C88757" s="14" t="s">
        <v>137</v>
      </c>
      <c r="D88757" s="14" t="s">
        <v>446</v>
      </c>
      <c r="E88757" s="15">
        <v>45438</v>
      </c>
      <c r="F88757" s="14" t="s">
        <v>15</v>
      </c>
      <c r="G88757" s="16">
        <v>0.23139555770444484</v>
      </c>
    </row>
    <row r="88758" spans="1:7" x14ac:dyDescent="0.3">
      <c r="A88758" s="13" t="s">
        <v>445</v>
      </c>
      <c r="B88758" s="14" t="s">
        <v>1</v>
      </c>
      <c r="C88758" s="14" t="s">
        <v>137</v>
      </c>
      <c r="D88758" s="14" t="s">
        <v>446</v>
      </c>
      <c r="E88758" s="15">
        <v>45439</v>
      </c>
      <c r="F88758" s="14" t="s">
        <v>15</v>
      </c>
      <c r="G88758" s="16">
        <v>0.24940786317778019</v>
      </c>
    </row>
    <row r="88759" spans="1:7" x14ac:dyDescent="0.3">
      <c r="A88759" s="13" t="s">
        <v>445</v>
      </c>
      <c r="B88759" s="14" t="s">
        <v>1</v>
      </c>
      <c r="C88759" s="14" t="s">
        <v>137</v>
      </c>
      <c r="D88759" s="14" t="s">
        <v>446</v>
      </c>
      <c r="E88759" s="15">
        <v>45440</v>
      </c>
      <c r="F88759" s="14" t="s">
        <v>15</v>
      </c>
      <c r="G88759" s="16">
        <v>0.29803877947912127</v>
      </c>
    </row>
    <row r="88760" spans="1:7" x14ac:dyDescent="0.3">
      <c r="A88760" s="13" t="s">
        <v>445</v>
      </c>
      <c r="B88760" s="14" t="s">
        <v>1</v>
      </c>
      <c r="C88760" s="14" t="s">
        <v>137</v>
      </c>
      <c r="D88760" s="14" t="s">
        <v>446</v>
      </c>
      <c r="E88760" s="15">
        <v>45441</v>
      </c>
      <c r="F88760" s="14" t="s">
        <v>15</v>
      </c>
      <c r="G88760" s="16">
        <v>0.3142581018461223</v>
      </c>
    </row>
    <row r="88761" spans="1:7" x14ac:dyDescent="0.3">
      <c r="A88761" s="13" t="s">
        <v>445</v>
      </c>
      <c r="B88761" s="14" t="s">
        <v>1</v>
      </c>
      <c r="C88761" s="14" t="s">
        <v>137</v>
      </c>
      <c r="D88761" s="14" t="s">
        <v>446</v>
      </c>
      <c r="E88761" s="15">
        <v>45442</v>
      </c>
      <c r="F88761" s="14" t="s">
        <v>15</v>
      </c>
      <c r="G88761" s="16">
        <v>0.33083568110802425</v>
      </c>
    </row>
    <row r="88762" spans="1:7" x14ac:dyDescent="0.3">
      <c r="A88762" s="13" t="s">
        <v>445</v>
      </c>
      <c r="B88762" s="14" t="s">
        <v>1</v>
      </c>
      <c r="C88762" s="14" t="s">
        <v>137</v>
      </c>
      <c r="D88762" s="14" t="s">
        <v>446</v>
      </c>
      <c r="E88762" s="15">
        <v>45443</v>
      </c>
      <c r="F88762" s="14" t="s">
        <v>15</v>
      </c>
      <c r="G88762" s="16">
        <v>0.34717900359856207</v>
      </c>
    </row>
    <row r="88763" spans="1:7" x14ac:dyDescent="0.3">
      <c r="A88763" s="13" t="s">
        <v>445</v>
      </c>
      <c r="B88763" s="14" t="s">
        <v>1</v>
      </c>
      <c r="C88763" s="14" t="s">
        <v>137</v>
      </c>
      <c r="D88763" s="14" t="s">
        <v>446</v>
      </c>
      <c r="E88763" s="15">
        <v>45444</v>
      </c>
      <c r="F88763" s="14" t="s">
        <v>15</v>
      </c>
      <c r="G88763" s="16">
        <v>0.34717900359856207</v>
      </c>
    </row>
    <row r="88764" spans="1:7" x14ac:dyDescent="0.3">
      <c r="A88764" s="13" t="s">
        <v>445</v>
      </c>
      <c r="B88764" s="14" t="s">
        <v>1</v>
      </c>
      <c r="C88764" s="14" t="s">
        <v>137</v>
      </c>
      <c r="D88764" s="14" t="s">
        <v>446</v>
      </c>
      <c r="E88764" s="15">
        <v>45445</v>
      </c>
      <c r="F88764" s="14" t="s">
        <v>15</v>
      </c>
      <c r="G88764" s="16">
        <v>0.34717900359856207</v>
      </c>
    </row>
    <row r="88765" spans="1:7" x14ac:dyDescent="0.3">
      <c r="A88765" s="13" t="s">
        <v>445</v>
      </c>
      <c r="B88765" s="14" t="s">
        <v>1</v>
      </c>
      <c r="C88765" s="14" t="s">
        <v>137</v>
      </c>
      <c r="D88765" s="14" t="s">
        <v>446</v>
      </c>
      <c r="E88765" s="15">
        <v>45446</v>
      </c>
      <c r="F88765" s="14" t="s">
        <v>15</v>
      </c>
      <c r="G88765" s="16">
        <v>0.34717900359856207</v>
      </c>
    </row>
    <row r="88766" spans="1:7" x14ac:dyDescent="0.3">
      <c r="A88766" s="13" t="s">
        <v>445</v>
      </c>
      <c r="B88766" s="14" t="s">
        <v>1</v>
      </c>
      <c r="C88766" s="14" t="s">
        <v>137</v>
      </c>
      <c r="D88766" s="14" t="s">
        <v>446</v>
      </c>
      <c r="E88766" s="15">
        <v>45447</v>
      </c>
      <c r="F88766" s="14" t="s">
        <v>15</v>
      </c>
      <c r="G88766" s="16">
        <v>0</v>
      </c>
    </row>
    <row r="88767" spans="1:7" x14ac:dyDescent="0.3">
      <c r="A88767" s="13" t="s">
        <v>445</v>
      </c>
      <c r="B88767" s="14" t="s">
        <v>1</v>
      </c>
      <c r="C88767" s="14" t="s">
        <v>137</v>
      </c>
      <c r="D88767" s="14" t="s">
        <v>446</v>
      </c>
      <c r="E88767" s="15">
        <v>45448</v>
      </c>
      <c r="F88767" s="14" t="s">
        <v>15</v>
      </c>
      <c r="G88767" s="16">
        <v>0</v>
      </c>
    </row>
    <row r="88768" spans="1:7" x14ac:dyDescent="0.3">
      <c r="A88768" s="13" t="s">
        <v>445</v>
      </c>
      <c r="B88768" s="14" t="s">
        <v>1</v>
      </c>
      <c r="C88768" s="14" t="s">
        <v>137</v>
      </c>
      <c r="D88768" s="14" t="s">
        <v>446</v>
      </c>
      <c r="E88768" s="15">
        <v>45449</v>
      </c>
      <c r="F88768" s="14" t="s">
        <v>15</v>
      </c>
      <c r="G88768" s="16">
        <v>0</v>
      </c>
    </row>
    <row r="88769" spans="1:7" x14ac:dyDescent="0.3">
      <c r="A88769" s="13" t="s">
        <v>445</v>
      </c>
      <c r="B88769" s="14" t="s">
        <v>1</v>
      </c>
      <c r="C88769" s="14" t="s">
        <v>137</v>
      </c>
      <c r="D88769" s="14" t="s">
        <v>446</v>
      </c>
      <c r="E88769" s="15">
        <v>45450</v>
      </c>
      <c r="F88769" s="14" t="s">
        <v>15</v>
      </c>
      <c r="G88769" s="16">
        <v>0</v>
      </c>
    </row>
    <row r="88770" spans="1:7" x14ac:dyDescent="0.3">
      <c r="A88770" s="13" t="s">
        <v>445</v>
      </c>
      <c r="B88770" s="14" t="s">
        <v>1</v>
      </c>
      <c r="C88770" s="14" t="s">
        <v>137</v>
      </c>
      <c r="D88770" s="14" t="s">
        <v>446</v>
      </c>
      <c r="E88770" s="15">
        <v>45451</v>
      </c>
      <c r="F88770" s="14" t="s">
        <v>15</v>
      </c>
      <c r="G88770" s="16">
        <v>0</v>
      </c>
    </row>
    <row r="88771" spans="1:7" x14ac:dyDescent="0.3">
      <c r="A88771" s="13" t="s">
        <v>445</v>
      </c>
      <c r="B88771" s="14" t="s">
        <v>1</v>
      </c>
      <c r="C88771" s="14" t="s">
        <v>137</v>
      </c>
      <c r="D88771" s="14" t="s">
        <v>446</v>
      </c>
      <c r="E88771" s="15">
        <v>45452</v>
      </c>
      <c r="F88771" s="14" t="s">
        <v>15</v>
      </c>
      <c r="G88771" s="16">
        <v>0</v>
      </c>
    </row>
    <row r="88772" spans="1:7" x14ac:dyDescent="0.3">
      <c r="A88772" s="13" t="s">
        <v>445</v>
      </c>
      <c r="B88772" s="14" t="s">
        <v>1</v>
      </c>
      <c r="C88772" s="14" t="s">
        <v>137</v>
      </c>
      <c r="D88772" s="14" t="s">
        <v>446</v>
      </c>
      <c r="E88772" s="15">
        <v>45453</v>
      </c>
      <c r="F88772" s="14" t="s">
        <v>15</v>
      </c>
      <c r="G88772" s="16">
        <v>0</v>
      </c>
    </row>
    <row r="88773" spans="1:7" x14ac:dyDescent="0.3">
      <c r="A88773" s="13" t="s">
        <v>445</v>
      </c>
      <c r="B88773" s="14" t="s">
        <v>1</v>
      </c>
      <c r="C88773" s="14" t="s">
        <v>137</v>
      </c>
      <c r="D88773" s="14" t="s">
        <v>446</v>
      </c>
      <c r="E88773" s="15">
        <v>45454</v>
      </c>
      <c r="F88773" s="14" t="s">
        <v>15</v>
      </c>
      <c r="G88773" s="16">
        <v>0</v>
      </c>
    </row>
    <row r="88774" spans="1:7" x14ac:dyDescent="0.3">
      <c r="A88774" s="13" t="s">
        <v>445</v>
      </c>
      <c r="B88774" s="14" t="s">
        <v>1</v>
      </c>
      <c r="C88774" s="14" t="s">
        <v>137</v>
      </c>
      <c r="D88774" s="14" t="s">
        <v>446</v>
      </c>
      <c r="E88774" s="15">
        <v>45455</v>
      </c>
      <c r="F88774" s="14" t="s">
        <v>15</v>
      </c>
      <c r="G88774" s="16">
        <v>0</v>
      </c>
    </row>
    <row r="88775" spans="1:7" x14ac:dyDescent="0.3">
      <c r="A88775" s="13" t="s">
        <v>445</v>
      </c>
      <c r="B88775" s="14" t="s">
        <v>1</v>
      </c>
      <c r="C88775" s="14" t="s">
        <v>137</v>
      </c>
      <c r="D88775" s="14" t="s">
        <v>446</v>
      </c>
      <c r="E88775" s="15">
        <v>45456</v>
      </c>
      <c r="F88775" s="14" t="s">
        <v>15</v>
      </c>
      <c r="G88775" s="16">
        <v>0</v>
      </c>
    </row>
    <row r="88776" spans="1:7" x14ac:dyDescent="0.3">
      <c r="A88776" s="13" t="s">
        <v>445</v>
      </c>
      <c r="B88776" s="14" t="s">
        <v>1</v>
      </c>
      <c r="C88776" s="14" t="s">
        <v>137</v>
      </c>
      <c r="D88776" s="14" t="s">
        <v>446</v>
      </c>
      <c r="E88776" s="15">
        <v>45457</v>
      </c>
      <c r="F88776" s="14" t="s">
        <v>15</v>
      </c>
      <c r="G88776" s="16">
        <v>0</v>
      </c>
    </row>
    <row r="88777" spans="1:7" x14ac:dyDescent="0.3">
      <c r="A88777" s="13" t="s">
        <v>445</v>
      </c>
      <c r="B88777" s="14" t="s">
        <v>1</v>
      </c>
      <c r="C88777" s="14" t="s">
        <v>137</v>
      </c>
      <c r="D88777" s="14" t="s">
        <v>446</v>
      </c>
      <c r="E88777" s="15">
        <v>45458</v>
      </c>
      <c r="F88777" s="14" t="s">
        <v>15</v>
      </c>
      <c r="G88777" s="16">
        <v>0</v>
      </c>
    </row>
    <row r="88778" spans="1:7" x14ac:dyDescent="0.3">
      <c r="A88778" s="13" t="s">
        <v>445</v>
      </c>
      <c r="B88778" s="14" t="s">
        <v>1</v>
      </c>
      <c r="C88778" s="14" t="s">
        <v>137</v>
      </c>
      <c r="D88778" s="14" t="s">
        <v>446</v>
      </c>
      <c r="E88778" s="15">
        <v>45459</v>
      </c>
      <c r="F88778" s="14" t="s">
        <v>15</v>
      </c>
      <c r="G88778" s="16">
        <v>0</v>
      </c>
    </row>
    <row r="88779" spans="1:7" x14ac:dyDescent="0.3">
      <c r="A88779" s="13" t="s">
        <v>445</v>
      </c>
      <c r="B88779" s="14" t="s">
        <v>1</v>
      </c>
      <c r="C88779" s="14" t="s">
        <v>137</v>
      </c>
      <c r="D88779" s="14" t="s">
        <v>446</v>
      </c>
      <c r="E88779" s="15">
        <v>45460</v>
      </c>
      <c r="F88779" s="14" t="s">
        <v>15</v>
      </c>
      <c r="G88779" s="16">
        <v>0</v>
      </c>
    </row>
    <row r="88780" spans="1:7" x14ac:dyDescent="0.3">
      <c r="A88780" s="13" t="s">
        <v>445</v>
      </c>
      <c r="B88780" s="14" t="s">
        <v>1</v>
      </c>
      <c r="C88780" s="14" t="s">
        <v>137</v>
      </c>
      <c r="D88780" s="14" t="s">
        <v>446</v>
      </c>
      <c r="E88780" s="15">
        <v>45461</v>
      </c>
      <c r="F88780" s="14" t="s">
        <v>15</v>
      </c>
      <c r="G88780" s="16">
        <v>0</v>
      </c>
    </row>
    <row r="88781" spans="1:7" x14ac:dyDescent="0.3">
      <c r="A88781" s="13" t="s">
        <v>445</v>
      </c>
      <c r="B88781" s="14" t="s">
        <v>1</v>
      </c>
      <c r="C88781" s="14" t="s">
        <v>137</v>
      </c>
      <c r="D88781" s="14" t="s">
        <v>446</v>
      </c>
      <c r="E88781" s="15">
        <v>45462</v>
      </c>
      <c r="F88781" s="14" t="s">
        <v>15</v>
      </c>
      <c r="G88781" s="16">
        <v>1.2915137112675794E-2</v>
      </c>
    </row>
    <row r="88782" spans="1:7" x14ac:dyDescent="0.3">
      <c r="A88782" s="13" t="s">
        <v>445</v>
      </c>
      <c r="B88782" s="14" t="s">
        <v>1</v>
      </c>
      <c r="C88782" s="14" t="s">
        <v>137</v>
      </c>
      <c r="D88782" s="14" t="s">
        <v>446</v>
      </c>
      <c r="E88782" s="15">
        <v>45463</v>
      </c>
      <c r="F88782" s="14" t="s">
        <v>15</v>
      </c>
      <c r="G88782" s="16">
        <v>2.9685279455587077E-2</v>
      </c>
    </row>
    <row r="88783" spans="1:7" x14ac:dyDescent="0.3">
      <c r="A88783" s="13" t="s">
        <v>445</v>
      </c>
      <c r="B88783" s="14" t="s">
        <v>1</v>
      </c>
      <c r="C88783" s="14" t="s">
        <v>137</v>
      </c>
      <c r="D88783" s="14" t="s">
        <v>446</v>
      </c>
      <c r="E88783" s="15">
        <v>45464</v>
      </c>
      <c r="F88783" s="14" t="s">
        <v>15</v>
      </c>
      <c r="G88783" s="16">
        <v>4.6958834504264531E-2</v>
      </c>
    </row>
    <row r="88784" spans="1:7" x14ac:dyDescent="0.3">
      <c r="A88784" s="13" t="s">
        <v>445</v>
      </c>
      <c r="B88784" s="14" t="s">
        <v>1</v>
      </c>
      <c r="C88784" s="14" t="s">
        <v>137</v>
      </c>
      <c r="D88784" s="14" t="s">
        <v>446</v>
      </c>
      <c r="E88784" s="15">
        <v>45465</v>
      </c>
      <c r="F88784" s="14" t="s">
        <v>15</v>
      </c>
      <c r="G88784" s="16">
        <v>4.6958834504264531E-2</v>
      </c>
    </row>
    <row r="88785" spans="1:7" x14ac:dyDescent="0.3">
      <c r="A88785" s="13" t="s">
        <v>445</v>
      </c>
      <c r="B88785" s="14" t="s">
        <v>1</v>
      </c>
      <c r="C88785" s="14" t="s">
        <v>137</v>
      </c>
      <c r="D88785" s="14" t="s">
        <v>446</v>
      </c>
      <c r="E88785" s="15">
        <v>45466</v>
      </c>
      <c r="F88785" s="14" t="s">
        <v>15</v>
      </c>
      <c r="G88785" s="16">
        <v>4.6958834504264531E-2</v>
      </c>
    </row>
    <row r="88786" spans="1:7" x14ac:dyDescent="0.3">
      <c r="A88786" s="13" t="s">
        <v>445</v>
      </c>
      <c r="B88786" s="14" t="s">
        <v>1</v>
      </c>
      <c r="C88786" s="14" t="s">
        <v>137</v>
      </c>
      <c r="D88786" s="14" t="s">
        <v>446</v>
      </c>
      <c r="E88786" s="15">
        <v>45467</v>
      </c>
      <c r="F88786" s="14" t="s">
        <v>15</v>
      </c>
      <c r="G88786" s="16">
        <v>6.4651488351546008E-2</v>
      </c>
    </row>
    <row r="88787" spans="1:7" x14ac:dyDescent="0.3">
      <c r="A88787" s="13" t="s">
        <v>445</v>
      </c>
      <c r="B88787" s="14" t="s">
        <v>1</v>
      </c>
      <c r="C88787" s="14" t="s">
        <v>137</v>
      </c>
      <c r="D88787" s="14" t="s">
        <v>446</v>
      </c>
      <c r="E88787" s="15">
        <v>45468</v>
      </c>
      <c r="F88787" s="14" t="s">
        <v>15</v>
      </c>
      <c r="G88787" s="16">
        <v>0.11629515983371418</v>
      </c>
    </row>
    <row r="88788" spans="1:7" x14ac:dyDescent="0.3">
      <c r="A88788" s="13" t="s">
        <v>445</v>
      </c>
      <c r="B88788" s="14" t="s">
        <v>1</v>
      </c>
      <c r="C88788" s="14" t="s">
        <v>137</v>
      </c>
      <c r="D88788" s="14" t="s">
        <v>446</v>
      </c>
      <c r="E88788" s="15">
        <v>45469</v>
      </c>
      <c r="F88788" s="14" t="s">
        <v>15</v>
      </c>
      <c r="G88788" s="16">
        <v>0.13315733713755701</v>
      </c>
    </row>
    <row r="88789" spans="1:7" x14ac:dyDescent="0.3">
      <c r="A88789" s="13" t="s">
        <v>445</v>
      </c>
      <c r="B88789" s="14" t="s">
        <v>1</v>
      </c>
      <c r="C88789" s="14" t="s">
        <v>137</v>
      </c>
      <c r="D88789" s="14" t="s">
        <v>446</v>
      </c>
      <c r="E88789" s="15">
        <v>45470</v>
      </c>
      <c r="F88789" s="14" t="s">
        <v>15</v>
      </c>
      <c r="G88789" s="16">
        <v>0.15003171370635546</v>
      </c>
    </row>
    <row r="88790" spans="1:7" x14ac:dyDescent="0.3">
      <c r="A88790" s="13" t="s">
        <v>445</v>
      </c>
      <c r="B88790" s="14" t="s">
        <v>1</v>
      </c>
      <c r="C88790" s="14" t="s">
        <v>137</v>
      </c>
      <c r="D88790" s="14" t="s">
        <v>446</v>
      </c>
      <c r="E88790" s="15">
        <v>45471</v>
      </c>
      <c r="F88790" s="14" t="s">
        <v>15</v>
      </c>
      <c r="G88790" s="16">
        <v>0.16697557975907865</v>
      </c>
    </row>
    <row r="88791" spans="1:7" x14ac:dyDescent="0.3">
      <c r="A88791" s="13" t="s">
        <v>445</v>
      </c>
      <c r="B88791" s="14" t="s">
        <v>1</v>
      </c>
      <c r="C88791" s="14" t="s">
        <v>137</v>
      </c>
      <c r="D88791" s="14" t="s">
        <v>446</v>
      </c>
      <c r="E88791" s="15">
        <v>45472</v>
      </c>
      <c r="F88791" s="14" t="s">
        <v>15</v>
      </c>
      <c r="G88791" s="16">
        <v>0.16697557975907865</v>
      </c>
    </row>
    <row r="88792" spans="1:7" x14ac:dyDescent="0.3">
      <c r="A88792" s="13" t="s">
        <v>445</v>
      </c>
      <c r="B88792" s="14" t="s">
        <v>1</v>
      </c>
      <c r="C88792" s="14" t="s">
        <v>137</v>
      </c>
      <c r="D88792" s="14" t="s">
        <v>446</v>
      </c>
      <c r="E88792" s="15">
        <v>45473</v>
      </c>
      <c r="F88792" s="14" t="s">
        <v>15</v>
      </c>
      <c r="G88792" s="16">
        <v>0.16697557975907865</v>
      </c>
    </row>
    <row r="88793" spans="1:7" x14ac:dyDescent="0.3">
      <c r="A88793" s="13" t="s">
        <v>445</v>
      </c>
      <c r="B88793" s="14" t="s">
        <v>1</v>
      </c>
      <c r="C88793" s="14" t="s">
        <v>137</v>
      </c>
      <c r="D88793" s="14" t="s">
        <v>446</v>
      </c>
      <c r="E88793" s="15">
        <v>45474</v>
      </c>
      <c r="F88793" s="14" t="s">
        <v>15</v>
      </c>
      <c r="G88793" s="16">
        <v>0</v>
      </c>
    </row>
    <row r="88794" spans="1:7" x14ac:dyDescent="0.3">
      <c r="A88794" s="13" t="s">
        <v>445</v>
      </c>
      <c r="B88794" s="14" t="s">
        <v>1</v>
      </c>
      <c r="C88794" s="14" t="s">
        <v>137</v>
      </c>
      <c r="D88794" s="14" t="s">
        <v>446</v>
      </c>
      <c r="E88794" s="15">
        <v>45475</v>
      </c>
      <c r="F88794" s="14" t="s">
        <v>15</v>
      </c>
      <c r="G88794" s="16">
        <v>0</v>
      </c>
    </row>
    <row r="88795" spans="1:7" x14ac:dyDescent="0.3">
      <c r="A88795" s="13" t="s">
        <v>445</v>
      </c>
      <c r="B88795" s="14" t="s">
        <v>1</v>
      </c>
      <c r="C88795" s="14" t="s">
        <v>137</v>
      </c>
      <c r="D88795" s="14" t="s">
        <v>446</v>
      </c>
      <c r="E88795" s="15">
        <v>45476</v>
      </c>
      <c r="F88795" s="14" t="s">
        <v>15</v>
      </c>
      <c r="G88795" s="16">
        <v>0</v>
      </c>
    </row>
    <row r="88796" spans="1:7" x14ac:dyDescent="0.3">
      <c r="A88796" s="13" t="s">
        <v>445</v>
      </c>
      <c r="B88796" s="14" t="s">
        <v>1</v>
      </c>
      <c r="C88796" s="14" t="s">
        <v>137</v>
      </c>
      <c r="D88796" s="14" t="s">
        <v>446</v>
      </c>
      <c r="E88796" s="15">
        <v>45477</v>
      </c>
      <c r="F88796" s="14" t="s">
        <v>15</v>
      </c>
      <c r="G88796" s="16">
        <v>0</v>
      </c>
    </row>
    <row r="88797" spans="1:7" x14ac:dyDescent="0.3">
      <c r="A88797" s="13" t="s">
        <v>445</v>
      </c>
      <c r="B88797" s="14" t="s">
        <v>1</v>
      </c>
      <c r="C88797" s="14" t="s">
        <v>137</v>
      </c>
      <c r="D88797" s="14" t="s">
        <v>446</v>
      </c>
      <c r="E88797" s="15">
        <v>45478</v>
      </c>
      <c r="F88797" s="14" t="s">
        <v>15</v>
      </c>
      <c r="G88797" s="16">
        <v>0</v>
      </c>
    </row>
    <row r="88798" spans="1:7" x14ac:dyDescent="0.3">
      <c r="A88798" s="13" t="s">
        <v>445</v>
      </c>
      <c r="B88798" s="14" t="s">
        <v>1</v>
      </c>
      <c r="C88798" s="14" t="s">
        <v>137</v>
      </c>
      <c r="D88798" s="14" t="s">
        <v>446</v>
      </c>
      <c r="E88798" s="15">
        <v>45479</v>
      </c>
      <c r="F88798" s="14" t="s">
        <v>15</v>
      </c>
      <c r="G88798" s="16">
        <v>0</v>
      </c>
    </row>
    <row r="88799" spans="1:7" x14ac:dyDescent="0.3">
      <c r="A88799" s="13" t="s">
        <v>445</v>
      </c>
      <c r="B88799" s="14" t="s">
        <v>1</v>
      </c>
      <c r="C88799" s="14" t="s">
        <v>137</v>
      </c>
      <c r="D88799" s="14" t="s">
        <v>446</v>
      </c>
      <c r="E88799" s="15">
        <v>45480</v>
      </c>
      <c r="F88799" s="14" t="s">
        <v>15</v>
      </c>
      <c r="G88799" s="16">
        <v>0</v>
      </c>
    </row>
    <row r="88800" spans="1:7" x14ac:dyDescent="0.3">
      <c r="A88800" s="13" t="s">
        <v>445</v>
      </c>
      <c r="B88800" s="14" t="s">
        <v>1</v>
      </c>
      <c r="C88800" s="14" t="s">
        <v>137</v>
      </c>
      <c r="D88800" s="14" t="s">
        <v>446</v>
      </c>
      <c r="E88800" s="15">
        <v>45481</v>
      </c>
      <c r="F88800" s="14" t="s">
        <v>15</v>
      </c>
      <c r="G88800" s="16">
        <v>0</v>
      </c>
    </row>
    <row r="88801" spans="1:7" x14ac:dyDescent="0.3">
      <c r="A88801" s="13" t="s">
        <v>445</v>
      </c>
      <c r="B88801" s="14" t="s">
        <v>1</v>
      </c>
      <c r="C88801" s="14" t="s">
        <v>137</v>
      </c>
      <c r="D88801" s="14" t="s">
        <v>446</v>
      </c>
      <c r="E88801" s="15">
        <v>45482</v>
      </c>
      <c r="F88801" s="14" t="s">
        <v>15</v>
      </c>
      <c r="G88801" s="16">
        <v>0</v>
      </c>
    </row>
    <row r="88802" spans="1:7" x14ac:dyDescent="0.3">
      <c r="A88802" s="13" t="s">
        <v>445</v>
      </c>
      <c r="B88802" s="14" t="s">
        <v>1</v>
      </c>
      <c r="C88802" s="14" t="s">
        <v>137</v>
      </c>
      <c r="D88802" s="14" t="s">
        <v>446</v>
      </c>
      <c r="E88802" s="15">
        <v>45483</v>
      </c>
      <c r="F88802" s="14" t="s">
        <v>15</v>
      </c>
      <c r="G88802" s="16">
        <v>0</v>
      </c>
    </row>
    <row r="88803" spans="1:7" x14ac:dyDescent="0.3">
      <c r="A88803" s="13" t="s">
        <v>445</v>
      </c>
      <c r="B88803" s="14" t="s">
        <v>1</v>
      </c>
      <c r="C88803" s="14" t="s">
        <v>137</v>
      </c>
      <c r="D88803" s="14" t="s">
        <v>446</v>
      </c>
      <c r="E88803" s="15">
        <v>45484</v>
      </c>
      <c r="F88803" s="14" t="s">
        <v>15</v>
      </c>
      <c r="G88803" s="16">
        <v>0</v>
      </c>
    </row>
    <row r="88804" spans="1:7" x14ac:dyDescent="0.3">
      <c r="A88804" s="13" t="s">
        <v>445</v>
      </c>
      <c r="B88804" s="14" t="s">
        <v>1</v>
      </c>
      <c r="C88804" s="14" t="s">
        <v>137</v>
      </c>
      <c r="D88804" s="14" t="s">
        <v>446</v>
      </c>
      <c r="E88804" s="15">
        <v>45485</v>
      </c>
      <c r="F88804" s="14" t="s">
        <v>15</v>
      </c>
      <c r="G88804" s="16">
        <v>0</v>
      </c>
    </row>
    <row r="88805" spans="1:7" x14ac:dyDescent="0.3">
      <c r="A88805" s="13" t="s">
        <v>445</v>
      </c>
      <c r="B88805" s="14" t="s">
        <v>1</v>
      </c>
      <c r="C88805" s="14" t="s">
        <v>137</v>
      </c>
      <c r="D88805" s="14" t="s">
        <v>446</v>
      </c>
      <c r="E88805" s="15">
        <v>45486</v>
      </c>
      <c r="F88805" s="14" t="s">
        <v>15</v>
      </c>
      <c r="G88805" s="16">
        <v>0</v>
      </c>
    </row>
    <row r="88806" spans="1:7" x14ac:dyDescent="0.3">
      <c r="A88806" s="13" t="s">
        <v>445</v>
      </c>
      <c r="B88806" s="14" t="s">
        <v>1</v>
      </c>
      <c r="C88806" s="14" t="s">
        <v>137</v>
      </c>
      <c r="D88806" s="14" t="s">
        <v>446</v>
      </c>
      <c r="E88806" s="15">
        <v>45487</v>
      </c>
      <c r="F88806" s="14" t="s">
        <v>15</v>
      </c>
      <c r="G88806" s="16">
        <v>0</v>
      </c>
    </row>
    <row r="88807" spans="1:7" x14ac:dyDescent="0.3">
      <c r="A88807" s="13" t="s">
        <v>445</v>
      </c>
      <c r="B88807" s="14" t="s">
        <v>1</v>
      </c>
      <c r="C88807" s="14" t="s">
        <v>137</v>
      </c>
      <c r="D88807" s="14" t="s">
        <v>446</v>
      </c>
      <c r="E88807" s="15">
        <v>45488</v>
      </c>
      <c r="F88807" s="14" t="s">
        <v>15</v>
      </c>
      <c r="G88807" s="16">
        <v>0</v>
      </c>
    </row>
    <row r="88808" spans="1:7" x14ac:dyDescent="0.3">
      <c r="A88808" s="13" t="s">
        <v>445</v>
      </c>
      <c r="B88808" s="14" t="s">
        <v>1</v>
      </c>
      <c r="C88808" s="14" t="s">
        <v>137</v>
      </c>
      <c r="D88808" s="14" t="s">
        <v>446</v>
      </c>
      <c r="E88808" s="15">
        <v>45489</v>
      </c>
      <c r="F88808" s="14" t="s">
        <v>15</v>
      </c>
      <c r="G88808" s="16">
        <v>0</v>
      </c>
    </row>
    <row r="88809" spans="1:7" x14ac:dyDescent="0.3">
      <c r="A88809" s="13" t="s">
        <v>445</v>
      </c>
      <c r="B88809" s="14" t="s">
        <v>1</v>
      </c>
      <c r="C88809" s="14" t="s">
        <v>137</v>
      </c>
      <c r="D88809" s="14" t="s">
        <v>446</v>
      </c>
      <c r="E88809" s="15">
        <v>45490</v>
      </c>
      <c r="F88809" s="14" t="s">
        <v>15</v>
      </c>
      <c r="G88809" s="16">
        <v>0</v>
      </c>
    </row>
    <row r="88810" spans="1:7" x14ac:dyDescent="0.3">
      <c r="A88810" s="13" t="s">
        <v>445</v>
      </c>
      <c r="B88810" s="14" t="s">
        <v>1</v>
      </c>
      <c r="C88810" s="14" t="s">
        <v>137</v>
      </c>
      <c r="D88810" s="14" t="s">
        <v>446</v>
      </c>
      <c r="E88810" s="15">
        <v>45491</v>
      </c>
      <c r="F88810" s="14" t="s">
        <v>15</v>
      </c>
      <c r="G88810" s="16">
        <v>0</v>
      </c>
    </row>
    <row r="88811" spans="1:7" x14ac:dyDescent="0.3">
      <c r="A88811" s="13" t="s">
        <v>445</v>
      </c>
      <c r="B88811" s="14" t="s">
        <v>1</v>
      </c>
      <c r="C88811" s="14" t="s">
        <v>137</v>
      </c>
      <c r="D88811" s="14" t="s">
        <v>446</v>
      </c>
      <c r="E88811" s="15">
        <v>45492</v>
      </c>
      <c r="F88811" s="14" t="s">
        <v>15</v>
      </c>
      <c r="G88811" s="16">
        <v>0</v>
      </c>
    </row>
    <row r="88812" spans="1:7" x14ac:dyDescent="0.3">
      <c r="A88812" s="13" t="s">
        <v>445</v>
      </c>
      <c r="B88812" s="14" t="s">
        <v>1</v>
      </c>
      <c r="C88812" s="14" t="s">
        <v>137</v>
      </c>
      <c r="D88812" s="14" t="s">
        <v>446</v>
      </c>
      <c r="E88812" s="15">
        <v>45493</v>
      </c>
      <c r="F88812" s="14" t="s">
        <v>15</v>
      </c>
      <c r="G88812" s="16">
        <v>0</v>
      </c>
    </row>
    <row r="88813" spans="1:7" x14ac:dyDescent="0.3">
      <c r="A88813" s="13" t="s">
        <v>445</v>
      </c>
      <c r="B88813" s="14" t="s">
        <v>1</v>
      </c>
      <c r="C88813" s="14" t="s">
        <v>137</v>
      </c>
      <c r="D88813" s="14" t="s">
        <v>446</v>
      </c>
      <c r="E88813" s="15">
        <v>45494</v>
      </c>
      <c r="F88813" s="14" t="s">
        <v>15</v>
      </c>
      <c r="G88813" s="16">
        <v>0</v>
      </c>
    </row>
    <row r="88814" spans="1:7" x14ac:dyDescent="0.3">
      <c r="A88814" s="13" t="s">
        <v>445</v>
      </c>
      <c r="B88814" s="14" t="s">
        <v>1</v>
      </c>
      <c r="C88814" s="14" t="s">
        <v>137</v>
      </c>
      <c r="D88814" s="14" t="s">
        <v>446</v>
      </c>
      <c r="E88814" s="15">
        <v>45495</v>
      </c>
      <c r="F88814" s="14" t="s">
        <v>15</v>
      </c>
      <c r="G88814" s="16">
        <v>0</v>
      </c>
    </row>
    <row r="88815" spans="1:7" x14ac:dyDescent="0.3">
      <c r="A88815" s="13" t="s">
        <v>445</v>
      </c>
      <c r="B88815" s="14" t="s">
        <v>1</v>
      </c>
      <c r="C88815" s="14" t="s">
        <v>137</v>
      </c>
      <c r="D88815" s="14" t="s">
        <v>446</v>
      </c>
      <c r="E88815" s="15">
        <v>45496</v>
      </c>
      <c r="F88815" s="14" t="s">
        <v>15</v>
      </c>
      <c r="G88815" s="16">
        <v>5.2472206886659649E-3</v>
      </c>
    </row>
    <row r="88816" spans="1:7" x14ac:dyDescent="0.3">
      <c r="A88816" s="13" t="s">
        <v>445</v>
      </c>
      <c r="B88816" s="14" t="s">
        <v>1</v>
      </c>
      <c r="C88816" s="14" t="s">
        <v>137</v>
      </c>
      <c r="D88816" s="14" t="s">
        <v>446</v>
      </c>
      <c r="E88816" s="15">
        <v>45497</v>
      </c>
      <c r="F88816" s="14" t="s">
        <v>15</v>
      </c>
      <c r="G88816" s="16">
        <v>2.1692461088960217E-2</v>
      </c>
    </row>
    <row r="88817" spans="1:7" x14ac:dyDescent="0.3">
      <c r="A88817" s="13" t="s">
        <v>445</v>
      </c>
      <c r="B88817" s="14" t="s">
        <v>1</v>
      </c>
      <c r="C88817" s="14" t="s">
        <v>137</v>
      </c>
      <c r="D88817" s="14" t="s">
        <v>446</v>
      </c>
      <c r="E88817" s="15">
        <v>45498</v>
      </c>
      <c r="F88817" s="14" t="s">
        <v>15</v>
      </c>
      <c r="G88817" s="16">
        <v>3.8176615600252178E-2</v>
      </c>
    </row>
    <row r="88818" spans="1:7" x14ac:dyDescent="0.3">
      <c r="A88818" s="13" t="s">
        <v>445</v>
      </c>
      <c r="B88818" s="14" t="s">
        <v>1</v>
      </c>
      <c r="C88818" s="14" t="s">
        <v>137</v>
      </c>
      <c r="D88818" s="14" t="s">
        <v>446</v>
      </c>
      <c r="E88818" s="15">
        <v>45499</v>
      </c>
      <c r="F88818" s="14" t="s">
        <v>15</v>
      </c>
      <c r="G88818" s="16">
        <v>5.4996944792664683E-2</v>
      </c>
    </row>
    <row r="88819" spans="1:7" x14ac:dyDescent="0.3">
      <c r="A88819" s="13" t="s">
        <v>445</v>
      </c>
      <c r="B88819" s="14" t="s">
        <v>1</v>
      </c>
      <c r="C88819" s="14" t="s">
        <v>137</v>
      </c>
      <c r="D88819" s="14" t="s">
        <v>446</v>
      </c>
      <c r="E88819" s="15">
        <v>45500</v>
      </c>
      <c r="F88819" s="14" t="s">
        <v>15</v>
      </c>
      <c r="G88819" s="16">
        <v>5.4996944792664683E-2</v>
      </c>
    </row>
    <row r="88820" spans="1:7" x14ac:dyDescent="0.3">
      <c r="A88820" s="13" t="s">
        <v>445</v>
      </c>
      <c r="B88820" s="14" t="s">
        <v>1</v>
      </c>
      <c r="C88820" s="14" t="s">
        <v>137</v>
      </c>
      <c r="D88820" s="14" t="s">
        <v>446</v>
      </c>
      <c r="E88820" s="15">
        <v>45501</v>
      </c>
      <c r="F88820" s="14" t="s">
        <v>15</v>
      </c>
      <c r="G88820" s="16">
        <v>5.4996944792664683E-2</v>
      </c>
    </row>
    <row r="88821" spans="1:7" x14ac:dyDescent="0.3">
      <c r="A88821" s="13" t="s">
        <v>445</v>
      </c>
      <c r="B88821" s="14" t="s">
        <v>1</v>
      </c>
      <c r="C88821" s="14" t="s">
        <v>137</v>
      </c>
      <c r="D88821" s="14" t="s">
        <v>446</v>
      </c>
      <c r="E88821" s="15">
        <v>45502</v>
      </c>
      <c r="F88821" s="14" t="s">
        <v>15</v>
      </c>
      <c r="G88821" s="16">
        <v>6.6988218115532086E-2</v>
      </c>
    </row>
    <row r="88822" spans="1:7" x14ac:dyDescent="0.3">
      <c r="A88822" s="13" t="s">
        <v>445</v>
      </c>
      <c r="B88822" s="14" t="s">
        <v>1</v>
      </c>
      <c r="C88822" s="14" t="s">
        <v>137</v>
      </c>
      <c r="D88822" s="14" t="s">
        <v>446</v>
      </c>
      <c r="E88822" s="15">
        <v>45503</v>
      </c>
      <c r="F88822" s="14" t="s">
        <v>15</v>
      </c>
      <c r="G88822" s="16">
        <v>0.11724071012952648</v>
      </c>
    </row>
    <row r="88823" spans="1:7" x14ac:dyDescent="0.3">
      <c r="A88823" s="13" t="s">
        <v>445</v>
      </c>
      <c r="B88823" s="14" t="s">
        <v>1</v>
      </c>
      <c r="C88823" s="14" t="s">
        <v>137</v>
      </c>
      <c r="D88823" s="14" t="s">
        <v>446</v>
      </c>
      <c r="E88823" s="15">
        <v>45504</v>
      </c>
      <c r="F88823" s="14" t="s">
        <v>15</v>
      </c>
      <c r="G88823" s="16">
        <v>0.13406011279548669</v>
      </c>
    </row>
    <row r="88824" spans="1:7" x14ac:dyDescent="0.3">
      <c r="A88824" s="13" t="s">
        <v>445</v>
      </c>
      <c r="B88824" s="14" t="s">
        <v>1</v>
      </c>
      <c r="C88824" s="14" t="s">
        <v>137</v>
      </c>
      <c r="D88824" s="14" t="s">
        <v>446</v>
      </c>
      <c r="E88824" s="15">
        <v>45505</v>
      </c>
      <c r="F88824" s="14" t="s">
        <v>15</v>
      </c>
      <c r="G88824" s="16">
        <v>0</v>
      </c>
    </row>
    <row r="88825" spans="1:7" x14ac:dyDescent="0.3">
      <c r="A88825" s="13" t="s">
        <v>445</v>
      </c>
      <c r="B88825" s="14" t="s">
        <v>1</v>
      </c>
      <c r="C88825" s="14" t="s">
        <v>137</v>
      </c>
      <c r="D88825" s="14" t="s">
        <v>446</v>
      </c>
      <c r="E88825" s="15">
        <v>45506</v>
      </c>
      <c r="F88825" s="14" t="s">
        <v>15</v>
      </c>
      <c r="G88825" s="16">
        <v>0</v>
      </c>
    </row>
    <row r="88826" spans="1:7" x14ac:dyDescent="0.3">
      <c r="A88826" s="13" t="s">
        <v>445</v>
      </c>
      <c r="B88826" s="14" t="s">
        <v>1</v>
      </c>
      <c r="C88826" s="14" t="s">
        <v>137</v>
      </c>
      <c r="D88826" s="14" t="s">
        <v>446</v>
      </c>
      <c r="E88826" s="15">
        <v>45507</v>
      </c>
      <c r="F88826" s="14" t="s">
        <v>15</v>
      </c>
      <c r="G88826" s="16">
        <v>0</v>
      </c>
    </row>
    <row r="88827" spans="1:7" x14ac:dyDescent="0.3">
      <c r="A88827" s="13" t="s">
        <v>445</v>
      </c>
      <c r="B88827" s="14" t="s">
        <v>1</v>
      </c>
      <c r="C88827" s="14" t="s">
        <v>137</v>
      </c>
      <c r="D88827" s="14" t="s">
        <v>446</v>
      </c>
      <c r="E88827" s="15">
        <v>45508</v>
      </c>
      <c r="F88827" s="14" t="s">
        <v>15</v>
      </c>
      <c r="G88827" s="16">
        <v>0</v>
      </c>
    </row>
    <row r="88828" spans="1:7" x14ac:dyDescent="0.3">
      <c r="A88828" s="13" t="s">
        <v>445</v>
      </c>
      <c r="B88828" s="14" t="s">
        <v>1</v>
      </c>
      <c r="C88828" s="14" t="s">
        <v>137</v>
      </c>
      <c r="D88828" s="14" t="s">
        <v>446</v>
      </c>
      <c r="E88828" s="15">
        <v>45509</v>
      </c>
      <c r="F88828" s="14" t="s">
        <v>15</v>
      </c>
      <c r="G88828" s="16">
        <v>0</v>
      </c>
    </row>
    <row r="88829" spans="1:7" x14ac:dyDescent="0.3">
      <c r="A88829" s="13" t="s">
        <v>445</v>
      </c>
      <c r="B88829" s="14" t="s">
        <v>1</v>
      </c>
      <c r="C88829" s="14" t="s">
        <v>137</v>
      </c>
      <c r="D88829" s="14" t="s">
        <v>446</v>
      </c>
      <c r="E88829" s="15">
        <v>45510</v>
      </c>
      <c r="F88829" s="14" t="s">
        <v>15</v>
      </c>
      <c r="G88829" s="16">
        <v>0</v>
      </c>
    </row>
    <row r="88830" spans="1:7" x14ac:dyDescent="0.3">
      <c r="A88830" s="13" t="s">
        <v>445</v>
      </c>
      <c r="B88830" s="14" t="s">
        <v>1</v>
      </c>
      <c r="C88830" s="14" t="s">
        <v>137</v>
      </c>
      <c r="D88830" s="14" t="s">
        <v>446</v>
      </c>
      <c r="E88830" s="15">
        <v>45511</v>
      </c>
      <c r="F88830" s="14" t="s">
        <v>15</v>
      </c>
      <c r="G88830" s="16">
        <v>0</v>
      </c>
    </row>
    <row r="88831" spans="1:7" x14ac:dyDescent="0.3">
      <c r="A88831" s="13" t="s">
        <v>445</v>
      </c>
      <c r="B88831" s="14" t="s">
        <v>1</v>
      </c>
      <c r="C88831" s="14" t="s">
        <v>137</v>
      </c>
      <c r="D88831" s="14" t="s">
        <v>446</v>
      </c>
      <c r="E88831" s="15">
        <v>45512</v>
      </c>
      <c r="F88831" s="14" t="s">
        <v>15</v>
      </c>
      <c r="G88831" s="16">
        <v>0</v>
      </c>
    </row>
    <row r="88832" spans="1:7" x14ac:dyDescent="0.3">
      <c r="A88832" s="13" t="s">
        <v>445</v>
      </c>
      <c r="B88832" s="14" t="s">
        <v>1</v>
      </c>
      <c r="C88832" s="14" t="s">
        <v>137</v>
      </c>
      <c r="D88832" s="14" t="s">
        <v>446</v>
      </c>
      <c r="E88832" s="15">
        <v>45513</v>
      </c>
      <c r="F88832" s="14" t="s">
        <v>15</v>
      </c>
      <c r="G88832" s="16">
        <v>0</v>
      </c>
    </row>
    <row r="88833" spans="1:7" x14ac:dyDescent="0.3">
      <c r="A88833" s="13" t="s">
        <v>445</v>
      </c>
      <c r="B88833" s="14" t="s">
        <v>1</v>
      </c>
      <c r="C88833" s="14" t="s">
        <v>137</v>
      </c>
      <c r="D88833" s="14" t="s">
        <v>446</v>
      </c>
      <c r="E88833" s="15">
        <v>45514</v>
      </c>
      <c r="F88833" s="14" t="s">
        <v>15</v>
      </c>
      <c r="G88833" s="16">
        <v>0</v>
      </c>
    </row>
    <row r="88834" spans="1:7" x14ac:dyDescent="0.3">
      <c r="A88834" s="13" t="s">
        <v>445</v>
      </c>
      <c r="B88834" s="14" t="s">
        <v>1</v>
      </c>
      <c r="C88834" s="14" t="s">
        <v>137</v>
      </c>
      <c r="D88834" s="14" t="s">
        <v>446</v>
      </c>
      <c r="E88834" s="15">
        <v>45515</v>
      </c>
      <c r="F88834" s="14" t="s">
        <v>15</v>
      </c>
      <c r="G88834" s="16">
        <v>0</v>
      </c>
    </row>
    <row r="88835" spans="1:7" x14ac:dyDescent="0.3">
      <c r="A88835" s="13" t="s">
        <v>445</v>
      </c>
      <c r="B88835" s="14" t="s">
        <v>1</v>
      </c>
      <c r="C88835" s="14" t="s">
        <v>137</v>
      </c>
      <c r="D88835" s="14" t="s">
        <v>446</v>
      </c>
      <c r="E88835" s="15">
        <v>45516</v>
      </c>
      <c r="F88835" s="14" t="s">
        <v>15</v>
      </c>
      <c r="G88835" s="16">
        <v>0</v>
      </c>
    </row>
    <row r="88836" spans="1:7" x14ac:dyDescent="0.3">
      <c r="A88836" s="13" t="s">
        <v>445</v>
      </c>
      <c r="B88836" s="14" t="s">
        <v>1</v>
      </c>
      <c r="C88836" s="14" t="s">
        <v>137</v>
      </c>
      <c r="D88836" s="14" t="s">
        <v>446</v>
      </c>
      <c r="E88836" s="15">
        <v>45517</v>
      </c>
      <c r="F88836" s="14" t="s">
        <v>15</v>
      </c>
      <c r="G88836" s="16">
        <v>0</v>
      </c>
    </row>
    <row r="88837" spans="1:7" x14ac:dyDescent="0.3">
      <c r="A88837" s="13" t="s">
        <v>445</v>
      </c>
      <c r="B88837" s="14" t="s">
        <v>1</v>
      </c>
      <c r="C88837" s="14" t="s">
        <v>137</v>
      </c>
      <c r="D88837" s="14" t="s">
        <v>446</v>
      </c>
      <c r="E88837" s="15">
        <v>45518</v>
      </c>
      <c r="F88837" s="14" t="s">
        <v>15</v>
      </c>
      <c r="G88837" s="16">
        <v>0</v>
      </c>
    </row>
    <row r="88838" spans="1:7" x14ac:dyDescent="0.3">
      <c r="A88838" s="13" t="s">
        <v>445</v>
      </c>
      <c r="B88838" s="14" t="s">
        <v>1</v>
      </c>
      <c r="C88838" s="14" t="s">
        <v>137</v>
      </c>
      <c r="D88838" s="14" t="s">
        <v>446</v>
      </c>
      <c r="E88838" s="15">
        <v>45519</v>
      </c>
      <c r="F88838" s="14" t="s">
        <v>15</v>
      </c>
      <c r="G88838" s="16">
        <v>0</v>
      </c>
    </row>
    <row r="88839" spans="1:7" x14ac:dyDescent="0.3">
      <c r="A88839" s="13" t="s">
        <v>445</v>
      </c>
      <c r="B88839" s="14" t="s">
        <v>1</v>
      </c>
      <c r="C88839" s="14" t="s">
        <v>137</v>
      </c>
      <c r="D88839" s="14" t="s">
        <v>446</v>
      </c>
      <c r="E88839" s="15">
        <v>45520</v>
      </c>
      <c r="F88839" s="14" t="s">
        <v>15</v>
      </c>
      <c r="G88839" s="16">
        <v>0</v>
      </c>
    </row>
    <row r="88840" spans="1:7" x14ac:dyDescent="0.3">
      <c r="A88840" s="13" t="s">
        <v>445</v>
      </c>
      <c r="B88840" s="14" t="s">
        <v>1</v>
      </c>
      <c r="C88840" s="14" t="s">
        <v>137</v>
      </c>
      <c r="D88840" s="14" t="s">
        <v>446</v>
      </c>
      <c r="E88840" s="15">
        <v>45521</v>
      </c>
      <c r="F88840" s="14" t="s">
        <v>15</v>
      </c>
      <c r="G88840" s="16">
        <v>0</v>
      </c>
    </row>
    <row r="88841" spans="1:7" x14ac:dyDescent="0.3">
      <c r="A88841" s="13" t="s">
        <v>445</v>
      </c>
      <c r="B88841" s="14" t="s">
        <v>1</v>
      </c>
      <c r="C88841" s="14" t="s">
        <v>137</v>
      </c>
      <c r="D88841" s="14" t="s">
        <v>446</v>
      </c>
      <c r="E88841" s="15">
        <v>45522</v>
      </c>
      <c r="F88841" s="14" t="s">
        <v>15</v>
      </c>
      <c r="G88841" s="16">
        <v>0</v>
      </c>
    </row>
    <row r="88842" spans="1:7" x14ac:dyDescent="0.3">
      <c r="A88842" s="13" t="s">
        <v>445</v>
      </c>
      <c r="B88842" s="14" t="s">
        <v>1</v>
      </c>
      <c r="C88842" s="14" t="s">
        <v>137</v>
      </c>
      <c r="D88842" s="14" t="s">
        <v>446</v>
      </c>
      <c r="E88842" s="15">
        <v>45523</v>
      </c>
      <c r="F88842" s="14" t="s">
        <v>15</v>
      </c>
      <c r="G88842" s="16">
        <v>0</v>
      </c>
    </row>
    <row r="88843" spans="1:7" x14ac:dyDescent="0.3">
      <c r="A88843" s="13" t="s">
        <v>445</v>
      </c>
      <c r="B88843" s="14" t="s">
        <v>1</v>
      </c>
      <c r="C88843" s="14" t="s">
        <v>137</v>
      </c>
      <c r="D88843" s="14" t="s">
        <v>446</v>
      </c>
      <c r="E88843" s="15">
        <v>45524</v>
      </c>
      <c r="F88843" s="14" t="s">
        <v>15</v>
      </c>
      <c r="G88843" s="16">
        <v>3.7457184078409443E-2</v>
      </c>
    </row>
    <row r="88844" spans="1:7" x14ac:dyDescent="0.3">
      <c r="A88844" s="13" t="s">
        <v>445</v>
      </c>
      <c r="B88844" s="14" t="s">
        <v>1</v>
      </c>
      <c r="C88844" s="14" t="s">
        <v>137</v>
      </c>
      <c r="D88844" s="14" t="s">
        <v>446</v>
      </c>
      <c r="E88844" s="15">
        <v>45525</v>
      </c>
      <c r="F88844" s="14" t="s">
        <v>15</v>
      </c>
      <c r="G88844" s="16">
        <v>5.442047884832759E-2</v>
      </c>
    </row>
    <row r="88845" spans="1:7" x14ac:dyDescent="0.3">
      <c r="A88845" s="13" t="s">
        <v>445</v>
      </c>
      <c r="B88845" s="14" t="s">
        <v>1</v>
      </c>
      <c r="C88845" s="14" t="s">
        <v>137</v>
      </c>
      <c r="D88845" s="14" t="s">
        <v>446</v>
      </c>
      <c r="E88845" s="15">
        <v>45526</v>
      </c>
      <c r="F88845" s="14" t="s">
        <v>15</v>
      </c>
      <c r="G88845" s="16">
        <v>7.061279789003265E-2</v>
      </c>
    </row>
    <row r="88846" spans="1:7" x14ac:dyDescent="0.3">
      <c r="A88846" s="13" t="s">
        <v>445</v>
      </c>
      <c r="B88846" s="14" t="s">
        <v>1</v>
      </c>
      <c r="C88846" s="14" t="s">
        <v>137</v>
      </c>
      <c r="D88846" s="14" t="s">
        <v>446</v>
      </c>
      <c r="E88846" s="15">
        <v>45527</v>
      </c>
      <c r="F88846" s="14" t="s">
        <v>15</v>
      </c>
      <c r="G88846" s="16">
        <v>8.7052913778345883E-2</v>
      </c>
    </row>
    <row r="88847" spans="1:7" x14ac:dyDescent="0.3">
      <c r="A88847" s="13" t="s">
        <v>445</v>
      </c>
      <c r="B88847" s="14" t="s">
        <v>1</v>
      </c>
      <c r="C88847" s="14" t="s">
        <v>137</v>
      </c>
      <c r="D88847" s="14" t="s">
        <v>446</v>
      </c>
      <c r="E88847" s="15">
        <v>45528</v>
      </c>
      <c r="F88847" s="14" t="s">
        <v>15</v>
      </c>
      <c r="G88847" s="16">
        <v>8.7052913778345883E-2</v>
      </c>
    </row>
    <row r="88848" spans="1:7" x14ac:dyDescent="0.3">
      <c r="A88848" s="13" t="s">
        <v>445</v>
      </c>
      <c r="B88848" s="14" t="s">
        <v>1</v>
      </c>
      <c r="C88848" s="14" t="s">
        <v>137</v>
      </c>
      <c r="D88848" s="14" t="s">
        <v>446</v>
      </c>
      <c r="E88848" s="15">
        <v>45529</v>
      </c>
      <c r="F88848" s="14" t="s">
        <v>15</v>
      </c>
      <c r="G88848" s="16">
        <v>8.7052913778345883E-2</v>
      </c>
    </row>
    <row r="88849" spans="1:7" x14ac:dyDescent="0.3">
      <c r="A88849" s="13" t="s">
        <v>445</v>
      </c>
      <c r="B88849" s="14" t="s">
        <v>1</v>
      </c>
      <c r="C88849" s="14" t="s">
        <v>137</v>
      </c>
      <c r="D88849" s="14" t="s">
        <v>446</v>
      </c>
      <c r="E88849" s="15">
        <v>45530</v>
      </c>
      <c r="F88849" s="14" t="s">
        <v>15</v>
      </c>
      <c r="G88849" s="16">
        <v>0.10314673352094447</v>
      </c>
    </row>
    <row r="88850" spans="1:7" x14ac:dyDescent="0.3">
      <c r="A88850" s="13" t="s">
        <v>445</v>
      </c>
      <c r="B88850" s="14" t="s">
        <v>1</v>
      </c>
      <c r="C88850" s="14" t="s">
        <v>137</v>
      </c>
      <c r="D88850" s="14" t="s">
        <v>446</v>
      </c>
      <c r="E88850" s="15">
        <v>45531</v>
      </c>
      <c r="F88850" s="14" t="s">
        <v>15</v>
      </c>
      <c r="G88850" s="16">
        <v>0.15094721977239223</v>
      </c>
    </row>
    <row r="88851" spans="1:7" x14ac:dyDescent="0.3">
      <c r="A88851" s="13" t="s">
        <v>445</v>
      </c>
      <c r="B88851" s="14" t="s">
        <v>1</v>
      </c>
      <c r="C88851" s="14" t="s">
        <v>137</v>
      </c>
      <c r="D88851" s="14" t="s">
        <v>446</v>
      </c>
      <c r="E88851" s="15">
        <v>45532</v>
      </c>
      <c r="F88851" s="14" t="s">
        <v>15</v>
      </c>
      <c r="G88851" s="16">
        <v>0.16659224690638386</v>
      </c>
    </row>
    <row r="88852" spans="1:7" x14ac:dyDescent="0.3">
      <c r="A88852" s="13" t="s">
        <v>445</v>
      </c>
      <c r="B88852" s="14" t="s">
        <v>1</v>
      </c>
      <c r="C88852" s="14" t="s">
        <v>137</v>
      </c>
      <c r="D88852" s="14" t="s">
        <v>446</v>
      </c>
      <c r="E88852" s="15">
        <v>45533</v>
      </c>
      <c r="F88852" s="14" t="s">
        <v>15</v>
      </c>
      <c r="G88852" s="16">
        <v>0.1824909648255798</v>
      </c>
    </row>
    <row r="88853" spans="1:7" x14ac:dyDescent="0.3">
      <c r="A88853" s="13" t="s">
        <v>445</v>
      </c>
      <c r="B88853" s="14" t="s">
        <v>1</v>
      </c>
      <c r="C88853" s="14" t="s">
        <v>137</v>
      </c>
      <c r="D88853" s="14" t="s">
        <v>446</v>
      </c>
      <c r="E88853" s="15">
        <v>45534</v>
      </c>
      <c r="F88853" s="14" t="s">
        <v>15</v>
      </c>
      <c r="G88853" s="16">
        <v>0.19784251405427569</v>
      </c>
    </row>
    <row r="88854" spans="1:7" x14ac:dyDescent="0.3">
      <c r="A88854" s="13" t="s">
        <v>445</v>
      </c>
      <c r="B88854" s="14" t="s">
        <v>1</v>
      </c>
      <c r="C88854" s="14" t="s">
        <v>137</v>
      </c>
      <c r="D88854" s="14" t="s">
        <v>446</v>
      </c>
      <c r="E88854" s="15">
        <v>45535</v>
      </c>
      <c r="F88854" s="14" t="s">
        <v>15</v>
      </c>
      <c r="G88854" s="16">
        <v>0.19784251405427569</v>
      </c>
    </row>
    <row r="88855" spans="1:7" x14ac:dyDescent="0.3">
      <c r="A88855" s="13" t="s">
        <v>445</v>
      </c>
      <c r="B88855" s="14" t="s">
        <v>1</v>
      </c>
      <c r="C88855" s="14" t="s">
        <v>137</v>
      </c>
      <c r="D88855" s="14" t="s">
        <v>446</v>
      </c>
      <c r="E88855" s="15">
        <v>45536</v>
      </c>
      <c r="F88855" s="14" t="s">
        <v>15</v>
      </c>
      <c r="G88855" s="16">
        <v>0.19784251405427569</v>
      </c>
    </row>
    <row r="88856" spans="1:7" x14ac:dyDescent="0.3">
      <c r="A88856" s="13" t="s">
        <v>445</v>
      </c>
      <c r="B88856" s="14" t="s">
        <v>1</v>
      </c>
      <c r="C88856" s="14" t="s">
        <v>137</v>
      </c>
      <c r="D88856" s="14" t="s">
        <v>446</v>
      </c>
      <c r="E88856" s="15">
        <v>45537</v>
      </c>
      <c r="F88856" s="14" t="s">
        <v>15</v>
      </c>
      <c r="G88856" s="16">
        <v>0</v>
      </c>
    </row>
    <row r="88857" spans="1:7" x14ac:dyDescent="0.3">
      <c r="A88857" s="13" t="s">
        <v>445</v>
      </c>
      <c r="B88857" s="14" t="s">
        <v>1</v>
      </c>
      <c r="C88857" s="14" t="s">
        <v>137</v>
      </c>
      <c r="D88857" s="14" t="s">
        <v>446</v>
      </c>
      <c r="E88857" s="15">
        <v>45538</v>
      </c>
      <c r="F88857" s="14" t="s">
        <v>15</v>
      </c>
      <c r="G88857" s="16">
        <v>0</v>
      </c>
    </row>
    <row r="88858" spans="1:7" x14ac:dyDescent="0.3">
      <c r="A88858" s="13" t="s">
        <v>445</v>
      </c>
      <c r="B88858" s="14" t="s">
        <v>1</v>
      </c>
      <c r="C88858" s="14" t="s">
        <v>137</v>
      </c>
      <c r="D88858" s="14" t="s">
        <v>446</v>
      </c>
      <c r="E88858" s="15">
        <v>45539</v>
      </c>
      <c r="F88858" s="14" t="s">
        <v>15</v>
      </c>
      <c r="G88858" s="16">
        <v>0</v>
      </c>
    </row>
    <row r="88859" spans="1:7" x14ac:dyDescent="0.3">
      <c r="A88859" s="13" t="s">
        <v>445</v>
      </c>
      <c r="B88859" s="14" t="s">
        <v>1</v>
      </c>
      <c r="C88859" s="14" t="s">
        <v>137</v>
      </c>
      <c r="D88859" s="14" t="s">
        <v>446</v>
      </c>
      <c r="E88859" s="15">
        <v>45540</v>
      </c>
      <c r="F88859" s="14" t="s">
        <v>15</v>
      </c>
      <c r="G88859" s="16">
        <v>0</v>
      </c>
    </row>
    <row r="88860" spans="1:7" x14ac:dyDescent="0.3">
      <c r="A88860" s="13" t="s">
        <v>445</v>
      </c>
      <c r="B88860" s="14" t="s">
        <v>1</v>
      </c>
      <c r="C88860" s="14" t="s">
        <v>137</v>
      </c>
      <c r="D88860" s="14" t="s">
        <v>446</v>
      </c>
      <c r="E88860" s="15">
        <v>45541</v>
      </c>
      <c r="F88860" s="14" t="s">
        <v>15</v>
      </c>
      <c r="G88860" s="16">
        <v>0</v>
      </c>
    </row>
    <row r="88861" spans="1:7" x14ac:dyDescent="0.3">
      <c r="A88861" s="13" t="s">
        <v>445</v>
      </c>
      <c r="B88861" s="14" t="s">
        <v>1</v>
      </c>
      <c r="C88861" s="14" t="s">
        <v>137</v>
      </c>
      <c r="D88861" s="14" t="s">
        <v>446</v>
      </c>
      <c r="E88861" s="15">
        <v>45542</v>
      </c>
      <c r="F88861" s="14" t="s">
        <v>15</v>
      </c>
      <c r="G88861" s="16">
        <v>0</v>
      </c>
    </row>
    <row r="88862" spans="1:7" x14ac:dyDescent="0.3">
      <c r="A88862" s="13" t="s">
        <v>445</v>
      </c>
      <c r="B88862" s="14" t="s">
        <v>1</v>
      </c>
      <c r="C88862" s="14" t="s">
        <v>137</v>
      </c>
      <c r="D88862" s="14" t="s">
        <v>446</v>
      </c>
      <c r="E88862" s="15">
        <v>45543</v>
      </c>
      <c r="F88862" s="14" t="s">
        <v>15</v>
      </c>
      <c r="G88862" s="16">
        <v>0</v>
      </c>
    </row>
    <row r="88863" spans="1:7" x14ac:dyDescent="0.3">
      <c r="A88863" s="13" t="s">
        <v>445</v>
      </c>
      <c r="B88863" s="14" t="s">
        <v>1</v>
      </c>
      <c r="C88863" s="14" t="s">
        <v>137</v>
      </c>
      <c r="D88863" s="14" t="s">
        <v>446</v>
      </c>
      <c r="E88863" s="15">
        <v>45544</v>
      </c>
      <c r="F88863" s="14" t="s">
        <v>15</v>
      </c>
      <c r="G88863" s="16">
        <v>0</v>
      </c>
    </row>
    <row r="88864" spans="1:7" x14ac:dyDescent="0.3">
      <c r="A88864" s="13" t="s">
        <v>445</v>
      </c>
      <c r="B88864" s="14" t="s">
        <v>1</v>
      </c>
      <c r="C88864" s="14" t="s">
        <v>137</v>
      </c>
      <c r="D88864" s="14" t="s">
        <v>446</v>
      </c>
      <c r="E88864" s="15">
        <v>45545</v>
      </c>
      <c r="F88864" s="14" t="s">
        <v>15</v>
      </c>
      <c r="G88864" s="16">
        <v>0</v>
      </c>
    </row>
    <row r="88865" spans="1:7" x14ac:dyDescent="0.3">
      <c r="A88865" s="13" t="s">
        <v>445</v>
      </c>
      <c r="B88865" s="14" t="s">
        <v>1</v>
      </c>
      <c r="C88865" s="14" t="s">
        <v>137</v>
      </c>
      <c r="D88865" s="14" t="s">
        <v>446</v>
      </c>
      <c r="E88865" s="15">
        <v>45546</v>
      </c>
      <c r="F88865" s="14" t="s">
        <v>15</v>
      </c>
      <c r="G88865" s="16">
        <v>0</v>
      </c>
    </row>
    <row r="88866" spans="1:7" x14ac:dyDescent="0.3">
      <c r="A88866" s="13" t="s">
        <v>445</v>
      </c>
      <c r="B88866" s="14" t="s">
        <v>1</v>
      </c>
      <c r="C88866" s="14" t="s">
        <v>137</v>
      </c>
      <c r="D88866" s="14" t="s">
        <v>446</v>
      </c>
      <c r="E88866" s="15">
        <v>45547</v>
      </c>
      <c r="F88866" s="14" t="s">
        <v>15</v>
      </c>
      <c r="G88866" s="16">
        <v>0</v>
      </c>
    </row>
    <row r="88867" spans="1:7" x14ac:dyDescent="0.3">
      <c r="A88867" s="13" t="s">
        <v>445</v>
      </c>
      <c r="B88867" s="14" t="s">
        <v>1</v>
      </c>
      <c r="C88867" s="14" t="s">
        <v>137</v>
      </c>
      <c r="D88867" s="14" t="s">
        <v>446</v>
      </c>
      <c r="E88867" s="15">
        <v>45548</v>
      </c>
      <c r="F88867" s="14" t="s">
        <v>15</v>
      </c>
      <c r="G88867" s="16">
        <v>0</v>
      </c>
    </row>
    <row r="88868" spans="1:7" x14ac:dyDescent="0.3">
      <c r="A88868" s="13" t="s">
        <v>445</v>
      </c>
      <c r="B88868" s="14" t="s">
        <v>1</v>
      </c>
      <c r="C88868" s="14" t="s">
        <v>137</v>
      </c>
      <c r="D88868" s="14" t="s">
        <v>446</v>
      </c>
      <c r="E88868" s="15">
        <v>45549</v>
      </c>
      <c r="F88868" s="14" t="s">
        <v>15</v>
      </c>
      <c r="G88868" s="16">
        <v>0</v>
      </c>
    </row>
    <row r="88869" spans="1:7" x14ac:dyDescent="0.3">
      <c r="A88869" s="13" t="s">
        <v>445</v>
      </c>
      <c r="B88869" s="14" t="s">
        <v>1</v>
      </c>
      <c r="C88869" s="14" t="s">
        <v>137</v>
      </c>
      <c r="D88869" s="14" t="s">
        <v>446</v>
      </c>
      <c r="E88869" s="15">
        <v>45550</v>
      </c>
      <c r="F88869" s="14" t="s">
        <v>15</v>
      </c>
      <c r="G88869" s="16">
        <v>0</v>
      </c>
    </row>
    <row r="88870" spans="1:7" x14ac:dyDescent="0.3">
      <c r="A88870" s="13" t="s">
        <v>445</v>
      </c>
      <c r="B88870" s="14" t="s">
        <v>1</v>
      </c>
      <c r="C88870" s="14" t="s">
        <v>137</v>
      </c>
      <c r="D88870" s="14" t="s">
        <v>446</v>
      </c>
      <c r="E88870" s="15">
        <v>45551</v>
      </c>
      <c r="F88870" s="14" t="s">
        <v>15</v>
      </c>
      <c r="G88870" s="16">
        <v>0</v>
      </c>
    </row>
    <row r="88871" spans="1:7" x14ac:dyDescent="0.3">
      <c r="A88871" s="13" t="s">
        <v>445</v>
      </c>
      <c r="B88871" s="14" t="s">
        <v>1</v>
      </c>
      <c r="C88871" s="14" t="s">
        <v>137</v>
      </c>
      <c r="D88871" s="14" t="s">
        <v>446</v>
      </c>
      <c r="E88871" s="15">
        <v>45552</v>
      </c>
      <c r="F88871" s="14" t="s">
        <v>15</v>
      </c>
      <c r="G88871" s="16">
        <v>0</v>
      </c>
    </row>
    <row r="88872" spans="1:7" x14ac:dyDescent="0.3">
      <c r="A88872" s="13" t="s">
        <v>445</v>
      </c>
      <c r="B88872" s="14" t="s">
        <v>1</v>
      </c>
      <c r="C88872" s="14" t="s">
        <v>137</v>
      </c>
      <c r="D88872" s="14" t="s">
        <v>446</v>
      </c>
      <c r="E88872" s="15">
        <v>45553</v>
      </c>
      <c r="F88872" s="14" t="s">
        <v>15</v>
      </c>
      <c r="G88872" s="16">
        <v>0</v>
      </c>
    </row>
    <row r="88873" spans="1:7" x14ac:dyDescent="0.3">
      <c r="A88873" s="13" t="s">
        <v>445</v>
      </c>
      <c r="B88873" s="14" t="s">
        <v>1</v>
      </c>
      <c r="C88873" s="14" t="s">
        <v>137</v>
      </c>
      <c r="D88873" s="14" t="s">
        <v>446</v>
      </c>
      <c r="E88873" s="15">
        <v>45554</v>
      </c>
      <c r="F88873" s="14" t="s">
        <v>15</v>
      </c>
      <c r="G88873" s="16">
        <v>0</v>
      </c>
    </row>
    <row r="88874" spans="1:7" x14ac:dyDescent="0.3">
      <c r="A88874" s="13" t="s">
        <v>445</v>
      </c>
      <c r="B88874" s="14" t="s">
        <v>1</v>
      </c>
      <c r="C88874" s="14" t="s">
        <v>137</v>
      </c>
      <c r="D88874" s="14" t="s">
        <v>446</v>
      </c>
      <c r="E88874" s="15">
        <v>45555</v>
      </c>
      <c r="F88874" s="14" t="s">
        <v>15</v>
      </c>
      <c r="G88874" s="16">
        <v>0</v>
      </c>
    </row>
    <row r="88875" spans="1:7" x14ac:dyDescent="0.3">
      <c r="A88875" s="13" t="s">
        <v>445</v>
      </c>
      <c r="B88875" s="14" t="s">
        <v>1</v>
      </c>
      <c r="C88875" s="14" t="s">
        <v>137</v>
      </c>
      <c r="D88875" s="14" t="s">
        <v>446</v>
      </c>
      <c r="E88875" s="15">
        <v>45556</v>
      </c>
      <c r="F88875" s="14" t="s">
        <v>15</v>
      </c>
      <c r="G88875" s="16">
        <v>0</v>
      </c>
    </row>
    <row r="88876" spans="1:7" x14ac:dyDescent="0.3">
      <c r="A88876" s="13" t="s">
        <v>445</v>
      </c>
      <c r="B88876" s="14" t="s">
        <v>1</v>
      </c>
      <c r="C88876" s="14" t="s">
        <v>137</v>
      </c>
      <c r="D88876" s="14" t="s">
        <v>446</v>
      </c>
      <c r="E88876" s="15">
        <v>45557</v>
      </c>
      <c r="F88876" s="14" t="s">
        <v>15</v>
      </c>
      <c r="G88876" s="16">
        <v>0</v>
      </c>
    </row>
    <row r="88877" spans="1:7" x14ac:dyDescent="0.3">
      <c r="A88877" s="13" t="s">
        <v>445</v>
      </c>
      <c r="B88877" s="14" t="s">
        <v>1</v>
      </c>
      <c r="C88877" s="14" t="s">
        <v>137</v>
      </c>
      <c r="D88877" s="14" t="s">
        <v>446</v>
      </c>
      <c r="E88877" s="15">
        <v>45558</v>
      </c>
      <c r="F88877" s="14" t="s">
        <v>15</v>
      </c>
      <c r="G88877" s="16">
        <v>0</v>
      </c>
    </row>
    <row r="88878" spans="1:7" x14ac:dyDescent="0.3">
      <c r="A88878" s="13" t="s">
        <v>445</v>
      </c>
      <c r="B88878" s="14" t="s">
        <v>1</v>
      </c>
      <c r="C88878" s="14" t="s">
        <v>137</v>
      </c>
      <c r="D88878" s="14" t="s">
        <v>446</v>
      </c>
      <c r="E88878" s="15">
        <v>45559</v>
      </c>
      <c r="F88878" s="14" t="s">
        <v>15</v>
      </c>
      <c r="G88878" s="16">
        <v>0</v>
      </c>
    </row>
    <row r="88879" spans="1:7" x14ac:dyDescent="0.3">
      <c r="A88879" s="13" t="s">
        <v>445</v>
      </c>
      <c r="B88879" s="14" t="s">
        <v>1</v>
      </c>
      <c r="C88879" s="14" t="s">
        <v>137</v>
      </c>
      <c r="D88879" s="14" t="s">
        <v>446</v>
      </c>
      <c r="E88879" s="15">
        <v>45560</v>
      </c>
      <c r="F88879" s="14" t="s">
        <v>15</v>
      </c>
      <c r="G88879" s="16">
        <v>0</v>
      </c>
    </row>
    <row r="88880" spans="1:7" x14ac:dyDescent="0.3">
      <c r="A88880" s="13" t="s">
        <v>445</v>
      </c>
      <c r="B88880" s="14" t="s">
        <v>1</v>
      </c>
      <c r="C88880" s="14" t="s">
        <v>137</v>
      </c>
      <c r="D88880" s="14" t="s">
        <v>446</v>
      </c>
      <c r="E88880" s="15">
        <v>45561</v>
      </c>
      <c r="F88880" s="14" t="s">
        <v>15</v>
      </c>
      <c r="G88880" s="16">
        <v>1.430118461834017E-3</v>
      </c>
    </row>
    <row r="88881" spans="1:7" x14ac:dyDescent="0.3">
      <c r="A88881" s="13" t="s">
        <v>445</v>
      </c>
      <c r="B88881" s="14" t="s">
        <v>1</v>
      </c>
      <c r="C88881" s="14" t="s">
        <v>137</v>
      </c>
      <c r="D88881" s="14" t="s">
        <v>446</v>
      </c>
      <c r="E88881" s="15">
        <v>45562</v>
      </c>
      <c r="F88881" s="14" t="s">
        <v>15</v>
      </c>
      <c r="G88881" s="16">
        <v>1.8092531902244038E-2</v>
      </c>
    </row>
    <row r="88882" spans="1:7" x14ac:dyDescent="0.3">
      <c r="A88882" s="13" t="s">
        <v>445</v>
      </c>
      <c r="B88882" s="14" t="s">
        <v>1</v>
      </c>
      <c r="C88882" s="14" t="s">
        <v>137</v>
      </c>
      <c r="D88882" s="14" t="s">
        <v>446</v>
      </c>
      <c r="E88882" s="15">
        <v>45563</v>
      </c>
      <c r="F88882" s="14" t="s">
        <v>15</v>
      </c>
      <c r="G88882" s="16">
        <v>1.8092531902244038E-2</v>
      </c>
    </row>
    <row r="88883" spans="1:7" x14ac:dyDescent="0.3">
      <c r="A88883" s="13" t="s">
        <v>445</v>
      </c>
      <c r="B88883" s="14" t="s">
        <v>1</v>
      </c>
      <c r="C88883" s="14" t="s">
        <v>137</v>
      </c>
      <c r="D88883" s="14" t="s">
        <v>446</v>
      </c>
      <c r="E88883" s="15">
        <v>45564</v>
      </c>
      <c r="F88883" s="14" t="s">
        <v>15</v>
      </c>
      <c r="G88883" s="16">
        <v>1.8092531902244038E-2</v>
      </c>
    </row>
    <row r="88884" spans="1:7" x14ac:dyDescent="0.3">
      <c r="A88884" s="13" t="s">
        <v>445</v>
      </c>
      <c r="B88884" s="14" t="s">
        <v>1</v>
      </c>
      <c r="C88884" s="14" t="s">
        <v>137</v>
      </c>
      <c r="D88884" s="14" t="s">
        <v>446</v>
      </c>
      <c r="E88884" s="15">
        <v>45565</v>
      </c>
      <c r="F88884" s="14" t="s">
        <v>15</v>
      </c>
      <c r="G88884" s="16">
        <v>3.3947635781890764E-2</v>
      </c>
    </row>
    <row r="88885" spans="1:7" x14ac:dyDescent="0.3">
      <c r="A88885" s="13" t="s">
        <v>445</v>
      </c>
      <c r="B88885" s="14" t="s">
        <v>1</v>
      </c>
      <c r="C88885" s="14" t="s">
        <v>137</v>
      </c>
      <c r="D88885" s="14" t="s">
        <v>446</v>
      </c>
      <c r="E88885" s="15">
        <v>45566</v>
      </c>
      <c r="F88885" s="14" t="s">
        <v>15</v>
      </c>
      <c r="G88885" s="16">
        <v>0</v>
      </c>
    </row>
    <row r="88886" spans="1:7" x14ac:dyDescent="0.3">
      <c r="A88886" s="13" t="s">
        <v>445</v>
      </c>
      <c r="B88886" s="14" t="s">
        <v>1</v>
      </c>
      <c r="C88886" s="14" t="s">
        <v>137</v>
      </c>
      <c r="D88886" s="14" t="s">
        <v>446</v>
      </c>
      <c r="E88886" s="15">
        <v>45567</v>
      </c>
      <c r="F88886" s="14" t="s">
        <v>15</v>
      </c>
      <c r="G88886" s="16">
        <v>0</v>
      </c>
    </row>
    <row r="88887" spans="1:7" x14ac:dyDescent="0.3">
      <c r="A88887" s="13" t="s">
        <v>445</v>
      </c>
      <c r="B88887" s="14" t="s">
        <v>1</v>
      </c>
      <c r="C88887" s="14" t="s">
        <v>137</v>
      </c>
      <c r="D88887" s="14" t="s">
        <v>446</v>
      </c>
      <c r="E88887" s="15">
        <v>45568</v>
      </c>
      <c r="F88887" s="14" t="s">
        <v>15</v>
      </c>
      <c r="G88887" s="16">
        <v>0</v>
      </c>
    </row>
    <row r="88888" spans="1:7" x14ac:dyDescent="0.3">
      <c r="A88888" s="13" t="s">
        <v>445</v>
      </c>
      <c r="B88888" s="14" t="s">
        <v>1</v>
      </c>
      <c r="C88888" s="14" t="s">
        <v>137</v>
      </c>
      <c r="D88888" s="14" t="s">
        <v>446</v>
      </c>
      <c r="E88888" s="15">
        <v>45569</v>
      </c>
      <c r="F88888" s="14" t="s">
        <v>15</v>
      </c>
      <c r="G88888" s="16">
        <v>0</v>
      </c>
    </row>
    <row r="88889" spans="1:7" x14ac:dyDescent="0.3">
      <c r="A88889" s="13" t="s">
        <v>445</v>
      </c>
      <c r="B88889" s="14" t="s">
        <v>1</v>
      </c>
      <c r="C88889" s="14" t="s">
        <v>137</v>
      </c>
      <c r="D88889" s="14" t="s">
        <v>446</v>
      </c>
      <c r="E88889" s="15">
        <v>45570</v>
      </c>
      <c r="F88889" s="14" t="s">
        <v>15</v>
      </c>
      <c r="G88889" s="16">
        <v>0</v>
      </c>
    </row>
    <row r="88890" spans="1:7" x14ac:dyDescent="0.3">
      <c r="A88890" s="13" t="s">
        <v>445</v>
      </c>
      <c r="B88890" s="14" t="s">
        <v>1</v>
      </c>
      <c r="C88890" s="14" t="s">
        <v>137</v>
      </c>
      <c r="D88890" s="14" t="s">
        <v>446</v>
      </c>
      <c r="E88890" s="15">
        <v>45571</v>
      </c>
      <c r="F88890" s="14" t="s">
        <v>15</v>
      </c>
      <c r="G88890" s="16">
        <v>0</v>
      </c>
    </row>
    <row r="88891" spans="1:7" x14ac:dyDescent="0.3">
      <c r="A88891" s="13" t="s">
        <v>445</v>
      </c>
      <c r="B88891" s="14" t="s">
        <v>1</v>
      </c>
      <c r="C88891" s="14" t="s">
        <v>137</v>
      </c>
      <c r="D88891" s="14" t="s">
        <v>446</v>
      </c>
      <c r="E88891" s="15">
        <v>45572</v>
      </c>
      <c r="F88891" s="14" t="s">
        <v>15</v>
      </c>
      <c r="G88891" s="16">
        <v>0</v>
      </c>
    </row>
    <row r="88892" spans="1:7" x14ac:dyDescent="0.3">
      <c r="A88892" s="13" t="s">
        <v>445</v>
      </c>
      <c r="B88892" s="14" t="s">
        <v>1</v>
      </c>
      <c r="C88892" s="14" t="s">
        <v>137</v>
      </c>
      <c r="D88892" s="14" t="s">
        <v>446</v>
      </c>
      <c r="E88892" s="15">
        <v>45573</v>
      </c>
      <c r="F88892" s="14" t="s">
        <v>15</v>
      </c>
      <c r="G88892" s="16">
        <v>0</v>
      </c>
    </row>
    <row r="88893" spans="1:7" x14ac:dyDescent="0.3">
      <c r="A88893" s="13" t="s">
        <v>445</v>
      </c>
      <c r="B88893" s="14" t="s">
        <v>1</v>
      </c>
      <c r="C88893" s="14" t="s">
        <v>137</v>
      </c>
      <c r="D88893" s="14" t="s">
        <v>446</v>
      </c>
      <c r="E88893" s="15">
        <v>45574</v>
      </c>
      <c r="F88893" s="14" t="s">
        <v>15</v>
      </c>
      <c r="G88893" s="16">
        <v>0</v>
      </c>
    </row>
    <row r="88894" spans="1:7" x14ac:dyDescent="0.3">
      <c r="A88894" s="13" t="s">
        <v>445</v>
      </c>
      <c r="B88894" s="14" t="s">
        <v>1</v>
      </c>
      <c r="C88894" s="14" t="s">
        <v>137</v>
      </c>
      <c r="D88894" s="14" t="s">
        <v>446</v>
      </c>
      <c r="E88894" s="15">
        <v>45575</v>
      </c>
      <c r="F88894" s="14" t="s">
        <v>15</v>
      </c>
      <c r="G88894" s="16">
        <v>0</v>
      </c>
    </row>
    <row r="88895" spans="1:7" x14ac:dyDescent="0.3">
      <c r="A88895" s="13" t="s">
        <v>445</v>
      </c>
      <c r="B88895" s="14" t="s">
        <v>1</v>
      </c>
      <c r="C88895" s="14" t="s">
        <v>137</v>
      </c>
      <c r="D88895" s="14" t="s">
        <v>446</v>
      </c>
      <c r="E88895" s="15">
        <v>45576</v>
      </c>
      <c r="F88895" s="14" t="s">
        <v>15</v>
      </c>
      <c r="G88895" s="16">
        <v>0</v>
      </c>
    </row>
    <row r="88896" spans="1:7" x14ac:dyDescent="0.3">
      <c r="A88896" s="13" t="s">
        <v>445</v>
      </c>
      <c r="B88896" s="14" t="s">
        <v>1</v>
      </c>
      <c r="C88896" s="14" t="s">
        <v>137</v>
      </c>
      <c r="D88896" s="14" t="s">
        <v>446</v>
      </c>
      <c r="E88896" s="15">
        <v>45577</v>
      </c>
      <c r="F88896" s="14" t="s">
        <v>15</v>
      </c>
      <c r="G88896" s="16">
        <v>0</v>
      </c>
    </row>
    <row r="88897" spans="1:7" x14ac:dyDescent="0.3">
      <c r="A88897" s="13" t="s">
        <v>445</v>
      </c>
      <c r="B88897" s="14" t="s">
        <v>1</v>
      </c>
      <c r="C88897" s="14" t="s">
        <v>137</v>
      </c>
      <c r="D88897" s="14" t="s">
        <v>446</v>
      </c>
      <c r="E88897" s="15">
        <v>45578</v>
      </c>
      <c r="F88897" s="14" t="s">
        <v>15</v>
      </c>
      <c r="G88897" s="16">
        <v>0</v>
      </c>
    </row>
    <row r="88898" spans="1:7" x14ac:dyDescent="0.3">
      <c r="A88898" s="13" t="s">
        <v>445</v>
      </c>
      <c r="B88898" s="14" t="s">
        <v>1</v>
      </c>
      <c r="C88898" s="14" t="s">
        <v>137</v>
      </c>
      <c r="D88898" s="14" t="s">
        <v>446</v>
      </c>
      <c r="E88898" s="15">
        <v>45579</v>
      </c>
      <c r="F88898" s="14" t="s">
        <v>15</v>
      </c>
      <c r="G88898" s="16">
        <v>0</v>
      </c>
    </row>
    <row r="88899" spans="1:7" x14ac:dyDescent="0.3">
      <c r="A88899" s="13" t="s">
        <v>445</v>
      </c>
      <c r="B88899" s="14" t="s">
        <v>1</v>
      </c>
      <c r="C88899" s="14" t="s">
        <v>137</v>
      </c>
      <c r="D88899" s="14" t="s">
        <v>446</v>
      </c>
      <c r="E88899" s="15">
        <v>45580</v>
      </c>
      <c r="F88899" s="14" t="s">
        <v>15</v>
      </c>
      <c r="G88899" s="16">
        <v>0</v>
      </c>
    </row>
    <row r="88900" spans="1:7" x14ac:dyDescent="0.3">
      <c r="A88900" s="13" t="s">
        <v>445</v>
      </c>
      <c r="B88900" s="14" t="s">
        <v>1</v>
      </c>
      <c r="C88900" s="14" t="s">
        <v>137</v>
      </c>
      <c r="D88900" s="14" t="s">
        <v>446</v>
      </c>
      <c r="E88900" s="15">
        <v>45581</v>
      </c>
      <c r="F88900" s="14" t="s">
        <v>15</v>
      </c>
      <c r="G88900" s="16">
        <v>0</v>
      </c>
    </row>
    <row r="88901" spans="1:7" x14ac:dyDescent="0.3">
      <c r="A88901" s="13" t="s">
        <v>445</v>
      </c>
      <c r="B88901" s="14" t="s">
        <v>1</v>
      </c>
      <c r="C88901" s="14" t="s">
        <v>137</v>
      </c>
      <c r="D88901" s="14" t="s">
        <v>446</v>
      </c>
      <c r="E88901" s="15">
        <v>45582</v>
      </c>
      <c r="F88901" s="14" t="s">
        <v>15</v>
      </c>
      <c r="G88901" s="16">
        <v>0</v>
      </c>
    </row>
    <row r="88902" spans="1:7" x14ac:dyDescent="0.3">
      <c r="A88902" s="13" t="s">
        <v>445</v>
      </c>
      <c r="B88902" s="14" t="s">
        <v>1</v>
      </c>
      <c r="C88902" s="14" t="s">
        <v>137</v>
      </c>
      <c r="D88902" s="14" t="s">
        <v>446</v>
      </c>
      <c r="E88902" s="15">
        <v>45583</v>
      </c>
      <c r="F88902" s="14" t="s">
        <v>15</v>
      </c>
      <c r="G88902" s="16">
        <v>0</v>
      </c>
    </row>
    <row r="88903" spans="1:7" x14ac:dyDescent="0.3">
      <c r="A88903" s="13" t="s">
        <v>445</v>
      </c>
      <c r="B88903" s="14" t="s">
        <v>1</v>
      </c>
      <c r="C88903" s="14" t="s">
        <v>137</v>
      </c>
      <c r="D88903" s="14" t="s">
        <v>446</v>
      </c>
      <c r="E88903" s="15">
        <v>45584</v>
      </c>
      <c r="F88903" s="14" t="s">
        <v>15</v>
      </c>
      <c r="G88903" s="16">
        <v>0</v>
      </c>
    </row>
    <row r="88904" spans="1:7" x14ac:dyDescent="0.3">
      <c r="A88904" s="13" t="s">
        <v>445</v>
      </c>
      <c r="B88904" s="14" t="s">
        <v>1</v>
      </c>
      <c r="C88904" s="14" t="s">
        <v>137</v>
      </c>
      <c r="D88904" s="14" t="s">
        <v>446</v>
      </c>
      <c r="E88904" s="15">
        <v>45585</v>
      </c>
      <c r="F88904" s="14" t="s">
        <v>15</v>
      </c>
      <c r="G88904" s="16">
        <v>0</v>
      </c>
    </row>
    <row r="88905" spans="1:7" x14ac:dyDescent="0.3">
      <c r="A88905" s="13" t="s">
        <v>445</v>
      </c>
      <c r="B88905" s="14" t="s">
        <v>1</v>
      </c>
      <c r="C88905" s="14" t="s">
        <v>137</v>
      </c>
      <c r="D88905" s="14" t="s">
        <v>446</v>
      </c>
      <c r="E88905" s="15">
        <v>45586</v>
      </c>
      <c r="F88905" s="14" t="s">
        <v>15</v>
      </c>
      <c r="G88905" s="16">
        <v>0</v>
      </c>
    </row>
    <row r="88906" spans="1:7" x14ac:dyDescent="0.3">
      <c r="A88906" s="13" t="s">
        <v>445</v>
      </c>
      <c r="B88906" s="14" t="s">
        <v>1</v>
      </c>
      <c r="C88906" s="14" t="s">
        <v>137</v>
      </c>
      <c r="D88906" s="14" t="s">
        <v>446</v>
      </c>
      <c r="E88906" s="15">
        <v>45587</v>
      </c>
      <c r="F88906" s="14" t="s">
        <v>15</v>
      </c>
      <c r="G88906" s="16">
        <v>0</v>
      </c>
    </row>
    <row r="88907" spans="1:7" x14ac:dyDescent="0.3">
      <c r="A88907" s="13" t="s">
        <v>445</v>
      </c>
      <c r="B88907" s="14" t="s">
        <v>1</v>
      </c>
      <c r="C88907" s="14" t="s">
        <v>137</v>
      </c>
      <c r="D88907" s="14" t="s">
        <v>446</v>
      </c>
      <c r="E88907" s="15">
        <v>45588</v>
      </c>
      <c r="F88907" s="14" t="s">
        <v>15</v>
      </c>
      <c r="G88907" s="16">
        <v>0</v>
      </c>
    </row>
    <row r="88908" spans="1:7" x14ac:dyDescent="0.3">
      <c r="A88908" s="13" t="s">
        <v>445</v>
      </c>
      <c r="B88908" s="14" t="s">
        <v>1</v>
      </c>
      <c r="C88908" s="14" t="s">
        <v>137</v>
      </c>
      <c r="D88908" s="14" t="s">
        <v>446</v>
      </c>
      <c r="E88908" s="15">
        <v>45589</v>
      </c>
      <c r="F88908" s="14" t="s">
        <v>15</v>
      </c>
      <c r="G88908" s="16">
        <v>0</v>
      </c>
    </row>
    <row r="88909" spans="1:7" x14ac:dyDescent="0.3">
      <c r="A88909" s="13" t="s">
        <v>445</v>
      </c>
      <c r="B88909" s="14" t="s">
        <v>1</v>
      </c>
      <c r="C88909" s="14" t="s">
        <v>137</v>
      </c>
      <c r="D88909" s="14" t="s">
        <v>446</v>
      </c>
      <c r="E88909" s="15">
        <v>45590</v>
      </c>
      <c r="F88909" s="14" t="s">
        <v>15</v>
      </c>
      <c r="G88909" s="16">
        <v>0</v>
      </c>
    </row>
    <row r="88910" spans="1:7" x14ac:dyDescent="0.3">
      <c r="A88910" s="13" t="s">
        <v>445</v>
      </c>
      <c r="B88910" s="14" t="s">
        <v>1</v>
      </c>
      <c r="C88910" s="14" t="s">
        <v>137</v>
      </c>
      <c r="D88910" s="14" t="s">
        <v>446</v>
      </c>
      <c r="E88910" s="15">
        <v>45591</v>
      </c>
      <c r="F88910" s="14" t="s">
        <v>15</v>
      </c>
      <c r="G88910" s="16">
        <v>0</v>
      </c>
    </row>
    <row r="88911" spans="1:7" x14ac:dyDescent="0.3">
      <c r="A88911" s="13" t="s">
        <v>445</v>
      </c>
      <c r="B88911" s="14" t="s">
        <v>1</v>
      </c>
      <c r="C88911" s="14" t="s">
        <v>137</v>
      </c>
      <c r="D88911" s="14" t="s">
        <v>446</v>
      </c>
      <c r="E88911" s="15">
        <v>45592</v>
      </c>
      <c r="F88911" s="14" t="s">
        <v>15</v>
      </c>
      <c r="G88911" s="16">
        <v>0</v>
      </c>
    </row>
    <row r="88912" spans="1:7" x14ac:dyDescent="0.3">
      <c r="A88912" s="13" t="s">
        <v>445</v>
      </c>
      <c r="B88912" s="14" t="s">
        <v>1</v>
      </c>
      <c r="C88912" s="14" t="s">
        <v>137</v>
      </c>
      <c r="D88912" s="14" t="s">
        <v>446</v>
      </c>
      <c r="E88912" s="15">
        <v>45593</v>
      </c>
      <c r="F88912" s="14" t="s">
        <v>15</v>
      </c>
      <c r="G88912" s="16">
        <v>0</v>
      </c>
    </row>
    <row r="88913" spans="1:7" x14ac:dyDescent="0.3">
      <c r="A88913" s="13" t="s">
        <v>445</v>
      </c>
      <c r="B88913" s="14" t="s">
        <v>1</v>
      </c>
      <c r="C88913" s="14" t="s">
        <v>137</v>
      </c>
      <c r="D88913" s="14" t="s">
        <v>446</v>
      </c>
      <c r="E88913" s="15">
        <v>45594</v>
      </c>
      <c r="F88913" s="14" t="s">
        <v>15</v>
      </c>
      <c r="G88913" s="16">
        <v>0</v>
      </c>
    </row>
    <row r="88914" spans="1:7" x14ac:dyDescent="0.3">
      <c r="A88914" s="13" t="s">
        <v>445</v>
      </c>
      <c r="B88914" s="14" t="s">
        <v>1</v>
      </c>
      <c r="C88914" s="14" t="s">
        <v>137</v>
      </c>
      <c r="D88914" s="14" t="s">
        <v>446</v>
      </c>
      <c r="E88914" s="15">
        <v>45595</v>
      </c>
      <c r="F88914" s="14" t="s">
        <v>15</v>
      </c>
      <c r="G88914" s="16">
        <v>0</v>
      </c>
    </row>
    <row r="88915" spans="1:7" x14ac:dyDescent="0.3">
      <c r="A88915" s="13" t="s">
        <v>445</v>
      </c>
      <c r="B88915" s="14" t="s">
        <v>1</v>
      </c>
      <c r="C88915" s="14" t="s">
        <v>137</v>
      </c>
      <c r="D88915" s="14" t="s">
        <v>446</v>
      </c>
      <c r="E88915" s="15">
        <v>45596</v>
      </c>
      <c r="F88915" s="14" t="s">
        <v>15</v>
      </c>
      <c r="G88915" s="16">
        <v>0</v>
      </c>
    </row>
    <row r="88916" spans="1:7" x14ac:dyDescent="0.3">
      <c r="A88916" s="13" t="s">
        <v>445</v>
      </c>
      <c r="B88916" s="14" t="s">
        <v>1</v>
      </c>
      <c r="C88916" s="14" t="s">
        <v>137</v>
      </c>
      <c r="D88916" s="14" t="s">
        <v>446</v>
      </c>
      <c r="E88916" s="15">
        <v>45597</v>
      </c>
      <c r="F88916" s="14" t="s">
        <v>15</v>
      </c>
      <c r="G88916" s="16">
        <v>0</v>
      </c>
    </row>
    <row r="88917" spans="1:7" x14ac:dyDescent="0.3">
      <c r="A88917" s="13" t="s">
        <v>445</v>
      </c>
      <c r="B88917" s="14" t="s">
        <v>1</v>
      </c>
      <c r="C88917" s="14" t="s">
        <v>137</v>
      </c>
      <c r="D88917" s="14" t="s">
        <v>446</v>
      </c>
      <c r="E88917" s="15">
        <v>45598</v>
      </c>
      <c r="F88917" s="14" t="s">
        <v>15</v>
      </c>
      <c r="G88917" s="16">
        <v>0</v>
      </c>
    </row>
    <row r="88918" spans="1:7" x14ac:dyDescent="0.3">
      <c r="A88918" s="13" t="s">
        <v>445</v>
      </c>
      <c r="B88918" s="14" t="s">
        <v>1</v>
      </c>
      <c r="C88918" s="14" t="s">
        <v>137</v>
      </c>
      <c r="D88918" s="14" t="s">
        <v>446</v>
      </c>
      <c r="E88918" s="15">
        <v>45599</v>
      </c>
      <c r="F88918" s="14" t="s">
        <v>15</v>
      </c>
      <c r="G88918" s="16">
        <v>0</v>
      </c>
    </row>
    <row r="88919" spans="1:7" x14ac:dyDescent="0.3">
      <c r="A88919" s="13" t="s">
        <v>445</v>
      </c>
      <c r="B88919" s="14" t="s">
        <v>1</v>
      </c>
      <c r="C88919" s="14" t="s">
        <v>137</v>
      </c>
      <c r="D88919" s="14" t="s">
        <v>446</v>
      </c>
      <c r="E88919" s="15">
        <v>45600</v>
      </c>
      <c r="F88919" s="14" t="s">
        <v>15</v>
      </c>
      <c r="G88919" s="16">
        <v>0</v>
      </c>
    </row>
    <row r="88920" spans="1:7" x14ac:dyDescent="0.3">
      <c r="A88920" s="13" t="s">
        <v>445</v>
      </c>
      <c r="B88920" s="14" t="s">
        <v>1</v>
      </c>
      <c r="C88920" s="14" t="s">
        <v>137</v>
      </c>
      <c r="D88920" s="14" t="s">
        <v>446</v>
      </c>
      <c r="E88920" s="15">
        <v>45601</v>
      </c>
      <c r="F88920" s="14" t="s">
        <v>15</v>
      </c>
      <c r="G88920" s="16">
        <v>0</v>
      </c>
    </row>
    <row r="88921" spans="1:7" x14ac:dyDescent="0.3">
      <c r="A88921" s="13" t="s">
        <v>445</v>
      </c>
      <c r="B88921" s="14" t="s">
        <v>1</v>
      </c>
      <c r="C88921" s="14" t="s">
        <v>137</v>
      </c>
      <c r="D88921" s="14" t="s">
        <v>446</v>
      </c>
      <c r="E88921" s="15">
        <v>45602</v>
      </c>
      <c r="F88921" s="14" t="s">
        <v>15</v>
      </c>
      <c r="G88921" s="16">
        <v>0</v>
      </c>
    </row>
    <row r="88922" spans="1:7" x14ac:dyDescent="0.3">
      <c r="A88922" s="13" t="s">
        <v>445</v>
      </c>
      <c r="B88922" s="14" t="s">
        <v>1</v>
      </c>
      <c r="C88922" s="14" t="s">
        <v>137</v>
      </c>
      <c r="D88922" s="14" t="s">
        <v>446</v>
      </c>
      <c r="E88922" s="15">
        <v>45603</v>
      </c>
      <c r="F88922" s="14" t="s">
        <v>15</v>
      </c>
      <c r="G88922" s="16">
        <v>0</v>
      </c>
    </row>
    <row r="88923" spans="1:7" x14ac:dyDescent="0.3">
      <c r="A88923" s="13" t="s">
        <v>445</v>
      </c>
      <c r="B88923" s="14" t="s">
        <v>1</v>
      </c>
      <c r="C88923" s="14" t="s">
        <v>137</v>
      </c>
      <c r="D88923" s="14" t="s">
        <v>446</v>
      </c>
      <c r="E88923" s="15">
        <v>45604</v>
      </c>
      <c r="F88923" s="14" t="s">
        <v>15</v>
      </c>
      <c r="G88923" s="16">
        <v>0</v>
      </c>
    </row>
    <row r="88924" spans="1:7" x14ac:dyDescent="0.3">
      <c r="A88924" s="13" t="s">
        <v>445</v>
      </c>
      <c r="B88924" s="14" t="s">
        <v>1</v>
      </c>
      <c r="C88924" s="14" t="s">
        <v>137</v>
      </c>
      <c r="D88924" s="14" t="s">
        <v>446</v>
      </c>
      <c r="E88924" s="15">
        <v>45605</v>
      </c>
      <c r="F88924" s="14" t="s">
        <v>15</v>
      </c>
      <c r="G88924" s="16">
        <v>0</v>
      </c>
    </row>
    <row r="88925" spans="1:7" x14ac:dyDescent="0.3">
      <c r="A88925" s="13" t="s">
        <v>445</v>
      </c>
      <c r="B88925" s="14" t="s">
        <v>1</v>
      </c>
      <c r="C88925" s="14" t="s">
        <v>137</v>
      </c>
      <c r="D88925" s="14" t="s">
        <v>446</v>
      </c>
      <c r="E88925" s="15">
        <v>45606</v>
      </c>
      <c r="F88925" s="14" t="s">
        <v>15</v>
      </c>
      <c r="G88925" s="16">
        <v>0</v>
      </c>
    </row>
    <row r="88926" spans="1:7" x14ac:dyDescent="0.3">
      <c r="A88926" s="13" t="s">
        <v>445</v>
      </c>
      <c r="B88926" s="14" t="s">
        <v>1</v>
      </c>
      <c r="C88926" s="14" t="s">
        <v>137</v>
      </c>
      <c r="D88926" s="14" t="s">
        <v>446</v>
      </c>
      <c r="E88926" s="15">
        <v>45607</v>
      </c>
      <c r="F88926" s="14" t="s">
        <v>15</v>
      </c>
      <c r="G88926" s="16">
        <v>0</v>
      </c>
    </row>
    <row r="88927" spans="1:7" x14ac:dyDescent="0.3">
      <c r="A88927" s="13" t="s">
        <v>445</v>
      </c>
      <c r="B88927" s="14" t="s">
        <v>1</v>
      </c>
      <c r="C88927" s="14" t="s">
        <v>137</v>
      </c>
      <c r="D88927" s="14" t="s">
        <v>446</v>
      </c>
      <c r="E88927" s="15">
        <v>45608</v>
      </c>
      <c r="F88927" s="14" t="s">
        <v>15</v>
      </c>
      <c r="G88927" s="16">
        <v>0</v>
      </c>
    </row>
    <row r="88928" spans="1:7" x14ac:dyDescent="0.3">
      <c r="A88928" s="13" t="s">
        <v>445</v>
      </c>
      <c r="B88928" s="14" t="s">
        <v>1</v>
      </c>
      <c r="C88928" s="14" t="s">
        <v>137</v>
      </c>
      <c r="D88928" s="14" t="s">
        <v>446</v>
      </c>
      <c r="E88928" s="15">
        <v>45609</v>
      </c>
      <c r="F88928" s="14" t="s">
        <v>15</v>
      </c>
      <c r="G88928" s="16">
        <v>0</v>
      </c>
    </row>
    <row r="88929" spans="1:7" x14ac:dyDescent="0.3">
      <c r="A88929" s="13" t="s">
        <v>445</v>
      </c>
      <c r="B88929" s="14" t="s">
        <v>1</v>
      </c>
      <c r="C88929" s="14" t="s">
        <v>137</v>
      </c>
      <c r="D88929" s="14" t="s">
        <v>446</v>
      </c>
      <c r="E88929" s="15">
        <v>45610</v>
      </c>
      <c r="F88929" s="14" t="s">
        <v>15</v>
      </c>
      <c r="G88929" s="16">
        <v>0</v>
      </c>
    </row>
    <row r="88930" spans="1:7" x14ac:dyDescent="0.3">
      <c r="A88930" s="13" t="s">
        <v>445</v>
      </c>
      <c r="B88930" s="14" t="s">
        <v>1</v>
      </c>
      <c r="C88930" s="14" t="s">
        <v>137</v>
      </c>
      <c r="D88930" s="14" t="s">
        <v>446</v>
      </c>
      <c r="E88930" s="15">
        <v>45611</v>
      </c>
      <c r="F88930" s="14" t="s">
        <v>15</v>
      </c>
      <c r="G88930" s="16">
        <v>0</v>
      </c>
    </row>
    <row r="88931" spans="1:7" x14ac:dyDescent="0.3">
      <c r="A88931" s="13" t="s">
        <v>445</v>
      </c>
      <c r="B88931" s="14" t="s">
        <v>1</v>
      </c>
      <c r="C88931" s="14" t="s">
        <v>137</v>
      </c>
      <c r="D88931" s="14" t="s">
        <v>446</v>
      </c>
      <c r="E88931" s="15">
        <v>45612</v>
      </c>
      <c r="F88931" s="14" t="s">
        <v>15</v>
      </c>
      <c r="G88931" s="16">
        <v>0</v>
      </c>
    </row>
    <row r="88932" spans="1:7" x14ac:dyDescent="0.3">
      <c r="A88932" s="13" t="s">
        <v>445</v>
      </c>
      <c r="B88932" s="14" t="s">
        <v>1</v>
      </c>
      <c r="C88932" s="14" t="s">
        <v>137</v>
      </c>
      <c r="D88932" s="14" t="s">
        <v>446</v>
      </c>
      <c r="E88932" s="15">
        <v>45613</v>
      </c>
      <c r="F88932" s="14" t="s">
        <v>15</v>
      </c>
      <c r="G88932" s="16">
        <v>0</v>
      </c>
    </row>
    <row r="88933" spans="1:7" x14ac:dyDescent="0.3">
      <c r="A88933" s="13" t="s">
        <v>445</v>
      </c>
      <c r="B88933" s="14" t="s">
        <v>1</v>
      </c>
      <c r="C88933" s="14" t="s">
        <v>137</v>
      </c>
      <c r="D88933" s="14" t="s">
        <v>446</v>
      </c>
      <c r="E88933" s="15">
        <v>45614</v>
      </c>
      <c r="F88933" s="14" t="s">
        <v>15</v>
      </c>
      <c r="G88933" s="16">
        <v>0</v>
      </c>
    </row>
    <row r="88934" spans="1:7" x14ac:dyDescent="0.3">
      <c r="A88934" s="13" t="s">
        <v>445</v>
      </c>
      <c r="B88934" s="14" t="s">
        <v>1</v>
      </c>
      <c r="C88934" s="14" t="s">
        <v>137</v>
      </c>
      <c r="D88934" s="14" t="s">
        <v>446</v>
      </c>
      <c r="E88934" s="15">
        <v>45615</v>
      </c>
      <c r="F88934" s="14" t="s">
        <v>15</v>
      </c>
      <c r="G88934" s="16">
        <v>0</v>
      </c>
    </row>
    <row r="88935" spans="1:7" x14ac:dyDescent="0.3">
      <c r="A88935" s="13" t="s">
        <v>445</v>
      </c>
      <c r="B88935" s="14" t="s">
        <v>1</v>
      </c>
      <c r="C88935" s="14" t="s">
        <v>137</v>
      </c>
      <c r="D88935" s="14" t="s">
        <v>446</v>
      </c>
      <c r="E88935" s="15">
        <v>45616</v>
      </c>
      <c r="F88935" s="14" t="s">
        <v>15</v>
      </c>
      <c r="G88935" s="16">
        <v>0</v>
      </c>
    </row>
    <row r="88936" spans="1:7" x14ac:dyDescent="0.3">
      <c r="A88936" s="13" t="s">
        <v>445</v>
      </c>
      <c r="B88936" s="14" t="s">
        <v>1</v>
      </c>
      <c r="C88936" s="14" t="s">
        <v>137</v>
      </c>
      <c r="D88936" s="14" t="s">
        <v>446</v>
      </c>
      <c r="E88936" s="15">
        <v>45617</v>
      </c>
      <c r="F88936" s="14" t="s">
        <v>15</v>
      </c>
      <c r="G88936" s="16">
        <v>0</v>
      </c>
    </row>
    <row r="88937" spans="1:7" x14ac:dyDescent="0.3">
      <c r="A88937" s="13" t="s">
        <v>445</v>
      </c>
      <c r="B88937" s="14" t="s">
        <v>1</v>
      </c>
      <c r="C88937" s="14" t="s">
        <v>137</v>
      </c>
      <c r="D88937" s="14" t="s">
        <v>446</v>
      </c>
      <c r="E88937" s="15">
        <v>45618</v>
      </c>
      <c r="F88937" s="14" t="s">
        <v>15</v>
      </c>
      <c r="G88937" s="16">
        <v>0</v>
      </c>
    </row>
    <row r="88938" spans="1:7" x14ac:dyDescent="0.3">
      <c r="A88938" s="13" t="s">
        <v>445</v>
      </c>
      <c r="B88938" s="14" t="s">
        <v>1</v>
      </c>
      <c r="C88938" s="14" t="s">
        <v>137</v>
      </c>
      <c r="D88938" s="14" t="s">
        <v>446</v>
      </c>
      <c r="E88938" s="15">
        <v>45619</v>
      </c>
      <c r="F88938" s="14" t="s">
        <v>15</v>
      </c>
      <c r="G88938" s="16">
        <v>0</v>
      </c>
    </row>
    <row r="88939" spans="1:7" x14ac:dyDescent="0.3">
      <c r="A88939" s="13" t="s">
        <v>445</v>
      </c>
      <c r="B88939" s="14" t="s">
        <v>1</v>
      </c>
      <c r="C88939" s="14" t="s">
        <v>137</v>
      </c>
      <c r="D88939" s="14" t="s">
        <v>446</v>
      </c>
      <c r="E88939" s="15">
        <v>45620</v>
      </c>
      <c r="F88939" s="14" t="s">
        <v>15</v>
      </c>
      <c r="G88939" s="16">
        <v>0</v>
      </c>
    </row>
    <row r="88940" spans="1:7" x14ac:dyDescent="0.3">
      <c r="A88940" s="13" t="s">
        <v>445</v>
      </c>
      <c r="B88940" s="14" t="s">
        <v>1</v>
      </c>
      <c r="C88940" s="14" t="s">
        <v>137</v>
      </c>
      <c r="D88940" s="14" t="s">
        <v>446</v>
      </c>
      <c r="E88940" s="15">
        <v>45621</v>
      </c>
      <c r="F88940" s="14" t="s">
        <v>15</v>
      </c>
      <c r="G88940" s="16">
        <v>0</v>
      </c>
    </row>
    <row r="88941" spans="1:7" x14ac:dyDescent="0.3">
      <c r="A88941" s="13" t="s">
        <v>445</v>
      </c>
      <c r="B88941" s="14" t="s">
        <v>1</v>
      </c>
      <c r="C88941" s="14" t="s">
        <v>137</v>
      </c>
      <c r="D88941" s="14" t="s">
        <v>446</v>
      </c>
      <c r="E88941" s="15">
        <v>45622</v>
      </c>
      <c r="F88941" s="14" t="s">
        <v>15</v>
      </c>
      <c r="G88941" s="16">
        <v>0</v>
      </c>
    </row>
    <row r="88942" spans="1:7" x14ac:dyDescent="0.3">
      <c r="A88942" s="13" t="s">
        <v>445</v>
      </c>
      <c r="B88942" s="14" t="s">
        <v>1</v>
      </c>
      <c r="C88942" s="14" t="s">
        <v>137</v>
      </c>
      <c r="D88942" s="14" t="s">
        <v>446</v>
      </c>
      <c r="E88942" s="15">
        <v>45623</v>
      </c>
      <c r="F88942" s="14" t="s">
        <v>15</v>
      </c>
      <c r="G88942" s="16">
        <v>0</v>
      </c>
    </row>
    <row r="88943" spans="1:7" x14ac:dyDescent="0.3">
      <c r="A88943" s="13" t="s">
        <v>445</v>
      </c>
      <c r="B88943" s="14" t="s">
        <v>1</v>
      </c>
      <c r="C88943" s="14" t="s">
        <v>137</v>
      </c>
      <c r="D88943" s="14" t="s">
        <v>446</v>
      </c>
      <c r="E88943" s="15">
        <v>45624</v>
      </c>
      <c r="F88943" s="14" t="s">
        <v>15</v>
      </c>
      <c r="G88943" s="16">
        <v>0</v>
      </c>
    </row>
    <row r="88944" spans="1:7" x14ac:dyDescent="0.3">
      <c r="A88944" s="13" t="s">
        <v>445</v>
      </c>
      <c r="B88944" s="14" t="s">
        <v>1</v>
      </c>
      <c r="C88944" s="14" t="s">
        <v>137</v>
      </c>
      <c r="D88944" s="14" t="s">
        <v>446</v>
      </c>
      <c r="E88944" s="15">
        <v>45625</v>
      </c>
      <c r="F88944" s="14" t="s">
        <v>15</v>
      </c>
      <c r="G88944" s="16">
        <v>0</v>
      </c>
    </row>
    <row r="88945" spans="1:7" x14ac:dyDescent="0.3">
      <c r="A88945" s="13" t="s">
        <v>445</v>
      </c>
      <c r="B88945" s="14" t="s">
        <v>1</v>
      </c>
      <c r="C88945" s="14" t="s">
        <v>137</v>
      </c>
      <c r="D88945" s="14" t="s">
        <v>446</v>
      </c>
      <c r="E88945" s="15">
        <v>45626</v>
      </c>
      <c r="F88945" s="14" t="s">
        <v>15</v>
      </c>
      <c r="G88945" s="16">
        <v>0</v>
      </c>
    </row>
    <row r="88946" spans="1:7" x14ac:dyDescent="0.3">
      <c r="A88946" s="13" t="s">
        <v>445</v>
      </c>
      <c r="B88946" s="14" t="s">
        <v>1</v>
      </c>
      <c r="C88946" s="14" t="s">
        <v>137</v>
      </c>
      <c r="D88946" s="14" t="s">
        <v>446</v>
      </c>
      <c r="E88946" s="15">
        <v>45627</v>
      </c>
      <c r="F88946" s="14" t="s">
        <v>15</v>
      </c>
      <c r="G88946" s="16">
        <v>0</v>
      </c>
    </row>
    <row r="88947" spans="1:7" x14ac:dyDescent="0.3">
      <c r="A88947" s="13" t="s">
        <v>445</v>
      </c>
      <c r="B88947" s="14" t="s">
        <v>1</v>
      </c>
      <c r="C88947" s="14" t="s">
        <v>137</v>
      </c>
      <c r="D88947" s="14" t="s">
        <v>446</v>
      </c>
      <c r="E88947" s="15">
        <v>45628</v>
      </c>
      <c r="F88947" s="14" t="s">
        <v>15</v>
      </c>
      <c r="G88947" s="16">
        <v>0</v>
      </c>
    </row>
    <row r="88948" spans="1:7" x14ac:dyDescent="0.3">
      <c r="A88948" s="13" t="s">
        <v>445</v>
      </c>
      <c r="B88948" s="14" t="s">
        <v>1</v>
      </c>
      <c r="C88948" s="14" t="s">
        <v>137</v>
      </c>
      <c r="D88948" s="14" t="s">
        <v>446</v>
      </c>
      <c r="E88948" s="15">
        <v>45629</v>
      </c>
      <c r="F88948" s="14" t="s">
        <v>15</v>
      </c>
      <c r="G88948" s="16">
        <v>0</v>
      </c>
    </row>
    <row r="88949" spans="1:7" x14ac:dyDescent="0.3">
      <c r="A88949" s="13" t="s">
        <v>445</v>
      </c>
      <c r="B88949" s="14" t="s">
        <v>1</v>
      </c>
      <c r="C88949" s="14" t="s">
        <v>137</v>
      </c>
      <c r="D88949" s="14" t="s">
        <v>446</v>
      </c>
      <c r="E88949" s="15">
        <v>45630</v>
      </c>
      <c r="F88949" s="14" t="s">
        <v>15</v>
      </c>
      <c r="G88949" s="16">
        <v>0</v>
      </c>
    </row>
    <row r="88950" spans="1:7" x14ac:dyDescent="0.3">
      <c r="A88950" s="13" t="s">
        <v>445</v>
      </c>
      <c r="B88950" s="14" t="s">
        <v>1</v>
      </c>
      <c r="C88950" s="14" t="s">
        <v>137</v>
      </c>
      <c r="D88950" s="14" t="s">
        <v>446</v>
      </c>
      <c r="E88950" s="15">
        <v>45631</v>
      </c>
      <c r="F88950" s="14" t="s">
        <v>15</v>
      </c>
      <c r="G88950" s="16">
        <v>0</v>
      </c>
    </row>
    <row r="88951" spans="1:7" x14ac:dyDescent="0.3">
      <c r="A88951" s="13" t="s">
        <v>445</v>
      </c>
      <c r="B88951" s="14" t="s">
        <v>1</v>
      </c>
      <c r="C88951" s="14" t="s">
        <v>137</v>
      </c>
      <c r="D88951" s="14" t="s">
        <v>446</v>
      </c>
      <c r="E88951" s="15">
        <v>45632</v>
      </c>
      <c r="F88951" s="14" t="s">
        <v>15</v>
      </c>
      <c r="G88951" s="16">
        <v>0</v>
      </c>
    </row>
    <row r="88952" spans="1:7" x14ac:dyDescent="0.3">
      <c r="A88952" s="13" t="s">
        <v>445</v>
      </c>
      <c r="B88952" s="14" t="s">
        <v>1</v>
      </c>
      <c r="C88952" s="14" t="s">
        <v>137</v>
      </c>
      <c r="D88952" s="14" t="s">
        <v>446</v>
      </c>
      <c r="E88952" s="15">
        <v>45633</v>
      </c>
      <c r="F88952" s="14" t="s">
        <v>15</v>
      </c>
      <c r="G88952" s="16">
        <v>0</v>
      </c>
    </row>
    <row r="88953" spans="1:7" x14ac:dyDescent="0.3">
      <c r="A88953" s="13" t="s">
        <v>445</v>
      </c>
      <c r="B88953" s="14" t="s">
        <v>1</v>
      </c>
      <c r="C88953" s="14" t="s">
        <v>137</v>
      </c>
      <c r="D88953" s="14" t="s">
        <v>446</v>
      </c>
      <c r="E88953" s="15">
        <v>45634</v>
      </c>
      <c r="F88953" s="14" t="s">
        <v>15</v>
      </c>
      <c r="G88953" s="16">
        <v>0</v>
      </c>
    </row>
    <row r="88954" spans="1:7" x14ac:dyDescent="0.3">
      <c r="A88954" s="13" t="s">
        <v>445</v>
      </c>
      <c r="B88954" s="14" t="s">
        <v>1</v>
      </c>
      <c r="C88954" s="14" t="s">
        <v>137</v>
      </c>
      <c r="D88954" s="14" t="s">
        <v>446</v>
      </c>
      <c r="E88954" s="15">
        <v>45635</v>
      </c>
      <c r="F88954" s="14" t="s">
        <v>15</v>
      </c>
      <c r="G88954" s="16">
        <v>0</v>
      </c>
    </row>
    <row r="88955" spans="1:7" x14ac:dyDescent="0.3">
      <c r="A88955" s="13" t="s">
        <v>445</v>
      </c>
      <c r="B88955" s="14" t="s">
        <v>1</v>
      </c>
      <c r="C88955" s="14" t="s">
        <v>137</v>
      </c>
      <c r="D88955" s="14" t="s">
        <v>446</v>
      </c>
      <c r="E88955" s="15">
        <v>45636</v>
      </c>
      <c r="F88955" s="14" t="s">
        <v>15</v>
      </c>
      <c r="G88955" s="16">
        <v>0</v>
      </c>
    </row>
    <row r="88956" spans="1:7" x14ac:dyDescent="0.3">
      <c r="A88956" s="13" t="s">
        <v>445</v>
      </c>
      <c r="B88956" s="14" t="s">
        <v>1</v>
      </c>
      <c r="C88956" s="14" t="s">
        <v>137</v>
      </c>
      <c r="D88956" s="14" t="s">
        <v>446</v>
      </c>
      <c r="E88956" s="15">
        <v>45637</v>
      </c>
      <c r="F88956" s="14" t="s">
        <v>15</v>
      </c>
      <c r="G88956" s="16">
        <v>0</v>
      </c>
    </row>
    <row r="88957" spans="1:7" x14ac:dyDescent="0.3">
      <c r="A88957" s="13" t="s">
        <v>445</v>
      </c>
      <c r="B88957" s="14" t="s">
        <v>1</v>
      </c>
      <c r="C88957" s="14" t="s">
        <v>137</v>
      </c>
      <c r="D88957" s="14" t="s">
        <v>446</v>
      </c>
      <c r="E88957" s="15">
        <v>45638</v>
      </c>
      <c r="F88957" s="14" t="s">
        <v>15</v>
      </c>
      <c r="G88957" s="16">
        <v>0</v>
      </c>
    </row>
    <row r="88958" spans="1:7" x14ac:dyDescent="0.3">
      <c r="A88958" s="13" t="s">
        <v>445</v>
      </c>
      <c r="B88958" s="14" t="s">
        <v>1</v>
      </c>
      <c r="C88958" s="14" t="s">
        <v>137</v>
      </c>
      <c r="D88958" s="14" t="s">
        <v>446</v>
      </c>
      <c r="E88958" s="15">
        <v>45639</v>
      </c>
      <c r="F88958" s="14" t="s">
        <v>15</v>
      </c>
      <c r="G88958" s="16">
        <v>0</v>
      </c>
    </row>
    <row r="88959" spans="1:7" x14ac:dyDescent="0.3">
      <c r="A88959" s="13" t="s">
        <v>445</v>
      </c>
      <c r="B88959" s="14" t="s">
        <v>1</v>
      </c>
      <c r="C88959" s="14" t="s">
        <v>137</v>
      </c>
      <c r="D88959" s="14" t="s">
        <v>446</v>
      </c>
      <c r="E88959" s="15">
        <v>45640</v>
      </c>
      <c r="F88959" s="14" t="s">
        <v>15</v>
      </c>
      <c r="G88959" s="16">
        <v>0</v>
      </c>
    </row>
    <row r="88960" spans="1:7" x14ac:dyDescent="0.3">
      <c r="A88960" s="13" t="s">
        <v>445</v>
      </c>
      <c r="B88960" s="14" t="s">
        <v>1</v>
      </c>
      <c r="C88960" s="14" t="s">
        <v>137</v>
      </c>
      <c r="D88960" s="14" t="s">
        <v>446</v>
      </c>
      <c r="E88960" s="15">
        <v>45641</v>
      </c>
      <c r="F88960" s="14" t="s">
        <v>15</v>
      </c>
      <c r="G88960" s="16">
        <v>0</v>
      </c>
    </row>
    <row r="88961" spans="1:7" x14ac:dyDescent="0.3">
      <c r="A88961" s="13" t="s">
        <v>445</v>
      </c>
      <c r="B88961" s="14" t="s">
        <v>1</v>
      </c>
      <c r="C88961" s="14" t="s">
        <v>137</v>
      </c>
      <c r="D88961" s="14" t="s">
        <v>446</v>
      </c>
      <c r="E88961" s="15">
        <v>45642</v>
      </c>
      <c r="F88961" s="14" t="s">
        <v>15</v>
      </c>
      <c r="G88961" s="16">
        <v>0</v>
      </c>
    </row>
    <row r="88962" spans="1:7" x14ac:dyDescent="0.3">
      <c r="A88962" s="13" t="s">
        <v>445</v>
      </c>
      <c r="B88962" s="14" t="s">
        <v>1</v>
      </c>
      <c r="C88962" s="14" t="s">
        <v>137</v>
      </c>
      <c r="D88962" s="14" t="s">
        <v>446</v>
      </c>
      <c r="E88962" s="15">
        <v>45643</v>
      </c>
      <c r="F88962" s="14" t="s">
        <v>15</v>
      </c>
      <c r="G88962" s="16">
        <v>0</v>
      </c>
    </row>
    <row r="88963" spans="1:7" x14ac:dyDescent="0.3">
      <c r="A88963" s="13" t="s">
        <v>445</v>
      </c>
      <c r="B88963" s="14" t="s">
        <v>1</v>
      </c>
      <c r="C88963" s="14" t="s">
        <v>137</v>
      </c>
      <c r="D88963" s="14" t="s">
        <v>446</v>
      </c>
      <c r="E88963" s="15">
        <v>45644</v>
      </c>
      <c r="F88963" s="14" t="s">
        <v>15</v>
      </c>
      <c r="G88963" s="16">
        <v>0</v>
      </c>
    </row>
    <row r="88964" spans="1:7" x14ac:dyDescent="0.3">
      <c r="A88964" s="13" t="s">
        <v>445</v>
      </c>
      <c r="B88964" s="14" t="s">
        <v>1</v>
      </c>
      <c r="C88964" s="14" t="s">
        <v>137</v>
      </c>
      <c r="D88964" s="14" t="s">
        <v>446</v>
      </c>
      <c r="E88964" s="15">
        <v>45645</v>
      </c>
      <c r="F88964" s="14" t="s">
        <v>15</v>
      </c>
      <c r="G88964" s="16">
        <v>0</v>
      </c>
    </row>
    <row r="88965" spans="1:7" x14ac:dyDescent="0.3">
      <c r="A88965" s="13" t="s">
        <v>445</v>
      </c>
      <c r="B88965" s="14" t="s">
        <v>1</v>
      </c>
      <c r="C88965" s="14" t="s">
        <v>137</v>
      </c>
      <c r="D88965" s="14" t="s">
        <v>446</v>
      </c>
      <c r="E88965" s="15">
        <v>45646</v>
      </c>
      <c r="F88965" s="14" t="s">
        <v>15</v>
      </c>
      <c r="G88965" s="16">
        <v>0</v>
      </c>
    </row>
    <row r="88966" spans="1:7" x14ac:dyDescent="0.3">
      <c r="A88966" s="13" t="s">
        <v>445</v>
      </c>
      <c r="B88966" s="14" t="s">
        <v>1</v>
      </c>
      <c r="C88966" s="14" t="s">
        <v>137</v>
      </c>
      <c r="D88966" s="14" t="s">
        <v>446</v>
      </c>
      <c r="E88966" s="15">
        <v>45647</v>
      </c>
      <c r="F88966" s="14" t="s">
        <v>15</v>
      </c>
      <c r="G88966" s="16">
        <v>0</v>
      </c>
    </row>
    <row r="88967" spans="1:7" x14ac:dyDescent="0.3">
      <c r="A88967" s="13" t="s">
        <v>445</v>
      </c>
      <c r="B88967" s="14" t="s">
        <v>1</v>
      </c>
      <c r="C88967" s="14" t="s">
        <v>137</v>
      </c>
      <c r="D88967" s="14" t="s">
        <v>446</v>
      </c>
      <c r="E88967" s="15">
        <v>45648</v>
      </c>
      <c r="F88967" s="14" t="s">
        <v>15</v>
      </c>
      <c r="G88967" s="16">
        <v>0</v>
      </c>
    </row>
    <row r="88968" spans="1:7" x14ac:dyDescent="0.3">
      <c r="A88968" s="13" t="s">
        <v>445</v>
      </c>
      <c r="B88968" s="14" t="s">
        <v>1</v>
      </c>
      <c r="C88968" s="14" t="s">
        <v>137</v>
      </c>
      <c r="D88968" s="14" t="s">
        <v>446</v>
      </c>
      <c r="E88968" s="15">
        <v>45649</v>
      </c>
      <c r="F88968" s="14" t="s">
        <v>15</v>
      </c>
      <c r="G88968" s="16">
        <v>0</v>
      </c>
    </row>
    <row r="88969" spans="1:7" x14ac:dyDescent="0.3">
      <c r="A88969" s="13" t="s">
        <v>445</v>
      </c>
      <c r="B88969" s="14" t="s">
        <v>1</v>
      </c>
      <c r="C88969" s="14" t="s">
        <v>137</v>
      </c>
      <c r="D88969" s="14" t="s">
        <v>446</v>
      </c>
      <c r="E88969" s="15">
        <v>45650</v>
      </c>
      <c r="F88969" s="14" t="s">
        <v>15</v>
      </c>
      <c r="G88969" s="16">
        <v>0</v>
      </c>
    </row>
    <row r="88970" spans="1:7" x14ac:dyDescent="0.3">
      <c r="A88970" s="13" t="s">
        <v>445</v>
      </c>
      <c r="B88970" s="14" t="s">
        <v>1</v>
      </c>
      <c r="C88970" s="14" t="s">
        <v>137</v>
      </c>
      <c r="D88970" s="14" t="s">
        <v>446</v>
      </c>
      <c r="E88970" s="15">
        <v>45651</v>
      </c>
      <c r="F88970" s="14" t="s">
        <v>15</v>
      </c>
      <c r="G88970" s="16">
        <v>0</v>
      </c>
    </row>
    <row r="88971" spans="1:7" x14ac:dyDescent="0.3">
      <c r="A88971" s="13" t="s">
        <v>445</v>
      </c>
      <c r="B88971" s="14" t="s">
        <v>1</v>
      </c>
      <c r="C88971" s="14" t="s">
        <v>137</v>
      </c>
      <c r="D88971" s="14" t="s">
        <v>446</v>
      </c>
      <c r="E88971" s="15">
        <v>45652</v>
      </c>
      <c r="F88971" s="14" t="s">
        <v>15</v>
      </c>
      <c r="G88971" s="16">
        <v>0</v>
      </c>
    </row>
    <row r="88972" spans="1:7" x14ac:dyDescent="0.3">
      <c r="A88972" s="13" t="s">
        <v>445</v>
      </c>
      <c r="B88972" s="14" t="s">
        <v>1</v>
      </c>
      <c r="C88972" s="14" t="s">
        <v>137</v>
      </c>
      <c r="D88972" s="14" t="s">
        <v>446</v>
      </c>
      <c r="E88972" s="15">
        <v>45653</v>
      </c>
      <c r="F88972" s="14" t="s">
        <v>15</v>
      </c>
      <c r="G88972" s="16">
        <v>0</v>
      </c>
    </row>
    <row r="88973" spans="1:7" x14ac:dyDescent="0.3">
      <c r="A88973" s="13" t="s">
        <v>445</v>
      </c>
      <c r="B88973" s="14" t="s">
        <v>1</v>
      </c>
      <c r="C88973" s="14" t="s">
        <v>137</v>
      </c>
      <c r="D88973" s="14" t="s">
        <v>446</v>
      </c>
      <c r="E88973" s="15">
        <v>45654</v>
      </c>
      <c r="F88973" s="14" t="s">
        <v>15</v>
      </c>
      <c r="G88973" s="16">
        <v>0</v>
      </c>
    </row>
    <row r="88974" spans="1:7" x14ac:dyDescent="0.3">
      <c r="A88974" s="13" t="s">
        <v>445</v>
      </c>
      <c r="B88974" s="14" t="s">
        <v>1</v>
      </c>
      <c r="C88974" s="14" t="s">
        <v>137</v>
      </c>
      <c r="D88974" s="14" t="s">
        <v>446</v>
      </c>
      <c r="E88974" s="15">
        <v>45655</v>
      </c>
      <c r="F88974" s="14" t="s">
        <v>15</v>
      </c>
      <c r="G88974" s="16">
        <v>0</v>
      </c>
    </row>
    <row r="88975" spans="1:7" x14ac:dyDescent="0.3">
      <c r="A88975" s="13" t="s">
        <v>445</v>
      </c>
      <c r="B88975" s="14" t="s">
        <v>1</v>
      </c>
      <c r="C88975" s="14" t="s">
        <v>137</v>
      </c>
      <c r="D88975" s="14" t="s">
        <v>446</v>
      </c>
      <c r="E88975" s="15">
        <v>45656</v>
      </c>
      <c r="F88975" s="14" t="s">
        <v>15</v>
      </c>
      <c r="G88975" s="16">
        <v>0</v>
      </c>
    </row>
    <row r="88976" spans="1:7" x14ac:dyDescent="0.3">
      <c r="A88976" s="13" t="s">
        <v>445</v>
      </c>
      <c r="B88976" s="14" t="s">
        <v>1</v>
      </c>
      <c r="C88976" s="14" t="s">
        <v>137</v>
      </c>
      <c r="D88976" s="14" t="s">
        <v>446</v>
      </c>
      <c r="E88976" s="15">
        <v>45657</v>
      </c>
      <c r="F88976" s="14" t="s">
        <v>15</v>
      </c>
      <c r="G88976" s="16">
        <v>0</v>
      </c>
    </row>
    <row r="88977" spans="1:7" x14ac:dyDescent="0.3">
      <c r="A88977" s="13" t="s">
        <v>445</v>
      </c>
      <c r="B88977" s="14" t="s">
        <v>1</v>
      </c>
      <c r="C88977" s="14" t="s">
        <v>137</v>
      </c>
      <c r="D88977" s="14" t="s">
        <v>446</v>
      </c>
      <c r="E88977" s="15">
        <v>45658</v>
      </c>
      <c r="F88977" s="14" t="s">
        <v>15</v>
      </c>
      <c r="G88977" s="16">
        <v>0</v>
      </c>
    </row>
    <row r="88978" spans="1:7" x14ac:dyDescent="0.3">
      <c r="A88978" s="13" t="s">
        <v>445</v>
      </c>
      <c r="B88978" s="14" t="s">
        <v>1</v>
      </c>
      <c r="C88978" s="14" t="s">
        <v>137</v>
      </c>
      <c r="D88978" s="14" t="s">
        <v>446</v>
      </c>
      <c r="E88978" s="15">
        <v>45659</v>
      </c>
      <c r="F88978" s="14" t="s">
        <v>15</v>
      </c>
      <c r="G88978" s="16">
        <v>0</v>
      </c>
    </row>
    <row r="88979" spans="1:7" x14ac:dyDescent="0.3">
      <c r="A88979" s="13" t="s">
        <v>445</v>
      </c>
      <c r="B88979" s="14" t="s">
        <v>1</v>
      </c>
      <c r="C88979" s="14" t="s">
        <v>137</v>
      </c>
      <c r="D88979" s="14" t="s">
        <v>446</v>
      </c>
      <c r="E88979" s="15">
        <v>45660</v>
      </c>
      <c r="F88979" s="14" t="s">
        <v>15</v>
      </c>
      <c r="G88979" s="16">
        <v>0</v>
      </c>
    </row>
    <row r="88980" spans="1:7" x14ac:dyDescent="0.3">
      <c r="A88980" s="13" t="s">
        <v>445</v>
      </c>
      <c r="B88980" s="14" t="s">
        <v>1</v>
      </c>
      <c r="C88980" s="14" t="s">
        <v>137</v>
      </c>
      <c r="D88980" s="14" t="s">
        <v>446</v>
      </c>
      <c r="E88980" s="15">
        <v>45661</v>
      </c>
      <c r="F88980" s="14" t="s">
        <v>15</v>
      </c>
      <c r="G88980" s="16">
        <v>0</v>
      </c>
    </row>
    <row r="88981" spans="1:7" x14ac:dyDescent="0.3">
      <c r="A88981" s="13" t="s">
        <v>445</v>
      </c>
      <c r="B88981" s="14" t="s">
        <v>1</v>
      </c>
      <c r="C88981" s="14" t="s">
        <v>137</v>
      </c>
      <c r="D88981" s="14" t="s">
        <v>446</v>
      </c>
      <c r="E88981" s="15">
        <v>45662</v>
      </c>
      <c r="F88981" s="14" t="s">
        <v>15</v>
      </c>
      <c r="G88981" s="16">
        <v>0</v>
      </c>
    </row>
    <row r="88982" spans="1:7" x14ac:dyDescent="0.3">
      <c r="A88982" s="13" t="s">
        <v>445</v>
      </c>
      <c r="B88982" s="14" t="s">
        <v>1</v>
      </c>
      <c r="C88982" s="14" t="s">
        <v>137</v>
      </c>
      <c r="D88982" s="14" t="s">
        <v>446</v>
      </c>
      <c r="E88982" s="15">
        <v>45663</v>
      </c>
      <c r="F88982" s="14" t="s">
        <v>15</v>
      </c>
      <c r="G88982" s="16">
        <v>0</v>
      </c>
    </row>
    <row r="88983" spans="1:7" x14ac:dyDescent="0.3">
      <c r="A88983" s="13" t="s">
        <v>445</v>
      </c>
      <c r="B88983" s="14" t="s">
        <v>1</v>
      </c>
      <c r="C88983" s="14" t="s">
        <v>137</v>
      </c>
      <c r="D88983" s="14" t="s">
        <v>446</v>
      </c>
      <c r="E88983" s="15">
        <v>45664</v>
      </c>
      <c r="F88983" s="14" t="s">
        <v>15</v>
      </c>
      <c r="G88983" s="16">
        <v>0</v>
      </c>
    </row>
    <row r="88984" spans="1:7" x14ac:dyDescent="0.3">
      <c r="A88984" s="13" t="s">
        <v>445</v>
      </c>
      <c r="B88984" s="14" t="s">
        <v>1</v>
      </c>
      <c r="C88984" s="14" t="s">
        <v>137</v>
      </c>
      <c r="D88984" s="14" t="s">
        <v>446</v>
      </c>
      <c r="E88984" s="15">
        <v>45665</v>
      </c>
      <c r="F88984" s="14" t="s">
        <v>15</v>
      </c>
      <c r="G88984" s="16">
        <v>0</v>
      </c>
    </row>
    <row r="88985" spans="1:7" x14ac:dyDescent="0.3">
      <c r="A88985" s="13" t="s">
        <v>445</v>
      </c>
      <c r="B88985" s="14" t="s">
        <v>1</v>
      </c>
      <c r="C88985" s="14" t="s">
        <v>137</v>
      </c>
      <c r="D88985" s="14" t="s">
        <v>446</v>
      </c>
      <c r="E88985" s="15">
        <v>45666</v>
      </c>
      <c r="F88985" s="14" t="s">
        <v>15</v>
      </c>
      <c r="G88985" s="16">
        <v>0</v>
      </c>
    </row>
    <row r="88986" spans="1:7" x14ac:dyDescent="0.3">
      <c r="A88986" s="13" t="s">
        <v>445</v>
      </c>
      <c r="B88986" s="14" t="s">
        <v>1</v>
      </c>
      <c r="C88986" s="14" t="s">
        <v>137</v>
      </c>
      <c r="D88986" s="14" t="s">
        <v>446</v>
      </c>
      <c r="E88986" s="15">
        <v>45667</v>
      </c>
      <c r="F88986" s="14" t="s">
        <v>15</v>
      </c>
      <c r="G88986" s="16">
        <v>0</v>
      </c>
    </row>
    <row r="88987" spans="1:7" x14ac:dyDescent="0.3">
      <c r="A88987" s="13" t="s">
        <v>445</v>
      </c>
      <c r="B88987" s="14" t="s">
        <v>1</v>
      </c>
      <c r="C88987" s="14" t="s">
        <v>137</v>
      </c>
      <c r="D88987" s="14" t="s">
        <v>446</v>
      </c>
      <c r="E88987" s="15">
        <v>45668</v>
      </c>
      <c r="F88987" s="14" t="s">
        <v>15</v>
      </c>
      <c r="G88987" s="16">
        <v>0</v>
      </c>
    </row>
    <row r="88988" spans="1:7" x14ac:dyDescent="0.3">
      <c r="A88988" s="13" t="s">
        <v>445</v>
      </c>
      <c r="B88988" s="14" t="s">
        <v>1</v>
      </c>
      <c r="C88988" s="14" t="s">
        <v>137</v>
      </c>
      <c r="D88988" s="14" t="s">
        <v>446</v>
      </c>
      <c r="E88988" s="15">
        <v>45669</v>
      </c>
      <c r="F88988" s="14" t="s">
        <v>15</v>
      </c>
      <c r="G88988" s="16">
        <v>0</v>
      </c>
    </row>
    <row r="88989" spans="1:7" x14ac:dyDescent="0.3">
      <c r="A88989" s="13" t="s">
        <v>445</v>
      </c>
      <c r="B88989" s="14" t="s">
        <v>1</v>
      </c>
      <c r="C88989" s="14" t="s">
        <v>137</v>
      </c>
      <c r="D88989" s="14" t="s">
        <v>446</v>
      </c>
      <c r="E88989" s="15">
        <v>45670</v>
      </c>
      <c r="F88989" s="14" t="s">
        <v>15</v>
      </c>
      <c r="G88989" s="16">
        <v>0</v>
      </c>
    </row>
    <row r="88990" spans="1:7" x14ac:dyDescent="0.3">
      <c r="A88990" s="13" t="s">
        <v>445</v>
      </c>
      <c r="B88990" s="14" t="s">
        <v>1</v>
      </c>
      <c r="C88990" s="14" t="s">
        <v>137</v>
      </c>
      <c r="D88990" s="14" t="s">
        <v>446</v>
      </c>
      <c r="E88990" s="15">
        <v>45671</v>
      </c>
      <c r="F88990" s="14" t="s">
        <v>15</v>
      </c>
      <c r="G88990" s="16">
        <v>0</v>
      </c>
    </row>
    <row r="88991" spans="1:7" x14ac:dyDescent="0.3">
      <c r="A88991" s="13" t="s">
        <v>445</v>
      </c>
      <c r="B88991" s="14" t="s">
        <v>1</v>
      </c>
      <c r="C88991" s="14" t="s">
        <v>137</v>
      </c>
      <c r="D88991" s="14" t="s">
        <v>446</v>
      </c>
      <c r="E88991" s="15">
        <v>45672</v>
      </c>
      <c r="F88991" s="14" t="s">
        <v>15</v>
      </c>
      <c r="G88991" s="16">
        <v>0</v>
      </c>
    </row>
    <row r="88992" spans="1:7" x14ac:dyDescent="0.3">
      <c r="A88992" s="13" t="s">
        <v>445</v>
      </c>
      <c r="B88992" s="14" t="s">
        <v>1</v>
      </c>
      <c r="C88992" s="14" t="s">
        <v>137</v>
      </c>
      <c r="D88992" s="14" t="s">
        <v>446</v>
      </c>
      <c r="E88992" s="15">
        <v>45673</v>
      </c>
      <c r="F88992" s="14" t="s">
        <v>15</v>
      </c>
      <c r="G88992" s="16">
        <v>0</v>
      </c>
    </row>
    <row r="88993" spans="1:7" x14ac:dyDescent="0.3">
      <c r="A88993" s="13" t="s">
        <v>445</v>
      </c>
      <c r="B88993" s="14" t="s">
        <v>1</v>
      </c>
      <c r="C88993" s="14" t="s">
        <v>137</v>
      </c>
      <c r="D88993" s="14" t="s">
        <v>446</v>
      </c>
      <c r="E88993" s="15">
        <v>45674</v>
      </c>
      <c r="F88993" s="14" t="s">
        <v>15</v>
      </c>
      <c r="G88993" s="16">
        <v>0</v>
      </c>
    </row>
    <row r="88994" spans="1:7" x14ac:dyDescent="0.3">
      <c r="A88994" s="13" t="s">
        <v>445</v>
      </c>
      <c r="B88994" s="14" t="s">
        <v>1</v>
      </c>
      <c r="C88994" s="14" t="s">
        <v>137</v>
      </c>
      <c r="D88994" s="14" t="s">
        <v>446</v>
      </c>
      <c r="E88994" s="15">
        <v>45675</v>
      </c>
      <c r="F88994" s="14" t="s">
        <v>15</v>
      </c>
      <c r="G88994" s="16">
        <v>0</v>
      </c>
    </row>
    <row r="88995" spans="1:7" x14ac:dyDescent="0.3">
      <c r="A88995" s="13" t="s">
        <v>445</v>
      </c>
      <c r="B88995" s="14" t="s">
        <v>1</v>
      </c>
      <c r="C88995" s="14" t="s">
        <v>137</v>
      </c>
      <c r="D88995" s="14" t="s">
        <v>446</v>
      </c>
      <c r="E88995" s="15">
        <v>45676</v>
      </c>
      <c r="F88995" s="14" t="s">
        <v>15</v>
      </c>
      <c r="G88995" s="16">
        <v>0</v>
      </c>
    </row>
    <row r="88996" spans="1:7" x14ac:dyDescent="0.3">
      <c r="A88996" s="13" t="s">
        <v>445</v>
      </c>
      <c r="B88996" s="14" t="s">
        <v>1</v>
      </c>
      <c r="C88996" s="14" t="s">
        <v>137</v>
      </c>
      <c r="D88996" s="14" t="s">
        <v>446</v>
      </c>
      <c r="E88996" s="15">
        <v>45677</v>
      </c>
      <c r="F88996" s="14" t="s">
        <v>15</v>
      </c>
      <c r="G88996" s="16">
        <v>0</v>
      </c>
    </row>
    <row r="88997" spans="1:7" x14ac:dyDescent="0.3">
      <c r="A88997" s="13" t="s">
        <v>445</v>
      </c>
      <c r="B88997" s="14" t="s">
        <v>1</v>
      </c>
      <c r="C88997" s="14" t="s">
        <v>137</v>
      </c>
      <c r="D88997" s="14" t="s">
        <v>446</v>
      </c>
      <c r="E88997" s="15">
        <v>45678</v>
      </c>
      <c r="F88997" s="14" t="s">
        <v>15</v>
      </c>
      <c r="G88997" s="16">
        <v>0</v>
      </c>
    </row>
    <row r="88998" spans="1:7" x14ac:dyDescent="0.3">
      <c r="A88998" s="13" t="s">
        <v>445</v>
      </c>
      <c r="B88998" s="14" t="s">
        <v>1</v>
      </c>
      <c r="C88998" s="14" t="s">
        <v>137</v>
      </c>
      <c r="D88998" s="14" t="s">
        <v>446</v>
      </c>
      <c r="E88998" s="15">
        <v>45679</v>
      </c>
      <c r="F88998" s="14" t="s">
        <v>15</v>
      </c>
      <c r="G88998" s="16">
        <v>0</v>
      </c>
    </row>
    <row r="88999" spans="1:7" x14ac:dyDescent="0.3">
      <c r="A88999" s="13" t="s">
        <v>445</v>
      </c>
      <c r="B88999" s="14" t="s">
        <v>1</v>
      </c>
      <c r="C88999" s="14" t="s">
        <v>137</v>
      </c>
      <c r="D88999" s="14" t="s">
        <v>446</v>
      </c>
      <c r="E88999" s="15">
        <v>45680</v>
      </c>
      <c r="F88999" s="14" t="s">
        <v>15</v>
      </c>
      <c r="G88999" s="16">
        <v>0</v>
      </c>
    </row>
    <row r="89000" spans="1:7" x14ac:dyDescent="0.3">
      <c r="A89000" s="13" t="s">
        <v>445</v>
      </c>
      <c r="B89000" s="14" t="s">
        <v>1</v>
      </c>
      <c r="C89000" s="14" t="s">
        <v>137</v>
      </c>
      <c r="D89000" s="14" t="s">
        <v>446</v>
      </c>
      <c r="E89000" s="15">
        <v>45681</v>
      </c>
      <c r="F89000" s="14" t="s">
        <v>15</v>
      </c>
      <c r="G89000" s="16">
        <v>0</v>
      </c>
    </row>
    <row r="89001" spans="1:7" x14ac:dyDescent="0.3">
      <c r="A89001" s="13" t="s">
        <v>445</v>
      </c>
      <c r="B89001" s="14" t="s">
        <v>1</v>
      </c>
      <c r="C89001" s="14" t="s">
        <v>137</v>
      </c>
      <c r="D89001" s="14" t="s">
        <v>446</v>
      </c>
      <c r="E89001" s="15">
        <v>45682</v>
      </c>
      <c r="F89001" s="14" t="s">
        <v>15</v>
      </c>
      <c r="G89001" s="16">
        <v>0</v>
      </c>
    </row>
    <row r="89002" spans="1:7" x14ac:dyDescent="0.3">
      <c r="A89002" s="13" t="s">
        <v>445</v>
      </c>
      <c r="B89002" s="14" t="s">
        <v>1</v>
      </c>
      <c r="C89002" s="14" t="s">
        <v>137</v>
      </c>
      <c r="D89002" s="14" t="s">
        <v>446</v>
      </c>
      <c r="E89002" s="15">
        <v>45683</v>
      </c>
      <c r="F89002" s="14" t="s">
        <v>15</v>
      </c>
      <c r="G89002" s="16">
        <v>0</v>
      </c>
    </row>
    <row r="89003" spans="1:7" x14ac:dyDescent="0.3">
      <c r="A89003" s="13" t="s">
        <v>445</v>
      </c>
      <c r="B89003" s="14" t="s">
        <v>1</v>
      </c>
      <c r="C89003" s="14" t="s">
        <v>137</v>
      </c>
      <c r="D89003" s="14" t="s">
        <v>446</v>
      </c>
      <c r="E89003" s="15">
        <v>45684</v>
      </c>
      <c r="F89003" s="14" t="s">
        <v>15</v>
      </c>
      <c r="G89003" s="16">
        <v>0</v>
      </c>
    </row>
    <row r="89004" spans="1:7" x14ac:dyDescent="0.3">
      <c r="A89004" s="13" t="s">
        <v>445</v>
      </c>
      <c r="B89004" s="14" t="s">
        <v>1</v>
      </c>
      <c r="C89004" s="14" t="s">
        <v>137</v>
      </c>
      <c r="D89004" s="14" t="s">
        <v>446</v>
      </c>
      <c r="E89004" s="15">
        <v>45685</v>
      </c>
      <c r="F89004" s="14" t="s">
        <v>15</v>
      </c>
      <c r="G89004" s="16">
        <v>0</v>
      </c>
    </row>
    <row r="89005" spans="1:7" x14ac:dyDescent="0.3">
      <c r="A89005" s="13" t="s">
        <v>445</v>
      </c>
      <c r="B89005" s="14" t="s">
        <v>1</v>
      </c>
      <c r="C89005" s="14" t="s">
        <v>137</v>
      </c>
      <c r="D89005" s="14" t="s">
        <v>446</v>
      </c>
      <c r="E89005" s="15">
        <v>45686</v>
      </c>
      <c r="F89005" s="14" t="s">
        <v>15</v>
      </c>
      <c r="G89005" s="16">
        <v>0</v>
      </c>
    </row>
    <row r="89006" spans="1:7" x14ac:dyDescent="0.3">
      <c r="A89006" s="13" t="s">
        <v>445</v>
      </c>
      <c r="B89006" s="14" t="s">
        <v>1</v>
      </c>
      <c r="C89006" s="14" t="s">
        <v>137</v>
      </c>
      <c r="D89006" s="14" t="s">
        <v>446</v>
      </c>
      <c r="E89006" s="15">
        <v>45687</v>
      </c>
      <c r="F89006" s="14" t="s">
        <v>15</v>
      </c>
      <c r="G89006" s="16">
        <v>0</v>
      </c>
    </row>
    <row r="89007" spans="1:7" x14ac:dyDescent="0.3">
      <c r="A89007" s="13" t="s">
        <v>445</v>
      </c>
      <c r="B89007" s="14" t="s">
        <v>1</v>
      </c>
      <c r="C89007" s="14" t="s">
        <v>137</v>
      </c>
      <c r="D89007" s="14" t="s">
        <v>446</v>
      </c>
      <c r="E89007" s="15">
        <v>45688</v>
      </c>
      <c r="F89007" s="14" t="s">
        <v>15</v>
      </c>
      <c r="G89007" s="16">
        <v>0</v>
      </c>
    </row>
    <row r="89008" spans="1:7" x14ac:dyDescent="0.3">
      <c r="A89008" s="13" t="s">
        <v>445</v>
      </c>
      <c r="B89008" s="14" t="s">
        <v>1</v>
      </c>
      <c r="C89008" s="14" t="s">
        <v>137</v>
      </c>
      <c r="D89008" s="14" t="s">
        <v>446</v>
      </c>
      <c r="E89008" s="15">
        <v>45689</v>
      </c>
      <c r="F89008" s="14" t="s">
        <v>15</v>
      </c>
      <c r="G89008" s="16">
        <v>0</v>
      </c>
    </row>
    <row r="89009" spans="1:7" x14ac:dyDescent="0.3">
      <c r="A89009" s="13" t="s">
        <v>445</v>
      </c>
      <c r="B89009" s="14" t="s">
        <v>1</v>
      </c>
      <c r="C89009" s="14" t="s">
        <v>137</v>
      </c>
      <c r="D89009" s="14" t="s">
        <v>446</v>
      </c>
      <c r="E89009" s="15">
        <v>45690</v>
      </c>
      <c r="F89009" s="14" t="s">
        <v>15</v>
      </c>
      <c r="G89009" s="16">
        <v>0</v>
      </c>
    </row>
    <row r="89010" spans="1:7" x14ac:dyDescent="0.3">
      <c r="A89010" s="13" t="s">
        <v>445</v>
      </c>
      <c r="B89010" s="14" t="s">
        <v>1</v>
      </c>
      <c r="C89010" s="14" t="s">
        <v>137</v>
      </c>
      <c r="D89010" s="14" t="s">
        <v>446</v>
      </c>
      <c r="E89010" s="15">
        <v>45691</v>
      </c>
      <c r="F89010" s="14" t="s">
        <v>15</v>
      </c>
      <c r="G89010" s="16">
        <v>0</v>
      </c>
    </row>
    <row r="89011" spans="1:7" x14ac:dyDescent="0.3">
      <c r="A89011" s="13" t="s">
        <v>445</v>
      </c>
      <c r="B89011" s="14" t="s">
        <v>1</v>
      </c>
      <c r="C89011" s="14" t="s">
        <v>137</v>
      </c>
      <c r="D89011" s="14" t="s">
        <v>446</v>
      </c>
      <c r="E89011" s="15">
        <v>45692</v>
      </c>
      <c r="F89011" s="14" t="s">
        <v>15</v>
      </c>
      <c r="G89011" s="16">
        <v>0</v>
      </c>
    </row>
    <row r="89012" spans="1:7" x14ac:dyDescent="0.3">
      <c r="A89012" s="13" t="s">
        <v>445</v>
      </c>
      <c r="B89012" s="14" t="s">
        <v>1</v>
      </c>
      <c r="C89012" s="14" t="s">
        <v>137</v>
      </c>
      <c r="D89012" s="14" t="s">
        <v>446</v>
      </c>
      <c r="E89012" s="15">
        <v>45693</v>
      </c>
      <c r="F89012" s="14" t="s">
        <v>15</v>
      </c>
      <c r="G89012" s="16">
        <v>0</v>
      </c>
    </row>
    <row r="89013" spans="1:7" x14ac:dyDescent="0.3">
      <c r="A89013" s="13" t="s">
        <v>445</v>
      </c>
      <c r="B89013" s="14" t="s">
        <v>1</v>
      </c>
      <c r="C89013" s="14" t="s">
        <v>137</v>
      </c>
      <c r="D89013" s="14" t="s">
        <v>446</v>
      </c>
      <c r="E89013" s="15">
        <v>45694</v>
      </c>
      <c r="F89013" s="14" t="s">
        <v>15</v>
      </c>
      <c r="G89013" s="16">
        <v>0</v>
      </c>
    </row>
    <row r="89014" spans="1:7" x14ac:dyDescent="0.3">
      <c r="A89014" s="13" t="s">
        <v>445</v>
      </c>
      <c r="B89014" s="14" t="s">
        <v>1</v>
      </c>
      <c r="C89014" s="14" t="s">
        <v>137</v>
      </c>
      <c r="D89014" s="14" t="s">
        <v>446</v>
      </c>
      <c r="E89014" s="15">
        <v>45695</v>
      </c>
      <c r="F89014" s="14" t="s">
        <v>15</v>
      </c>
      <c r="G89014" s="16">
        <v>0</v>
      </c>
    </row>
    <row r="89015" spans="1:7" x14ac:dyDescent="0.3">
      <c r="A89015" s="13" t="s">
        <v>445</v>
      </c>
      <c r="B89015" s="14" t="s">
        <v>1</v>
      </c>
      <c r="C89015" s="14" t="s">
        <v>137</v>
      </c>
      <c r="D89015" s="14" t="s">
        <v>446</v>
      </c>
      <c r="E89015" s="15">
        <v>45696</v>
      </c>
      <c r="F89015" s="14" t="s">
        <v>15</v>
      </c>
      <c r="G89015" s="16">
        <v>0</v>
      </c>
    </row>
    <row r="89016" spans="1:7" x14ac:dyDescent="0.3">
      <c r="A89016" s="13" t="s">
        <v>445</v>
      </c>
      <c r="B89016" s="14" t="s">
        <v>1</v>
      </c>
      <c r="C89016" s="14" t="s">
        <v>137</v>
      </c>
      <c r="D89016" s="14" t="s">
        <v>446</v>
      </c>
      <c r="E89016" s="15">
        <v>45697</v>
      </c>
      <c r="F89016" s="14" t="s">
        <v>15</v>
      </c>
      <c r="G89016" s="16">
        <v>0</v>
      </c>
    </row>
    <row r="89017" spans="1:7" x14ac:dyDescent="0.3">
      <c r="A89017" s="13" t="s">
        <v>445</v>
      </c>
      <c r="B89017" s="14" t="s">
        <v>1</v>
      </c>
      <c r="C89017" s="14" t="s">
        <v>137</v>
      </c>
      <c r="D89017" s="14" t="s">
        <v>446</v>
      </c>
      <c r="E89017" s="15">
        <v>45698</v>
      </c>
      <c r="F89017" s="14" t="s">
        <v>15</v>
      </c>
      <c r="G89017" s="16">
        <v>0</v>
      </c>
    </row>
    <row r="89018" spans="1:7" x14ac:dyDescent="0.3">
      <c r="A89018" s="13" t="s">
        <v>445</v>
      </c>
      <c r="B89018" s="14" t="s">
        <v>1</v>
      </c>
      <c r="C89018" s="14" t="s">
        <v>137</v>
      </c>
      <c r="D89018" s="14" t="s">
        <v>446</v>
      </c>
      <c r="E89018" s="15">
        <v>45699</v>
      </c>
      <c r="F89018" s="14" t="s">
        <v>15</v>
      </c>
      <c r="G89018" s="16">
        <v>0</v>
      </c>
    </row>
    <row r="89019" spans="1:7" x14ac:dyDescent="0.3">
      <c r="A89019" s="13" t="s">
        <v>445</v>
      </c>
      <c r="B89019" s="14" t="s">
        <v>1</v>
      </c>
      <c r="C89019" s="14" t="s">
        <v>137</v>
      </c>
      <c r="D89019" s="14" t="s">
        <v>446</v>
      </c>
      <c r="E89019" s="15">
        <v>45700</v>
      </c>
      <c r="F89019" s="14" t="s">
        <v>15</v>
      </c>
      <c r="G89019" s="16">
        <v>0</v>
      </c>
    </row>
    <row r="89020" spans="1:7" x14ac:dyDescent="0.3">
      <c r="A89020" s="13" t="s">
        <v>445</v>
      </c>
      <c r="B89020" s="14" t="s">
        <v>1</v>
      </c>
      <c r="C89020" s="14" t="s">
        <v>137</v>
      </c>
      <c r="D89020" s="14" t="s">
        <v>446</v>
      </c>
      <c r="E89020" s="15">
        <v>45701</v>
      </c>
      <c r="F89020" s="14" t="s">
        <v>15</v>
      </c>
      <c r="G89020" s="16">
        <v>0</v>
      </c>
    </row>
    <row r="89021" spans="1:7" x14ac:dyDescent="0.3">
      <c r="A89021" s="13" t="s">
        <v>445</v>
      </c>
      <c r="B89021" s="14" t="s">
        <v>1</v>
      </c>
      <c r="C89021" s="14" t="s">
        <v>137</v>
      </c>
      <c r="D89021" s="14" t="s">
        <v>446</v>
      </c>
      <c r="E89021" s="15">
        <v>45702</v>
      </c>
      <c r="F89021" s="14" t="s">
        <v>15</v>
      </c>
      <c r="G89021" s="16">
        <v>0</v>
      </c>
    </row>
    <row r="89022" spans="1:7" x14ac:dyDescent="0.3">
      <c r="A89022" s="13" t="s">
        <v>445</v>
      </c>
      <c r="B89022" s="14" t="s">
        <v>1</v>
      </c>
      <c r="C89022" s="14" t="s">
        <v>137</v>
      </c>
      <c r="D89022" s="14" t="s">
        <v>446</v>
      </c>
      <c r="E89022" s="15">
        <v>45703</v>
      </c>
      <c r="F89022" s="14" t="s">
        <v>15</v>
      </c>
      <c r="G89022" s="16">
        <v>0</v>
      </c>
    </row>
    <row r="89023" spans="1:7" x14ac:dyDescent="0.3">
      <c r="A89023" s="13" t="s">
        <v>445</v>
      </c>
      <c r="B89023" s="14" t="s">
        <v>1</v>
      </c>
      <c r="C89023" s="14" t="s">
        <v>137</v>
      </c>
      <c r="D89023" s="14" t="s">
        <v>446</v>
      </c>
      <c r="E89023" s="15">
        <v>45704</v>
      </c>
      <c r="F89023" s="14" t="s">
        <v>15</v>
      </c>
      <c r="G89023" s="16">
        <v>0</v>
      </c>
    </row>
    <row r="89024" spans="1:7" x14ac:dyDescent="0.3">
      <c r="A89024" s="13" t="s">
        <v>445</v>
      </c>
      <c r="B89024" s="14" t="s">
        <v>1</v>
      </c>
      <c r="C89024" s="14" t="s">
        <v>137</v>
      </c>
      <c r="D89024" s="14" t="s">
        <v>446</v>
      </c>
      <c r="E89024" s="15">
        <v>45705</v>
      </c>
      <c r="F89024" s="14" t="s">
        <v>15</v>
      </c>
      <c r="G89024" s="16">
        <v>0</v>
      </c>
    </row>
    <row r="89025" spans="1:7" x14ac:dyDescent="0.3">
      <c r="A89025" s="13" t="s">
        <v>445</v>
      </c>
      <c r="B89025" s="14" t="s">
        <v>1</v>
      </c>
      <c r="C89025" s="14" t="s">
        <v>137</v>
      </c>
      <c r="D89025" s="14" t="s">
        <v>446</v>
      </c>
      <c r="E89025" s="15">
        <v>45706</v>
      </c>
      <c r="F89025" s="14" t="s">
        <v>15</v>
      </c>
      <c r="G89025" s="16">
        <v>0</v>
      </c>
    </row>
    <row r="89026" spans="1:7" x14ac:dyDescent="0.3">
      <c r="A89026" s="13" t="s">
        <v>445</v>
      </c>
      <c r="B89026" s="14" t="s">
        <v>1</v>
      </c>
      <c r="C89026" s="14" t="s">
        <v>137</v>
      </c>
      <c r="D89026" s="14" t="s">
        <v>446</v>
      </c>
      <c r="E89026" s="15">
        <v>45707</v>
      </c>
      <c r="F89026" s="14" t="s">
        <v>15</v>
      </c>
      <c r="G89026" s="16">
        <v>0</v>
      </c>
    </row>
    <row r="89027" spans="1:7" x14ac:dyDescent="0.3">
      <c r="A89027" s="13" t="s">
        <v>445</v>
      </c>
      <c r="B89027" s="14" t="s">
        <v>1</v>
      </c>
      <c r="C89027" s="14" t="s">
        <v>137</v>
      </c>
      <c r="D89027" s="14" t="s">
        <v>446</v>
      </c>
      <c r="E89027" s="15">
        <v>45708</v>
      </c>
      <c r="F89027" s="14" t="s">
        <v>15</v>
      </c>
      <c r="G89027" s="16">
        <v>0</v>
      </c>
    </row>
    <row r="89028" spans="1:7" x14ac:dyDescent="0.3">
      <c r="A89028" s="13" t="s">
        <v>445</v>
      </c>
      <c r="B89028" s="14" t="s">
        <v>1</v>
      </c>
      <c r="C89028" s="14" t="s">
        <v>137</v>
      </c>
      <c r="D89028" s="14" t="s">
        <v>446</v>
      </c>
      <c r="E89028" s="15">
        <v>45709</v>
      </c>
      <c r="F89028" s="14" t="s">
        <v>15</v>
      </c>
      <c r="G89028" s="16">
        <v>0</v>
      </c>
    </row>
    <row r="89029" spans="1:7" x14ac:dyDescent="0.3">
      <c r="A89029" s="13" t="s">
        <v>445</v>
      </c>
      <c r="B89029" s="14" t="s">
        <v>1</v>
      </c>
      <c r="C89029" s="14" t="s">
        <v>137</v>
      </c>
      <c r="D89029" s="14" t="s">
        <v>446</v>
      </c>
      <c r="E89029" s="15">
        <v>45710</v>
      </c>
      <c r="F89029" s="14" t="s">
        <v>15</v>
      </c>
      <c r="G89029" s="16">
        <v>0</v>
      </c>
    </row>
    <row r="89030" spans="1:7" x14ac:dyDescent="0.3">
      <c r="A89030" s="13" t="s">
        <v>445</v>
      </c>
      <c r="B89030" s="14" t="s">
        <v>1</v>
      </c>
      <c r="C89030" s="14" t="s">
        <v>137</v>
      </c>
      <c r="D89030" s="14" t="s">
        <v>446</v>
      </c>
      <c r="E89030" s="15">
        <v>45711</v>
      </c>
      <c r="F89030" s="14" t="s">
        <v>15</v>
      </c>
      <c r="G89030" s="16">
        <v>0</v>
      </c>
    </row>
    <row r="89031" spans="1:7" x14ac:dyDescent="0.3">
      <c r="A89031" s="13" t="s">
        <v>445</v>
      </c>
      <c r="B89031" s="14" t="s">
        <v>1</v>
      </c>
      <c r="C89031" s="14" t="s">
        <v>137</v>
      </c>
      <c r="D89031" s="14" t="s">
        <v>446</v>
      </c>
      <c r="E89031" s="15">
        <v>45712</v>
      </c>
      <c r="F89031" s="14" t="s">
        <v>15</v>
      </c>
      <c r="G89031" s="16">
        <v>0</v>
      </c>
    </row>
    <row r="89032" spans="1:7" x14ac:dyDescent="0.3">
      <c r="A89032" s="13" t="s">
        <v>445</v>
      </c>
      <c r="B89032" s="14" t="s">
        <v>1</v>
      </c>
      <c r="C89032" s="14" t="s">
        <v>137</v>
      </c>
      <c r="D89032" s="14" t="s">
        <v>446</v>
      </c>
      <c r="E89032" s="15">
        <v>45713</v>
      </c>
      <c r="F89032" s="14" t="s">
        <v>15</v>
      </c>
      <c r="G89032" s="16">
        <v>0</v>
      </c>
    </row>
    <row r="89033" spans="1:7" x14ac:dyDescent="0.3">
      <c r="A89033" s="13" t="s">
        <v>445</v>
      </c>
      <c r="B89033" s="14" t="s">
        <v>1</v>
      </c>
      <c r="C89033" s="14" t="s">
        <v>137</v>
      </c>
      <c r="D89033" s="14" t="s">
        <v>446</v>
      </c>
      <c r="E89033" s="15">
        <v>45714</v>
      </c>
      <c r="F89033" s="14" t="s">
        <v>15</v>
      </c>
      <c r="G89033" s="16">
        <v>0</v>
      </c>
    </row>
    <row r="89034" spans="1:7" x14ac:dyDescent="0.3">
      <c r="A89034" s="13" t="s">
        <v>445</v>
      </c>
      <c r="B89034" s="14" t="s">
        <v>1</v>
      </c>
      <c r="C89034" s="14" t="s">
        <v>137</v>
      </c>
      <c r="D89034" s="14" t="s">
        <v>446</v>
      </c>
      <c r="E89034" s="15">
        <v>45715</v>
      </c>
      <c r="F89034" s="14" t="s">
        <v>15</v>
      </c>
      <c r="G89034" s="16">
        <v>0</v>
      </c>
    </row>
    <row r="89035" spans="1:7" x14ac:dyDescent="0.3">
      <c r="A89035" s="13" t="s">
        <v>445</v>
      </c>
      <c r="B89035" s="14" t="s">
        <v>1</v>
      </c>
      <c r="C89035" s="14" t="s">
        <v>137</v>
      </c>
      <c r="D89035" s="14" t="s">
        <v>446</v>
      </c>
      <c r="E89035" s="15">
        <v>45716</v>
      </c>
      <c r="F89035" s="14" t="s">
        <v>15</v>
      </c>
      <c r="G89035" s="16">
        <v>0</v>
      </c>
    </row>
    <row r="89036" spans="1:7" x14ac:dyDescent="0.3">
      <c r="A89036" s="13" t="s">
        <v>445</v>
      </c>
      <c r="B89036" s="14" t="s">
        <v>1</v>
      </c>
      <c r="C89036" s="14" t="s">
        <v>137</v>
      </c>
      <c r="D89036" s="14" t="s">
        <v>446</v>
      </c>
      <c r="E89036" s="15">
        <v>45717</v>
      </c>
      <c r="F89036" s="14" t="s">
        <v>15</v>
      </c>
      <c r="G89036" s="16">
        <v>0</v>
      </c>
    </row>
    <row r="89037" spans="1:7" x14ac:dyDescent="0.3">
      <c r="A89037" s="13" t="s">
        <v>445</v>
      </c>
      <c r="B89037" s="14" t="s">
        <v>1</v>
      </c>
      <c r="C89037" s="14" t="s">
        <v>137</v>
      </c>
      <c r="D89037" s="14" t="s">
        <v>446</v>
      </c>
      <c r="E89037" s="15">
        <v>45718</v>
      </c>
      <c r="F89037" s="14" t="s">
        <v>15</v>
      </c>
      <c r="G89037" s="16">
        <v>0</v>
      </c>
    </row>
    <row r="89038" spans="1:7" x14ac:dyDescent="0.3">
      <c r="A89038" s="13" t="s">
        <v>445</v>
      </c>
      <c r="B89038" s="14" t="s">
        <v>1</v>
      </c>
      <c r="C89038" s="14" t="s">
        <v>137</v>
      </c>
      <c r="D89038" s="14" t="s">
        <v>446</v>
      </c>
      <c r="E89038" s="15">
        <v>45719</v>
      </c>
      <c r="F89038" s="14" t="s">
        <v>15</v>
      </c>
      <c r="G89038" s="16">
        <v>0</v>
      </c>
    </row>
    <row r="89039" spans="1:7" x14ac:dyDescent="0.3">
      <c r="A89039" s="13" t="s">
        <v>445</v>
      </c>
      <c r="B89039" s="14" t="s">
        <v>1</v>
      </c>
      <c r="C89039" s="14" t="s">
        <v>137</v>
      </c>
      <c r="D89039" s="14" t="s">
        <v>446</v>
      </c>
      <c r="E89039" s="15">
        <v>45720</v>
      </c>
      <c r="F89039" s="14" t="s">
        <v>15</v>
      </c>
      <c r="G89039" s="16">
        <v>0</v>
      </c>
    </row>
    <row r="89040" spans="1:7" x14ac:dyDescent="0.3">
      <c r="A89040" s="13" t="s">
        <v>445</v>
      </c>
      <c r="B89040" s="14" t="s">
        <v>1</v>
      </c>
      <c r="C89040" s="14" t="s">
        <v>137</v>
      </c>
      <c r="D89040" s="14" t="s">
        <v>446</v>
      </c>
      <c r="E89040" s="15">
        <v>45721</v>
      </c>
      <c r="F89040" s="14" t="s">
        <v>15</v>
      </c>
      <c r="G89040" s="16">
        <v>0</v>
      </c>
    </row>
    <row r="89041" spans="1:7" x14ac:dyDescent="0.3">
      <c r="A89041" s="13" t="s">
        <v>445</v>
      </c>
      <c r="B89041" s="14" t="s">
        <v>1</v>
      </c>
      <c r="C89041" s="14" t="s">
        <v>137</v>
      </c>
      <c r="D89041" s="14" t="s">
        <v>446</v>
      </c>
      <c r="E89041" s="15">
        <v>45722</v>
      </c>
      <c r="F89041" s="14" t="s">
        <v>15</v>
      </c>
      <c r="G89041" s="16">
        <v>0</v>
      </c>
    </row>
    <row r="89042" spans="1:7" x14ac:dyDescent="0.3">
      <c r="A89042" s="13" t="s">
        <v>445</v>
      </c>
      <c r="B89042" s="14" t="s">
        <v>1</v>
      </c>
      <c r="C89042" s="14" t="s">
        <v>137</v>
      </c>
      <c r="D89042" s="14" t="s">
        <v>446</v>
      </c>
      <c r="E89042" s="15">
        <v>45723</v>
      </c>
      <c r="F89042" s="14" t="s">
        <v>15</v>
      </c>
      <c r="G89042" s="16">
        <v>0</v>
      </c>
    </row>
    <row r="89043" spans="1:7" x14ac:dyDescent="0.3">
      <c r="A89043" s="13" t="s">
        <v>445</v>
      </c>
      <c r="B89043" s="14" t="s">
        <v>1</v>
      </c>
      <c r="C89043" s="14" t="s">
        <v>137</v>
      </c>
      <c r="D89043" s="14" t="s">
        <v>446</v>
      </c>
      <c r="E89043" s="15">
        <v>45724</v>
      </c>
      <c r="F89043" s="14" t="s">
        <v>15</v>
      </c>
      <c r="G89043" s="16">
        <v>0</v>
      </c>
    </row>
    <row r="89044" spans="1:7" x14ac:dyDescent="0.3">
      <c r="A89044" s="13" t="s">
        <v>445</v>
      </c>
      <c r="B89044" s="14" t="s">
        <v>1</v>
      </c>
      <c r="C89044" s="14" t="s">
        <v>137</v>
      </c>
      <c r="D89044" s="14" t="s">
        <v>446</v>
      </c>
      <c r="E89044" s="15">
        <v>45725</v>
      </c>
      <c r="F89044" s="14" t="s">
        <v>15</v>
      </c>
      <c r="G89044" s="16">
        <v>0</v>
      </c>
    </row>
    <row r="89045" spans="1:7" x14ac:dyDescent="0.3">
      <c r="A89045" s="13" t="s">
        <v>445</v>
      </c>
      <c r="B89045" s="14" t="s">
        <v>1</v>
      </c>
      <c r="C89045" s="14" t="s">
        <v>137</v>
      </c>
      <c r="D89045" s="14" t="s">
        <v>446</v>
      </c>
      <c r="E89045" s="15">
        <v>45726</v>
      </c>
      <c r="F89045" s="14" t="s">
        <v>15</v>
      </c>
      <c r="G89045" s="16">
        <v>0</v>
      </c>
    </row>
    <row r="89046" spans="1:7" x14ac:dyDescent="0.3">
      <c r="A89046" s="13" t="s">
        <v>445</v>
      </c>
      <c r="B89046" s="14" t="s">
        <v>1</v>
      </c>
      <c r="C89046" s="14" t="s">
        <v>137</v>
      </c>
      <c r="D89046" s="14" t="s">
        <v>446</v>
      </c>
      <c r="E89046" s="15">
        <v>45727</v>
      </c>
      <c r="F89046" s="14" t="s">
        <v>15</v>
      </c>
      <c r="G89046" s="16">
        <v>0</v>
      </c>
    </row>
    <row r="89047" spans="1:7" x14ac:dyDescent="0.3">
      <c r="A89047" s="13" t="s">
        <v>445</v>
      </c>
      <c r="B89047" s="14" t="s">
        <v>1</v>
      </c>
      <c r="C89047" s="14" t="s">
        <v>137</v>
      </c>
      <c r="D89047" s="14" t="s">
        <v>446</v>
      </c>
      <c r="E89047" s="15">
        <v>45728</v>
      </c>
      <c r="F89047" s="14" t="s">
        <v>15</v>
      </c>
      <c r="G89047" s="16">
        <v>0</v>
      </c>
    </row>
    <row r="89048" spans="1:7" x14ac:dyDescent="0.3">
      <c r="A89048" s="13" t="s">
        <v>445</v>
      </c>
      <c r="B89048" s="14" t="s">
        <v>1</v>
      </c>
      <c r="C89048" s="14" t="s">
        <v>137</v>
      </c>
      <c r="D89048" s="14" t="s">
        <v>446</v>
      </c>
      <c r="E89048" s="15">
        <v>45729</v>
      </c>
      <c r="F89048" s="14" t="s">
        <v>15</v>
      </c>
      <c r="G89048" s="16">
        <v>0</v>
      </c>
    </row>
    <row r="89049" spans="1:7" x14ac:dyDescent="0.3">
      <c r="A89049" s="13" t="s">
        <v>445</v>
      </c>
      <c r="B89049" s="14" t="s">
        <v>1</v>
      </c>
      <c r="C89049" s="14" t="s">
        <v>137</v>
      </c>
      <c r="D89049" s="14" t="s">
        <v>446</v>
      </c>
      <c r="E89049" s="15">
        <v>45730</v>
      </c>
      <c r="F89049" s="14" t="s">
        <v>15</v>
      </c>
      <c r="G89049" s="16">
        <v>0</v>
      </c>
    </row>
    <row r="89050" spans="1:7" x14ac:dyDescent="0.3">
      <c r="A89050" s="13" t="s">
        <v>445</v>
      </c>
      <c r="B89050" s="14" t="s">
        <v>1</v>
      </c>
      <c r="C89050" s="14" t="s">
        <v>137</v>
      </c>
      <c r="D89050" s="14" t="s">
        <v>446</v>
      </c>
      <c r="E89050" s="15">
        <v>45731</v>
      </c>
      <c r="F89050" s="14" t="s">
        <v>15</v>
      </c>
      <c r="G89050" s="16">
        <v>0</v>
      </c>
    </row>
    <row r="89051" spans="1:7" x14ac:dyDescent="0.3">
      <c r="A89051" s="13" t="s">
        <v>445</v>
      </c>
      <c r="B89051" s="14" t="s">
        <v>1</v>
      </c>
      <c r="C89051" s="14" t="s">
        <v>137</v>
      </c>
      <c r="D89051" s="14" t="s">
        <v>446</v>
      </c>
      <c r="E89051" s="15">
        <v>45732</v>
      </c>
      <c r="F89051" s="14" t="s">
        <v>15</v>
      </c>
      <c r="G89051" s="16">
        <v>0</v>
      </c>
    </row>
    <row r="89052" spans="1:7" x14ac:dyDescent="0.3">
      <c r="A89052" s="13" t="s">
        <v>445</v>
      </c>
      <c r="B89052" s="14" t="s">
        <v>1</v>
      </c>
      <c r="C89052" s="14" t="s">
        <v>137</v>
      </c>
      <c r="D89052" s="14" t="s">
        <v>446</v>
      </c>
      <c r="E89052" s="15">
        <v>45733</v>
      </c>
      <c r="F89052" s="14" t="s">
        <v>15</v>
      </c>
      <c r="G89052" s="16">
        <v>0</v>
      </c>
    </row>
    <row r="89053" spans="1:7" x14ac:dyDescent="0.3">
      <c r="A89053" s="13" t="s">
        <v>445</v>
      </c>
      <c r="B89053" s="14" t="s">
        <v>1</v>
      </c>
      <c r="C89053" s="14" t="s">
        <v>137</v>
      </c>
      <c r="D89053" s="14" t="s">
        <v>446</v>
      </c>
      <c r="E89053" s="15">
        <v>45734</v>
      </c>
      <c r="F89053" s="14" t="s">
        <v>15</v>
      </c>
      <c r="G89053" s="16">
        <v>0</v>
      </c>
    </row>
    <row r="89054" spans="1:7" x14ac:dyDescent="0.3">
      <c r="A89054" s="13" t="s">
        <v>445</v>
      </c>
      <c r="B89054" s="14" t="s">
        <v>1</v>
      </c>
      <c r="C89054" s="14" t="s">
        <v>137</v>
      </c>
      <c r="D89054" s="14" t="s">
        <v>446</v>
      </c>
      <c r="E89054" s="15">
        <v>45735</v>
      </c>
      <c r="F89054" s="14" t="s">
        <v>15</v>
      </c>
      <c r="G89054" s="16">
        <v>0</v>
      </c>
    </row>
    <row r="89055" spans="1:7" x14ac:dyDescent="0.3">
      <c r="A89055" s="13" t="s">
        <v>445</v>
      </c>
      <c r="B89055" s="14" t="s">
        <v>1</v>
      </c>
      <c r="C89055" s="14" t="s">
        <v>137</v>
      </c>
      <c r="D89055" s="14" t="s">
        <v>446</v>
      </c>
      <c r="E89055" s="15">
        <v>45736</v>
      </c>
      <c r="F89055" s="14" t="s">
        <v>15</v>
      </c>
      <c r="G89055" s="16">
        <v>0</v>
      </c>
    </row>
    <row r="89056" spans="1:7" x14ac:dyDescent="0.3">
      <c r="A89056" s="13" t="s">
        <v>445</v>
      </c>
      <c r="B89056" s="14" t="s">
        <v>1</v>
      </c>
      <c r="C89056" s="14" t="s">
        <v>137</v>
      </c>
      <c r="D89056" s="14" t="s">
        <v>446</v>
      </c>
      <c r="E89056" s="15">
        <v>45737</v>
      </c>
      <c r="F89056" s="14" t="s">
        <v>15</v>
      </c>
      <c r="G89056" s="16">
        <v>0</v>
      </c>
    </row>
    <row r="89057" spans="1:7" x14ac:dyDescent="0.3">
      <c r="A89057" s="13" t="s">
        <v>445</v>
      </c>
      <c r="B89057" s="14" t="s">
        <v>1</v>
      </c>
      <c r="C89057" s="14" t="s">
        <v>137</v>
      </c>
      <c r="D89057" s="14" t="s">
        <v>446</v>
      </c>
      <c r="E89057" s="15">
        <v>45738</v>
      </c>
      <c r="F89057" s="14" t="s">
        <v>15</v>
      </c>
      <c r="G89057" s="16">
        <v>0</v>
      </c>
    </row>
    <row r="89058" spans="1:7" x14ac:dyDescent="0.3">
      <c r="A89058" s="13" t="s">
        <v>445</v>
      </c>
      <c r="B89058" s="14" t="s">
        <v>1</v>
      </c>
      <c r="C89058" s="14" t="s">
        <v>137</v>
      </c>
      <c r="D89058" s="14" t="s">
        <v>446</v>
      </c>
      <c r="E89058" s="15">
        <v>45739</v>
      </c>
      <c r="F89058" s="14" t="s">
        <v>15</v>
      </c>
      <c r="G89058" s="16">
        <v>0</v>
      </c>
    </row>
    <row r="89059" spans="1:7" x14ac:dyDescent="0.3">
      <c r="A89059" s="13" t="s">
        <v>445</v>
      </c>
      <c r="B89059" s="14" t="s">
        <v>1</v>
      </c>
      <c r="C89059" s="14" t="s">
        <v>137</v>
      </c>
      <c r="D89059" s="14" t="s">
        <v>446</v>
      </c>
      <c r="E89059" s="15">
        <v>45740</v>
      </c>
      <c r="F89059" s="14" t="s">
        <v>15</v>
      </c>
      <c r="G89059" s="16">
        <v>0</v>
      </c>
    </row>
    <row r="89060" spans="1:7" x14ac:dyDescent="0.3">
      <c r="A89060" s="13" t="s">
        <v>445</v>
      </c>
      <c r="B89060" s="14" t="s">
        <v>1</v>
      </c>
      <c r="C89060" s="14" t="s">
        <v>137</v>
      </c>
      <c r="D89060" s="14" t="s">
        <v>446</v>
      </c>
      <c r="E89060" s="15">
        <v>45741</v>
      </c>
      <c r="F89060" s="14" t="s">
        <v>15</v>
      </c>
      <c r="G89060" s="16">
        <v>0</v>
      </c>
    </row>
    <row r="89061" spans="1:7" x14ac:dyDescent="0.3">
      <c r="A89061" s="13" t="s">
        <v>445</v>
      </c>
      <c r="B89061" s="14" t="s">
        <v>1</v>
      </c>
      <c r="C89061" s="14" t="s">
        <v>137</v>
      </c>
      <c r="D89061" s="14" t="s">
        <v>446</v>
      </c>
      <c r="E89061" s="15">
        <v>45742</v>
      </c>
      <c r="F89061" s="14" t="s">
        <v>15</v>
      </c>
      <c r="G89061" s="16">
        <v>0</v>
      </c>
    </row>
    <row r="89062" spans="1:7" x14ac:dyDescent="0.3">
      <c r="A89062" s="13" t="s">
        <v>445</v>
      </c>
      <c r="B89062" s="14" t="s">
        <v>1</v>
      </c>
      <c r="C89062" s="14" t="s">
        <v>137</v>
      </c>
      <c r="D89062" s="14" t="s">
        <v>446</v>
      </c>
      <c r="E89062" s="15">
        <v>45743</v>
      </c>
      <c r="F89062" s="14" t="s">
        <v>15</v>
      </c>
      <c r="G89062" s="16">
        <v>0</v>
      </c>
    </row>
    <row r="89063" spans="1:7" x14ac:dyDescent="0.3">
      <c r="A89063" s="13" t="s">
        <v>445</v>
      </c>
      <c r="B89063" s="14" t="s">
        <v>1</v>
      </c>
      <c r="C89063" s="14" t="s">
        <v>137</v>
      </c>
      <c r="D89063" s="14" t="s">
        <v>446</v>
      </c>
      <c r="E89063" s="15">
        <v>45744</v>
      </c>
      <c r="F89063" s="14" t="s">
        <v>15</v>
      </c>
      <c r="G89063" s="16">
        <v>0</v>
      </c>
    </row>
    <row r="89064" spans="1:7" x14ac:dyDescent="0.3">
      <c r="A89064" s="13" t="s">
        <v>445</v>
      </c>
      <c r="B89064" s="14" t="s">
        <v>1</v>
      </c>
      <c r="C89064" s="14" t="s">
        <v>137</v>
      </c>
      <c r="D89064" s="14" t="s">
        <v>446</v>
      </c>
      <c r="E89064" s="15">
        <v>45745</v>
      </c>
      <c r="F89064" s="14" t="s">
        <v>15</v>
      </c>
      <c r="G89064" s="16">
        <v>0</v>
      </c>
    </row>
    <row r="89065" spans="1:7" x14ac:dyDescent="0.3">
      <c r="A89065" s="13" t="s">
        <v>445</v>
      </c>
      <c r="B89065" s="14" t="s">
        <v>1</v>
      </c>
      <c r="C89065" s="14" t="s">
        <v>137</v>
      </c>
      <c r="D89065" s="14" t="s">
        <v>446</v>
      </c>
      <c r="E89065" s="15">
        <v>45746</v>
      </c>
      <c r="F89065" s="14" t="s">
        <v>15</v>
      </c>
      <c r="G89065" s="16">
        <v>0</v>
      </c>
    </row>
    <row r="89066" spans="1:7" x14ac:dyDescent="0.3">
      <c r="A89066" s="13" t="s">
        <v>445</v>
      </c>
      <c r="B89066" s="14" t="s">
        <v>1</v>
      </c>
      <c r="C89066" s="14" t="s">
        <v>137</v>
      </c>
      <c r="D89066" s="14" t="s">
        <v>446</v>
      </c>
      <c r="E89066" s="15">
        <v>45747</v>
      </c>
      <c r="F89066" s="14" t="s">
        <v>15</v>
      </c>
      <c r="G89066" s="16">
        <v>0</v>
      </c>
    </row>
    <row r="89067" spans="1:7" x14ac:dyDescent="0.3">
      <c r="A89067" s="13" t="s">
        <v>447</v>
      </c>
      <c r="B89067" s="14" t="s">
        <v>1</v>
      </c>
      <c r="C89067" s="14" t="s">
        <v>96</v>
      </c>
      <c r="D89067" s="14" t="s">
        <v>126</v>
      </c>
      <c r="E89067" s="15">
        <v>45383</v>
      </c>
      <c r="F89067" s="14" t="s">
        <v>15</v>
      </c>
      <c r="G89067" s="16">
        <v>0</v>
      </c>
    </row>
    <row r="89068" spans="1:7" x14ac:dyDescent="0.3">
      <c r="A89068" s="13" t="s">
        <v>447</v>
      </c>
      <c r="B89068" s="14" t="s">
        <v>1</v>
      </c>
      <c r="C89068" s="14" t="s">
        <v>96</v>
      </c>
      <c r="D89068" s="14" t="s">
        <v>126</v>
      </c>
      <c r="E89068" s="15">
        <v>45384</v>
      </c>
      <c r="F89068" s="14" t="s">
        <v>15</v>
      </c>
      <c r="G89068" s="16">
        <v>0</v>
      </c>
    </row>
    <row r="89069" spans="1:7" x14ac:dyDescent="0.3">
      <c r="A89069" s="13" t="s">
        <v>447</v>
      </c>
      <c r="B89069" s="14" t="s">
        <v>1</v>
      </c>
      <c r="C89069" s="14" t="s">
        <v>96</v>
      </c>
      <c r="D89069" s="14" t="s">
        <v>126</v>
      </c>
      <c r="E89069" s="15">
        <v>45385</v>
      </c>
      <c r="F89069" s="14" t="s">
        <v>15</v>
      </c>
      <c r="G89069" s="16">
        <v>0</v>
      </c>
    </row>
    <row r="89070" spans="1:7" x14ac:dyDescent="0.3">
      <c r="A89070" s="13" t="s">
        <v>447</v>
      </c>
      <c r="B89070" s="14" t="s">
        <v>1</v>
      </c>
      <c r="C89070" s="14" t="s">
        <v>96</v>
      </c>
      <c r="D89070" s="14" t="s">
        <v>126</v>
      </c>
      <c r="E89070" s="15">
        <v>45386</v>
      </c>
      <c r="F89070" s="14" t="s">
        <v>15</v>
      </c>
      <c r="G89070" s="16">
        <v>0</v>
      </c>
    </row>
    <row r="89071" spans="1:7" x14ac:dyDescent="0.3">
      <c r="A89071" s="13" t="s">
        <v>447</v>
      </c>
      <c r="B89071" s="14" t="s">
        <v>1</v>
      </c>
      <c r="C89071" s="14" t="s">
        <v>96</v>
      </c>
      <c r="D89071" s="14" t="s">
        <v>126</v>
      </c>
      <c r="E89071" s="15">
        <v>45387</v>
      </c>
      <c r="F89071" s="14" t="s">
        <v>15</v>
      </c>
      <c r="G89071" s="16">
        <v>0</v>
      </c>
    </row>
    <row r="89072" spans="1:7" x14ac:dyDescent="0.3">
      <c r="A89072" s="13" t="s">
        <v>447</v>
      </c>
      <c r="B89072" s="14" t="s">
        <v>1</v>
      </c>
      <c r="C89072" s="14" t="s">
        <v>96</v>
      </c>
      <c r="D89072" s="14" t="s">
        <v>126</v>
      </c>
      <c r="E89072" s="15">
        <v>45388</v>
      </c>
      <c r="F89072" s="14" t="s">
        <v>15</v>
      </c>
      <c r="G89072" s="16">
        <v>0</v>
      </c>
    </row>
    <row r="89073" spans="1:7" x14ac:dyDescent="0.3">
      <c r="A89073" s="13" t="s">
        <v>447</v>
      </c>
      <c r="B89073" s="14" t="s">
        <v>1</v>
      </c>
      <c r="C89073" s="14" t="s">
        <v>96</v>
      </c>
      <c r="D89073" s="14" t="s">
        <v>126</v>
      </c>
      <c r="E89073" s="15">
        <v>45389</v>
      </c>
      <c r="F89073" s="14" t="s">
        <v>15</v>
      </c>
      <c r="G89073" s="16">
        <v>0</v>
      </c>
    </row>
    <row r="89074" spans="1:7" x14ac:dyDescent="0.3">
      <c r="A89074" s="13" t="s">
        <v>447</v>
      </c>
      <c r="B89074" s="14" t="s">
        <v>1</v>
      </c>
      <c r="C89074" s="14" t="s">
        <v>96</v>
      </c>
      <c r="D89074" s="14" t="s">
        <v>126</v>
      </c>
      <c r="E89074" s="15">
        <v>45390</v>
      </c>
      <c r="F89074" s="14" t="s">
        <v>15</v>
      </c>
      <c r="G89074" s="16">
        <v>0</v>
      </c>
    </row>
    <row r="89075" spans="1:7" x14ac:dyDescent="0.3">
      <c r="A89075" s="13" t="s">
        <v>447</v>
      </c>
      <c r="B89075" s="14" t="s">
        <v>1</v>
      </c>
      <c r="C89075" s="14" t="s">
        <v>96</v>
      </c>
      <c r="D89075" s="14" t="s">
        <v>126</v>
      </c>
      <c r="E89075" s="15">
        <v>45391</v>
      </c>
      <c r="F89075" s="14" t="s">
        <v>15</v>
      </c>
      <c r="G89075" s="16">
        <v>0</v>
      </c>
    </row>
    <row r="89076" spans="1:7" x14ac:dyDescent="0.3">
      <c r="A89076" s="13" t="s">
        <v>447</v>
      </c>
      <c r="B89076" s="14" t="s">
        <v>1</v>
      </c>
      <c r="C89076" s="14" t="s">
        <v>96</v>
      </c>
      <c r="D89076" s="14" t="s">
        <v>126</v>
      </c>
      <c r="E89076" s="15">
        <v>45392</v>
      </c>
      <c r="F89076" s="14" t="s">
        <v>15</v>
      </c>
      <c r="G89076" s="16">
        <v>0</v>
      </c>
    </row>
    <row r="89077" spans="1:7" x14ac:dyDescent="0.3">
      <c r="A89077" s="13" t="s">
        <v>447</v>
      </c>
      <c r="B89077" s="14" t="s">
        <v>1</v>
      </c>
      <c r="C89077" s="14" t="s">
        <v>96</v>
      </c>
      <c r="D89077" s="14" t="s">
        <v>126</v>
      </c>
      <c r="E89077" s="15">
        <v>45393</v>
      </c>
      <c r="F89077" s="14" t="s">
        <v>15</v>
      </c>
      <c r="G89077" s="16">
        <v>0</v>
      </c>
    </row>
    <row r="89078" spans="1:7" x14ac:dyDescent="0.3">
      <c r="A89078" s="13" t="s">
        <v>447</v>
      </c>
      <c r="B89078" s="14" t="s">
        <v>1</v>
      </c>
      <c r="C89078" s="14" t="s">
        <v>96</v>
      </c>
      <c r="D89078" s="14" t="s">
        <v>126</v>
      </c>
      <c r="E89078" s="15">
        <v>45394</v>
      </c>
      <c r="F89078" s="14" t="s">
        <v>15</v>
      </c>
      <c r="G89078" s="16">
        <v>0</v>
      </c>
    </row>
    <row r="89079" spans="1:7" x14ac:dyDescent="0.3">
      <c r="A89079" s="13" t="s">
        <v>447</v>
      </c>
      <c r="B89079" s="14" t="s">
        <v>1</v>
      </c>
      <c r="C89079" s="14" t="s">
        <v>96</v>
      </c>
      <c r="D89079" s="14" t="s">
        <v>126</v>
      </c>
      <c r="E89079" s="15">
        <v>45395</v>
      </c>
      <c r="F89079" s="14" t="s">
        <v>15</v>
      </c>
      <c r="G89079" s="16">
        <v>0</v>
      </c>
    </row>
    <row r="89080" spans="1:7" x14ac:dyDescent="0.3">
      <c r="A89080" s="13" t="s">
        <v>447</v>
      </c>
      <c r="B89080" s="14" t="s">
        <v>1</v>
      </c>
      <c r="C89080" s="14" t="s">
        <v>96</v>
      </c>
      <c r="D89080" s="14" t="s">
        <v>126</v>
      </c>
      <c r="E89080" s="15">
        <v>45396</v>
      </c>
      <c r="F89080" s="14" t="s">
        <v>15</v>
      </c>
      <c r="G89080" s="16">
        <v>0</v>
      </c>
    </row>
    <row r="89081" spans="1:7" x14ac:dyDescent="0.3">
      <c r="A89081" s="13" t="s">
        <v>447</v>
      </c>
      <c r="B89081" s="14" t="s">
        <v>1</v>
      </c>
      <c r="C89081" s="14" t="s">
        <v>96</v>
      </c>
      <c r="D89081" s="14" t="s">
        <v>126</v>
      </c>
      <c r="E89081" s="15">
        <v>45397</v>
      </c>
      <c r="F89081" s="14" t="s">
        <v>15</v>
      </c>
      <c r="G89081" s="16">
        <v>0</v>
      </c>
    </row>
    <row r="89082" spans="1:7" x14ac:dyDescent="0.3">
      <c r="A89082" s="13" t="s">
        <v>447</v>
      </c>
      <c r="B89082" s="14" t="s">
        <v>1</v>
      </c>
      <c r="C89082" s="14" t="s">
        <v>96</v>
      </c>
      <c r="D89082" s="14" t="s">
        <v>126</v>
      </c>
      <c r="E89082" s="15">
        <v>45398</v>
      </c>
      <c r="F89082" s="14" t="s">
        <v>15</v>
      </c>
      <c r="G89082" s="16">
        <v>0</v>
      </c>
    </row>
    <row r="89083" spans="1:7" x14ac:dyDescent="0.3">
      <c r="A89083" s="13" t="s">
        <v>447</v>
      </c>
      <c r="B89083" s="14" t="s">
        <v>1</v>
      </c>
      <c r="C89083" s="14" t="s">
        <v>96</v>
      </c>
      <c r="D89083" s="14" t="s">
        <v>126</v>
      </c>
      <c r="E89083" s="15">
        <v>45399</v>
      </c>
      <c r="F89083" s="14" t="s">
        <v>15</v>
      </c>
      <c r="G89083" s="16">
        <v>0</v>
      </c>
    </row>
    <row r="89084" spans="1:7" x14ac:dyDescent="0.3">
      <c r="A89084" s="13" t="s">
        <v>447</v>
      </c>
      <c r="B89084" s="14" t="s">
        <v>1</v>
      </c>
      <c r="C89084" s="14" t="s">
        <v>96</v>
      </c>
      <c r="D89084" s="14" t="s">
        <v>126</v>
      </c>
      <c r="E89084" s="15">
        <v>45400</v>
      </c>
      <c r="F89084" s="14" t="s">
        <v>15</v>
      </c>
      <c r="G89084" s="16">
        <v>0</v>
      </c>
    </row>
    <row r="89085" spans="1:7" x14ac:dyDescent="0.3">
      <c r="A89085" s="13" t="s">
        <v>447</v>
      </c>
      <c r="B89085" s="14" t="s">
        <v>1</v>
      </c>
      <c r="C89085" s="14" t="s">
        <v>96</v>
      </c>
      <c r="D89085" s="14" t="s">
        <v>126</v>
      </c>
      <c r="E89085" s="15">
        <v>45401</v>
      </c>
      <c r="F89085" s="14" t="s">
        <v>15</v>
      </c>
      <c r="G89085" s="16">
        <v>0</v>
      </c>
    </row>
    <row r="89086" spans="1:7" x14ac:dyDescent="0.3">
      <c r="A89086" s="13" t="s">
        <v>447</v>
      </c>
      <c r="B89086" s="14" t="s">
        <v>1</v>
      </c>
      <c r="C89086" s="14" t="s">
        <v>96</v>
      </c>
      <c r="D89086" s="14" t="s">
        <v>126</v>
      </c>
      <c r="E89086" s="15">
        <v>45402</v>
      </c>
      <c r="F89086" s="14" t="s">
        <v>15</v>
      </c>
      <c r="G89086" s="16">
        <v>0</v>
      </c>
    </row>
    <row r="89087" spans="1:7" x14ac:dyDescent="0.3">
      <c r="A89087" s="13" t="s">
        <v>447</v>
      </c>
      <c r="B89087" s="14" t="s">
        <v>1</v>
      </c>
      <c r="C89087" s="14" t="s">
        <v>96</v>
      </c>
      <c r="D89087" s="14" t="s">
        <v>126</v>
      </c>
      <c r="E89087" s="15">
        <v>45403</v>
      </c>
      <c r="F89087" s="14" t="s">
        <v>15</v>
      </c>
      <c r="G89087" s="16">
        <v>0</v>
      </c>
    </row>
    <row r="89088" spans="1:7" x14ac:dyDescent="0.3">
      <c r="A89088" s="13" t="s">
        <v>447</v>
      </c>
      <c r="B89088" s="14" t="s">
        <v>1</v>
      </c>
      <c r="C89088" s="14" t="s">
        <v>96</v>
      </c>
      <c r="D89088" s="14" t="s">
        <v>126</v>
      </c>
      <c r="E89088" s="15">
        <v>45404</v>
      </c>
      <c r="F89088" s="14" t="s">
        <v>15</v>
      </c>
      <c r="G89088" s="16">
        <v>0</v>
      </c>
    </row>
    <row r="89089" spans="1:7" x14ac:dyDescent="0.3">
      <c r="A89089" s="13" t="s">
        <v>447</v>
      </c>
      <c r="B89089" s="14" t="s">
        <v>1</v>
      </c>
      <c r="C89089" s="14" t="s">
        <v>96</v>
      </c>
      <c r="D89089" s="14" t="s">
        <v>126</v>
      </c>
      <c r="E89089" s="15">
        <v>45405</v>
      </c>
      <c r="F89089" s="14" t="s">
        <v>15</v>
      </c>
      <c r="G89089" s="16">
        <v>0</v>
      </c>
    </row>
    <row r="89090" spans="1:7" x14ac:dyDescent="0.3">
      <c r="A89090" s="13" t="s">
        <v>447</v>
      </c>
      <c r="B89090" s="14" t="s">
        <v>1</v>
      </c>
      <c r="C89090" s="14" t="s">
        <v>96</v>
      </c>
      <c r="D89090" s="14" t="s">
        <v>126</v>
      </c>
      <c r="E89090" s="15">
        <v>45406</v>
      </c>
      <c r="F89090" s="14" t="s">
        <v>15</v>
      </c>
      <c r="G89090" s="16">
        <v>0</v>
      </c>
    </row>
    <row r="89091" spans="1:7" x14ac:dyDescent="0.3">
      <c r="A89091" s="13" t="s">
        <v>447</v>
      </c>
      <c r="B89091" s="14" t="s">
        <v>1</v>
      </c>
      <c r="C89091" s="14" t="s">
        <v>96</v>
      </c>
      <c r="D89091" s="14" t="s">
        <v>126</v>
      </c>
      <c r="E89091" s="15">
        <v>45407</v>
      </c>
      <c r="F89091" s="14" t="s">
        <v>15</v>
      </c>
      <c r="G89091" s="16">
        <v>0</v>
      </c>
    </row>
    <row r="89092" spans="1:7" x14ac:dyDescent="0.3">
      <c r="A89092" s="13" t="s">
        <v>447</v>
      </c>
      <c r="B89092" s="14" t="s">
        <v>1</v>
      </c>
      <c r="C89092" s="14" t="s">
        <v>96</v>
      </c>
      <c r="D89092" s="14" t="s">
        <v>126</v>
      </c>
      <c r="E89092" s="15">
        <v>45408</v>
      </c>
      <c r="F89092" s="14" t="s">
        <v>15</v>
      </c>
      <c r="G89092" s="16">
        <v>0</v>
      </c>
    </row>
    <row r="89093" spans="1:7" x14ac:dyDescent="0.3">
      <c r="A89093" s="13" t="s">
        <v>447</v>
      </c>
      <c r="B89093" s="14" t="s">
        <v>1</v>
      </c>
      <c r="C89093" s="14" t="s">
        <v>96</v>
      </c>
      <c r="D89093" s="14" t="s">
        <v>126</v>
      </c>
      <c r="E89093" s="15">
        <v>45409</v>
      </c>
      <c r="F89093" s="14" t="s">
        <v>15</v>
      </c>
      <c r="G89093" s="16">
        <v>0</v>
      </c>
    </row>
    <row r="89094" spans="1:7" x14ac:dyDescent="0.3">
      <c r="A89094" s="13" t="s">
        <v>447</v>
      </c>
      <c r="B89094" s="14" t="s">
        <v>1</v>
      </c>
      <c r="C89094" s="14" t="s">
        <v>96</v>
      </c>
      <c r="D89094" s="14" t="s">
        <v>126</v>
      </c>
      <c r="E89094" s="15">
        <v>45410</v>
      </c>
      <c r="F89094" s="14" t="s">
        <v>15</v>
      </c>
      <c r="G89094" s="16">
        <v>0</v>
      </c>
    </row>
    <row r="89095" spans="1:7" x14ac:dyDescent="0.3">
      <c r="A89095" s="13" t="s">
        <v>447</v>
      </c>
      <c r="B89095" s="14" t="s">
        <v>1</v>
      </c>
      <c r="C89095" s="14" t="s">
        <v>96</v>
      </c>
      <c r="D89095" s="14" t="s">
        <v>126</v>
      </c>
      <c r="E89095" s="15">
        <v>45411</v>
      </c>
      <c r="F89095" s="14" t="s">
        <v>15</v>
      </c>
      <c r="G89095" s="16">
        <v>0</v>
      </c>
    </row>
    <row r="89096" spans="1:7" x14ac:dyDescent="0.3">
      <c r="A89096" s="13" t="s">
        <v>447</v>
      </c>
      <c r="B89096" s="14" t="s">
        <v>1</v>
      </c>
      <c r="C89096" s="14" t="s">
        <v>96</v>
      </c>
      <c r="D89096" s="14" t="s">
        <v>126</v>
      </c>
      <c r="E89096" s="15">
        <v>45412</v>
      </c>
      <c r="F89096" s="14" t="s">
        <v>15</v>
      </c>
      <c r="G89096" s="16">
        <v>0</v>
      </c>
    </row>
    <row r="89097" spans="1:7" x14ac:dyDescent="0.3">
      <c r="A89097" s="13" t="s">
        <v>447</v>
      </c>
      <c r="B89097" s="14" t="s">
        <v>1</v>
      </c>
      <c r="C89097" s="14" t="s">
        <v>96</v>
      </c>
      <c r="D89097" s="14" t="s">
        <v>126</v>
      </c>
      <c r="E89097" s="15">
        <v>45413</v>
      </c>
      <c r="F89097" s="14" t="s">
        <v>15</v>
      </c>
      <c r="G89097" s="16">
        <v>0</v>
      </c>
    </row>
    <row r="89098" spans="1:7" x14ac:dyDescent="0.3">
      <c r="A89098" s="13" t="s">
        <v>447</v>
      </c>
      <c r="B89098" s="14" t="s">
        <v>1</v>
      </c>
      <c r="C89098" s="14" t="s">
        <v>96</v>
      </c>
      <c r="D89098" s="14" t="s">
        <v>126</v>
      </c>
      <c r="E89098" s="15">
        <v>45414</v>
      </c>
      <c r="F89098" s="14" t="s">
        <v>15</v>
      </c>
      <c r="G89098" s="16">
        <v>0</v>
      </c>
    </row>
    <row r="89099" spans="1:7" x14ac:dyDescent="0.3">
      <c r="A89099" s="13" t="s">
        <v>447</v>
      </c>
      <c r="B89099" s="14" t="s">
        <v>1</v>
      </c>
      <c r="C89099" s="14" t="s">
        <v>96</v>
      </c>
      <c r="D89099" s="14" t="s">
        <v>126</v>
      </c>
      <c r="E89099" s="15">
        <v>45415</v>
      </c>
      <c r="F89099" s="14" t="s">
        <v>15</v>
      </c>
      <c r="G89099" s="16">
        <v>0</v>
      </c>
    </row>
    <row r="89100" spans="1:7" x14ac:dyDescent="0.3">
      <c r="A89100" s="13" t="s">
        <v>447</v>
      </c>
      <c r="B89100" s="14" t="s">
        <v>1</v>
      </c>
      <c r="C89100" s="14" t="s">
        <v>96</v>
      </c>
      <c r="D89100" s="14" t="s">
        <v>126</v>
      </c>
      <c r="E89100" s="15">
        <v>45416</v>
      </c>
      <c r="F89100" s="14" t="s">
        <v>15</v>
      </c>
      <c r="G89100" s="16">
        <v>0</v>
      </c>
    </row>
    <row r="89101" spans="1:7" x14ac:dyDescent="0.3">
      <c r="A89101" s="13" t="s">
        <v>447</v>
      </c>
      <c r="B89101" s="14" t="s">
        <v>1</v>
      </c>
      <c r="C89101" s="14" t="s">
        <v>96</v>
      </c>
      <c r="D89101" s="14" t="s">
        <v>126</v>
      </c>
      <c r="E89101" s="15">
        <v>45417</v>
      </c>
      <c r="F89101" s="14" t="s">
        <v>15</v>
      </c>
      <c r="G89101" s="16">
        <v>0</v>
      </c>
    </row>
    <row r="89102" spans="1:7" x14ac:dyDescent="0.3">
      <c r="A89102" s="13" t="s">
        <v>447</v>
      </c>
      <c r="B89102" s="14" t="s">
        <v>1</v>
      </c>
      <c r="C89102" s="14" t="s">
        <v>96</v>
      </c>
      <c r="D89102" s="14" t="s">
        <v>126</v>
      </c>
      <c r="E89102" s="15">
        <v>45418</v>
      </c>
      <c r="F89102" s="14" t="s">
        <v>15</v>
      </c>
      <c r="G89102" s="16">
        <v>0</v>
      </c>
    </row>
    <row r="89103" spans="1:7" x14ac:dyDescent="0.3">
      <c r="A89103" s="13" t="s">
        <v>447</v>
      </c>
      <c r="B89103" s="14" t="s">
        <v>1</v>
      </c>
      <c r="C89103" s="14" t="s">
        <v>96</v>
      </c>
      <c r="D89103" s="14" t="s">
        <v>126</v>
      </c>
      <c r="E89103" s="15">
        <v>45419</v>
      </c>
      <c r="F89103" s="14" t="s">
        <v>15</v>
      </c>
      <c r="G89103" s="16">
        <v>0</v>
      </c>
    </row>
    <row r="89104" spans="1:7" x14ac:dyDescent="0.3">
      <c r="A89104" s="13" t="s">
        <v>447</v>
      </c>
      <c r="B89104" s="14" t="s">
        <v>1</v>
      </c>
      <c r="C89104" s="14" t="s">
        <v>96</v>
      </c>
      <c r="D89104" s="14" t="s">
        <v>126</v>
      </c>
      <c r="E89104" s="15">
        <v>45420</v>
      </c>
      <c r="F89104" s="14" t="s">
        <v>15</v>
      </c>
      <c r="G89104" s="16">
        <v>0</v>
      </c>
    </row>
    <row r="89105" spans="1:7" x14ac:dyDescent="0.3">
      <c r="A89105" s="13" t="s">
        <v>447</v>
      </c>
      <c r="B89105" s="14" t="s">
        <v>1</v>
      </c>
      <c r="C89105" s="14" t="s">
        <v>96</v>
      </c>
      <c r="D89105" s="14" t="s">
        <v>126</v>
      </c>
      <c r="E89105" s="15">
        <v>45421</v>
      </c>
      <c r="F89105" s="14" t="s">
        <v>15</v>
      </c>
      <c r="G89105" s="16">
        <v>0</v>
      </c>
    </row>
    <row r="89106" spans="1:7" x14ac:dyDescent="0.3">
      <c r="A89106" s="13" t="s">
        <v>447</v>
      </c>
      <c r="B89106" s="14" t="s">
        <v>1</v>
      </c>
      <c r="C89106" s="14" t="s">
        <v>96</v>
      </c>
      <c r="D89106" s="14" t="s">
        <v>126</v>
      </c>
      <c r="E89106" s="15">
        <v>45422</v>
      </c>
      <c r="F89106" s="14" t="s">
        <v>15</v>
      </c>
      <c r="G89106" s="16">
        <v>0</v>
      </c>
    </row>
    <row r="89107" spans="1:7" x14ac:dyDescent="0.3">
      <c r="A89107" s="13" t="s">
        <v>447</v>
      </c>
      <c r="B89107" s="14" t="s">
        <v>1</v>
      </c>
      <c r="C89107" s="14" t="s">
        <v>96</v>
      </c>
      <c r="D89107" s="14" t="s">
        <v>126</v>
      </c>
      <c r="E89107" s="15">
        <v>45423</v>
      </c>
      <c r="F89107" s="14" t="s">
        <v>15</v>
      </c>
      <c r="G89107" s="16">
        <v>0</v>
      </c>
    </row>
    <row r="89108" spans="1:7" x14ac:dyDescent="0.3">
      <c r="A89108" s="13" t="s">
        <v>447</v>
      </c>
      <c r="B89108" s="14" t="s">
        <v>1</v>
      </c>
      <c r="C89108" s="14" t="s">
        <v>96</v>
      </c>
      <c r="D89108" s="14" t="s">
        <v>126</v>
      </c>
      <c r="E89108" s="15">
        <v>45424</v>
      </c>
      <c r="F89108" s="14" t="s">
        <v>15</v>
      </c>
      <c r="G89108" s="16">
        <v>0</v>
      </c>
    </row>
    <row r="89109" spans="1:7" x14ac:dyDescent="0.3">
      <c r="A89109" s="13" t="s">
        <v>447</v>
      </c>
      <c r="B89109" s="14" t="s">
        <v>1</v>
      </c>
      <c r="C89109" s="14" t="s">
        <v>96</v>
      </c>
      <c r="D89109" s="14" t="s">
        <v>126</v>
      </c>
      <c r="E89109" s="15">
        <v>45425</v>
      </c>
      <c r="F89109" s="14" t="s">
        <v>15</v>
      </c>
      <c r="G89109" s="16">
        <v>0</v>
      </c>
    </row>
    <row r="89110" spans="1:7" x14ac:dyDescent="0.3">
      <c r="A89110" s="13" t="s">
        <v>447</v>
      </c>
      <c r="B89110" s="14" t="s">
        <v>1</v>
      </c>
      <c r="C89110" s="14" t="s">
        <v>96</v>
      </c>
      <c r="D89110" s="14" t="s">
        <v>126</v>
      </c>
      <c r="E89110" s="15">
        <v>45426</v>
      </c>
      <c r="F89110" s="14" t="s">
        <v>15</v>
      </c>
      <c r="G89110" s="16">
        <v>0</v>
      </c>
    </row>
    <row r="89111" spans="1:7" x14ac:dyDescent="0.3">
      <c r="A89111" s="13" t="s">
        <v>447</v>
      </c>
      <c r="B89111" s="14" t="s">
        <v>1</v>
      </c>
      <c r="C89111" s="14" t="s">
        <v>96</v>
      </c>
      <c r="D89111" s="14" t="s">
        <v>126</v>
      </c>
      <c r="E89111" s="15">
        <v>45427</v>
      </c>
      <c r="F89111" s="14" t="s">
        <v>15</v>
      </c>
      <c r="G89111" s="16">
        <v>0</v>
      </c>
    </row>
    <row r="89112" spans="1:7" x14ac:dyDescent="0.3">
      <c r="A89112" s="13" t="s">
        <v>447</v>
      </c>
      <c r="B89112" s="14" t="s">
        <v>1</v>
      </c>
      <c r="C89112" s="14" t="s">
        <v>96</v>
      </c>
      <c r="D89112" s="14" t="s">
        <v>126</v>
      </c>
      <c r="E89112" s="15">
        <v>45428</v>
      </c>
      <c r="F89112" s="14" t="s">
        <v>15</v>
      </c>
      <c r="G89112" s="16">
        <v>0</v>
      </c>
    </row>
    <row r="89113" spans="1:7" x14ac:dyDescent="0.3">
      <c r="A89113" s="13" t="s">
        <v>447</v>
      </c>
      <c r="B89113" s="14" t="s">
        <v>1</v>
      </c>
      <c r="C89113" s="14" t="s">
        <v>96</v>
      </c>
      <c r="D89113" s="14" t="s">
        <v>126</v>
      </c>
      <c r="E89113" s="15">
        <v>45429</v>
      </c>
      <c r="F89113" s="14" t="s">
        <v>15</v>
      </c>
      <c r="G89113" s="16">
        <v>0</v>
      </c>
    </row>
    <row r="89114" spans="1:7" x14ac:dyDescent="0.3">
      <c r="A89114" s="13" t="s">
        <v>447</v>
      </c>
      <c r="B89114" s="14" t="s">
        <v>1</v>
      </c>
      <c r="C89114" s="14" t="s">
        <v>96</v>
      </c>
      <c r="D89114" s="14" t="s">
        <v>126</v>
      </c>
      <c r="E89114" s="15">
        <v>45430</v>
      </c>
      <c r="F89114" s="14" t="s">
        <v>15</v>
      </c>
      <c r="G89114" s="16">
        <v>0</v>
      </c>
    </row>
    <row r="89115" spans="1:7" x14ac:dyDescent="0.3">
      <c r="A89115" s="13" t="s">
        <v>447</v>
      </c>
      <c r="B89115" s="14" t="s">
        <v>1</v>
      </c>
      <c r="C89115" s="14" t="s">
        <v>96</v>
      </c>
      <c r="D89115" s="14" t="s">
        <v>126</v>
      </c>
      <c r="E89115" s="15">
        <v>45431</v>
      </c>
      <c r="F89115" s="14" t="s">
        <v>15</v>
      </c>
      <c r="G89115" s="16">
        <v>0</v>
      </c>
    </row>
    <row r="89116" spans="1:7" x14ac:dyDescent="0.3">
      <c r="A89116" s="13" t="s">
        <v>447</v>
      </c>
      <c r="B89116" s="14" t="s">
        <v>1</v>
      </c>
      <c r="C89116" s="14" t="s">
        <v>96</v>
      </c>
      <c r="D89116" s="14" t="s">
        <v>126</v>
      </c>
      <c r="E89116" s="15">
        <v>45432</v>
      </c>
      <c r="F89116" s="14" t="s">
        <v>15</v>
      </c>
      <c r="G89116" s="16">
        <v>0</v>
      </c>
    </row>
    <row r="89117" spans="1:7" x14ac:dyDescent="0.3">
      <c r="A89117" s="13" t="s">
        <v>447</v>
      </c>
      <c r="B89117" s="14" t="s">
        <v>1</v>
      </c>
      <c r="C89117" s="14" t="s">
        <v>96</v>
      </c>
      <c r="D89117" s="14" t="s">
        <v>126</v>
      </c>
      <c r="E89117" s="15">
        <v>45433</v>
      </c>
      <c r="F89117" s="14" t="s">
        <v>15</v>
      </c>
      <c r="G89117" s="16">
        <v>0</v>
      </c>
    </row>
    <row r="89118" spans="1:7" x14ac:dyDescent="0.3">
      <c r="A89118" s="13" t="s">
        <v>447</v>
      </c>
      <c r="B89118" s="14" t="s">
        <v>1</v>
      </c>
      <c r="C89118" s="14" t="s">
        <v>96</v>
      </c>
      <c r="D89118" s="14" t="s">
        <v>126</v>
      </c>
      <c r="E89118" s="15">
        <v>45434</v>
      </c>
      <c r="F89118" s="14" t="s">
        <v>15</v>
      </c>
      <c r="G89118" s="16">
        <v>0</v>
      </c>
    </row>
    <row r="89119" spans="1:7" x14ac:dyDescent="0.3">
      <c r="A89119" s="13" t="s">
        <v>447</v>
      </c>
      <c r="B89119" s="14" t="s">
        <v>1</v>
      </c>
      <c r="C89119" s="14" t="s">
        <v>96</v>
      </c>
      <c r="D89119" s="14" t="s">
        <v>126</v>
      </c>
      <c r="E89119" s="15">
        <v>45435</v>
      </c>
      <c r="F89119" s="14" t="s">
        <v>15</v>
      </c>
      <c r="G89119" s="16">
        <v>0</v>
      </c>
    </row>
    <row r="89120" spans="1:7" x14ac:dyDescent="0.3">
      <c r="A89120" s="13" t="s">
        <v>447</v>
      </c>
      <c r="B89120" s="14" t="s">
        <v>1</v>
      </c>
      <c r="C89120" s="14" t="s">
        <v>96</v>
      </c>
      <c r="D89120" s="14" t="s">
        <v>126</v>
      </c>
      <c r="E89120" s="15">
        <v>45436</v>
      </c>
      <c r="F89120" s="14" t="s">
        <v>15</v>
      </c>
      <c r="G89120" s="16">
        <v>0</v>
      </c>
    </row>
    <row r="89121" spans="1:7" x14ac:dyDescent="0.3">
      <c r="A89121" s="13" t="s">
        <v>447</v>
      </c>
      <c r="B89121" s="14" t="s">
        <v>1</v>
      </c>
      <c r="C89121" s="14" t="s">
        <v>96</v>
      </c>
      <c r="D89121" s="14" t="s">
        <v>126</v>
      </c>
      <c r="E89121" s="15">
        <v>45437</v>
      </c>
      <c r="F89121" s="14" t="s">
        <v>15</v>
      </c>
      <c r="G89121" s="16">
        <v>0</v>
      </c>
    </row>
    <row r="89122" spans="1:7" x14ac:dyDescent="0.3">
      <c r="A89122" s="13" t="s">
        <v>447</v>
      </c>
      <c r="B89122" s="14" t="s">
        <v>1</v>
      </c>
      <c r="C89122" s="14" t="s">
        <v>96</v>
      </c>
      <c r="D89122" s="14" t="s">
        <v>126</v>
      </c>
      <c r="E89122" s="15">
        <v>45438</v>
      </c>
      <c r="F89122" s="14" t="s">
        <v>15</v>
      </c>
      <c r="G89122" s="16">
        <v>0</v>
      </c>
    </row>
    <row r="89123" spans="1:7" x14ac:dyDescent="0.3">
      <c r="A89123" s="13" t="s">
        <v>447</v>
      </c>
      <c r="B89123" s="14" t="s">
        <v>1</v>
      </c>
      <c r="C89123" s="14" t="s">
        <v>96</v>
      </c>
      <c r="D89123" s="14" t="s">
        <v>126</v>
      </c>
      <c r="E89123" s="15">
        <v>45439</v>
      </c>
      <c r="F89123" s="14" t="s">
        <v>15</v>
      </c>
      <c r="G89123" s="16">
        <v>0</v>
      </c>
    </row>
    <row r="89124" spans="1:7" x14ac:dyDescent="0.3">
      <c r="A89124" s="13" t="s">
        <v>447</v>
      </c>
      <c r="B89124" s="14" t="s">
        <v>1</v>
      </c>
      <c r="C89124" s="14" t="s">
        <v>96</v>
      </c>
      <c r="D89124" s="14" t="s">
        <v>126</v>
      </c>
      <c r="E89124" s="15">
        <v>45440</v>
      </c>
      <c r="F89124" s="14" t="s">
        <v>15</v>
      </c>
      <c r="G89124" s="16">
        <v>0</v>
      </c>
    </row>
    <row r="89125" spans="1:7" x14ac:dyDescent="0.3">
      <c r="A89125" s="13" t="s">
        <v>447</v>
      </c>
      <c r="B89125" s="14" t="s">
        <v>1</v>
      </c>
      <c r="C89125" s="14" t="s">
        <v>96</v>
      </c>
      <c r="D89125" s="14" t="s">
        <v>126</v>
      </c>
      <c r="E89125" s="15">
        <v>45441</v>
      </c>
      <c r="F89125" s="14" t="s">
        <v>15</v>
      </c>
      <c r="G89125" s="16">
        <v>0</v>
      </c>
    </row>
    <row r="89126" spans="1:7" x14ac:dyDescent="0.3">
      <c r="A89126" s="13" t="s">
        <v>447</v>
      </c>
      <c r="B89126" s="14" t="s">
        <v>1</v>
      </c>
      <c r="C89126" s="14" t="s">
        <v>96</v>
      </c>
      <c r="D89126" s="14" t="s">
        <v>126</v>
      </c>
      <c r="E89126" s="15">
        <v>45442</v>
      </c>
      <c r="F89126" s="14" t="s">
        <v>15</v>
      </c>
      <c r="G89126" s="16">
        <v>0</v>
      </c>
    </row>
    <row r="89127" spans="1:7" x14ac:dyDescent="0.3">
      <c r="A89127" s="13" t="s">
        <v>447</v>
      </c>
      <c r="B89127" s="14" t="s">
        <v>1</v>
      </c>
      <c r="C89127" s="14" t="s">
        <v>96</v>
      </c>
      <c r="D89127" s="14" t="s">
        <v>126</v>
      </c>
      <c r="E89127" s="15">
        <v>45443</v>
      </c>
      <c r="F89127" s="14" t="s">
        <v>15</v>
      </c>
      <c r="G89127" s="16">
        <v>0</v>
      </c>
    </row>
    <row r="89128" spans="1:7" x14ac:dyDescent="0.3">
      <c r="A89128" s="13" t="s">
        <v>447</v>
      </c>
      <c r="B89128" s="14" t="s">
        <v>1</v>
      </c>
      <c r="C89128" s="14" t="s">
        <v>96</v>
      </c>
      <c r="D89128" s="14" t="s">
        <v>126</v>
      </c>
      <c r="E89128" s="15">
        <v>45444</v>
      </c>
      <c r="F89128" s="14" t="s">
        <v>15</v>
      </c>
      <c r="G89128" s="16">
        <v>0</v>
      </c>
    </row>
    <row r="89129" spans="1:7" x14ac:dyDescent="0.3">
      <c r="A89129" s="13" t="s">
        <v>447</v>
      </c>
      <c r="B89129" s="14" t="s">
        <v>1</v>
      </c>
      <c r="C89129" s="14" t="s">
        <v>96</v>
      </c>
      <c r="D89129" s="14" t="s">
        <v>126</v>
      </c>
      <c r="E89129" s="15">
        <v>45445</v>
      </c>
      <c r="F89129" s="14" t="s">
        <v>15</v>
      </c>
      <c r="G89129" s="16">
        <v>0</v>
      </c>
    </row>
    <row r="89130" spans="1:7" x14ac:dyDescent="0.3">
      <c r="A89130" s="13" t="s">
        <v>447</v>
      </c>
      <c r="B89130" s="14" t="s">
        <v>1</v>
      </c>
      <c r="C89130" s="14" t="s">
        <v>96</v>
      </c>
      <c r="D89130" s="14" t="s">
        <v>126</v>
      </c>
      <c r="E89130" s="15">
        <v>45446</v>
      </c>
      <c r="F89130" s="14" t="s">
        <v>15</v>
      </c>
      <c r="G89130" s="16">
        <v>0</v>
      </c>
    </row>
    <row r="89131" spans="1:7" x14ac:dyDescent="0.3">
      <c r="A89131" s="13" t="s">
        <v>447</v>
      </c>
      <c r="B89131" s="14" t="s">
        <v>1</v>
      </c>
      <c r="C89131" s="14" t="s">
        <v>96</v>
      </c>
      <c r="D89131" s="14" t="s">
        <v>126</v>
      </c>
      <c r="E89131" s="15">
        <v>45447</v>
      </c>
      <c r="F89131" s="14" t="s">
        <v>15</v>
      </c>
      <c r="G89131" s="16">
        <v>0</v>
      </c>
    </row>
    <row r="89132" spans="1:7" x14ac:dyDescent="0.3">
      <c r="A89132" s="13" t="s">
        <v>447</v>
      </c>
      <c r="B89132" s="14" t="s">
        <v>1</v>
      </c>
      <c r="C89132" s="14" t="s">
        <v>96</v>
      </c>
      <c r="D89132" s="14" t="s">
        <v>126</v>
      </c>
      <c r="E89132" s="15">
        <v>45448</v>
      </c>
      <c r="F89132" s="14" t="s">
        <v>15</v>
      </c>
      <c r="G89132" s="16">
        <v>0</v>
      </c>
    </row>
    <row r="89133" spans="1:7" x14ac:dyDescent="0.3">
      <c r="A89133" s="13" t="s">
        <v>447</v>
      </c>
      <c r="B89133" s="14" t="s">
        <v>1</v>
      </c>
      <c r="C89133" s="14" t="s">
        <v>96</v>
      </c>
      <c r="D89133" s="14" t="s">
        <v>126</v>
      </c>
      <c r="E89133" s="15">
        <v>45449</v>
      </c>
      <c r="F89133" s="14" t="s">
        <v>15</v>
      </c>
      <c r="G89133" s="16">
        <v>0</v>
      </c>
    </row>
    <row r="89134" spans="1:7" x14ac:dyDescent="0.3">
      <c r="A89134" s="13" t="s">
        <v>447</v>
      </c>
      <c r="B89134" s="14" t="s">
        <v>1</v>
      </c>
      <c r="C89134" s="14" t="s">
        <v>96</v>
      </c>
      <c r="D89134" s="14" t="s">
        <v>126</v>
      </c>
      <c r="E89134" s="15">
        <v>45450</v>
      </c>
      <c r="F89134" s="14" t="s">
        <v>15</v>
      </c>
      <c r="G89134" s="16">
        <v>0</v>
      </c>
    </row>
    <row r="89135" spans="1:7" x14ac:dyDescent="0.3">
      <c r="A89135" s="13" t="s">
        <v>447</v>
      </c>
      <c r="B89135" s="14" t="s">
        <v>1</v>
      </c>
      <c r="C89135" s="14" t="s">
        <v>96</v>
      </c>
      <c r="D89135" s="14" t="s">
        <v>126</v>
      </c>
      <c r="E89135" s="15">
        <v>45451</v>
      </c>
      <c r="F89135" s="14" t="s">
        <v>15</v>
      </c>
      <c r="G89135" s="16">
        <v>0</v>
      </c>
    </row>
    <row r="89136" spans="1:7" x14ac:dyDescent="0.3">
      <c r="A89136" s="13" t="s">
        <v>447</v>
      </c>
      <c r="B89136" s="14" t="s">
        <v>1</v>
      </c>
      <c r="C89136" s="14" t="s">
        <v>96</v>
      </c>
      <c r="D89136" s="14" t="s">
        <v>126</v>
      </c>
      <c r="E89136" s="15">
        <v>45452</v>
      </c>
      <c r="F89136" s="14" t="s">
        <v>15</v>
      </c>
      <c r="G89136" s="16">
        <v>0</v>
      </c>
    </row>
    <row r="89137" spans="1:7" x14ac:dyDescent="0.3">
      <c r="A89137" s="13" t="s">
        <v>447</v>
      </c>
      <c r="B89137" s="14" t="s">
        <v>1</v>
      </c>
      <c r="C89137" s="14" t="s">
        <v>96</v>
      </c>
      <c r="D89137" s="14" t="s">
        <v>126</v>
      </c>
      <c r="E89137" s="15">
        <v>45453</v>
      </c>
      <c r="F89137" s="14" t="s">
        <v>15</v>
      </c>
      <c r="G89137" s="16">
        <v>0</v>
      </c>
    </row>
    <row r="89138" spans="1:7" x14ac:dyDescent="0.3">
      <c r="A89138" s="13" t="s">
        <v>447</v>
      </c>
      <c r="B89138" s="14" t="s">
        <v>1</v>
      </c>
      <c r="C89138" s="14" t="s">
        <v>96</v>
      </c>
      <c r="D89138" s="14" t="s">
        <v>126</v>
      </c>
      <c r="E89138" s="15">
        <v>45454</v>
      </c>
      <c r="F89138" s="14" t="s">
        <v>15</v>
      </c>
      <c r="G89138" s="16">
        <v>0</v>
      </c>
    </row>
    <row r="89139" spans="1:7" x14ac:dyDescent="0.3">
      <c r="A89139" s="13" t="s">
        <v>447</v>
      </c>
      <c r="B89139" s="14" t="s">
        <v>1</v>
      </c>
      <c r="C89139" s="14" t="s">
        <v>96</v>
      </c>
      <c r="D89139" s="14" t="s">
        <v>126</v>
      </c>
      <c r="E89139" s="15">
        <v>45455</v>
      </c>
      <c r="F89139" s="14" t="s">
        <v>15</v>
      </c>
      <c r="G89139" s="16">
        <v>0</v>
      </c>
    </row>
    <row r="89140" spans="1:7" x14ac:dyDescent="0.3">
      <c r="A89140" s="13" t="s">
        <v>447</v>
      </c>
      <c r="B89140" s="14" t="s">
        <v>1</v>
      </c>
      <c r="C89140" s="14" t="s">
        <v>96</v>
      </c>
      <c r="D89140" s="14" t="s">
        <v>126</v>
      </c>
      <c r="E89140" s="15">
        <v>45456</v>
      </c>
      <c r="F89140" s="14" t="s">
        <v>15</v>
      </c>
      <c r="G89140" s="16">
        <v>0</v>
      </c>
    </row>
    <row r="89141" spans="1:7" x14ac:dyDescent="0.3">
      <c r="A89141" s="13" t="s">
        <v>447</v>
      </c>
      <c r="B89141" s="14" t="s">
        <v>1</v>
      </c>
      <c r="C89141" s="14" t="s">
        <v>96</v>
      </c>
      <c r="D89141" s="14" t="s">
        <v>126</v>
      </c>
      <c r="E89141" s="15">
        <v>45457</v>
      </c>
      <c r="F89141" s="14" t="s">
        <v>15</v>
      </c>
      <c r="G89141" s="16">
        <v>0</v>
      </c>
    </row>
    <row r="89142" spans="1:7" x14ac:dyDescent="0.3">
      <c r="A89142" s="13" t="s">
        <v>447</v>
      </c>
      <c r="B89142" s="14" t="s">
        <v>1</v>
      </c>
      <c r="C89142" s="14" t="s">
        <v>96</v>
      </c>
      <c r="D89142" s="14" t="s">
        <v>126</v>
      </c>
      <c r="E89142" s="15">
        <v>45458</v>
      </c>
      <c r="F89142" s="14" t="s">
        <v>15</v>
      </c>
      <c r="G89142" s="16">
        <v>0</v>
      </c>
    </row>
    <row r="89143" spans="1:7" x14ac:dyDescent="0.3">
      <c r="A89143" s="13" t="s">
        <v>447</v>
      </c>
      <c r="B89143" s="14" t="s">
        <v>1</v>
      </c>
      <c r="C89143" s="14" t="s">
        <v>96</v>
      </c>
      <c r="D89143" s="14" t="s">
        <v>126</v>
      </c>
      <c r="E89143" s="15">
        <v>45459</v>
      </c>
      <c r="F89143" s="14" t="s">
        <v>15</v>
      </c>
      <c r="G89143" s="16">
        <v>0</v>
      </c>
    </row>
    <row r="89144" spans="1:7" x14ac:dyDescent="0.3">
      <c r="A89144" s="13" t="s">
        <v>447</v>
      </c>
      <c r="B89144" s="14" t="s">
        <v>1</v>
      </c>
      <c r="C89144" s="14" t="s">
        <v>96</v>
      </c>
      <c r="D89144" s="14" t="s">
        <v>126</v>
      </c>
      <c r="E89144" s="15">
        <v>45460</v>
      </c>
      <c r="F89144" s="14" t="s">
        <v>15</v>
      </c>
      <c r="G89144" s="16">
        <v>0</v>
      </c>
    </row>
    <row r="89145" spans="1:7" x14ac:dyDescent="0.3">
      <c r="A89145" s="13" t="s">
        <v>447</v>
      </c>
      <c r="B89145" s="14" t="s">
        <v>1</v>
      </c>
      <c r="C89145" s="14" t="s">
        <v>96</v>
      </c>
      <c r="D89145" s="14" t="s">
        <v>126</v>
      </c>
      <c r="E89145" s="15">
        <v>45461</v>
      </c>
      <c r="F89145" s="14" t="s">
        <v>15</v>
      </c>
      <c r="G89145" s="16">
        <v>0</v>
      </c>
    </row>
    <row r="89146" spans="1:7" x14ac:dyDescent="0.3">
      <c r="A89146" s="13" t="s">
        <v>447</v>
      </c>
      <c r="B89146" s="14" t="s">
        <v>1</v>
      </c>
      <c r="C89146" s="14" t="s">
        <v>96</v>
      </c>
      <c r="D89146" s="14" t="s">
        <v>126</v>
      </c>
      <c r="E89146" s="15">
        <v>45462</v>
      </c>
      <c r="F89146" s="14" t="s">
        <v>15</v>
      </c>
      <c r="G89146" s="16">
        <v>0</v>
      </c>
    </row>
    <row r="89147" spans="1:7" x14ac:dyDescent="0.3">
      <c r="A89147" s="13" t="s">
        <v>447</v>
      </c>
      <c r="B89147" s="14" t="s">
        <v>1</v>
      </c>
      <c r="C89147" s="14" t="s">
        <v>96</v>
      </c>
      <c r="D89147" s="14" t="s">
        <v>126</v>
      </c>
      <c r="E89147" s="15">
        <v>45463</v>
      </c>
      <c r="F89147" s="14" t="s">
        <v>15</v>
      </c>
      <c r="G89147" s="16">
        <v>0</v>
      </c>
    </row>
    <row r="89148" spans="1:7" x14ac:dyDescent="0.3">
      <c r="A89148" s="13" t="s">
        <v>447</v>
      </c>
      <c r="B89148" s="14" t="s">
        <v>1</v>
      </c>
      <c r="C89148" s="14" t="s">
        <v>96</v>
      </c>
      <c r="D89148" s="14" t="s">
        <v>126</v>
      </c>
      <c r="E89148" s="15">
        <v>45464</v>
      </c>
      <c r="F89148" s="14" t="s">
        <v>15</v>
      </c>
      <c r="G89148" s="16">
        <v>0</v>
      </c>
    </row>
    <row r="89149" spans="1:7" x14ac:dyDescent="0.3">
      <c r="A89149" s="13" t="s">
        <v>447</v>
      </c>
      <c r="B89149" s="14" t="s">
        <v>1</v>
      </c>
      <c r="C89149" s="14" t="s">
        <v>96</v>
      </c>
      <c r="D89149" s="14" t="s">
        <v>126</v>
      </c>
      <c r="E89149" s="15">
        <v>45465</v>
      </c>
      <c r="F89149" s="14" t="s">
        <v>15</v>
      </c>
      <c r="G89149" s="16">
        <v>0</v>
      </c>
    </row>
    <row r="89150" spans="1:7" x14ac:dyDescent="0.3">
      <c r="A89150" s="13" t="s">
        <v>447</v>
      </c>
      <c r="B89150" s="14" t="s">
        <v>1</v>
      </c>
      <c r="C89150" s="14" t="s">
        <v>96</v>
      </c>
      <c r="D89150" s="14" t="s">
        <v>126</v>
      </c>
      <c r="E89150" s="15">
        <v>45466</v>
      </c>
      <c r="F89150" s="14" t="s">
        <v>15</v>
      </c>
      <c r="G89150" s="16">
        <v>0</v>
      </c>
    </row>
    <row r="89151" spans="1:7" x14ac:dyDescent="0.3">
      <c r="A89151" s="13" t="s">
        <v>447</v>
      </c>
      <c r="B89151" s="14" t="s">
        <v>1</v>
      </c>
      <c r="C89151" s="14" t="s">
        <v>96</v>
      </c>
      <c r="D89151" s="14" t="s">
        <v>126</v>
      </c>
      <c r="E89151" s="15">
        <v>45467</v>
      </c>
      <c r="F89151" s="14" t="s">
        <v>15</v>
      </c>
      <c r="G89151" s="16">
        <v>0</v>
      </c>
    </row>
    <row r="89152" spans="1:7" x14ac:dyDescent="0.3">
      <c r="A89152" s="13" t="s">
        <v>447</v>
      </c>
      <c r="B89152" s="14" t="s">
        <v>1</v>
      </c>
      <c r="C89152" s="14" t="s">
        <v>96</v>
      </c>
      <c r="D89152" s="14" t="s">
        <v>126</v>
      </c>
      <c r="E89152" s="15">
        <v>45468</v>
      </c>
      <c r="F89152" s="14" t="s">
        <v>15</v>
      </c>
      <c r="G89152" s="16">
        <v>0</v>
      </c>
    </row>
    <row r="89153" spans="1:7" x14ac:dyDescent="0.3">
      <c r="A89153" s="13" t="s">
        <v>447</v>
      </c>
      <c r="B89153" s="14" t="s">
        <v>1</v>
      </c>
      <c r="C89153" s="14" t="s">
        <v>96</v>
      </c>
      <c r="D89153" s="14" t="s">
        <v>126</v>
      </c>
      <c r="E89153" s="15">
        <v>45469</v>
      </c>
      <c r="F89153" s="14" t="s">
        <v>15</v>
      </c>
      <c r="G89153" s="16">
        <v>0</v>
      </c>
    </row>
    <row r="89154" spans="1:7" x14ac:dyDescent="0.3">
      <c r="A89154" s="13" t="s">
        <v>447</v>
      </c>
      <c r="B89154" s="14" t="s">
        <v>1</v>
      </c>
      <c r="C89154" s="14" t="s">
        <v>96</v>
      </c>
      <c r="D89154" s="14" t="s">
        <v>126</v>
      </c>
      <c r="E89154" s="15">
        <v>45470</v>
      </c>
      <c r="F89154" s="14" t="s">
        <v>15</v>
      </c>
      <c r="G89154" s="16">
        <v>0</v>
      </c>
    </row>
    <row r="89155" spans="1:7" x14ac:dyDescent="0.3">
      <c r="A89155" s="13" t="s">
        <v>447</v>
      </c>
      <c r="B89155" s="14" t="s">
        <v>1</v>
      </c>
      <c r="C89155" s="14" t="s">
        <v>96</v>
      </c>
      <c r="D89155" s="14" t="s">
        <v>126</v>
      </c>
      <c r="E89155" s="15">
        <v>45471</v>
      </c>
      <c r="F89155" s="14" t="s">
        <v>15</v>
      </c>
      <c r="G89155" s="16">
        <v>0</v>
      </c>
    </row>
    <row r="89156" spans="1:7" x14ac:dyDescent="0.3">
      <c r="A89156" s="13" t="s">
        <v>447</v>
      </c>
      <c r="B89156" s="14" t="s">
        <v>1</v>
      </c>
      <c r="C89156" s="14" t="s">
        <v>96</v>
      </c>
      <c r="D89156" s="14" t="s">
        <v>126</v>
      </c>
      <c r="E89156" s="15">
        <v>45472</v>
      </c>
      <c r="F89156" s="14" t="s">
        <v>15</v>
      </c>
      <c r="G89156" s="16">
        <v>0</v>
      </c>
    </row>
    <row r="89157" spans="1:7" x14ac:dyDescent="0.3">
      <c r="A89157" s="13" t="s">
        <v>447</v>
      </c>
      <c r="B89157" s="14" t="s">
        <v>1</v>
      </c>
      <c r="C89157" s="14" t="s">
        <v>96</v>
      </c>
      <c r="D89157" s="14" t="s">
        <v>126</v>
      </c>
      <c r="E89157" s="15">
        <v>45473</v>
      </c>
      <c r="F89157" s="14" t="s">
        <v>15</v>
      </c>
      <c r="G89157" s="16">
        <v>0</v>
      </c>
    </row>
    <row r="89158" spans="1:7" x14ac:dyDescent="0.3">
      <c r="A89158" s="13" t="s">
        <v>447</v>
      </c>
      <c r="B89158" s="14" t="s">
        <v>1</v>
      </c>
      <c r="C89158" s="14" t="s">
        <v>96</v>
      </c>
      <c r="D89158" s="14" t="s">
        <v>126</v>
      </c>
      <c r="E89158" s="15">
        <v>45474</v>
      </c>
      <c r="F89158" s="14" t="s">
        <v>15</v>
      </c>
      <c r="G89158" s="16">
        <v>0</v>
      </c>
    </row>
    <row r="89159" spans="1:7" x14ac:dyDescent="0.3">
      <c r="A89159" s="13" t="s">
        <v>447</v>
      </c>
      <c r="B89159" s="14" t="s">
        <v>1</v>
      </c>
      <c r="C89159" s="14" t="s">
        <v>96</v>
      </c>
      <c r="D89159" s="14" t="s">
        <v>126</v>
      </c>
      <c r="E89159" s="15">
        <v>45475</v>
      </c>
      <c r="F89159" s="14" t="s">
        <v>15</v>
      </c>
      <c r="G89159" s="16">
        <v>0</v>
      </c>
    </row>
    <row r="89160" spans="1:7" x14ac:dyDescent="0.3">
      <c r="A89160" s="13" t="s">
        <v>447</v>
      </c>
      <c r="B89160" s="14" t="s">
        <v>1</v>
      </c>
      <c r="C89160" s="14" t="s">
        <v>96</v>
      </c>
      <c r="D89160" s="14" t="s">
        <v>126</v>
      </c>
      <c r="E89160" s="15">
        <v>45476</v>
      </c>
      <c r="F89160" s="14" t="s">
        <v>15</v>
      </c>
      <c r="G89160" s="16">
        <v>0</v>
      </c>
    </row>
    <row r="89161" spans="1:7" x14ac:dyDescent="0.3">
      <c r="A89161" s="13" t="s">
        <v>447</v>
      </c>
      <c r="B89161" s="14" t="s">
        <v>1</v>
      </c>
      <c r="C89161" s="14" t="s">
        <v>96</v>
      </c>
      <c r="D89161" s="14" t="s">
        <v>126</v>
      </c>
      <c r="E89161" s="15">
        <v>45477</v>
      </c>
      <c r="F89161" s="14" t="s">
        <v>15</v>
      </c>
      <c r="G89161" s="16">
        <v>0</v>
      </c>
    </row>
    <row r="89162" spans="1:7" x14ac:dyDescent="0.3">
      <c r="A89162" s="13" t="s">
        <v>447</v>
      </c>
      <c r="B89162" s="14" t="s">
        <v>1</v>
      </c>
      <c r="C89162" s="14" t="s">
        <v>96</v>
      </c>
      <c r="D89162" s="14" t="s">
        <v>126</v>
      </c>
      <c r="E89162" s="15">
        <v>45478</v>
      </c>
      <c r="F89162" s="14" t="s">
        <v>15</v>
      </c>
      <c r="G89162" s="16">
        <v>0</v>
      </c>
    </row>
    <row r="89163" spans="1:7" x14ac:dyDescent="0.3">
      <c r="A89163" s="13" t="s">
        <v>447</v>
      </c>
      <c r="B89163" s="14" t="s">
        <v>1</v>
      </c>
      <c r="C89163" s="14" t="s">
        <v>96</v>
      </c>
      <c r="D89163" s="14" t="s">
        <v>126</v>
      </c>
      <c r="E89163" s="15">
        <v>45479</v>
      </c>
      <c r="F89163" s="14" t="s">
        <v>15</v>
      </c>
      <c r="G89163" s="16">
        <v>0</v>
      </c>
    </row>
    <row r="89164" spans="1:7" x14ac:dyDescent="0.3">
      <c r="A89164" s="13" t="s">
        <v>447</v>
      </c>
      <c r="B89164" s="14" t="s">
        <v>1</v>
      </c>
      <c r="C89164" s="14" t="s">
        <v>96</v>
      </c>
      <c r="D89164" s="14" t="s">
        <v>126</v>
      </c>
      <c r="E89164" s="15">
        <v>45480</v>
      </c>
      <c r="F89164" s="14" t="s">
        <v>15</v>
      </c>
      <c r="G89164" s="16">
        <v>0</v>
      </c>
    </row>
    <row r="89165" spans="1:7" x14ac:dyDescent="0.3">
      <c r="A89165" s="13" t="s">
        <v>447</v>
      </c>
      <c r="B89165" s="14" t="s">
        <v>1</v>
      </c>
      <c r="C89165" s="14" t="s">
        <v>96</v>
      </c>
      <c r="D89165" s="14" t="s">
        <v>126</v>
      </c>
      <c r="E89165" s="15">
        <v>45481</v>
      </c>
      <c r="F89165" s="14" t="s">
        <v>15</v>
      </c>
      <c r="G89165" s="16">
        <v>0</v>
      </c>
    </row>
    <row r="89166" spans="1:7" x14ac:dyDescent="0.3">
      <c r="A89166" s="13" t="s">
        <v>447</v>
      </c>
      <c r="B89166" s="14" t="s">
        <v>1</v>
      </c>
      <c r="C89166" s="14" t="s">
        <v>96</v>
      </c>
      <c r="D89166" s="14" t="s">
        <v>126</v>
      </c>
      <c r="E89166" s="15">
        <v>45482</v>
      </c>
      <c r="F89166" s="14" t="s">
        <v>15</v>
      </c>
      <c r="G89166" s="16">
        <v>0</v>
      </c>
    </row>
    <row r="89167" spans="1:7" x14ac:dyDescent="0.3">
      <c r="A89167" s="13" t="s">
        <v>447</v>
      </c>
      <c r="B89167" s="14" t="s">
        <v>1</v>
      </c>
      <c r="C89167" s="14" t="s">
        <v>96</v>
      </c>
      <c r="D89167" s="14" t="s">
        <v>126</v>
      </c>
      <c r="E89167" s="15">
        <v>45483</v>
      </c>
      <c r="F89167" s="14" t="s">
        <v>15</v>
      </c>
      <c r="G89167" s="16">
        <v>0</v>
      </c>
    </row>
    <row r="89168" spans="1:7" x14ac:dyDescent="0.3">
      <c r="A89168" s="13" t="s">
        <v>447</v>
      </c>
      <c r="B89168" s="14" t="s">
        <v>1</v>
      </c>
      <c r="C89168" s="14" t="s">
        <v>96</v>
      </c>
      <c r="D89168" s="14" t="s">
        <v>126</v>
      </c>
      <c r="E89168" s="15">
        <v>45484</v>
      </c>
      <c r="F89168" s="14" t="s">
        <v>15</v>
      </c>
      <c r="G89168" s="16">
        <v>0</v>
      </c>
    </row>
    <row r="89169" spans="1:7" x14ac:dyDescent="0.3">
      <c r="A89169" s="13" t="s">
        <v>447</v>
      </c>
      <c r="B89169" s="14" t="s">
        <v>1</v>
      </c>
      <c r="C89169" s="14" t="s">
        <v>96</v>
      </c>
      <c r="D89169" s="14" t="s">
        <v>126</v>
      </c>
      <c r="E89169" s="15">
        <v>45485</v>
      </c>
      <c r="F89169" s="14" t="s">
        <v>15</v>
      </c>
      <c r="G89169" s="16">
        <v>0</v>
      </c>
    </row>
    <row r="89170" spans="1:7" x14ac:dyDescent="0.3">
      <c r="A89170" s="13" t="s">
        <v>447</v>
      </c>
      <c r="B89170" s="14" t="s">
        <v>1</v>
      </c>
      <c r="C89170" s="14" t="s">
        <v>96</v>
      </c>
      <c r="D89170" s="14" t="s">
        <v>126</v>
      </c>
      <c r="E89170" s="15">
        <v>45486</v>
      </c>
      <c r="F89170" s="14" t="s">
        <v>15</v>
      </c>
      <c r="G89170" s="16">
        <v>0</v>
      </c>
    </row>
    <row r="89171" spans="1:7" x14ac:dyDescent="0.3">
      <c r="A89171" s="13" t="s">
        <v>447</v>
      </c>
      <c r="B89171" s="14" t="s">
        <v>1</v>
      </c>
      <c r="C89171" s="14" t="s">
        <v>96</v>
      </c>
      <c r="D89171" s="14" t="s">
        <v>126</v>
      </c>
      <c r="E89171" s="15">
        <v>45487</v>
      </c>
      <c r="F89171" s="14" t="s">
        <v>15</v>
      </c>
      <c r="G89171" s="16">
        <v>0</v>
      </c>
    </row>
    <row r="89172" spans="1:7" x14ac:dyDescent="0.3">
      <c r="A89172" s="13" t="s">
        <v>447</v>
      </c>
      <c r="B89172" s="14" t="s">
        <v>1</v>
      </c>
      <c r="C89172" s="14" t="s">
        <v>96</v>
      </c>
      <c r="D89172" s="14" t="s">
        <v>126</v>
      </c>
      <c r="E89172" s="15">
        <v>45488</v>
      </c>
      <c r="F89172" s="14" t="s">
        <v>15</v>
      </c>
      <c r="G89172" s="16">
        <v>0</v>
      </c>
    </row>
    <row r="89173" spans="1:7" x14ac:dyDescent="0.3">
      <c r="A89173" s="13" t="s">
        <v>447</v>
      </c>
      <c r="B89173" s="14" t="s">
        <v>1</v>
      </c>
      <c r="C89173" s="14" t="s">
        <v>96</v>
      </c>
      <c r="D89173" s="14" t="s">
        <v>126</v>
      </c>
      <c r="E89173" s="15">
        <v>45489</v>
      </c>
      <c r="F89173" s="14" t="s">
        <v>15</v>
      </c>
      <c r="G89173" s="16">
        <v>0</v>
      </c>
    </row>
    <row r="89174" spans="1:7" x14ac:dyDescent="0.3">
      <c r="A89174" s="13" t="s">
        <v>447</v>
      </c>
      <c r="B89174" s="14" t="s">
        <v>1</v>
      </c>
      <c r="C89174" s="14" t="s">
        <v>96</v>
      </c>
      <c r="D89174" s="14" t="s">
        <v>126</v>
      </c>
      <c r="E89174" s="15">
        <v>45490</v>
      </c>
      <c r="F89174" s="14" t="s">
        <v>15</v>
      </c>
      <c r="G89174" s="16">
        <v>0</v>
      </c>
    </row>
    <row r="89175" spans="1:7" x14ac:dyDescent="0.3">
      <c r="A89175" s="13" t="s">
        <v>447</v>
      </c>
      <c r="B89175" s="14" t="s">
        <v>1</v>
      </c>
      <c r="C89175" s="14" t="s">
        <v>96</v>
      </c>
      <c r="D89175" s="14" t="s">
        <v>126</v>
      </c>
      <c r="E89175" s="15">
        <v>45491</v>
      </c>
      <c r="F89175" s="14" t="s">
        <v>15</v>
      </c>
      <c r="G89175" s="16">
        <v>0</v>
      </c>
    </row>
    <row r="89176" spans="1:7" x14ac:dyDescent="0.3">
      <c r="A89176" s="13" t="s">
        <v>447</v>
      </c>
      <c r="B89176" s="14" t="s">
        <v>1</v>
      </c>
      <c r="C89176" s="14" t="s">
        <v>96</v>
      </c>
      <c r="D89176" s="14" t="s">
        <v>126</v>
      </c>
      <c r="E89176" s="15">
        <v>45492</v>
      </c>
      <c r="F89176" s="14" t="s">
        <v>15</v>
      </c>
      <c r="G89176" s="16">
        <v>0</v>
      </c>
    </row>
    <row r="89177" spans="1:7" x14ac:dyDescent="0.3">
      <c r="A89177" s="13" t="s">
        <v>447</v>
      </c>
      <c r="B89177" s="14" t="s">
        <v>1</v>
      </c>
      <c r="C89177" s="14" t="s">
        <v>96</v>
      </c>
      <c r="D89177" s="14" t="s">
        <v>126</v>
      </c>
      <c r="E89177" s="15">
        <v>45493</v>
      </c>
      <c r="F89177" s="14" t="s">
        <v>15</v>
      </c>
      <c r="G89177" s="16">
        <v>0</v>
      </c>
    </row>
    <row r="89178" spans="1:7" x14ac:dyDescent="0.3">
      <c r="A89178" s="13" t="s">
        <v>447</v>
      </c>
      <c r="B89178" s="14" t="s">
        <v>1</v>
      </c>
      <c r="C89178" s="14" t="s">
        <v>96</v>
      </c>
      <c r="D89178" s="14" t="s">
        <v>126</v>
      </c>
      <c r="E89178" s="15">
        <v>45494</v>
      </c>
      <c r="F89178" s="14" t="s">
        <v>15</v>
      </c>
      <c r="G89178" s="16">
        <v>0</v>
      </c>
    </row>
    <row r="89179" spans="1:7" x14ac:dyDescent="0.3">
      <c r="A89179" s="13" t="s">
        <v>447</v>
      </c>
      <c r="B89179" s="14" t="s">
        <v>1</v>
      </c>
      <c r="C89179" s="14" t="s">
        <v>96</v>
      </c>
      <c r="D89179" s="14" t="s">
        <v>126</v>
      </c>
      <c r="E89179" s="15">
        <v>45495</v>
      </c>
      <c r="F89179" s="14" t="s">
        <v>15</v>
      </c>
      <c r="G89179" s="16">
        <v>0</v>
      </c>
    </row>
    <row r="89180" spans="1:7" x14ac:dyDescent="0.3">
      <c r="A89180" s="13" t="s">
        <v>447</v>
      </c>
      <c r="B89180" s="14" t="s">
        <v>1</v>
      </c>
      <c r="C89180" s="14" t="s">
        <v>96</v>
      </c>
      <c r="D89180" s="14" t="s">
        <v>126</v>
      </c>
      <c r="E89180" s="15">
        <v>45496</v>
      </c>
      <c r="F89180" s="14" t="s">
        <v>15</v>
      </c>
      <c r="G89180" s="16">
        <v>0</v>
      </c>
    </row>
    <row r="89181" spans="1:7" x14ac:dyDescent="0.3">
      <c r="A89181" s="13" t="s">
        <v>447</v>
      </c>
      <c r="B89181" s="14" t="s">
        <v>1</v>
      </c>
      <c r="C89181" s="14" t="s">
        <v>96</v>
      </c>
      <c r="D89181" s="14" t="s">
        <v>126</v>
      </c>
      <c r="E89181" s="15">
        <v>45497</v>
      </c>
      <c r="F89181" s="14" t="s">
        <v>15</v>
      </c>
      <c r="G89181" s="16">
        <v>0</v>
      </c>
    </row>
    <row r="89182" spans="1:7" x14ac:dyDescent="0.3">
      <c r="A89182" s="13" t="s">
        <v>447</v>
      </c>
      <c r="B89182" s="14" t="s">
        <v>1</v>
      </c>
      <c r="C89182" s="14" t="s">
        <v>96</v>
      </c>
      <c r="D89182" s="14" t="s">
        <v>126</v>
      </c>
      <c r="E89182" s="15">
        <v>45498</v>
      </c>
      <c r="F89182" s="14" t="s">
        <v>15</v>
      </c>
      <c r="G89182" s="16">
        <v>0</v>
      </c>
    </row>
    <row r="89183" spans="1:7" x14ac:dyDescent="0.3">
      <c r="A89183" s="13" t="s">
        <v>447</v>
      </c>
      <c r="B89183" s="14" t="s">
        <v>1</v>
      </c>
      <c r="C89183" s="14" t="s">
        <v>96</v>
      </c>
      <c r="D89183" s="14" t="s">
        <v>126</v>
      </c>
      <c r="E89183" s="15">
        <v>45499</v>
      </c>
      <c r="F89183" s="14" t="s">
        <v>15</v>
      </c>
      <c r="G89183" s="16">
        <v>0</v>
      </c>
    </row>
    <row r="89184" spans="1:7" x14ac:dyDescent="0.3">
      <c r="A89184" s="13" t="s">
        <v>447</v>
      </c>
      <c r="B89184" s="14" t="s">
        <v>1</v>
      </c>
      <c r="C89184" s="14" t="s">
        <v>96</v>
      </c>
      <c r="D89184" s="14" t="s">
        <v>126</v>
      </c>
      <c r="E89184" s="15">
        <v>45500</v>
      </c>
      <c r="F89184" s="14" t="s">
        <v>15</v>
      </c>
      <c r="G89184" s="16">
        <v>0</v>
      </c>
    </row>
    <row r="89185" spans="1:7" x14ac:dyDescent="0.3">
      <c r="A89185" s="13" t="s">
        <v>447</v>
      </c>
      <c r="B89185" s="14" t="s">
        <v>1</v>
      </c>
      <c r="C89185" s="14" t="s">
        <v>96</v>
      </c>
      <c r="D89185" s="14" t="s">
        <v>126</v>
      </c>
      <c r="E89185" s="15">
        <v>45501</v>
      </c>
      <c r="F89185" s="14" t="s">
        <v>15</v>
      </c>
      <c r="G89185" s="16">
        <v>0</v>
      </c>
    </row>
    <row r="89186" spans="1:7" x14ac:dyDescent="0.3">
      <c r="A89186" s="13" t="s">
        <v>447</v>
      </c>
      <c r="B89186" s="14" t="s">
        <v>1</v>
      </c>
      <c r="C89186" s="14" t="s">
        <v>96</v>
      </c>
      <c r="D89186" s="14" t="s">
        <v>126</v>
      </c>
      <c r="E89186" s="15">
        <v>45502</v>
      </c>
      <c r="F89186" s="14" t="s">
        <v>15</v>
      </c>
      <c r="G89186" s="16">
        <v>0</v>
      </c>
    </row>
    <row r="89187" spans="1:7" x14ac:dyDescent="0.3">
      <c r="A89187" s="13" t="s">
        <v>447</v>
      </c>
      <c r="B89187" s="14" t="s">
        <v>1</v>
      </c>
      <c r="C89187" s="14" t="s">
        <v>96</v>
      </c>
      <c r="D89187" s="14" t="s">
        <v>126</v>
      </c>
      <c r="E89187" s="15">
        <v>45503</v>
      </c>
      <c r="F89187" s="14" t="s">
        <v>15</v>
      </c>
      <c r="G89187" s="16">
        <v>0</v>
      </c>
    </row>
    <row r="89188" spans="1:7" x14ac:dyDescent="0.3">
      <c r="A89188" s="13" t="s">
        <v>447</v>
      </c>
      <c r="B89188" s="14" t="s">
        <v>1</v>
      </c>
      <c r="C89188" s="14" t="s">
        <v>96</v>
      </c>
      <c r="D89188" s="14" t="s">
        <v>126</v>
      </c>
      <c r="E89188" s="15">
        <v>45504</v>
      </c>
      <c r="F89188" s="14" t="s">
        <v>15</v>
      </c>
      <c r="G89188" s="16">
        <v>0</v>
      </c>
    </row>
    <row r="89189" spans="1:7" x14ac:dyDescent="0.3">
      <c r="A89189" s="13" t="s">
        <v>447</v>
      </c>
      <c r="B89189" s="14" t="s">
        <v>1</v>
      </c>
      <c r="C89189" s="14" t="s">
        <v>96</v>
      </c>
      <c r="D89189" s="14" t="s">
        <v>126</v>
      </c>
      <c r="E89189" s="15">
        <v>45505</v>
      </c>
      <c r="F89189" s="14" t="s">
        <v>15</v>
      </c>
      <c r="G89189" s="16">
        <v>0</v>
      </c>
    </row>
    <row r="89190" spans="1:7" x14ac:dyDescent="0.3">
      <c r="A89190" s="13" t="s">
        <v>447</v>
      </c>
      <c r="B89190" s="14" t="s">
        <v>1</v>
      </c>
      <c r="C89190" s="14" t="s">
        <v>96</v>
      </c>
      <c r="D89190" s="14" t="s">
        <v>126</v>
      </c>
      <c r="E89190" s="15">
        <v>45506</v>
      </c>
      <c r="F89190" s="14" t="s">
        <v>15</v>
      </c>
      <c r="G89190" s="16">
        <v>0</v>
      </c>
    </row>
    <row r="89191" spans="1:7" x14ac:dyDescent="0.3">
      <c r="A89191" s="13" t="s">
        <v>447</v>
      </c>
      <c r="B89191" s="14" t="s">
        <v>1</v>
      </c>
      <c r="C89191" s="14" t="s">
        <v>96</v>
      </c>
      <c r="D89191" s="14" t="s">
        <v>126</v>
      </c>
      <c r="E89191" s="15">
        <v>45507</v>
      </c>
      <c r="F89191" s="14" t="s">
        <v>15</v>
      </c>
      <c r="G89191" s="16">
        <v>0</v>
      </c>
    </row>
    <row r="89192" spans="1:7" x14ac:dyDescent="0.3">
      <c r="A89192" s="13" t="s">
        <v>447</v>
      </c>
      <c r="B89192" s="14" t="s">
        <v>1</v>
      </c>
      <c r="C89192" s="14" t="s">
        <v>96</v>
      </c>
      <c r="D89192" s="14" t="s">
        <v>126</v>
      </c>
      <c r="E89192" s="15">
        <v>45508</v>
      </c>
      <c r="F89192" s="14" t="s">
        <v>15</v>
      </c>
      <c r="G89192" s="16">
        <v>0</v>
      </c>
    </row>
    <row r="89193" spans="1:7" x14ac:dyDescent="0.3">
      <c r="A89193" s="13" t="s">
        <v>447</v>
      </c>
      <c r="B89193" s="14" t="s">
        <v>1</v>
      </c>
      <c r="C89193" s="14" t="s">
        <v>96</v>
      </c>
      <c r="D89193" s="14" t="s">
        <v>126</v>
      </c>
      <c r="E89193" s="15">
        <v>45509</v>
      </c>
      <c r="F89193" s="14" t="s">
        <v>15</v>
      </c>
      <c r="G89193" s="16">
        <v>0</v>
      </c>
    </row>
    <row r="89194" spans="1:7" x14ac:dyDescent="0.3">
      <c r="A89194" s="13" t="s">
        <v>447</v>
      </c>
      <c r="B89194" s="14" t="s">
        <v>1</v>
      </c>
      <c r="C89194" s="14" t="s">
        <v>96</v>
      </c>
      <c r="D89194" s="14" t="s">
        <v>126</v>
      </c>
      <c r="E89194" s="15">
        <v>45510</v>
      </c>
      <c r="F89194" s="14" t="s">
        <v>15</v>
      </c>
      <c r="G89194" s="16">
        <v>0</v>
      </c>
    </row>
    <row r="89195" spans="1:7" x14ac:dyDescent="0.3">
      <c r="A89195" s="13" t="s">
        <v>447</v>
      </c>
      <c r="B89195" s="14" t="s">
        <v>1</v>
      </c>
      <c r="C89195" s="14" t="s">
        <v>96</v>
      </c>
      <c r="D89195" s="14" t="s">
        <v>126</v>
      </c>
      <c r="E89195" s="15">
        <v>45511</v>
      </c>
      <c r="F89195" s="14" t="s">
        <v>15</v>
      </c>
      <c r="G89195" s="16">
        <v>0</v>
      </c>
    </row>
    <row r="89196" spans="1:7" x14ac:dyDescent="0.3">
      <c r="A89196" s="13" t="s">
        <v>447</v>
      </c>
      <c r="B89196" s="14" t="s">
        <v>1</v>
      </c>
      <c r="C89196" s="14" t="s">
        <v>96</v>
      </c>
      <c r="D89196" s="14" t="s">
        <v>126</v>
      </c>
      <c r="E89196" s="15">
        <v>45512</v>
      </c>
      <c r="F89196" s="14" t="s">
        <v>15</v>
      </c>
      <c r="G89196" s="16">
        <v>0</v>
      </c>
    </row>
    <row r="89197" spans="1:7" x14ac:dyDescent="0.3">
      <c r="A89197" s="13" t="s">
        <v>447</v>
      </c>
      <c r="B89197" s="14" t="s">
        <v>1</v>
      </c>
      <c r="C89197" s="14" t="s">
        <v>96</v>
      </c>
      <c r="D89197" s="14" t="s">
        <v>126</v>
      </c>
      <c r="E89197" s="15">
        <v>45513</v>
      </c>
      <c r="F89197" s="14" t="s">
        <v>15</v>
      </c>
      <c r="G89197" s="16">
        <v>0</v>
      </c>
    </row>
    <row r="89198" spans="1:7" x14ac:dyDescent="0.3">
      <c r="A89198" s="13" t="s">
        <v>447</v>
      </c>
      <c r="B89198" s="14" t="s">
        <v>1</v>
      </c>
      <c r="C89198" s="14" t="s">
        <v>96</v>
      </c>
      <c r="D89198" s="14" t="s">
        <v>126</v>
      </c>
      <c r="E89198" s="15">
        <v>45514</v>
      </c>
      <c r="F89198" s="14" t="s">
        <v>15</v>
      </c>
      <c r="G89198" s="16">
        <v>0</v>
      </c>
    </row>
    <row r="89199" spans="1:7" x14ac:dyDescent="0.3">
      <c r="A89199" s="13" t="s">
        <v>447</v>
      </c>
      <c r="B89199" s="14" t="s">
        <v>1</v>
      </c>
      <c r="C89199" s="14" t="s">
        <v>96</v>
      </c>
      <c r="D89199" s="14" t="s">
        <v>126</v>
      </c>
      <c r="E89199" s="15">
        <v>45515</v>
      </c>
      <c r="F89199" s="14" t="s">
        <v>15</v>
      </c>
      <c r="G89199" s="16">
        <v>0</v>
      </c>
    </row>
    <row r="89200" spans="1:7" x14ac:dyDescent="0.3">
      <c r="A89200" s="13" t="s">
        <v>447</v>
      </c>
      <c r="B89200" s="14" t="s">
        <v>1</v>
      </c>
      <c r="C89200" s="14" t="s">
        <v>96</v>
      </c>
      <c r="D89200" s="14" t="s">
        <v>126</v>
      </c>
      <c r="E89200" s="15">
        <v>45516</v>
      </c>
      <c r="F89200" s="14" t="s">
        <v>15</v>
      </c>
      <c r="G89200" s="16">
        <v>0</v>
      </c>
    </row>
    <row r="89201" spans="1:7" x14ac:dyDescent="0.3">
      <c r="A89201" s="13" t="s">
        <v>447</v>
      </c>
      <c r="B89201" s="14" t="s">
        <v>1</v>
      </c>
      <c r="C89201" s="14" t="s">
        <v>96</v>
      </c>
      <c r="D89201" s="14" t="s">
        <v>126</v>
      </c>
      <c r="E89201" s="15">
        <v>45517</v>
      </c>
      <c r="F89201" s="14" t="s">
        <v>15</v>
      </c>
      <c r="G89201" s="16">
        <v>0</v>
      </c>
    </row>
    <row r="89202" spans="1:7" x14ac:dyDescent="0.3">
      <c r="A89202" s="13" t="s">
        <v>447</v>
      </c>
      <c r="B89202" s="14" t="s">
        <v>1</v>
      </c>
      <c r="C89202" s="14" t="s">
        <v>96</v>
      </c>
      <c r="D89202" s="14" t="s">
        <v>126</v>
      </c>
      <c r="E89202" s="15">
        <v>45518</v>
      </c>
      <c r="F89202" s="14" t="s">
        <v>15</v>
      </c>
      <c r="G89202" s="16">
        <v>0</v>
      </c>
    </row>
    <row r="89203" spans="1:7" x14ac:dyDescent="0.3">
      <c r="A89203" s="13" t="s">
        <v>447</v>
      </c>
      <c r="B89203" s="14" t="s">
        <v>1</v>
      </c>
      <c r="C89203" s="14" t="s">
        <v>96</v>
      </c>
      <c r="D89203" s="14" t="s">
        <v>126</v>
      </c>
      <c r="E89203" s="15">
        <v>45519</v>
      </c>
      <c r="F89203" s="14" t="s">
        <v>15</v>
      </c>
      <c r="G89203" s="16">
        <v>0</v>
      </c>
    </row>
    <row r="89204" spans="1:7" x14ac:dyDescent="0.3">
      <c r="A89204" s="13" t="s">
        <v>447</v>
      </c>
      <c r="B89204" s="14" t="s">
        <v>1</v>
      </c>
      <c r="C89204" s="14" t="s">
        <v>96</v>
      </c>
      <c r="D89204" s="14" t="s">
        <v>126</v>
      </c>
      <c r="E89204" s="15">
        <v>45520</v>
      </c>
      <c r="F89204" s="14" t="s">
        <v>15</v>
      </c>
      <c r="G89204" s="16">
        <v>0</v>
      </c>
    </row>
    <row r="89205" spans="1:7" x14ac:dyDescent="0.3">
      <c r="A89205" s="13" t="s">
        <v>447</v>
      </c>
      <c r="B89205" s="14" t="s">
        <v>1</v>
      </c>
      <c r="C89205" s="14" t="s">
        <v>96</v>
      </c>
      <c r="D89205" s="14" t="s">
        <v>126</v>
      </c>
      <c r="E89205" s="15">
        <v>45521</v>
      </c>
      <c r="F89205" s="14" t="s">
        <v>15</v>
      </c>
      <c r="G89205" s="16">
        <v>0</v>
      </c>
    </row>
    <row r="89206" spans="1:7" x14ac:dyDescent="0.3">
      <c r="A89206" s="13" t="s">
        <v>447</v>
      </c>
      <c r="B89206" s="14" t="s">
        <v>1</v>
      </c>
      <c r="C89206" s="14" t="s">
        <v>96</v>
      </c>
      <c r="D89206" s="14" t="s">
        <v>126</v>
      </c>
      <c r="E89206" s="15">
        <v>45522</v>
      </c>
      <c r="F89206" s="14" t="s">
        <v>15</v>
      </c>
      <c r="G89206" s="16">
        <v>0</v>
      </c>
    </row>
    <row r="89207" spans="1:7" x14ac:dyDescent="0.3">
      <c r="A89207" s="13" t="s">
        <v>447</v>
      </c>
      <c r="B89207" s="14" t="s">
        <v>1</v>
      </c>
      <c r="C89207" s="14" t="s">
        <v>96</v>
      </c>
      <c r="D89207" s="14" t="s">
        <v>126</v>
      </c>
      <c r="E89207" s="15">
        <v>45523</v>
      </c>
      <c r="F89207" s="14" t="s">
        <v>15</v>
      </c>
      <c r="G89207" s="16">
        <v>0</v>
      </c>
    </row>
    <row r="89208" spans="1:7" x14ac:dyDescent="0.3">
      <c r="A89208" s="13" t="s">
        <v>447</v>
      </c>
      <c r="B89208" s="14" t="s">
        <v>1</v>
      </c>
      <c r="C89208" s="14" t="s">
        <v>96</v>
      </c>
      <c r="D89208" s="14" t="s">
        <v>126</v>
      </c>
      <c r="E89208" s="15">
        <v>45524</v>
      </c>
      <c r="F89208" s="14" t="s">
        <v>15</v>
      </c>
      <c r="G89208" s="16">
        <v>0</v>
      </c>
    </row>
    <row r="89209" spans="1:7" x14ac:dyDescent="0.3">
      <c r="A89209" s="13" t="s">
        <v>447</v>
      </c>
      <c r="B89209" s="14" t="s">
        <v>1</v>
      </c>
      <c r="C89209" s="14" t="s">
        <v>96</v>
      </c>
      <c r="D89209" s="14" t="s">
        <v>126</v>
      </c>
      <c r="E89209" s="15">
        <v>45525</v>
      </c>
      <c r="F89209" s="14" t="s">
        <v>15</v>
      </c>
      <c r="G89209" s="16">
        <v>0</v>
      </c>
    </row>
    <row r="89210" spans="1:7" x14ac:dyDescent="0.3">
      <c r="A89210" s="13" t="s">
        <v>447</v>
      </c>
      <c r="B89210" s="14" t="s">
        <v>1</v>
      </c>
      <c r="C89210" s="14" t="s">
        <v>96</v>
      </c>
      <c r="D89210" s="14" t="s">
        <v>126</v>
      </c>
      <c r="E89210" s="15">
        <v>45526</v>
      </c>
      <c r="F89210" s="14" t="s">
        <v>15</v>
      </c>
      <c r="G89210" s="16">
        <v>0</v>
      </c>
    </row>
    <row r="89211" spans="1:7" x14ac:dyDescent="0.3">
      <c r="A89211" s="13" t="s">
        <v>447</v>
      </c>
      <c r="B89211" s="14" t="s">
        <v>1</v>
      </c>
      <c r="C89211" s="14" t="s">
        <v>96</v>
      </c>
      <c r="D89211" s="14" t="s">
        <v>126</v>
      </c>
      <c r="E89211" s="15">
        <v>45527</v>
      </c>
      <c r="F89211" s="14" t="s">
        <v>15</v>
      </c>
      <c r="G89211" s="16">
        <v>0</v>
      </c>
    </row>
    <row r="89212" spans="1:7" x14ac:dyDescent="0.3">
      <c r="A89212" s="13" t="s">
        <v>447</v>
      </c>
      <c r="B89212" s="14" t="s">
        <v>1</v>
      </c>
      <c r="C89212" s="14" t="s">
        <v>96</v>
      </c>
      <c r="D89212" s="14" t="s">
        <v>126</v>
      </c>
      <c r="E89212" s="15">
        <v>45528</v>
      </c>
      <c r="F89212" s="14" t="s">
        <v>15</v>
      </c>
      <c r="G89212" s="16">
        <v>0</v>
      </c>
    </row>
    <row r="89213" spans="1:7" x14ac:dyDescent="0.3">
      <c r="A89213" s="13" t="s">
        <v>447</v>
      </c>
      <c r="B89213" s="14" t="s">
        <v>1</v>
      </c>
      <c r="C89213" s="14" t="s">
        <v>96</v>
      </c>
      <c r="D89213" s="14" t="s">
        <v>126</v>
      </c>
      <c r="E89213" s="15">
        <v>45529</v>
      </c>
      <c r="F89213" s="14" t="s">
        <v>15</v>
      </c>
      <c r="G89213" s="16">
        <v>0</v>
      </c>
    </row>
    <row r="89214" spans="1:7" x14ac:dyDescent="0.3">
      <c r="A89214" s="13" t="s">
        <v>447</v>
      </c>
      <c r="B89214" s="14" t="s">
        <v>1</v>
      </c>
      <c r="C89214" s="14" t="s">
        <v>96</v>
      </c>
      <c r="D89214" s="14" t="s">
        <v>126</v>
      </c>
      <c r="E89214" s="15">
        <v>45530</v>
      </c>
      <c r="F89214" s="14" t="s">
        <v>15</v>
      </c>
      <c r="G89214" s="16">
        <v>0</v>
      </c>
    </row>
    <row r="89215" spans="1:7" x14ac:dyDescent="0.3">
      <c r="A89215" s="13" t="s">
        <v>447</v>
      </c>
      <c r="B89215" s="14" t="s">
        <v>1</v>
      </c>
      <c r="C89215" s="14" t="s">
        <v>96</v>
      </c>
      <c r="D89215" s="14" t="s">
        <v>126</v>
      </c>
      <c r="E89215" s="15">
        <v>45531</v>
      </c>
      <c r="F89215" s="14" t="s">
        <v>15</v>
      </c>
      <c r="G89215" s="16">
        <v>0</v>
      </c>
    </row>
    <row r="89216" spans="1:7" x14ac:dyDescent="0.3">
      <c r="A89216" s="13" t="s">
        <v>447</v>
      </c>
      <c r="B89216" s="14" t="s">
        <v>1</v>
      </c>
      <c r="C89216" s="14" t="s">
        <v>96</v>
      </c>
      <c r="D89216" s="14" t="s">
        <v>126</v>
      </c>
      <c r="E89216" s="15">
        <v>45532</v>
      </c>
      <c r="F89216" s="14" t="s">
        <v>15</v>
      </c>
      <c r="G89216" s="16">
        <v>0</v>
      </c>
    </row>
    <row r="89217" spans="1:7" x14ac:dyDescent="0.3">
      <c r="A89217" s="13" t="s">
        <v>447</v>
      </c>
      <c r="B89217" s="14" t="s">
        <v>1</v>
      </c>
      <c r="C89217" s="14" t="s">
        <v>96</v>
      </c>
      <c r="D89217" s="14" t="s">
        <v>126</v>
      </c>
      <c r="E89217" s="15">
        <v>45533</v>
      </c>
      <c r="F89217" s="14" t="s">
        <v>15</v>
      </c>
      <c r="G89217" s="16">
        <v>0</v>
      </c>
    </row>
    <row r="89218" spans="1:7" x14ac:dyDescent="0.3">
      <c r="A89218" s="13" t="s">
        <v>447</v>
      </c>
      <c r="B89218" s="14" t="s">
        <v>1</v>
      </c>
      <c r="C89218" s="14" t="s">
        <v>96</v>
      </c>
      <c r="D89218" s="14" t="s">
        <v>126</v>
      </c>
      <c r="E89218" s="15">
        <v>45534</v>
      </c>
      <c r="F89218" s="14" t="s">
        <v>15</v>
      </c>
      <c r="G89218" s="16">
        <v>0</v>
      </c>
    </row>
    <row r="89219" spans="1:7" x14ac:dyDescent="0.3">
      <c r="A89219" s="13" t="s">
        <v>447</v>
      </c>
      <c r="B89219" s="14" t="s">
        <v>1</v>
      </c>
      <c r="C89219" s="14" t="s">
        <v>96</v>
      </c>
      <c r="D89219" s="14" t="s">
        <v>126</v>
      </c>
      <c r="E89219" s="15">
        <v>45535</v>
      </c>
      <c r="F89219" s="14" t="s">
        <v>15</v>
      </c>
      <c r="G89219" s="16">
        <v>0</v>
      </c>
    </row>
    <row r="89220" spans="1:7" x14ac:dyDescent="0.3">
      <c r="A89220" s="13" t="s">
        <v>447</v>
      </c>
      <c r="B89220" s="14" t="s">
        <v>1</v>
      </c>
      <c r="C89220" s="14" t="s">
        <v>96</v>
      </c>
      <c r="D89220" s="14" t="s">
        <v>126</v>
      </c>
      <c r="E89220" s="15">
        <v>45536</v>
      </c>
      <c r="F89220" s="14" t="s">
        <v>15</v>
      </c>
      <c r="G89220" s="16">
        <v>0</v>
      </c>
    </row>
    <row r="89221" spans="1:7" x14ac:dyDescent="0.3">
      <c r="A89221" s="13" t="s">
        <v>447</v>
      </c>
      <c r="B89221" s="14" t="s">
        <v>1</v>
      </c>
      <c r="C89221" s="14" t="s">
        <v>96</v>
      </c>
      <c r="D89221" s="14" t="s">
        <v>126</v>
      </c>
      <c r="E89221" s="15">
        <v>45537</v>
      </c>
      <c r="F89221" s="14" t="s">
        <v>15</v>
      </c>
      <c r="G89221" s="16">
        <v>0</v>
      </c>
    </row>
    <row r="89222" spans="1:7" x14ac:dyDescent="0.3">
      <c r="A89222" s="13" t="s">
        <v>447</v>
      </c>
      <c r="B89222" s="14" t="s">
        <v>1</v>
      </c>
      <c r="C89222" s="14" t="s">
        <v>96</v>
      </c>
      <c r="D89222" s="14" t="s">
        <v>126</v>
      </c>
      <c r="E89222" s="15">
        <v>45538</v>
      </c>
      <c r="F89222" s="14" t="s">
        <v>15</v>
      </c>
      <c r="G89222" s="16">
        <v>0</v>
      </c>
    </row>
    <row r="89223" spans="1:7" x14ac:dyDescent="0.3">
      <c r="A89223" s="13" t="s">
        <v>447</v>
      </c>
      <c r="B89223" s="14" t="s">
        <v>1</v>
      </c>
      <c r="C89223" s="14" t="s">
        <v>96</v>
      </c>
      <c r="D89223" s="14" t="s">
        <v>126</v>
      </c>
      <c r="E89223" s="15">
        <v>45539</v>
      </c>
      <c r="F89223" s="14" t="s">
        <v>15</v>
      </c>
      <c r="G89223" s="16">
        <v>0</v>
      </c>
    </row>
    <row r="89224" spans="1:7" x14ac:dyDescent="0.3">
      <c r="A89224" s="13" t="s">
        <v>447</v>
      </c>
      <c r="B89224" s="14" t="s">
        <v>1</v>
      </c>
      <c r="C89224" s="14" t="s">
        <v>96</v>
      </c>
      <c r="D89224" s="14" t="s">
        <v>126</v>
      </c>
      <c r="E89224" s="15">
        <v>45540</v>
      </c>
      <c r="F89224" s="14" t="s">
        <v>15</v>
      </c>
      <c r="G89224" s="16">
        <v>0</v>
      </c>
    </row>
    <row r="89225" spans="1:7" x14ac:dyDescent="0.3">
      <c r="A89225" s="13" t="s">
        <v>447</v>
      </c>
      <c r="B89225" s="14" t="s">
        <v>1</v>
      </c>
      <c r="C89225" s="14" t="s">
        <v>96</v>
      </c>
      <c r="D89225" s="14" t="s">
        <v>126</v>
      </c>
      <c r="E89225" s="15">
        <v>45541</v>
      </c>
      <c r="F89225" s="14" t="s">
        <v>15</v>
      </c>
      <c r="G89225" s="16">
        <v>0</v>
      </c>
    </row>
    <row r="89226" spans="1:7" x14ac:dyDescent="0.3">
      <c r="A89226" s="13" t="s">
        <v>447</v>
      </c>
      <c r="B89226" s="14" t="s">
        <v>1</v>
      </c>
      <c r="C89226" s="14" t="s">
        <v>96</v>
      </c>
      <c r="D89226" s="14" t="s">
        <v>126</v>
      </c>
      <c r="E89226" s="15">
        <v>45542</v>
      </c>
      <c r="F89226" s="14" t="s">
        <v>15</v>
      </c>
      <c r="G89226" s="16">
        <v>0</v>
      </c>
    </row>
    <row r="89227" spans="1:7" x14ac:dyDescent="0.3">
      <c r="A89227" s="13" t="s">
        <v>447</v>
      </c>
      <c r="B89227" s="14" t="s">
        <v>1</v>
      </c>
      <c r="C89227" s="14" t="s">
        <v>96</v>
      </c>
      <c r="D89227" s="14" t="s">
        <v>126</v>
      </c>
      <c r="E89227" s="15">
        <v>45543</v>
      </c>
      <c r="F89227" s="14" t="s">
        <v>15</v>
      </c>
      <c r="G89227" s="16">
        <v>0</v>
      </c>
    </row>
    <row r="89228" spans="1:7" x14ac:dyDescent="0.3">
      <c r="A89228" s="13" t="s">
        <v>447</v>
      </c>
      <c r="B89228" s="14" t="s">
        <v>1</v>
      </c>
      <c r="C89228" s="14" t="s">
        <v>96</v>
      </c>
      <c r="D89228" s="14" t="s">
        <v>126</v>
      </c>
      <c r="E89228" s="15">
        <v>45544</v>
      </c>
      <c r="F89228" s="14" t="s">
        <v>15</v>
      </c>
      <c r="G89228" s="16">
        <v>0</v>
      </c>
    </row>
    <row r="89229" spans="1:7" x14ac:dyDescent="0.3">
      <c r="A89229" s="13" t="s">
        <v>447</v>
      </c>
      <c r="B89229" s="14" t="s">
        <v>1</v>
      </c>
      <c r="C89229" s="14" t="s">
        <v>96</v>
      </c>
      <c r="D89229" s="14" t="s">
        <v>126</v>
      </c>
      <c r="E89229" s="15">
        <v>45545</v>
      </c>
      <c r="F89229" s="14" t="s">
        <v>15</v>
      </c>
      <c r="G89229" s="16">
        <v>0</v>
      </c>
    </row>
    <row r="89230" spans="1:7" x14ac:dyDescent="0.3">
      <c r="A89230" s="13" t="s">
        <v>447</v>
      </c>
      <c r="B89230" s="14" t="s">
        <v>1</v>
      </c>
      <c r="C89230" s="14" t="s">
        <v>96</v>
      </c>
      <c r="D89230" s="14" t="s">
        <v>126</v>
      </c>
      <c r="E89230" s="15">
        <v>45546</v>
      </c>
      <c r="F89230" s="14" t="s">
        <v>15</v>
      </c>
      <c r="G89230" s="16">
        <v>0</v>
      </c>
    </row>
    <row r="89231" spans="1:7" x14ac:dyDescent="0.3">
      <c r="A89231" s="13" t="s">
        <v>447</v>
      </c>
      <c r="B89231" s="14" t="s">
        <v>1</v>
      </c>
      <c r="C89231" s="14" t="s">
        <v>96</v>
      </c>
      <c r="D89231" s="14" t="s">
        <v>126</v>
      </c>
      <c r="E89231" s="15">
        <v>45547</v>
      </c>
      <c r="F89231" s="14" t="s">
        <v>15</v>
      </c>
      <c r="G89231" s="16">
        <v>0</v>
      </c>
    </row>
    <row r="89232" spans="1:7" x14ac:dyDescent="0.3">
      <c r="A89232" s="13" t="s">
        <v>447</v>
      </c>
      <c r="B89232" s="14" t="s">
        <v>1</v>
      </c>
      <c r="C89232" s="14" t="s">
        <v>96</v>
      </c>
      <c r="D89232" s="14" t="s">
        <v>126</v>
      </c>
      <c r="E89232" s="15">
        <v>45548</v>
      </c>
      <c r="F89232" s="14" t="s">
        <v>15</v>
      </c>
      <c r="G89232" s="16">
        <v>0</v>
      </c>
    </row>
    <row r="89233" spans="1:7" x14ac:dyDescent="0.3">
      <c r="A89233" s="13" t="s">
        <v>447</v>
      </c>
      <c r="B89233" s="14" t="s">
        <v>1</v>
      </c>
      <c r="C89233" s="14" t="s">
        <v>96</v>
      </c>
      <c r="D89233" s="14" t="s">
        <v>126</v>
      </c>
      <c r="E89233" s="15">
        <v>45549</v>
      </c>
      <c r="F89233" s="14" t="s">
        <v>15</v>
      </c>
      <c r="G89233" s="16">
        <v>0</v>
      </c>
    </row>
    <row r="89234" spans="1:7" x14ac:dyDescent="0.3">
      <c r="A89234" s="13" t="s">
        <v>447</v>
      </c>
      <c r="B89234" s="14" t="s">
        <v>1</v>
      </c>
      <c r="C89234" s="14" t="s">
        <v>96</v>
      </c>
      <c r="D89234" s="14" t="s">
        <v>126</v>
      </c>
      <c r="E89234" s="15">
        <v>45550</v>
      </c>
      <c r="F89234" s="14" t="s">
        <v>15</v>
      </c>
      <c r="G89234" s="16">
        <v>0</v>
      </c>
    </row>
    <row r="89235" spans="1:7" x14ac:dyDescent="0.3">
      <c r="A89235" s="13" t="s">
        <v>447</v>
      </c>
      <c r="B89235" s="14" t="s">
        <v>1</v>
      </c>
      <c r="C89235" s="14" t="s">
        <v>96</v>
      </c>
      <c r="D89235" s="14" t="s">
        <v>126</v>
      </c>
      <c r="E89235" s="15">
        <v>45551</v>
      </c>
      <c r="F89235" s="14" t="s">
        <v>15</v>
      </c>
      <c r="G89235" s="16">
        <v>0</v>
      </c>
    </row>
    <row r="89236" spans="1:7" x14ac:dyDescent="0.3">
      <c r="A89236" s="13" t="s">
        <v>447</v>
      </c>
      <c r="B89236" s="14" t="s">
        <v>1</v>
      </c>
      <c r="C89236" s="14" t="s">
        <v>96</v>
      </c>
      <c r="D89236" s="14" t="s">
        <v>126</v>
      </c>
      <c r="E89236" s="15">
        <v>45552</v>
      </c>
      <c r="F89236" s="14" t="s">
        <v>15</v>
      </c>
      <c r="G89236" s="16">
        <v>0</v>
      </c>
    </row>
    <row r="89237" spans="1:7" x14ac:dyDescent="0.3">
      <c r="A89237" s="13" t="s">
        <v>447</v>
      </c>
      <c r="B89237" s="14" t="s">
        <v>1</v>
      </c>
      <c r="C89237" s="14" t="s">
        <v>96</v>
      </c>
      <c r="D89237" s="14" t="s">
        <v>126</v>
      </c>
      <c r="E89237" s="15">
        <v>45553</v>
      </c>
      <c r="F89237" s="14" t="s">
        <v>15</v>
      </c>
      <c r="G89237" s="16">
        <v>0</v>
      </c>
    </row>
    <row r="89238" spans="1:7" x14ac:dyDescent="0.3">
      <c r="A89238" s="13" t="s">
        <v>447</v>
      </c>
      <c r="B89238" s="14" t="s">
        <v>1</v>
      </c>
      <c r="C89238" s="14" t="s">
        <v>96</v>
      </c>
      <c r="D89238" s="14" t="s">
        <v>126</v>
      </c>
      <c r="E89238" s="15">
        <v>45554</v>
      </c>
      <c r="F89238" s="14" t="s">
        <v>15</v>
      </c>
      <c r="G89238" s="16">
        <v>0</v>
      </c>
    </row>
    <row r="89239" spans="1:7" x14ac:dyDescent="0.3">
      <c r="A89239" s="13" t="s">
        <v>447</v>
      </c>
      <c r="B89239" s="14" t="s">
        <v>1</v>
      </c>
      <c r="C89239" s="14" t="s">
        <v>96</v>
      </c>
      <c r="D89239" s="14" t="s">
        <v>126</v>
      </c>
      <c r="E89239" s="15">
        <v>45555</v>
      </c>
      <c r="F89239" s="14" t="s">
        <v>15</v>
      </c>
      <c r="G89239" s="16">
        <v>0</v>
      </c>
    </row>
    <row r="89240" spans="1:7" x14ac:dyDescent="0.3">
      <c r="A89240" s="13" t="s">
        <v>447</v>
      </c>
      <c r="B89240" s="14" t="s">
        <v>1</v>
      </c>
      <c r="C89240" s="14" t="s">
        <v>96</v>
      </c>
      <c r="D89240" s="14" t="s">
        <v>126</v>
      </c>
      <c r="E89240" s="15">
        <v>45556</v>
      </c>
      <c r="F89240" s="14" t="s">
        <v>15</v>
      </c>
      <c r="G89240" s="16">
        <v>0</v>
      </c>
    </row>
    <row r="89241" spans="1:7" x14ac:dyDescent="0.3">
      <c r="A89241" s="13" t="s">
        <v>447</v>
      </c>
      <c r="B89241" s="14" t="s">
        <v>1</v>
      </c>
      <c r="C89241" s="14" t="s">
        <v>96</v>
      </c>
      <c r="D89241" s="14" t="s">
        <v>126</v>
      </c>
      <c r="E89241" s="15">
        <v>45557</v>
      </c>
      <c r="F89241" s="14" t="s">
        <v>15</v>
      </c>
      <c r="G89241" s="16">
        <v>0</v>
      </c>
    </row>
    <row r="89242" spans="1:7" x14ac:dyDescent="0.3">
      <c r="A89242" s="13" t="s">
        <v>447</v>
      </c>
      <c r="B89242" s="14" t="s">
        <v>1</v>
      </c>
      <c r="C89242" s="14" t="s">
        <v>96</v>
      </c>
      <c r="D89242" s="14" t="s">
        <v>126</v>
      </c>
      <c r="E89242" s="15">
        <v>45558</v>
      </c>
      <c r="F89242" s="14" t="s">
        <v>15</v>
      </c>
      <c r="G89242" s="16">
        <v>0</v>
      </c>
    </row>
    <row r="89243" spans="1:7" x14ac:dyDescent="0.3">
      <c r="A89243" s="13" t="s">
        <v>447</v>
      </c>
      <c r="B89243" s="14" t="s">
        <v>1</v>
      </c>
      <c r="C89243" s="14" t="s">
        <v>96</v>
      </c>
      <c r="D89243" s="14" t="s">
        <v>126</v>
      </c>
      <c r="E89243" s="15">
        <v>45559</v>
      </c>
      <c r="F89243" s="14" t="s">
        <v>15</v>
      </c>
      <c r="G89243" s="16">
        <v>0</v>
      </c>
    </row>
    <row r="89244" spans="1:7" x14ac:dyDescent="0.3">
      <c r="A89244" s="13" t="s">
        <v>447</v>
      </c>
      <c r="B89244" s="14" t="s">
        <v>1</v>
      </c>
      <c r="C89244" s="14" t="s">
        <v>96</v>
      </c>
      <c r="D89244" s="14" t="s">
        <v>126</v>
      </c>
      <c r="E89244" s="15">
        <v>45560</v>
      </c>
      <c r="F89244" s="14" t="s">
        <v>15</v>
      </c>
      <c r="G89244" s="16">
        <v>0</v>
      </c>
    </row>
    <row r="89245" spans="1:7" x14ac:dyDescent="0.3">
      <c r="A89245" s="13" t="s">
        <v>447</v>
      </c>
      <c r="B89245" s="14" t="s">
        <v>1</v>
      </c>
      <c r="C89245" s="14" t="s">
        <v>96</v>
      </c>
      <c r="D89245" s="14" t="s">
        <v>126</v>
      </c>
      <c r="E89245" s="15">
        <v>45561</v>
      </c>
      <c r="F89245" s="14" t="s">
        <v>15</v>
      </c>
      <c r="G89245" s="16">
        <v>0</v>
      </c>
    </row>
    <row r="89246" spans="1:7" x14ac:dyDescent="0.3">
      <c r="A89246" s="13" t="s">
        <v>447</v>
      </c>
      <c r="B89246" s="14" t="s">
        <v>1</v>
      </c>
      <c r="C89246" s="14" t="s">
        <v>96</v>
      </c>
      <c r="D89246" s="14" t="s">
        <v>126</v>
      </c>
      <c r="E89246" s="15">
        <v>45562</v>
      </c>
      <c r="F89246" s="14" t="s">
        <v>15</v>
      </c>
      <c r="G89246" s="16">
        <v>0</v>
      </c>
    </row>
    <row r="89247" spans="1:7" x14ac:dyDescent="0.3">
      <c r="A89247" s="13" t="s">
        <v>447</v>
      </c>
      <c r="B89247" s="14" t="s">
        <v>1</v>
      </c>
      <c r="C89247" s="14" t="s">
        <v>96</v>
      </c>
      <c r="D89247" s="14" t="s">
        <v>126</v>
      </c>
      <c r="E89247" s="15">
        <v>45563</v>
      </c>
      <c r="F89247" s="14" t="s">
        <v>15</v>
      </c>
      <c r="G89247" s="16">
        <v>0</v>
      </c>
    </row>
    <row r="89248" spans="1:7" x14ac:dyDescent="0.3">
      <c r="A89248" s="13" t="s">
        <v>447</v>
      </c>
      <c r="B89248" s="14" t="s">
        <v>1</v>
      </c>
      <c r="C89248" s="14" t="s">
        <v>96</v>
      </c>
      <c r="D89248" s="14" t="s">
        <v>126</v>
      </c>
      <c r="E89248" s="15">
        <v>45564</v>
      </c>
      <c r="F89248" s="14" t="s">
        <v>15</v>
      </c>
      <c r="G89248" s="16">
        <v>0</v>
      </c>
    </row>
    <row r="89249" spans="1:7" x14ac:dyDescent="0.3">
      <c r="A89249" s="13" t="s">
        <v>447</v>
      </c>
      <c r="B89249" s="14" t="s">
        <v>1</v>
      </c>
      <c r="C89249" s="14" t="s">
        <v>96</v>
      </c>
      <c r="D89249" s="14" t="s">
        <v>126</v>
      </c>
      <c r="E89249" s="15">
        <v>45565</v>
      </c>
      <c r="F89249" s="14" t="s">
        <v>15</v>
      </c>
      <c r="G89249" s="16">
        <v>0</v>
      </c>
    </row>
    <row r="89250" spans="1:7" x14ac:dyDescent="0.3">
      <c r="A89250" s="13" t="s">
        <v>447</v>
      </c>
      <c r="B89250" s="14" t="s">
        <v>1</v>
      </c>
      <c r="C89250" s="14" t="s">
        <v>96</v>
      </c>
      <c r="D89250" s="14" t="s">
        <v>126</v>
      </c>
      <c r="E89250" s="15">
        <v>45566</v>
      </c>
      <c r="F89250" s="14" t="s">
        <v>15</v>
      </c>
      <c r="G89250" s="16">
        <v>0</v>
      </c>
    </row>
    <row r="89251" spans="1:7" x14ac:dyDescent="0.3">
      <c r="A89251" s="13" t="s">
        <v>447</v>
      </c>
      <c r="B89251" s="14" t="s">
        <v>1</v>
      </c>
      <c r="C89251" s="14" t="s">
        <v>96</v>
      </c>
      <c r="D89251" s="14" t="s">
        <v>126</v>
      </c>
      <c r="E89251" s="15">
        <v>45567</v>
      </c>
      <c r="F89251" s="14" t="s">
        <v>15</v>
      </c>
      <c r="G89251" s="16">
        <v>0</v>
      </c>
    </row>
    <row r="89252" spans="1:7" x14ac:dyDescent="0.3">
      <c r="A89252" s="13" t="s">
        <v>447</v>
      </c>
      <c r="B89252" s="14" t="s">
        <v>1</v>
      </c>
      <c r="C89252" s="14" t="s">
        <v>96</v>
      </c>
      <c r="D89252" s="14" t="s">
        <v>126</v>
      </c>
      <c r="E89252" s="15">
        <v>45568</v>
      </c>
      <c r="F89252" s="14" t="s">
        <v>15</v>
      </c>
      <c r="G89252" s="16">
        <v>0</v>
      </c>
    </row>
    <row r="89253" spans="1:7" x14ac:dyDescent="0.3">
      <c r="A89253" s="13" t="s">
        <v>447</v>
      </c>
      <c r="B89253" s="14" t="s">
        <v>1</v>
      </c>
      <c r="C89253" s="14" t="s">
        <v>96</v>
      </c>
      <c r="D89253" s="14" t="s">
        <v>126</v>
      </c>
      <c r="E89253" s="15">
        <v>45569</v>
      </c>
      <c r="F89253" s="14" t="s">
        <v>15</v>
      </c>
      <c r="G89253" s="16">
        <v>0</v>
      </c>
    </row>
    <row r="89254" spans="1:7" x14ac:dyDescent="0.3">
      <c r="A89254" s="13" t="s">
        <v>447</v>
      </c>
      <c r="B89254" s="14" t="s">
        <v>1</v>
      </c>
      <c r="C89254" s="14" t="s">
        <v>96</v>
      </c>
      <c r="D89254" s="14" t="s">
        <v>126</v>
      </c>
      <c r="E89254" s="15">
        <v>45570</v>
      </c>
      <c r="F89254" s="14" t="s">
        <v>15</v>
      </c>
      <c r="G89254" s="16">
        <v>0</v>
      </c>
    </row>
    <row r="89255" spans="1:7" x14ac:dyDescent="0.3">
      <c r="A89255" s="13" t="s">
        <v>447</v>
      </c>
      <c r="B89255" s="14" t="s">
        <v>1</v>
      </c>
      <c r="C89255" s="14" t="s">
        <v>96</v>
      </c>
      <c r="D89255" s="14" t="s">
        <v>126</v>
      </c>
      <c r="E89255" s="15">
        <v>45571</v>
      </c>
      <c r="F89255" s="14" t="s">
        <v>15</v>
      </c>
      <c r="G89255" s="16">
        <v>0</v>
      </c>
    </row>
    <row r="89256" spans="1:7" x14ac:dyDescent="0.3">
      <c r="A89256" s="13" t="s">
        <v>447</v>
      </c>
      <c r="B89256" s="14" t="s">
        <v>1</v>
      </c>
      <c r="C89256" s="14" t="s">
        <v>96</v>
      </c>
      <c r="D89256" s="14" t="s">
        <v>126</v>
      </c>
      <c r="E89256" s="15">
        <v>45572</v>
      </c>
      <c r="F89256" s="14" t="s">
        <v>15</v>
      </c>
      <c r="G89256" s="16">
        <v>0</v>
      </c>
    </row>
    <row r="89257" spans="1:7" x14ac:dyDescent="0.3">
      <c r="A89257" s="13" t="s">
        <v>447</v>
      </c>
      <c r="B89257" s="14" t="s">
        <v>1</v>
      </c>
      <c r="C89257" s="14" t="s">
        <v>96</v>
      </c>
      <c r="D89257" s="14" t="s">
        <v>126</v>
      </c>
      <c r="E89257" s="15">
        <v>45573</v>
      </c>
      <c r="F89257" s="14" t="s">
        <v>15</v>
      </c>
      <c r="G89257" s="16">
        <v>0</v>
      </c>
    </row>
    <row r="89258" spans="1:7" x14ac:dyDescent="0.3">
      <c r="A89258" s="13" t="s">
        <v>447</v>
      </c>
      <c r="B89258" s="14" t="s">
        <v>1</v>
      </c>
      <c r="C89258" s="14" t="s">
        <v>96</v>
      </c>
      <c r="D89258" s="14" t="s">
        <v>126</v>
      </c>
      <c r="E89258" s="15">
        <v>45574</v>
      </c>
      <c r="F89258" s="14" t="s">
        <v>15</v>
      </c>
      <c r="G89258" s="16">
        <v>0</v>
      </c>
    </row>
    <row r="89259" spans="1:7" x14ac:dyDescent="0.3">
      <c r="A89259" s="13" t="s">
        <v>447</v>
      </c>
      <c r="B89259" s="14" t="s">
        <v>1</v>
      </c>
      <c r="C89259" s="14" t="s">
        <v>96</v>
      </c>
      <c r="D89259" s="14" t="s">
        <v>126</v>
      </c>
      <c r="E89259" s="15">
        <v>45575</v>
      </c>
      <c r="F89259" s="14" t="s">
        <v>15</v>
      </c>
      <c r="G89259" s="16">
        <v>0</v>
      </c>
    </row>
    <row r="89260" spans="1:7" x14ac:dyDescent="0.3">
      <c r="A89260" s="13" t="s">
        <v>447</v>
      </c>
      <c r="B89260" s="14" t="s">
        <v>1</v>
      </c>
      <c r="C89260" s="14" t="s">
        <v>96</v>
      </c>
      <c r="D89260" s="14" t="s">
        <v>126</v>
      </c>
      <c r="E89260" s="15">
        <v>45576</v>
      </c>
      <c r="F89260" s="14" t="s">
        <v>15</v>
      </c>
      <c r="G89260" s="16">
        <v>0</v>
      </c>
    </row>
    <row r="89261" spans="1:7" x14ac:dyDescent="0.3">
      <c r="A89261" s="13" t="s">
        <v>447</v>
      </c>
      <c r="B89261" s="14" t="s">
        <v>1</v>
      </c>
      <c r="C89261" s="14" t="s">
        <v>96</v>
      </c>
      <c r="D89261" s="14" t="s">
        <v>126</v>
      </c>
      <c r="E89261" s="15">
        <v>45577</v>
      </c>
      <c r="F89261" s="14" t="s">
        <v>15</v>
      </c>
      <c r="G89261" s="16">
        <v>0</v>
      </c>
    </row>
    <row r="89262" spans="1:7" x14ac:dyDescent="0.3">
      <c r="A89262" s="13" t="s">
        <v>447</v>
      </c>
      <c r="B89262" s="14" t="s">
        <v>1</v>
      </c>
      <c r="C89262" s="14" t="s">
        <v>96</v>
      </c>
      <c r="D89262" s="14" t="s">
        <v>126</v>
      </c>
      <c r="E89262" s="15">
        <v>45578</v>
      </c>
      <c r="F89262" s="14" t="s">
        <v>15</v>
      </c>
      <c r="G89262" s="16">
        <v>0</v>
      </c>
    </row>
    <row r="89263" spans="1:7" x14ac:dyDescent="0.3">
      <c r="A89263" s="13" t="s">
        <v>447</v>
      </c>
      <c r="B89263" s="14" t="s">
        <v>1</v>
      </c>
      <c r="C89263" s="14" t="s">
        <v>96</v>
      </c>
      <c r="D89263" s="14" t="s">
        <v>126</v>
      </c>
      <c r="E89263" s="15">
        <v>45579</v>
      </c>
      <c r="F89263" s="14" t="s">
        <v>15</v>
      </c>
      <c r="G89263" s="16">
        <v>0</v>
      </c>
    </row>
    <row r="89264" spans="1:7" x14ac:dyDescent="0.3">
      <c r="A89264" s="13" t="s">
        <v>447</v>
      </c>
      <c r="B89264" s="14" t="s">
        <v>1</v>
      </c>
      <c r="C89264" s="14" t="s">
        <v>96</v>
      </c>
      <c r="D89264" s="14" t="s">
        <v>126</v>
      </c>
      <c r="E89264" s="15">
        <v>45580</v>
      </c>
      <c r="F89264" s="14" t="s">
        <v>15</v>
      </c>
      <c r="G89264" s="16">
        <v>0</v>
      </c>
    </row>
    <row r="89265" spans="1:7" x14ac:dyDescent="0.3">
      <c r="A89265" s="13" t="s">
        <v>447</v>
      </c>
      <c r="B89265" s="14" t="s">
        <v>1</v>
      </c>
      <c r="C89265" s="14" t="s">
        <v>96</v>
      </c>
      <c r="D89265" s="14" t="s">
        <v>126</v>
      </c>
      <c r="E89265" s="15">
        <v>45581</v>
      </c>
      <c r="F89265" s="14" t="s">
        <v>15</v>
      </c>
      <c r="G89265" s="16">
        <v>0</v>
      </c>
    </row>
    <row r="89266" spans="1:7" x14ac:dyDescent="0.3">
      <c r="A89266" s="13" t="s">
        <v>447</v>
      </c>
      <c r="B89266" s="14" t="s">
        <v>1</v>
      </c>
      <c r="C89266" s="14" t="s">
        <v>96</v>
      </c>
      <c r="D89266" s="14" t="s">
        <v>126</v>
      </c>
      <c r="E89266" s="15">
        <v>45582</v>
      </c>
      <c r="F89266" s="14" t="s">
        <v>15</v>
      </c>
      <c r="G89266" s="16">
        <v>0</v>
      </c>
    </row>
    <row r="89267" spans="1:7" x14ac:dyDescent="0.3">
      <c r="A89267" s="13" t="s">
        <v>447</v>
      </c>
      <c r="B89267" s="14" t="s">
        <v>1</v>
      </c>
      <c r="C89267" s="14" t="s">
        <v>96</v>
      </c>
      <c r="D89267" s="14" t="s">
        <v>126</v>
      </c>
      <c r="E89267" s="15">
        <v>45583</v>
      </c>
      <c r="F89267" s="14" t="s">
        <v>15</v>
      </c>
      <c r="G89267" s="16">
        <v>0</v>
      </c>
    </row>
    <row r="89268" spans="1:7" x14ac:dyDescent="0.3">
      <c r="A89268" s="13" t="s">
        <v>447</v>
      </c>
      <c r="B89268" s="14" t="s">
        <v>1</v>
      </c>
      <c r="C89268" s="14" t="s">
        <v>96</v>
      </c>
      <c r="D89268" s="14" t="s">
        <v>126</v>
      </c>
      <c r="E89268" s="15">
        <v>45584</v>
      </c>
      <c r="F89268" s="14" t="s">
        <v>15</v>
      </c>
      <c r="G89268" s="16">
        <v>0</v>
      </c>
    </row>
    <row r="89269" spans="1:7" x14ac:dyDescent="0.3">
      <c r="A89269" s="13" t="s">
        <v>447</v>
      </c>
      <c r="B89269" s="14" t="s">
        <v>1</v>
      </c>
      <c r="C89269" s="14" t="s">
        <v>96</v>
      </c>
      <c r="D89269" s="14" t="s">
        <v>126</v>
      </c>
      <c r="E89269" s="15">
        <v>45585</v>
      </c>
      <c r="F89269" s="14" t="s">
        <v>15</v>
      </c>
      <c r="G89269" s="16">
        <v>0</v>
      </c>
    </row>
    <row r="89270" spans="1:7" x14ac:dyDescent="0.3">
      <c r="A89270" s="13" t="s">
        <v>447</v>
      </c>
      <c r="B89270" s="14" t="s">
        <v>1</v>
      </c>
      <c r="C89270" s="14" t="s">
        <v>96</v>
      </c>
      <c r="D89270" s="14" t="s">
        <v>126</v>
      </c>
      <c r="E89270" s="15">
        <v>45586</v>
      </c>
      <c r="F89270" s="14" t="s">
        <v>15</v>
      </c>
      <c r="G89270" s="16">
        <v>0</v>
      </c>
    </row>
    <row r="89271" spans="1:7" x14ac:dyDescent="0.3">
      <c r="A89271" s="13" t="s">
        <v>447</v>
      </c>
      <c r="B89271" s="14" t="s">
        <v>1</v>
      </c>
      <c r="C89271" s="14" t="s">
        <v>96</v>
      </c>
      <c r="D89271" s="14" t="s">
        <v>126</v>
      </c>
      <c r="E89271" s="15">
        <v>45587</v>
      </c>
      <c r="F89271" s="14" t="s">
        <v>15</v>
      </c>
      <c r="G89271" s="16">
        <v>0</v>
      </c>
    </row>
    <row r="89272" spans="1:7" x14ac:dyDescent="0.3">
      <c r="A89272" s="13" t="s">
        <v>447</v>
      </c>
      <c r="B89272" s="14" t="s">
        <v>1</v>
      </c>
      <c r="C89272" s="14" t="s">
        <v>96</v>
      </c>
      <c r="D89272" s="14" t="s">
        <v>126</v>
      </c>
      <c r="E89272" s="15">
        <v>45588</v>
      </c>
      <c r="F89272" s="14" t="s">
        <v>15</v>
      </c>
      <c r="G89272" s="16">
        <v>0</v>
      </c>
    </row>
    <row r="89273" spans="1:7" x14ac:dyDescent="0.3">
      <c r="A89273" s="13" t="s">
        <v>447</v>
      </c>
      <c r="B89273" s="14" t="s">
        <v>1</v>
      </c>
      <c r="C89273" s="14" t="s">
        <v>96</v>
      </c>
      <c r="D89273" s="14" t="s">
        <v>126</v>
      </c>
      <c r="E89273" s="15">
        <v>45589</v>
      </c>
      <c r="F89273" s="14" t="s">
        <v>15</v>
      </c>
      <c r="G89273" s="16">
        <v>0</v>
      </c>
    </row>
    <row r="89274" spans="1:7" x14ac:dyDescent="0.3">
      <c r="A89274" s="13" t="s">
        <v>447</v>
      </c>
      <c r="B89274" s="14" t="s">
        <v>1</v>
      </c>
      <c r="C89274" s="14" t="s">
        <v>96</v>
      </c>
      <c r="D89274" s="14" t="s">
        <v>126</v>
      </c>
      <c r="E89274" s="15">
        <v>45590</v>
      </c>
      <c r="F89274" s="14" t="s">
        <v>15</v>
      </c>
      <c r="G89274" s="16">
        <v>0</v>
      </c>
    </row>
    <row r="89275" spans="1:7" x14ac:dyDescent="0.3">
      <c r="A89275" s="13" t="s">
        <v>447</v>
      </c>
      <c r="B89275" s="14" t="s">
        <v>1</v>
      </c>
      <c r="C89275" s="14" t="s">
        <v>96</v>
      </c>
      <c r="D89275" s="14" t="s">
        <v>126</v>
      </c>
      <c r="E89275" s="15">
        <v>45591</v>
      </c>
      <c r="F89275" s="14" t="s">
        <v>15</v>
      </c>
      <c r="G89275" s="16">
        <v>0</v>
      </c>
    </row>
    <row r="89276" spans="1:7" x14ac:dyDescent="0.3">
      <c r="A89276" s="13" t="s">
        <v>447</v>
      </c>
      <c r="B89276" s="14" t="s">
        <v>1</v>
      </c>
      <c r="C89276" s="14" t="s">
        <v>96</v>
      </c>
      <c r="D89276" s="14" t="s">
        <v>126</v>
      </c>
      <c r="E89276" s="15">
        <v>45592</v>
      </c>
      <c r="F89276" s="14" t="s">
        <v>15</v>
      </c>
      <c r="G89276" s="16">
        <v>0</v>
      </c>
    </row>
    <row r="89277" spans="1:7" x14ac:dyDescent="0.3">
      <c r="A89277" s="13" t="s">
        <v>447</v>
      </c>
      <c r="B89277" s="14" t="s">
        <v>1</v>
      </c>
      <c r="C89277" s="14" t="s">
        <v>96</v>
      </c>
      <c r="D89277" s="14" t="s">
        <v>126</v>
      </c>
      <c r="E89277" s="15">
        <v>45593</v>
      </c>
      <c r="F89277" s="14" t="s">
        <v>15</v>
      </c>
      <c r="G89277" s="16">
        <v>0</v>
      </c>
    </row>
    <row r="89278" spans="1:7" x14ac:dyDescent="0.3">
      <c r="A89278" s="13" t="s">
        <v>447</v>
      </c>
      <c r="B89278" s="14" t="s">
        <v>1</v>
      </c>
      <c r="C89278" s="14" t="s">
        <v>96</v>
      </c>
      <c r="D89278" s="14" t="s">
        <v>126</v>
      </c>
      <c r="E89278" s="15">
        <v>45594</v>
      </c>
      <c r="F89278" s="14" t="s">
        <v>15</v>
      </c>
      <c r="G89278" s="16">
        <v>0</v>
      </c>
    </row>
    <row r="89279" spans="1:7" x14ac:dyDescent="0.3">
      <c r="A89279" s="13" t="s">
        <v>447</v>
      </c>
      <c r="B89279" s="14" t="s">
        <v>1</v>
      </c>
      <c r="C89279" s="14" t="s">
        <v>96</v>
      </c>
      <c r="D89279" s="14" t="s">
        <v>126</v>
      </c>
      <c r="E89279" s="15">
        <v>45595</v>
      </c>
      <c r="F89279" s="14" t="s">
        <v>15</v>
      </c>
      <c r="G89279" s="16">
        <v>0</v>
      </c>
    </row>
    <row r="89280" spans="1:7" x14ac:dyDescent="0.3">
      <c r="A89280" s="13" t="s">
        <v>447</v>
      </c>
      <c r="B89280" s="14" t="s">
        <v>1</v>
      </c>
      <c r="C89280" s="14" t="s">
        <v>96</v>
      </c>
      <c r="D89280" s="14" t="s">
        <v>126</v>
      </c>
      <c r="E89280" s="15">
        <v>45596</v>
      </c>
      <c r="F89280" s="14" t="s">
        <v>15</v>
      </c>
      <c r="G89280" s="16">
        <v>0</v>
      </c>
    </row>
    <row r="89281" spans="1:7" x14ac:dyDescent="0.3">
      <c r="A89281" s="13" t="s">
        <v>447</v>
      </c>
      <c r="B89281" s="14" t="s">
        <v>1</v>
      </c>
      <c r="C89281" s="14" t="s">
        <v>96</v>
      </c>
      <c r="D89281" s="14" t="s">
        <v>126</v>
      </c>
      <c r="E89281" s="15">
        <v>45597</v>
      </c>
      <c r="F89281" s="14" t="s">
        <v>15</v>
      </c>
      <c r="G89281" s="16">
        <v>0</v>
      </c>
    </row>
    <row r="89282" spans="1:7" x14ac:dyDescent="0.3">
      <c r="A89282" s="13" t="s">
        <v>447</v>
      </c>
      <c r="B89282" s="14" t="s">
        <v>1</v>
      </c>
      <c r="C89282" s="14" t="s">
        <v>96</v>
      </c>
      <c r="D89282" s="14" t="s">
        <v>126</v>
      </c>
      <c r="E89282" s="15">
        <v>45598</v>
      </c>
      <c r="F89282" s="14" t="s">
        <v>15</v>
      </c>
      <c r="G89282" s="16">
        <v>0</v>
      </c>
    </row>
    <row r="89283" spans="1:7" x14ac:dyDescent="0.3">
      <c r="A89283" s="13" t="s">
        <v>447</v>
      </c>
      <c r="B89283" s="14" t="s">
        <v>1</v>
      </c>
      <c r="C89283" s="14" t="s">
        <v>96</v>
      </c>
      <c r="D89283" s="14" t="s">
        <v>126</v>
      </c>
      <c r="E89283" s="15">
        <v>45599</v>
      </c>
      <c r="F89283" s="14" t="s">
        <v>15</v>
      </c>
      <c r="G89283" s="16">
        <v>0</v>
      </c>
    </row>
    <row r="89284" spans="1:7" x14ac:dyDescent="0.3">
      <c r="A89284" s="13" t="s">
        <v>447</v>
      </c>
      <c r="B89284" s="14" t="s">
        <v>1</v>
      </c>
      <c r="C89284" s="14" t="s">
        <v>96</v>
      </c>
      <c r="D89284" s="14" t="s">
        <v>126</v>
      </c>
      <c r="E89284" s="15">
        <v>45600</v>
      </c>
      <c r="F89284" s="14" t="s">
        <v>15</v>
      </c>
      <c r="G89284" s="16">
        <v>0</v>
      </c>
    </row>
    <row r="89285" spans="1:7" x14ac:dyDescent="0.3">
      <c r="A89285" s="13" t="s">
        <v>447</v>
      </c>
      <c r="B89285" s="14" t="s">
        <v>1</v>
      </c>
      <c r="C89285" s="14" t="s">
        <v>96</v>
      </c>
      <c r="D89285" s="14" t="s">
        <v>126</v>
      </c>
      <c r="E89285" s="15">
        <v>45601</v>
      </c>
      <c r="F89285" s="14" t="s">
        <v>15</v>
      </c>
      <c r="G89285" s="16">
        <v>0</v>
      </c>
    </row>
    <row r="89286" spans="1:7" x14ac:dyDescent="0.3">
      <c r="A89286" s="13" t="s">
        <v>447</v>
      </c>
      <c r="B89286" s="14" t="s">
        <v>1</v>
      </c>
      <c r="C89286" s="14" t="s">
        <v>96</v>
      </c>
      <c r="D89286" s="14" t="s">
        <v>126</v>
      </c>
      <c r="E89286" s="15">
        <v>45602</v>
      </c>
      <c r="F89286" s="14" t="s">
        <v>15</v>
      </c>
      <c r="G89286" s="16">
        <v>0</v>
      </c>
    </row>
    <row r="89287" spans="1:7" x14ac:dyDescent="0.3">
      <c r="A89287" s="13" t="s">
        <v>447</v>
      </c>
      <c r="B89287" s="14" t="s">
        <v>1</v>
      </c>
      <c r="C89287" s="14" t="s">
        <v>96</v>
      </c>
      <c r="D89287" s="14" t="s">
        <v>126</v>
      </c>
      <c r="E89287" s="15">
        <v>45603</v>
      </c>
      <c r="F89287" s="14" t="s">
        <v>15</v>
      </c>
      <c r="G89287" s="16">
        <v>0</v>
      </c>
    </row>
    <row r="89288" spans="1:7" x14ac:dyDescent="0.3">
      <c r="A89288" s="13" t="s">
        <v>447</v>
      </c>
      <c r="B89288" s="14" t="s">
        <v>1</v>
      </c>
      <c r="C89288" s="14" t="s">
        <v>96</v>
      </c>
      <c r="D89288" s="14" t="s">
        <v>126</v>
      </c>
      <c r="E89288" s="15">
        <v>45604</v>
      </c>
      <c r="F89288" s="14" t="s">
        <v>15</v>
      </c>
      <c r="G89288" s="16">
        <v>0</v>
      </c>
    </row>
    <row r="89289" spans="1:7" x14ac:dyDescent="0.3">
      <c r="A89289" s="13" t="s">
        <v>447</v>
      </c>
      <c r="B89289" s="14" t="s">
        <v>1</v>
      </c>
      <c r="C89289" s="14" t="s">
        <v>96</v>
      </c>
      <c r="D89289" s="14" t="s">
        <v>126</v>
      </c>
      <c r="E89289" s="15">
        <v>45605</v>
      </c>
      <c r="F89289" s="14" t="s">
        <v>15</v>
      </c>
      <c r="G89289" s="16">
        <v>0</v>
      </c>
    </row>
    <row r="89290" spans="1:7" x14ac:dyDescent="0.3">
      <c r="A89290" s="13" t="s">
        <v>447</v>
      </c>
      <c r="B89290" s="14" t="s">
        <v>1</v>
      </c>
      <c r="C89290" s="14" t="s">
        <v>96</v>
      </c>
      <c r="D89290" s="14" t="s">
        <v>126</v>
      </c>
      <c r="E89290" s="15">
        <v>45606</v>
      </c>
      <c r="F89290" s="14" t="s">
        <v>15</v>
      </c>
      <c r="G89290" s="16">
        <v>0</v>
      </c>
    </row>
    <row r="89291" spans="1:7" x14ac:dyDescent="0.3">
      <c r="A89291" s="13" t="s">
        <v>447</v>
      </c>
      <c r="B89291" s="14" t="s">
        <v>1</v>
      </c>
      <c r="C89291" s="14" t="s">
        <v>96</v>
      </c>
      <c r="D89291" s="14" t="s">
        <v>126</v>
      </c>
      <c r="E89291" s="15">
        <v>45607</v>
      </c>
      <c r="F89291" s="14" t="s">
        <v>15</v>
      </c>
      <c r="G89291" s="16">
        <v>0</v>
      </c>
    </row>
    <row r="89292" spans="1:7" x14ac:dyDescent="0.3">
      <c r="A89292" s="13" t="s">
        <v>447</v>
      </c>
      <c r="B89292" s="14" t="s">
        <v>1</v>
      </c>
      <c r="C89292" s="14" t="s">
        <v>96</v>
      </c>
      <c r="D89292" s="14" t="s">
        <v>126</v>
      </c>
      <c r="E89292" s="15">
        <v>45608</v>
      </c>
      <c r="F89292" s="14" t="s">
        <v>15</v>
      </c>
      <c r="G89292" s="16">
        <v>0</v>
      </c>
    </row>
    <row r="89293" spans="1:7" x14ac:dyDescent="0.3">
      <c r="A89293" s="13" t="s">
        <v>447</v>
      </c>
      <c r="B89293" s="14" t="s">
        <v>1</v>
      </c>
      <c r="C89293" s="14" t="s">
        <v>96</v>
      </c>
      <c r="D89293" s="14" t="s">
        <v>126</v>
      </c>
      <c r="E89293" s="15">
        <v>45609</v>
      </c>
      <c r="F89293" s="14" t="s">
        <v>15</v>
      </c>
      <c r="G89293" s="16">
        <v>0</v>
      </c>
    </row>
    <row r="89294" spans="1:7" x14ac:dyDescent="0.3">
      <c r="A89294" s="13" t="s">
        <v>447</v>
      </c>
      <c r="B89294" s="14" t="s">
        <v>1</v>
      </c>
      <c r="C89294" s="14" t="s">
        <v>96</v>
      </c>
      <c r="D89294" s="14" t="s">
        <v>126</v>
      </c>
      <c r="E89294" s="15">
        <v>45610</v>
      </c>
      <c r="F89294" s="14" t="s">
        <v>15</v>
      </c>
      <c r="G89294" s="16">
        <v>0</v>
      </c>
    </row>
    <row r="89295" spans="1:7" x14ac:dyDescent="0.3">
      <c r="A89295" s="13" t="s">
        <v>447</v>
      </c>
      <c r="B89295" s="14" t="s">
        <v>1</v>
      </c>
      <c r="C89295" s="14" t="s">
        <v>96</v>
      </c>
      <c r="D89295" s="14" t="s">
        <v>126</v>
      </c>
      <c r="E89295" s="15">
        <v>45611</v>
      </c>
      <c r="F89295" s="14" t="s">
        <v>15</v>
      </c>
      <c r="G89295" s="16">
        <v>0</v>
      </c>
    </row>
    <row r="89296" spans="1:7" x14ac:dyDescent="0.3">
      <c r="A89296" s="13" t="s">
        <v>447</v>
      </c>
      <c r="B89296" s="14" t="s">
        <v>1</v>
      </c>
      <c r="C89296" s="14" t="s">
        <v>96</v>
      </c>
      <c r="D89296" s="14" t="s">
        <v>126</v>
      </c>
      <c r="E89296" s="15">
        <v>45612</v>
      </c>
      <c r="F89296" s="14" t="s">
        <v>15</v>
      </c>
      <c r="G89296" s="16">
        <v>0</v>
      </c>
    </row>
    <row r="89297" spans="1:7" x14ac:dyDescent="0.3">
      <c r="A89297" s="13" t="s">
        <v>447</v>
      </c>
      <c r="B89297" s="14" t="s">
        <v>1</v>
      </c>
      <c r="C89297" s="14" t="s">
        <v>96</v>
      </c>
      <c r="D89297" s="14" t="s">
        <v>126</v>
      </c>
      <c r="E89297" s="15">
        <v>45613</v>
      </c>
      <c r="F89297" s="14" t="s">
        <v>15</v>
      </c>
      <c r="G89297" s="16">
        <v>0</v>
      </c>
    </row>
    <row r="89298" spans="1:7" x14ac:dyDescent="0.3">
      <c r="A89298" s="13" t="s">
        <v>447</v>
      </c>
      <c r="B89298" s="14" t="s">
        <v>1</v>
      </c>
      <c r="C89298" s="14" t="s">
        <v>96</v>
      </c>
      <c r="D89298" s="14" t="s">
        <v>126</v>
      </c>
      <c r="E89298" s="15">
        <v>45614</v>
      </c>
      <c r="F89298" s="14" t="s">
        <v>15</v>
      </c>
      <c r="G89298" s="16">
        <v>0</v>
      </c>
    </row>
    <row r="89299" spans="1:7" x14ac:dyDescent="0.3">
      <c r="A89299" s="13" t="s">
        <v>447</v>
      </c>
      <c r="B89299" s="14" t="s">
        <v>1</v>
      </c>
      <c r="C89299" s="14" t="s">
        <v>96</v>
      </c>
      <c r="D89299" s="14" t="s">
        <v>126</v>
      </c>
      <c r="E89299" s="15">
        <v>45615</v>
      </c>
      <c r="F89299" s="14" t="s">
        <v>15</v>
      </c>
      <c r="G89299" s="16">
        <v>0</v>
      </c>
    </row>
    <row r="89300" spans="1:7" x14ac:dyDescent="0.3">
      <c r="A89300" s="13" t="s">
        <v>447</v>
      </c>
      <c r="B89300" s="14" t="s">
        <v>1</v>
      </c>
      <c r="C89300" s="14" t="s">
        <v>96</v>
      </c>
      <c r="D89300" s="14" t="s">
        <v>126</v>
      </c>
      <c r="E89300" s="15">
        <v>45616</v>
      </c>
      <c r="F89300" s="14" t="s">
        <v>15</v>
      </c>
      <c r="G89300" s="16">
        <v>0</v>
      </c>
    </row>
    <row r="89301" spans="1:7" x14ac:dyDescent="0.3">
      <c r="A89301" s="13" t="s">
        <v>447</v>
      </c>
      <c r="B89301" s="14" t="s">
        <v>1</v>
      </c>
      <c r="C89301" s="14" t="s">
        <v>96</v>
      </c>
      <c r="D89301" s="14" t="s">
        <v>126</v>
      </c>
      <c r="E89301" s="15">
        <v>45617</v>
      </c>
      <c r="F89301" s="14" t="s">
        <v>15</v>
      </c>
      <c r="G89301" s="16">
        <v>0</v>
      </c>
    </row>
    <row r="89302" spans="1:7" x14ac:dyDescent="0.3">
      <c r="A89302" s="13" t="s">
        <v>447</v>
      </c>
      <c r="B89302" s="14" t="s">
        <v>1</v>
      </c>
      <c r="C89302" s="14" t="s">
        <v>96</v>
      </c>
      <c r="D89302" s="14" t="s">
        <v>126</v>
      </c>
      <c r="E89302" s="15">
        <v>45618</v>
      </c>
      <c r="F89302" s="14" t="s">
        <v>15</v>
      </c>
      <c r="G89302" s="16">
        <v>0</v>
      </c>
    </row>
    <row r="89303" spans="1:7" x14ac:dyDescent="0.3">
      <c r="A89303" s="13" t="s">
        <v>447</v>
      </c>
      <c r="B89303" s="14" t="s">
        <v>1</v>
      </c>
      <c r="C89303" s="14" t="s">
        <v>96</v>
      </c>
      <c r="D89303" s="14" t="s">
        <v>126</v>
      </c>
      <c r="E89303" s="15">
        <v>45619</v>
      </c>
      <c r="F89303" s="14" t="s">
        <v>15</v>
      </c>
      <c r="G89303" s="16">
        <v>0</v>
      </c>
    </row>
    <row r="89304" spans="1:7" x14ac:dyDescent="0.3">
      <c r="A89304" s="13" t="s">
        <v>447</v>
      </c>
      <c r="B89304" s="14" t="s">
        <v>1</v>
      </c>
      <c r="C89304" s="14" t="s">
        <v>96</v>
      </c>
      <c r="D89304" s="14" t="s">
        <v>126</v>
      </c>
      <c r="E89304" s="15">
        <v>45620</v>
      </c>
      <c r="F89304" s="14" t="s">
        <v>15</v>
      </c>
      <c r="G89304" s="16">
        <v>0</v>
      </c>
    </row>
    <row r="89305" spans="1:7" x14ac:dyDescent="0.3">
      <c r="A89305" s="13" t="s">
        <v>447</v>
      </c>
      <c r="B89305" s="14" t="s">
        <v>1</v>
      </c>
      <c r="C89305" s="14" t="s">
        <v>96</v>
      </c>
      <c r="D89305" s="14" t="s">
        <v>126</v>
      </c>
      <c r="E89305" s="15">
        <v>45621</v>
      </c>
      <c r="F89305" s="14" t="s">
        <v>15</v>
      </c>
      <c r="G89305" s="16">
        <v>0</v>
      </c>
    </row>
    <row r="89306" spans="1:7" x14ac:dyDescent="0.3">
      <c r="A89306" s="13" t="s">
        <v>447</v>
      </c>
      <c r="B89306" s="14" t="s">
        <v>1</v>
      </c>
      <c r="C89306" s="14" t="s">
        <v>96</v>
      </c>
      <c r="D89306" s="14" t="s">
        <v>126</v>
      </c>
      <c r="E89306" s="15">
        <v>45622</v>
      </c>
      <c r="F89306" s="14" t="s">
        <v>15</v>
      </c>
      <c r="G89306" s="16">
        <v>0</v>
      </c>
    </row>
    <row r="89307" spans="1:7" x14ac:dyDescent="0.3">
      <c r="A89307" s="13" t="s">
        <v>447</v>
      </c>
      <c r="B89307" s="14" t="s">
        <v>1</v>
      </c>
      <c r="C89307" s="14" t="s">
        <v>96</v>
      </c>
      <c r="D89307" s="14" t="s">
        <v>126</v>
      </c>
      <c r="E89307" s="15">
        <v>45623</v>
      </c>
      <c r="F89307" s="14" t="s">
        <v>15</v>
      </c>
      <c r="G89307" s="16">
        <v>0</v>
      </c>
    </row>
    <row r="89308" spans="1:7" x14ac:dyDescent="0.3">
      <c r="A89308" s="13" t="s">
        <v>447</v>
      </c>
      <c r="B89308" s="14" t="s">
        <v>1</v>
      </c>
      <c r="C89308" s="14" t="s">
        <v>96</v>
      </c>
      <c r="D89308" s="14" t="s">
        <v>126</v>
      </c>
      <c r="E89308" s="15">
        <v>45624</v>
      </c>
      <c r="F89308" s="14" t="s">
        <v>15</v>
      </c>
      <c r="G89308" s="16">
        <v>0</v>
      </c>
    </row>
    <row r="89309" spans="1:7" x14ac:dyDescent="0.3">
      <c r="A89309" s="13" t="s">
        <v>447</v>
      </c>
      <c r="B89309" s="14" t="s">
        <v>1</v>
      </c>
      <c r="C89309" s="14" t="s">
        <v>96</v>
      </c>
      <c r="D89309" s="14" t="s">
        <v>126</v>
      </c>
      <c r="E89309" s="15">
        <v>45625</v>
      </c>
      <c r="F89309" s="14" t="s">
        <v>15</v>
      </c>
      <c r="G89309" s="16">
        <v>0</v>
      </c>
    </row>
    <row r="89310" spans="1:7" x14ac:dyDescent="0.3">
      <c r="A89310" s="13" t="s">
        <v>447</v>
      </c>
      <c r="B89310" s="14" t="s">
        <v>1</v>
      </c>
      <c r="C89310" s="14" t="s">
        <v>96</v>
      </c>
      <c r="D89310" s="14" t="s">
        <v>126</v>
      </c>
      <c r="E89310" s="15">
        <v>45626</v>
      </c>
      <c r="F89310" s="14" t="s">
        <v>15</v>
      </c>
      <c r="G89310" s="16">
        <v>0</v>
      </c>
    </row>
    <row r="89311" spans="1:7" x14ac:dyDescent="0.3">
      <c r="A89311" s="13" t="s">
        <v>447</v>
      </c>
      <c r="B89311" s="14" t="s">
        <v>1</v>
      </c>
      <c r="C89311" s="14" t="s">
        <v>96</v>
      </c>
      <c r="D89311" s="14" t="s">
        <v>126</v>
      </c>
      <c r="E89311" s="15">
        <v>45627</v>
      </c>
      <c r="F89311" s="14" t="s">
        <v>15</v>
      </c>
      <c r="G89311" s="16">
        <v>0</v>
      </c>
    </row>
    <row r="89312" spans="1:7" x14ac:dyDescent="0.3">
      <c r="A89312" s="13" t="s">
        <v>447</v>
      </c>
      <c r="B89312" s="14" t="s">
        <v>1</v>
      </c>
      <c r="C89312" s="14" t="s">
        <v>96</v>
      </c>
      <c r="D89312" s="14" t="s">
        <v>126</v>
      </c>
      <c r="E89312" s="15">
        <v>45628</v>
      </c>
      <c r="F89312" s="14" t="s">
        <v>15</v>
      </c>
      <c r="G89312" s="16">
        <v>0</v>
      </c>
    </row>
    <row r="89313" spans="1:7" x14ac:dyDescent="0.3">
      <c r="A89313" s="13" t="s">
        <v>447</v>
      </c>
      <c r="B89313" s="14" t="s">
        <v>1</v>
      </c>
      <c r="C89313" s="14" t="s">
        <v>96</v>
      </c>
      <c r="D89313" s="14" t="s">
        <v>126</v>
      </c>
      <c r="E89313" s="15">
        <v>45629</v>
      </c>
      <c r="F89313" s="14" t="s">
        <v>15</v>
      </c>
      <c r="G89313" s="16">
        <v>0</v>
      </c>
    </row>
    <row r="89314" spans="1:7" x14ac:dyDescent="0.3">
      <c r="A89314" s="13" t="s">
        <v>447</v>
      </c>
      <c r="B89314" s="14" t="s">
        <v>1</v>
      </c>
      <c r="C89314" s="14" t="s">
        <v>96</v>
      </c>
      <c r="D89314" s="14" t="s">
        <v>126</v>
      </c>
      <c r="E89314" s="15">
        <v>45630</v>
      </c>
      <c r="F89314" s="14" t="s">
        <v>15</v>
      </c>
      <c r="G89314" s="16">
        <v>0</v>
      </c>
    </row>
    <row r="89315" spans="1:7" x14ac:dyDescent="0.3">
      <c r="A89315" s="13" t="s">
        <v>447</v>
      </c>
      <c r="B89315" s="14" t="s">
        <v>1</v>
      </c>
      <c r="C89315" s="14" t="s">
        <v>96</v>
      </c>
      <c r="D89315" s="14" t="s">
        <v>126</v>
      </c>
      <c r="E89315" s="15">
        <v>45631</v>
      </c>
      <c r="F89315" s="14" t="s">
        <v>15</v>
      </c>
      <c r="G89315" s="16">
        <v>0</v>
      </c>
    </row>
    <row r="89316" spans="1:7" x14ac:dyDescent="0.3">
      <c r="A89316" s="13" t="s">
        <v>447</v>
      </c>
      <c r="B89316" s="14" t="s">
        <v>1</v>
      </c>
      <c r="C89316" s="14" t="s">
        <v>96</v>
      </c>
      <c r="D89316" s="14" t="s">
        <v>126</v>
      </c>
      <c r="E89316" s="15">
        <v>45632</v>
      </c>
      <c r="F89316" s="14" t="s">
        <v>15</v>
      </c>
      <c r="G89316" s="16">
        <v>0</v>
      </c>
    </row>
    <row r="89317" spans="1:7" x14ac:dyDescent="0.3">
      <c r="A89317" s="13" t="s">
        <v>447</v>
      </c>
      <c r="B89317" s="14" t="s">
        <v>1</v>
      </c>
      <c r="C89317" s="14" t="s">
        <v>96</v>
      </c>
      <c r="D89317" s="14" t="s">
        <v>126</v>
      </c>
      <c r="E89317" s="15">
        <v>45633</v>
      </c>
      <c r="F89317" s="14" t="s">
        <v>15</v>
      </c>
      <c r="G89317" s="16">
        <v>0</v>
      </c>
    </row>
    <row r="89318" spans="1:7" x14ac:dyDescent="0.3">
      <c r="A89318" s="13" t="s">
        <v>447</v>
      </c>
      <c r="B89318" s="14" t="s">
        <v>1</v>
      </c>
      <c r="C89318" s="14" t="s">
        <v>96</v>
      </c>
      <c r="D89318" s="14" t="s">
        <v>126</v>
      </c>
      <c r="E89318" s="15">
        <v>45634</v>
      </c>
      <c r="F89318" s="14" t="s">
        <v>15</v>
      </c>
      <c r="G89318" s="16">
        <v>0</v>
      </c>
    </row>
    <row r="89319" spans="1:7" x14ac:dyDescent="0.3">
      <c r="A89319" s="13" t="s">
        <v>447</v>
      </c>
      <c r="B89319" s="14" t="s">
        <v>1</v>
      </c>
      <c r="C89319" s="14" t="s">
        <v>96</v>
      </c>
      <c r="D89319" s="14" t="s">
        <v>126</v>
      </c>
      <c r="E89319" s="15">
        <v>45635</v>
      </c>
      <c r="F89319" s="14" t="s">
        <v>15</v>
      </c>
      <c r="G89319" s="16">
        <v>0</v>
      </c>
    </row>
    <row r="89320" spans="1:7" x14ac:dyDescent="0.3">
      <c r="A89320" s="13" t="s">
        <v>447</v>
      </c>
      <c r="B89320" s="14" t="s">
        <v>1</v>
      </c>
      <c r="C89320" s="14" t="s">
        <v>96</v>
      </c>
      <c r="D89320" s="14" t="s">
        <v>126</v>
      </c>
      <c r="E89320" s="15">
        <v>45636</v>
      </c>
      <c r="F89320" s="14" t="s">
        <v>15</v>
      </c>
      <c r="G89320" s="16">
        <v>0</v>
      </c>
    </row>
    <row r="89321" spans="1:7" x14ac:dyDescent="0.3">
      <c r="A89321" s="13" t="s">
        <v>447</v>
      </c>
      <c r="B89321" s="14" t="s">
        <v>1</v>
      </c>
      <c r="C89321" s="14" t="s">
        <v>96</v>
      </c>
      <c r="D89321" s="14" t="s">
        <v>126</v>
      </c>
      <c r="E89321" s="15">
        <v>45637</v>
      </c>
      <c r="F89321" s="14" t="s">
        <v>15</v>
      </c>
      <c r="G89321" s="16">
        <v>0</v>
      </c>
    </row>
    <row r="89322" spans="1:7" x14ac:dyDescent="0.3">
      <c r="A89322" s="13" t="s">
        <v>447</v>
      </c>
      <c r="B89322" s="14" t="s">
        <v>1</v>
      </c>
      <c r="C89322" s="14" t="s">
        <v>96</v>
      </c>
      <c r="D89322" s="14" t="s">
        <v>126</v>
      </c>
      <c r="E89322" s="15">
        <v>45638</v>
      </c>
      <c r="F89322" s="14" t="s">
        <v>15</v>
      </c>
      <c r="G89322" s="16">
        <v>0</v>
      </c>
    </row>
    <row r="89323" spans="1:7" x14ac:dyDescent="0.3">
      <c r="A89323" s="13" t="s">
        <v>447</v>
      </c>
      <c r="B89323" s="14" t="s">
        <v>1</v>
      </c>
      <c r="C89323" s="14" t="s">
        <v>96</v>
      </c>
      <c r="D89323" s="14" t="s">
        <v>126</v>
      </c>
      <c r="E89323" s="15">
        <v>45639</v>
      </c>
      <c r="F89323" s="14" t="s">
        <v>15</v>
      </c>
      <c r="G89323" s="16">
        <v>0</v>
      </c>
    </row>
    <row r="89324" spans="1:7" x14ac:dyDescent="0.3">
      <c r="A89324" s="13" t="s">
        <v>447</v>
      </c>
      <c r="B89324" s="14" t="s">
        <v>1</v>
      </c>
      <c r="C89324" s="14" t="s">
        <v>96</v>
      </c>
      <c r="D89324" s="14" t="s">
        <v>126</v>
      </c>
      <c r="E89324" s="15">
        <v>45640</v>
      </c>
      <c r="F89324" s="14" t="s">
        <v>15</v>
      </c>
      <c r="G89324" s="16">
        <v>0</v>
      </c>
    </row>
    <row r="89325" spans="1:7" x14ac:dyDescent="0.3">
      <c r="A89325" s="13" t="s">
        <v>447</v>
      </c>
      <c r="B89325" s="14" t="s">
        <v>1</v>
      </c>
      <c r="C89325" s="14" t="s">
        <v>96</v>
      </c>
      <c r="D89325" s="14" t="s">
        <v>126</v>
      </c>
      <c r="E89325" s="15">
        <v>45641</v>
      </c>
      <c r="F89325" s="14" t="s">
        <v>15</v>
      </c>
      <c r="G89325" s="16">
        <v>0</v>
      </c>
    </row>
    <row r="89326" spans="1:7" x14ac:dyDescent="0.3">
      <c r="A89326" s="13" t="s">
        <v>447</v>
      </c>
      <c r="B89326" s="14" t="s">
        <v>1</v>
      </c>
      <c r="C89326" s="14" t="s">
        <v>96</v>
      </c>
      <c r="D89326" s="14" t="s">
        <v>126</v>
      </c>
      <c r="E89326" s="15">
        <v>45642</v>
      </c>
      <c r="F89326" s="14" t="s">
        <v>15</v>
      </c>
      <c r="G89326" s="16">
        <v>0</v>
      </c>
    </row>
    <row r="89327" spans="1:7" x14ac:dyDescent="0.3">
      <c r="A89327" s="13" t="s">
        <v>447</v>
      </c>
      <c r="B89327" s="14" t="s">
        <v>1</v>
      </c>
      <c r="C89327" s="14" t="s">
        <v>96</v>
      </c>
      <c r="D89327" s="14" t="s">
        <v>126</v>
      </c>
      <c r="E89327" s="15">
        <v>45643</v>
      </c>
      <c r="F89327" s="14" t="s">
        <v>15</v>
      </c>
      <c r="G89327" s="16">
        <v>0</v>
      </c>
    </row>
    <row r="89328" spans="1:7" x14ac:dyDescent="0.3">
      <c r="A89328" s="13" t="s">
        <v>447</v>
      </c>
      <c r="B89328" s="14" t="s">
        <v>1</v>
      </c>
      <c r="C89328" s="14" t="s">
        <v>96</v>
      </c>
      <c r="D89328" s="14" t="s">
        <v>126</v>
      </c>
      <c r="E89328" s="15">
        <v>45644</v>
      </c>
      <c r="F89328" s="14" t="s">
        <v>15</v>
      </c>
      <c r="G89328" s="16">
        <v>0</v>
      </c>
    </row>
    <row r="89329" spans="1:7" x14ac:dyDescent="0.3">
      <c r="A89329" s="13" t="s">
        <v>447</v>
      </c>
      <c r="B89329" s="14" t="s">
        <v>1</v>
      </c>
      <c r="C89329" s="14" t="s">
        <v>96</v>
      </c>
      <c r="D89329" s="14" t="s">
        <v>126</v>
      </c>
      <c r="E89329" s="15">
        <v>45645</v>
      </c>
      <c r="F89329" s="14" t="s">
        <v>15</v>
      </c>
      <c r="G89329" s="16">
        <v>0</v>
      </c>
    </row>
    <row r="89330" spans="1:7" x14ac:dyDescent="0.3">
      <c r="A89330" s="13" t="s">
        <v>447</v>
      </c>
      <c r="B89330" s="14" t="s">
        <v>1</v>
      </c>
      <c r="C89330" s="14" t="s">
        <v>96</v>
      </c>
      <c r="D89330" s="14" t="s">
        <v>126</v>
      </c>
      <c r="E89330" s="15">
        <v>45646</v>
      </c>
      <c r="F89330" s="14" t="s">
        <v>15</v>
      </c>
      <c r="G89330" s="16">
        <v>0</v>
      </c>
    </row>
    <row r="89331" spans="1:7" x14ac:dyDescent="0.3">
      <c r="A89331" s="13" t="s">
        <v>447</v>
      </c>
      <c r="B89331" s="14" t="s">
        <v>1</v>
      </c>
      <c r="C89331" s="14" t="s">
        <v>96</v>
      </c>
      <c r="D89331" s="14" t="s">
        <v>126</v>
      </c>
      <c r="E89331" s="15">
        <v>45647</v>
      </c>
      <c r="F89331" s="14" t="s">
        <v>15</v>
      </c>
      <c r="G89331" s="16">
        <v>0</v>
      </c>
    </row>
    <row r="89332" spans="1:7" x14ac:dyDescent="0.3">
      <c r="A89332" s="13" t="s">
        <v>447</v>
      </c>
      <c r="B89332" s="14" t="s">
        <v>1</v>
      </c>
      <c r="C89332" s="14" t="s">
        <v>96</v>
      </c>
      <c r="D89332" s="14" t="s">
        <v>126</v>
      </c>
      <c r="E89332" s="15">
        <v>45648</v>
      </c>
      <c r="F89332" s="14" t="s">
        <v>15</v>
      </c>
      <c r="G89332" s="16">
        <v>0</v>
      </c>
    </row>
    <row r="89333" spans="1:7" x14ac:dyDescent="0.3">
      <c r="A89333" s="13" t="s">
        <v>447</v>
      </c>
      <c r="B89333" s="14" t="s">
        <v>1</v>
      </c>
      <c r="C89333" s="14" t="s">
        <v>96</v>
      </c>
      <c r="D89333" s="14" t="s">
        <v>126</v>
      </c>
      <c r="E89333" s="15">
        <v>45649</v>
      </c>
      <c r="F89333" s="14" t="s">
        <v>15</v>
      </c>
      <c r="G89333" s="16">
        <v>0</v>
      </c>
    </row>
    <row r="89334" spans="1:7" x14ac:dyDescent="0.3">
      <c r="A89334" s="13" t="s">
        <v>447</v>
      </c>
      <c r="B89334" s="14" t="s">
        <v>1</v>
      </c>
      <c r="C89334" s="14" t="s">
        <v>96</v>
      </c>
      <c r="D89334" s="14" t="s">
        <v>126</v>
      </c>
      <c r="E89334" s="15">
        <v>45650</v>
      </c>
      <c r="F89334" s="14" t="s">
        <v>15</v>
      </c>
      <c r="G89334" s="16">
        <v>0</v>
      </c>
    </row>
    <row r="89335" spans="1:7" x14ac:dyDescent="0.3">
      <c r="A89335" s="13" t="s">
        <v>447</v>
      </c>
      <c r="B89335" s="14" t="s">
        <v>1</v>
      </c>
      <c r="C89335" s="14" t="s">
        <v>96</v>
      </c>
      <c r="D89335" s="14" t="s">
        <v>126</v>
      </c>
      <c r="E89335" s="15">
        <v>45651</v>
      </c>
      <c r="F89335" s="14" t="s">
        <v>15</v>
      </c>
      <c r="G89335" s="16">
        <v>0</v>
      </c>
    </row>
    <row r="89336" spans="1:7" x14ac:dyDescent="0.3">
      <c r="A89336" s="13" t="s">
        <v>447</v>
      </c>
      <c r="B89336" s="14" t="s">
        <v>1</v>
      </c>
      <c r="C89336" s="14" t="s">
        <v>96</v>
      </c>
      <c r="D89336" s="14" t="s">
        <v>126</v>
      </c>
      <c r="E89336" s="15">
        <v>45652</v>
      </c>
      <c r="F89336" s="14" t="s">
        <v>15</v>
      </c>
      <c r="G89336" s="16">
        <v>0</v>
      </c>
    </row>
    <row r="89337" spans="1:7" x14ac:dyDescent="0.3">
      <c r="A89337" s="13" t="s">
        <v>447</v>
      </c>
      <c r="B89337" s="14" t="s">
        <v>1</v>
      </c>
      <c r="C89337" s="14" t="s">
        <v>96</v>
      </c>
      <c r="D89337" s="14" t="s">
        <v>126</v>
      </c>
      <c r="E89337" s="15">
        <v>45653</v>
      </c>
      <c r="F89337" s="14" t="s">
        <v>15</v>
      </c>
      <c r="G89337" s="16">
        <v>0</v>
      </c>
    </row>
    <row r="89338" spans="1:7" x14ac:dyDescent="0.3">
      <c r="A89338" s="13" t="s">
        <v>447</v>
      </c>
      <c r="B89338" s="14" t="s">
        <v>1</v>
      </c>
      <c r="C89338" s="14" t="s">
        <v>96</v>
      </c>
      <c r="D89338" s="14" t="s">
        <v>126</v>
      </c>
      <c r="E89338" s="15">
        <v>45654</v>
      </c>
      <c r="F89338" s="14" t="s">
        <v>15</v>
      </c>
      <c r="G89338" s="16">
        <v>0</v>
      </c>
    </row>
    <row r="89339" spans="1:7" x14ac:dyDescent="0.3">
      <c r="A89339" s="13" t="s">
        <v>447</v>
      </c>
      <c r="B89339" s="14" t="s">
        <v>1</v>
      </c>
      <c r="C89339" s="14" t="s">
        <v>96</v>
      </c>
      <c r="D89339" s="14" t="s">
        <v>126</v>
      </c>
      <c r="E89339" s="15">
        <v>45655</v>
      </c>
      <c r="F89339" s="14" t="s">
        <v>15</v>
      </c>
      <c r="G89339" s="16">
        <v>0</v>
      </c>
    </row>
    <row r="89340" spans="1:7" x14ac:dyDescent="0.3">
      <c r="A89340" s="13" t="s">
        <v>447</v>
      </c>
      <c r="B89340" s="14" t="s">
        <v>1</v>
      </c>
      <c r="C89340" s="14" t="s">
        <v>96</v>
      </c>
      <c r="D89340" s="14" t="s">
        <v>126</v>
      </c>
      <c r="E89340" s="15">
        <v>45656</v>
      </c>
      <c r="F89340" s="14" t="s">
        <v>15</v>
      </c>
      <c r="G89340" s="16">
        <v>0</v>
      </c>
    </row>
    <row r="89341" spans="1:7" x14ac:dyDescent="0.3">
      <c r="A89341" s="13" t="s">
        <v>447</v>
      </c>
      <c r="B89341" s="14" t="s">
        <v>1</v>
      </c>
      <c r="C89341" s="14" t="s">
        <v>96</v>
      </c>
      <c r="D89341" s="14" t="s">
        <v>126</v>
      </c>
      <c r="E89341" s="15">
        <v>45657</v>
      </c>
      <c r="F89341" s="14" t="s">
        <v>15</v>
      </c>
      <c r="G89341" s="16">
        <v>0</v>
      </c>
    </row>
    <row r="89342" spans="1:7" x14ac:dyDescent="0.3">
      <c r="A89342" s="13" t="s">
        <v>447</v>
      </c>
      <c r="B89342" s="14" t="s">
        <v>1</v>
      </c>
      <c r="C89342" s="14" t="s">
        <v>96</v>
      </c>
      <c r="D89342" s="14" t="s">
        <v>126</v>
      </c>
      <c r="E89342" s="15">
        <v>45658</v>
      </c>
      <c r="F89342" s="14" t="s">
        <v>15</v>
      </c>
      <c r="G89342" s="16">
        <v>0</v>
      </c>
    </row>
    <row r="89343" spans="1:7" x14ac:dyDescent="0.3">
      <c r="A89343" s="13" t="s">
        <v>447</v>
      </c>
      <c r="B89343" s="14" t="s">
        <v>1</v>
      </c>
      <c r="C89343" s="14" t="s">
        <v>96</v>
      </c>
      <c r="D89343" s="14" t="s">
        <v>126</v>
      </c>
      <c r="E89343" s="15">
        <v>45659</v>
      </c>
      <c r="F89343" s="14" t="s">
        <v>15</v>
      </c>
      <c r="G89343" s="16">
        <v>0</v>
      </c>
    </row>
    <row r="89344" spans="1:7" x14ac:dyDescent="0.3">
      <c r="A89344" s="13" t="s">
        <v>447</v>
      </c>
      <c r="B89344" s="14" t="s">
        <v>1</v>
      </c>
      <c r="C89344" s="14" t="s">
        <v>96</v>
      </c>
      <c r="D89344" s="14" t="s">
        <v>126</v>
      </c>
      <c r="E89344" s="15">
        <v>45660</v>
      </c>
      <c r="F89344" s="14" t="s">
        <v>15</v>
      </c>
      <c r="G89344" s="16">
        <v>0</v>
      </c>
    </row>
    <row r="89345" spans="1:7" x14ac:dyDescent="0.3">
      <c r="A89345" s="13" t="s">
        <v>447</v>
      </c>
      <c r="B89345" s="14" t="s">
        <v>1</v>
      </c>
      <c r="C89345" s="14" t="s">
        <v>96</v>
      </c>
      <c r="D89345" s="14" t="s">
        <v>126</v>
      </c>
      <c r="E89345" s="15">
        <v>45661</v>
      </c>
      <c r="F89345" s="14" t="s">
        <v>15</v>
      </c>
      <c r="G89345" s="16">
        <v>0</v>
      </c>
    </row>
    <row r="89346" spans="1:7" x14ac:dyDescent="0.3">
      <c r="A89346" s="13" t="s">
        <v>447</v>
      </c>
      <c r="B89346" s="14" t="s">
        <v>1</v>
      </c>
      <c r="C89346" s="14" t="s">
        <v>96</v>
      </c>
      <c r="D89346" s="14" t="s">
        <v>126</v>
      </c>
      <c r="E89346" s="15">
        <v>45662</v>
      </c>
      <c r="F89346" s="14" t="s">
        <v>15</v>
      </c>
      <c r="G89346" s="16">
        <v>0</v>
      </c>
    </row>
    <row r="89347" spans="1:7" x14ac:dyDescent="0.3">
      <c r="A89347" s="13" t="s">
        <v>447</v>
      </c>
      <c r="B89347" s="14" t="s">
        <v>1</v>
      </c>
      <c r="C89347" s="14" t="s">
        <v>96</v>
      </c>
      <c r="D89347" s="14" t="s">
        <v>126</v>
      </c>
      <c r="E89347" s="15">
        <v>45663</v>
      </c>
      <c r="F89347" s="14" t="s">
        <v>15</v>
      </c>
      <c r="G89347" s="16">
        <v>0</v>
      </c>
    </row>
    <row r="89348" spans="1:7" x14ac:dyDescent="0.3">
      <c r="A89348" s="13" t="s">
        <v>447</v>
      </c>
      <c r="B89348" s="14" t="s">
        <v>1</v>
      </c>
      <c r="C89348" s="14" t="s">
        <v>96</v>
      </c>
      <c r="D89348" s="14" t="s">
        <v>126</v>
      </c>
      <c r="E89348" s="15">
        <v>45664</v>
      </c>
      <c r="F89348" s="14" t="s">
        <v>15</v>
      </c>
      <c r="G89348" s="16">
        <v>0</v>
      </c>
    </row>
    <row r="89349" spans="1:7" x14ac:dyDescent="0.3">
      <c r="A89349" s="13" t="s">
        <v>447</v>
      </c>
      <c r="B89349" s="14" t="s">
        <v>1</v>
      </c>
      <c r="C89349" s="14" t="s">
        <v>96</v>
      </c>
      <c r="D89349" s="14" t="s">
        <v>126</v>
      </c>
      <c r="E89349" s="15">
        <v>45665</v>
      </c>
      <c r="F89349" s="14" t="s">
        <v>15</v>
      </c>
      <c r="G89349" s="16">
        <v>0</v>
      </c>
    </row>
    <row r="89350" spans="1:7" x14ac:dyDescent="0.3">
      <c r="A89350" s="13" t="s">
        <v>447</v>
      </c>
      <c r="B89350" s="14" t="s">
        <v>1</v>
      </c>
      <c r="C89350" s="14" t="s">
        <v>96</v>
      </c>
      <c r="D89350" s="14" t="s">
        <v>126</v>
      </c>
      <c r="E89350" s="15">
        <v>45666</v>
      </c>
      <c r="F89350" s="14" t="s">
        <v>15</v>
      </c>
      <c r="G89350" s="16">
        <v>0</v>
      </c>
    </row>
    <row r="89351" spans="1:7" x14ac:dyDescent="0.3">
      <c r="A89351" s="13" t="s">
        <v>447</v>
      </c>
      <c r="B89351" s="14" t="s">
        <v>1</v>
      </c>
      <c r="C89351" s="14" t="s">
        <v>96</v>
      </c>
      <c r="D89351" s="14" t="s">
        <v>126</v>
      </c>
      <c r="E89351" s="15">
        <v>45667</v>
      </c>
      <c r="F89351" s="14" t="s">
        <v>15</v>
      </c>
      <c r="G89351" s="16">
        <v>0</v>
      </c>
    </row>
    <row r="89352" spans="1:7" x14ac:dyDescent="0.3">
      <c r="A89352" s="13" t="s">
        <v>447</v>
      </c>
      <c r="B89352" s="14" t="s">
        <v>1</v>
      </c>
      <c r="C89352" s="14" t="s">
        <v>96</v>
      </c>
      <c r="D89352" s="14" t="s">
        <v>126</v>
      </c>
      <c r="E89352" s="15">
        <v>45668</v>
      </c>
      <c r="F89352" s="14" t="s">
        <v>15</v>
      </c>
      <c r="G89352" s="16">
        <v>0</v>
      </c>
    </row>
    <row r="89353" spans="1:7" x14ac:dyDescent="0.3">
      <c r="A89353" s="13" t="s">
        <v>447</v>
      </c>
      <c r="B89353" s="14" t="s">
        <v>1</v>
      </c>
      <c r="C89353" s="14" t="s">
        <v>96</v>
      </c>
      <c r="D89353" s="14" t="s">
        <v>126</v>
      </c>
      <c r="E89353" s="15">
        <v>45669</v>
      </c>
      <c r="F89353" s="14" t="s">
        <v>15</v>
      </c>
      <c r="G89353" s="16">
        <v>0</v>
      </c>
    </row>
    <row r="89354" spans="1:7" x14ac:dyDescent="0.3">
      <c r="A89354" s="13" t="s">
        <v>447</v>
      </c>
      <c r="B89354" s="14" t="s">
        <v>1</v>
      </c>
      <c r="C89354" s="14" t="s">
        <v>96</v>
      </c>
      <c r="D89354" s="14" t="s">
        <v>126</v>
      </c>
      <c r="E89354" s="15">
        <v>45670</v>
      </c>
      <c r="F89354" s="14" t="s">
        <v>15</v>
      </c>
      <c r="G89354" s="16">
        <v>0</v>
      </c>
    </row>
    <row r="89355" spans="1:7" x14ac:dyDescent="0.3">
      <c r="A89355" s="13" t="s">
        <v>447</v>
      </c>
      <c r="B89355" s="14" t="s">
        <v>1</v>
      </c>
      <c r="C89355" s="14" t="s">
        <v>96</v>
      </c>
      <c r="D89355" s="14" t="s">
        <v>126</v>
      </c>
      <c r="E89355" s="15">
        <v>45671</v>
      </c>
      <c r="F89355" s="14" t="s">
        <v>15</v>
      </c>
      <c r="G89355" s="16">
        <v>0</v>
      </c>
    </row>
    <row r="89356" spans="1:7" x14ac:dyDescent="0.3">
      <c r="A89356" s="13" t="s">
        <v>447</v>
      </c>
      <c r="B89356" s="14" t="s">
        <v>1</v>
      </c>
      <c r="C89356" s="14" t="s">
        <v>96</v>
      </c>
      <c r="D89356" s="14" t="s">
        <v>126</v>
      </c>
      <c r="E89356" s="15">
        <v>45672</v>
      </c>
      <c r="F89356" s="14" t="s">
        <v>15</v>
      </c>
      <c r="G89356" s="16">
        <v>0</v>
      </c>
    </row>
    <row r="89357" spans="1:7" x14ac:dyDescent="0.3">
      <c r="A89357" s="13" t="s">
        <v>447</v>
      </c>
      <c r="B89357" s="14" t="s">
        <v>1</v>
      </c>
      <c r="C89357" s="14" t="s">
        <v>96</v>
      </c>
      <c r="D89357" s="14" t="s">
        <v>126</v>
      </c>
      <c r="E89357" s="15">
        <v>45673</v>
      </c>
      <c r="F89357" s="14" t="s">
        <v>15</v>
      </c>
      <c r="G89357" s="16">
        <v>0</v>
      </c>
    </row>
    <row r="89358" spans="1:7" x14ac:dyDescent="0.3">
      <c r="A89358" s="13" t="s">
        <v>447</v>
      </c>
      <c r="B89358" s="14" t="s">
        <v>1</v>
      </c>
      <c r="C89358" s="14" t="s">
        <v>96</v>
      </c>
      <c r="D89358" s="14" t="s">
        <v>126</v>
      </c>
      <c r="E89358" s="15">
        <v>45674</v>
      </c>
      <c r="F89358" s="14" t="s">
        <v>15</v>
      </c>
      <c r="G89358" s="16">
        <v>0</v>
      </c>
    </row>
    <row r="89359" spans="1:7" x14ac:dyDescent="0.3">
      <c r="A89359" s="13" t="s">
        <v>447</v>
      </c>
      <c r="B89359" s="14" t="s">
        <v>1</v>
      </c>
      <c r="C89359" s="14" t="s">
        <v>96</v>
      </c>
      <c r="D89359" s="14" t="s">
        <v>126</v>
      </c>
      <c r="E89359" s="15">
        <v>45675</v>
      </c>
      <c r="F89359" s="14" t="s">
        <v>15</v>
      </c>
      <c r="G89359" s="16">
        <v>0</v>
      </c>
    </row>
    <row r="89360" spans="1:7" x14ac:dyDescent="0.3">
      <c r="A89360" s="13" t="s">
        <v>447</v>
      </c>
      <c r="B89360" s="14" t="s">
        <v>1</v>
      </c>
      <c r="C89360" s="14" t="s">
        <v>96</v>
      </c>
      <c r="D89360" s="14" t="s">
        <v>126</v>
      </c>
      <c r="E89360" s="15">
        <v>45676</v>
      </c>
      <c r="F89360" s="14" t="s">
        <v>15</v>
      </c>
      <c r="G89360" s="16">
        <v>0</v>
      </c>
    </row>
    <row r="89361" spans="1:7" x14ac:dyDescent="0.3">
      <c r="A89361" s="13" t="s">
        <v>447</v>
      </c>
      <c r="B89361" s="14" t="s">
        <v>1</v>
      </c>
      <c r="C89361" s="14" t="s">
        <v>96</v>
      </c>
      <c r="D89361" s="14" t="s">
        <v>126</v>
      </c>
      <c r="E89361" s="15">
        <v>45677</v>
      </c>
      <c r="F89361" s="14" t="s">
        <v>15</v>
      </c>
      <c r="G89361" s="16">
        <v>0</v>
      </c>
    </row>
    <row r="89362" spans="1:7" x14ac:dyDescent="0.3">
      <c r="A89362" s="13" t="s">
        <v>447</v>
      </c>
      <c r="B89362" s="14" t="s">
        <v>1</v>
      </c>
      <c r="C89362" s="14" t="s">
        <v>96</v>
      </c>
      <c r="D89362" s="14" t="s">
        <v>126</v>
      </c>
      <c r="E89362" s="15">
        <v>45678</v>
      </c>
      <c r="F89362" s="14" t="s">
        <v>15</v>
      </c>
      <c r="G89362" s="16">
        <v>0</v>
      </c>
    </row>
    <row r="89363" spans="1:7" x14ac:dyDescent="0.3">
      <c r="A89363" s="13" t="s">
        <v>447</v>
      </c>
      <c r="B89363" s="14" t="s">
        <v>1</v>
      </c>
      <c r="C89363" s="14" t="s">
        <v>96</v>
      </c>
      <c r="D89363" s="14" t="s">
        <v>126</v>
      </c>
      <c r="E89363" s="15">
        <v>45679</v>
      </c>
      <c r="F89363" s="14" t="s">
        <v>15</v>
      </c>
      <c r="G89363" s="16">
        <v>0</v>
      </c>
    </row>
    <row r="89364" spans="1:7" x14ac:dyDescent="0.3">
      <c r="A89364" s="13" t="s">
        <v>447</v>
      </c>
      <c r="B89364" s="14" t="s">
        <v>1</v>
      </c>
      <c r="C89364" s="14" t="s">
        <v>96</v>
      </c>
      <c r="D89364" s="14" t="s">
        <v>126</v>
      </c>
      <c r="E89364" s="15">
        <v>45680</v>
      </c>
      <c r="F89364" s="14" t="s">
        <v>15</v>
      </c>
      <c r="G89364" s="16">
        <v>0</v>
      </c>
    </row>
    <row r="89365" spans="1:7" x14ac:dyDescent="0.3">
      <c r="A89365" s="13" t="s">
        <v>447</v>
      </c>
      <c r="B89365" s="14" t="s">
        <v>1</v>
      </c>
      <c r="C89365" s="14" t="s">
        <v>96</v>
      </c>
      <c r="D89365" s="14" t="s">
        <v>126</v>
      </c>
      <c r="E89365" s="15">
        <v>45681</v>
      </c>
      <c r="F89365" s="14" t="s">
        <v>15</v>
      </c>
      <c r="G89365" s="16">
        <v>0</v>
      </c>
    </row>
    <row r="89366" spans="1:7" x14ac:dyDescent="0.3">
      <c r="A89366" s="13" t="s">
        <v>447</v>
      </c>
      <c r="B89366" s="14" t="s">
        <v>1</v>
      </c>
      <c r="C89366" s="14" t="s">
        <v>96</v>
      </c>
      <c r="D89366" s="14" t="s">
        <v>126</v>
      </c>
      <c r="E89366" s="15">
        <v>45682</v>
      </c>
      <c r="F89366" s="14" t="s">
        <v>15</v>
      </c>
      <c r="G89366" s="16">
        <v>0</v>
      </c>
    </row>
    <row r="89367" spans="1:7" x14ac:dyDescent="0.3">
      <c r="A89367" s="13" t="s">
        <v>447</v>
      </c>
      <c r="B89367" s="14" t="s">
        <v>1</v>
      </c>
      <c r="C89367" s="14" t="s">
        <v>96</v>
      </c>
      <c r="D89367" s="14" t="s">
        <v>126</v>
      </c>
      <c r="E89367" s="15">
        <v>45683</v>
      </c>
      <c r="F89367" s="14" t="s">
        <v>15</v>
      </c>
      <c r="G89367" s="16">
        <v>0</v>
      </c>
    </row>
    <row r="89368" spans="1:7" x14ac:dyDescent="0.3">
      <c r="A89368" s="13" t="s">
        <v>447</v>
      </c>
      <c r="B89368" s="14" t="s">
        <v>1</v>
      </c>
      <c r="C89368" s="14" t="s">
        <v>96</v>
      </c>
      <c r="D89368" s="14" t="s">
        <v>126</v>
      </c>
      <c r="E89368" s="15">
        <v>45684</v>
      </c>
      <c r="F89368" s="14" t="s">
        <v>15</v>
      </c>
      <c r="G89368" s="16">
        <v>0</v>
      </c>
    </row>
    <row r="89369" spans="1:7" x14ac:dyDescent="0.3">
      <c r="A89369" s="13" t="s">
        <v>447</v>
      </c>
      <c r="B89369" s="14" t="s">
        <v>1</v>
      </c>
      <c r="C89369" s="14" t="s">
        <v>96</v>
      </c>
      <c r="D89369" s="14" t="s">
        <v>126</v>
      </c>
      <c r="E89369" s="15">
        <v>45685</v>
      </c>
      <c r="F89369" s="14" t="s">
        <v>15</v>
      </c>
      <c r="G89369" s="16">
        <v>0</v>
      </c>
    </row>
    <row r="89370" spans="1:7" x14ac:dyDescent="0.3">
      <c r="A89370" s="13" t="s">
        <v>447</v>
      </c>
      <c r="B89370" s="14" t="s">
        <v>1</v>
      </c>
      <c r="C89370" s="14" t="s">
        <v>96</v>
      </c>
      <c r="D89370" s="14" t="s">
        <v>126</v>
      </c>
      <c r="E89370" s="15">
        <v>45686</v>
      </c>
      <c r="F89370" s="14" t="s">
        <v>15</v>
      </c>
      <c r="G89370" s="16">
        <v>0</v>
      </c>
    </row>
    <row r="89371" spans="1:7" x14ac:dyDescent="0.3">
      <c r="A89371" s="13" t="s">
        <v>447</v>
      </c>
      <c r="B89371" s="14" t="s">
        <v>1</v>
      </c>
      <c r="C89371" s="14" t="s">
        <v>96</v>
      </c>
      <c r="D89371" s="14" t="s">
        <v>126</v>
      </c>
      <c r="E89371" s="15">
        <v>45687</v>
      </c>
      <c r="F89371" s="14" t="s">
        <v>15</v>
      </c>
      <c r="G89371" s="16">
        <v>0</v>
      </c>
    </row>
    <row r="89372" spans="1:7" x14ac:dyDescent="0.3">
      <c r="A89372" s="13" t="s">
        <v>447</v>
      </c>
      <c r="B89372" s="14" t="s">
        <v>1</v>
      </c>
      <c r="C89372" s="14" t="s">
        <v>96</v>
      </c>
      <c r="D89372" s="14" t="s">
        <v>126</v>
      </c>
      <c r="E89372" s="15">
        <v>45688</v>
      </c>
      <c r="F89372" s="14" t="s">
        <v>15</v>
      </c>
      <c r="G89372" s="16">
        <v>0</v>
      </c>
    </row>
    <row r="89373" spans="1:7" x14ac:dyDescent="0.3">
      <c r="A89373" s="13" t="s">
        <v>447</v>
      </c>
      <c r="B89373" s="14" t="s">
        <v>1</v>
      </c>
      <c r="C89373" s="14" t="s">
        <v>96</v>
      </c>
      <c r="D89373" s="14" t="s">
        <v>126</v>
      </c>
      <c r="E89373" s="15">
        <v>45689</v>
      </c>
      <c r="F89373" s="14" t="s">
        <v>15</v>
      </c>
      <c r="G89373" s="16">
        <v>0</v>
      </c>
    </row>
    <row r="89374" spans="1:7" x14ac:dyDescent="0.3">
      <c r="A89374" s="13" t="s">
        <v>447</v>
      </c>
      <c r="B89374" s="14" t="s">
        <v>1</v>
      </c>
      <c r="C89374" s="14" t="s">
        <v>96</v>
      </c>
      <c r="D89374" s="14" t="s">
        <v>126</v>
      </c>
      <c r="E89374" s="15">
        <v>45690</v>
      </c>
      <c r="F89374" s="14" t="s">
        <v>15</v>
      </c>
      <c r="G89374" s="16">
        <v>0</v>
      </c>
    </row>
    <row r="89375" spans="1:7" x14ac:dyDescent="0.3">
      <c r="A89375" s="13" t="s">
        <v>447</v>
      </c>
      <c r="B89375" s="14" t="s">
        <v>1</v>
      </c>
      <c r="C89375" s="14" t="s">
        <v>96</v>
      </c>
      <c r="D89375" s="14" t="s">
        <v>126</v>
      </c>
      <c r="E89375" s="15">
        <v>45691</v>
      </c>
      <c r="F89375" s="14" t="s">
        <v>15</v>
      </c>
      <c r="G89375" s="16">
        <v>0</v>
      </c>
    </row>
    <row r="89376" spans="1:7" x14ac:dyDescent="0.3">
      <c r="A89376" s="13" t="s">
        <v>447</v>
      </c>
      <c r="B89376" s="14" t="s">
        <v>1</v>
      </c>
      <c r="C89376" s="14" t="s">
        <v>96</v>
      </c>
      <c r="D89376" s="14" t="s">
        <v>126</v>
      </c>
      <c r="E89376" s="15">
        <v>45692</v>
      </c>
      <c r="F89376" s="14" t="s">
        <v>15</v>
      </c>
      <c r="G89376" s="16">
        <v>0</v>
      </c>
    </row>
    <row r="89377" spans="1:7" x14ac:dyDescent="0.3">
      <c r="A89377" s="13" t="s">
        <v>447</v>
      </c>
      <c r="B89377" s="14" t="s">
        <v>1</v>
      </c>
      <c r="C89377" s="14" t="s">
        <v>96</v>
      </c>
      <c r="D89377" s="14" t="s">
        <v>126</v>
      </c>
      <c r="E89377" s="15">
        <v>45693</v>
      </c>
      <c r="F89377" s="14" t="s">
        <v>15</v>
      </c>
      <c r="G89377" s="16">
        <v>0</v>
      </c>
    </row>
    <row r="89378" spans="1:7" x14ac:dyDescent="0.3">
      <c r="A89378" s="13" t="s">
        <v>447</v>
      </c>
      <c r="B89378" s="14" t="s">
        <v>1</v>
      </c>
      <c r="C89378" s="14" t="s">
        <v>96</v>
      </c>
      <c r="D89378" s="14" t="s">
        <v>126</v>
      </c>
      <c r="E89378" s="15">
        <v>45694</v>
      </c>
      <c r="F89378" s="14" t="s">
        <v>15</v>
      </c>
      <c r="G89378" s="16">
        <v>0</v>
      </c>
    </row>
    <row r="89379" spans="1:7" x14ac:dyDescent="0.3">
      <c r="A89379" s="13" t="s">
        <v>447</v>
      </c>
      <c r="B89379" s="14" t="s">
        <v>1</v>
      </c>
      <c r="C89379" s="14" t="s">
        <v>96</v>
      </c>
      <c r="D89379" s="14" t="s">
        <v>126</v>
      </c>
      <c r="E89379" s="15">
        <v>45695</v>
      </c>
      <c r="F89379" s="14" t="s">
        <v>15</v>
      </c>
      <c r="G89379" s="16">
        <v>0</v>
      </c>
    </row>
    <row r="89380" spans="1:7" x14ac:dyDescent="0.3">
      <c r="A89380" s="13" t="s">
        <v>447</v>
      </c>
      <c r="B89380" s="14" t="s">
        <v>1</v>
      </c>
      <c r="C89380" s="14" t="s">
        <v>96</v>
      </c>
      <c r="D89380" s="14" t="s">
        <v>126</v>
      </c>
      <c r="E89380" s="15">
        <v>45696</v>
      </c>
      <c r="F89380" s="14" t="s">
        <v>15</v>
      </c>
      <c r="G89380" s="16">
        <v>0</v>
      </c>
    </row>
    <row r="89381" spans="1:7" x14ac:dyDescent="0.3">
      <c r="A89381" s="13" t="s">
        <v>447</v>
      </c>
      <c r="B89381" s="14" t="s">
        <v>1</v>
      </c>
      <c r="C89381" s="14" t="s">
        <v>96</v>
      </c>
      <c r="D89381" s="14" t="s">
        <v>126</v>
      </c>
      <c r="E89381" s="15">
        <v>45697</v>
      </c>
      <c r="F89381" s="14" t="s">
        <v>15</v>
      </c>
      <c r="G89381" s="16">
        <v>0</v>
      </c>
    </row>
    <row r="89382" spans="1:7" x14ac:dyDescent="0.3">
      <c r="A89382" s="13" t="s">
        <v>447</v>
      </c>
      <c r="B89382" s="14" t="s">
        <v>1</v>
      </c>
      <c r="C89382" s="14" t="s">
        <v>96</v>
      </c>
      <c r="D89382" s="14" t="s">
        <v>126</v>
      </c>
      <c r="E89382" s="15">
        <v>45698</v>
      </c>
      <c r="F89382" s="14" t="s">
        <v>15</v>
      </c>
      <c r="G89382" s="16">
        <v>0</v>
      </c>
    </row>
    <row r="89383" spans="1:7" x14ac:dyDescent="0.3">
      <c r="A89383" s="13" t="s">
        <v>447</v>
      </c>
      <c r="B89383" s="14" t="s">
        <v>1</v>
      </c>
      <c r="C89383" s="14" t="s">
        <v>96</v>
      </c>
      <c r="D89383" s="14" t="s">
        <v>126</v>
      </c>
      <c r="E89383" s="15">
        <v>45699</v>
      </c>
      <c r="F89383" s="14" t="s">
        <v>15</v>
      </c>
      <c r="G89383" s="16">
        <v>0</v>
      </c>
    </row>
    <row r="89384" spans="1:7" x14ac:dyDescent="0.3">
      <c r="A89384" s="13" t="s">
        <v>447</v>
      </c>
      <c r="B89384" s="14" t="s">
        <v>1</v>
      </c>
      <c r="C89384" s="14" t="s">
        <v>96</v>
      </c>
      <c r="D89384" s="14" t="s">
        <v>126</v>
      </c>
      <c r="E89384" s="15">
        <v>45700</v>
      </c>
      <c r="F89384" s="14" t="s">
        <v>15</v>
      </c>
      <c r="G89384" s="16">
        <v>0</v>
      </c>
    </row>
    <row r="89385" spans="1:7" x14ac:dyDescent="0.3">
      <c r="A89385" s="13" t="s">
        <v>447</v>
      </c>
      <c r="B89385" s="14" t="s">
        <v>1</v>
      </c>
      <c r="C89385" s="14" t="s">
        <v>96</v>
      </c>
      <c r="D89385" s="14" t="s">
        <v>126</v>
      </c>
      <c r="E89385" s="15">
        <v>45701</v>
      </c>
      <c r="F89385" s="14" t="s">
        <v>15</v>
      </c>
      <c r="G89385" s="16">
        <v>0</v>
      </c>
    </row>
    <row r="89386" spans="1:7" x14ac:dyDescent="0.3">
      <c r="A89386" s="13" t="s">
        <v>447</v>
      </c>
      <c r="B89386" s="14" t="s">
        <v>1</v>
      </c>
      <c r="C89386" s="14" t="s">
        <v>96</v>
      </c>
      <c r="D89386" s="14" t="s">
        <v>126</v>
      </c>
      <c r="E89386" s="15">
        <v>45702</v>
      </c>
      <c r="F89386" s="14" t="s">
        <v>15</v>
      </c>
      <c r="G89386" s="16">
        <v>0</v>
      </c>
    </row>
    <row r="89387" spans="1:7" x14ac:dyDescent="0.3">
      <c r="A89387" s="13" t="s">
        <v>447</v>
      </c>
      <c r="B89387" s="14" t="s">
        <v>1</v>
      </c>
      <c r="C89387" s="14" t="s">
        <v>96</v>
      </c>
      <c r="D89387" s="14" t="s">
        <v>126</v>
      </c>
      <c r="E89387" s="15">
        <v>45703</v>
      </c>
      <c r="F89387" s="14" t="s">
        <v>15</v>
      </c>
      <c r="G89387" s="16">
        <v>0</v>
      </c>
    </row>
    <row r="89388" spans="1:7" x14ac:dyDescent="0.3">
      <c r="A89388" s="13" t="s">
        <v>447</v>
      </c>
      <c r="B89388" s="14" t="s">
        <v>1</v>
      </c>
      <c r="C89388" s="14" t="s">
        <v>96</v>
      </c>
      <c r="D89388" s="14" t="s">
        <v>126</v>
      </c>
      <c r="E89388" s="15">
        <v>45704</v>
      </c>
      <c r="F89388" s="14" t="s">
        <v>15</v>
      </c>
      <c r="G89388" s="16">
        <v>0</v>
      </c>
    </row>
    <row r="89389" spans="1:7" x14ac:dyDescent="0.3">
      <c r="A89389" s="13" t="s">
        <v>447</v>
      </c>
      <c r="B89389" s="14" t="s">
        <v>1</v>
      </c>
      <c r="C89389" s="14" t="s">
        <v>96</v>
      </c>
      <c r="D89389" s="14" t="s">
        <v>126</v>
      </c>
      <c r="E89389" s="15">
        <v>45705</v>
      </c>
      <c r="F89389" s="14" t="s">
        <v>15</v>
      </c>
      <c r="G89389" s="16">
        <v>0</v>
      </c>
    </row>
    <row r="89390" spans="1:7" x14ac:dyDescent="0.3">
      <c r="A89390" s="13" t="s">
        <v>447</v>
      </c>
      <c r="B89390" s="14" t="s">
        <v>1</v>
      </c>
      <c r="C89390" s="14" t="s">
        <v>96</v>
      </c>
      <c r="D89390" s="14" t="s">
        <v>126</v>
      </c>
      <c r="E89390" s="15">
        <v>45706</v>
      </c>
      <c r="F89390" s="14" t="s">
        <v>15</v>
      </c>
      <c r="G89390" s="16">
        <v>0</v>
      </c>
    </row>
    <row r="89391" spans="1:7" x14ac:dyDescent="0.3">
      <c r="A89391" s="13" t="s">
        <v>447</v>
      </c>
      <c r="B89391" s="14" t="s">
        <v>1</v>
      </c>
      <c r="C89391" s="14" t="s">
        <v>96</v>
      </c>
      <c r="D89391" s="14" t="s">
        <v>126</v>
      </c>
      <c r="E89391" s="15">
        <v>45707</v>
      </c>
      <c r="F89391" s="14" t="s">
        <v>15</v>
      </c>
      <c r="G89391" s="16">
        <v>0</v>
      </c>
    </row>
    <row r="89392" spans="1:7" x14ac:dyDescent="0.3">
      <c r="A89392" s="13" t="s">
        <v>447</v>
      </c>
      <c r="B89392" s="14" t="s">
        <v>1</v>
      </c>
      <c r="C89392" s="14" t="s">
        <v>96</v>
      </c>
      <c r="D89392" s="14" t="s">
        <v>126</v>
      </c>
      <c r="E89392" s="15">
        <v>45708</v>
      </c>
      <c r="F89392" s="14" t="s">
        <v>15</v>
      </c>
      <c r="G89392" s="16">
        <v>0</v>
      </c>
    </row>
    <row r="89393" spans="1:7" x14ac:dyDescent="0.3">
      <c r="A89393" s="13" t="s">
        <v>447</v>
      </c>
      <c r="B89393" s="14" t="s">
        <v>1</v>
      </c>
      <c r="C89393" s="14" t="s">
        <v>96</v>
      </c>
      <c r="D89393" s="14" t="s">
        <v>126</v>
      </c>
      <c r="E89393" s="15">
        <v>45709</v>
      </c>
      <c r="F89393" s="14" t="s">
        <v>15</v>
      </c>
      <c r="G89393" s="16">
        <v>0</v>
      </c>
    </row>
    <row r="89394" spans="1:7" x14ac:dyDescent="0.3">
      <c r="A89394" s="13" t="s">
        <v>447</v>
      </c>
      <c r="B89394" s="14" t="s">
        <v>1</v>
      </c>
      <c r="C89394" s="14" t="s">
        <v>96</v>
      </c>
      <c r="D89394" s="14" t="s">
        <v>126</v>
      </c>
      <c r="E89394" s="15">
        <v>45710</v>
      </c>
      <c r="F89394" s="14" t="s">
        <v>15</v>
      </c>
      <c r="G89394" s="16">
        <v>0</v>
      </c>
    </row>
    <row r="89395" spans="1:7" x14ac:dyDescent="0.3">
      <c r="A89395" s="13" t="s">
        <v>447</v>
      </c>
      <c r="B89395" s="14" t="s">
        <v>1</v>
      </c>
      <c r="C89395" s="14" t="s">
        <v>96</v>
      </c>
      <c r="D89395" s="14" t="s">
        <v>126</v>
      </c>
      <c r="E89395" s="15">
        <v>45711</v>
      </c>
      <c r="F89395" s="14" t="s">
        <v>15</v>
      </c>
      <c r="G89395" s="16">
        <v>0</v>
      </c>
    </row>
    <row r="89396" spans="1:7" x14ac:dyDescent="0.3">
      <c r="A89396" s="13" t="s">
        <v>447</v>
      </c>
      <c r="B89396" s="14" t="s">
        <v>1</v>
      </c>
      <c r="C89396" s="14" t="s">
        <v>96</v>
      </c>
      <c r="D89396" s="14" t="s">
        <v>126</v>
      </c>
      <c r="E89396" s="15">
        <v>45712</v>
      </c>
      <c r="F89396" s="14" t="s">
        <v>15</v>
      </c>
      <c r="G89396" s="16">
        <v>0</v>
      </c>
    </row>
    <row r="89397" spans="1:7" x14ac:dyDescent="0.3">
      <c r="A89397" s="13" t="s">
        <v>447</v>
      </c>
      <c r="B89397" s="14" t="s">
        <v>1</v>
      </c>
      <c r="C89397" s="14" t="s">
        <v>96</v>
      </c>
      <c r="D89397" s="14" t="s">
        <v>126</v>
      </c>
      <c r="E89397" s="15">
        <v>45713</v>
      </c>
      <c r="F89397" s="14" t="s">
        <v>15</v>
      </c>
      <c r="G89397" s="16">
        <v>0</v>
      </c>
    </row>
    <row r="89398" spans="1:7" x14ac:dyDescent="0.3">
      <c r="A89398" s="13" t="s">
        <v>447</v>
      </c>
      <c r="B89398" s="14" t="s">
        <v>1</v>
      </c>
      <c r="C89398" s="14" t="s">
        <v>96</v>
      </c>
      <c r="D89398" s="14" t="s">
        <v>126</v>
      </c>
      <c r="E89398" s="15">
        <v>45714</v>
      </c>
      <c r="F89398" s="14" t="s">
        <v>15</v>
      </c>
      <c r="G89398" s="16">
        <v>0</v>
      </c>
    </row>
    <row r="89399" spans="1:7" x14ac:dyDescent="0.3">
      <c r="A89399" s="13" t="s">
        <v>447</v>
      </c>
      <c r="B89399" s="14" t="s">
        <v>1</v>
      </c>
      <c r="C89399" s="14" t="s">
        <v>96</v>
      </c>
      <c r="D89399" s="14" t="s">
        <v>126</v>
      </c>
      <c r="E89399" s="15">
        <v>45715</v>
      </c>
      <c r="F89399" s="14" t="s">
        <v>15</v>
      </c>
      <c r="G89399" s="16">
        <v>0</v>
      </c>
    </row>
    <row r="89400" spans="1:7" x14ac:dyDescent="0.3">
      <c r="A89400" s="13" t="s">
        <v>447</v>
      </c>
      <c r="B89400" s="14" t="s">
        <v>1</v>
      </c>
      <c r="C89400" s="14" t="s">
        <v>96</v>
      </c>
      <c r="D89400" s="14" t="s">
        <v>126</v>
      </c>
      <c r="E89400" s="15">
        <v>45716</v>
      </c>
      <c r="F89400" s="14" t="s">
        <v>15</v>
      </c>
      <c r="G89400" s="16">
        <v>0</v>
      </c>
    </row>
    <row r="89401" spans="1:7" x14ac:dyDescent="0.3">
      <c r="A89401" s="13" t="s">
        <v>447</v>
      </c>
      <c r="B89401" s="14" t="s">
        <v>1</v>
      </c>
      <c r="C89401" s="14" t="s">
        <v>96</v>
      </c>
      <c r="D89401" s="14" t="s">
        <v>126</v>
      </c>
      <c r="E89401" s="15">
        <v>45717</v>
      </c>
      <c r="F89401" s="14" t="s">
        <v>15</v>
      </c>
      <c r="G89401" s="16">
        <v>0</v>
      </c>
    </row>
    <row r="89402" spans="1:7" x14ac:dyDescent="0.3">
      <c r="A89402" s="13" t="s">
        <v>447</v>
      </c>
      <c r="B89402" s="14" t="s">
        <v>1</v>
      </c>
      <c r="C89402" s="14" t="s">
        <v>96</v>
      </c>
      <c r="D89402" s="14" t="s">
        <v>126</v>
      </c>
      <c r="E89402" s="15">
        <v>45718</v>
      </c>
      <c r="F89402" s="14" t="s">
        <v>15</v>
      </c>
      <c r="G89402" s="16">
        <v>0</v>
      </c>
    </row>
    <row r="89403" spans="1:7" x14ac:dyDescent="0.3">
      <c r="A89403" s="13" t="s">
        <v>447</v>
      </c>
      <c r="B89403" s="14" t="s">
        <v>1</v>
      </c>
      <c r="C89403" s="14" t="s">
        <v>96</v>
      </c>
      <c r="D89403" s="14" t="s">
        <v>126</v>
      </c>
      <c r="E89403" s="15">
        <v>45719</v>
      </c>
      <c r="F89403" s="14" t="s">
        <v>15</v>
      </c>
      <c r="G89403" s="16">
        <v>0</v>
      </c>
    </row>
    <row r="89404" spans="1:7" x14ac:dyDescent="0.3">
      <c r="A89404" s="13" t="s">
        <v>447</v>
      </c>
      <c r="B89404" s="14" t="s">
        <v>1</v>
      </c>
      <c r="C89404" s="14" t="s">
        <v>96</v>
      </c>
      <c r="D89404" s="14" t="s">
        <v>126</v>
      </c>
      <c r="E89404" s="15">
        <v>45720</v>
      </c>
      <c r="F89404" s="14" t="s">
        <v>15</v>
      </c>
      <c r="G89404" s="16">
        <v>0</v>
      </c>
    </row>
    <row r="89405" spans="1:7" x14ac:dyDescent="0.3">
      <c r="A89405" s="13" t="s">
        <v>447</v>
      </c>
      <c r="B89405" s="14" t="s">
        <v>1</v>
      </c>
      <c r="C89405" s="14" t="s">
        <v>96</v>
      </c>
      <c r="D89405" s="14" t="s">
        <v>126</v>
      </c>
      <c r="E89405" s="15">
        <v>45721</v>
      </c>
      <c r="F89405" s="14" t="s">
        <v>15</v>
      </c>
      <c r="G89405" s="16">
        <v>0</v>
      </c>
    </row>
    <row r="89406" spans="1:7" x14ac:dyDescent="0.3">
      <c r="A89406" s="13" t="s">
        <v>447</v>
      </c>
      <c r="B89406" s="14" t="s">
        <v>1</v>
      </c>
      <c r="C89406" s="14" t="s">
        <v>96</v>
      </c>
      <c r="D89406" s="14" t="s">
        <v>126</v>
      </c>
      <c r="E89406" s="15">
        <v>45722</v>
      </c>
      <c r="F89406" s="14" t="s">
        <v>15</v>
      </c>
      <c r="G89406" s="16">
        <v>0</v>
      </c>
    </row>
    <row r="89407" spans="1:7" x14ac:dyDescent="0.3">
      <c r="A89407" s="13" t="s">
        <v>447</v>
      </c>
      <c r="B89407" s="14" t="s">
        <v>1</v>
      </c>
      <c r="C89407" s="14" t="s">
        <v>96</v>
      </c>
      <c r="D89407" s="14" t="s">
        <v>126</v>
      </c>
      <c r="E89407" s="15">
        <v>45723</v>
      </c>
      <c r="F89407" s="14" t="s">
        <v>15</v>
      </c>
      <c r="G89407" s="16">
        <v>0</v>
      </c>
    </row>
    <row r="89408" spans="1:7" x14ac:dyDescent="0.3">
      <c r="A89408" s="13" t="s">
        <v>447</v>
      </c>
      <c r="B89408" s="14" t="s">
        <v>1</v>
      </c>
      <c r="C89408" s="14" t="s">
        <v>96</v>
      </c>
      <c r="D89408" s="14" t="s">
        <v>126</v>
      </c>
      <c r="E89408" s="15">
        <v>45724</v>
      </c>
      <c r="F89408" s="14" t="s">
        <v>15</v>
      </c>
      <c r="G89408" s="16">
        <v>0</v>
      </c>
    </row>
    <row r="89409" spans="1:7" x14ac:dyDescent="0.3">
      <c r="A89409" s="13" t="s">
        <v>447</v>
      </c>
      <c r="B89409" s="14" t="s">
        <v>1</v>
      </c>
      <c r="C89409" s="14" t="s">
        <v>96</v>
      </c>
      <c r="D89409" s="14" t="s">
        <v>126</v>
      </c>
      <c r="E89409" s="15">
        <v>45725</v>
      </c>
      <c r="F89409" s="14" t="s">
        <v>15</v>
      </c>
      <c r="G89409" s="16">
        <v>0</v>
      </c>
    </row>
    <row r="89410" spans="1:7" x14ac:dyDescent="0.3">
      <c r="A89410" s="13" t="s">
        <v>447</v>
      </c>
      <c r="B89410" s="14" t="s">
        <v>1</v>
      </c>
      <c r="C89410" s="14" t="s">
        <v>96</v>
      </c>
      <c r="D89410" s="14" t="s">
        <v>126</v>
      </c>
      <c r="E89410" s="15">
        <v>45726</v>
      </c>
      <c r="F89410" s="14" t="s">
        <v>15</v>
      </c>
      <c r="G89410" s="16">
        <v>0</v>
      </c>
    </row>
    <row r="89411" spans="1:7" x14ac:dyDescent="0.3">
      <c r="A89411" s="13" t="s">
        <v>447</v>
      </c>
      <c r="B89411" s="14" t="s">
        <v>1</v>
      </c>
      <c r="C89411" s="14" t="s">
        <v>96</v>
      </c>
      <c r="D89411" s="14" t="s">
        <v>126</v>
      </c>
      <c r="E89411" s="15">
        <v>45727</v>
      </c>
      <c r="F89411" s="14" t="s">
        <v>15</v>
      </c>
      <c r="G89411" s="16">
        <v>0</v>
      </c>
    </row>
    <row r="89412" spans="1:7" x14ac:dyDescent="0.3">
      <c r="A89412" s="13" t="s">
        <v>447</v>
      </c>
      <c r="B89412" s="14" t="s">
        <v>1</v>
      </c>
      <c r="C89412" s="14" t="s">
        <v>96</v>
      </c>
      <c r="D89412" s="14" t="s">
        <v>126</v>
      </c>
      <c r="E89412" s="15">
        <v>45728</v>
      </c>
      <c r="F89412" s="14" t="s">
        <v>15</v>
      </c>
      <c r="G89412" s="16">
        <v>0</v>
      </c>
    </row>
    <row r="89413" spans="1:7" x14ac:dyDescent="0.3">
      <c r="A89413" s="13" t="s">
        <v>447</v>
      </c>
      <c r="B89413" s="14" t="s">
        <v>1</v>
      </c>
      <c r="C89413" s="14" t="s">
        <v>96</v>
      </c>
      <c r="D89413" s="14" t="s">
        <v>126</v>
      </c>
      <c r="E89413" s="15">
        <v>45729</v>
      </c>
      <c r="F89413" s="14" t="s">
        <v>15</v>
      </c>
      <c r="G89413" s="16">
        <v>0</v>
      </c>
    </row>
    <row r="89414" spans="1:7" x14ac:dyDescent="0.3">
      <c r="A89414" s="13" t="s">
        <v>447</v>
      </c>
      <c r="B89414" s="14" t="s">
        <v>1</v>
      </c>
      <c r="C89414" s="14" t="s">
        <v>96</v>
      </c>
      <c r="D89414" s="14" t="s">
        <v>126</v>
      </c>
      <c r="E89414" s="15">
        <v>45730</v>
      </c>
      <c r="F89414" s="14" t="s">
        <v>15</v>
      </c>
      <c r="G89414" s="16">
        <v>0</v>
      </c>
    </row>
    <row r="89415" spans="1:7" x14ac:dyDescent="0.3">
      <c r="A89415" s="13" t="s">
        <v>447</v>
      </c>
      <c r="B89415" s="14" t="s">
        <v>1</v>
      </c>
      <c r="C89415" s="14" t="s">
        <v>96</v>
      </c>
      <c r="D89415" s="14" t="s">
        <v>126</v>
      </c>
      <c r="E89415" s="15">
        <v>45731</v>
      </c>
      <c r="F89415" s="14" t="s">
        <v>15</v>
      </c>
      <c r="G89415" s="16">
        <v>0</v>
      </c>
    </row>
    <row r="89416" spans="1:7" x14ac:dyDescent="0.3">
      <c r="A89416" s="13" t="s">
        <v>447</v>
      </c>
      <c r="B89416" s="14" t="s">
        <v>1</v>
      </c>
      <c r="C89416" s="14" t="s">
        <v>96</v>
      </c>
      <c r="D89416" s="14" t="s">
        <v>126</v>
      </c>
      <c r="E89416" s="15">
        <v>45732</v>
      </c>
      <c r="F89416" s="14" t="s">
        <v>15</v>
      </c>
      <c r="G89416" s="16">
        <v>0</v>
      </c>
    </row>
    <row r="89417" spans="1:7" x14ac:dyDescent="0.3">
      <c r="A89417" s="13" t="s">
        <v>447</v>
      </c>
      <c r="B89417" s="14" t="s">
        <v>1</v>
      </c>
      <c r="C89417" s="14" t="s">
        <v>96</v>
      </c>
      <c r="D89417" s="14" t="s">
        <v>126</v>
      </c>
      <c r="E89417" s="15">
        <v>45733</v>
      </c>
      <c r="F89417" s="14" t="s">
        <v>15</v>
      </c>
      <c r="G89417" s="16">
        <v>0</v>
      </c>
    </row>
    <row r="89418" spans="1:7" x14ac:dyDescent="0.3">
      <c r="A89418" s="13" t="s">
        <v>447</v>
      </c>
      <c r="B89418" s="14" t="s">
        <v>1</v>
      </c>
      <c r="C89418" s="14" t="s">
        <v>96</v>
      </c>
      <c r="D89418" s="14" t="s">
        <v>126</v>
      </c>
      <c r="E89418" s="15">
        <v>45734</v>
      </c>
      <c r="F89418" s="14" t="s">
        <v>15</v>
      </c>
      <c r="G89418" s="16">
        <v>0</v>
      </c>
    </row>
    <row r="89419" spans="1:7" x14ac:dyDescent="0.3">
      <c r="A89419" s="13" t="s">
        <v>447</v>
      </c>
      <c r="B89419" s="14" t="s">
        <v>1</v>
      </c>
      <c r="C89419" s="14" t="s">
        <v>96</v>
      </c>
      <c r="D89419" s="14" t="s">
        <v>126</v>
      </c>
      <c r="E89419" s="15">
        <v>45735</v>
      </c>
      <c r="F89419" s="14" t="s">
        <v>15</v>
      </c>
      <c r="G89419" s="16">
        <v>0</v>
      </c>
    </row>
    <row r="89420" spans="1:7" x14ac:dyDescent="0.3">
      <c r="A89420" s="13" t="s">
        <v>447</v>
      </c>
      <c r="B89420" s="14" t="s">
        <v>1</v>
      </c>
      <c r="C89420" s="14" t="s">
        <v>96</v>
      </c>
      <c r="D89420" s="14" t="s">
        <v>126</v>
      </c>
      <c r="E89420" s="15">
        <v>45736</v>
      </c>
      <c r="F89420" s="14" t="s">
        <v>15</v>
      </c>
      <c r="G89420" s="16">
        <v>0</v>
      </c>
    </row>
    <row r="89421" spans="1:7" x14ac:dyDescent="0.3">
      <c r="A89421" s="13" t="s">
        <v>447</v>
      </c>
      <c r="B89421" s="14" t="s">
        <v>1</v>
      </c>
      <c r="C89421" s="14" t="s">
        <v>96</v>
      </c>
      <c r="D89421" s="14" t="s">
        <v>126</v>
      </c>
      <c r="E89421" s="15">
        <v>45737</v>
      </c>
      <c r="F89421" s="14" t="s">
        <v>15</v>
      </c>
      <c r="G89421" s="16">
        <v>0</v>
      </c>
    </row>
    <row r="89422" spans="1:7" x14ac:dyDescent="0.3">
      <c r="A89422" s="13" t="s">
        <v>447</v>
      </c>
      <c r="B89422" s="14" t="s">
        <v>1</v>
      </c>
      <c r="C89422" s="14" t="s">
        <v>96</v>
      </c>
      <c r="D89422" s="14" t="s">
        <v>126</v>
      </c>
      <c r="E89422" s="15">
        <v>45738</v>
      </c>
      <c r="F89422" s="14" t="s">
        <v>15</v>
      </c>
      <c r="G89422" s="16">
        <v>0</v>
      </c>
    </row>
    <row r="89423" spans="1:7" x14ac:dyDescent="0.3">
      <c r="A89423" s="13" t="s">
        <v>447</v>
      </c>
      <c r="B89423" s="14" t="s">
        <v>1</v>
      </c>
      <c r="C89423" s="14" t="s">
        <v>96</v>
      </c>
      <c r="D89423" s="14" t="s">
        <v>126</v>
      </c>
      <c r="E89423" s="15">
        <v>45739</v>
      </c>
      <c r="F89423" s="14" t="s">
        <v>15</v>
      </c>
      <c r="G89423" s="16">
        <v>0</v>
      </c>
    </row>
    <row r="89424" spans="1:7" x14ac:dyDescent="0.3">
      <c r="A89424" s="13" t="s">
        <v>447</v>
      </c>
      <c r="B89424" s="14" t="s">
        <v>1</v>
      </c>
      <c r="C89424" s="14" t="s">
        <v>96</v>
      </c>
      <c r="D89424" s="14" t="s">
        <v>126</v>
      </c>
      <c r="E89424" s="15">
        <v>45740</v>
      </c>
      <c r="F89424" s="14" t="s">
        <v>15</v>
      </c>
      <c r="G89424" s="16">
        <v>0</v>
      </c>
    </row>
    <row r="89425" spans="1:7" x14ac:dyDescent="0.3">
      <c r="A89425" s="13" t="s">
        <v>447</v>
      </c>
      <c r="B89425" s="14" t="s">
        <v>1</v>
      </c>
      <c r="C89425" s="14" t="s">
        <v>96</v>
      </c>
      <c r="D89425" s="14" t="s">
        <v>126</v>
      </c>
      <c r="E89425" s="15">
        <v>45741</v>
      </c>
      <c r="F89425" s="14" t="s">
        <v>15</v>
      </c>
      <c r="G89425" s="16">
        <v>0</v>
      </c>
    </row>
    <row r="89426" spans="1:7" x14ac:dyDescent="0.3">
      <c r="A89426" s="13" t="s">
        <v>447</v>
      </c>
      <c r="B89426" s="14" t="s">
        <v>1</v>
      </c>
      <c r="C89426" s="14" t="s">
        <v>96</v>
      </c>
      <c r="D89426" s="14" t="s">
        <v>126</v>
      </c>
      <c r="E89426" s="15">
        <v>45742</v>
      </c>
      <c r="F89426" s="14" t="s">
        <v>15</v>
      </c>
      <c r="G89426" s="16">
        <v>1.1163268191296991E-2</v>
      </c>
    </row>
    <row r="89427" spans="1:7" x14ac:dyDescent="0.3">
      <c r="A89427" s="13" t="s">
        <v>447</v>
      </c>
      <c r="B89427" s="14" t="s">
        <v>1</v>
      </c>
      <c r="C89427" s="14" t="s">
        <v>96</v>
      </c>
      <c r="D89427" s="14" t="s">
        <v>126</v>
      </c>
      <c r="E89427" s="15">
        <v>45743</v>
      </c>
      <c r="F89427" s="14" t="s">
        <v>15</v>
      </c>
      <c r="G89427" s="16">
        <v>1.9203383645315476E-2</v>
      </c>
    </row>
    <row r="89428" spans="1:7" x14ac:dyDescent="0.3">
      <c r="A89428" s="13" t="s">
        <v>447</v>
      </c>
      <c r="B89428" s="14" t="s">
        <v>1</v>
      </c>
      <c r="C89428" s="14" t="s">
        <v>96</v>
      </c>
      <c r="D89428" s="14" t="s">
        <v>126</v>
      </c>
      <c r="E89428" s="15">
        <v>45744</v>
      </c>
      <c r="F89428" s="14" t="s">
        <v>15</v>
      </c>
      <c r="G89428" s="16">
        <v>8.3294557936865448E-3</v>
      </c>
    </row>
    <row r="89429" spans="1:7" x14ac:dyDescent="0.3">
      <c r="A89429" s="13" t="s">
        <v>447</v>
      </c>
      <c r="B89429" s="14" t="s">
        <v>1</v>
      </c>
      <c r="C89429" s="14" t="s">
        <v>96</v>
      </c>
      <c r="D89429" s="14" t="s">
        <v>126</v>
      </c>
      <c r="E89429" s="15">
        <v>45745</v>
      </c>
      <c r="F89429" s="14" t="s">
        <v>15</v>
      </c>
      <c r="G89429" s="16">
        <v>8.3294557936865448E-3</v>
      </c>
    </row>
    <row r="89430" spans="1:7" x14ac:dyDescent="0.3">
      <c r="A89430" s="13" t="s">
        <v>447</v>
      </c>
      <c r="B89430" s="14" t="s">
        <v>1</v>
      </c>
      <c r="C89430" s="14" t="s">
        <v>96</v>
      </c>
      <c r="D89430" s="14" t="s">
        <v>126</v>
      </c>
      <c r="E89430" s="15">
        <v>45746</v>
      </c>
      <c r="F89430" s="14" t="s">
        <v>15</v>
      </c>
      <c r="G89430" s="16">
        <v>8.3294557936865448E-3</v>
      </c>
    </row>
    <row r="89431" spans="1:7" x14ac:dyDescent="0.3">
      <c r="A89431" s="13" t="s">
        <v>447</v>
      </c>
      <c r="B89431" s="14" t="s">
        <v>1</v>
      </c>
      <c r="C89431" s="14" t="s">
        <v>96</v>
      </c>
      <c r="D89431" s="14" t="s">
        <v>126</v>
      </c>
      <c r="E89431" s="15">
        <v>45747</v>
      </c>
      <c r="F89431" s="14" t="s">
        <v>15</v>
      </c>
      <c r="G89431" s="16">
        <v>8.3294557936865448E-3</v>
      </c>
    </row>
    <row r="89432" spans="1:7" x14ac:dyDescent="0.3">
      <c r="A89432" s="13" t="s">
        <v>448</v>
      </c>
      <c r="B89432" s="14" t="s">
        <v>1</v>
      </c>
      <c r="C89432" s="14" t="s">
        <v>99</v>
      </c>
      <c r="D89432" s="14" t="s">
        <v>94</v>
      </c>
      <c r="E89432" s="15">
        <v>45383</v>
      </c>
      <c r="F89432" s="14" t="s">
        <v>15</v>
      </c>
      <c r="G89432" s="16">
        <v>0</v>
      </c>
    </row>
    <row r="89433" spans="1:7" x14ac:dyDescent="0.3">
      <c r="A89433" s="13" t="s">
        <v>448</v>
      </c>
      <c r="B89433" s="14" t="s">
        <v>1</v>
      </c>
      <c r="C89433" s="14" t="s">
        <v>99</v>
      </c>
      <c r="D89433" s="14" t="s">
        <v>94</v>
      </c>
      <c r="E89433" s="15">
        <v>45384</v>
      </c>
      <c r="F89433" s="14" t="s">
        <v>15</v>
      </c>
      <c r="G89433" s="16">
        <v>0</v>
      </c>
    </row>
    <row r="89434" spans="1:7" x14ac:dyDescent="0.3">
      <c r="A89434" s="13" t="s">
        <v>448</v>
      </c>
      <c r="B89434" s="14" t="s">
        <v>1</v>
      </c>
      <c r="C89434" s="14" t="s">
        <v>99</v>
      </c>
      <c r="D89434" s="14" t="s">
        <v>94</v>
      </c>
      <c r="E89434" s="15">
        <v>45385</v>
      </c>
      <c r="F89434" s="14" t="s">
        <v>15</v>
      </c>
      <c r="G89434" s="16">
        <v>0</v>
      </c>
    </row>
    <row r="89435" spans="1:7" x14ac:dyDescent="0.3">
      <c r="A89435" s="13" t="s">
        <v>448</v>
      </c>
      <c r="B89435" s="14" t="s">
        <v>1</v>
      </c>
      <c r="C89435" s="14" t="s">
        <v>99</v>
      </c>
      <c r="D89435" s="14" t="s">
        <v>94</v>
      </c>
      <c r="E89435" s="15">
        <v>45386</v>
      </c>
      <c r="F89435" s="14" t="s">
        <v>15</v>
      </c>
      <c r="G89435" s="16">
        <v>0</v>
      </c>
    </row>
    <row r="89436" spans="1:7" x14ac:dyDescent="0.3">
      <c r="A89436" s="13" t="s">
        <v>448</v>
      </c>
      <c r="B89436" s="14" t="s">
        <v>1</v>
      </c>
      <c r="C89436" s="14" t="s">
        <v>99</v>
      </c>
      <c r="D89436" s="14" t="s">
        <v>94</v>
      </c>
      <c r="E89436" s="15">
        <v>45387</v>
      </c>
      <c r="F89436" s="14" t="s">
        <v>15</v>
      </c>
      <c r="G89436" s="16">
        <v>0</v>
      </c>
    </row>
    <row r="89437" spans="1:7" x14ac:dyDescent="0.3">
      <c r="A89437" s="13" t="s">
        <v>448</v>
      </c>
      <c r="B89437" s="14" t="s">
        <v>1</v>
      </c>
      <c r="C89437" s="14" t="s">
        <v>99</v>
      </c>
      <c r="D89437" s="14" t="s">
        <v>94</v>
      </c>
      <c r="E89437" s="15">
        <v>45388</v>
      </c>
      <c r="F89437" s="14" t="s">
        <v>15</v>
      </c>
      <c r="G89437" s="16">
        <v>0</v>
      </c>
    </row>
    <row r="89438" spans="1:7" x14ac:dyDescent="0.3">
      <c r="A89438" s="13" t="s">
        <v>448</v>
      </c>
      <c r="B89438" s="14" t="s">
        <v>1</v>
      </c>
      <c r="C89438" s="14" t="s">
        <v>99</v>
      </c>
      <c r="D89438" s="14" t="s">
        <v>94</v>
      </c>
      <c r="E89438" s="15">
        <v>45389</v>
      </c>
      <c r="F89438" s="14" t="s">
        <v>15</v>
      </c>
      <c r="G89438" s="16">
        <v>0</v>
      </c>
    </row>
    <row r="89439" spans="1:7" x14ac:dyDescent="0.3">
      <c r="A89439" s="13" t="s">
        <v>448</v>
      </c>
      <c r="B89439" s="14" t="s">
        <v>1</v>
      </c>
      <c r="C89439" s="14" t="s">
        <v>99</v>
      </c>
      <c r="D89439" s="14" t="s">
        <v>94</v>
      </c>
      <c r="E89439" s="15">
        <v>45390</v>
      </c>
      <c r="F89439" s="14" t="s">
        <v>15</v>
      </c>
      <c r="G89439" s="16">
        <v>0</v>
      </c>
    </row>
    <row r="89440" spans="1:7" x14ac:dyDescent="0.3">
      <c r="A89440" s="13" t="s">
        <v>448</v>
      </c>
      <c r="B89440" s="14" t="s">
        <v>1</v>
      </c>
      <c r="C89440" s="14" t="s">
        <v>99</v>
      </c>
      <c r="D89440" s="14" t="s">
        <v>94</v>
      </c>
      <c r="E89440" s="15">
        <v>45391</v>
      </c>
      <c r="F89440" s="14" t="s">
        <v>15</v>
      </c>
      <c r="G89440" s="16">
        <v>0</v>
      </c>
    </row>
    <row r="89441" spans="1:7" x14ac:dyDescent="0.3">
      <c r="A89441" s="13" t="s">
        <v>448</v>
      </c>
      <c r="B89441" s="14" t="s">
        <v>1</v>
      </c>
      <c r="C89441" s="14" t="s">
        <v>99</v>
      </c>
      <c r="D89441" s="14" t="s">
        <v>94</v>
      </c>
      <c r="E89441" s="15">
        <v>45392</v>
      </c>
      <c r="F89441" s="14" t="s">
        <v>15</v>
      </c>
      <c r="G89441" s="16">
        <v>0</v>
      </c>
    </row>
    <row r="89442" spans="1:7" x14ac:dyDescent="0.3">
      <c r="A89442" s="13" t="s">
        <v>448</v>
      </c>
      <c r="B89442" s="14" t="s">
        <v>1</v>
      </c>
      <c r="C89442" s="14" t="s">
        <v>99</v>
      </c>
      <c r="D89442" s="14" t="s">
        <v>94</v>
      </c>
      <c r="E89442" s="15">
        <v>45393</v>
      </c>
      <c r="F89442" s="14" t="s">
        <v>15</v>
      </c>
      <c r="G89442" s="16">
        <v>0</v>
      </c>
    </row>
    <row r="89443" spans="1:7" x14ac:dyDescent="0.3">
      <c r="A89443" s="13" t="s">
        <v>448</v>
      </c>
      <c r="B89443" s="14" t="s">
        <v>1</v>
      </c>
      <c r="C89443" s="14" t="s">
        <v>99</v>
      </c>
      <c r="D89443" s="14" t="s">
        <v>94</v>
      </c>
      <c r="E89443" s="15">
        <v>45394</v>
      </c>
      <c r="F89443" s="14" t="s">
        <v>15</v>
      </c>
      <c r="G89443" s="16">
        <v>0</v>
      </c>
    </row>
    <row r="89444" spans="1:7" x14ac:dyDescent="0.3">
      <c r="A89444" s="13" t="s">
        <v>448</v>
      </c>
      <c r="B89444" s="14" t="s">
        <v>1</v>
      </c>
      <c r="C89444" s="14" t="s">
        <v>99</v>
      </c>
      <c r="D89444" s="14" t="s">
        <v>94</v>
      </c>
      <c r="E89444" s="15">
        <v>45395</v>
      </c>
      <c r="F89444" s="14" t="s">
        <v>15</v>
      </c>
      <c r="G89444" s="16">
        <v>0</v>
      </c>
    </row>
    <row r="89445" spans="1:7" x14ac:dyDescent="0.3">
      <c r="A89445" s="13" t="s">
        <v>448</v>
      </c>
      <c r="B89445" s="14" t="s">
        <v>1</v>
      </c>
      <c r="C89445" s="14" t="s">
        <v>99</v>
      </c>
      <c r="D89445" s="14" t="s">
        <v>94</v>
      </c>
      <c r="E89445" s="15">
        <v>45396</v>
      </c>
      <c r="F89445" s="14" t="s">
        <v>15</v>
      </c>
      <c r="G89445" s="16">
        <v>0</v>
      </c>
    </row>
    <row r="89446" spans="1:7" x14ac:dyDescent="0.3">
      <c r="A89446" s="13" t="s">
        <v>448</v>
      </c>
      <c r="B89446" s="14" t="s">
        <v>1</v>
      </c>
      <c r="C89446" s="14" t="s">
        <v>99</v>
      </c>
      <c r="D89446" s="14" t="s">
        <v>94</v>
      </c>
      <c r="E89446" s="15">
        <v>45397</v>
      </c>
      <c r="F89446" s="14" t="s">
        <v>15</v>
      </c>
      <c r="G89446" s="16">
        <v>0</v>
      </c>
    </row>
    <row r="89447" spans="1:7" x14ac:dyDescent="0.3">
      <c r="A89447" s="13" t="s">
        <v>448</v>
      </c>
      <c r="B89447" s="14" t="s">
        <v>1</v>
      </c>
      <c r="C89447" s="14" t="s">
        <v>99</v>
      </c>
      <c r="D89447" s="14" t="s">
        <v>94</v>
      </c>
      <c r="E89447" s="15">
        <v>45398</v>
      </c>
      <c r="F89447" s="14" t="s">
        <v>15</v>
      </c>
      <c r="G89447" s="16">
        <v>0</v>
      </c>
    </row>
    <row r="89448" spans="1:7" x14ac:dyDescent="0.3">
      <c r="A89448" s="13" t="s">
        <v>448</v>
      </c>
      <c r="B89448" s="14" t="s">
        <v>1</v>
      </c>
      <c r="C89448" s="14" t="s">
        <v>99</v>
      </c>
      <c r="D89448" s="14" t="s">
        <v>94</v>
      </c>
      <c r="E89448" s="15">
        <v>45399</v>
      </c>
      <c r="F89448" s="14" t="s">
        <v>15</v>
      </c>
      <c r="G89448" s="16">
        <v>0</v>
      </c>
    </row>
    <row r="89449" spans="1:7" x14ac:dyDescent="0.3">
      <c r="A89449" s="13" t="s">
        <v>448</v>
      </c>
      <c r="B89449" s="14" t="s">
        <v>1</v>
      </c>
      <c r="C89449" s="14" t="s">
        <v>99</v>
      </c>
      <c r="D89449" s="14" t="s">
        <v>94</v>
      </c>
      <c r="E89449" s="15">
        <v>45400</v>
      </c>
      <c r="F89449" s="14" t="s">
        <v>15</v>
      </c>
      <c r="G89449" s="16">
        <v>0</v>
      </c>
    </row>
    <row r="89450" spans="1:7" x14ac:dyDescent="0.3">
      <c r="A89450" s="13" t="s">
        <v>448</v>
      </c>
      <c r="B89450" s="14" t="s">
        <v>1</v>
      </c>
      <c r="C89450" s="14" t="s">
        <v>99</v>
      </c>
      <c r="D89450" s="14" t="s">
        <v>94</v>
      </c>
      <c r="E89450" s="15">
        <v>45401</v>
      </c>
      <c r="F89450" s="14" t="s">
        <v>15</v>
      </c>
      <c r="G89450" s="16">
        <v>0</v>
      </c>
    </row>
    <row r="89451" spans="1:7" x14ac:dyDescent="0.3">
      <c r="A89451" s="13" t="s">
        <v>448</v>
      </c>
      <c r="B89451" s="14" t="s">
        <v>1</v>
      </c>
      <c r="C89451" s="14" t="s">
        <v>99</v>
      </c>
      <c r="D89451" s="14" t="s">
        <v>94</v>
      </c>
      <c r="E89451" s="15">
        <v>45402</v>
      </c>
      <c r="F89451" s="14" t="s">
        <v>15</v>
      </c>
      <c r="G89451" s="16">
        <v>0</v>
      </c>
    </row>
    <row r="89452" spans="1:7" x14ac:dyDescent="0.3">
      <c r="A89452" s="13" t="s">
        <v>448</v>
      </c>
      <c r="B89452" s="14" t="s">
        <v>1</v>
      </c>
      <c r="C89452" s="14" t="s">
        <v>99</v>
      </c>
      <c r="D89452" s="14" t="s">
        <v>94</v>
      </c>
      <c r="E89452" s="15">
        <v>45403</v>
      </c>
      <c r="F89452" s="14" t="s">
        <v>15</v>
      </c>
      <c r="G89452" s="16">
        <v>0</v>
      </c>
    </row>
    <row r="89453" spans="1:7" x14ac:dyDescent="0.3">
      <c r="A89453" s="13" t="s">
        <v>448</v>
      </c>
      <c r="B89453" s="14" t="s">
        <v>1</v>
      </c>
      <c r="C89453" s="14" t="s">
        <v>99</v>
      </c>
      <c r="D89453" s="14" t="s">
        <v>94</v>
      </c>
      <c r="E89453" s="15">
        <v>45404</v>
      </c>
      <c r="F89453" s="14" t="s">
        <v>15</v>
      </c>
      <c r="G89453" s="16">
        <v>0</v>
      </c>
    </row>
    <row r="89454" spans="1:7" x14ac:dyDescent="0.3">
      <c r="A89454" s="13" t="s">
        <v>448</v>
      </c>
      <c r="B89454" s="14" t="s">
        <v>1</v>
      </c>
      <c r="C89454" s="14" t="s">
        <v>99</v>
      </c>
      <c r="D89454" s="14" t="s">
        <v>94</v>
      </c>
      <c r="E89454" s="15">
        <v>45405</v>
      </c>
      <c r="F89454" s="14" t="s">
        <v>15</v>
      </c>
      <c r="G89454" s="16">
        <v>0</v>
      </c>
    </row>
    <row r="89455" spans="1:7" x14ac:dyDescent="0.3">
      <c r="A89455" s="13" t="s">
        <v>448</v>
      </c>
      <c r="B89455" s="14" t="s">
        <v>1</v>
      </c>
      <c r="C89455" s="14" t="s">
        <v>99</v>
      </c>
      <c r="D89455" s="14" t="s">
        <v>94</v>
      </c>
      <c r="E89455" s="15">
        <v>45406</v>
      </c>
      <c r="F89455" s="14" t="s">
        <v>15</v>
      </c>
      <c r="G89455" s="16">
        <v>0</v>
      </c>
    </row>
    <row r="89456" spans="1:7" x14ac:dyDescent="0.3">
      <c r="A89456" s="13" t="s">
        <v>448</v>
      </c>
      <c r="B89456" s="14" t="s">
        <v>1</v>
      </c>
      <c r="C89456" s="14" t="s">
        <v>99</v>
      </c>
      <c r="D89456" s="14" t="s">
        <v>94</v>
      </c>
      <c r="E89456" s="15">
        <v>45407</v>
      </c>
      <c r="F89456" s="14" t="s">
        <v>15</v>
      </c>
      <c r="G89456" s="16">
        <v>0</v>
      </c>
    </row>
    <row r="89457" spans="1:7" x14ac:dyDescent="0.3">
      <c r="A89457" s="13" t="s">
        <v>448</v>
      </c>
      <c r="B89457" s="14" t="s">
        <v>1</v>
      </c>
      <c r="C89457" s="14" t="s">
        <v>99</v>
      </c>
      <c r="D89457" s="14" t="s">
        <v>94</v>
      </c>
      <c r="E89457" s="15">
        <v>45408</v>
      </c>
      <c r="F89457" s="14" t="s">
        <v>15</v>
      </c>
      <c r="G89457" s="16">
        <v>0</v>
      </c>
    </row>
    <row r="89458" spans="1:7" x14ac:dyDescent="0.3">
      <c r="A89458" s="13" t="s">
        <v>448</v>
      </c>
      <c r="B89458" s="14" t="s">
        <v>1</v>
      </c>
      <c r="C89458" s="14" t="s">
        <v>99</v>
      </c>
      <c r="D89458" s="14" t="s">
        <v>94</v>
      </c>
      <c r="E89458" s="15">
        <v>45409</v>
      </c>
      <c r="F89458" s="14" t="s">
        <v>15</v>
      </c>
      <c r="G89458" s="16">
        <v>0</v>
      </c>
    </row>
    <row r="89459" spans="1:7" x14ac:dyDescent="0.3">
      <c r="A89459" s="13" t="s">
        <v>448</v>
      </c>
      <c r="B89459" s="14" t="s">
        <v>1</v>
      </c>
      <c r="C89459" s="14" t="s">
        <v>99</v>
      </c>
      <c r="D89459" s="14" t="s">
        <v>94</v>
      </c>
      <c r="E89459" s="15">
        <v>45410</v>
      </c>
      <c r="F89459" s="14" t="s">
        <v>15</v>
      </c>
      <c r="G89459" s="16">
        <v>0</v>
      </c>
    </row>
    <row r="89460" spans="1:7" x14ac:dyDescent="0.3">
      <c r="A89460" s="13" t="s">
        <v>448</v>
      </c>
      <c r="B89460" s="14" t="s">
        <v>1</v>
      </c>
      <c r="C89460" s="14" t="s">
        <v>99</v>
      </c>
      <c r="D89460" s="14" t="s">
        <v>94</v>
      </c>
      <c r="E89460" s="15">
        <v>45411</v>
      </c>
      <c r="F89460" s="14" t="s">
        <v>15</v>
      </c>
      <c r="G89460" s="16">
        <v>0</v>
      </c>
    </row>
    <row r="89461" spans="1:7" x14ac:dyDescent="0.3">
      <c r="A89461" s="13" t="s">
        <v>448</v>
      </c>
      <c r="B89461" s="14" t="s">
        <v>1</v>
      </c>
      <c r="C89461" s="14" t="s">
        <v>99</v>
      </c>
      <c r="D89461" s="14" t="s">
        <v>94</v>
      </c>
      <c r="E89461" s="15">
        <v>45412</v>
      </c>
      <c r="F89461" s="14" t="s">
        <v>15</v>
      </c>
      <c r="G89461" s="16">
        <v>0</v>
      </c>
    </row>
    <row r="89462" spans="1:7" x14ac:dyDescent="0.3">
      <c r="A89462" s="13" t="s">
        <v>448</v>
      </c>
      <c r="B89462" s="14" t="s">
        <v>1</v>
      </c>
      <c r="C89462" s="14" t="s">
        <v>99</v>
      </c>
      <c r="D89462" s="14" t="s">
        <v>94</v>
      </c>
      <c r="E89462" s="15">
        <v>45413</v>
      </c>
      <c r="F89462" s="14" t="s">
        <v>15</v>
      </c>
      <c r="G89462" s="16">
        <v>0</v>
      </c>
    </row>
    <row r="89463" spans="1:7" x14ac:dyDescent="0.3">
      <c r="A89463" s="13" t="s">
        <v>448</v>
      </c>
      <c r="B89463" s="14" t="s">
        <v>1</v>
      </c>
      <c r="C89463" s="14" t="s">
        <v>99</v>
      </c>
      <c r="D89463" s="14" t="s">
        <v>94</v>
      </c>
      <c r="E89463" s="15">
        <v>45414</v>
      </c>
      <c r="F89463" s="14" t="s">
        <v>15</v>
      </c>
      <c r="G89463" s="16">
        <v>0</v>
      </c>
    </row>
    <row r="89464" spans="1:7" x14ac:dyDescent="0.3">
      <c r="A89464" s="13" t="s">
        <v>448</v>
      </c>
      <c r="B89464" s="14" t="s">
        <v>1</v>
      </c>
      <c r="C89464" s="14" t="s">
        <v>99</v>
      </c>
      <c r="D89464" s="14" t="s">
        <v>94</v>
      </c>
      <c r="E89464" s="15">
        <v>45415</v>
      </c>
      <c r="F89464" s="14" t="s">
        <v>15</v>
      </c>
      <c r="G89464" s="16">
        <v>0</v>
      </c>
    </row>
    <row r="89465" spans="1:7" x14ac:dyDescent="0.3">
      <c r="A89465" s="13" t="s">
        <v>448</v>
      </c>
      <c r="B89465" s="14" t="s">
        <v>1</v>
      </c>
      <c r="C89465" s="14" t="s">
        <v>99</v>
      </c>
      <c r="D89465" s="14" t="s">
        <v>94</v>
      </c>
      <c r="E89465" s="15">
        <v>45416</v>
      </c>
      <c r="F89465" s="14" t="s">
        <v>15</v>
      </c>
      <c r="G89465" s="16">
        <v>0</v>
      </c>
    </row>
    <row r="89466" spans="1:7" x14ac:dyDescent="0.3">
      <c r="A89466" s="13" t="s">
        <v>448</v>
      </c>
      <c r="B89466" s="14" t="s">
        <v>1</v>
      </c>
      <c r="C89466" s="14" t="s">
        <v>99</v>
      </c>
      <c r="D89466" s="14" t="s">
        <v>94</v>
      </c>
      <c r="E89466" s="15">
        <v>45417</v>
      </c>
      <c r="F89466" s="14" t="s">
        <v>15</v>
      </c>
      <c r="G89466" s="16">
        <v>0</v>
      </c>
    </row>
    <row r="89467" spans="1:7" x14ac:dyDescent="0.3">
      <c r="A89467" s="13" t="s">
        <v>448</v>
      </c>
      <c r="B89467" s="14" t="s">
        <v>1</v>
      </c>
      <c r="C89467" s="14" t="s">
        <v>99</v>
      </c>
      <c r="D89467" s="14" t="s">
        <v>94</v>
      </c>
      <c r="E89467" s="15">
        <v>45418</v>
      </c>
      <c r="F89467" s="14" t="s">
        <v>15</v>
      </c>
      <c r="G89467" s="16">
        <v>0</v>
      </c>
    </row>
    <row r="89468" spans="1:7" x14ac:dyDescent="0.3">
      <c r="A89468" s="13" t="s">
        <v>448</v>
      </c>
      <c r="B89468" s="14" t="s">
        <v>1</v>
      </c>
      <c r="C89468" s="14" t="s">
        <v>99</v>
      </c>
      <c r="D89468" s="14" t="s">
        <v>94</v>
      </c>
      <c r="E89468" s="15">
        <v>45419</v>
      </c>
      <c r="F89468" s="14" t="s">
        <v>15</v>
      </c>
      <c r="G89468" s="16">
        <v>0</v>
      </c>
    </row>
    <row r="89469" spans="1:7" x14ac:dyDescent="0.3">
      <c r="A89469" s="13" t="s">
        <v>448</v>
      </c>
      <c r="B89469" s="14" t="s">
        <v>1</v>
      </c>
      <c r="C89469" s="14" t="s">
        <v>99</v>
      </c>
      <c r="D89469" s="14" t="s">
        <v>94</v>
      </c>
      <c r="E89469" s="15">
        <v>45420</v>
      </c>
      <c r="F89469" s="14" t="s">
        <v>15</v>
      </c>
      <c r="G89469" s="16">
        <v>0</v>
      </c>
    </row>
    <row r="89470" spans="1:7" x14ac:dyDescent="0.3">
      <c r="A89470" s="13" t="s">
        <v>448</v>
      </c>
      <c r="B89470" s="14" t="s">
        <v>1</v>
      </c>
      <c r="C89470" s="14" t="s">
        <v>99</v>
      </c>
      <c r="D89470" s="14" t="s">
        <v>94</v>
      </c>
      <c r="E89470" s="15">
        <v>45421</v>
      </c>
      <c r="F89470" s="14" t="s">
        <v>15</v>
      </c>
      <c r="G89470" s="16">
        <v>0</v>
      </c>
    </row>
    <row r="89471" spans="1:7" x14ac:dyDescent="0.3">
      <c r="A89471" s="13" t="s">
        <v>448</v>
      </c>
      <c r="B89471" s="14" t="s">
        <v>1</v>
      </c>
      <c r="C89471" s="14" t="s">
        <v>99</v>
      </c>
      <c r="D89471" s="14" t="s">
        <v>94</v>
      </c>
      <c r="E89471" s="15">
        <v>45422</v>
      </c>
      <c r="F89471" s="14" t="s">
        <v>15</v>
      </c>
      <c r="G89471" s="16">
        <v>0</v>
      </c>
    </row>
    <row r="89472" spans="1:7" x14ac:dyDescent="0.3">
      <c r="A89472" s="13" t="s">
        <v>448</v>
      </c>
      <c r="B89472" s="14" t="s">
        <v>1</v>
      </c>
      <c r="C89472" s="14" t="s">
        <v>99</v>
      </c>
      <c r="D89472" s="14" t="s">
        <v>94</v>
      </c>
      <c r="E89472" s="15">
        <v>45423</v>
      </c>
      <c r="F89472" s="14" t="s">
        <v>15</v>
      </c>
      <c r="G89472" s="16">
        <v>0</v>
      </c>
    </row>
    <row r="89473" spans="1:7" x14ac:dyDescent="0.3">
      <c r="A89473" s="13" t="s">
        <v>448</v>
      </c>
      <c r="B89473" s="14" t="s">
        <v>1</v>
      </c>
      <c r="C89473" s="14" t="s">
        <v>99</v>
      </c>
      <c r="D89473" s="14" t="s">
        <v>94</v>
      </c>
      <c r="E89473" s="15">
        <v>45424</v>
      </c>
      <c r="F89473" s="14" t="s">
        <v>15</v>
      </c>
      <c r="G89473" s="16">
        <v>0</v>
      </c>
    </row>
    <row r="89474" spans="1:7" x14ac:dyDescent="0.3">
      <c r="A89474" s="13" t="s">
        <v>448</v>
      </c>
      <c r="B89474" s="14" t="s">
        <v>1</v>
      </c>
      <c r="C89474" s="14" t="s">
        <v>99</v>
      </c>
      <c r="D89474" s="14" t="s">
        <v>94</v>
      </c>
      <c r="E89474" s="15">
        <v>45425</v>
      </c>
      <c r="F89474" s="14" t="s">
        <v>15</v>
      </c>
      <c r="G89474" s="16">
        <v>0</v>
      </c>
    </row>
    <row r="89475" spans="1:7" x14ac:dyDescent="0.3">
      <c r="A89475" s="13" t="s">
        <v>448</v>
      </c>
      <c r="B89475" s="14" t="s">
        <v>1</v>
      </c>
      <c r="C89475" s="14" t="s">
        <v>99</v>
      </c>
      <c r="D89475" s="14" t="s">
        <v>94</v>
      </c>
      <c r="E89475" s="15">
        <v>45426</v>
      </c>
      <c r="F89475" s="14" t="s">
        <v>15</v>
      </c>
      <c r="G89475" s="16">
        <v>0</v>
      </c>
    </row>
    <row r="89476" spans="1:7" x14ac:dyDescent="0.3">
      <c r="A89476" s="13" t="s">
        <v>448</v>
      </c>
      <c r="B89476" s="14" t="s">
        <v>1</v>
      </c>
      <c r="C89476" s="14" t="s">
        <v>99</v>
      </c>
      <c r="D89476" s="14" t="s">
        <v>94</v>
      </c>
      <c r="E89476" s="15">
        <v>45427</v>
      </c>
      <c r="F89476" s="14" t="s">
        <v>15</v>
      </c>
      <c r="G89476" s="16">
        <v>0</v>
      </c>
    </row>
    <row r="89477" spans="1:7" x14ac:dyDescent="0.3">
      <c r="A89477" s="13" t="s">
        <v>448</v>
      </c>
      <c r="B89477" s="14" t="s">
        <v>1</v>
      </c>
      <c r="C89477" s="14" t="s">
        <v>99</v>
      </c>
      <c r="D89477" s="14" t="s">
        <v>94</v>
      </c>
      <c r="E89477" s="15">
        <v>45428</v>
      </c>
      <c r="F89477" s="14" t="s">
        <v>15</v>
      </c>
      <c r="G89477" s="16">
        <v>0</v>
      </c>
    </row>
    <row r="89478" spans="1:7" x14ac:dyDescent="0.3">
      <c r="A89478" s="13" t="s">
        <v>448</v>
      </c>
      <c r="B89478" s="14" t="s">
        <v>1</v>
      </c>
      <c r="C89478" s="14" t="s">
        <v>99</v>
      </c>
      <c r="D89478" s="14" t="s">
        <v>94</v>
      </c>
      <c r="E89478" s="15">
        <v>45429</v>
      </c>
      <c r="F89478" s="14" t="s">
        <v>15</v>
      </c>
      <c r="G89478" s="16">
        <v>0</v>
      </c>
    </row>
    <row r="89479" spans="1:7" x14ac:dyDescent="0.3">
      <c r="A89479" s="13" t="s">
        <v>448</v>
      </c>
      <c r="B89479" s="14" t="s">
        <v>1</v>
      </c>
      <c r="C89479" s="14" t="s">
        <v>99</v>
      </c>
      <c r="D89479" s="14" t="s">
        <v>94</v>
      </c>
      <c r="E89479" s="15">
        <v>45430</v>
      </c>
      <c r="F89479" s="14" t="s">
        <v>15</v>
      </c>
      <c r="G89479" s="16">
        <v>0</v>
      </c>
    </row>
    <row r="89480" spans="1:7" x14ac:dyDescent="0.3">
      <c r="A89480" s="13" t="s">
        <v>448</v>
      </c>
      <c r="B89480" s="14" t="s">
        <v>1</v>
      </c>
      <c r="C89480" s="14" t="s">
        <v>99</v>
      </c>
      <c r="D89480" s="14" t="s">
        <v>94</v>
      </c>
      <c r="E89480" s="15">
        <v>45431</v>
      </c>
      <c r="F89480" s="14" t="s">
        <v>15</v>
      </c>
      <c r="G89480" s="16">
        <v>0</v>
      </c>
    </row>
    <row r="89481" spans="1:7" x14ac:dyDescent="0.3">
      <c r="A89481" s="13" t="s">
        <v>448</v>
      </c>
      <c r="B89481" s="14" t="s">
        <v>1</v>
      </c>
      <c r="C89481" s="14" t="s">
        <v>99</v>
      </c>
      <c r="D89481" s="14" t="s">
        <v>94</v>
      </c>
      <c r="E89481" s="15">
        <v>45432</v>
      </c>
      <c r="F89481" s="14" t="s">
        <v>15</v>
      </c>
      <c r="G89481" s="16">
        <v>0</v>
      </c>
    </row>
    <row r="89482" spans="1:7" x14ac:dyDescent="0.3">
      <c r="A89482" s="13" t="s">
        <v>448</v>
      </c>
      <c r="B89482" s="14" t="s">
        <v>1</v>
      </c>
      <c r="C89482" s="14" t="s">
        <v>99</v>
      </c>
      <c r="D89482" s="14" t="s">
        <v>94</v>
      </c>
      <c r="E89482" s="15">
        <v>45433</v>
      </c>
      <c r="F89482" s="14" t="s">
        <v>15</v>
      </c>
      <c r="G89482" s="16">
        <v>0</v>
      </c>
    </row>
    <row r="89483" spans="1:7" x14ac:dyDescent="0.3">
      <c r="A89483" s="13" t="s">
        <v>448</v>
      </c>
      <c r="B89483" s="14" t="s">
        <v>1</v>
      </c>
      <c r="C89483" s="14" t="s">
        <v>99</v>
      </c>
      <c r="D89483" s="14" t="s">
        <v>94</v>
      </c>
      <c r="E89483" s="15">
        <v>45434</v>
      </c>
      <c r="F89483" s="14" t="s">
        <v>15</v>
      </c>
      <c r="G89483" s="16">
        <v>0</v>
      </c>
    </row>
    <row r="89484" spans="1:7" x14ac:dyDescent="0.3">
      <c r="A89484" s="13" t="s">
        <v>448</v>
      </c>
      <c r="B89484" s="14" t="s">
        <v>1</v>
      </c>
      <c r="C89484" s="14" t="s">
        <v>99</v>
      </c>
      <c r="D89484" s="14" t="s">
        <v>94</v>
      </c>
      <c r="E89484" s="15">
        <v>45435</v>
      </c>
      <c r="F89484" s="14" t="s">
        <v>15</v>
      </c>
      <c r="G89484" s="16">
        <v>0</v>
      </c>
    </row>
    <row r="89485" spans="1:7" x14ac:dyDescent="0.3">
      <c r="A89485" s="13" t="s">
        <v>448</v>
      </c>
      <c r="B89485" s="14" t="s">
        <v>1</v>
      </c>
      <c r="C89485" s="14" t="s">
        <v>99</v>
      </c>
      <c r="D89485" s="14" t="s">
        <v>94</v>
      </c>
      <c r="E89485" s="15">
        <v>45436</v>
      </c>
      <c r="F89485" s="14" t="s">
        <v>15</v>
      </c>
      <c r="G89485" s="16">
        <v>0</v>
      </c>
    </row>
    <row r="89486" spans="1:7" x14ac:dyDescent="0.3">
      <c r="A89486" s="13" t="s">
        <v>448</v>
      </c>
      <c r="B89486" s="14" t="s">
        <v>1</v>
      </c>
      <c r="C89486" s="14" t="s">
        <v>99</v>
      </c>
      <c r="D89486" s="14" t="s">
        <v>94</v>
      </c>
      <c r="E89486" s="15">
        <v>45437</v>
      </c>
      <c r="F89486" s="14" t="s">
        <v>15</v>
      </c>
      <c r="G89486" s="16">
        <v>0</v>
      </c>
    </row>
    <row r="89487" spans="1:7" x14ac:dyDescent="0.3">
      <c r="A89487" s="13" t="s">
        <v>448</v>
      </c>
      <c r="B89487" s="14" t="s">
        <v>1</v>
      </c>
      <c r="C89487" s="14" t="s">
        <v>99</v>
      </c>
      <c r="D89487" s="14" t="s">
        <v>94</v>
      </c>
      <c r="E89487" s="15">
        <v>45438</v>
      </c>
      <c r="F89487" s="14" t="s">
        <v>15</v>
      </c>
      <c r="G89487" s="16">
        <v>0</v>
      </c>
    </row>
    <row r="89488" spans="1:7" x14ac:dyDescent="0.3">
      <c r="A89488" s="13" t="s">
        <v>448</v>
      </c>
      <c r="B89488" s="14" t="s">
        <v>1</v>
      </c>
      <c r="C89488" s="14" t="s">
        <v>99</v>
      </c>
      <c r="D89488" s="14" t="s">
        <v>94</v>
      </c>
      <c r="E89488" s="15">
        <v>45439</v>
      </c>
      <c r="F89488" s="14" t="s">
        <v>15</v>
      </c>
      <c r="G89488" s="16">
        <v>0</v>
      </c>
    </row>
    <row r="89489" spans="1:7" x14ac:dyDescent="0.3">
      <c r="A89489" s="13" t="s">
        <v>448</v>
      </c>
      <c r="B89489" s="14" t="s">
        <v>1</v>
      </c>
      <c r="C89489" s="14" t="s">
        <v>99</v>
      </c>
      <c r="D89489" s="14" t="s">
        <v>94</v>
      </c>
      <c r="E89489" s="15">
        <v>45440</v>
      </c>
      <c r="F89489" s="14" t="s">
        <v>15</v>
      </c>
      <c r="G89489" s="16">
        <v>0</v>
      </c>
    </row>
    <row r="89490" spans="1:7" x14ac:dyDescent="0.3">
      <c r="A89490" s="13" t="s">
        <v>448</v>
      </c>
      <c r="B89490" s="14" t="s">
        <v>1</v>
      </c>
      <c r="C89490" s="14" t="s">
        <v>99</v>
      </c>
      <c r="D89490" s="14" t="s">
        <v>94</v>
      </c>
      <c r="E89490" s="15">
        <v>45441</v>
      </c>
      <c r="F89490" s="14" t="s">
        <v>15</v>
      </c>
      <c r="G89490" s="16">
        <v>0</v>
      </c>
    </row>
    <row r="89491" spans="1:7" x14ac:dyDescent="0.3">
      <c r="A89491" s="13" t="s">
        <v>448</v>
      </c>
      <c r="B89491" s="14" t="s">
        <v>1</v>
      </c>
      <c r="C89491" s="14" t="s">
        <v>99</v>
      </c>
      <c r="D89491" s="14" t="s">
        <v>94</v>
      </c>
      <c r="E89491" s="15">
        <v>45442</v>
      </c>
      <c r="F89491" s="14" t="s">
        <v>15</v>
      </c>
      <c r="G89491" s="16">
        <v>0</v>
      </c>
    </row>
    <row r="89492" spans="1:7" x14ac:dyDescent="0.3">
      <c r="A89492" s="13" t="s">
        <v>448</v>
      </c>
      <c r="B89492" s="14" t="s">
        <v>1</v>
      </c>
      <c r="C89492" s="14" t="s">
        <v>99</v>
      </c>
      <c r="D89492" s="14" t="s">
        <v>94</v>
      </c>
      <c r="E89492" s="15">
        <v>45443</v>
      </c>
      <c r="F89492" s="14" t="s">
        <v>15</v>
      </c>
      <c r="G89492" s="16">
        <v>0</v>
      </c>
    </row>
    <row r="89493" spans="1:7" x14ac:dyDescent="0.3">
      <c r="A89493" s="13" t="s">
        <v>448</v>
      </c>
      <c r="B89493" s="14" t="s">
        <v>1</v>
      </c>
      <c r="C89493" s="14" t="s">
        <v>99</v>
      </c>
      <c r="D89493" s="14" t="s">
        <v>94</v>
      </c>
      <c r="E89493" s="15">
        <v>45444</v>
      </c>
      <c r="F89493" s="14" t="s">
        <v>15</v>
      </c>
      <c r="G89493" s="16">
        <v>0</v>
      </c>
    </row>
    <row r="89494" spans="1:7" x14ac:dyDescent="0.3">
      <c r="A89494" s="13" t="s">
        <v>448</v>
      </c>
      <c r="B89494" s="14" t="s">
        <v>1</v>
      </c>
      <c r="C89494" s="14" t="s">
        <v>99</v>
      </c>
      <c r="D89494" s="14" t="s">
        <v>94</v>
      </c>
      <c r="E89494" s="15">
        <v>45445</v>
      </c>
      <c r="F89494" s="14" t="s">
        <v>15</v>
      </c>
      <c r="G89494" s="16">
        <v>0</v>
      </c>
    </row>
    <row r="89495" spans="1:7" x14ac:dyDescent="0.3">
      <c r="A89495" s="13" t="s">
        <v>448</v>
      </c>
      <c r="B89495" s="14" t="s">
        <v>1</v>
      </c>
      <c r="C89495" s="14" t="s">
        <v>99</v>
      </c>
      <c r="D89495" s="14" t="s">
        <v>94</v>
      </c>
      <c r="E89495" s="15">
        <v>45446</v>
      </c>
      <c r="F89495" s="14" t="s">
        <v>15</v>
      </c>
      <c r="G89495" s="16">
        <v>0</v>
      </c>
    </row>
    <row r="89496" spans="1:7" x14ac:dyDescent="0.3">
      <c r="A89496" s="13" t="s">
        <v>448</v>
      </c>
      <c r="B89496" s="14" t="s">
        <v>1</v>
      </c>
      <c r="C89496" s="14" t="s">
        <v>99</v>
      </c>
      <c r="D89496" s="14" t="s">
        <v>94</v>
      </c>
      <c r="E89496" s="15">
        <v>45447</v>
      </c>
      <c r="F89496" s="14" t="s">
        <v>15</v>
      </c>
      <c r="G89496" s="16">
        <v>0</v>
      </c>
    </row>
    <row r="89497" spans="1:7" x14ac:dyDescent="0.3">
      <c r="A89497" s="13" t="s">
        <v>448</v>
      </c>
      <c r="B89497" s="14" t="s">
        <v>1</v>
      </c>
      <c r="C89497" s="14" t="s">
        <v>99</v>
      </c>
      <c r="D89497" s="14" t="s">
        <v>94</v>
      </c>
      <c r="E89497" s="15">
        <v>45448</v>
      </c>
      <c r="F89497" s="14" t="s">
        <v>15</v>
      </c>
      <c r="G89497" s="16">
        <v>0</v>
      </c>
    </row>
    <row r="89498" spans="1:7" x14ac:dyDescent="0.3">
      <c r="A89498" s="13" t="s">
        <v>448</v>
      </c>
      <c r="B89498" s="14" t="s">
        <v>1</v>
      </c>
      <c r="C89498" s="14" t="s">
        <v>99</v>
      </c>
      <c r="D89498" s="14" t="s">
        <v>94</v>
      </c>
      <c r="E89498" s="15">
        <v>45449</v>
      </c>
      <c r="F89498" s="14" t="s">
        <v>15</v>
      </c>
      <c r="G89498" s="16">
        <v>0</v>
      </c>
    </row>
    <row r="89499" spans="1:7" x14ac:dyDescent="0.3">
      <c r="A89499" s="13" t="s">
        <v>448</v>
      </c>
      <c r="B89499" s="14" t="s">
        <v>1</v>
      </c>
      <c r="C89499" s="14" t="s">
        <v>99</v>
      </c>
      <c r="D89499" s="14" t="s">
        <v>94</v>
      </c>
      <c r="E89499" s="15">
        <v>45450</v>
      </c>
      <c r="F89499" s="14" t="s">
        <v>15</v>
      </c>
      <c r="G89499" s="16">
        <v>0</v>
      </c>
    </row>
    <row r="89500" spans="1:7" x14ac:dyDescent="0.3">
      <c r="A89500" s="13" t="s">
        <v>448</v>
      </c>
      <c r="B89500" s="14" t="s">
        <v>1</v>
      </c>
      <c r="C89500" s="14" t="s">
        <v>99</v>
      </c>
      <c r="D89500" s="14" t="s">
        <v>94</v>
      </c>
      <c r="E89500" s="15">
        <v>45451</v>
      </c>
      <c r="F89500" s="14" t="s">
        <v>15</v>
      </c>
      <c r="G89500" s="16">
        <v>0</v>
      </c>
    </row>
    <row r="89501" spans="1:7" x14ac:dyDescent="0.3">
      <c r="A89501" s="13" t="s">
        <v>448</v>
      </c>
      <c r="B89501" s="14" t="s">
        <v>1</v>
      </c>
      <c r="C89501" s="14" t="s">
        <v>99</v>
      </c>
      <c r="D89501" s="14" t="s">
        <v>94</v>
      </c>
      <c r="E89501" s="15">
        <v>45452</v>
      </c>
      <c r="F89501" s="14" t="s">
        <v>15</v>
      </c>
      <c r="G89501" s="16">
        <v>0</v>
      </c>
    </row>
    <row r="89502" spans="1:7" x14ac:dyDescent="0.3">
      <c r="A89502" s="13" t="s">
        <v>448</v>
      </c>
      <c r="B89502" s="14" t="s">
        <v>1</v>
      </c>
      <c r="C89502" s="14" t="s">
        <v>99</v>
      </c>
      <c r="D89502" s="14" t="s">
        <v>94</v>
      </c>
      <c r="E89502" s="15">
        <v>45453</v>
      </c>
      <c r="F89502" s="14" t="s">
        <v>15</v>
      </c>
      <c r="G89502" s="16">
        <v>0</v>
      </c>
    </row>
    <row r="89503" spans="1:7" x14ac:dyDescent="0.3">
      <c r="A89503" s="13" t="s">
        <v>448</v>
      </c>
      <c r="B89503" s="14" t="s">
        <v>1</v>
      </c>
      <c r="C89503" s="14" t="s">
        <v>99</v>
      </c>
      <c r="D89503" s="14" t="s">
        <v>94</v>
      </c>
      <c r="E89503" s="15">
        <v>45454</v>
      </c>
      <c r="F89503" s="14" t="s">
        <v>15</v>
      </c>
      <c r="G89503" s="16">
        <v>0</v>
      </c>
    </row>
    <row r="89504" spans="1:7" x14ac:dyDescent="0.3">
      <c r="A89504" s="13" t="s">
        <v>448</v>
      </c>
      <c r="B89504" s="14" t="s">
        <v>1</v>
      </c>
      <c r="C89504" s="14" t="s">
        <v>99</v>
      </c>
      <c r="D89504" s="14" t="s">
        <v>94</v>
      </c>
      <c r="E89504" s="15">
        <v>45455</v>
      </c>
      <c r="F89504" s="14" t="s">
        <v>15</v>
      </c>
      <c r="G89504" s="16">
        <v>0</v>
      </c>
    </row>
    <row r="89505" spans="1:7" x14ac:dyDescent="0.3">
      <c r="A89505" s="13" t="s">
        <v>448</v>
      </c>
      <c r="B89505" s="14" t="s">
        <v>1</v>
      </c>
      <c r="C89505" s="14" t="s">
        <v>99</v>
      </c>
      <c r="D89505" s="14" t="s">
        <v>94</v>
      </c>
      <c r="E89505" s="15">
        <v>45456</v>
      </c>
      <c r="F89505" s="14" t="s">
        <v>15</v>
      </c>
      <c r="G89505" s="16">
        <v>0</v>
      </c>
    </row>
    <row r="89506" spans="1:7" x14ac:dyDescent="0.3">
      <c r="A89506" s="13" t="s">
        <v>448</v>
      </c>
      <c r="B89506" s="14" t="s">
        <v>1</v>
      </c>
      <c r="C89506" s="14" t="s">
        <v>99</v>
      </c>
      <c r="D89506" s="14" t="s">
        <v>94</v>
      </c>
      <c r="E89506" s="15">
        <v>45457</v>
      </c>
      <c r="F89506" s="14" t="s">
        <v>15</v>
      </c>
      <c r="G89506" s="16">
        <v>0</v>
      </c>
    </row>
    <row r="89507" spans="1:7" x14ac:dyDescent="0.3">
      <c r="A89507" s="13" t="s">
        <v>448</v>
      </c>
      <c r="B89507" s="14" t="s">
        <v>1</v>
      </c>
      <c r="C89507" s="14" t="s">
        <v>99</v>
      </c>
      <c r="D89507" s="14" t="s">
        <v>94</v>
      </c>
      <c r="E89507" s="15">
        <v>45458</v>
      </c>
      <c r="F89507" s="14" t="s">
        <v>15</v>
      </c>
      <c r="G89507" s="16">
        <v>0</v>
      </c>
    </row>
    <row r="89508" spans="1:7" x14ac:dyDescent="0.3">
      <c r="A89508" s="13" t="s">
        <v>448</v>
      </c>
      <c r="B89508" s="14" t="s">
        <v>1</v>
      </c>
      <c r="C89508" s="14" t="s">
        <v>99</v>
      </c>
      <c r="D89508" s="14" t="s">
        <v>94</v>
      </c>
      <c r="E89508" s="15">
        <v>45459</v>
      </c>
      <c r="F89508" s="14" t="s">
        <v>15</v>
      </c>
      <c r="G89508" s="16">
        <v>0</v>
      </c>
    </row>
    <row r="89509" spans="1:7" x14ac:dyDescent="0.3">
      <c r="A89509" s="13" t="s">
        <v>448</v>
      </c>
      <c r="B89509" s="14" t="s">
        <v>1</v>
      </c>
      <c r="C89509" s="14" t="s">
        <v>99</v>
      </c>
      <c r="D89509" s="14" t="s">
        <v>94</v>
      </c>
      <c r="E89509" s="15">
        <v>45460</v>
      </c>
      <c r="F89509" s="14" t="s">
        <v>15</v>
      </c>
      <c r="G89509" s="16">
        <v>0</v>
      </c>
    </row>
    <row r="89510" spans="1:7" x14ac:dyDescent="0.3">
      <c r="A89510" s="13" t="s">
        <v>448</v>
      </c>
      <c r="B89510" s="14" t="s">
        <v>1</v>
      </c>
      <c r="C89510" s="14" t="s">
        <v>99</v>
      </c>
      <c r="D89510" s="14" t="s">
        <v>94</v>
      </c>
      <c r="E89510" s="15">
        <v>45461</v>
      </c>
      <c r="F89510" s="14" t="s">
        <v>15</v>
      </c>
      <c r="G89510" s="16">
        <v>0</v>
      </c>
    </row>
    <row r="89511" spans="1:7" x14ac:dyDescent="0.3">
      <c r="A89511" s="13" t="s">
        <v>448</v>
      </c>
      <c r="B89511" s="14" t="s">
        <v>1</v>
      </c>
      <c r="C89511" s="14" t="s">
        <v>99</v>
      </c>
      <c r="D89511" s="14" t="s">
        <v>94</v>
      </c>
      <c r="E89511" s="15">
        <v>45462</v>
      </c>
      <c r="F89511" s="14" t="s">
        <v>15</v>
      </c>
      <c r="G89511" s="16">
        <v>0</v>
      </c>
    </row>
    <row r="89512" spans="1:7" x14ac:dyDescent="0.3">
      <c r="A89512" s="13" t="s">
        <v>448</v>
      </c>
      <c r="B89512" s="14" t="s">
        <v>1</v>
      </c>
      <c r="C89512" s="14" t="s">
        <v>99</v>
      </c>
      <c r="D89512" s="14" t="s">
        <v>94</v>
      </c>
      <c r="E89512" s="15">
        <v>45463</v>
      </c>
      <c r="F89512" s="14" t="s">
        <v>15</v>
      </c>
      <c r="G89512" s="16">
        <v>0</v>
      </c>
    </row>
    <row r="89513" spans="1:7" x14ac:dyDescent="0.3">
      <c r="A89513" s="13" t="s">
        <v>448</v>
      </c>
      <c r="B89513" s="14" t="s">
        <v>1</v>
      </c>
      <c r="C89513" s="14" t="s">
        <v>99</v>
      </c>
      <c r="D89513" s="14" t="s">
        <v>94</v>
      </c>
      <c r="E89513" s="15">
        <v>45464</v>
      </c>
      <c r="F89513" s="14" t="s">
        <v>15</v>
      </c>
      <c r="G89513" s="16">
        <v>0</v>
      </c>
    </row>
    <row r="89514" spans="1:7" x14ac:dyDescent="0.3">
      <c r="A89514" s="13" t="s">
        <v>448</v>
      </c>
      <c r="B89514" s="14" t="s">
        <v>1</v>
      </c>
      <c r="C89514" s="14" t="s">
        <v>99</v>
      </c>
      <c r="D89514" s="14" t="s">
        <v>94</v>
      </c>
      <c r="E89514" s="15">
        <v>45465</v>
      </c>
      <c r="F89514" s="14" t="s">
        <v>15</v>
      </c>
      <c r="G89514" s="16">
        <v>0</v>
      </c>
    </row>
    <row r="89515" spans="1:7" x14ac:dyDescent="0.3">
      <c r="A89515" s="13" t="s">
        <v>448</v>
      </c>
      <c r="B89515" s="14" t="s">
        <v>1</v>
      </c>
      <c r="C89515" s="14" t="s">
        <v>99</v>
      </c>
      <c r="D89515" s="14" t="s">
        <v>94</v>
      </c>
      <c r="E89515" s="15">
        <v>45466</v>
      </c>
      <c r="F89515" s="14" t="s">
        <v>15</v>
      </c>
      <c r="G89515" s="16">
        <v>0</v>
      </c>
    </row>
    <row r="89516" spans="1:7" x14ac:dyDescent="0.3">
      <c r="A89516" s="13" t="s">
        <v>448</v>
      </c>
      <c r="B89516" s="14" t="s">
        <v>1</v>
      </c>
      <c r="C89516" s="14" t="s">
        <v>99</v>
      </c>
      <c r="D89516" s="14" t="s">
        <v>94</v>
      </c>
      <c r="E89516" s="15">
        <v>45467</v>
      </c>
      <c r="F89516" s="14" t="s">
        <v>15</v>
      </c>
      <c r="G89516" s="16">
        <v>0</v>
      </c>
    </row>
    <row r="89517" spans="1:7" x14ac:dyDescent="0.3">
      <c r="A89517" s="13" t="s">
        <v>448</v>
      </c>
      <c r="B89517" s="14" t="s">
        <v>1</v>
      </c>
      <c r="C89517" s="14" t="s">
        <v>99</v>
      </c>
      <c r="D89517" s="14" t="s">
        <v>94</v>
      </c>
      <c r="E89517" s="15">
        <v>45468</v>
      </c>
      <c r="F89517" s="14" t="s">
        <v>15</v>
      </c>
      <c r="G89517" s="16">
        <v>0</v>
      </c>
    </row>
    <row r="89518" spans="1:7" x14ac:dyDescent="0.3">
      <c r="A89518" s="13" t="s">
        <v>448</v>
      </c>
      <c r="B89518" s="14" t="s">
        <v>1</v>
      </c>
      <c r="C89518" s="14" t="s">
        <v>99</v>
      </c>
      <c r="D89518" s="14" t="s">
        <v>94</v>
      </c>
      <c r="E89518" s="15">
        <v>45469</v>
      </c>
      <c r="F89518" s="14" t="s">
        <v>15</v>
      </c>
      <c r="G89518" s="16">
        <v>0</v>
      </c>
    </row>
    <row r="89519" spans="1:7" x14ac:dyDescent="0.3">
      <c r="A89519" s="13" t="s">
        <v>448</v>
      </c>
      <c r="B89519" s="14" t="s">
        <v>1</v>
      </c>
      <c r="C89519" s="14" t="s">
        <v>99</v>
      </c>
      <c r="D89519" s="14" t="s">
        <v>94</v>
      </c>
      <c r="E89519" s="15">
        <v>45470</v>
      </c>
      <c r="F89519" s="14" t="s">
        <v>15</v>
      </c>
      <c r="G89519" s="16">
        <v>0</v>
      </c>
    </row>
    <row r="89520" spans="1:7" x14ac:dyDescent="0.3">
      <c r="A89520" s="13" t="s">
        <v>448</v>
      </c>
      <c r="B89520" s="14" t="s">
        <v>1</v>
      </c>
      <c r="C89520" s="14" t="s">
        <v>99</v>
      </c>
      <c r="D89520" s="14" t="s">
        <v>94</v>
      </c>
      <c r="E89520" s="15">
        <v>45471</v>
      </c>
      <c r="F89520" s="14" t="s">
        <v>15</v>
      </c>
      <c r="G89520" s="16">
        <v>0</v>
      </c>
    </row>
    <row r="89521" spans="1:7" x14ac:dyDescent="0.3">
      <c r="A89521" s="13" t="s">
        <v>448</v>
      </c>
      <c r="B89521" s="14" t="s">
        <v>1</v>
      </c>
      <c r="C89521" s="14" t="s">
        <v>99</v>
      </c>
      <c r="D89521" s="14" t="s">
        <v>94</v>
      </c>
      <c r="E89521" s="15">
        <v>45472</v>
      </c>
      <c r="F89521" s="14" t="s">
        <v>15</v>
      </c>
      <c r="G89521" s="16">
        <v>0</v>
      </c>
    </row>
    <row r="89522" spans="1:7" x14ac:dyDescent="0.3">
      <c r="A89522" s="13" t="s">
        <v>448</v>
      </c>
      <c r="B89522" s="14" t="s">
        <v>1</v>
      </c>
      <c r="C89522" s="14" t="s">
        <v>99</v>
      </c>
      <c r="D89522" s="14" t="s">
        <v>94</v>
      </c>
      <c r="E89522" s="15">
        <v>45473</v>
      </c>
      <c r="F89522" s="14" t="s">
        <v>15</v>
      </c>
      <c r="G89522" s="16">
        <v>0</v>
      </c>
    </row>
    <row r="89523" spans="1:7" x14ac:dyDescent="0.3">
      <c r="A89523" s="13" t="s">
        <v>448</v>
      </c>
      <c r="B89523" s="14" t="s">
        <v>1</v>
      </c>
      <c r="C89523" s="14" t="s">
        <v>99</v>
      </c>
      <c r="D89523" s="14" t="s">
        <v>94</v>
      </c>
      <c r="E89523" s="15">
        <v>45474</v>
      </c>
      <c r="F89523" s="14" t="s">
        <v>15</v>
      </c>
      <c r="G89523" s="16">
        <v>0</v>
      </c>
    </row>
    <row r="89524" spans="1:7" x14ac:dyDescent="0.3">
      <c r="A89524" s="13" t="s">
        <v>448</v>
      </c>
      <c r="B89524" s="14" t="s">
        <v>1</v>
      </c>
      <c r="C89524" s="14" t="s">
        <v>99</v>
      </c>
      <c r="D89524" s="14" t="s">
        <v>94</v>
      </c>
      <c r="E89524" s="15">
        <v>45475</v>
      </c>
      <c r="F89524" s="14" t="s">
        <v>15</v>
      </c>
      <c r="G89524" s="16">
        <v>0</v>
      </c>
    </row>
    <row r="89525" spans="1:7" x14ac:dyDescent="0.3">
      <c r="A89525" s="13" t="s">
        <v>448</v>
      </c>
      <c r="B89525" s="14" t="s">
        <v>1</v>
      </c>
      <c r="C89525" s="14" t="s">
        <v>99</v>
      </c>
      <c r="D89525" s="14" t="s">
        <v>94</v>
      </c>
      <c r="E89525" s="15">
        <v>45476</v>
      </c>
      <c r="F89525" s="14" t="s">
        <v>15</v>
      </c>
      <c r="G89525" s="16">
        <v>0</v>
      </c>
    </row>
    <row r="89526" spans="1:7" x14ac:dyDescent="0.3">
      <c r="A89526" s="13" t="s">
        <v>448</v>
      </c>
      <c r="B89526" s="14" t="s">
        <v>1</v>
      </c>
      <c r="C89526" s="14" t="s">
        <v>99</v>
      </c>
      <c r="D89526" s="14" t="s">
        <v>94</v>
      </c>
      <c r="E89526" s="15">
        <v>45477</v>
      </c>
      <c r="F89526" s="14" t="s">
        <v>15</v>
      </c>
      <c r="G89526" s="16">
        <v>0</v>
      </c>
    </row>
    <row r="89527" spans="1:7" x14ac:dyDescent="0.3">
      <c r="A89527" s="13" t="s">
        <v>448</v>
      </c>
      <c r="B89527" s="14" t="s">
        <v>1</v>
      </c>
      <c r="C89527" s="14" t="s">
        <v>99</v>
      </c>
      <c r="D89527" s="14" t="s">
        <v>94</v>
      </c>
      <c r="E89527" s="15">
        <v>45478</v>
      </c>
      <c r="F89527" s="14" t="s">
        <v>15</v>
      </c>
      <c r="G89527" s="16">
        <v>0</v>
      </c>
    </row>
    <row r="89528" spans="1:7" x14ac:dyDescent="0.3">
      <c r="A89528" s="13" t="s">
        <v>448</v>
      </c>
      <c r="B89528" s="14" t="s">
        <v>1</v>
      </c>
      <c r="C89528" s="14" t="s">
        <v>99</v>
      </c>
      <c r="D89528" s="14" t="s">
        <v>94</v>
      </c>
      <c r="E89528" s="15">
        <v>45479</v>
      </c>
      <c r="F89528" s="14" t="s">
        <v>15</v>
      </c>
      <c r="G89528" s="16">
        <v>0</v>
      </c>
    </row>
    <row r="89529" spans="1:7" x14ac:dyDescent="0.3">
      <c r="A89529" s="13" t="s">
        <v>448</v>
      </c>
      <c r="B89529" s="14" t="s">
        <v>1</v>
      </c>
      <c r="C89529" s="14" t="s">
        <v>99</v>
      </c>
      <c r="D89529" s="14" t="s">
        <v>94</v>
      </c>
      <c r="E89529" s="15">
        <v>45480</v>
      </c>
      <c r="F89529" s="14" t="s">
        <v>15</v>
      </c>
      <c r="G89529" s="16">
        <v>0</v>
      </c>
    </row>
    <row r="89530" spans="1:7" x14ac:dyDescent="0.3">
      <c r="A89530" s="13" t="s">
        <v>448</v>
      </c>
      <c r="B89530" s="14" t="s">
        <v>1</v>
      </c>
      <c r="C89530" s="14" t="s">
        <v>99</v>
      </c>
      <c r="D89530" s="14" t="s">
        <v>94</v>
      </c>
      <c r="E89530" s="15">
        <v>45481</v>
      </c>
      <c r="F89530" s="14" t="s">
        <v>15</v>
      </c>
      <c r="G89530" s="16">
        <v>0</v>
      </c>
    </row>
    <row r="89531" spans="1:7" x14ac:dyDescent="0.3">
      <c r="A89531" s="13" t="s">
        <v>448</v>
      </c>
      <c r="B89531" s="14" t="s">
        <v>1</v>
      </c>
      <c r="C89531" s="14" t="s">
        <v>99</v>
      </c>
      <c r="D89531" s="14" t="s">
        <v>94</v>
      </c>
      <c r="E89531" s="15">
        <v>45482</v>
      </c>
      <c r="F89531" s="14" t="s">
        <v>15</v>
      </c>
      <c r="G89531" s="16">
        <v>0</v>
      </c>
    </row>
    <row r="89532" spans="1:7" x14ac:dyDescent="0.3">
      <c r="A89532" s="13" t="s">
        <v>448</v>
      </c>
      <c r="B89532" s="14" t="s">
        <v>1</v>
      </c>
      <c r="C89532" s="14" t="s">
        <v>99</v>
      </c>
      <c r="D89532" s="14" t="s">
        <v>94</v>
      </c>
      <c r="E89532" s="15">
        <v>45483</v>
      </c>
      <c r="F89532" s="14" t="s">
        <v>15</v>
      </c>
      <c r="G89532" s="16">
        <v>0</v>
      </c>
    </row>
    <row r="89533" spans="1:7" x14ac:dyDescent="0.3">
      <c r="A89533" s="13" t="s">
        <v>448</v>
      </c>
      <c r="B89533" s="14" t="s">
        <v>1</v>
      </c>
      <c r="C89533" s="14" t="s">
        <v>99</v>
      </c>
      <c r="D89533" s="14" t="s">
        <v>94</v>
      </c>
      <c r="E89533" s="15">
        <v>45484</v>
      </c>
      <c r="F89533" s="14" t="s">
        <v>15</v>
      </c>
      <c r="G89533" s="16">
        <v>0</v>
      </c>
    </row>
    <row r="89534" spans="1:7" x14ac:dyDescent="0.3">
      <c r="A89534" s="13" t="s">
        <v>448</v>
      </c>
      <c r="B89534" s="14" t="s">
        <v>1</v>
      </c>
      <c r="C89534" s="14" t="s">
        <v>99</v>
      </c>
      <c r="D89534" s="14" t="s">
        <v>94</v>
      </c>
      <c r="E89534" s="15">
        <v>45485</v>
      </c>
      <c r="F89534" s="14" t="s">
        <v>15</v>
      </c>
      <c r="G89534" s="16">
        <v>0</v>
      </c>
    </row>
    <row r="89535" spans="1:7" x14ac:dyDescent="0.3">
      <c r="A89535" s="13" t="s">
        <v>448</v>
      </c>
      <c r="B89535" s="14" t="s">
        <v>1</v>
      </c>
      <c r="C89535" s="14" t="s">
        <v>99</v>
      </c>
      <c r="D89535" s="14" t="s">
        <v>94</v>
      </c>
      <c r="E89535" s="15">
        <v>45486</v>
      </c>
      <c r="F89535" s="14" t="s">
        <v>15</v>
      </c>
      <c r="G89535" s="16">
        <v>0</v>
      </c>
    </row>
    <row r="89536" spans="1:7" x14ac:dyDescent="0.3">
      <c r="A89536" s="13" t="s">
        <v>448</v>
      </c>
      <c r="B89536" s="14" t="s">
        <v>1</v>
      </c>
      <c r="C89536" s="14" t="s">
        <v>99</v>
      </c>
      <c r="D89536" s="14" t="s">
        <v>94</v>
      </c>
      <c r="E89536" s="15">
        <v>45487</v>
      </c>
      <c r="F89536" s="14" t="s">
        <v>15</v>
      </c>
      <c r="G89536" s="16">
        <v>0</v>
      </c>
    </row>
    <row r="89537" spans="1:7" x14ac:dyDescent="0.3">
      <c r="A89537" s="13" t="s">
        <v>448</v>
      </c>
      <c r="B89537" s="14" t="s">
        <v>1</v>
      </c>
      <c r="C89537" s="14" t="s">
        <v>99</v>
      </c>
      <c r="D89537" s="14" t="s">
        <v>94</v>
      </c>
      <c r="E89537" s="15">
        <v>45488</v>
      </c>
      <c r="F89537" s="14" t="s">
        <v>15</v>
      </c>
      <c r="G89537" s="16">
        <v>0</v>
      </c>
    </row>
    <row r="89538" spans="1:7" x14ac:dyDescent="0.3">
      <c r="A89538" s="13" t="s">
        <v>448</v>
      </c>
      <c r="B89538" s="14" t="s">
        <v>1</v>
      </c>
      <c r="C89538" s="14" t="s">
        <v>99</v>
      </c>
      <c r="D89538" s="14" t="s">
        <v>94</v>
      </c>
      <c r="E89538" s="15">
        <v>45489</v>
      </c>
      <c r="F89538" s="14" t="s">
        <v>15</v>
      </c>
      <c r="G89538" s="16">
        <v>0</v>
      </c>
    </row>
    <row r="89539" spans="1:7" x14ac:dyDescent="0.3">
      <c r="A89539" s="13" t="s">
        <v>448</v>
      </c>
      <c r="B89539" s="14" t="s">
        <v>1</v>
      </c>
      <c r="C89539" s="14" t="s">
        <v>99</v>
      </c>
      <c r="D89539" s="14" t="s">
        <v>94</v>
      </c>
      <c r="E89539" s="15">
        <v>45490</v>
      </c>
      <c r="F89539" s="14" t="s">
        <v>15</v>
      </c>
      <c r="G89539" s="16">
        <v>0</v>
      </c>
    </row>
    <row r="89540" spans="1:7" x14ac:dyDescent="0.3">
      <c r="A89540" s="13" t="s">
        <v>448</v>
      </c>
      <c r="B89540" s="14" t="s">
        <v>1</v>
      </c>
      <c r="C89540" s="14" t="s">
        <v>99</v>
      </c>
      <c r="D89540" s="14" t="s">
        <v>94</v>
      </c>
      <c r="E89540" s="15">
        <v>45491</v>
      </c>
      <c r="F89540" s="14" t="s">
        <v>15</v>
      </c>
      <c r="G89540" s="16">
        <v>0</v>
      </c>
    </row>
    <row r="89541" spans="1:7" x14ac:dyDescent="0.3">
      <c r="A89541" s="13" t="s">
        <v>448</v>
      </c>
      <c r="B89541" s="14" t="s">
        <v>1</v>
      </c>
      <c r="C89541" s="14" t="s">
        <v>99</v>
      </c>
      <c r="D89541" s="14" t="s">
        <v>94</v>
      </c>
      <c r="E89541" s="15">
        <v>45492</v>
      </c>
      <c r="F89541" s="14" t="s">
        <v>15</v>
      </c>
      <c r="G89541" s="16">
        <v>0</v>
      </c>
    </row>
    <row r="89542" spans="1:7" x14ac:dyDescent="0.3">
      <c r="A89542" s="13" t="s">
        <v>448</v>
      </c>
      <c r="B89542" s="14" t="s">
        <v>1</v>
      </c>
      <c r="C89542" s="14" t="s">
        <v>99</v>
      </c>
      <c r="D89542" s="14" t="s">
        <v>94</v>
      </c>
      <c r="E89542" s="15">
        <v>45493</v>
      </c>
      <c r="F89542" s="14" t="s">
        <v>15</v>
      </c>
      <c r="G89542" s="16">
        <v>0</v>
      </c>
    </row>
    <row r="89543" spans="1:7" x14ac:dyDescent="0.3">
      <c r="A89543" s="13" t="s">
        <v>448</v>
      </c>
      <c r="B89543" s="14" t="s">
        <v>1</v>
      </c>
      <c r="C89543" s="14" t="s">
        <v>99</v>
      </c>
      <c r="D89543" s="14" t="s">
        <v>94</v>
      </c>
      <c r="E89543" s="15">
        <v>45494</v>
      </c>
      <c r="F89543" s="14" t="s">
        <v>15</v>
      </c>
      <c r="G89543" s="16">
        <v>0</v>
      </c>
    </row>
    <row r="89544" spans="1:7" x14ac:dyDescent="0.3">
      <c r="A89544" s="13" t="s">
        <v>448</v>
      </c>
      <c r="B89544" s="14" t="s">
        <v>1</v>
      </c>
      <c r="C89544" s="14" t="s">
        <v>99</v>
      </c>
      <c r="D89544" s="14" t="s">
        <v>94</v>
      </c>
      <c r="E89544" s="15">
        <v>45495</v>
      </c>
      <c r="F89544" s="14" t="s">
        <v>15</v>
      </c>
      <c r="G89544" s="16">
        <v>0</v>
      </c>
    </row>
    <row r="89545" spans="1:7" x14ac:dyDescent="0.3">
      <c r="A89545" s="13" t="s">
        <v>448</v>
      </c>
      <c r="B89545" s="14" t="s">
        <v>1</v>
      </c>
      <c r="C89545" s="14" t="s">
        <v>99</v>
      </c>
      <c r="D89545" s="14" t="s">
        <v>94</v>
      </c>
      <c r="E89545" s="15">
        <v>45496</v>
      </c>
      <c r="F89545" s="14" t="s">
        <v>15</v>
      </c>
      <c r="G89545" s="16">
        <v>0</v>
      </c>
    </row>
    <row r="89546" spans="1:7" x14ac:dyDescent="0.3">
      <c r="A89546" s="13" t="s">
        <v>448</v>
      </c>
      <c r="B89546" s="14" t="s">
        <v>1</v>
      </c>
      <c r="C89546" s="14" t="s">
        <v>99</v>
      </c>
      <c r="D89546" s="14" t="s">
        <v>94</v>
      </c>
      <c r="E89546" s="15">
        <v>45497</v>
      </c>
      <c r="F89546" s="14" t="s">
        <v>15</v>
      </c>
      <c r="G89546" s="16">
        <v>0</v>
      </c>
    </row>
    <row r="89547" spans="1:7" x14ac:dyDescent="0.3">
      <c r="A89547" s="13" t="s">
        <v>448</v>
      </c>
      <c r="B89547" s="14" t="s">
        <v>1</v>
      </c>
      <c r="C89547" s="14" t="s">
        <v>99</v>
      </c>
      <c r="D89547" s="14" t="s">
        <v>94</v>
      </c>
      <c r="E89547" s="15">
        <v>45498</v>
      </c>
      <c r="F89547" s="14" t="s">
        <v>15</v>
      </c>
      <c r="G89547" s="16">
        <v>0</v>
      </c>
    </row>
    <row r="89548" spans="1:7" x14ac:dyDescent="0.3">
      <c r="A89548" s="13" t="s">
        <v>448</v>
      </c>
      <c r="B89548" s="14" t="s">
        <v>1</v>
      </c>
      <c r="C89548" s="14" t="s">
        <v>99</v>
      </c>
      <c r="D89548" s="14" t="s">
        <v>94</v>
      </c>
      <c r="E89548" s="15">
        <v>45499</v>
      </c>
      <c r="F89548" s="14" t="s">
        <v>15</v>
      </c>
      <c r="G89548" s="16">
        <v>0</v>
      </c>
    </row>
    <row r="89549" spans="1:7" x14ac:dyDescent="0.3">
      <c r="A89549" s="13" t="s">
        <v>448</v>
      </c>
      <c r="B89549" s="14" t="s">
        <v>1</v>
      </c>
      <c r="C89549" s="14" t="s">
        <v>99</v>
      </c>
      <c r="D89549" s="14" t="s">
        <v>94</v>
      </c>
      <c r="E89549" s="15">
        <v>45500</v>
      </c>
      <c r="F89549" s="14" t="s">
        <v>15</v>
      </c>
      <c r="G89549" s="16">
        <v>0</v>
      </c>
    </row>
    <row r="89550" spans="1:7" x14ac:dyDescent="0.3">
      <c r="A89550" s="13" t="s">
        <v>448</v>
      </c>
      <c r="B89550" s="14" t="s">
        <v>1</v>
      </c>
      <c r="C89550" s="14" t="s">
        <v>99</v>
      </c>
      <c r="D89550" s="14" t="s">
        <v>94</v>
      </c>
      <c r="E89550" s="15">
        <v>45501</v>
      </c>
      <c r="F89550" s="14" t="s">
        <v>15</v>
      </c>
      <c r="G89550" s="16">
        <v>0</v>
      </c>
    </row>
    <row r="89551" spans="1:7" x14ac:dyDescent="0.3">
      <c r="A89551" s="13" t="s">
        <v>448</v>
      </c>
      <c r="B89551" s="14" t="s">
        <v>1</v>
      </c>
      <c r="C89551" s="14" t="s">
        <v>99</v>
      </c>
      <c r="D89551" s="14" t="s">
        <v>94</v>
      </c>
      <c r="E89551" s="15">
        <v>45502</v>
      </c>
      <c r="F89551" s="14" t="s">
        <v>15</v>
      </c>
      <c r="G89551" s="16">
        <v>0</v>
      </c>
    </row>
    <row r="89552" spans="1:7" x14ac:dyDescent="0.3">
      <c r="A89552" s="13" t="s">
        <v>448</v>
      </c>
      <c r="B89552" s="14" t="s">
        <v>1</v>
      </c>
      <c r="C89552" s="14" t="s">
        <v>99</v>
      </c>
      <c r="D89552" s="14" t="s">
        <v>94</v>
      </c>
      <c r="E89552" s="15">
        <v>45503</v>
      </c>
      <c r="F89552" s="14" t="s">
        <v>15</v>
      </c>
      <c r="G89552" s="16">
        <v>0</v>
      </c>
    </row>
    <row r="89553" spans="1:7" x14ac:dyDescent="0.3">
      <c r="A89553" s="13" t="s">
        <v>448</v>
      </c>
      <c r="B89553" s="14" t="s">
        <v>1</v>
      </c>
      <c r="C89553" s="14" t="s">
        <v>99</v>
      </c>
      <c r="D89553" s="14" t="s">
        <v>94</v>
      </c>
      <c r="E89553" s="15">
        <v>45504</v>
      </c>
      <c r="F89553" s="14" t="s">
        <v>15</v>
      </c>
      <c r="G89553" s="16">
        <v>0</v>
      </c>
    </row>
    <row r="89554" spans="1:7" x14ac:dyDescent="0.3">
      <c r="A89554" s="13" t="s">
        <v>448</v>
      </c>
      <c r="B89554" s="14" t="s">
        <v>1</v>
      </c>
      <c r="C89554" s="14" t="s">
        <v>99</v>
      </c>
      <c r="D89554" s="14" t="s">
        <v>94</v>
      </c>
      <c r="E89554" s="15">
        <v>45505</v>
      </c>
      <c r="F89554" s="14" t="s">
        <v>15</v>
      </c>
      <c r="G89554" s="16">
        <v>0</v>
      </c>
    </row>
    <row r="89555" spans="1:7" x14ac:dyDescent="0.3">
      <c r="A89555" s="13" t="s">
        <v>448</v>
      </c>
      <c r="B89555" s="14" t="s">
        <v>1</v>
      </c>
      <c r="C89555" s="14" t="s">
        <v>99</v>
      </c>
      <c r="D89555" s="14" t="s">
        <v>94</v>
      </c>
      <c r="E89555" s="15">
        <v>45506</v>
      </c>
      <c r="F89555" s="14" t="s">
        <v>15</v>
      </c>
      <c r="G89555" s="16">
        <v>0</v>
      </c>
    </row>
    <row r="89556" spans="1:7" x14ac:dyDescent="0.3">
      <c r="A89556" s="13" t="s">
        <v>448</v>
      </c>
      <c r="B89556" s="14" t="s">
        <v>1</v>
      </c>
      <c r="C89556" s="14" t="s">
        <v>99</v>
      </c>
      <c r="D89556" s="14" t="s">
        <v>94</v>
      </c>
      <c r="E89556" s="15">
        <v>45507</v>
      </c>
      <c r="F89556" s="14" t="s">
        <v>15</v>
      </c>
      <c r="G89556" s="16">
        <v>0</v>
      </c>
    </row>
    <row r="89557" spans="1:7" x14ac:dyDescent="0.3">
      <c r="A89557" s="13" t="s">
        <v>448</v>
      </c>
      <c r="B89557" s="14" t="s">
        <v>1</v>
      </c>
      <c r="C89557" s="14" t="s">
        <v>99</v>
      </c>
      <c r="D89557" s="14" t="s">
        <v>94</v>
      </c>
      <c r="E89557" s="15">
        <v>45508</v>
      </c>
      <c r="F89557" s="14" t="s">
        <v>15</v>
      </c>
      <c r="G89557" s="16">
        <v>0</v>
      </c>
    </row>
    <row r="89558" spans="1:7" x14ac:dyDescent="0.3">
      <c r="A89558" s="13" t="s">
        <v>448</v>
      </c>
      <c r="B89558" s="14" t="s">
        <v>1</v>
      </c>
      <c r="C89558" s="14" t="s">
        <v>99</v>
      </c>
      <c r="D89558" s="14" t="s">
        <v>94</v>
      </c>
      <c r="E89558" s="15">
        <v>45509</v>
      </c>
      <c r="F89558" s="14" t="s">
        <v>15</v>
      </c>
      <c r="G89558" s="16">
        <v>0</v>
      </c>
    </row>
    <row r="89559" spans="1:7" x14ac:dyDescent="0.3">
      <c r="A89559" s="13" t="s">
        <v>448</v>
      </c>
      <c r="B89559" s="14" t="s">
        <v>1</v>
      </c>
      <c r="C89559" s="14" t="s">
        <v>99</v>
      </c>
      <c r="D89559" s="14" t="s">
        <v>94</v>
      </c>
      <c r="E89559" s="15">
        <v>45510</v>
      </c>
      <c r="F89559" s="14" t="s">
        <v>15</v>
      </c>
      <c r="G89559" s="16">
        <v>0</v>
      </c>
    </row>
    <row r="89560" spans="1:7" x14ac:dyDescent="0.3">
      <c r="A89560" s="13" t="s">
        <v>448</v>
      </c>
      <c r="B89560" s="14" t="s">
        <v>1</v>
      </c>
      <c r="C89560" s="14" t="s">
        <v>99</v>
      </c>
      <c r="D89560" s="14" t="s">
        <v>94</v>
      </c>
      <c r="E89560" s="15">
        <v>45511</v>
      </c>
      <c r="F89560" s="14" t="s">
        <v>15</v>
      </c>
      <c r="G89560" s="16">
        <v>0</v>
      </c>
    </row>
    <row r="89561" spans="1:7" x14ac:dyDescent="0.3">
      <c r="A89561" s="13" t="s">
        <v>448</v>
      </c>
      <c r="B89561" s="14" t="s">
        <v>1</v>
      </c>
      <c r="C89561" s="14" t="s">
        <v>99</v>
      </c>
      <c r="D89561" s="14" t="s">
        <v>94</v>
      </c>
      <c r="E89561" s="15">
        <v>45512</v>
      </c>
      <c r="F89561" s="14" t="s">
        <v>15</v>
      </c>
      <c r="G89561" s="16">
        <v>0</v>
      </c>
    </row>
    <row r="89562" spans="1:7" x14ac:dyDescent="0.3">
      <c r="A89562" s="13" t="s">
        <v>448</v>
      </c>
      <c r="B89562" s="14" t="s">
        <v>1</v>
      </c>
      <c r="C89562" s="14" t="s">
        <v>99</v>
      </c>
      <c r="D89562" s="14" t="s">
        <v>94</v>
      </c>
      <c r="E89562" s="15">
        <v>45513</v>
      </c>
      <c r="F89562" s="14" t="s">
        <v>15</v>
      </c>
      <c r="G89562" s="16">
        <v>0</v>
      </c>
    </row>
    <row r="89563" spans="1:7" x14ac:dyDescent="0.3">
      <c r="A89563" s="13" t="s">
        <v>448</v>
      </c>
      <c r="B89563" s="14" t="s">
        <v>1</v>
      </c>
      <c r="C89563" s="14" t="s">
        <v>99</v>
      </c>
      <c r="D89563" s="14" t="s">
        <v>94</v>
      </c>
      <c r="E89563" s="15">
        <v>45514</v>
      </c>
      <c r="F89563" s="14" t="s">
        <v>15</v>
      </c>
      <c r="G89563" s="16">
        <v>0</v>
      </c>
    </row>
    <row r="89564" spans="1:7" x14ac:dyDescent="0.3">
      <c r="A89564" s="13" t="s">
        <v>448</v>
      </c>
      <c r="B89564" s="14" t="s">
        <v>1</v>
      </c>
      <c r="C89564" s="14" t="s">
        <v>99</v>
      </c>
      <c r="D89564" s="14" t="s">
        <v>94</v>
      </c>
      <c r="E89564" s="15">
        <v>45515</v>
      </c>
      <c r="F89564" s="14" t="s">
        <v>15</v>
      </c>
      <c r="G89564" s="16">
        <v>0</v>
      </c>
    </row>
    <row r="89565" spans="1:7" x14ac:dyDescent="0.3">
      <c r="A89565" s="13" t="s">
        <v>448</v>
      </c>
      <c r="B89565" s="14" t="s">
        <v>1</v>
      </c>
      <c r="C89565" s="14" t="s">
        <v>99</v>
      </c>
      <c r="D89565" s="14" t="s">
        <v>94</v>
      </c>
      <c r="E89565" s="15">
        <v>45516</v>
      </c>
      <c r="F89565" s="14" t="s">
        <v>15</v>
      </c>
      <c r="G89565" s="16">
        <v>0</v>
      </c>
    </row>
    <row r="89566" spans="1:7" x14ac:dyDescent="0.3">
      <c r="A89566" s="13" t="s">
        <v>448</v>
      </c>
      <c r="B89566" s="14" t="s">
        <v>1</v>
      </c>
      <c r="C89566" s="14" t="s">
        <v>99</v>
      </c>
      <c r="D89566" s="14" t="s">
        <v>94</v>
      </c>
      <c r="E89566" s="15">
        <v>45517</v>
      </c>
      <c r="F89566" s="14" t="s">
        <v>15</v>
      </c>
      <c r="G89566" s="16">
        <v>0</v>
      </c>
    </row>
    <row r="89567" spans="1:7" x14ac:dyDescent="0.3">
      <c r="A89567" s="13" t="s">
        <v>448</v>
      </c>
      <c r="B89567" s="14" t="s">
        <v>1</v>
      </c>
      <c r="C89567" s="14" t="s">
        <v>99</v>
      </c>
      <c r="D89567" s="14" t="s">
        <v>94</v>
      </c>
      <c r="E89567" s="15">
        <v>45518</v>
      </c>
      <c r="F89567" s="14" t="s">
        <v>15</v>
      </c>
      <c r="G89567" s="16">
        <v>0</v>
      </c>
    </row>
    <row r="89568" spans="1:7" x14ac:dyDescent="0.3">
      <c r="A89568" s="13" t="s">
        <v>448</v>
      </c>
      <c r="B89568" s="14" t="s">
        <v>1</v>
      </c>
      <c r="C89568" s="14" t="s">
        <v>99</v>
      </c>
      <c r="D89568" s="14" t="s">
        <v>94</v>
      </c>
      <c r="E89568" s="15">
        <v>45519</v>
      </c>
      <c r="F89568" s="14" t="s">
        <v>15</v>
      </c>
      <c r="G89568" s="16">
        <v>0</v>
      </c>
    </row>
    <row r="89569" spans="1:7" x14ac:dyDescent="0.3">
      <c r="A89569" s="13" t="s">
        <v>448</v>
      </c>
      <c r="B89569" s="14" t="s">
        <v>1</v>
      </c>
      <c r="C89569" s="14" t="s">
        <v>99</v>
      </c>
      <c r="D89569" s="14" t="s">
        <v>94</v>
      </c>
      <c r="E89569" s="15">
        <v>45520</v>
      </c>
      <c r="F89569" s="14" t="s">
        <v>15</v>
      </c>
      <c r="G89569" s="16">
        <v>0</v>
      </c>
    </row>
    <row r="89570" spans="1:7" x14ac:dyDescent="0.3">
      <c r="A89570" s="13" t="s">
        <v>448</v>
      </c>
      <c r="B89570" s="14" t="s">
        <v>1</v>
      </c>
      <c r="C89570" s="14" t="s">
        <v>99</v>
      </c>
      <c r="D89570" s="14" t="s">
        <v>94</v>
      </c>
      <c r="E89570" s="15">
        <v>45521</v>
      </c>
      <c r="F89570" s="14" t="s">
        <v>15</v>
      </c>
      <c r="G89570" s="16">
        <v>0</v>
      </c>
    </row>
    <row r="89571" spans="1:7" x14ac:dyDescent="0.3">
      <c r="A89571" s="13" t="s">
        <v>448</v>
      </c>
      <c r="B89571" s="14" t="s">
        <v>1</v>
      </c>
      <c r="C89571" s="14" t="s">
        <v>99</v>
      </c>
      <c r="D89571" s="14" t="s">
        <v>94</v>
      </c>
      <c r="E89571" s="15">
        <v>45522</v>
      </c>
      <c r="F89571" s="14" t="s">
        <v>15</v>
      </c>
      <c r="G89571" s="16">
        <v>0</v>
      </c>
    </row>
    <row r="89572" spans="1:7" x14ac:dyDescent="0.3">
      <c r="A89572" s="13" t="s">
        <v>448</v>
      </c>
      <c r="B89572" s="14" t="s">
        <v>1</v>
      </c>
      <c r="C89572" s="14" t="s">
        <v>99</v>
      </c>
      <c r="D89572" s="14" t="s">
        <v>94</v>
      </c>
      <c r="E89572" s="15">
        <v>45523</v>
      </c>
      <c r="F89572" s="14" t="s">
        <v>15</v>
      </c>
      <c r="G89572" s="16">
        <v>0</v>
      </c>
    </row>
    <row r="89573" spans="1:7" x14ac:dyDescent="0.3">
      <c r="A89573" s="13" t="s">
        <v>448</v>
      </c>
      <c r="B89573" s="14" t="s">
        <v>1</v>
      </c>
      <c r="C89573" s="14" t="s">
        <v>99</v>
      </c>
      <c r="D89573" s="14" t="s">
        <v>94</v>
      </c>
      <c r="E89573" s="15">
        <v>45524</v>
      </c>
      <c r="F89573" s="14" t="s">
        <v>15</v>
      </c>
      <c r="G89573" s="16">
        <v>0</v>
      </c>
    </row>
    <row r="89574" spans="1:7" x14ac:dyDescent="0.3">
      <c r="A89574" s="13" t="s">
        <v>448</v>
      </c>
      <c r="B89574" s="14" t="s">
        <v>1</v>
      </c>
      <c r="C89574" s="14" t="s">
        <v>99</v>
      </c>
      <c r="D89574" s="14" t="s">
        <v>94</v>
      </c>
      <c r="E89574" s="15">
        <v>45525</v>
      </c>
      <c r="F89574" s="14" t="s">
        <v>15</v>
      </c>
      <c r="G89574" s="16">
        <v>0</v>
      </c>
    </row>
    <row r="89575" spans="1:7" x14ac:dyDescent="0.3">
      <c r="A89575" s="13" t="s">
        <v>448</v>
      </c>
      <c r="B89575" s="14" t="s">
        <v>1</v>
      </c>
      <c r="C89575" s="14" t="s">
        <v>99</v>
      </c>
      <c r="D89575" s="14" t="s">
        <v>94</v>
      </c>
      <c r="E89575" s="15">
        <v>45526</v>
      </c>
      <c r="F89575" s="14" t="s">
        <v>15</v>
      </c>
      <c r="G89575" s="16">
        <v>0</v>
      </c>
    </row>
    <row r="89576" spans="1:7" x14ac:dyDescent="0.3">
      <c r="A89576" s="13" t="s">
        <v>448</v>
      </c>
      <c r="B89576" s="14" t="s">
        <v>1</v>
      </c>
      <c r="C89576" s="14" t="s">
        <v>99</v>
      </c>
      <c r="D89576" s="14" t="s">
        <v>94</v>
      </c>
      <c r="E89576" s="15">
        <v>45527</v>
      </c>
      <c r="F89576" s="14" t="s">
        <v>15</v>
      </c>
      <c r="G89576" s="16">
        <v>0</v>
      </c>
    </row>
    <row r="89577" spans="1:7" x14ac:dyDescent="0.3">
      <c r="A89577" s="13" t="s">
        <v>448</v>
      </c>
      <c r="B89577" s="14" t="s">
        <v>1</v>
      </c>
      <c r="C89577" s="14" t="s">
        <v>99</v>
      </c>
      <c r="D89577" s="14" t="s">
        <v>94</v>
      </c>
      <c r="E89577" s="15">
        <v>45528</v>
      </c>
      <c r="F89577" s="14" t="s">
        <v>15</v>
      </c>
      <c r="G89577" s="16">
        <v>0</v>
      </c>
    </row>
    <row r="89578" spans="1:7" x14ac:dyDescent="0.3">
      <c r="A89578" s="13" t="s">
        <v>448</v>
      </c>
      <c r="B89578" s="14" t="s">
        <v>1</v>
      </c>
      <c r="C89578" s="14" t="s">
        <v>99</v>
      </c>
      <c r="D89578" s="14" t="s">
        <v>94</v>
      </c>
      <c r="E89578" s="15">
        <v>45529</v>
      </c>
      <c r="F89578" s="14" t="s">
        <v>15</v>
      </c>
      <c r="G89578" s="16">
        <v>0</v>
      </c>
    </row>
    <row r="89579" spans="1:7" x14ac:dyDescent="0.3">
      <c r="A89579" s="13" t="s">
        <v>448</v>
      </c>
      <c r="B89579" s="14" t="s">
        <v>1</v>
      </c>
      <c r="C89579" s="14" t="s">
        <v>99</v>
      </c>
      <c r="D89579" s="14" t="s">
        <v>94</v>
      </c>
      <c r="E89579" s="15">
        <v>45530</v>
      </c>
      <c r="F89579" s="14" t="s">
        <v>15</v>
      </c>
      <c r="G89579" s="16">
        <v>0</v>
      </c>
    </row>
    <row r="89580" spans="1:7" x14ac:dyDescent="0.3">
      <c r="A89580" s="13" t="s">
        <v>448</v>
      </c>
      <c r="B89580" s="14" t="s">
        <v>1</v>
      </c>
      <c r="C89580" s="14" t="s">
        <v>99</v>
      </c>
      <c r="D89580" s="14" t="s">
        <v>94</v>
      </c>
      <c r="E89580" s="15">
        <v>45531</v>
      </c>
      <c r="F89580" s="14" t="s">
        <v>15</v>
      </c>
      <c r="G89580" s="16">
        <v>0</v>
      </c>
    </row>
    <row r="89581" spans="1:7" x14ac:dyDescent="0.3">
      <c r="A89581" s="13" t="s">
        <v>448</v>
      </c>
      <c r="B89581" s="14" t="s">
        <v>1</v>
      </c>
      <c r="C89581" s="14" t="s">
        <v>99</v>
      </c>
      <c r="D89581" s="14" t="s">
        <v>94</v>
      </c>
      <c r="E89581" s="15">
        <v>45532</v>
      </c>
      <c r="F89581" s="14" t="s">
        <v>15</v>
      </c>
      <c r="G89581" s="16">
        <v>0</v>
      </c>
    </row>
    <row r="89582" spans="1:7" x14ac:dyDescent="0.3">
      <c r="A89582" s="13" t="s">
        <v>448</v>
      </c>
      <c r="B89582" s="14" t="s">
        <v>1</v>
      </c>
      <c r="C89582" s="14" t="s">
        <v>99</v>
      </c>
      <c r="D89582" s="14" t="s">
        <v>94</v>
      </c>
      <c r="E89582" s="15">
        <v>45533</v>
      </c>
      <c r="F89582" s="14" t="s">
        <v>15</v>
      </c>
      <c r="G89582" s="16">
        <v>0</v>
      </c>
    </row>
    <row r="89583" spans="1:7" x14ac:dyDescent="0.3">
      <c r="A89583" s="13" t="s">
        <v>448</v>
      </c>
      <c r="B89583" s="14" t="s">
        <v>1</v>
      </c>
      <c r="C89583" s="14" t="s">
        <v>99</v>
      </c>
      <c r="D89583" s="14" t="s">
        <v>94</v>
      </c>
      <c r="E89583" s="15">
        <v>45534</v>
      </c>
      <c r="F89583" s="14" t="s">
        <v>15</v>
      </c>
      <c r="G89583" s="16">
        <v>0</v>
      </c>
    </row>
    <row r="89584" spans="1:7" x14ac:dyDescent="0.3">
      <c r="A89584" s="13" t="s">
        <v>448</v>
      </c>
      <c r="B89584" s="14" t="s">
        <v>1</v>
      </c>
      <c r="C89584" s="14" t="s">
        <v>99</v>
      </c>
      <c r="D89584" s="14" t="s">
        <v>94</v>
      </c>
      <c r="E89584" s="15">
        <v>45535</v>
      </c>
      <c r="F89584" s="14" t="s">
        <v>15</v>
      </c>
      <c r="G89584" s="16">
        <v>0</v>
      </c>
    </row>
    <row r="89585" spans="1:7" x14ac:dyDescent="0.3">
      <c r="A89585" s="13" t="s">
        <v>448</v>
      </c>
      <c r="B89585" s="14" t="s">
        <v>1</v>
      </c>
      <c r="C89585" s="14" t="s">
        <v>99</v>
      </c>
      <c r="D89585" s="14" t="s">
        <v>94</v>
      </c>
      <c r="E89585" s="15">
        <v>45536</v>
      </c>
      <c r="F89585" s="14" t="s">
        <v>15</v>
      </c>
      <c r="G89585" s="16">
        <v>0</v>
      </c>
    </row>
    <row r="89586" spans="1:7" x14ac:dyDescent="0.3">
      <c r="A89586" s="13" t="s">
        <v>448</v>
      </c>
      <c r="B89586" s="14" t="s">
        <v>1</v>
      </c>
      <c r="C89586" s="14" t="s">
        <v>99</v>
      </c>
      <c r="D89586" s="14" t="s">
        <v>94</v>
      </c>
      <c r="E89586" s="15">
        <v>45537</v>
      </c>
      <c r="F89586" s="14" t="s">
        <v>15</v>
      </c>
      <c r="G89586" s="16">
        <v>0</v>
      </c>
    </row>
    <row r="89587" spans="1:7" x14ac:dyDescent="0.3">
      <c r="A89587" s="13" t="s">
        <v>448</v>
      </c>
      <c r="B89587" s="14" t="s">
        <v>1</v>
      </c>
      <c r="C89587" s="14" t="s">
        <v>99</v>
      </c>
      <c r="D89587" s="14" t="s">
        <v>94</v>
      </c>
      <c r="E89587" s="15">
        <v>45538</v>
      </c>
      <c r="F89587" s="14" t="s">
        <v>15</v>
      </c>
      <c r="G89587" s="16">
        <v>0</v>
      </c>
    </row>
    <row r="89588" spans="1:7" x14ac:dyDescent="0.3">
      <c r="A89588" s="13" t="s">
        <v>448</v>
      </c>
      <c r="B89588" s="14" t="s">
        <v>1</v>
      </c>
      <c r="C89588" s="14" t="s">
        <v>99</v>
      </c>
      <c r="D89588" s="14" t="s">
        <v>94</v>
      </c>
      <c r="E89588" s="15">
        <v>45539</v>
      </c>
      <c r="F89588" s="14" t="s">
        <v>15</v>
      </c>
      <c r="G89588" s="16">
        <v>0</v>
      </c>
    </row>
    <row r="89589" spans="1:7" x14ac:dyDescent="0.3">
      <c r="A89589" s="13" t="s">
        <v>448</v>
      </c>
      <c r="B89589" s="14" t="s">
        <v>1</v>
      </c>
      <c r="C89589" s="14" t="s">
        <v>99</v>
      </c>
      <c r="D89589" s="14" t="s">
        <v>94</v>
      </c>
      <c r="E89589" s="15">
        <v>45540</v>
      </c>
      <c r="F89589" s="14" t="s">
        <v>15</v>
      </c>
      <c r="G89589" s="16">
        <v>0</v>
      </c>
    </row>
    <row r="89590" spans="1:7" x14ac:dyDescent="0.3">
      <c r="A89590" s="13" t="s">
        <v>448</v>
      </c>
      <c r="B89590" s="14" t="s">
        <v>1</v>
      </c>
      <c r="C89590" s="14" t="s">
        <v>99</v>
      </c>
      <c r="D89590" s="14" t="s">
        <v>94</v>
      </c>
      <c r="E89590" s="15">
        <v>45541</v>
      </c>
      <c r="F89590" s="14" t="s">
        <v>15</v>
      </c>
      <c r="G89590" s="16">
        <v>0</v>
      </c>
    </row>
    <row r="89591" spans="1:7" x14ac:dyDescent="0.3">
      <c r="A89591" s="13" t="s">
        <v>448</v>
      </c>
      <c r="B89591" s="14" t="s">
        <v>1</v>
      </c>
      <c r="C89591" s="14" t="s">
        <v>99</v>
      </c>
      <c r="D89591" s="14" t="s">
        <v>94</v>
      </c>
      <c r="E89591" s="15">
        <v>45542</v>
      </c>
      <c r="F89591" s="14" t="s">
        <v>15</v>
      </c>
      <c r="G89591" s="16">
        <v>0</v>
      </c>
    </row>
    <row r="89592" spans="1:7" x14ac:dyDescent="0.3">
      <c r="A89592" s="13" t="s">
        <v>448</v>
      </c>
      <c r="B89592" s="14" t="s">
        <v>1</v>
      </c>
      <c r="C89592" s="14" t="s">
        <v>99</v>
      </c>
      <c r="D89592" s="14" t="s">
        <v>94</v>
      </c>
      <c r="E89592" s="15">
        <v>45543</v>
      </c>
      <c r="F89592" s="14" t="s">
        <v>15</v>
      </c>
      <c r="G89592" s="16">
        <v>0</v>
      </c>
    </row>
    <row r="89593" spans="1:7" x14ac:dyDescent="0.3">
      <c r="A89593" s="13" t="s">
        <v>448</v>
      </c>
      <c r="B89593" s="14" t="s">
        <v>1</v>
      </c>
      <c r="C89593" s="14" t="s">
        <v>99</v>
      </c>
      <c r="D89593" s="14" t="s">
        <v>94</v>
      </c>
      <c r="E89593" s="15">
        <v>45544</v>
      </c>
      <c r="F89593" s="14" t="s">
        <v>15</v>
      </c>
      <c r="G89593" s="16">
        <v>0</v>
      </c>
    </row>
    <row r="89594" spans="1:7" x14ac:dyDescent="0.3">
      <c r="A89594" s="13" t="s">
        <v>448</v>
      </c>
      <c r="B89594" s="14" t="s">
        <v>1</v>
      </c>
      <c r="C89594" s="14" t="s">
        <v>99</v>
      </c>
      <c r="D89594" s="14" t="s">
        <v>94</v>
      </c>
      <c r="E89594" s="15">
        <v>45545</v>
      </c>
      <c r="F89594" s="14" t="s">
        <v>15</v>
      </c>
      <c r="G89594" s="16">
        <v>0</v>
      </c>
    </row>
    <row r="89595" spans="1:7" x14ac:dyDescent="0.3">
      <c r="A89595" s="13" t="s">
        <v>448</v>
      </c>
      <c r="B89595" s="14" t="s">
        <v>1</v>
      </c>
      <c r="C89595" s="14" t="s">
        <v>99</v>
      </c>
      <c r="D89595" s="14" t="s">
        <v>94</v>
      </c>
      <c r="E89595" s="15">
        <v>45546</v>
      </c>
      <c r="F89595" s="14" t="s">
        <v>15</v>
      </c>
      <c r="G89595" s="16">
        <v>0</v>
      </c>
    </row>
    <row r="89596" spans="1:7" x14ac:dyDescent="0.3">
      <c r="A89596" s="13" t="s">
        <v>448</v>
      </c>
      <c r="B89596" s="14" t="s">
        <v>1</v>
      </c>
      <c r="C89596" s="14" t="s">
        <v>99</v>
      </c>
      <c r="D89596" s="14" t="s">
        <v>94</v>
      </c>
      <c r="E89596" s="15">
        <v>45547</v>
      </c>
      <c r="F89596" s="14" t="s">
        <v>15</v>
      </c>
      <c r="G89596" s="16">
        <v>0</v>
      </c>
    </row>
    <row r="89597" spans="1:7" x14ac:dyDescent="0.3">
      <c r="A89597" s="13" t="s">
        <v>448</v>
      </c>
      <c r="B89597" s="14" t="s">
        <v>1</v>
      </c>
      <c r="C89597" s="14" t="s">
        <v>99</v>
      </c>
      <c r="D89597" s="14" t="s">
        <v>94</v>
      </c>
      <c r="E89597" s="15">
        <v>45548</v>
      </c>
      <c r="F89597" s="14" t="s">
        <v>15</v>
      </c>
      <c r="G89597" s="16">
        <v>0</v>
      </c>
    </row>
    <row r="89598" spans="1:7" x14ac:dyDescent="0.3">
      <c r="A89598" s="13" t="s">
        <v>448</v>
      </c>
      <c r="B89598" s="14" t="s">
        <v>1</v>
      </c>
      <c r="C89598" s="14" t="s">
        <v>99</v>
      </c>
      <c r="D89598" s="14" t="s">
        <v>94</v>
      </c>
      <c r="E89598" s="15">
        <v>45549</v>
      </c>
      <c r="F89598" s="14" t="s">
        <v>15</v>
      </c>
      <c r="G89598" s="16">
        <v>0</v>
      </c>
    </row>
    <row r="89599" spans="1:7" x14ac:dyDescent="0.3">
      <c r="A89599" s="13" t="s">
        <v>448</v>
      </c>
      <c r="B89599" s="14" t="s">
        <v>1</v>
      </c>
      <c r="C89599" s="14" t="s">
        <v>99</v>
      </c>
      <c r="D89599" s="14" t="s">
        <v>94</v>
      </c>
      <c r="E89599" s="15">
        <v>45550</v>
      </c>
      <c r="F89599" s="14" t="s">
        <v>15</v>
      </c>
      <c r="G89599" s="16">
        <v>0</v>
      </c>
    </row>
    <row r="89600" spans="1:7" x14ac:dyDescent="0.3">
      <c r="A89600" s="13" t="s">
        <v>448</v>
      </c>
      <c r="B89600" s="14" t="s">
        <v>1</v>
      </c>
      <c r="C89600" s="14" t="s">
        <v>99</v>
      </c>
      <c r="D89600" s="14" t="s">
        <v>94</v>
      </c>
      <c r="E89600" s="15">
        <v>45551</v>
      </c>
      <c r="F89600" s="14" t="s">
        <v>15</v>
      </c>
      <c r="G89600" s="16">
        <v>0</v>
      </c>
    </row>
    <row r="89601" spans="1:7" x14ac:dyDescent="0.3">
      <c r="A89601" s="13" t="s">
        <v>448</v>
      </c>
      <c r="B89601" s="14" t="s">
        <v>1</v>
      </c>
      <c r="C89601" s="14" t="s">
        <v>99</v>
      </c>
      <c r="D89601" s="14" t="s">
        <v>94</v>
      </c>
      <c r="E89601" s="15">
        <v>45552</v>
      </c>
      <c r="F89601" s="14" t="s">
        <v>15</v>
      </c>
      <c r="G89601" s="16">
        <v>0</v>
      </c>
    </row>
    <row r="89602" spans="1:7" x14ac:dyDescent="0.3">
      <c r="A89602" s="13" t="s">
        <v>448</v>
      </c>
      <c r="B89602" s="14" t="s">
        <v>1</v>
      </c>
      <c r="C89602" s="14" t="s">
        <v>99</v>
      </c>
      <c r="D89602" s="14" t="s">
        <v>94</v>
      </c>
      <c r="E89602" s="15">
        <v>45553</v>
      </c>
      <c r="F89602" s="14" t="s">
        <v>15</v>
      </c>
      <c r="G89602" s="16">
        <v>0</v>
      </c>
    </row>
    <row r="89603" spans="1:7" x14ac:dyDescent="0.3">
      <c r="A89603" s="13" t="s">
        <v>448</v>
      </c>
      <c r="B89603" s="14" t="s">
        <v>1</v>
      </c>
      <c r="C89603" s="14" t="s">
        <v>99</v>
      </c>
      <c r="D89603" s="14" t="s">
        <v>94</v>
      </c>
      <c r="E89603" s="15">
        <v>45554</v>
      </c>
      <c r="F89603" s="14" t="s">
        <v>15</v>
      </c>
      <c r="G89603" s="16">
        <v>0</v>
      </c>
    </row>
    <row r="89604" spans="1:7" x14ac:dyDescent="0.3">
      <c r="A89604" s="13" t="s">
        <v>448</v>
      </c>
      <c r="B89604" s="14" t="s">
        <v>1</v>
      </c>
      <c r="C89604" s="14" t="s">
        <v>99</v>
      </c>
      <c r="D89604" s="14" t="s">
        <v>94</v>
      </c>
      <c r="E89604" s="15">
        <v>45555</v>
      </c>
      <c r="F89604" s="14" t="s">
        <v>15</v>
      </c>
      <c r="G89604" s="16">
        <v>0</v>
      </c>
    </row>
    <row r="89605" spans="1:7" x14ac:dyDescent="0.3">
      <c r="A89605" s="13" t="s">
        <v>448</v>
      </c>
      <c r="B89605" s="14" t="s">
        <v>1</v>
      </c>
      <c r="C89605" s="14" t="s">
        <v>99</v>
      </c>
      <c r="D89605" s="14" t="s">
        <v>94</v>
      </c>
      <c r="E89605" s="15">
        <v>45556</v>
      </c>
      <c r="F89605" s="14" t="s">
        <v>15</v>
      </c>
      <c r="G89605" s="16">
        <v>0</v>
      </c>
    </row>
    <row r="89606" spans="1:7" x14ac:dyDescent="0.3">
      <c r="A89606" s="13" t="s">
        <v>448</v>
      </c>
      <c r="B89606" s="14" t="s">
        <v>1</v>
      </c>
      <c r="C89606" s="14" t="s">
        <v>99</v>
      </c>
      <c r="D89606" s="14" t="s">
        <v>94</v>
      </c>
      <c r="E89606" s="15">
        <v>45557</v>
      </c>
      <c r="F89606" s="14" t="s">
        <v>15</v>
      </c>
      <c r="G89606" s="16">
        <v>0</v>
      </c>
    </row>
    <row r="89607" spans="1:7" x14ac:dyDescent="0.3">
      <c r="A89607" s="13" t="s">
        <v>448</v>
      </c>
      <c r="B89607" s="14" t="s">
        <v>1</v>
      </c>
      <c r="C89607" s="14" t="s">
        <v>99</v>
      </c>
      <c r="D89607" s="14" t="s">
        <v>94</v>
      </c>
      <c r="E89607" s="15">
        <v>45558</v>
      </c>
      <c r="F89607" s="14" t="s">
        <v>15</v>
      </c>
      <c r="G89607" s="16">
        <v>0</v>
      </c>
    </row>
    <row r="89608" spans="1:7" x14ac:dyDescent="0.3">
      <c r="A89608" s="13" t="s">
        <v>448</v>
      </c>
      <c r="B89608" s="14" t="s">
        <v>1</v>
      </c>
      <c r="C89608" s="14" t="s">
        <v>99</v>
      </c>
      <c r="D89608" s="14" t="s">
        <v>94</v>
      </c>
      <c r="E89608" s="15">
        <v>45559</v>
      </c>
      <c r="F89608" s="14" t="s">
        <v>15</v>
      </c>
      <c r="G89608" s="16">
        <v>0</v>
      </c>
    </row>
    <row r="89609" spans="1:7" x14ac:dyDescent="0.3">
      <c r="A89609" s="13" t="s">
        <v>448</v>
      </c>
      <c r="B89609" s="14" t="s">
        <v>1</v>
      </c>
      <c r="C89609" s="14" t="s">
        <v>99</v>
      </c>
      <c r="D89609" s="14" t="s">
        <v>94</v>
      </c>
      <c r="E89609" s="15">
        <v>45560</v>
      </c>
      <c r="F89609" s="14" t="s">
        <v>15</v>
      </c>
      <c r="G89609" s="16">
        <v>0</v>
      </c>
    </row>
    <row r="89610" spans="1:7" x14ac:dyDescent="0.3">
      <c r="A89610" s="13" t="s">
        <v>448</v>
      </c>
      <c r="B89610" s="14" t="s">
        <v>1</v>
      </c>
      <c r="C89610" s="14" t="s">
        <v>99</v>
      </c>
      <c r="D89610" s="14" t="s">
        <v>94</v>
      </c>
      <c r="E89610" s="15">
        <v>45561</v>
      </c>
      <c r="F89610" s="14" t="s">
        <v>15</v>
      </c>
      <c r="G89610" s="16">
        <v>0</v>
      </c>
    </row>
    <row r="89611" spans="1:7" x14ac:dyDescent="0.3">
      <c r="A89611" s="13" t="s">
        <v>448</v>
      </c>
      <c r="B89611" s="14" t="s">
        <v>1</v>
      </c>
      <c r="C89611" s="14" t="s">
        <v>99</v>
      </c>
      <c r="D89611" s="14" t="s">
        <v>94</v>
      </c>
      <c r="E89611" s="15">
        <v>45562</v>
      </c>
      <c r="F89611" s="14" t="s">
        <v>15</v>
      </c>
      <c r="G89611" s="16">
        <v>0</v>
      </c>
    </row>
    <row r="89612" spans="1:7" x14ac:dyDescent="0.3">
      <c r="A89612" s="13" t="s">
        <v>448</v>
      </c>
      <c r="B89612" s="14" t="s">
        <v>1</v>
      </c>
      <c r="C89612" s="14" t="s">
        <v>99</v>
      </c>
      <c r="D89612" s="14" t="s">
        <v>94</v>
      </c>
      <c r="E89612" s="15">
        <v>45563</v>
      </c>
      <c r="F89612" s="14" t="s">
        <v>15</v>
      </c>
      <c r="G89612" s="16">
        <v>0</v>
      </c>
    </row>
    <row r="89613" spans="1:7" x14ac:dyDescent="0.3">
      <c r="A89613" s="13" t="s">
        <v>448</v>
      </c>
      <c r="B89613" s="14" t="s">
        <v>1</v>
      </c>
      <c r="C89613" s="14" t="s">
        <v>99</v>
      </c>
      <c r="D89613" s="14" t="s">
        <v>94</v>
      </c>
      <c r="E89613" s="15">
        <v>45564</v>
      </c>
      <c r="F89613" s="14" t="s">
        <v>15</v>
      </c>
      <c r="G89613" s="16">
        <v>0</v>
      </c>
    </row>
    <row r="89614" spans="1:7" x14ac:dyDescent="0.3">
      <c r="A89614" s="13" t="s">
        <v>448</v>
      </c>
      <c r="B89614" s="14" t="s">
        <v>1</v>
      </c>
      <c r="C89614" s="14" t="s">
        <v>99</v>
      </c>
      <c r="D89614" s="14" t="s">
        <v>94</v>
      </c>
      <c r="E89614" s="15">
        <v>45565</v>
      </c>
      <c r="F89614" s="14" t="s">
        <v>15</v>
      </c>
      <c r="G89614" s="16">
        <v>0</v>
      </c>
    </row>
    <row r="89615" spans="1:7" x14ac:dyDescent="0.3">
      <c r="A89615" s="13" t="s">
        <v>448</v>
      </c>
      <c r="B89615" s="14" t="s">
        <v>1</v>
      </c>
      <c r="C89615" s="14" t="s">
        <v>99</v>
      </c>
      <c r="D89615" s="14" t="s">
        <v>94</v>
      </c>
      <c r="E89615" s="15">
        <v>45566</v>
      </c>
      <c r="F89615" s="14" t="s">
        <v>15</v>
      </c>
      <c r="G89615" s="16">
        <v>0</v>
      </c>
    </row>
    <row r="89616" spans="1:7" x14ac:dyDescent="0.3">
      <c r="A89616" s="13" t="s">
        <v>448</v>
      </c>
      <c r="B89616" s="14" t="s">
        <v>1</v>
      </c>
      <c r="C89616" s="14" t="s">
        <v>99</v>
      </c>
      <c r="D89616" s="14" t="s">
        <v>94</v>
      </c>
      <c r="E89616" s="15">
        <v>45567</v>
      </c>
      <c r="F89616" s="14" t="s">
        <v>15</v>
      </c>
      <c r="G89616" s="16">
        <v>0</v>
      </c>
    </row>
    <row r="89617" spans="1:7" x14ac:dyDescent="0.3">
      <c r="A89617" s="13" t="s">
        <v>448</v>
      </c>
      <c r="B89617" s="14" t="s">
        <v>1</v>
      </c>
      <c r="C89617" s="14" t="s">
        <v>99</v>
      </c>
      <c r="D89617" s="14" t="s">
        <v>94</v>
      </c>
      <c r="E89617" s="15">
        <v>45568</v>
      </c>
      <c r="F89617" s="14" t="s">
        <v>15</v>
      </c>
      <c r="G89617" s="16">
        <v>0</v>
      </c>
    </row>
    <row r="89618" spans="1:7" x14ac:dyDescent="0.3">
      <c r="A89618" s="13" t="s">
        <v>448</v>
      </c>
      <c r="B89618" s="14" t="s">
        <v>1</v>
      </c>
      <c r="C89618" s="14" t="s">
        <v>99</v>
      </c>
      <c r="D89618" s="14" t="s">
        <v>94</v>
      </c>
      <c r="E89618" s="15">
        <v>45569</v>
      </c>
      <c r="F89618" s="14" t="s">
        <v>15</v>
      </c>
      <c r="G89618" s="16">
        <v>0</v>
      </c>
    </row>
    <row r="89619" spans="1:7" x14ac:dyDescent="0.3">
      <c r="A89619" s="13" t="s">
        <v>448</v>
      </c>
      <c r="B89619" s="14" t="s">
        <v>1</v>
      </c>
      <c r="C89619" s="14" t="s">
        <v>99</v>
      </c>
      <c r="D89619" s="14" t="s">
        <v>94</v>
      </c>
      <c r="E89619" s="15">
        <v>45570</v>
      </c>
      <c r="F89619" s="14" t="s">
        <v>15</v>
      </c>
      <c r="G89619" s="16">
        <v>0</v>
      </c>
    </row>
    <row r="89620" spans="1:7" x14ac:dyDescent="0.3">
      <c r="A89620" s="13" t="s">
        <v>448</v>
      </c>
      <c r="B89620" s="14" t="s">
        <v>1</v>
      </c>
      <c r="C89620" s="14" t="s">
        <v>99</v>
      </c>
      <c r="D89620" s="14" t="s">
        <v>94</v>
      </c>
      <c r="E89620" s="15">
        <v>45571</v>
      </c>
      <c r="F89620" s="14" t="s">
        <v>15</v>
      </c>
      <c r="G89620" s="16">
        <v>0</v>
      </c>
    </row>
    <row r="89621" spans="1:7" x14ac:dyDescent="0.3">
      <c r="A89621" s="13" t="s">
        <v>448</v>
      </c>
      <c r="B89621" s="14" t="s">
        <v>1</v>
      </c>
      <c r="C89621" s="14" t="s">
        <v>99</v>
      </c>
      <c r="D89621" s="14" t="s">
        <v>94</v>
      </c>
      <c r="E89621" s="15">
        <v>45572</v>
      </c>
      <c r="F89621" s="14" t="s">
        <v>15</v>
      </c>
      <c r="G89621" s="16">
        <v>0</v>
      </c>
    </row>
    <row r="89622" spans="1:7" x14ac:dyDescent="0.3">
      <c r="A89622" s="13" t="s">
        <v>448</v>
      </c>
      <c r="B89622" s="14" t="s">
        <v>1</v>
      </c>
      <c r="C89622" s="14" t="s">
        <v>99</v>
      </c>
      <c r="D89622" s="14" t="s">
        <v>94</v>
      </c>
      <c r="E89622" s="15">
        <v>45573</v>
      </c>
      <c r="F89622" s="14" t="s">
        <v>15</v>
      </c>
      <c r="G89622" s="16">
        <v>0</v>
      </c>
    </row>
    <row r="89623" spans="1:7" x14ac:dyDescent="0.3">
      <c r="A89623" s="13" t="s">
        <v>448</v>
      </c>
      <c r="B89623" s="14" t="s">
        <v>1</v>
      </c>
      <c r="C89623" s="14" t="s">
        <v>99</v>
      </c>
      <c r="D89623" s="14" t="s">
        <v>94</v>
      </c>
      <c r="E89623" s="15">
        <v>45574</v>
      </c>
      <c r="F89623" s="14" t="s">
        <v>15</v>
      </c>
      <c r="G89623" s="16">
        <v>0</v>
      </c>
    </row>
    <row r="89624" spans="1:7" x14ac:dyDescent="0.3">
      <c r="A89624" s="13" t="s">
        <v>448</v>
      </c>
      <c r="B89624" s="14" t="s">
        <v>1</v>
      </c>
      <c r="C89624" s="14" t="s">
        <v>99</v>
      </c>
      <c r="D89624" s="14" t="s">
        <v>94</v>
      </c>
      <c r="E89624" s="15">
        <v>45575</v>
      </c>
      <c r="F89624" s="14" t="s">
        <v>15</v>
      </c>
      <c r="G89624" s="16">
        <v>0</v>
      </c>
    </row>
    <row r="89625" spans="1:7" x14ac:dyDescent="0.3">
      <c r="A89625" s="13" t="s">
        <v>448</v>
      </c>
      <c r="B89625" s="14" t="s">
        <v>1</v>
      </c>
      <c r="C89625" s="14" t="s">
        <v>99</v>
      </c>
      <c r="D89625" s="14" t="s">
        <v>94</v>
      </c>
      <c r="E89625" s="15">
        <v>45576</v>
      </c>
      <c r="F89625" s="14" t="s">
        <v>15</v>
      </c>
      <c r="G89625" s="16">
        <v>0</v>
      </c>
    </row>
    <row r="89626" spans="1:7" x14ac:dyDescent="0.3">
      <c r="A89626" s="13" t="s">
        <v>448</v>
      </c>
      <c r="B89626" s="14" t="s">
        <v>1</v>
      </c>
      <c r="C89626" s="14" t="s">
        <v>99</v>
      </c>
      <c r="D89626" s="14" t="s">
        <v>94</v>
      </c>
      <c r="E89626" s="15">
        <v>45577</v>
      </c>
      <c r="F89626" s="14" t="s">
        <v>15</v>
      </c>
      <c r="G89626" s="16">
        <v>0</v>
      </c>
    </row>
    <row r="89627" spans="1:7" x14ac:dyDescent="0.3">
      <c r="A89627" s="13" t="s">
        <v>448</v>
      </c>
      <c r="B89627" s="14" t="s">
        <v>1</v>
      </c>
      <c r="C89627" s="14" t="s">
        <v>99</v>
      </c>
      <c r="D89627" s="14" t="s">
        <v>94</v>
      </c>
      <c r="E89627" s="15">
        <v>45578</v>
      </c>
      <c r="F89627" s="14" t="s">
        <v>15</v>
      </c>
      <c r="G89627" s="16">
        <v>0</v>
      </c>
    </row>
    <row r="89628" spans="1:7" x14ac:dyDescent="0.3">
      <c r="A89628" s="13" t="s">
        <v>448</v>
      </c>
      <c r="B89628" s="14" t="s">
        <v>1</v>
      </c>
      <c r="C89628" s="14" t="s">
        <v>99</v>
      </c>
      <c r="D89628" s="14" t="s">
        <v>94</v>
      </c>
      <c r="E89628" s="15">
        <v>45579</v>
      </c>
      <c r="F89628" s="14" t="s">
        <v>15</v>
      </c>
      <c r="G89628" s="16">
        <v>0</v>
      </c>
    </row>
    <row r="89629" spans="1:7" x14ac:dyDescent="0.3">
      <c r="A89629" s="13" t="s">
        <v>448</v>
      </c>
      <c r="B89629" s="14" t="s">
        <v>1</v>
      </c>
      <c r="C89629" s="14" t="s">
        <v>99</v>
      </c>
      <c r="D89629" s="14" t="s">
        <v>94</v>
      </c>
      <c r="E89629" s="15">
        <v>45580</v>
      </c>
      <c r="F89629" s="14" t="s">
        <v>15</v>
      </c>
      <c r="G89629" s="16">
        <v>0</v>
      </c>
    </row>
    <row r="89630" spans="1:7" x14ac:dyDescent="0.3">
      <c r="A89630" s="13" t="s">
        <v>448</v>
      </c>
      <c r="B89630" s="14" t="s">
        <v>1</v>
      </c>
      <c r="C89630" s="14" t="s">
        <v>99</v>
      </c>
      <c r="D89630" s="14" t="s">
        <v>94</v>
      </c>
      <c r="E89630" s="15">
        <v>45581</v>
      </c>
      <c r="F89630" s="14" t="s">
        <v>15</v>
      </c>
      <c r="G89630" s="16">
        <v>0</v>
      </c>
    </row>
    <row r="89631" spans="1:7" x14ac:dyDescent="0.3">
      <c r="A89631" s="13" t="s">
        <v>448</v>
      </c>
      <c r="B89631" s="14" t="s">
        <v>1</v>
      </c>
      <c r="C89631" s="14" t="s">
        <v>99</v>
      </c>
      <c r="D89631" s="14" t="s">
        <v>94</v>
      </c>
      <c r="E89631" s="15">
        <v>45582</v>
      </c>
      <c r="F89631" s="14" t="s">
        <v>15</v>
      </c>
      <c r="G89631" s="16">
        <v>0</v>
      </c>
    </row>
    <row r="89632" spans="1:7" x14ac:dyDescent="0.3">
      <c r="A89632" s="13" t="s">
        <v>448</v>
      </c>
      <c r="B89632" s="14" t="s">
        <v>1</v>
      </c>
      <c r="C89632" s="14" t="s">
        <v>99</v>
      </c>
      <c r="D89632" s="14" t="s">
        <v>94</v>
      </c>
      <c r="E89632" s="15">
        <v>45583</v>
      </c>
      <c r="F89632" s="14" t="s">
        <v>15</v>
      </c>
      <c r="G89632" s="16">
        <v>0</v>
      </c>
    </row>
    <row r="89633" spans="1:7" x14ac:dyDescent="0.3">
      <c r="A89633" s="13" t="s">
        <v>448</v>
      </c>
      <c r="B89633" s="14" t="s">
        <v>1</v>
      </c>
      <c r="C89633" s="14" t="s">
        <v>99</v>
      </c>
      <c r="D89633" s="14" t="s">
        <v>94</v>
      </c>
      <c r="E89633" s="15">
        <v>45584</v>
      </c>
      <c r="F89633" s="14" t="s">
        <v>15</v>
      </c>
      <c r="G89633" s="16">
        <v>0</v>
      </c>
    </row>
    <row r="89634" spans="1:7" x14ac:dyDescent="0.3">
      <c r="A89634" s="13" t="s">
        <v>448</v>
      </c>
      <c r="B89634" s="14" t="s">
        <v>1</v>
      </c>
      <c r="C89634" s="14" t="s">
        <v>99</v>
      </c>
      <c r="D89634" s="14" t="s">
        <v>94</v>
      </c>
      <c r="E89634" s="15">
        <v>45585</v>
      </c>
      <c r="F89634" s="14" t="s">
        <v>15</v>
      </c>
      <c r="G89634" s="16">
        <v>0</v>
      </c>
    </row>
    <row r="89635" spans="1:7" x14ac:dyDescent="0.3">
      <c r="A89635" s="13" t="s">
        <v>448</v>
      </c>
      <c r="B89635" s="14" t="s">
        <v>1</v>
      </c>
      <c r="C89635" s="14" t="s">
        <v>99</v>
      </c>
      <c r="D89635" s="14" t="s">
        <v>94</v>
      </c>
      <c r="E89635" s="15">
        <v>45586</v>
      </c>
      <c r="F89635" s="14" t="s">
        <v>15</v>
      </c>
      <c r="G89635" s="16">
        <v>0</v>
      </c>
    </row>
    <row r="89636" spans="1:7" x14ac:dyDescent="0.3">
      <c r="A89636" s="13" t="s">
        <v>448</v>
      </c>
      <c r="B89636" s="14" t="s">
        <v>1</v>
      </c>
      <c r="C89636" s="14" t="s">
        <v>99</v>
      </c>
      <c r="D89636" s="14" t="s">
        <v>94</v>
      </c>
      <c r="E89636" s="15">
        <v>45587</v>
      </c>
      <c r="F89636" s="14" t="s">
        <v>15</v>
      </c>
      <c r="G89636" s="16">
        <v>0</v>
      </c>
    </row>
    <row r="89637" spans="1:7" x14ac:dyDescent="0.3">
      <c r="A89637" s="13" t="s">
        <v>448</v>
      </c>
      <c r="B89637" s="14" t="s">
        <v>1</v>
      </c>
      <c r="C89637" s="14" t="s">
        <v>99</v>
      </c>
      <c r="D89637" s="14" t="s">
        <v>94</v>
      </c>
      <c r="E89637" s="15">
        <v>45588</v>
      </c>
      <c r="F89637" s="14" t="s">
        <v>15</v>
      </c>
      <c r="G89637" s="16">
        <v>0</v>
      </c>
    </row>
    <row r="89638" spans="1:7" x14ac:dyDescent="0.3">
      <c r="A89638" s="13" t="s">
        <v>448</v>
      </c>
      <c r="B89638" s="14" t="s">
        <v>1</v>
      </c>
      <c r="C89638" s="14" t="s">
        <v>99</v>
      </c>
      <c r="D89638" s="14" t="s">
        <v>94</v>
      </c>
      <c r="E89638" s="15">
        <v>45589</v>
      </c>
      <c r="F89638" s="14" t="s">
        <v>15</v>
      </c>
      <c r="G89638" s="16">
        <v>0</v>
      </c>
    </row>
    <row r="89639" spans="1:7" x14ac:dyDescent="0.3">
      <c r="A89639" s="13" t="s">
        <v>448</v>
      </c>
      <c r="B89639" s="14" t="s">
        <v>1</v>
      </c>
      <c r="C89639" s="14" t="s">
        <v>99</v>
      </c>
      <c r="D89639" s="14" t="s">
        <v>94</v>
      </c>
      <c r="E89639" s="15">
        <v>45590</v>
      </c>
      <c r="F89639" s="14" t="s">
        <v>15</v>
      </c>
      <c r="G89639" s="16">
        <v>0</v>
      </c>
    </row>
    <row r="89640" spans="1:7" x14ac:dyDescent="0.3">
      <c r="A89640" s="13" t="s">
        <v>448</v>
      </c>
      <c r="B89640" s="14" t="s">
        <v>1</v>
      </c>
      <c r="C89640" s="14" t="s">
        <v>99</v>
      </c>
      <c r="D89640" s="14" t="s">
        <v>94</v>
      </c>
      <c r="E89640" s="15">
        <v>45591</v>
      </c>
      <c r="F89640" s="14" t="s">
        <v>15</v>
      </c>
      <c r="G89640" s="16">
        <v>0</v>
      </c>
    </row>
    <row r="89641" spans="1:7" x14ac:dyDescent="0.3">
      <c r="A89641" s="13" t="s">
        <v>448</v>
      </c>
      <c r="B89641" s="14" t="s">
        <v>1</v>
      </c>
      <c r="C89641" s="14" t="s">
        <v>99</v>
      </c>
      <c r="D89641" s="14" t="s">
        <v>94</v>
      </c>
      <c r="E89641" s="15">
        <v>45592</v>
      </c>
      <c r="F89641" s="14" t="s">
        <v>15</v>
      </c>
      <c r="G89641" s="16">
        <v>0</v>
      </c>
    </row>
    <row r="89642" spans="1:7" x14ac:dyDescent="0.3">
      <c r="A89642" s="13" t="s">
        <v>448</v>
      </c>
      <c r="B89642" s="14" t="s">
        <v>1</v>
      </c>
      <c r="C89642" s="14" t="s">
        <v>99</v>
      </c>
      <c r="D89642" s="14" t="s">
        <v>94</v>
      </c>
      <c r="E89642" s="15">
        <v>45593</v>
      </c>
      <c r="F89642" s="14" t="s">
        <v>15</v>
      </c>
      <c r="G89642" s="16">
        <v>0</v>
      </c>
    </row>
    <row r="89643" spans="1:7" x14ac:dyDescent="0.3">
      <c r="A89643" s="13" t="s">
        <v>448</v>
      </c>
      <c r="B89643" s="14" t="s">
        <v>1</v>
      </c>
      <c r="C89643" s="14" t="s">
        <v>99</v>
      </c>
      <c r="D89643" s="14" t="s">
        <v>94</v>
      </c>
      <c r="E89643" s="15">
        <v>45594</v>
      </c>
      <c r="F89643" s="14" t="s">
        <v>15</v>
      </c>
      <c r="G89643" s="16">
        <v>0</v>
      </c>
    </row>
    <row r="89644" spans="1:7" x14ac:dyDescent="0.3">
      <c r="A89644" s="13" t="s">
        <v>448</v>
      </c>
      <c r="B89644" s="14" t="s">
        <v>1</v>
      </c>
      <c r="C89644" s="14" t="s">
        <v>99</v>
      </c>
      <c r="D89644" s="14" t="s">
        <v>94</v>
      </c>
      <c r="E89644" s="15">
        <v>45595</v>
      </c>
      <c r="F89644" s="14" t="s">
        <v>15</v>
      </c>
      <c r="G89644" s="16">
        <v>0</v>
      </c>
    </row>
    <row r="89645" spans="1:7" x14ac:dyDescent="0.3">
      <c r="A89645" s="13" t="s">
        <v>448</v>
      </c>
      <c r="B89645" s="14" t="s">
        <v>1</v>
      </c>
      <c r="C89645" s="14" t="s">
        <v>99</v>
      </c>
      <c r="D89645" s="14" t="s">
        <v>94</v>
      </c>
      <c r="E89645" s="15">
        <v>45596</v>
      </c>
      <c r="F89645" s="14" t="s">
        <v>15</v>
      </c>
      <c r="G89645" s="16">
        <v>0</v>
      </c>
    </row>
    <row r="89646" spans="1:7" x14ac:dyDescent="0.3">
      <c r="A89646" s="13" t="s">
        <v>448</v>
      </c>
      <c r="B89646" s="14" t="s">
        <v>1</v>
      </c>
      <c r="C89646" s="14" t="s">
        <v>99</v>
      </c>
      <c r="D89646" s="14" t="s">
        <v>94</v>
      </c>
      <c r="E89646" s="15">
        <v>45597</v>
      </c>
      <c r="F89646" s="14" t="s">
        <v>15</v>
      </c>
      <c r="G89646" s="16">
        <v>0</v>
      </c>
    </row>
    <row r="89647" spans="1:7" x14ac:dyDescent="0.3">
      <c r="A89647" s="13" t="s">
        <v>448</v>
      </c>
      <c r="B89647" s="14" t="s">
        <v>1</v>
      </c>
      <c r="C89647" s="14" t="s">
        <v>99</v>
      </c>
      <c r="D89647" s="14" t="s">
        <v>94</v>
      </c>
      <c r="E89647" s="15">
        <v>45598</v>
      </c>
      <c r="F89647" s="14" t="s">
        <v>15</v>
      </c>
      <c r="G89647" s="16">
        <v>0</v>
      </c>
    </row>
    <row r="89648" spans="1:7" x14ac:dyDescent="0.3">
      <c r="A89648" s="13" t="s">
        <v>448</v>
      </c>
      <c r="B89648" s="14" t="s">
        <v>1</v>
      </c>
      <c r="C89648" s="14" t="s">
        <v>99</v>
      </c>
      <c r="D89648" s="14" t="s">
        <v>94</v>
      </c>
      <c r="E89648" s="15">
        <v>45599</v>
      </c>
      <c r="F89648" s="14" t="s">
        <v>15</v>
      </c>
      <c r="G89648" s="16">
        <v>0</v>
      </c>
    </row>
    <row r="89649" spans="1:7" x14ac:dyDescent="0.3">
      <c r="A89649" s="13" t="s">
        <v>448</v>
      </c>
      <c r="B89649" s="14" t="s">
        <v>1</v>
      </c>
      <c r="C89649" s="14" t="s">
        <v>99</v>
      </c>
      <c r="D89649" s="14" t="s">
        <v>94</v>
      </c>
      <c r="E89649" s="15">
        <v>45600</v>
      </c>
      <c r="F89649" s="14" t="s">
        <v>15</v>
      </c>
      <c r="G89649" s="16">
        <v>0</v>
      </c>
    </row>
    <row r="89650" spans="1:7" x14ac:dyDescent="0.3">
      <c r="A89650" s="13" t="s">
        <v>448</v>
      </c>
      <c r="B89650" s="14" t="s">
        <v>1</v>
      </c>
      <c r="C89650" s="14" t="s">
        <v>99</v>
      </c>
      <c r="D89650" s="14" t="s">
        <v>94</v>
      </c>
      <c r="E89650" s="15">
        <v>45601</v>
      </c>
      <c r="F89650" s="14" t="s">
        <v>15</v>
      </c>
      <c r="G89650" s="16">
        <v>0</v>
      </c>
    </row>
    <row r="89651" spans="1:7" x14ac:dyDescent="0.3">
      <c r="A89651" s="13" t="s">
        <v>448</v>
      </c>
      <c r="B89651" s="14" t="s">
        <v>1</v>
      </c>
      <c r="C89651" s="14" t="s">
        <v>99</v>
      </c>
      <c r="D89651" s="14" t="s">
        <v>94</v>
      </c>
      <c r="E89651" s="15">
        <v>45602</v>
      </c>
      <c r="F89651" s="14" t="s">
        <v>15</v>
      </c>
      <c r="G89651" s="16">
        <v>0</v>
      </c>
    </row>
    <row r="89652" spans="1:7" x14ac:dyDescent="0.3">
      <c r="A89652" s="13" t="s">
        <v>448</v>
      </c>
      <c r="B89652" s="14" t="s">
        <v>1</v>
      </c>
      <c r="C89652" s="14" t="s">
        <v>99</v>
      </c>
      <c r="D89652" s="14" t="s">
        <v>94</v>
      </c>
      <c r="E89652" s="15">
        <v>45603</v>
      </c>
      <c r="F89652" s="14" t="s">
        <v>15</v>
      </c>
      <c r="G89652" s="16">
        <v>0</v>
      </c>
    </row>
    <row r="89653" spans="1:7" x14ac:dyDescent="0.3">
      <c r="A89653" s="13" t="s">
        <v>448</v>
      </c>
      <c r="B89653" s="14" t="s">
        <v>1</v>
      </c>
      <c r="C89653" s="14" t="s">
        <v>99</v>
      </c>
      <c r="D89653" s="14" t="s">
        <v>94</v>
      </c>
      <c r="E89653" s="15">
        <v>45604</v>
      </c>
      <c r="F89653" s="14" t="s">
        <v>15</v>
      </c>
      <c r="G89653" s="16">
        <v>0</v>
      </c>
    </row>
    <row r="89654" spans="1:7" x14ac:dyDescent="0.3">
      <c r="A89654" s="13" t="s">
        <v>448</v>
      </c>
      <c r="B89654" s="14" t="s">
        <v>1</v>
      </c>
      <c r="C89654" s="14" t="s">
        <v>99</v>
      </c>
      <c r="D89654" s="14" t="s">
        <v>94</v>
      </c>
      <c r="E89654" s="15">
        <v>45605</v>
      </c>
      <c r="F89654" s="14" t="s">
        <v>15</v>
      </c>
      <c r="G89654" s="16">
        <v>0</v>
      </c>
    </row>
    <row r="89655" spans="1:7" x14ac:dyDescent="0.3">
      <c r="A89655" s="13" t="s">
        <v>448</v>
      </c>
      <c r="B89655" s="14" t="s">
        <v>1</v>
      </c>
      <c r="C89655" s="14" t="s">
        <v>99</v>
      </c>
      <c r="D89655" s="14" t="s">
        <v>94</v>
      </c>
      <c r="E89655" s="15">
        <v>45606</v>
      </c>
      <c r="F89655" s="14" t="s">
        <v>15</v>
      </c>
      <c r="G89655" s="16">
        <v>0</v>
      </c>
    </row>
    <row r="89656" spans="1:7" x14ac:dyDescent="0.3">
      <c r="A89656" s="13" t="s">
        <v>448</v>
      </c>
      <c r="B89656" s="14" t="s">
        <v>1</v>
      </c>
      <c r="C89656" s="14" t="s">
        <v>99</v>
      </c>
      <c r="D89656" s="14" t="s">
        <v>94</v>
      </c>
      <c r="E89656" s="15">
        <v>45607</v>
      </c>
      <c r="F89656" s="14" t="s">
        <v>15</v>
      </c>
      <c r="G89656" s="16">
        <v>0</v>
      </c>
    </row>
    <row r="89657" spans="1:7" x14ac:dyDescent="0.3">
      <c r="A89657" s="13" t="s">
        <v>448</v>
      </c>
      <c r="B89657" s="14" t="s">
        <v>1</v>
      </c>
      <c r="C89657" s="14" t="s">
        <v>99</v>
      </c>
      <c r="D89657" s="14" t="s">
        <v>94</v>
      </c>
      <c r="E89657" s="15">
        <v>45608</v>
      </c>
      <c r="F89657" s="14" t="s">
        <v>15</v>
      </c>
      <c r="G89657" s="16">
        <v>0</v>
      </c>
    </row>
    <row r="89658" spans="1:7" x14ac:dyDescent="0.3">
      <c r="A89658" s="13" t="s">
        <v>448</v>
      </c>
      <c r="B89658" s="14" t="s">
        <v>1</v>
      </c>
      <c r="C89658" s="14" t="s">
        <v>99</v>
      </c>
      <c r="D89658" s="14" t="s">
        <v>94</v>
      </c>
      <c r="E89658" s="15">
        <v>45609</v>
      </c>
      <c r="F89658" s="14" t="s">
        <v>15</v>
      </c>
      <c r="G89658" s="16">
        <v>0</v>
      </c>
    </row>
    <row r="89659" spans="1:7" x14ac:dyDescent="0.3">
      <c r="A89659" s="13" t="s">
        <v>448</v>
      </c>
      <c r="B89659" s="14" t="s">
        <v>1</v>
      </c>
      <c r="C89659" s="14" t="s">
        <v>99</v>
      </c>
      <c r="D89659" s="14" t="s">
        <v>94</v>
      </c>
      <c r="E89659" s="15">
        <v>45610</v>
      </c>
      <c r="F89659" s="14" t="s">
        <v>15</v>
      </c>
      <c r="G89659" s="16">
        <v>0</v>
      </c>
    </row>
    <row r="89660" spans="1:7" x14ac:dyDescent="0.3">
      <c r="A89660" s="13" t="s">
        <v>448</v>
      </c>
      <c r="B89660" s="14" t="s">
        <v>1</v>
      </c>
      <c r="C89660" s="14" t="s">
        <v>99</v>
      </c>
      <c r="D89660" s="14" t="s">
        <v>94</v>
      </c>
      <c r="E89660" s="15">
        <v>45611</v>
      </c>
      <c r="F89660" s="14" t="s">
        <v>15</v>
      </c>
      <c r="G89660" s="16">
        <v>0</v>
      </c>
    </row>
    <row r="89661" spans="1:7" x14ac:dyDescent="0.3">
      <c r="A89661" s="13" t="s">
        <v>448</v>
      </c>
      <c r="B89661" s="14" t="s">
        <v>1</v>
      </c>
      <c r="C89661" s="14" t="s">
        <v>99</v>
      </c>
      <c r="D89661" s="14" t="s">
        <v>94</v>
      </c>
      <c r="E89661" s="15">
        <v>45612</v>
      </c>
      <c r="F89661" s="14" t="s">
        <v>15</v>
      </c>
      <c r="G89661" s="16">
        <v>0</v>
      </c>
    </row>
    <row r="89662" spans="1:7" x14ac:dyDescent="0.3">
      <c r="A89662" s="13" t="s">
        <v>448</v>
      </c>
      <c r="B89662" s="14" t="s">
        <v>1</v>
      </c>
      <c r="C89662" s="14" t="s">
        <v>99</v>
      </c>
      <c r="D89662" s="14" t="s">
        <v>94</v>
      </c>
      <c r="E89662" s="15">
        <v>45613</v>
      </c>
      <c r="F89662" s="14" t="s">
        <v>15</v>
      </c>
      <c r="G89662" s="16">
        <v>0</v>
      </c>
    </row>
    <row r="89663" spans="1:7" x14ac:dyDescent="0.3">
      <c r="A89663" s="13" t="s">
        <v>448</v>
      </c>
      <c r="B89663" s="14" t="s">
        <v>1</v>
      </c>
      <c r="C89663" s="14" t="s">
        <v>99</v>
      </c>
      <c r="D89663" s="14" t="s">
        <v>94</v>
      </c>
      <c r="E89663" s="15">
        <v>45614</v>
      </c>
      <c r="F89663" s="14" t="s">
        <v>15</v>
      </c>
      <c r="G89663" s="16">
        <v>0</v>
      </c>
    </row>
    <row r="89664" spans="1:7" x14ac:dyDescent="0.3">
      <c r="A89664" s="13" t="s">
        <v>448</v>
      </c>
      <c r="B89664" s="14" t="s">
        <v>1</v>
      </c>
      <c r="C89664" s="14" t="s">
        <v>99</v>
      </c>
      <c r="D89664" s="14" t="s">
        <v>94</v>
      </c>
      <c r="E89664" s="15">
        <v>45615</v>
      </c>
      <c r="F89664" s="14" t="s">
        <v>15</v>
      </c>
      <c r="G89664" s="16">
        <v>0</v>
      </c>
    </row>
    <row r="89665" spans="1:7" x14ac:dyDescent="0.3">
      <c r="A89665" s="13" t="s">
        <v>448</v>
      </c>
      <c r="B89665" s="14" t="s">
        <v>1</v>
      </c>
      <c r="C89665" s="14" t="s">
        <v>99</v>
      </c>
      <c r="D89665" s="14" t="s">
        <v>94</v>
      </c>
      <c r="E89665" s="15">
        <v>45616</v>
      </c>
      <c r="F89665" s="14" t="s">
        <v>15</v>
      </c>
      <c r="G89665" s="16">
        <v>0</v>
      </c>
    </row>
    <row r="89666" spans="1:7" x14ac:dyDescent="0.3">
      <c r="A89666" s="13" t="s">
        <v>448</v>
      </c>
      <c r="B89666" s="14" t="s">
        <v>1</v>
      </c>
      <c r="C89666" s="14" t="s">
        <v>99</v>
      </c>
      <c r="D89666" s="14" t="s">
        <v>94</v>
      </c>
      <c r="E89666" s="15">
        <v>45617</v>
      </c>
      <c r="F89666" s="14" t="s">
        <v>15</v>
      </c>
      <c r="G89666" s="16">
        <v>0</v>
      </c>
    </row>
    <row r="89667" spans="1:7" x14ac:dyDescent="0.3">
      <c r="A89667" s="13" t="s">
        <v>448</v>
      </c>
      <c r="B89667" s="14" t="s">
        <v>1</v>
      </c>
      <c r="C89667" s="14" t="s">
        <v>99</v>
      </c>
      <c r="D89667" s="14" t="s">
        <v>94</v>
      </c>
      <c r="E89667" s="15">
        <v>45618</v>
      </c>
      <c r="F89667" s="14" t="s">
        <v>15</v>
      </c>
      <c r="G89667" s="16">
        <v>0</v>
      </c>
    </row>
    <row r="89668" spans="1:7" x14ac:dyDescent="0.3">
      <c r="A89668" s="13" t="s">
        <v>448</v>
      </c>
      <c r="B89668" s="14" t="s">
        <v>1</v>
      </c>
      <c r="C89668" s="14" t="s">
        <v>99</v>
      </c>
      <c r="D89668" s="14" t="s">
        <v>94</v>
      </c>
      <c r="E89668" s="15">
        <v>45619</v>
      </c>
      <c r="F89668" s="14" t="s">
        <v>15</v>
      </c>
      <c r="G89668" s="16">
        <v>0</v>
      </c>
    </row>
    <row r="89669" spans="1:7" x14ac:dyDescent="0.3">
      <c r="A89669" s="13" t="s">
        <v>448</v>
      </c>
      <c r="B89669" s="14" t="s">
        <v>1</v>
      </c>
      <c r="C89669" s="14" t="s">
        <v>99</v>
      </c>
      <c r="D89669" s="14" t="s">
        <v>94</v>
      </c>
      <c r="E89669" s="15">
        <v>45620</v>
      </c>
      <c r="F89669" s="14" t="s">
        <v>15</v>
      </c>
      <c r="G89669" s="16">
        <v>0</v>
      </c>
    </row>
    <row r="89670" spans="1:7" x14ac:dyDescent="0.3">
      <c r="A89670" s="13" t="s">
        <v>448</v>
      </c>
      <c r="B89670" s="14" t="s">
        <v>1</v>
      </c>
      <c r="C89670" s="14" t="s">
        <v>99</v>
      </c>
      <c r="D89670" s="14" t="s">
        <v>94</v>
      </c>
      <c r="E89670" s="15">
        <v>45621</v>
      </c>
      <c r="F89670" s="14" t="s">
        <v>15</v>
      </c>
      <c r="G89670" s="16">
        <v>0</v>
      </c>
    </row>
    <row r="89671" spans="1:7" x14ac:dyDescent="0.3">
      <c r="A89671" s="13" t="s">
        <v>448</v>
      </c>
      <c r="B89671" s="14" t="s">
        <v>1</v>
      </c>
      <c r="C89671" s="14" t="s">
        <v>99</v>
      </c>
      <c r="D89671" s="14" t="s">
        <v>94</v>
      </c>
      <c r="E89671" s="15">
        <v>45622</v>
      </c>
      <c r="F89671" s="14" t="s">
        <v>15</v>
      </c>
      <c r="G89671" s="16">
        <v>0</v>
      </c>
    </row>
    <row r="89672" spans="1:7" x14ac:dyDescent="0.3">
      <c r="A89672" s="13" t="s">
        <v>448</v>
      </c>
      <c r="B89672" s="14" t="s">
        <v>1</v>
      </c>
      <c r="C89672" s="14" t="s">
        <v>99</v>
      </c>
      <c r="D89672" s="14" t="s">
        <v>94</v>
      </c>
      <c r="E89672" s="15">
        <v>45623</v>
      </c>
      <c r="F89672" s="14" t="s">
        <v>15</v>
      </c>
      <c r="G89672" s="16">
        <v>0</v>
      </c>
    </row>
    <row r="89673" spans="1:7" x14ac:dyDescent="0.3">
      <c r="A89673" s="13" t="s">
        <v>448</v>
      </c>
      <c r="B89673" s="14" t="s">
        <v>1</v>
      </c>
      <c r="C89673" s="14" t="s">
        <v>99</v>
      </c>
      <c r="D89673" s="14" t="s">
        <v>94</v>
      </c>
      <c r="E89673" s="15">
        <v>45624</v>
      </c>
      <c r="F89673" s="14" t="s">
        <v>15</v>
      </c>
      <c r="G89673" s="16">
        <v>0</v>
      </c>
    </row>
    <row r="89674" spans="1:7" x14ac:dyDescent="0.3">
      <c r="A89674" s="13" t="s">
        <v>448</v>
      </c>
      <c r="B89674" s="14" t="s">
        <v>1</v>
      </c>
      <c r="C89674" s="14" t="s">
        <v>99</v>
      </c>
      <c r="D89674" s="14" t="s">
        <v>94</v>
      </c>
      <c r="E89674" s="15">
        <v>45625</v>
      </c>
      <c r="F89674" s="14" t="s">
        <v>15</v>
      </c>
      <c r="G89674" s="16">
        <v>0</v>
      </c>
    </row>
    <row r="89675" spans="1:7" x14ac:dyDescent="0.3">
      <c r="A89675" s="13" t="s">
        <v>448</v>
      </c>
      <c r="B89675" s="14" t="s">
        <v>1</v>
      </c>
      <c r="C89675" s="14" t="s">
        <v>99</v>
      </c>
      <c r="D89675" s="14" t="s">
        <v>94</v>
      </c>
      <c r="E89675" s="15">
        <v>45626</v>
      </c>
      <c r="F89675" s="14" t="s">
        <v>15</v>
      </c>
      <c r="G89675" s="16">
        <v>0</v>
      </c>
    </row>
    <row r="89676" spans="1:7" x14ac:dyDescent="0.3">
      <c r="A89676" s="13" t="s">
        <v>448</v>
      </c>
      <c r="B89676" s="14" t="s">
        <v>1</v>
      </c>
      <c r="C89676" s="14" t="s">
        <v>99</v>
      </c>
      <c r="D89676" s="14" t="s">
        <v>94</v>
      </c>
      <c r="E89676" s="15">
        <v>45627</v>
      </c>
      <c r="F89676" s="14" t="s">
        <v>15</v>
      </c>
      <c r="G89676" s="16">
        <v>0</v>
      </c>
    </row>
    <row r="89677" spans="1:7" x14ac:dyDescent="0.3">
      <c r="A89677" s="13" t="s">
        <v>448</v>
      </c>
      <c r="B89677" s="14" t="s">
        <v>1</v>
      </c>
      <c r="C89677" s="14" t="s">
        <v>99</v>
      </c>
      <c r="D89677" s="14" t="s">
        <v>94</v>
      </c>
      <c r="E89677" s="15">
        <v>45628</v>
      </c>
      <c r="F89677" s="14" t="s">
        <v>15</v>
      </c>
      <c r="G89677" s="16">
        <v>0</v>
      </c>
    </row>
    <row r="89678" spans="1:7" x14ac:dyDescent="0.3">
      <c r="A89678" s="13" t="s">
        <v>448</v>
      </c>
      <c r="B89678" s="14" t="s">
        <v>1</v>
      </c>
      <c r="C89678" s="14" t="s">
        <v>99</v>
      </c>
      <c r="D89678" s="14" t="s">
        <v>94</v>
      </c>
      <c r="E89678" s="15">
        <v>45629</v>
      </c>
      <c r="F89678" s="14" t="s">
        <v>15</v>
      </c>
      <c r="G89678" s="16">
        <v>0</v>
      </c>
    </row>
    <row r="89679" spans="1:7" x14ac:dyDescent="0.3">
      <c r="A89679" s="13" t="s">
        <v>448</v>
      </c>
      <c r="B89679" s="14" t="s">
        <v>1</v>
      </c>
      <c r="C89679" s="14" t="s">
        <v>99</v>
      </c>
      <c r="D89679" s="14" t="s">
        <v>94</v>
      </c>
      <c r="E89679" s="15">
        <v>45630</v>
      </c>
      <c r="F89679" s="14" t="s">
        <v>15</v>
      </c>
      <c r="G89679" s="16">
        <v>0</v>
      </c>
    </row>
    <row r="89680" spans="1:7" x14ac:dyDescent="0.3">
      <c r="A89680" s="13" t="s">
        <v>448</v>
      </c>
      <c r="B89680" s="14" t="s">
        <v>1</v>
      </c>
      <c r="C89680" s="14" t="s">
        <v>99</v>
      </c>
      <c r="D89680" s="14" t="s">
        <v>94</v>
      </c>
      <c r="E89680" s="15">
        <v>45631</v>
      </c>
      <c r="F89680" s="14" t="s">
        <v>15</v>
      </c>
      <c r="G89680" s="16">
        <v>0</v>
      </c>
    </row>
    <row r="89681" spans="1:7" x14ac:dyDescent="0.3">
      <c r="A89681" s="13" t="s">
        <v>448</v>
      </c>
      <c r="B89681" s="14" t="s">
        <v>1</v>
      </c>
      <c r="C89681" s="14" t="s">
        <v>99</v>
      </c>
      <c r="D89681" s="14" t="s">
        <v>94</v>
      </c>
      <c r="E89681" s="15">
        <v>45632</v>
      </c>
      <c r="F89681" s="14" t="s">
        <v>15</v>
      </c>
      <c r="G89681" s="16">
        <v>0</v>
      </c>
    </row>
    <row r="89682" spans="1:7" x14ac:dyDescent="0.3">
      <c r="A89682" s="13" t="s">
        <v>448</v>
      </c>
      <c r="B89682" s="14" t="s">
        <v>1</v>
      </c>
      <c r="C89682" s="14" t="s">
        <v>99</v>
      </c>
      <c r="D89682" s="14" t="s">
        <v>94</v>
      </c>
      <c r="E89682" s="15">
        <v>45633</v>
      </c>
      <c r="F89682" s="14" t="s">
        <v>15</v>
      </c>
      <c r="G89682" s="16">
        <v>0</v>
      </c>
    </row>
    <row r="89683" spans="1:7" x14ac:dyDescent="0.3">
      <c r="A89683" s="13" t="s">
        <v>448</v>
      </c>
      <c r="B89683" s="14" t="s">
        <v>1</v>
      </c>
      <c r="C89683" s="14" t="s">
        <v>99</v>
      </c>
      <c r="D89683" s="14" t="s">
        <v>94</v>
      </c>
      <c r="E89683" s="15">
        <v>45634</v>
      </c>
      <c r="F89683" s="14" t="s">
        <v>15</v>
      </c>
      <c r="G89683" s="16">
        <v>0</v>
      </c>
    </row>
    <row r="89684" spans="1:7" x14ac:dyDescent="0.3">
      <c r="A89684" s="13" t="s">
        <v>448</v>
      </c>
      <c r="B89684" s="14" t="s">
        <v>1</v>
      </c>
      <c r="C89684" s="14" t="s">
        <v>99</v>
      </c>
      <c r="D89684" s="14" t="s">
        <v>94</v>
      </c>
      <c r="E89684" s="15">
        <v>45635</v>
      </c>
      <c r="F89684" s="14" t="s">
        <v>15</v>
      </c>
      <c r="G89684" s="16">
        <v>0</v>
      </c>
    </row>
    <row r="89685" spans="1:7" x14ac:dyDescent="0.3">
      <c r="A89685" s="13" t="s">
        <v>448</v>
      </c>
      <c r="B89685" s="14" t="s">
        <v>1</v>
      </c>
      <c r="C89685" s="14" t="s">
        <v>99</v>
      </c>
      <c r="D89685" s="14" t="s">
        <v>94</v>
      </c>
      <c r="E89685" s="15">
        <v>45636</v>
      </c>
      <c r="F89685" s="14" t="s">
        <v>15</v>
      </c>
      <c r="G89685" s="16">
        <v>0</v>
      </c>
    </row>
    <row r="89686" spans="1:7" x14ac:dyDescent="0.3">
      <c r="A89686" s="13" t="s">
        <v>448</v>
      </c>
      <c r="B89686" s="14" t="s">
        <v>1</v>
      </c>
      <c r="C89686" s="14" t="s">
        <v>99</v>
      </c>
      <c r="D89686" s="14" t="s">
        <v>94</v>
      </c>
      <c r="E89686" s="15">
        <v>45637</v>
      </c>
      <c r="F89686" s="14" t="s">
        <v>15</v>
      </c>
      <c r="G89686" s="16">
        <v>0</v>
      </c>
    </row>
    <row r="89687" spans="1:7" x14ac:dyDescent="0.3">
      <c r="A89687" s="13" t="s">
        <v>448</v>
      </c>
      <c r="B89687" s="14" t="s">
        <v>1</v>
      </c>
      <c r="C89687" s="14" t="s">
        <v>99</v>
      </c>
      <c r="D89687" s="14" t="s">
        <v>94</v>
      </c>
      <c r="E89687" s="15">
        <v>45638</v>
      </c>
      <c r="F89687" s="14" t="s">
        <v>15</v>
      </c>
      <c r="G89687" s="16">
        <v>0</v>
      </c>
    </row>
    <row r="89688" spans="1:7" x14ac:dyDescent="0.3">
      <c r="A89688" s="13" t="s">
        <v>448</v>
      </c>
      <c r="B89688" s="14" t="s">
        <v>1</v>
      </c>
      <c r="C89688" s="14" t="s">
        <v>99</v>
      </c>
      <c r="D89688" s="14" t="s">
        <v>94</v>
      </c>
      <c r="E89688" s="15">
        <v>45639</v>
      </c>
      <c r="F89688" s="14" t="s">
        <v>15</v>
      </c>
      <c r="G89688" s="16">
        <v>0</v>
      </c>
    </row>
    <row r="89689" spans="1:7" x14ac:dyDescent="0.3">
      <c r="A89689" s="13" t="s">
        <v>448</v>
      </c>
      <c r="B89689" s="14" t="s">
        <v>1</v>
      </c>
      <c r="C89689" s="14" t="s">
        <v>99</v>
      </c>
      <c r="D89689" s="14" t="s">
        <v>94</v>
      </c>
      <c r="E89689" s="15">
        <v>45640</v>
      </c>
      <c r="F89689" s="14" t="s">
        <v>15</v>
      </c>
      <c r="G89689" s="16">
        <v>0</v>
      </c>
    </row>
    <row r="89690" spans="1:7" x14ac:dyDescent="0.3">
      <c r="A89690" s="13" t="s">
        <v>448</v>
      </c>
      <c r="B89690" s="14" t="s">
        <v>1</v>
      </c>
      <c r="C89690" s="14" t="s">
        <v>99</v>
      </c>
      <c r="D89690" s="14" t="s">
        <v>94</v>
      </c>
      <c r="E89690" s="15">
        <v>45641</v>
      </c>
      <c r="F89690" s="14" t="s">
        <v>15</v>
      </c>
      <c r="G89690" s="16">
        <v>0</v>
      </c>
    </row>
    <row r="89691" spans="1:7" x14ac:dyDescent="0.3">
      <c r="A89691" s="13" t="s">
        <v>448</v>
      </c>
      <c r="B89691" s="14" t="s">
        <v>1</v>
      </c>
      <c r="C89691" s="14" t="s">
        <v>99</v>
      </c>
      <c r="D89691" s="14" t="s">
        <v>94</v>
      </c>
      <c r="E89691" s="15">
        <v>45642</v>
      </c>
      <c r="F89691" s="14" t="s">
        <v>15</v>
      </c>
      <c r="G89691" s="16">
        <v>0</v>
      </c>
    </row>
    <row r="89692" spans="1:7" x14ac:dyDescent="0.3">
      <c r="A89692" s="13" t="s">
        <v>448</v>
      </c>
      <c r="B89692" s="14" t="s">
        <v>1</v>
      </c>
      <c r="C89692" s="14" t="s">
        <v>99</v>
      </c>
      <c r="D89692" s="14" t="s">
        <v>94</v>
      </c>
      <c r="E89692" s="15">
        <v>45643</v>
      </c>
      <c r="F89692" s="14" t="s">
        <v>15</v>
      </c>
      <c r="G89692" s="16">
        <v>0</v>
      </c>
    </row>
    <row r="89693" spans="1:7" x14ac:dyDescent="0.3">
      <c r="A89693" s="13" t="s">
        <v>448</v>
      </c>
      <c r="B89693" s="14" t="s">
        <v>1</v>
      </c>
      <c r="C89693" s="14" t="s">
        <v>99</v>
      </c>
      <c r="D89693" s="14" t="s">
        <v>94</v>
      </c>
      <c r="E89693" s="15">
        <v>45644</v>
      </c>
      <c r="F89693" s="14" t="s">
        <v>15</v>
      </c>
      <c r="G89693" s="16">
        <v>0</v>
      </c>
    </row>
    <row r="89694" spans="1:7" x14ac:dyDescent="0.3">
      <c r="A89694" s="13" t="s">
        <v>448</v>
      </c>
      <c r="B89694" s="14" t="s">
        <v>1</v>
      </c>
      <c r="C89694" s="14" t="s">
        <v>99</v>
      </c>
      <c r="D89694" s="14" t="s">
        <v>94</v>
      </c>
      <c r="E89694" s="15">
        <v>45645</v>
      </c>
      <c r="F89694" s="14" t="s">
        <v>15</v>
      </c>
      <c r="G89694" s="16">
        <v>0</v>
      </c>
    </row>
    <row r="89695" spans="1:7" x14ac:dyDescent="0.3">
      <c r="A89695" s="13" t="s">
        <v>448</v>
      </c>
      <c r="B89695" s="14" t="s">
        <v>1</v>
      </c>
      <c r="C89695" s="14" t="s">
        <v>99</v>
      </c>
      <c r="D89695" s="14" t="s">
        <v>94</v>
      </c>
      <c r="E89695" s="15">
        <v>45646</v>
      </c>
      <c r="F89695" s="14" t="s">
        <v>15</v>
      </c>
      <c r="G89695" s="16">
        <v>0</v>
      </c>
    </row>
    <row r="89696" spans="1:7" x14ac:dyDescent="0.3">
      <c r="A89696" s="13" t="s">
        <v>448</v>
      </c>
      <c r="B89696" s="14" t="s">
        <v>1</v>
      </c>
      <c r="C89696" s="14" t="s">
        <v>99</v>
      </c>
      <c r="D89696" s="14" t="s">
        <v>94</v>
      </c>
      <c r="E89696" s="15">
        <v>45647</v>
      </c>
      <c r="F89696" s="14" t="s">
        <v>15</v>
      </c>
      <c r="G89696" s="16">
        <v>0</v>
      </c>
    </row>
    <row r="89697" spans="1:7" x14ac:dyDescent="0.3">
      <c r="A89697" s="13" t="s">
        <v>448</v>
      </c>
      <c r="B89697" s="14" t="s">
        <v>1</v>
      </c>
      <c r="C89697" s="14" t="s">
        <v>99</v>
      </c>
      <c r="D89697" s="14" t="s">
        <v>94</v>
      </c>
      <c r="E89697" s="15">
        <v>45648</v>
      </c>
      <c r="F89697" s="14" t="s">
        <v>15</v>
      </c>
      <c r="G89697" s="16">
        <v>0</v>
      </c>
    </row>
    <row r="89698" spans="1:7" x14ac:dyDescent="0.3">
      <c r="A89698" s="13" t="s">
        <v>448</v>
      </c>
      <c r="B89698" s="14" t="s">
        <v>1</v>
      </c>
      <c r="C89698" s="14" t="s">
        <v>99</v>
      </c>
      <c r="D89698" s="14" t="s">
        <v>94</v>
      </c>
      <c r="E89698" s="15">
        <v>45649</v>
      </c>
      <c r="F89698" s="14" t="s">
        <v>15</v>
      </c>
      <c r="G89698" s="16">
        <v>0</v>
      </c>
    </row>
    <row r="89699" spans="1:7" x14ac:dyDescent="0.3">
      <c r="A89699" s="13" t="s">
        <v>448</v>
      </c>
      <c r="B89699" s="14" t="s">
        <v>1</v>
      </c>
      <c r="C89699" s="14" t="s">
        <v>99</v>
      </c>
      <c r="D89699" s="14" t="s">
        <v>94</v>
      </c>
      <c r="E89699" s="15">
        <v>45650</v>
      </c>
      <c r="F89699" s="14" t="s">
        <v>15</v>
      </c>
      <c r="G89699" s="16">
        <v>0</v>
      </c>
    </row>
    <row r="89700" spans="1:7" x14ac:dyDescent="0.3">
      <c r="A89700" s="13" t="s">
        <v>448</v>
      </c>
      <c r="B89700" s="14" t="s">
        <v>1</v>
      </c>
      <c r="C89700" s="14" t="s">
        <v>99</v>
      </c>
      <c r="D89700" s="14" t="s">
        <v>94</v>
      </c>
      <c r="E89700" s="15">
        <v>45651</v>
      </c>
      <c r="F89700" s="14" t="s">
        <v>15</v>
      </c>
      <c r="G89700" s="16">
        <v>0</v>
      </c>
    </row>
    <row r="89701" spans="1:7" x14ac:dyDescent="0.3">
      <c r="A89701" s="13" t="s">
        <v>448</v>
      </c>
      <c r="B89701" s="14" t="s">
        <v>1</v>
      </c>
      <c r="C89701" s="14" t="s">
        <v>99</v>
      </c>
      <c r="D89701" s="14" t="s">
        <v>94</v>
      </c>
      <c r="E89701" s="15">
        <v>45652</v>
      </c>
      <c r="F89701" s="14" t="s">
        <v>15</v>
      </c>
      <c r="G89701" s="16">
        <v>0</v>
      </c>
    </row>
    <row r="89702" spans="1:7" x14ac:dyDescent="0.3">
      <c r="A89702" s="13" t="s">
        <v>448</v>
      </c>
      <c r="B89702" s="14" t="s">
        <v>1</v>
      </c>
      <c r="C89702" s="14" t="s">
        <v>99</v>
      </c>
      <c r="D89702" s="14" t="s">
        <v>94</v>
      </c>
      <c r="E89702" s="15">
        <v>45653</v>
      </c>
      <c r="F89702" s="14" t="s">
        <v>15</v>
      </c>
      <c r="G89702" s="16">
        <v>0</v>
      </c>
    </row>
    <row r="89703" spans="1:7" x14ac:dyDescent="0.3">
      <c r="A89703" s="13" t="s">
        <v>448</v>
      </c>
      <c r="B89703" s="14" t="s">
        <v>1</v>
      </c>
      <c r="C89703" s="14" t="s">
        <v>99</v>
      </c>
      <c r="D89703" s="14" t="s">
        <v>94</v>
      </c>
      <c r="E89703" s="15">
        <v>45654</v>
      </c>
      <c r="F89703" s="14" t="s">
        <v>15</v>
      </c>
      <c r="G89703" s="16">
        <v>0</v>
      </c>
    </row>
    <row r="89704" spans="1:7" x14ac:dyDescent="0.3">
      <c r="A89704" s="13" t="s">
        <v>448</v>
      </c>
      <c r="B89704" s="14" t="s">
        <v>1</v>
      </c>
      <c r="C89704" s="14" t="s">
        <v>99</v>
      </c>
      <c r="D89704" s="14" t="s">
        <v>94</v>
      </c>
      <c r="E89704" s="15">
        <v>45655</v>
      </c>
      <c r="F89704" s="14" t="s">
        <v>15</v>
      </c>
      <c r="G89704" s="16">
        <v>0</v>
      </c>
    </row>
    <row r="89705" spans="1:7" x14ac:dyDescent="0.3">
      <c r="A89705" s="13" t="s">
        <v>448</v>
      </c>
      <c r="B89705" s="14" t="s">
        <v>1</v>
      </c>
      <c r="C89705" s="14" t="s">
        <v>99</v>
      </c>
      <c r="D89705" s="14" t="s">
        <v>94</v>
      </c>
      <c r="E89705" s="15">
        <v>45656</v>
      </c>
      <c r="F89705" s="14" t="s">
        <v>15</v>
      </c>
      <c r="G89705" s="16">
        <v>0</v>
      </c>
    </row>
    <row r="89706" spans="1:7" x14ac:dyDescent="0.3">
      <c r="A89706" s="13" t="s">
        <v>448</v>
      </c>
      <c r="B89706" s="14" t="s">
        <v>1</v>
      </c>
      <c r="C89706" s="14" t="s">
        <v>99</v>
      </c>
      <c r="D89706" s="14" t="s">
        <v>94</v>
      </c>
      <c r="E89706" s="15">
        <v>45657</v>
      </c>
      <c r="F89706" s="14" t="s">
        <v>15</v>
      </c>
      <c r="G89706" s="16">
        <v>0</v>
      </c>
    </row>
    <row r="89707" spans="1:7" x14ac:dyDescent="0.3">
      <c r="A89707" s="13" t="s">
        <v>448</v>
      </c>
      <c r="B89707" s="14" t="s">
        <v>1</v>
      </c>
      <c r="C89707" s="14" t="s">
        <v>99</v>
      </c>
      <c r="D89707" s="14" t="s">
        <v>94</v>
      </c>
      <c r="E89707" s="15">
        <v>45658</v>
      </c>
      <c r="F89707" s="14" t="s">
        <v>15</v>
      </c>
      <c r="G89707" s="16">
        <v>0</v>
      </c>
    </row>
    <row r="89708" spans="1:7" x14ac:dyDescent="0.3">
      <c r="A89708" s="13" t="s">
        <v>448</v>
      </c>
      <c r="B89708" s="14" t="s">
        <v>1</v>
      </c>
      <c r="C89708" s="14" t="s">
        <v>99</v>
      </c>
      <c r="D89708" s="14" t="s">
        <v>94</v>
      </c>
      <c r="E89708" s="15">
        <v>45659</v>
      </c>
      <c r="F89708" s="14" t="s">
        <v>15</v>
      </c>
      <c r="G89708" s="16">
        <v>0</v>
      </c>
    </row>
    <row r="89709" spans="1:7" x14ac:dyDescent="0.3">
      <c r="A89709" s="13" t="s">
        <v>448</v>
      </c>
      <c r="B89709" s="14" t="s">
        <v>1</v>
      </c>
      <c r="C89709" s="14" t="s">
        <v>99</v>
      </c>
      <c r="D89709" s="14" t="s">
        <v>94</v>
      </c>
      <c r="E89709" s="15">
        <v>45660</v>
      </c>
      <c r="F89709" s="14" t="s">
        <v>15</v>
      </c>
      <c r="G89709" s="16">
        <v>0</v>
      </c>
    </row>
    <row r="89710" spans="1:7" x14ac:dyDescent="0.3">
      <c r="A89710" s="13" t="s">
        <v>448</v>
      </c>
      <c r="B89710" s="14" t="s">
        <v>1</v>
      </c>
      <c r="C89710" s="14" t="s">
        <v>99</v>
      </c>
      <c r="D89710" s="14" t="s">
        <v>94</v>
      </c>
      <c r="E89710" s="15">
        <v>45661</v>
      </c>
      <c r="F89710" s="14" t="s">
        <v>15</v>
      </c>
      <c r="G89710" s="16">
        <v>0</v>
      </c>
    </row>
    <row r="89711" spans="1:7" x14ac:dyDescent="0.3">
      <c r="A89711" s="13" t="s">
        <v>448</v>
      </c>
      <c r="B89711" s="14" t="s">
        <v>1</v>
      </c>
      <c r="C89711" s="14" t="s">
        <v>99</v>
      </c>
      <c r="D89711" s="14" t="s">
        <v>94</v>
      </c>
      <c r="E89711" s="15">
        <v>45662</v>
      </c>
      <c r="F89711" s="14" t="s">
        <v>15</v>
      </c>
      <c r="G89711" s="16">
        <v>0</v>
      </c>
    </row>
    <row r="89712" spans="1:7" x14ac:dyDescent="0.3">
      <c r="A89712" s="13" t="s">
        <v>448</v>
      </c>
      <c r="B89712" s="14" t="s">
        <v>1</v>
      </c>
      <c r="C89712" s="14" t="s">
        <v>99</v>
      </c>
      <c r="D89712" s="14" t="s">
        <v>94</v>
      </c>
      <c r="E89712" s="15">
        <v>45663</v>
      </c>
      <c r="F89712" s="14" t="s">
        <v>15</v>
      </c>
      <c r="G89712" s="16">
        <v>0</v>
      </c>
    </row>
    <row r="89713" spans="1:7" x14ac:dyDescent="0.3">
      <c r="A89713" s="13" t="s">
        <v>448</v>
      </c>
      <c r="B89713" s="14" t="s">
        <v>1</v>
      </c>
      <c r="C89713" s="14" t="s">
        <v>99</v>
      </c>
      <c r="D89713" s="14" t="s">
        <v>94</v>
      </c>
      <c r="E89713" s="15">
        <v>45664</v>
      </c>
      <c r="F89713" s="14" t="s">
        <v>15</v>
      </c>
      <c r="G89713" s="16">
        <v>0</v>
      </c>
    </row>
    <row r="89714" spans="1:7" x14ac:dyDescent="0.3">
      <c r="A89714" s="13" t="s">
        <v>448</v>
      </c>
      <c r="B89714" s="14" t="s">
        <v>1</v>
      </c>
      <c r="C89714" s="14" t="s">
        <v>99</v>
      </c>
      <c r="D89714" s="14" t="s">
        <v>94</v>
      </c>
      <c r="E89714" s="15">
        <v>45665</v>
      </c>
      <c r="F89714" s="14" t="s">
        <v>15</v>
      </c>
      <c r="G89714" s="16">
        <v>0</v>
      </c>
    </row>
    <row r="89715" spans="1:7" x14ac:dyDescent="0.3">
      <c r="A89715" s="13" t="s">
        <v>448</v>
      </c>
      <c r="B89715" s="14" t="s">
        <v>1</v>
      </c>
      <c r="C89715" s="14" t="s">
        <v>99</v>
      </c>
      <c r="D89715" s="14" t="s">
        <v>94</v>
      </c>
      <c r="E89715" s="15">
        <v>45666</v>
      </c>
      <c r="F89715" s="14" t="s">
        <v>15</v>
      </c>
      <c r="G89715" s="16">
        <v>0</v>
      </c>
    </row>
    <row r="89716" spans="1:7" x14ac:dyDescent="0.3">
      <c r="A89716" s="13" t="s">
        <v>448</v>
      </c>
      <c r="B89716" s="14" t="s">
        <v>1</v>
      </c>
      <c r="C89716" s="14" t="s">
        <v>99</v>
      </c>
      <c r="D89716" s="14" t="s">
        <v>94</v>
      </c>
      <c r="E89716" s="15">
        <v>45667</v>
      </c>
      <c r="F89716" s="14" t="s">
        <v>15</v>
      </c>
      <c r="G89716" s="16">
        <v>0</v>
      </c>
    </row>
    <row r="89717" spans="1:7" x14ac:dyDescent="0.3">
      <c r="A89717" s="13" t="s">
        <v>448</v>
      </c>
      <c r="B89717" s="14" t="s">
        <v>1</v>
      </c>
      <c r="C89717" s="14" t="s">
        <v>99</v>
      </c>
      <c r="D89717" s="14" t="s">
        <v>94</v>
      </c>
      <c r="E89717" s="15">
        <v>45668</v>
      </c>
      <c r="F89717" s="14" t="s">
        <v>15</v>
      </c>
      <c r="G89717" s="16">
        <v>0</v>
      </c>
    </row>
    <row r="89718" spans="1:7" x14ac:dyDescent="0.3">
      <c r="A89718" s="13" t="s">
        <v>448</v>
      </c>
      <c r="B89718" s="14" t="s">
        <v>1</v>
      </c>
      <c r="C89718" s="14" t="s">
        <v>99</v>
      </c>
      <c r="D89718" s="14" t="s">
        <v>94</v>
      </c>
      <c r="E89718" s="15">
        <v>45669</v>
      </c>
      <c r="F89718" s="14" t="s">
        <v>15</v>
      </c>
      <c r="G89718" s="16">
        <v>0</v>
      </c>
    </row>
    <row r="89719" spans="1:7" x14ac:dyDescent="0.3">
      <c r="A89719" s="13" t="s">
        <v>448</v>
      </c>
      <c r="B89719" s="14" t="s">
        <v>1</v>
      </c>
      <c r="C89719" s="14" t="s">
        <v>99</v>
      </c>
      <c r="D89719" s="14" t="s">
        <v>94</v>
      </c>
      <c r="E89719" s="15">
        <v>45670</v>
      </c>
      <c r="F89719" s="14" t="s">
        <v>15</v>
      </c>
      <c r="G89719" s="16">
        <v>0</v>
      </c>
    </row>
    <row r="89720" spans="1:7" x14ac:dyDescent="0.3">
      <c r="A89720" s="13" t="s">
        <v>448</v>
      </c>
      <c r="B89720" s="14" t="s">
        <v>1</v>
      </c>
      <c r="C89720" s="14" t="s">
        <v>99</v>
      </c>
      <c r="D89720" s="14" t="s">
        <v>94</v>
      </c>
      <c r="E89720" s="15">
        <v>45671</v>
      </c>
      <c r="F89720" s="14" t="s">
        <v>15</v>
      </c>
      <c r="G89720" s="16">
        <v>0</v>
      </c>
    </row>
    <row r="89721" spans="1:7" x14ac:dyDescent="0.3">
      <c r="A89721" s="13" t="s">
        <v>448</v>
      </c>
      <c r="B89721" s="14" t="s">
        <v>1</v>
      </c>
      <c r="C89721" s="14" t="s">
        <v>99</v>
      </c>
      <c r="D89721" s="14" t="s">
        <v>94</v>
      </c>
      <c r="E89721" s="15">
        <v>45672</v>
      </c>
      <c r="F89721" s="14" t="s">
        <v>15</v>
      </c>
      <c r="G89721" s="16">
        <v>0</v>
      </c>
    </row>
    <row r="89722" spans="1:7" x14ac:dyDescent="0.3">
      <c r="A89722" s="13" t="s">
        <v>448</v>
      </c>
      <c r="B89722" s="14" t="s">
        <v>1</v>
      </c>
      <c r="C89722" s="14" t="s">
        <v>99</v>
      </c>
      <c r="D89722" s="14" t="s">
        <v>94</v>
      </c>
      <c r="E89722" s="15">
        <v>45673</v>
      </c>
      <c r="F89722" s="14" t="s">
        <v>15</v>
      </c>
      <c r="G89722" s="16">
        <v>0</v>
      </c>
    </row>
    <row r="89723" spans="1:7" x14ac:dyDescent="0.3">
      <c r="A89723" s="13" t="s">
        <v>448</v>
      </c>
      <c r="B89723" s="14" t="s">
        <v>1</v>
      </c>
      <c r="C89723" s="14" t="s">
        <v>99</v>
      </c>
      <c r="D89723" s="14" t="s">
        <v>94</v>
      </c>
      <c r="E89723" s="15">
        <v>45674</v>
      </c>
      <c r="F89723" s="14" t="s">
        <v>15</v>
      </c>
      <c r="G89723" s="16">
        <v>0</v>
      </c>
    </row>
    <row r="89724" spans="1:7" x14ac:dyDescent="0.3">
      <c r="A89724" s="13" t="s">
        <v>448</v>
      </c>
      <c r="B89724" s="14" t="s">
        <v>1</v>
      </c>
      <c r="C89724" s="14" t="s">
        <v>99</v>
      </c>
      <c r="D89724" s="14" t="s">
        <v>94</v>
      </c>
      <c r="E89724" s="15">
        <v>45675</v>
      </c>
      <c r="F89724" s="14" t="s">
        <v>15</v>
      </c>
      <c r="G89724" s="16">
        <v>0</v>
      </c>
    </row>
    <row r="89725" spans="1:7" x14ac:dyDescent="0.3">
      <c r="A89725" s="13" t="s">
        <v>448</v>
      </c>
      <c r="B89725" s="14" t="s">
        <v>1</v>
      </c>
      <c r="C89725" s="14" t="s">
        <v>99</v>
      </c>
      <c r="D89725" s="14" t="s">
        <v>94</v>
      </c>
      <c r="E89725" s="15">
        <v>45676</v>
      </c>
      <c r="F89725" s="14" t="s">
        <v>15</v>
      </c>
      <c r="G89725" s="16">
        <v>0</v>
      </c>
    </row>
    <row r="89726" spans="1:7" x14ac:dyDescent="0.3">
      <c r="A89726" s="13" t="s">
        <v>448</v>
      </c>
      <c r="B89726" s="14" t="s">
        <v>1</v>
      </c>
      <c r="C89726" s="14" t="s">
        <v>99</v>
      </c>
      <c r="D89726" s="14" t="s">
        <v>94</v>
      </c>
      <c r="E89726" s="15">
        <v>45677</v>
      </c>
      <c r="F89726" s="14" t="s">
        <v>15</v>
      </c>
      <c r="G89726" s="16">
        <v>0</v>
      </c>
    </row>
    <row r="89727" spans="1:7" x14ac:dyDescent="0.3">
      <c r="A89727" s="13" t="s">
        <v>448</v>
      </c>
      <c r="B89727" s="14" t="s">
        <v>1</v>
      </c>
      <c r="C89727" s="14" t="s">
        <v>99</v>
      </c>
      <c r="D89727" s="14" t="s">
        <v>94</v>
      </c>
      <c r="E89727" s="15">
        <v>45678</v>
      </c>
      <c r="F89727" s="14" t="s">
        <v>15</v>
      </c>
      <c r="G89727" s="16">
        <v>0</v>
      </c>
    </row>
    <row r="89728" spans="1:7" x14ac:dyDescent="0.3">
      <c r="A89728" s="13" t="s">
        <v>448</v>
      </c>
      <c r="B89728" s="14" t="s">
        <v>1</v>
      </c>
      <c r="C89728" s="14" t="s">
        <v>99</v>
      </c>
      <c r="D89728" s="14" t="s">
        <v>94</v>
      </c>
      <c r="E89728" s="15">
        <v>45679</v>
      </c>
      <c r="F89728" s="14" t="s">
        <v>15</v>
      </c>
      <c r="G89728" s="16">
        <v>0</v>
      </c>
    </row>
    <row r="89729" spans="1:7" x14ac:dyDescent="0.3">
      <c r="A89729" s="13" t="s">
        <v>448</v>
      </c>
      <c r="B89729" s="14" t="s">
        <v>1</v>
      </c>
      <c r="C89729" s="14" t="s">
        <v>99</v>
      </c>
      <c r="D89729" s="14" t="s">
        <v>94</v>
      </c>
      <c r="E89729" s="15">
        <v>45680</v>
      </c>
      <c r="F89729" s="14" t="s">
        <v>15</v>
      </c>
      <c r="G89729" s="16">
        <v>0</v>
      </c>
    </row>
    <row r="89730" spans="1:7" x14ac:dyDescent="0.3">
      <c r="A89730" s="13" t="s">
        <v>448</v>
      </c>
      <c r="B89730" s="14" t="s">
        <v>1</v>
      </c>
      <c r="C89730" s="14" t="s">
        <v>99</v>
      </c>
      <c r="D89730" s="14" t="s">
        <v>94</v>
      </c>
      <c r="E89730" s="15">
        <v>45681</v>
      </c>
      <c r="F89730" s="14" t="s">
        <v>15</v>
      </c>
      <c r="G89730" s="16">
        <v>0</v>
      </c>
    </row>
    <row r="89731" spans="1:7" x14ac:dyDescent="0.3">
      <c r="A89731" s="13" t="s">
        <v>448</v>
      </c>
      <c r="B89731" s="14" t="s">
        <v>1</v>
      </c>
      <c r="C89731" s="14" t="s">
        <v>99</v>
      </c>
      <c r="D89731" s="14" t="s">
        <v>94</v>
      </c>
      <c r="E89731" s="15">
        <v>45682</v>
      </c>
      <c r="F89731" s="14" t="s">
        <v>15</v>
      </c>
      <c r="G89731" s="16">
        <v>0</v>
      </c>
    </row>
    <row r="89732" spans="1:7" x14ac:dyDescent="0.3">
      <c r="A89732" s="13" t="s">
        <v>448</v>
      </c>
      <c r="B89732" s="14" t="s">
        <v>1</v>
      </c>
      <c r="C89732" s="14" t="s">
        <v>99</v>
      </c>
      <c r="D89732" s="14" t="s">
        <v>94</v>
      </c>
      <c r="E89732" s="15">
        <v>45683</v>
      </c>
      <c r="F89732" s="14" t="s">
        <v>15</v>
      </c>
      <c r="G89732" s="16">
        <v>0</v>
      </c>
    </row>
    <row r="89733" spans="1:7" x14ac:dyDescent="0.3">
      <c r="A89733" s="13" t="s">
        <v>448</v>
      </c>
      <c r="B89733" s="14" t="s">
        <v>1</v>
      </c>
      <c r="C89733" s="14" t="s">
        <v>99</v>
      </c>
      <c r="D89733" s="14" t="s">
        <v>94</v>
      </c>
      <c r="E89733" s="15">
        <v>45684</v>
      </c>
      <c r="F89733" s="14" t="s">
        <v>15</v>
      </c>
      <c r="G89733" s="16">
        <v>0</v>
      </c>
    </row>
    <row r="89734" spans="1:7" x14ac:dyDescent="0.3">
      <c r="A89734" s="13" t="s">
        <v>448</v>
      </c>
      <c r="B89734" s="14" t="s">
        <v>1</v>
      </c>
      <c r="C89734" s="14" t="s">
        <v>99</v>
      </c>
      <c r="D89734" s="14" t="s">
        <v>94</v>
      </c>
      <c r="E89734" s="15">
        <v>45685</v>
      </c>
      <c r="F89734" s="14" t="s">
        <v>15</v>
      </c>
      <c r="G89734" s="16">
        <v>0</v>
      </c>
    </row>
    <row r="89735" spans="1:7" x14ac:dyDescent="0.3">
      <c r="A89735" s="13" t="s">
        <v>448</v>
      </c>
      <c r="B89735" s="14" t="s">
        <v>1</v>
      </c>
      <c r="C89735" s="14" t="s">
        <v>99</v>
      </c>
      <c r="D89735" s="14" t="s">
        <v>94</v>
      </c>
      <c r="E89735" s="15">
        <v>45686</v>
      </c>
      <c r="F89735" s="14" t="s">
        <v>15</v>
      </c>
      <c r="G89735" s="16">
        <v>0</v>
      </c>
    </row>
    <row r="89736" spans="1:7" x14ac:dyDescent="0.3">
      <c r="A89736" s="13" t="s">
        <v>448</v>
      </c>
      <c r="B89736" s="14" t="s">
        <v>1</v>
      </c>
      <c r="C89736" s="14" t="s">
        <v>99</v>
      </c>
      <c r="D89736" s="14" t="s">
        <v>94</v>
      </c>
      <c r="E89736" s="15">
        <v>45687</v>
      </c>
      <c r="F89736" s="14" t="s">
        <v>15</v>
      </c>
      <c r="G89736" s="16">
        <v>0</v>
      </c>
    </row>
    <row r="89737" spans="1:7" x14ac:dyDescent="0.3">
      <c r="A89737" s="13" t="s">
        <v>448</v>
      </c>
      <c r="B89737" s="14" t="s">
        <v>1</v>
      </c>
      <c r="C89737" s="14" t="s">
        <v>99</v>
      </c>
      <c r="D89737" s="14" t="s">
        <v>94</v>
      </c>
      <c r="E89737" s="15">
        <v>45688</v>
      </c>
      <c r="F89737" s="14" t="s">
        <v>15</v>
      </c>
      <c r="G89737" s="16">
        <v>0</v>
      </c>
    </row>
    <row r="89738" spans="1:7" x14ac:dyDescent="0.3">
      <c r="A89738" s="13" t="s">
        <v>448</v>
      </c>
      <c r="B89738" s="14" t="s">
        <v>1</v>
      </c>
      <c r="C89738" s="14" t="s">
        <v>99</v>
      </c>
      <c r="D89738" s="14" t="s">
        <v>94</v>
      </c>
      <c r="E89738" s="15">
        <v>45689</v>
      </c>
      <c r="F89738" s="14" t="s">
        <v>15</v>
      </c>
      <c r="G89738" s="16">
        <v>0</v>
      </c>
    </row>
    <row r="89739" spans="1:7" x14ac:dyDescent="0.3">
      <c r="A89739" s="13" t="s">
        <v>448</v>
      </c>
      <c r="B89739" s="14" t="s">
        <v>1</v>
      </c>
      <c r="C89739" s="14" t="s">
        <v>99</v>
      </c>
      <c r="D89739" s="14" t="s">
        <v>94</v>
      </c>
      <c r="E89739" s="15">
        <v>45690</v>
      </c>
      <c r="F89739" s="14" t="s">
        <v>15</v>
      </c>
      <c r="G89739" s="16">
        <v>0</v>
      </c>
    </row>
    <row r="89740" spans="1:7" x14ac:dyDescent="0.3">
      <c r="A89740" s="13" t="s">
        <v>448</v>
      </c>
      <c r="B89740" s="14" t="s">
        <v>1</v>
      </c>
      <c r="C89740" s="14" t="s">
        <v>99</v>
      </c>
      <c r="D89740" s="14" t="s">
        <v>94</v>
      </c>
      <c r="E89740" s="15">
        <v>45691</v>
      </c>
      <c r="F89740" s="14" t="s">
        <v>15</v>
      </c>
      <c r="G89740" s="16">
        <v>0</v>
      </c>
    </row>
    <row r="89741" spans="1:7" x14ac:dyDescent="0.3">
      <c r="A89741" s="13" t="s">
        <v>448</v>
      </c>
      <c r="B89741" s="14" t="s">
        <v>1</v>
      </c>
      <c r="C89741" s="14" t="s">
        <v>99</v>
      </c>
      <c r="D89741" s="14" t="s">
        <v>94</v>
      </c>
      <c r="E89741" s="15">
        <v>45692</v>
      </c>
      <c r="F89741" s="14" t="s">
        <v>15</v>
      </c>
      <c r="G89741" s="16">
        <v>0</v>
      </c>
    </row>
    <row r="89742" spans="1:7" x14ac:dyDescent="0.3">
      <c r="A89742" s="13" t="s">
        <v>448</v>
      </c>
      <c r="B89742" s="14" t="s">
        <v>1</v>
      </c>
      <c r="C89742" s="14" t="s">
        <v>99</v>
      </c>
      <c r="D89742" s="14" t="s">
        <v>94</v>
      </c>
      <c r="E89742" s="15">
        <v>45693</v>
      </c>
      <c r="F89742" s="14" t="s">
        <v>15</v>
      </c>
      <c r="G89742" s="16">
        <v>0</v>
      </c>
    </row>
    <row r="89743" spans="1:7" x14ac:dyDescent="0.3">
      <c r="A89743" s="13" t="s">
        <v>448</v>
      </c>
      <c r="B89743" s="14" t="s">
        <v>1</v>
      </c>
      <c r="C89743" s="14" t="s">
        <v>99</v>
      </c>
      <c r="D89743" s="14" t="s">
        <v>94</v>
      </c>
      <c r="E89743" s="15">
        <v>45694</v>
      </c>
      <c r="F89743" s="14" t="s">
        <v>15</v>
      </c>
      <c r="G89743" s="16">
        <v>0</v>
      </c>
    </row>
    <row r="89744" spans="1:7" x14ac:dyDescent="0.3">
      <c r="A89744" s="13" t="s">
        <v>448</v>
      </c>
      <c r="B89744" s="14" t="s">
        <v>1</v>
      </c>
      <c r="C89744" s="14" t="s">
        <v>99</v>
      </c>
      <c r="D89744" s="14" t="s">
        <v>94</v>
      </c>
      <c r="E89744" s="15">
        <v>45695</v>
      </c>
      <c r="F89744" s="14" t="s">
        <v>15</v>
      </c>
      <c r="G89744" s="16">
        <v>0</v>
      </c>
    </row>
    <row r="89745" spans="1:7" x14ac:dyDescent="0.3">
      <c r="A89745" s="13" t="s">
        <v>448</v>
      </c>
      <c r="B89745" s="14" t="s">
        <v>1</v>
      </c>
      <c r="C89745" s="14" t="s">
        <v>99</v>
      </c>
      <c r="D89745" s="14" t="s">
        <v>94</v>
      </c>
      <c r="E89745" s="15">
        <v>45696</v>
      </c>
      <c r="F89745" s="14" t="s">
        <v>15</v>
      </c>
      <c r="G89745" s="16">
        <v>0</v>
      </c>
    </row>
    <row r="89746" spans="1:7" x14ac:dyDescent="0.3">
      <c r="A89746" s="13" t="s">
        <v>448</v>
      </c>
      <c r="B89746" s="14" t="s">
        <v>1</v>
      </c>
      <c r="C89746" s="14" t="s">
        <v>99</v>
      </c>
      <c r="D89746" s="14" t="s">
        <v>94</v>
      </c>
      <c r="E89746" s="15">
        <v>45697</v>
      </c>
      <c r="F89746" s="14" t="s">
        <v>15</v>
      </c>
      <c r="G89746" s="16">
        <v>0</v>
      </c>
    </row>
    <row r="89747" spans="1:7" x14ac:dyDescent="0.3">
      <c r="A89747" s="13" t="s">
        <v>448</v>
      </c>
      <c r="B89747" s="14" t="s">
        <v>1</v>
      </c>
      <c r="C89747" s="14" t="s">
        <v>99</v>
      </c>
      <c r="D89747" s="14" t="s">
        <v>94</v>
      </c>
      <c r="E89747" s="15">
        <v>45698</v>
      </c>
      <c r="F89747" s="14" t="s">
        <v>15</v>
      </c>
      <c r="G89747" s="16">
        <v>0</v>
      </c>
    </row>
    <row r="89748" spans="1:7" x14ac:dyDescent="0.3">
      <c r="A89748" s="13" t="s">
        <v>448</v>
      </c>
      <c r="B89748" s="14" t="s">
        <v>1</v>
      </c>
      <c r="C89748" s="14" t="s">
        <v>99</v>
      </c>
      <c r="D89748" s="14" t="s">
        <v>94</v>
      </c>
      <c r="E89748" s="15">
        <v>45699</v>
      </c>
      <c r="F89748" s="14" t="s">
        <v>15</v>
      </c>
      <c r="G89748" s="16">
        <v>0</v>
      </c>
    </row>
    <row r="89749" spans="1:7" x14ac:dyDescent="0.3">
      <c r="A89749" s="13" t="s">
        <v>448</v>
      </c>
      <c r="B89749" s="14" t="s">
        <v>1</v>
      </c>
      <c r="C89749" s="14" t="s">
        <v>99</v>
      </c>
      <c r="D89749" s="14" t="s">
        <v>94</v>
      </c>
      <c r="E89749" s="15">
        <v>45700</v>
      </c>
      <c r="F89749" s="14" t="s">
        <v>15</v>
      </c>
      <c r="G89749" s="16">
        <v>0</v>
      </c>
    </row>
    <row r="89750" spans="1:7" x14ac:dyDescent="0.3">
      <c r="A89750" s="13" t="s">
        <v>448</v>
      </c>
      <c r="B89750" s="14" t="s">
        <v>1</v>
      </c>
      <c r="C89750" s="14" t="s">
        <v>99</v>
      </c>
      <c r="D89750" s="14" t="s">
        <v>94</v>
      </c>
      <c r="E89750" s="15">
        <v>45701</v>
      </c>
      <c r="F89750" s="14" t="s">
        <v>15</v>
      </c>
      <c r="G89750" s="16">
        <v>0</v>
      </c>
    </row>
    <row r="89751" spans="1:7" x14ac:dyDescent="0.3">
      <c r="A89751" s="13" t="s">
        <v>448</v>
      </c>
      <c r="B89751" s="14" t="s">
        <v>1</v>
      </c>
      <c r="C89751" s="14" t="s">
        <v>99</v>
      </c>
      <c r="D89751" s="14" t="s">
        <v>94</v>
      </c>
      <c r="E89751" s="15">
        <v>45702</v>
      </c>
      <c r="F89751" s="14" t="s">
        <v>15</v>
      </c>
      <c r="G89751" s="16">
        <v>0</v>
      </c>
    </row>
    <row r="89752" spans="1:7" x14ac:dyDescent="0.3">
      <c r="A89752" s="13" t="s">
        <v>448</v>
      </c>
      <c r="B89752" s="14" t="s">
        <v>1</v>
      </c>
      <c r="C89752" s="14" t="s">
        <v>99</v>
      </c>
      <c r="D89752" s="14" t="s">
        <v>94</v>
      </c>
      <c r="E89752" s="15">
        <v>45703</v>
      </c>
      <c r="F89752" s="14" t="s">
        <v>15</v>
      </c>
      <c r="G89752" s="16">
        <v>0</v>
      </c>
    </row>
    <row r="89753" spans="1:7" x14ac:dyDescent="0.3">
      <c r="A89753" s="13" t="s">
        <v>448</v>
      </c>
      <c r="B89753" s="14" t="s">
        <v>1</v>
      </c>
      <c r="C89753" s="14" t="s">
        <v>99</v>
      </c>
      <c r="D89753" s="14" t="s">
        <v>94</v>
      </c>
      <c r="E89753" s="15">
        <v>45704</v>
      </c>
      <c r="F89753" s="14" t="s">
        <v>15</v>
      </c>
      <c r="G89753" s="16">
        <v>0</v>
      </c>
    </row>
    <row r="89754" spans="1:7" x14ac:dyDescent="0.3">
      <c r="A89754" s="13" t="s">
        <v>448</v>
      </c>
      <c r="B89754" s="14" t="s">
        <v>1</v>
      </c>
      <c r="C89754" s="14" t="s">
        <v>99</v>
      </c>
      <c r="D89754" s="14" t="s">
        <v>94</v>
      </c>
      <c r="E89754" s="15">
        <v>45705</v>
      </c>
      <c r="F89754" s="14" t="s">
        <v>15</v>
      </c>
      <c r="G89754" s="16">
        <v>0</v>
      </c>
    </row>
    <row r="89755" spans="1:7" x14ac:dyDescent="0.3">
      <c r="A89755" s="13" t="s">
        <v>448</v>
      </c>
      <c r="B89755" s="14" t="s">
        <v>1</v>
      </c>
      <c r="C89755" s="14" t="s">
        <v>99</v>
      </c>
      <c r="D89755" s="14" t="s">
        <v>94</v>
      </c>
      <c r="E89755" s="15">
        <v>45706</v>
      </c>
      <c r="F89755" s="14" t="s">
        <v>15</v>
      </c>
      <c r="G89755" s="16">
        <v>0</v>
      </c>
    </row>
    <row r="89756" spans="1:7" x14ac:dyDescent="0.3">
      <c r="A89756" s="13" t="s">
        <v>448</v>
      </c>
      <c r="B89756" s="14" t="s">
        <v>1</v>
      </c>
      <c r="C89756" s="14" t="s">
        <v>99</v>
      </c>
      <c r="D89756" s="14" t="s">
        <v>94</v>
      </c>
      <c r="E89756" s="15">
        <v>45707</v>
      </c>
      <c r="F89756" s="14" t="s">
        <v>15</v>
      </c>
      <c r="G89756" s="16">
        <v>0</v>
      </c>
    </row>
    <row r="89757" spans="1:7" x14ac:dyDescent="0.3">
      <c r="A89757" s="13" t="s">
        <v>448</v>
      </c>
      <c r="B89757" s="14" t="s">
        <v>1</v>
      </c>
      <c r="C89757" s="14" t="s">
        <v>99</v>
      </c>
      <c r="D89757" s="14" t="s">
        <v>94</v>
      </c>
      <c r="E89757" s="15">
        <v>45708</v>
      </c>
      <c r="F89757" s="14" t="s">
        <v>15</v>
      </c>
      <c r="G89757" s="16">
        <v>0</v>
      </c>
    </row>
    <row r="89758" spans="1:7" x14ac:dyDescent="0.3">
      <c r="A89758" s="13" t="s">
        <v>448</v>
      </c>
      <c r="B89758" s="14" t="s">
        <v>1</v>
      </c>
      <c r="C89758" s="14" t="s">
        <v>99</v>
      </c>
      <c r="D89758" s="14" t="s">
        <v>94</v>
      </c>
      <c r="E89758" s="15">
        <v>45709</v>
      </c>
      <c r="F89758" s="14" t="s">
        <v>15</v>
      </c>
      <c r="G89758" s="16">
        <v>0</v>
      </c>
    </row>
    <row r="89759" spans="1:7" x14ac:dyDescent="0.3">
      <c r="A89759" s="13" t="s">
        <v>448</v>
      </c>
      <c r="B89759" s="14" t="s">
        <v>1</v>
      </c>
      <c r="C89759" s="14" t="s">
        <v>99</v>
      </c>
      <c r="D89759" s="14" t="s">
        <v>94</v>
      </c>
      <c r="E89759" s="15">
        <v>45710</v>
      </c>
      <c r="F89759" s="14" t="s">
        <v>15</v>
      </c>
      <c r="G89759" s="16">
        <v>0</v>
      </c>
    </row>
    <row r="89760" spans="1:7" x14ac:dyDescent="0.3">
      <c r="A89760" s="13" t="s">
        <v>448</v>
      </c>
      <c r="B89760" s="14" t="s">
        <v>1</v>
      </c>
      <c r="C89760" s="14" t="s">
        <v>99</v>
      </c>
      <c r="D89760" s="14" t="s">
        <v>94</v>
      </c>
      <c r="E89760" s="15">
        <v>45711</v>
      </c>
      <c r="F89760" s="14" t="s">
        <v>15</v>
      </c>
      <c r="G89760" s="16">
        <v>0</v>
      </c>
    </row>
    <row r="89761" spans="1:7" x14ac:dyDescent="0.3">
      <c r="A89761" s="13" t="s">
        <v>448</v>
      </c>
      <c r="B89761" s="14" t="s">
        <v>1</v>
      </c>
      <c r="C89761" s="14" t="s">
        <v>99</v>
      </c>
      <c r="D89761" s="14" t="s">
        <v>94</v>
      </c>
      <c r="E89761" s="15">
        <v>45712</v>
      </c>
      <c r="F89761" s="14" t="s">
        <v>15</v>
      </c>
      <c r="G89761" s="16">
        <v>0</v>
      </c>
    </row>
    <row r="89762" spans="1:7" x14ac:dyDescent="0.3">
      <c r="A89762" s="13" t="s">
        <v>448</v>
      </c>
      <c r="B89762" s="14" t="s">
        <v>1</v>
      </c>
      <c r="C89762" s="14" t="s">
        <v>99</v>
      </c>
      <c r="D89762" s="14" t="s">
        <v>94</v>
      </c>
      <c r="E89762" s="15">
        <v>45713</v>
      </c>
      <c r="F89762" s="14" t="s">
        <v>15</v>
      </c>
      <c r="G89762" s="16">
        <v>0</v>
      </c>
    </row>
    <row r="89763" spans="1:7" x14ac:dyDescent="0.3">
      <c r="A89763" s="13" t="s">
        <v>448</v>
      </c>
      <c r="B89763" s="14" t="s">
        <v>1</v>
      </c>
      <c r="C89763" s="14" t="s">
        <v>99</v>
      </c>
      <c r="D89763" s="14" t="s">
        <v>94</v>
      </c>
      <c r="E89763" s="15">
        <v>45714</v>
      </c>
      <c r="F89763" s="14" t="s">
        <v>15</v>
      </c>
      <c r="G89763" s="16">
        <v>0</v>
      </c>
    </row>
    <row r="89764" spans="1:7" x14ac:dyDescent="0.3">
      <c r="A89764" s="13" t="s">
        <v>448</v>
      </c>
      <c r="B89764" s="14" t="s">
        <v>1</v>
      </c>
      <c r="C89764" s="14" t="s">
        <v>99</v>
      </c>
      <c r="D89764" s="14" t="s">
        <v>94</v>
      </c>
      <c r="E89764" s="15">
        <v>45715</v>
      </c>
      <c r="F89764" s="14" t="s">
        <v>15</v>
      </c>
      <c r="G89764" s="16">
        <v>0</v>
      </c>
    </row>
    <row r="89765" spans="1:7" x14ac:dyDescent="0.3">
      <c r="A89765" s="13" t="s">
        <v>448</v>
      </c>
      <c r="B89765" s="14" t="s">
        <v>1</v>
      </c>
      <c r="C89765" s="14" t="s">
        <v>99</v>
      </c>
      <c r="D89765" s="14" t="s">
        <v>94</v>
      </c>
      <c r="E89765" s="15">
        <v>45716</v>
      </c>
      <c r="F89765" s="14" t="s">
        <v>15</v>
      </c>
      <c r="G89765" s="16">
        <v>0</v>
      </c>
    </row>
    <row r="89766" spans="1:7" x14ac:dyDescent="0.3">
      <c r="A89766" s="13" t="s">
        <v>448</v>
      </c>
      <c r="B89766" s="14" t="s">
        <v>1</v>
      </c>
      <c r="C89766" s="14" t="s">
        <v>99</v>
      </c>
      <c r="D89766" s="14" t="s">
        <v>94</v>
      </c>
      <c r="E89766" s="15">
        <v>45717</v>
      </c>
      <c r="F89766" s="14" t="s">
        <v>15</v>
      </c>
      <c r="G89766" s="16">
        <v>0</v>
      </c>
    </row>
    <row r="89767" spans="1:7" x14ac:dyDescent="0.3">
      <c r="A89767" s="13" t="s">
        <v>448</v>
      </c>
      <c r="B89767" s="14" t="s">
        <v>1</v>
      </c>
      <c r="C89767" s="14" t="s">
        <v>99</v>
      </c>
      <c r="D89767" s="14" t="s">
        <v>94</v>
      </c>
      <c r="E89767" s="15">
        <v>45718</v>
      </c>
      <c r="F89767" s="14" t="s">
        <v>15</v>
      </c>
      <c r="G89767" s="16">
        <v>0</v>
      </c>
    </row>
    <row r="89768" spans="1:7" x14ac:dyDescent="0.3">
      <c r="A89768" s="13" t="s">
        <v>448</v>
      </c>
      <c r="B89768" s="14" t="s">
        <v>1</v>
      </c>
      <c r="C89768" s="14" t="s">
        <v>99</v>
      </c>
      <c r="D89768" s="14" t="s">
        <v>94</v>
      </c>
      <c r="E89768" s="15">
        <v>45719</v>
      </c>
      <c r="F89768" s="14" t="s">
        <v>15</v>
      </c>
      <c r="G89768" s="16">
        <v>0</v>
      </c>
    </row>
    <row r="89769" spans="1:7" x14ac:dyDescent="0.3">
      <c r="A89769" s="13" t="s">
        <v>448</v>
      </c>
      <c r="B89769" s="14" t="s">
        <v>1</v>
      </c>
      <c r="C89769" s="14" t="s">
        <v>99</v>
      </c>
      <c r="D89769" s="14" t="s">
        <v>94</v>
      </c>
      <c r="E89769" s="15">
        <v>45720</v>
      </c>
      <c r="F89769" s="14" t="s">
        <v>15</v>
      </c>
      <c r="G89769" s="16">
        <v>0</v>
      </c>
    </row>
    <row r="89770" spans="1:7" x14ac:dyDescent="0.3">
      <c r="A89770" s="13" t="s">
        <v>448</v>
      </c>
      <c r="B89770" s="14" t="s">
        <v>1</v>
      </c>
      <c r="C89770" s="14" t="s">
        <v>99</v>
      </c>
      <c r="D89770" s="14" t="s">
        <v>94</v>
      </c>
      <c r="E89770" s="15">
        <v>45721</v>
      </c>
      <c r="F89770" s="14" t="s">
        <v>15</v>
      </c>
      <c r="G89770" s="16">
        <v>0</v>
      </c>
    </row>
    <row r="89771" spans="1:7" x14ac:dyDescent="0.3">
      <c r="A89771" s="13" t="s">
        <v>448</v>
      </c>
      <c r="B89771" s="14" t="s">
        <v>1</v>
      </c>
      <c r="C89771" s="14" t="s">
        <v>99</v>
      </c>
      <c r="D89771" s="14" t="s">
        <v>94</v>
      </c>
      <c r="E89771" s="15">
        <v>45722</v>
      </c>
      <c r="F89771" s="14" t="s">
        <v>15</v>
      </c>
      <c r="G89771" s="16">
        <v>0</v>
      </c>
    </row>
    <row r="89772" spans="1:7" x14ac:dyDescent="0.3">
      <c r="A89772" s="13" t="s">
        <v>448</v>
      </c>
      <c r="B89772" s="14" t="s">
        <v>1</v>
      </c>
      <c r="C89772" s="14" t="s">
        <v>99</v>
      </c>
      <c r="D89772" s="14" t="s">
        <v>94</v>
      </c>
      <c r="E89772" s="15">
        <v>45723</v>
      </c>
      <c r="F89772" s="14" t="s">
        <v>15</v>
      </c>
      <c r="G89772" s="16">
        <v>0</v>
      </c>
    </row>
    <row r="89773" spans="1:7" x14ac:dyDescent="0.3">
      <c r="A89773" s="13" t="s">
        <v>448</v>
      </c>
      <c r="B89773" s="14" t="s">
        <v>1</v>
      </c>
      <c r="C89773" s="14" t="s">
        <v>99</v>
      </c>
      <c r="D89773" s="14" t="s">
        <v>94</v>
      </c>
      <c r="E89773" s="15">
        <v>45724</v>
      </c>
      <c r="F89773" s="14" t="s">
        <v>15</v>
      </c>
      <c r="G89773" s="16">
        <v>0</v>
      </c>
    </row>
    <row r="89774" spans="1:7" x14ac:dyDescent="0.3">
      <c r="A89774" s="13" t="s">
        <v>448</v>
      </c>
      <c r="B89774" s="14" t="s">
        <v>1</v>
      </c>
      <c r="C89774" s="14" t="s">
        <v>99</v>
      </c>
      <c r="D89774" s="14" t="s">
        <v>94</v>
      </c>
      <c r="E89774" s="15">
        <v>45725</v>
      </c>
      <c r="F89774" s="14" t="s">
        <v>15</v>
      </c>
      <c r="G89774" s="16">
        <v>0</v>
      </c>
    </row>
    <row r="89775" spans="1:7" x14ac:dyDescent="0.3">
      <c r="A89775" s="13" t="s">
        <v>448</v>
      </c>
      <c r="B89775" s="14" t="s">
        <v>1</v>
      </c>
      <c r="C89775" s="14" t="s">
        <v>99</v>
      </c>
      <c r="D89775" s="14" t="s">
        <v>94</v>
      </c>
      <c r="E89775" s="15">
        <v>45726</v>
      </c>
      <c r="F89775" s="14" t="s">
        <v>15</v>
      </c>
      <c r="G89775" s="16">
        <v>0</v>
      </c>
    </row>
    <row r="89776" spans="1:7" x14ac:dyDescent="0.3">
      <c r="A89776" s="13" t="s">
        <v>448</v>
      </c>
      <c r="B89776" s="14" t="s">
        <v>1</v>
      </c>
      <c r="C89776" s="14" t="s">
        <v>99</v>
      </c>
      <c r="D89776" s="14" t="s">
        <v>94</v>
      </c>
      <c r="E89776" s="15">
        <v>45727</v>
      </c>
      <c r="F89776" s="14" t="s">
        <v>15</v>
      </c>
      <c r="G89776" s="16">
        <v>0</v>
      </c>
    </row>
    <row r="89777" spans="1:7" x14ac:dyDescent="0.3">
      <c r="A89777" s="13" t="s">
        <v>448</v>
      </c>
      <c r="B89777" s="14" t="s">
        <v>1</v>
      </c>
      <c r="C89777" s="14" t="s">
        <v>99</v>
      </c>
      <c r="D89777" s="14" t="s">
        <v>94</v>
      </c>
      <c r="E89777" s="15">
        <v>45728</v>
      </c>
      <c r="F89777" s="14" t="s">
        <v>15</v>
      </c>
      <c r="G89777" s="16">
        <v>0</v>
      </c>
    </row>
    <row r="89778" spans="1:7" x14ac:dyDescent="0.3">
      <c r="A89778" s="13" t="s">
        <v>448</v>
      </c>
      <c r="B89778" s="14" t="s">
        <v>1</v>
      </c>
      <c r="C89778" s="14" t="s">
        <v>99</v>
      </c>
      <c r="D89778" s="14" t="s">
        <v>94</v>
      </c>
      <c r="E89778" s="15">
        <v>45729</v>
      </c>
      <c r="F89778" s="14" t="s">
        <v>15</v>
      </c>
      <c r="G89778" s="16">
        <v>0</v>
      </c>
    </row>
    <row r="89779" spans="1:7" x14ac:dyDescent="0.3">
      <c r="A89779" s="13" t="s">
        <v>448</v>
      </c>
      <c r="B89779" s="14" t="s">
        <v>1</v>
      </c>
      <c r="C89779" s="14" t="s">
        <v>99</v>
      </c>
      <c r="D89779" s="14" t="s">
        <v>94</v>
      </c>
      <c r="E89779" s="15">
        <v>45730</v>
      </c>
      <c r="F89779" s="14" t="s">
        <v>15</v>
      </c>
      <c r="G89779" s="16">
        <v>0</v>
      </c>
    </row>
    <row r="89780" spans="1:7" x14ac:dyDescent="0.3">
      <c r="A89780" s="13" t="s">
        <v>448</v>
      </c>
      <c r="B89780" s="14" t="s">
        <v>1</v>
      </c>
      <c r="C89780" s="14" t="s">
        <v>99</v>
      </c>
      <c r="D89780" s="14" t="s">
        <v>94</v>
      </c>
      <c r="E89780" s="15">
        <v>45731</v>
      </c>
      <c r="F89780" s="14" t="s">
        <v>15</v>
      </c>
      <c r="G89780" s="16">
        <v>0</v>
      </c>
    </row>
    <row r="89781" spans="1:7" x14ac:dyDescent="0.3">
      <c r="A89781" s="13" t="s">
        <v>448</v>
      </c>
      <c r="B89781" s="14" t="s">
        <v>1</v>
      </c>
      <c r="C89781" s="14" t="s">
        <v>99</v>
      </c>
      <c r="D89781" s="14" t="s">
        <v>94</v>
      </c>
      <c r="E89781" s="15">
        <v>45732</v>
      </c>
      <c r="F89781" s="14" t="s">
        <v>15</v>
      </c>
      <c r="G89781" s="16">
        <v>0</v>
      </c>
    </row>
    <row r="89782" spans="1:7" x14ac:dyDescent="0.3">
      <c r="A89782" s="13" t="s">
        <v>448</v>
      </c>
      <c r="B89782" s="14" t="s">
        <v>1</v>
      </c>
      <c r="C89782" s="14" t="s">
        <v>99</v>
      </c>
      <c r="D89782" s="14" t="s">
        <v>94</v>
      </c>
      <c r="E89782" s="15">
        <v>45733</v>
      </c>
      <c r="F89782" s="14" t="s">
        <v>15</v>
      </c>
      <c r="G89782" s="16">
        <v>0</v>
      </c>
    </row>
    <row r="89783" spans="1:7" x14ac:dyDescent="0.3">
      <c r="A89783" s="13" t="s">
        <v>448</v>
      </c>
      <c r="B89783" s="14" t="s">
        <v>1</v>
      </c>
      <c r="C89783" s="14" t="s">
        <v>99</v>
      </c>
      <c r="D89783" s="14" t="s">
        <v>94</v>
      </c>
      <c r="E89783" s="15">
        <v>45734</v>
      </c>
      <c r="F89783" s="14" t="s">
        <v>15</v>
      </c>
      <c r="G89783" s="16">
        <v>0</v>
      </c>
    </row>
    <row r="89784" spans="1:7" x14ac:dyDescent="0.3">
      <c r="A89784" s="13" t="s">
        <v>448</v>
      </c>
      <c r="B89784" s="14" t="s">
        <v>1</v>
      </c>
      <c r="C89784" s="14" t="s">
        <v>99</v>
      </c>
      <c r="D89784" s="14" t="s">
        <v>94</v>
      </c>
      <c r="E89784" s="15">
        <v>45735</v>
      </c>
      <c r="F89784" s="14" t="s">
        <v>15</v>
      </c>
      <c r="G89784" s="16">
        <v>0</v>
      </c>
    </row>
    <row r="89785" spans="1:7" x14ac:dyDescent="0.3">
      <c r="A89785" s="13" t="s">
        <v>448</v>
      </c>
      <c r="B89785" s="14" t="s">
        <v>1</v>
      </c>
      <c r="C89785" s="14" t="s">
        <v>99</v>
      </c>
      <c r="D89785" s="14" t="s">
        <v>94</v>
      </c>
      <c r="E89785" s="15">
        <v>45736</v>
      </c>
      <c r="F89785" s="14" t="s">
        <v>15</v>
      </c>
      <c r="G89785" s="16">
        <v>0</v>
      </c>
    </row>
    <row r="89786" spans="1:7" x14ac:dyDescent="0.3">
      <c r="A89786" s="13" t="s">
        <v>448</v>
      </c>
      <c r="B89786" s="14" t="s">
        <v>1</v>
      </c>
      <c r="C89786" s="14" t="s">
        <v>99</v>
      </c>
      <c r="D89786" s="14" t="s">
        <v>94</v>
      </c>
      <c r="E89786" s="15">
        <v>45737</v>
      </c>
      <c r="F89786" s="14" t="s">
        <v>15</v>
      </c>
      <c r="G89786" s="16">
        <v>0</v>
      </c>
    </row>
    <row r="89787" spans="1:7" x14ac:dyDescent="0.3">
      <c r="A89787" s="13" t="s">
        <v>448</v>
      </c>
      <c r="B89787" s="14" t="s">
        <v>1</v>
      </c>
      <c r="C89787" s="14" t="s">
        <v>99</v>
      </c>
      <c r="D89787" s="14" t="s">
        <v>94</v>
      </c>
      <c r="E89787" s="15">
        <v>45738</v>
      </c>
      <c r="F89787" s="14" t="s">
        <v>15</v>
      </c>
      <c r="G89787" s="16">
        <v>0</v>
      </c>
    </row>
    <row r="89788" spans="1:7" x14ac:dyDescent="0.3">
      <c r="A89788" s="13" t="s">
        <v>448</v>
      </c>
      <c r="B89788" s="14" t="s">
        <v>1</v>
      </c>
      <c r="C89788" s="14" t="s">
        <v>99</v>
      </c>
      <c r="D89788" s="14" t="s">
        <v>94</v>
      </c>
      <c r="E89788" s="15">
        <v>45739</v>
      </c>
      <c r="F89788" s="14" t="s">
        <v>15</v>
      </c>
      <c r="G89788" s="16">
        <v>0</v>
      </c>
    </row>
    <row r="89789" spans="1:7" x14ac:dyDescent="0.3">
      <c r="A89789" s="13" t="s">
        <v>448</v>
      </c>
      <c r="B89789" s="14" t="s">
        <v>1</v>
      </c>
      <c r="C89789" s="14" t="s">
        <v>99</v>
      </c>
      <c r="D89789" s="14" t="s">
        <v>94</v>
      </c>
      <c r="E89789" s="15">
        <v>45740</v>
      </c>
      <c r="F89789" s="14" t="s">
        <v>15</v>
      </c>
      <c r="G89789" s="16">
        <v>0</v>
      </c>
    </row>
    <row r="89790" spans="1:7" x14ac:dyDescent="0.3">
      <c r="A89790" s="13" t="s">
        <v>448</v>
      </c>
      <c r="B89790" s="14" t="s">
        <v>1</v>
      </c>
      <c r="C89790" s="14" t="s">
        <v>99</v>
      </c>
      <c r="D89790" s="14" t="s">
        <v>94</v>
      </c>
      <c r="E89790" s="15">
        <v>45741</v>
      </c>
      <c r="F89790" s="14" t="s">
        <v>15</v>
      </c>
      <c r="G89790" s="16">
        <v>0</v>
      </c>
    </row>
    <row r="89791" spans="1:7" x14ac:dyDescent="0.3">
      <c r="A89791" s="13" t="s">
        <v>448</v>
      </c>
      <c r="B89791" s="14" t="s">
        <v>1</v>
      </c>
      <c r="C89791" s="14" t="s">
        <v>99</v>
      </c>
      <c r="D89791" s="14" t="s">
        <v>94</v>
      </c>
      <c r="E89791" s="15">
        <v>45742</v>
      </c>
      <c r="F89791" s="14" t="s">
        <v>15</v>
      </c>
      <c r="G89791" s="16">
        <v>0</v>
      </c>
    </row>
    <row r="89792" spans="1:7" x14ac:dyDescent="0.3">
      <c r="A89792" s="13" t="s">
        <v>448</v>
      </c>
      <c r="B89792" s="14" t="s">
        <v>1</v>
      </c>
      <c r="C89792" s="14" t="s">
        <v>99</v>
      </c>
      <c r="D89792" s="14" t="s">
        <v>94</v>
      </c>
      <c r="E89792" s="15">
        <v>45743</v>
      </c>
      <c r="F89792" s="14" t="s">
        <v>15</v>
      </c>
      <c r="G89792" s="16">
        <v>0</v>
      </c>
    </row>
    <row r="89793" spans="1:7" x14ac:dyDescent="0.3">
      <c r="A89793" s="13" t="s">
        <v>448</v>
      </c>
      <c r="B89793" s="14" t="s">
        <v>1</v>
      </c>
      <c r="C89793" s="14" t="s">
        <v>99</v>
      </c>
      <c r="D89793" s="14" t="s">
        <v>94</v>
      </c>
      <c r="E89793" s="15">
        <v>45744</v>
      </c>
      <c r="F89793" s="14" t="s">
        <v>15</v>
      </c>
      <c r="G89793" s="16">
        <v>0</v>
      </c>
    </row>
    <row r="89794" spans="1:7" x14ac:dyDescent="0.3">
      <c r="A89794" s="13" t="s">
        <v>448</v>
      </c>
      <c r="B89794" s="14" t="s">
        <v>1</v>
      </c>
      <c r="C89794" s="14" t="s">
        <v>99</v>
      </c>
      <c r="D89794" s="14" t="s">
        <v>94</v>
      </c>
      <c r="E89794" s="15">
        <v>45745</v>
      </c>
      <c r="F89794" s="14" t="s">
        <v>15</v>
      </c>
      <c r="G89794" s="16">
        <v>0</v>
      </c>
    </row>
    <row r="89795" spans="1:7" x14ac:dyDescent="0.3">
      <c r="A89795" s="13" t="s">
        <v>448</v>
      </c>
      <c r="B89795" s="14" t="s">
        <v>1</v>
      </c>
      <c r="C89795" s="14" t="s">
        <v>99</v>
      </c>
      <c r="D89795" s="14" t="s">
        <v>94</v>
      </c>
      <c r="E89795" s="15">
        <v>45746</v>
      </c>
      <c r="F89795" s="14" t="s">
        <v>15</v>
      </c>
      <c r="G89795" s="16">
        <v>0</v>
      </c>
    </row>
    <row r="89796" spans="1:7" x14ac:dyDescent="0.3">
      <c r="A89796" s="13" t="s">
        <v>448</v>
      </c>
      <c r="B89796" s="14" t="s">
        <v>1</v>
      </c>
      <c r="C89796" s="14" t="s">
        <v>99</v>
      </c>
      <c r="D89796" s="14" t="s">
        <v>94</v>
      </c>
      <c r="E89796" s="15">
        <v>45747</v>
      </c>
      <c r="F89796" s="14" t="s">
        <v>15</v>
      </c>
      <c r="G89796" s="16">
        <v>0</v>
      </c>
    </row>
    <row r="89797" spans="1:7" x14ac:dyDescent="0.3">
      <c r="A89797" s="13" t="s">
        <v>449</v>
      </c>
      <c r="B89797" s="14" t="s">
        <v>1</v>
      </c>
      <c r="C89797" s="14" t="s">
        <v>47</v>
      </c>
      <c r="D89797" s="14" t="s">
        <v>450</v>
      </c>
      <c r="E89797" s="15">
        <v>45383</v>
      </c>
      <c r="F89797" s="14" t="s">
        <v>15</v>
      </c>
      <c r="G89797" s="16">
        <v>0</v>
      </c>
    </row>
    <row r="89798" spans="1:7" x14ac:dyDescent="0.3">
      <c r="A89798" s="13" t="s">
        <v>449</v>
      </c>
      <c r="B89798" s="14" t="s">
        <v>1</v>
      </c>
      <c r="C89798" s="14" t="s">
        <v>47</v>
      </c>
      <c r="D89798" s="14" t="s">
        <v>450</v>
      </c>
      <c r="E89798" s="15">
        <v>45384</v>
      </c>
      <c r="F89798" s="14" t="s">
        <v>15</v>
      </c>
      <c r="G89798" s="16">
        <v>0</v>
      </c>
    </row>
    <row r="89799" spans="1:7" x14ac:dyDescent="0.3">
      <c r="A89799" s="13" t="s">
        <v>449</v>
      </c>
      <c r="B89799" s="14" t="s">
        <v>1</v>
      </c>
      <c r="C89799" s="14" t="s">
        <v>47</v>
      </c>
      <c r="D89799" s="14" t="s">
        <v>450</v>
      </c>
      <c r="E89799" s="15">
        <v>45385</v>
      </c>
      <c r="F89799" s="14" t="s">
        <v>15</v>
      </c>
      <c r="G89799" s="16">
        <v>0</v>
      </c>
    </row>
    <row r="89800" spans="1:7" x14ac:dyDescent="0.3">
      <c r="A89800" s="13" t="s">
        <v>449</v>
      </c>
      <c r="B89800" s="14" t="s">
        <v>1</v>
      </c>
      <c r="C89800" s="14" t="s">
        <v>47</v>
      </c>
      <c r="D89800" s="14" t="s">
        <v>450</v>
      </c>
      <c r="E89800" s="15">
        <v>45386</v>
      </c>
      <c r="F89800" s="14" t="s">
        <v>15</v>
      </c>
      <c r="G89800" s="16">
        <v>0</v>
      </c>
    </row>
    <row r="89801" spans="1:7" x14ac:dyDescent="0.3">
      <c r="A89801" s="13" t="s">
        <v>449</v>
      </c>
      <c r="B89801" s="14" t="s">
        <v>1</v>
      </c>
      <c r="C89801" s="14" t="s">
        <v>47</v>
      </c>
      <c r="D89801" s="14" t="s">
        <v>450</v>
      </c>
      <c r="E89801" s="15">
        <v>45387</v>
      </c>
      <c r="F89801" s="14" t="s">
        <v>15</v>
      </c>
      <c r="G89801" s="16">
        <v>0</v>
      </c>
    </row>
    <row r="89802" spans="1:7" x14ac:dyDescent="0.3">
      <c r="A89802" s="13" t="s">
        <v>449</v>
      </c>
      <c r="B89802" s="14" t="s">
        <v>1</v>
      </c>
      <c r="C89802" s="14" t="s">
        <v>47</v>
      </c>
      <c r="D89802" s="14" t="s">
        <v>450</v>
      </c>
      <c r="E89802" s="15">
        <v>45388</v>
      </c>
      <c r="F89802" s="14" t="s">
        <v>15</v>
      </c>
      <c r="G89802" s="16">
        <v>0</v>
      </c>
    </row>
    <row r="89803" spans="1:7" x14ac:dyDescent="0.3">
      <c r="A89803" s="13" t="s">
        <v>449</v>
      </c>
      <c r="B89803" s="14" t="s">
        <v>1</v>
      </c>
      <c r="C89803" s="14" t="s">
        <v>47</v>
      </c>
      <c r="D89803" s="14" t="s">
        <v>450</v>
      </c>
      <c r="E89803" s="15">
        <v>45389</v>
      </c>
      <c r="F89803" s="14" t="s">
        <v>15</v>
      </c>
      <c r="G89803" s="16">
        <v>0</v>
      </c>
    </row>
    <row r="89804" spans="1:7" x14ac:dyDescent="0.3">
      <c r="A89804" s="13" t="s">
        <v>449</v>
      </c>
      <c r="B89804" s="14" t="s">
        <v>1</v>
      </c>
      <c r="C89804" s="14" t="s">
        <v>47</v>
      </c>
      <c r="D89804" s="14" t="s">
        <v>450</v>
      </c>
      <c r="E89804" s="15">
        <v>45390</v>
      </c>
      <c r="F89804" s="14" t="s">
        <v>15</v>
      </c>
      <c r="G89804" s="16">
        <v>0</v>
      </c>
    </row>
    <row r="89805" spans="1:7" x14ac:dyDescent="0.3">
      <c r="A89805" s="13" t="s">
        <v>449</v>
      </c>
      <c r="B89805" s="14" t="s">
        <v>1</v>
      </c>
      <c r="C89805" s="14" t="s">
        <v>47</v>
      </c>
      <c r="D89805" s="14" t="s">
        <v>450</v>
      </c>
      <c r="E89805" s="15">
        <v>45391</v>
      </c>
      <c r="F89805" s="14" t="s">
        <v>15</v>
      </c>
      <c r="G89805" s="16">
        <v>0</v>
      </c>
    </row>
    <row r="89806" spans="1:7" x14ac:dyDescent="0.3">
      <c r="A89806" s="13" t="s">
        <v>449</v>
      </c>
      <c r="B89806" s="14" t="s">
        <v>1</v>
      </c>
      <c r="C89806" s="14" t="s">
        <v>47</v>
      </c>
      <c r="D89806" s="14" t="s">
        <v>450</v>
      </c>
      <c r="E89806" s="15">
        <v>45392</v>
      </c>
      <c r="F89806" s="14" t="s">
        <v>15</v>
      </c>
      <c r="G89806" s="16">
        <v>0</v>
      </c>
    </row>
    <row r="89807" spans="1:7" x14ac:dyDescent="0.3">
      <c r="A89807" s="13" t="s">
        <v>449</v>
      </c>
      <c r="B89807" s="14" t="s">
        <v>1</v>
      </c>
      <c r="C89807" s="14" t="s">
        <v>47</v>
      </c>
      <c r="D89807" s="14" t="s">
        <v>450</v>
      </c>
      <c r="E89807" s="15">
        <v>45393</v>
      </c>
      <c r="F89807" s="14" t="s">
        <v>15</v>
      </c>
      <c r="G89807" s="16">
        <v>0</v>
      </c>
    </row>
    <row r="89808" spans="1:7" x14ac:dyDescent="0.3">
      <c r="A89808" s="13" t="s">
        <v>449</v>
      </c>
      <c r="B89808" s="14" t="s">
        <v>1</v>
      </c>
      <c r="C89808" s="14" t="s">
        <v>47</v>
      </c>
      <c r="D89808" s="14" t="s">
        <v>450</v>
      </c>
      <c r="E89808" s="15">
        <v>45394</v>
      </c>
      <c r="F89808" s="14" t="s">
        <v>15</v>
      </c>
      <c r="G89808" s="16">
        <v>0</v>
      </c>
    </row>
    <row r="89809" spans="1:7" x14ac:dyDescent="0.3">
      <c r="A89809" s="13" t="s">
        <v>449</v>
      </c>
      <c r="B89809" s="14" t="s">
        <v>1</v>
      </c>
      <c r="C89809" s="14" t="s">
        <v>47</v>
      </c>
      <c r="D89809" s="14" t="s">
        <v>450</v>
      </c>
      <c r="E89809" s="15">
        <v>45395</v>
      </c>
      <c r="F89809" s="14" t="s">
        <v>15</v>
      </c>
      <c r="G89809" s="16">
        <v>0</v>
      </c>
    </row>
    <row r="89810" spans="1:7" x14ac:dyDescent="0.3">
      <c r="A89810" s="13" t="s">
        <v>449</v>
      </c>
      <c r="B89810" s="14" t="s">
        <v>1</v>
      </c>
      <c r="C89810" s="14" t="s">
        <v>47</v>
      </c>
      <c r="D89810" s="14" t="s">
        <v>450</v>
      </c>
      <c r="E89810" s="15">
        <v>45396</v>
      </c>
      <c r="F89810" s="14" t="s">
        <v>15</v>
      </c>
      <c r="G89810" s="16">
        <v>0</v>
      </c>
    </row>
    <row r="89811" spans="1:7" x14ac:dyDescent="0.3">
      <c r="A89811" s="13" t="s">
        <v>449</v>
      </c>
      <c r="B89811" s="14" t="s">
        <v>1</v>
      </c>
      <c r="C89811" s="14" t="s">
        <v>47</v>
      </c>
      <c r="D89811" s="14" t="s">
        <v>450</v>
      </c>
      <c r="E89811" s="15">
        <v>45397</v>
      </c>
      <c r="F89811" s="14" t="s">
        <v>15</v>
      </c>
      <c r="G89811" s="16">
        <v>0</v>
      </c>
    </row>
    <row r="89812" spans="1:7" x14ac:dyDescent="0.3">
      <c r="A89812" s="13" t="s">
        <v>449</v>
      </c>
      <c r="B89812" s="14" t="s">
        <v>1</v>
      </c>
      <c r="C89812" s="14" t="s">
        <v>47</v>
      </c>
      <c r="D89812" s="14" t="s">
        <v>450</v>
      </c>
      <c r="E89812" s="15">
        <v>45398</v>
      </c>
      <c r="F89812" s="14" t="s">
        <v>15</v>
      </c>
      <c r="G89812" s="16">
        <v>0</v>
      </c>
    </row>
    <row r="89813" spans="1:7" x14ac:dyDescent="0.3">
      <c r="A89813" s="13" t="s">
        <v>449</v>
      </c>
      <c r="B89813" s="14" t="s">
        <v>1</v>
      </c>
      <c r="C89813" s="14" t="s">
        <v>47</v>
      </c>
      <c r="D89813" s="14" t="s">
        <v>450</v>
      </c>
      <c r="E89813" s="15">
        <v>45399</v>
      </c>
      <c r="F89813" s="14" t="s">
        <v>15</v>
      </c>
      <c r="G89813" s="16">
        <v>0</v>
      </c>
    </row>
    <row r="89814" spans="1:7" x14ac:dyDescent="0.3">
      <c r="A89814" s="13" t="s">
        <v>449</v>
      </c>
      <c r="B89814" s="14" t="s">
        <v>1</v>
      </c>
      <c r="C89814" s="14" t="s">
        <v>47</v>
      </c>
      <c r="D89814" s="14" t="s">
        <v>450</v>
      </c>
      <c r="E89814" s="15">
        <v>45400</v>
      </c>
      <c r="F89814" s="14" t="s">
        <v>15</v>
      </c>
      <c r="G89814" s="16">
        <v>0</v>
      </c>
    </row>
    <row r="89815" spans="1:7" x14ac:dyDescent="0.3">
      <c r="A89815" s="13" t="s">
        <v>449</v>
      </c>
      <c r="B89815" s="14" t="s">
        <v>1</v>
      </c>
      <c r="C89815" s="14" t="s">
        <v>47</v>
      </c>
      <c r="D89815" s="14" t="s">
        <v>450</v>
      </c>
      <c r="E89815" s="15">
        <v>45401</v>
      </c>
      <c r="F89815" s="14" t="s">
        <v>15</v>
      </c>
      <c r="G89815" s="16">
        <v>0</v>
      </c>
    </row>
    <row r="89816" spans="1:7" x14ac:dyDescent="0.3">
      <c r="A89816" s="13" t="s">
        <v>449</v>
      </c>
      <c r="B89816" s="14" t="s">
        <v>1</v>
      </c>
      <c r="C89816" s="14" t="s">
        <v>47</v>
      </c>
      <c r="D89816" s="14" t="s">
        <v>450</v>
      </c>
      <c r="E89816" s="15">
        <v>45402</v>
      </c>
      <c r="F89816" s="14" t="s">
        <v>15</v>
      </c>
      <c r="G89816" s="16">
        <v>0</v>
      </c>
    </row>
    <row r="89817" spans="1:7" x14ac:dyDescent="0.3">
      <c r="A89817" s="13" t="s">
        <v>449</v>
      </c>
      <c r="B89817" s="14" t="s">
        <v>1</v>
      </c>
      <c r="C89817" s="14" t="s">
        <v>47</v>
      </c>
      <c r="D89817" s="14" t="s">
        <v>450</v>
      </c>
      <c r="E89817" s="15">
        <v>45403</v>
      </c>
      <c r="F89817" s="14" t="s">
        <v>15</v>
      </c>
      <c r="G89817" s="16">
        <v>0</v>
      </c>
    </row>
    <row r="89818" spans="1:7" x14ac:dyDescent="0.3">
      <c r="A89818" s="13" t="s">
        <v>449</v>
      </c>
      <c r="B89818" s="14" t="s">
        <v>1</v>
      </c>
      <c r="C89818" s="14" t="s">
        <v>47</v>
      </c>
      <c r="D89818" s="14" t="s">
        <v>450</v>
      </c>
      <c r="E89818" s="15">
        <v>45404</v>
      </c>
      <c r="F89818" s="14" t="s">
        <v>15</v>
      </c>
      <c r="G89818" s="16">
        <v>0</v>
      </c>
    </row>
    <row r="89819" spans="1:7" x14ac:dyDescent="0.3">
      <c r="A89819" s="13" t="s">
        <v>449</v>
      </c>
      <c r="B89819" s="14" t="s">
        <v>1</v>
      </c>
      <c r="C89819" s="14" t="s">
        <v>47</v>
      </c>
      <c r="D89819" s="14" t="s">
        <v>450</v>
      </c>
      <c r="E89819" s="15">
        <v>45405</v>
      </c>
      <c r="F89819" s="14" t="s">
        <v>15</v>
      </c>
      <c r="G89819" s="16">
        <v>0</v>
      </c>
    </row>
    <row r="89820" spans="1:7" x14ac:dyDescent="0.3">
      <c r="A89820" s="13" t="s">
        <v>449</v>
      </c>
      <c r="B89820" s="14" t="s">
        <v>1</v>
      </c>
      <c r="C89820" s="14" t="s">
        <v>47</v>
      </c>
      <c r="D89820" s="14" t="s">
        <v>450</v>
      </c>
      <c r="E89820" s="15">
        <v>45406</v>
      </c>
      <c r="F89820" s="14" t="s">
        <v>15</v>
      </c>
      <c r="G89820" s="16">
        <v>0</v>
      </c>
    </row>
    <row r="89821" spans="1:7" x14ac:dyDescent="0.3">
      <c r="A89821" s="13" t="s">
        <v>449</v>
      </c>
      <c r="B89821" s="14" t="s">
        <v>1</v>
      </c>
      <c r="C89821" s="14" t="s">
        <v>47</v>
      </c>
      <c r="D89821" s="14" t="s">
        <v>450</v>
      </c>
      <c r="E89821" s="15">
        <v>45407</v>
      </c>
      <c r="F89821" s="14" t="s">
        <v>15</v>
      </c>
      <c r="G89821" s="16">
        <v>0</v>
      </c>
    </row>
    <row r="89822" spans="1:7" x14ac:dyDescent="0.3">
      <c r="A89822" s="13" t="s">
        <v>449</v>
      </c>
      <c r="B89822" s="14" t="s">
        <v>1</v>
      </c>
      <c r="C89822" s="14" t="s">
        <v>47</v>
      </c>
      <c r="D89822" s="14" t="s">
        <v>450</v>
      </c>
      <c r="E89822" s="15">
        <v>45408</v>
      </c>
      <c r="F89822" s="14" t="s">
        <v>15</v>
      </c>
      <c r="G89822" s="16">
        <v>0</v>
      </c>
    </row>
    <row r="89823" spans="1:7" x14ac:dyDescent="0.3">
      <c r="A89823" s="13" t="s">
        <v>449</v>
      </c>
      <c r="B89823" s="14" t="s">
        <v>1</v>
      </c>
      <c r="C89823" s="14" t="s">
        <v>47</v>
      </c>
      <c r="D89823" s="14" t="s">
        <v>450</v>
      </c>
      <c r="E89823" s="15">
        <v>45409</v>
      </c>
      <c r="F89823" s="14" t="s">
        <v>15</v>
      </c>
      <c r="G89823" s="16">
        <v>0</v>
      </c>
    </row>
    <row r="89824" spans="1:7" x14ac:dyDescent="0.3">
      <c r="A89824" s="13" t="s">
        <v>449</v>
      </c>
      <c r="B89824" s="14" t="s">
        <v>1</v>
      </c>
      <c r="C89824" s="14" t="s">
        <v>47</v>
      </c>
      <c r="D89824" s="14" t="s">
        <v>450</v>
      </c>
      <c r="E89824" s="15">
        <v>45410</v>
      </c>
      <c r="F89824" s="14" t="s">
        <v>15</v>
      </c>
      <c r="G89824" s="16">
        <v>0</v>
      </c>
    </row>
    <row r="89825" spans="1:7" x14ac:dyDescent="0.3">
      <c r="A89825" s="13" t="s">
        <v>449</v>
      </c>
      <c r="B89825" s="14" t="s">
        <v>1</v>
      </c>
      <c r="C89825" s="14" t="s">
        <v>47</v>
      </c>
      <c r="D89825" s="14" t="s">
        <v>450</v>
      </c>
      <c r="E89825" s="15">
        <v>45411</v>
      </c>
      <c r="F89825" s="14" t="s">
        <v>15</v>
      </c>
      <c r="G89825" s="16">
        <v>0</v>
      </c>
    </row>
    <row r="89826" spans="1:7" x14ac:dyDescent="0.3">
      <c r="A89826" s="13" t="s">
        <v>449</v>
      </c>
      <c r="B89826" s="14" t="s">
        <v>1</v>
      </c>
      <c r="C89826" s="14" t="s">
        <v>47</v>
      </c>
      <c r="D89826" s="14" t="s">
        <v>450</v>
      </c>
      <c r="E89826" s="15">
        <v>45412</v>
      </c>
      <c r="F89826" s="14" t="s">
        <v>15</v>
      </c>
      <c r="G89826" s="16">
        <v>0</v>
      </c>
    </row>
    <row r="89827" spans="1:7" x14ac:dyDescent="0.3">
      <c r="A89827" s="13" t="s">
        <v>449</v>
      </c>
      <c r="B89827" s="14" t="s">
        <v>1</v>
      </c>
      <c r="C89827" s="14" t="s">
        <v>47</v>
      </c>
      <c r="D89827" s="14" t="s">
        <v>450</v>
      </c>
      <c r="E89827" s="15">
        <v>45413</v>
      </c>
      <c r="F89827" s="14" t="s">
        <v>15</v>
      </c>
      <c r="G89827" s="16">
        <v>7.4012948382733154E-3</v>
      </c>
    </row>
    <row r="89828" spans="1:7" x14ac:dyDescent="0.3">
      <c r="A89828" s="13" t="s">
        <v>449</v>
      </c>
      <c r="B89828" s="14" t="s">
        <v>1</v>
      </c>
      <c r="C89828" s="14" t="s">
        <v>47</v>
      </c>
      <c r="D89828" s="14" t="s">
        <v>450</v>
      </c>
      <c r="E89828" s="15">
        <v>45414</v>
      </c>
      <c r="F89828" s="14" t="s">
        <v>15</v>
      </c>
      <c r="G89828" s="16">
        <v>8.2515458425082185E-3</v>
      </c>
    </row>
    <row r="89829" spans="1:7" x14ac:dyDescent="0.3">
      <c r="A89829" s="13" t="s">
        <v>449</v>
      </c>
      <c r="B89829" s="14" t="s">
        <v>1</v>
      </c>
      <c r="C89829" s="14" t="s">
        <v>47</v>
      </c>
      <c r="D89829" s="14" t="s">
        <v>450</v>
      </c>
      <c r="E89829" s="15">
        <v>45415</v>
      </c>
      <c r="F89829" s="14" t="s">
        <v>15</v>
      </c>
      <c r="G89829" s="16">
        <v>8.8643774125739851E-3</v>
      </c>
    </row>
    <row r="89830" spans="1:7" x14ac:dyDescent="0.3">
      <c r="A89830" s="13" t="s">
        <v>449</v>
      </c>
      <c r="B89830" s="14" t="s">
        <v>1</v>
      </c>
      <c r="C89830" s="14" t="s">
        <v>47</v>
      </c>
      <c r="D89830" s="14" t="s">
        <v>450</v>
      </c>
      <c r="E89830" s="15">
        <v>45416</v>
      </c>
      <c r="F89830" s="14" t="s">
        <v>15</v>
      </c>
      <c r="G89830" s="16">
        <v>8.8643774125739851E-3</v>
      </c>
    </row>
    <row r="89831" spans="1:7" x14ac:dyDescent="0.3">
      <c r="A89831" s="13" t="s">
        <v>449</v>
      </c>
      <c r="B89831" s="14" t="s">
        <v>1</v>
      </c>
      <c r="C89831" s="14" t="s">
        <v>47</v>
      </c>
      <c r="D89831" s="14" t="s">
        <v>450</v>
      </c>
      <c r="E89831" s="15">
        <v>45417</v>
      </c>
      <c r="F89831" s="14" t="s">
        <v>15</v>
      </c>
      <c r="G89831" s="16">
        <v>8.8643774125739851E-3</v>
      </c>
    </row>
    <row r="89832" spans="1:7" x14ac:dyDescent="0.3">
      <c r="A89832" s="13" t="s">
        <v>449</v>
      </c>
      <c r="B89832" s="14" t="s">
        <v>1</v>
      </c>
      <c r="C89832" s="14" t="s">
        <v>47</v>
      </c>
      <c r="D89832" s="14" t="s">
        <v>450</v>
      </c>
      <c r="E89832" s="15">
        <v>45418</v>
      </c>
      <c r="F89832" s="14" t="s">
        <v>15</v>
      </c>
      <c r="G89832" s="16">
        <v>8.8643774125739851E-3</v>
      </c>
    </row>
    <row r="89833" spans="1:7" x14ac:dyDescent="0.3">
      <c r="A89833" s="13" t="s">
        <v>449</v>
      </c>
      <c r="B89833" s="14" t="s">
        <v>1</v>
      </c>
      <c r="C89833" s="14" t="s">
        <v>47</v>
      </c>
      <c r="D89833" s="14" t="s">
        <v>450</v>
      </c>
      <c r="E89833" s="15">
        <v>45419</v>
      </c>
      <c r="F89833" s="14" t="s">
        <v>15</v>
      </c>
      <c r="G89833" s="16">
        <v>6.8964382148435418E-3</v>
      </c>
    </row>
    <row r="89834" spans="1:7" x14ac:dyDescent="0.3">
      <c r="A89834" s="13" t="s">
        <v>449</v>
      </c>
      <c r="B89834" s="14" t="s">
        <v>1</v>
      </c>
      <c r="C89834" s="14" t="s">
        <v>47</v>
      </c>
      <c r="D89834" s="14" t="s">
        <v>450</v>
      </c>
      <c r="E89834" s="15">
        <v>45420</v>
      </c>
      <c r="F89834" s="14" t="s">
        <v>15</v>
      </c>
      <c r="G89834" s="16">
        <v>0</v>
      </c>
    </row>
    <row r="89835" spans="1:7" x14ac:dyDescent="0.3">
      <c r="A89835" s="13" t="s">
        <v>449</v>
      </c>
      <c r="B89835" s="14" t="s">
        <v>1</v>
      </c>
      <c r="C89835" s="14" t="s">
        <v>47</v>
      </c>
      <c r="D89835" s="14" t="s">
        <v>450</v>
      </c>
      <c r="E89835" s="15">
        <v>45421</v>
      </c>
      <c r="F89835" s="14" t="s">
        <v>15</v>
      </c>
      <c r="G89835" s="16">
        <v>0</v>
      </c>
    </row>
    <row r="89836" spans="1:7" x14ac:dyDescent="0.3">
      <c r="A89836" s="13" t="s">
        <v>449</v>
      </c>
      <c r="B89836" s="14" t="s">
        <v>1</v>
      </c>
      <c r="C89836" s="14" t="s">
        <v>47</v>
      </c>
      <c r="D89836" s="14" t="s">
        <v>450</v>
      </c>
      <c r="E89836" s="15">
        <v>45422</v>
      </c>
      <c r="F89836" s="14" t="s">
        <v>15</v>
      </c>
      <c r="G89836" s="16">
        <v>0</v>
      </c>
    </row>
    <row r="89837" spans="1:7" x14ac:dyDescent="0.3">
      <c r="A89837" s="13" t="s">
        <v>449</v>
      </c>
      <c r="B89837" s="14" t="s">
        <v>1</v>
      </c>
      <c r="C89837" s="14" t="s">
        <v>47</v>
      </c>
      <c r="D89837" s="14" t="s">
        <v>450</v>
      </c>
      <c r="E89837" s="15">
        <v>45423</v>
      </c>
      <c r="F89837" s="14" t="s">
        <v>15</v>
      </c>
      <c r="G89837" s="16">
        <v>0</v>
      </c>
    </row>
    <row r="89838" spans="1:7" x14ac:dyDescent="0.3">
      <c r="A89838" s="13" t="s">
        <v>449</v>
      </c>
      <c r="B89838" s="14" t="s">
        <v>1</v>
      </c>
      <c r="C89838" s="14" t="s">
        <v>47</v>
      </c>
      <c r="D89838" s="14" t="s">
        <v>450</v>
      </c>
      <c r="E89838" s="15">
        <v>45424</v>
      </c>
      <c r="F89838" s="14" t="s">
        <v>15</v>
      </c>
      <c r="G89838" s="16">
        <v>0</v>
      </c>
    </row>
    <row r="89839" spans="1:7" x14ac:dyDescent="0.3">
      <c r="A89839" s="13" t="s">
        <v>449</v>
      </c>
      <c r="B89839" s="14" t="s">
        <v>1</v>
      </c>
      <c r="C89839" s="14" t="s">
        <v>47</v>
      </c>
      <c r="D89839" s="14" t="s">
        <v>450</v>
      </c>
      <c r="E89839" s="15">
        <v>45425</v>
      </c>
      <c r="F89839" s="14" t="s">
        <v>15</v>
      </c>
      <c r="G89839" s="16">
        <v>0</v>
      </c>
    </row>
    <row r="89840" spans="1:7" x14ac:dyDescent="0.3">
      <c r="A89840" s="13" t="s">
        <v>449</v>
      </c>
      <c r="B89840" s="14" t="s">
        <v>1</v>
      </c>
      <c r="C89840" s="14" t="s">
        <v>47</v>
      </c>
      <c r="D89840" s="14" t="s">
        <v>450</v>
      </c>
      <c r="E89840" s="15">
        <v>45426</v>
      </c>
      <c r="F89840" s="14" t="s">
        <v>15</v>
      </c>
      <c r="G89840" s="16">
        <v>0</v>
      </c>
    </row>
    <row r="89841" spans="1:7" x14ac:dyDescent="0.3">
      <c r="A89841" s="13" t="s">
        <v>449</v>
      </c>
      <c r="B89841" s="14" t="s">
        <v>1</v>
      </c>
      <c r="C89841" s="14" t="s">
        <v>47</v>
      </c>
      <c r="D89841" s="14" t="s">
        <v>450</v>
      </c>
      <c r="E89841" s="15">
        <v>45427</v>
      </c>
      <c r="F89841" s="14" t="s">
        <v>15</v>
      </c>
      <c r="G89841" s="16">
        <v>0</v>
      </c>
    </row>
    <row r="89842" spans="1:7" x14ac:dyDescent="0.3">
      <c r="A89842" s="13" t="s">
        <v>449</v>
      </c>
      <c r="B89842" s="14" t="s">
        <v>1</v>
      </c>
      <c r="C89842" s="14" t="s">
        <v>47</v>
      </c>
      <c r="D89842" s="14" t="s">
        <v>450</v>
      </c>
      <c r="E89842" s="15">
        <v>45428</v>
      </c>
      <c r="F89842" s="14" t="s">
        <v>15</v>
      </c>
      <c r="G89842" s="16">
        <v>0</v>
      </c>
    </row>
    <row r="89843" spans="1:7" x14ac:dyDescent="0.3">
      <c r="A89843" s="13" t="s">
        <v>449</v>
      </c>
      <c r="B89843" s="14" t="s">
        <v>1</v>
      </c>
      <c r="C89843" s="14" t="s">
        <v>47</v>
      </c>
      <c r="D89843" s="14" t="s">
        <v>450</v>
      </c>
      <c r="E89843" s="15">
        <v>45429</v>
      </c>
      <c r="F89843" s="14" t="s">
        <v>15</v>
      </c>
      <c r="G89843" s="16">
        <v>1.202249997259219E-2</v>
      </c>
    </row>
    <row r="89844" spans="1:7" x14ac:dyDescent="0.3">
      <c r="A89844" s="13" t="s">
        <v>449</v>
      </c>
      <c r="B89844" s="14" t="s">
        <v>1</v>
      </c>
      <c r="C89844" s="14" t="s">
        <v>47</v>
      </c>
      <c r="D89844" s="14" t="s">
        <v>450</v>
      </c>
      <c r="E89844" s="15">
        <v>45430</v>
      </c>
      <c r="F89844" s="14" t="s">
        <v>15</v>
      </c>
      <c r="G89844" s="16">
        <v>1.202249997259219E-2</v>
      </c>
    </row>
    <row r="89845" spans="1:7" x14ac:dyDescent="0.3">
      <c r="A89845" s="13" t="s">
        <v>449</v>
      </c>
      <c r="B89845" s="14" t="s">
        <v>1</v>
      </c>
      <c r="C89845" s="14" t="s">
        <v>47</v>
      </c>
      <c r="D89845" s="14" t="s">
        <v>450</v>
      </c>
      <c r="E89845" s="15">
        <v>45431</v>
      </c>
      <c r="F89845" s="14" t="s">
        <v>15</v>
      </c>
      <c r="G89845" s="16">
        <v>1.202249997259219E-2</v>
      </c>
    </row>
    <row r="89846" spans="1:7" x14ac:dyDescent="0.3">
      <c r="A89846" s="13" t="s">
        <v>449</v>
      </c>
      <c r="B89846" s="14" t="s">
        <v>1</v>
      </c>
      <c r="C89846" s="14" t="s">
        <v>47</v>
      </c>
      <c r="D89846" s="14" t="s">
        <v>450</v>
      </c>
      <c r="E89846" s="15">
        <v>45432</v>
      </c>
      <c r="F89846" s="14" t="s">
        <v>15</v>
      </c>
      <c r="G89846" s="16">
        <v>9.9292176044423093E-3</v>
      </c>
    </row>
    <row r="89847" spans="1:7" x14ac:dyDescent="0.3">
      <c r="A89847" s="13" t="s">
        <v>449</v>
      </c>
      <c r="B89847" s="14" t="s">
        <v>1</v>
      </c>
      <c r="C89847" s="14" t="s">
        <v>47</v>
      </c>
      <c r="D89847" s="14" t="s">
        <v>450</v>
      </c>
      <c r="E89847" s="15">
        <v>45433</v>
      </c>
      <c r="F89847" s="14" t="s">
        <v>15</v>
      </c>
      <c r="G89847" s="16">
        <v>1.6888788008719579E-2</v>
      </c>
    </row>
    <row r="89848" spans="1:7" x14ac:dyDescent="0.3">
      <c r="A89848" s="13" t="s">
        <v>449</v>
      </c>
      <c r="B89848" s="14" t="s">
        <v>1</v>
      </c>
      <c r="C89848" s="14" t="s">
        <v>47</v>
      </c>
      <c r="D89848" s="14" t="s">
        <v>450</v>
      </c>
      <c r="E89848" s="15">
        <v>45434</v>
      </c>
      <c r="F89848" s="14" t="s">
        <v>15</v>
      </c>
      <c r="G89848" s="16">
        <v>6.6848237234439431E-2</v>
      </c>
    </row>
    <row r="89849" spans="1:7" x14ac:dyDescent="0.3">
      <c r="A89849" s="13" t="s">
        <v>449</v>
      </c>
      <c r="B89849" s="14" t="s">
        <v>1</v>
      </c>
      <c r="C89849" s="14" t="s">
        <v>47</v>
      </c>
      <c r="D89849" s="14" t="s">
        <v>450</v>
      </c>
      <c r="E89849" s="15">
        <v>45435</v>
      </c>
      <c r="F89849" s="14" t="s">
        <v>15</v>
      </c>
      <c r="G89849" s="16">
        <v>6.4757405843640592E-2</v>
      </c>
    </row>
    <row r="89850" spans="1:7" x14ac:dyDescent="0.3">
      <c r="A89850" s="13" t="s">
        <v>449</v>
      </c>
      <c r="B89850" s="14" t="s">
        <v>1</v>
      </c>
      <c r="C89850" s="14" t="s">
        <v>47</v>
      </c>
      <c r="D89850" s="14" t="s">
        <v>450</v>
      </c>
      <c r="E89850" s="15">
        <v>45436</v>
      </c>
      <c r="F89850" s="14" t="s">
        <v>15</v>
      </c>
      <c r="G89850" s="16">
        <v>6.2647936490033904E-2</v>
      </c>
    </row>
    <row r="89851" spans="1:7" x14ac:dyDescent="0.3">
      <c r="A89851" s="13" t="s">
        <v>449</v>
      </c>
      <c r="B89851" s="14" t="s">
        <v>1</v>
      </c>
      <c r="C89851" s="14" t="s">
        <v>47</v>
      </c>
      <c r="D89851" s="14" t="s">
        <v>450</v>
      </c>
      <c r="E89851" s="15">
        <v>45437</v>
      </c>
      <c r="F89851" s="14" t="s">
        <v>15</v>
      </c>
      <c r="G89851" s="16">
        <v>6.2647936490033904E-2</v>
      </c>
    </row>
    <row r="89852" spans="1:7" x14ac:dyDescent="0.3">
      <c r="A89852" s="13" t="s">
        <v>449</v>
      </c>
      <c r="B89852" s="14" t="s">
        <v>1</v>
      </c>
      <c r="C89852" s="14" t="s">
        <v>47</v>
      </c>
      <c r="D89852" s="14" t="s">
        <v>450</v>
      </c>
      <c r="E89852" s="15">
        <v>45438</v>
      </c>
      <c r="F89852" s="14" t="s">
        <v>15</v>
      </c>
      <c r="G89852" s="16">
        <v>6.2647936490033904E-2</v>
      </c>
    </row>
    <row r="89853" spans="1:7" x14ac:dyDescent="0.3">
      <c r="A89853" s="13" t="s">
        <v>449</v>
      </c>
      <c r="B89853" s="14" t="s">
        <v>1</v>
      </c>
      <c r="C89853" s="14" t="s">
        <v>47</v>
      </c>
      <c r="D89853" s="14" t="s">
        <v>450</v>
      </c>
      <c r="E89853" s="15">
        <v>45439</v>
      </c>
      <c r="F89853" s="14" t="s">
        <v>15</v>
      </c>
      <c r="G89853" s="16">
        <v>6.2647936490033904E-2</v>
      </c>
    </row>
    <row r="89854" spans="1:7" x14ac:dyDescent="0.3">
      <c r="A89854" s="13" t="s">
        <v>449</v>
      </c>
      <c r="B89854" s="14" t="s">
        <v>1</v>
      </c>
      <c r="C89854" s="14" t="s">
        <v>47</v>
      </c>
      <c r="D89854" s="14" t="s">
        <v>450</v>
      </c>
      <c r="E89854" s="15">
        <v>45440</v>
      </c>
      <c r="F89854" s="14" t="s">
        <v>15</v>
      </c>
      <c r="G89854" s="16">
        <v>6.0533755291897161E-2</v>
      </c>
    </row>
    <row r="89855" spans="1:7" x14ac:dyDescent="0.3">
      <c r="A89855" s="13" t="s">
        <v>449</v>
      </c>
      <c r="B89855" s="14" t="s">
        <v>1</v>
      </c>
      <c r="C89855" s="14" t="s">
        <v>47</v>
      </c>
      <c r="D89855" s="14" t="s">
        <v>450</v>
      </c>
      <c r="E89855" s="15">
        <v>45441</v>
      </c>
      <c r="F89855" s="14" t="s">
        <v>15</v>
      </c>
      <c r="G89855" s="16">
        <v>0.10746066137806261</v>
      </c>
    </row>
    <row r="89856" spans="1:7" x14ac:dyDescent="0.3">
      <c r="A89856" s="13" t="s">
        <v>449</v>
      </c>
      <c r="B89856" s="14" t="s">
        <v>1</v>
      </c>
      <c r="C89856" s="14" t="s">
        <v>47</v>
      </c>
      <c r="D89856" s="14" t="s">
        <v>450</v>
      </c>
      <c r="E89856" s="15">
        <v>45442</v>
      </c>
      <c r="F89856" s="14" t="s">
        <v>15</v>
      </c>
      <c r="G89856" s="16">
        <v>0.12504586449890728</v>
      </c>
    </row>
    <row r="89857" spans="1:7" x14ac:dyDescent="0.3">
      <c r="A89857" s="13" t="s">
        <v>449</v>
      </c>
      <c r="B89857" s="14" t="s">
        <v>1</v>
      </c>
      <c r="C89857" s="14" t="s">
        <v>47</v>
      </c>
      <c r="D89857" s="14" t="s">
        <v>450</v>
      </c>
      <c r="E89857" s="15">
        <v>45443</v>
      </c>
      <c r="F89857" s="14" t="s">
        <v>15</v>
      </c>
      <c r="G89857" s="16">
        <v>0.12294592354201697</v>
      </c>
    </row>
    <row r="89858" spans="1:7" x14ac:dyDescent="0.3">
      <c r="A89858" s="13" t="s">
        <v>449</v>
      </c>
      <c r="B89858" s="14" t="s">
        <v>1</v>
      </c>
      <c r="C89858" s="14" t="s">
        <v>47</v>
      </c>
      <c r="D89858" s="14" t="s">
        <v>450</v>
      </c>
      <c r="E89858" s="15">
        <v>45444</v>
      </c>
      <c r="F89858" s="14" t="s">
        <v>15</v>
      </c>
      <c r="G89858" s="16">
        <v>0.12294592354201697</v>
      </c>
    </row>
    <row r="89859" spans="1:7" x14ac:dyDescent="0.3">
      <c r="A89859" s="13" t="s">
        <v>449</v>
      </c>
      <c r="B89859" s="14" t="s">
        <v>1</v>
      </c>
      <c r="C89859" s="14" t="s">
        <v>47</v>
      </c>
      <c r="D89859" s="14" t="s">
        <v>450</v>
      </c>
      <c r="E89859" s="15">
        <v>45445</v>
      </c>
      <c r="F89859" s="14" t="s">
        <v>15</v>
      </c>
      <c r="G89859" s="16">
        <v>0.12294592354201697</v>
      </c>
    </row>
    <row r="89860" spans="1:7" x14ac:dyDescent="0.3">
      <c r="A89860" s="13" t="s">
        <v>449</v>
      </c>
      <c r="B89860" s="14" t="s">
        <v>1</v>
      </c>
      <c r="C89860" s="14" t="s">
        <v>47</v>
      </c>
      <c r="D89860" s="14" t="s">
        <v>450</v>
      </c>
      <c r="E89860" s="15">
        <v>45446</v>
      </c>
      <c r="F89860" s="14" t="s">
        <v>15</v>
      </c>
      <c r="G89860" s="16">
        <v>0.12294592354201697</v>
      </c>
    </row>
    <row r="89861" spans="1:7" x14ac:dyDescent="0.3">
      <c r="A89861" s="13" t="s">
        <v>449</v>
      </c>
      <c r="B89861" s="14" t="s">
        <v>1</v>
      </c>
      <c r="C89861" s="14" t="s">
        <v>47</v>
      </c>
      <c r="D89861" s="14" t="s">
        <v>450</v>
      </c>
      <c r="E89861" s="15">
        <v>45447</v>
      </c>
      <c r="F89861" s="14" t="s">
        <v>15</v>
      </c>
      <c r="G89861" s="16">
        <v>0.14932238147941379</v>
      </c>
    </row>
    <row r="89862" spans="1:7" x14ac:dyDescent="0.3">
      <c r="A89862" s="13" t="s">
        <v>449</v>
      </c>
      <c r="B89862" s="14" t="s">
        <v>1</v>
      </c>
      <c r="C89862" s="14" t="s">
        <v>47</v>
      </c>
      <c r="D89862" s="14" t="s">
        <v>450</v>
      </c>
      <c r="E89862" s="15">
        <v>45448</v>
      </c>
      <c r="F89862" s="14" t="s">
        <v>15</v>
      </c>
      <c r="G89862" s="16">
        <v>0.16959563955083645</v>
      </c>
    </row>
    <row r="89863" spans="1:7" x14ac:dyDescent="0.3">
      <c r="A89863" s="13" t="s">
        <v>449</v>
      </c>
      <c r="B89863" s="14" t="s">
        <v>1</v>
      </c>
      <c r="C89863" s="14" t="s">
        <v>47</v>
      </c>
      <c r="D89863" s="14" t="s">
        <v>450</v>
      </c>
      <c r="E89863" s="15">
        <v>45449</v>
      </c>
      <c r="F89863" s="14" t="s">
        <v>15</v>
      </c>
      <c r="G89863" s="16">
        <v>0.16751737307878448</v>
      </c>
    </row>
    <row r="89864" spans="1:7" x14ac:dyDescent="0.3">
      <c r="A89864" s="13" t="s">
        <v>449</v>
      </c>
      <c r="B89864" s="14" t="s">
        <v>1</v>
      </c>
      <c r="C89864" s="14" t="s">
        <v>47</v>
      </c>
      <c r="D89864" s="14" t="s">
        <v>450</v>
      </c>
      <c r="E89864" s="15">
        <v>45450</v>
      </c>
      <c r="F89864" s="14" t="s">
        <v>15</v>
      </c>
      <c r="G89864" s="16">
        <v>0.16539586234471204</v>
      </c>
    </row>
    <row r="89865" spans="1:7" x14ac:dyDescent="0.3">
      <c r="A89865" s="13" t="s">
        <v>449</v>
      </c>
      <c r="B89865" s="14" t="s">
        <v>1</v>
      </c>
      <c r="C89865" s="14" t="s">
        <v>47</v>
      </c>
      <c r="D89865" s="14" t="s">
        <v>450</v>
      </c>
      <c r="E89865" s="15">
        <v>45451</v>
      </c>
      <c r="F89865" s="14" t="s">
        <v>15</v>
      </c>
      <c r="G89865" s="16">
        <v>0.16539586234471204</v>
      </c>
    </row>
    <row r="89866" spans="1:7" x14ac:dyDescent="0.3">
      <c r="A89866" s="13" t="s">
        <v>449</v>
      </c>
      <c r="B89866" s="14" t="s">
        <v>1</v>
      </c>
      <c r="C89866" s="14" t="s">
        <v>47</v>
      </c>
      <c r="D89866" s="14" t="s">
        <v>450</v>
      </c>
      <c r="E89866" s="15">
        <v>45452</v>
      </c>
      <c r="F89866" s="14" t="s">
        <v>15</v>
      </c>
      <c r="G89866" s="16">
        <v>0.16539586234471204</v>
      </c>
    </row>
    <row r="89867" spans="1:7" x14ac:dyDescent="0.3">
      <c r="A89867" s="13" t="s">
        <v>449</v>
      </c>
      <c r="B89867" s="14" t="s">
        <v>1</v>
      </c>
      <c r="C89867" s="14" t="s">
        <v>47</v>
      </c>
      <c r="D89867" s="14" t="s">
        <v>450</v>
      </c>
      <c r="E89867" s="15">
        <v>45453</v>
      </c>
      <c r="F89867" s="14" t="s">
        <v>15</v>
      </c>
      <c r="G89867" s="16">
        <v>0.16328594086863321</v>
      </c>
    </row>
    <row r="89868" spans="1:7" x14ac:dyDescent="0.3">
      <c r="A89868" s="13" t="s">
        <v>449</v>
      </c>
      <c r="B89868" s="14" t="s">
        <v>1</v>
      </c>
      <c r="C89868" s="14" t="s">
        <v>47</v>
      </c>
      <c r="D89868" s="14" t="s">
        <v>450</v>
      </c>
      <c r="E89868" s="15">
        <v>45454</v>
      </c>
      <c r="F89868" s="14" t="s">
        <v>15</v>
      </c>
      <c r="G89868" s="16">
        <v>0.15697736398027071</v>
      </c>
    </row>
    <row r="89869" spans="1:7" x14ac:dyDescent="0.3">
      <c r="A89869" s="13" t="s">
        <v>449</v>
      </c>
      <c r="B89869" s="14" t="s">
        <v>1</v>
      </c>
      <c r="C89869" s="14" t="s">
        <v>47</v>
      </c>
      <c r="D89869" s="14" t="s">
        <v>450</v>
      </c>
      <c r="E89869" s="15">
        <v>45455</v>
      </c>
      <c r="F89869" s="14" t="s">
        <v>15</v>
      </c>
      <c r="G89869" s="16">
        <v>0.15487316866639073</v>
      </c>
    </row>
    <row r="89870" spans="1:7" x14ac:dyDescent="0.3">
      <c r="A89870" s="13" t="s">
        <v>449</v>
      </c>
      <c r="B89870" s="14" t="s">
        <v>1</v>
      </c>
      <c r="C89870" s="14" t="s">
        <v>47</v>
      </c>
      <c r="D89870" s="14" t="s">
        <v>450</v>
      </c>
      <c r="E89870" s="15">
        <v>45456</v>
      </c>
      <c r="F89870" s="14" t="s">
        <v>15</v>
      </c>
      <c r="G89870" s="16">
        <v>0.18489740904983004</v>
      </c>
    </row>
    <row r="89871" spans="1:7" x14ac:dyDescent="0.3">
      <c r="A89871" s="13" t="s">
        <v>449</v>
      </c>
      <c r="B89871" s="14" t="s">
        <v>1</v>
      </c>
      <c r="C89871" s="14" t="s">
        <v>47</v>
      </c>
      <c r="D89871" s="14" t="s">
        <v>450</v>
      </c>
      <c r="E89871" s="15">
        <v>45457</v>
      </c>
      <c r="F89871" s="14" t="s">
        <v>15</v>
      </c>
      <c r="G89871" s="16">
        <v>0.18923970593140307</v>
      </c>
    </row>
    <row r="89872" spans="1:7" x14ac:dyDescent="0.3">
      <c r="A89872" s="13" t="s">
        <v>449</v>
      </c>
      <c r="B89872" s="14" t="s">
        <v>1</v>
      </c>
      <c r="C89872" s="14" t="s">
        <v>47</v>
      </c>
      <c r="D89872" s="14" t="s">
        <v>450</v>
      </c>
      <c r="E89872" s="15">
        <v>45458</v>
      </c>
      <c r="F89872" s="14" t="s">
        <v>15</v>
      </c>
      <c r="G89872" s="16">
        <v>0.18923970593140307</v>
      </c>
    </row>
    <row r="89873" spans="1:7" x14ac:dyDescent="0.3">
      <c r="A89873" s="13" t="s">
        <v>449</v>
      </c>
      <c r="B89873" s="14" t="s">
        <v>1</v>
      </c>
      <c r="C89873" s="14" t="s">
        <v>47</v>
      </c>
      <c r="D89873" s="14" t="s">
        <v>450</v>
      </c>
      <c r="E89873" s="15">
        <v>45459</v>
      </c>
      <c r="F89873" s="14" t="s">
        <v>15</v>
      </c>
      <c r="G89873" s="16">
        <v>0.18923970593140307</v>
      </c>
    </row>
    <row r="89874" spans="1:7" x14ac:dyDescent="0.3">
      <c r="A89874" s="13" t="s">
        <v>449</v>
      </c>
      <c r="B89874" s="14" t="s">
        <v>1</v>
      </c>
      <c r="C89874" s="14" t="s">
        <v>47</v>
      </c>
      <c r="D89874" s="14" t="s">
        <v>450</v>
      </c>
      <c r="E89874" s="15">
        <v>45460</v>
      </c>
      <c r="F89874" s="14" t="s">
        <v>15</v>
      </c>
      <c r="G89874" s="16">
        <v>0.18825561156764187</v>
      </c>
    </row>
    <row r="89875" spans="1:7" x14ac:dyDescent="0.3">
      <c r="A89875" s="13" t="s">
        <v>449</v>
      </c>
      <c r="B89875" s="14" t="s">
        <v>1</v>
      </c>
      <c r="C89875" s="14" t="s">
        <v>47</v>
      </c>
      <c r="D89875" s="14" t="s">
        <v>450</v>
      </c>
      <c r="E89875" s="15">
        <v>45461</v>
      </c>
      <c r="F89875" s="14" t="s">
        <v>15</v>
      </c>
      <c r="G89875" s="16">
        <v>0.18968530665077576</v>
      </c>
    </row>
    <row r="89876" spans="1:7" x14ac:dyDescent="0.3">
      <c r="A89876" s="13" t="s">
        <v>449</v>
      </c>
      <c r="B89876" s="14" t="s">
        <v>1</v>
      </c>
      <c r="C89876" s="14" t="s">
        <v>47</v>
      </c>
      <c r="D89876" s="14" t="s">
        <v>450</v>
      </c>
      <c r="E89876" s="15">
        <v>45462</v>
      </c>
      <c r="F89876" s="14" t="s">
        <v>15</v>
      </c>
      <c r="G89876" s="16">
        <v>0.18968530665077576</v>
      </c>
    </row>
    <row r="89877" spans="1:7" x14ac:dyDescent="0.3">
      <c r="A89877" s="13" t="s">
        <v>449</v>
      </c>
      <c r="B89877" s="14" t="s">
        <v>1</v>
      </c>
      <c r="C89877" s="14" t="s">
        <v>47</v>
      </c>
      <c r="D89877" s="14" t="s">
        <v>450</v>
      </c>
      <c r="E89877" s="15">
        <v>45463</v>
      </c>
      <c r="F89877" s="14" t="s">
        <v>15</v>
      </c>
      <c r="G89877" s="16">
        <v>0.22775257808273899</v>
      </c>
    </row>
    <row r="89878" spans="1:7" x14ac:dyDescent="0.3">
      <c r="A89878" s="13" t="s">
        <v>449</v>
      </c>
      <c r="B89878" s="14" t="s">
        <v>1</v>
      </c>
      <c r="C89878" s="14" t="s">
        <v>47</v>
      </c>
      <c r="D89878" s="14" t="s">
        <v>450</v>
      </c>
      <c r="E89878" s="15">
        <v>45464</v>
      </c>
      <c r="F89878" s="14" t="s">
        <v>15</v>
      </c>
      <c r="G89878" s="16">
        <v>0.22352970275528589</v>
      </c>
    </row>
    <row r="89879" spans="1:7" x14ac:dyDescent="0.3">
      <c r="A89879" s="13" t="s">
        <v>449</v>
      </c>
      <c r="B89879" s="14" t="s">
        <v>1</v>
      </c>
      <c r="C89879" s="14" t="s">
        <v>47</v>
      </c>
      <c r="D89879" s="14" t="s">
        <v>450</v>
      </c>
      <c r="E89879" s="15">
        <v>45465</v>
      </c>
      <c r="F89879" s="14" t="s">
        <v>15</v>
      </c>
      <c r="G89879" s="16">
        <v>0.22352970275528589</v>
      </c>
    </row>
    <row r="89880" spans="1:7" x14ac:dyDescent="0.3">
      <c r="A89880" s="13" t="s">
        <v>449</v>
      </c>
      <c r="B89880" s="14" t="s">
        <v>1</v>
      </c>
      <c r="C89880" s="14" t="s">
        <v>47</v>
      </c>
      <c r="D89880" s="14" t="s">
        <v>450</v>
      </c>
      <c r="E89880" s="15">
        <v>45466</v>
      </c>
      <c r="F89880" s="14" t="s">
        <v>15</v>
      </c>
      <c r="G89880" s="16">
        <v>0.22352970275528589</v>
      </c>
    </row>
    <row r="89881" spans="1:7" x14ac:dyDescent="0.3">
      <c r="A89881" s="13" t="s">
        <v>449</v>
      </c>
      <c r="B89881" s="14" t="s">
        <v>1</v>
      </c>
      <c r="C89881" s="14" t="s">
        <v>47</v>
      </c>
      <c r="D89881" s="14" t="s">
        <v>450</v>
      </c>
      <c r="E89881" s="15">
        <v>45467</v>
      </c>
      <c r="F89881" s="14" t="s">
        <v>15</v>
      </c>
      <c r="G89881" s="16">
        <v>0.22451996790967874</v>
      </c>
    </row>
    <row r="89882" spans="1:7" x14ac:dyDescent="0.3">
      <c r="A89882" s="13" t="s">
        <v>449</v>
      </c>
      <c r="B89882" s="14" t="s">
        <v>1</v>
      </c>
      <c r="C89882" s="14" t="s">
        <v>47</v>
      </c>
      <c r="D89882" s="14" t="s">
        <v>450</v>
      </c>
      <c r="E89882" s="15">
        <v>45468</v>
      </c>
      <c r="F89882" s="14" t="s">
        <v>15</v>
      </c>
      <c r="G89882" s="16">
        <v>0.22145420150655545</v>
      </c>
    </row>
    <row r="89883" spans="1:7" x14ac:dyDescent="0.3">
      <c r="A89883" s="13" t="s">
        <v>449</v>
      </c>
      <c r="B89883" s="14" t="s">
        <v>1</v>
      </c>
      <c r="C89883" s="14" t="s">
        <v>47</v>
      </c>
      <c r="D89883" s="14" t="s">
        <v>450</v>
      </c>
      <c r="E89883" s="15">
        <v>45469</v>
      </c>
      <c r="F89883" s="14" t="s">
        <v>15</v>
      </c>
      <c r="G89883" s="16">
        <v>0.21941023693580408</v>
      </c>
    </row>
    <row r="89884" spans="1:7" x14ac:dyDescent="0.3">
      <c r="A89884" s="13" t="s">
        <v>449</v>
      </c>
      <c r="B89884" s="14" t="s">
        <v>1</v>
      </c>
      <c r="C89884" s="14" t="s">
        <v>47</v>
      </c>
      <c r="D89884" s="14" t="s">
        <v>450</v>
      </c>
      <c r="E89884" s="15">
        <v>45470</v>
      </c>
      <c r="F89884" s="14" t="s">
        <v>15</v>
      </c>
      <c r="G89884" s="16">
        <v>0.21737115020692577</v>
      </c>
    </row>
    <row r="89885" spans="1:7" x14ac:dyDescent="0.3">
      <c r="A89885" s="13" t="s">
        <v>449</v>
      </c>
      <c r="B89885" s="14" t="s">
        <v>1</v>
      </c>
      <c r="C89885" s="14" t="s">
        <v>47</v>
      </c>
      <c r="D89885" s="14" t="s">
        <v>450</v>
      </c>
      <c r="E89885" s="15">
        <v>45471</v>
      </c>
      <c r="F89885" s="14" t="s">
        <v>15</v>
      </c>
      <c r="G89885" s="16">
        <v>0.21533609299959483</v>
      </c>
    </row>
    <row r="89886" spans="1:7" x14ac:dyDescent="0.3">
      <c r="A89886" s="13" t="s">
        <v>449</v>
      </c>
      <c r="B89886" s="14" t="s">
        <v>1</v>
      </c>
      <c r="C89886" s="14" t="s">
        <v>47</v>
      </c>
      <c r="D89886" s="14" t="s">
        <v>450</v>
      </c>
      <c r="E89886" s="15">
        <v>45472</v>
      </c>
      <c r="F89886" s="14" t="s">
        <v>15</v>
      </c>
      <c r="G89886" s="16">
        <v>0.21533609299959483</v>
      </c>
    </row>
    <row r="89887" spans="1:7" x14ac:dyDescent="0.3">
      <c r="A89887" s="13" t="s">
        <v>449</v>
      </c>
      <c r="B89887" s="14" t="s">
        <v>1</v>
      </c>
      <c r="C89887" s="14" t="s">
        <v>47</v>
      </c>
      <c r="D89887" s="14" t="s">
        <v>450</v>
      </c>
      <c r="E89887" s="15">
        <v>45473</v>
      </c>
      <c r="F89887" s="14" t="s">
        <v>15</v>
      </c>
      <c r="G89887" s="16">
        <v>0.21533609299959483</v>
      </c>
    </row>
    <row r="89888" spans="1:7" x14ac:dyDescent="0.3">
      <c r="A89888" s="13" t="s">
        <v>449</v>
      </c>
      <c r="B89888" s="14" t="s">
        <v>1</v>
      </c>
      <c r="C89888" s="14" t="s">
        <v>47</v>
      </c>
      <c r="D89888" s="14" t="s">
        <v>450</v>
      </c>
      <c r="E89888" s="15">
        <v>45474</v>
      </c>
      <c r="F89888" s="14" t="s">
        <v>15</v>
      </c>
      <c r="G89888" s="16">
        <v>0.22259968696294591</v>
      </c>
    </row>
    <row r="89889" spans="1:7" x14ac:dyDescent="0.3">
      <c r="A89889" s="13" t="s">
        <v>449</v>
      </c>
      <c r="B89889" s="14" t="s">
        <v>1</v>
      </c>
      <c r="C89889" s="14" t="s">
        <v>47</v>
      </c>
      <c r="D89889" s="14" t="s">
        <v>450</v>
      </c>
      <c r="E89889" s="15">
        <v>45475</v>
      </c>
      <c r="F89889" s="14" t="s">
        <v>15</v>
      </c>
      <c r="G89889" s="16">
        <v>0.21778447196803438</v>
      </c>
    </row>
    <row r="89890" spans="1:7" x14ac:dyDescent="0.3">
      <c r="A89890" s="13" t="s">
        <v>449</v>
      </c>
      <c r="B89890" s="14" t="s">
        <v>1</v>
      </c>
      <c r="C89890" s="14" t="s">
        <v>47</v>
      </c>
      <c r="D89890" s="14" t="s">
        <v>450</v>
      </c>
      <c r="E89890" s="15">
        <v>45476</v>
      </c>
      <c r="F89890" s="14" t="s">
        <v>15</v>
      </c>
      <c r="G89890" s="16">
        <v>0.22709272999653646</v>
      </c>
    </row>
    <row r="89891" spans="1:7" x14ac:dyDescent="0.3">
      <c r="A89891" s="13" t="s">
        <v>449</v>
      </c>
      <c r="B89891" s="14" t="s">
        <v>1</v>
      </c>
      <c r="C89891" s="14" t="s">
        <v>47</v>
      </c>
      <c r="D89891" s="14" t="s">
        <v>450</v>
      </c>
      <c r="E89891" s="15">
        <v>45477</v>
      </c>
      <c r="F89891" s="14" t="s">
        <v>15</v>
      </c>
      <c r="G89891" s="16">
        <v>0.22709272999653646</v>
      </c>
    </row>
    <row r="89892" spans="1:7" x14ac:dyDescent="0.3">
      <c r="A89892" s="13" t="s">
        <v>449</v>
      </c>
      <c r="B89892" s="14" t="s">
        <v>1</v>
      </c>
      <c r="C89892" s="14" t="s">
        <v>47</v>
      </c>
      <c r="D89892" s="14" t="s">
        <v>450</v>
      </c>
      <c r="E89892" s="15">
        <v>45478</v>
      </c>
      <c r="F89892" s="14" t="s">
        <v>15</v>
      </c>
      <c r="G89892" s="16">
        <v>0.22505682446887973</v>
      </c>
    </row>
    <row r="89893" spans="1:7" x14ac:dyDescent="0.3">
      <c r="A89893" s="13" t="s">
        <v>449</v>
      </c>
      <c r="B89893" s="14" t="s">
        <v>1</v>
      </c>
      <c r="C89893" s="14" t="s">
        <v>47</v>
      </c>
      <c r="D89893" s="14" t="s">
        <v>450</v>
      </c>
      <c r="E89893" s="15">
        <v>45479</v>
      </c>
      <c r="F89893" s="14" t="s">
        <v>15</v>
      </c>
      <c r="G89893" s="16">
        <v>0.22505682446887973</v>
      </c>
    </row>
    <row r="89894" spans="1:7" x14ac:dyDescent="0.3">
      <c r="A89894" s="13" t="s">
        <v>449</v>
      </c>
      <c r="B89894" s="14" t="s">
        <v>1</v>
      </c>
      <c r="C89894" s="14" t="s">
        <v>47</v>
      </c>
      <c r="D89894" s="14" t="s">
        <v>450</v>
      </c>
      <c r="E89894" s="15">
        <v>45480</v>
      </c>
      <c r="F89894" s="14" t="s">
        <v>15</v>
      </c>
      <c r="G89894" s="16">
        <v>0.22505682446887973</v>
      </c>
    </row>
    <row r="89895" spans="1:7" x14ac:dyDescent="0.3">
      <c r="A89895" s="13" t="s">
        <v>449</v>
      </c>
      <c r="B89895" s="14" t="s">
        <v>1</v>
      </c>
      <c r="C89895" s="14" t="s">
        <v>47</v>
      </c>
      <c r="D89895" s="14" t="s">
        <v>450</v>
      </c>
      <c r="E89895" s="15">
        <v>45481</v>
      </c>
      <c r="F89895" s="14" t="s">
        <v>15</v>
      </c>
      <c r="G89895" s="16">
        <v>0.22090584428903437</v>
      </c>
    </row>
    <row r="89896" spans="1:7" x14ac:dyDescent="0.3">
      <c r="A89896" s="13" t="s">
        <v>449</v>
      </c>
      <c r="B89896" s="14" t="s">
        <v>1</v>
      </c>
      <c r="C89896" s="14" t="s">
        <v>47</v>
      </c>
      <c r="D89896" s="14" t="s">
        <v>450</v>
      </c>
      <c r="E89896" s="15">
        <v>45482</v>
      </c>
      <c r="F89896" s="14" t="s">
        <v>15</v>
      </c>
      <c r="G89896" s="16">
        <v>0.21464720687637012</v>
      </c>
    </row>
    <row r="89897" spans="1:7" x14ac:dyDescent="0.3">
      <c r="A89897" s="13" t="s">
        <v>449</v>
      </c>
      <c r="B89897" s="14" t="s">
        <v>1</v>
      </c>
      <c r="C89897" s="14" t="s">
        <v>47</v>
      </c>
      <c r="D89897" s="14" t="s">
        <v>450</v>
      </c>
      <c r="E89897" s="15">
        <v>45483</v>
      </c>
      <c r="F89897" s="14" t="s">
        <v>15</v>
      </c>
      <c r="G89897" s="16">
        <v>0.2125484941244653</v>
      </c>
    </row>
    <row r="89898" spans="1:7" x14ac:dyDescent="0.3">
      <c r="A89898" s="13" t="s">
        <v>449</v>
      </c>
      <c r="B89898" s="14" t="s">
        <v>1</v>
      </c>
      <c r="C89898" s="14" t="s">
        <v>47</v>
      </c>
      <c r="D89898" s="14" t="s">
        <v>450</v>
      </c>
      <c r="E89898" s="15">
        <v>45484</v>
      </c>
      <c r="F89898" s="14" t="s">
        <v>15</v>
      </c>
      <c r="G89898" s="16">
        <v>0.21046668989531209</v>
      </c>
    </row>
    <row r="89899" spans="1:7" x14ac:dyDescent="0.3">
      <c r="A89899" s="13" t="s">
        <v>449</v>
      </c>
      <c r="B89899" s="14" t="s">
        <v>1</v>
      </c>
      <c r="C89899" s="14" t="s">
        <v>47</v>
      </c>
      <c r="D89899" s="14" t="s">
        <v>450</v>
      </c>
      <c r="E89899" s="15">
        <v>45485</v>
      </c>
      <c r="F89899" s="14" t="s">
        <v>15</v>
      </c>
      <c r="G89899" s="16">
        <v>0.20835406506772558</v>
      </c>
    </row>
    <row r="89900" spans="1:7" x14ac:dyDescent="0.3">
      <c r="A89900" s="13" t="s">
        <v>449</v>
      </c>
      <c r="B89900" s="14" t="s">
        <v>1</v>
      </c>
      <c r="C89900" s="14" t="s">
        <v>47</v>
      </c>
      <c r="D89900" s="14" t="s">
        <v>450</v>
      </c>
      <c r="E89900" s="15">
        <v>45486</v>
      </c>
      <c r="F89900" s="14" t="s">
        <v>15</v>
      </c>
      <c r="G89900" s="16">
        <v>0.20835406506772558</v>
      </c>
    </row>
    <row r="89901" spans="1:7" x14ac:dyDescent="0.3">
      <c r="A89901" s="13" t="s">
        <v>449</v>
      </c>
      <c r="B89901" s="14" t="s">
        <v>1</v>
      </c>
      <c r="C89901" s="14" t="s">
        <v>47</v>
      </c>
      <c r="D89901" s="14" t="s">
        <v>450</v>
      </c>
      <c r="E89901" s="15">
        <v>45487</v>
      </c>
      <c r="F89901" s="14" t="s">
        <v>15</v>
      </c>
      <c r="G89901" s="16">
        <v>0.20835406506772558</v>
      </c>
    </row>
    <row r="89902" spans="1:7" x14ac:dyDescent="0.3">
      <c r="A89902" s="13" t="s">
        <v>449</v>
      </c>
      <c r="B89902" s="14" t="s">
        <v>1</v>
      </c>
      <c r="C89902" s="14" t="s">
        <v>47</v>
      </c>
      <c r="D89902" s="14" t="s">
        <v>450</v>
      </c>
      <c r="E89902" s="15">
        <v>45488</v>
      </c>
      <c r="F89902" s="14" t="s">
        <v>15</v>
      </c>
      <c r="G89902" s="16">
        <v>0.20946240680835107</v>
      </c>
    </row>
    <row r="89903" spans="1:7" x14ac:dyDescent="0.3">
      <c r="A89903" s="13" t="s">
        <v>449</v>
      </c>
      <c r="B89903" s="14" t="s">
        <v>1</v>
      </c>
      <c r="C89903" s="14" t="s">
        <v>47</v>
      </c>
      <c r="D89903" s="14" t="s">
        <v>450</v>
      </c>
      <c r="E89903" s="15">
        <v>45489</v>
      </c>
      <c r="F89903" s="14" t="s">
        <v>15</v>
      </c>
      <c r="G89903" s="16">
        <v>0.20298117618477979</v>
      </c>
    </row>
    <row r="89904" spans="1:7" x14ac:dyDescent="0.3">
      <c r="A89904" s="13" t="s">
        <v>449</v>
      </c>
      <c r="B89904" s="14" t="s">
        <v>1</v>
      </c>
      <c r="C89904" s="14" t="s">
        <v>47</v>
      </c>
      <c r="D89904" s="14" t="s">
        <v>450</v>
      </c>
      <c r="E89904" s="15">
        <v>45490</v>
      </c>
      <c r="F89904" s="14" t="s">
        <v>15</v>
      </c>
      <c r="G89904" s="16">
        <v>0.20084629203610255</v>
      </c>
    </row>
    <row r="89905" spans="1:7" x14ac:dyDescent="0.3">
      <c r="A89905" s="13" t="s">
        <v>449</v>
      </c>
      <c r="B89905" s="14" t="s">
        <v>1</v>
      </c>
      <c r="C89905" s="14" t="s">
        <v>47</v>
      </c>
      <c r="D89905" s="14" t="s">
        <v>450</v>
      </c>
      <c r="E89905" s="15">
        <v>45491</v>
      </c>
      <c r="F89905" s="14" t="s">
        <v>15</v>
      </c>
      <c r="G89905" s="16">
        <v>0.19868101535285917</v>
      </c>
    </row>
    <row r="89906" spans="1:7" x14ac:dyDescent="0.3">
      <c r="A89906" s="13" t="s">
        <v>449</v>
      </c>
      <c r="B89906" s="14" t="s">
        <v>1</v>
      </c>
      <c r="C89906" s="14" t="s">
        <v>47</v>
      </c>
      <c r="D89906" s="14" t="s">
        <v>450</v>
      </c>
      <c r="E89906" s="15">
        <v>45492</v>
      </c>
      <c r="F89906" s="14" t="s">
        <v>15</v>
      </c>
      <c r="G89906" s="16">
        <v>0.1965773135906389</v>
      </c>
    </row>
    <row r="89907" spans="1:7" x14ac:dyDescent="0.3">
      <c r="A89907" s="13" t="s">
        <v>449</v>
      </c>
      <c r="B89907" s="14" t="s">
        <v>1</v>
      </c>
      <c r="C89907" s="14" t="s">
        <v>47</v>
      </c>
      <c r="D89907" s="14" t="s">
        <v>450</v>
      </c>
      <c r="E89907" s="15">
        <v>45493</v>
      </c>
      <c r="F89907" s="14" t="s">
        <v>15</v>
      </c>
      <c r="G89907" s="16">
        <v>0.1965773135906389</v>
      </c>
    </row>
    <row r="89908" spans="1:7" x14ac:dyDescent="0.3">
      <c r="A89908" s="13" t="s">
        <v>449</v>
      </c>
      <c r="B89908" s="14" t="s">
        <v>1</v>
      </c>
      <c r="C89908" s="14" t="s">
        <v>47</v>
      </c>
      <c r="D89908" s="14" t="s">
        <v>450</v>
      </c>
      <c r="E89908" s="15">
        <v>45494</v>
      </c>
      <c r="F89908" s="14" t="s">
        <v>15</v>
      </c>
      <c r="G89908" s="16">
        <v>0.1965773135906389</v>
      </c>
    </row>
    <row r="89909" spans="1:7" x14ac:dyDescent="0.3">
      <c r="A89909" s="13" t="s">
        <v>449</v>
      </c>
      <c r="B89909" s="14" t="s">
        <v>1</v>
      </c>
      <c r="C89909" s="14" t="s">
        <v>47</v>
      </c>
      <c r="D89909" s="14" t="s">
        <v>450</v>
      </c>
      <c r="E89909" s="15">
        <v>45495</v>
      </c>
      <c r="F89909" s="14" t="s">
        <v>15</v>
      </c>
      <c r="G89909" s="16">
        <v>0.19450904334934949</v>
      </c>
    </row>
    <row r="89910" spans="1:7" x14ac:dyDescent="0.3">
      <c r="A89910" s="13" t="s">
        <v>449</v>
      </c>
      <c r="B89910" s="14" t="s">
        <v>1</v>
      </c>
      <c r="C89910" s="14" t="s">
        <v>47</v>
      </c>
      <c r="D89910" s="14" t="s">
        <v>450</v>
      </c>
      <c r="E89910" s="15">
        <v>45496</v>
      </c>
      <c r="F89910" s="14" t="s">
        <v>15</v>
      </c>
      <c r="G89910" s="16">
        <v>0.18838222361328727</v>
      </c>
    </row>
    <row r="89911" spans="1:7" x14ac:dyDescent="0.3">
      <c r="A89911" s="13" t="s">
        <v>449</v>
      </c>
      <c r="B89911" s="14" t="s">
        <v>1</v>
      </c>
      <c r="C89911" s="14" t="s">
        <v>47</v>
      </c>
      <c r="D89911" s="14" t="s">
        <v>450</v>
      </c>
      <c r="E89911" s="15">
        <v>45497</v>
      </c>
      <c r="F89911" s="14" t="s">
        <v>15</v>
      </c>
      <c r="G89911" s="16">
        <v>0.18632401417423747</v>
      </c>
    </row>
    <row r="89912" spans="1:7" x14ac:dyDescent="0.3">
      <c r="A89912" s="13" t="s">
        <v>449</v>
      </c>
      <c r="B89912" s="14" t="s">
        <v>1</v>
      </c>
      <c r="C89912" s="14" t="s">
        <v>47</v>
      </c>
      <c r="D89912" s="14" t="s">
        <v>450</v>
      </c>
      <c r="E89912" s="15">
        <v>45498</v>
      </c>
      <c r="F89912" s="14" t="s">
        <v>15</v>
      </c>
      <c r="G89912" s="16">
        <v>0.18427794331180283</v>
      </c>
    </row>
    <row r="89913" spans="1:7" x14ac:dyDescent="0.3">
      <c r="A89913" s="13" t="s">
        <v>449</v>
      </c>
      <c r="B89913" s="14" t="s">
        <v>1</v>
      </c>
      <c r="C89913" s="14" t="s">
        <v>47</v>
      </c>
      <c r="D89913" s="14" t="s">
        <v>450</v>
      </c>
      <c r="E89913" s="15">
        <v>45499</v>
      </c>
      <c r="F89913" s="14" t="s">
        <v>15</v>
      </c>
      <c r="G89913" s="16">
        <v>0.18228316066948108</v>
      </c>
    </row>
    <row r="89914" spans="1:7" x14ac:dyDescent="0.3">
      <c r="A89914" s="13" t="s">
        <v>449</v>
      </c>
      <c r="B89914" s="14" t="s">
        <v>1</v>
      </c>
      <c r="C89914" s="14" t="s">
        <v>47</v>
      </c>
      <c r="D89914" s="14" t="s">
        <v>450</v>
      </c>
      <c r="E89914" s="15">
        <v>45500</v>
      </c>
      <c r="F89914" s="14" t="s">
        <v>15</v>
      </c>
      <c r="G89914" s="16">
        <v>0.18228316066948108</v>
      </c>
    </row>
    <row r="89915" spans="1:7" x14ac:dyDescent="0.3">
      <c r="A89915" s="13" t="s">
        <v>449</v>
      </c>
      <c r="B89915" s="14" t="s">
        <v>1</v>
      </c>
      <c r="C89915" s="14" t="s">
        <v>47</v>
      </c>
      <c r="D89915" s="14" t="s">
        <v>450</v>
      </c>
      <c r="E89915" s="15">
        <v>45501</v>
      </c>
      <c r="F89915" s="14" t="s">
        <v>15</v>
      </c>
      <c r="G89915" s="16">
        <v>0.18228316066948108</v>
      </c>
    </row>
    <row r="89916" spans="1:7" x14ac:dyDescent="0.3">
      <c r="A89916" s="13" t="s">
        <v>449</v>
      </c>
      <c r="B89916" s="14" t="s">
        <v>1</v>
      </c>
      <c r="C89916" s="14" t="s">
        <v>47</v>
      </c>
      <c r="D89916" s="14" t="s">
        <v>450</v>
      </c>
      <c r="E89916" s="15">
        <v>45502</v>
      </c>
      <c r="F89916" s="14" t="s">
        <v>15</v>
      </c>
      <c r="G89916" s="16">
        <v>0.18033802589908096</v>
      </c>
    </row>
    <row r="89917" spans="1:7" x14ac:dyDescent="0.3">
      <c r="A89917" s="13" t="s">
        <v>449</v>
      </c>
      <c r="B89917" s="14" t="s">
        <v>1</v>
      </c>
      <c r="C89917" s="14" t="s">
        <v>47</v>
      </c>
      <c r="D89917" s="14" t="s">
        <v>450</v>
      </c>
      <c r="E89917" s="15">
        <v>45503</v>
      </c>
      <c r="F89917" s="14" t="s">
        <v>15</v>
      </c>
      <c r="G89917" s="16">
        <v>0.17439580001280661</v>
      </c>
    </row>
    <row r="89918" spans="1:7" x14ac:dyDescent="0.3">
      <c r="A89918" s="13" t="s">
        <v>449</v>
      </c>
      <c r="B89918" s="14" t="s">
        <v>1</v>
      </c>
      <c r="C89918" s="14" t="s">
        <v>47</v>
      </c>
      <c r="D89918" s="14" t="s">
        <v>450</v>
      </c>
      <c r="E89918" s="15">
        <v>45504</v>
      </c>
      <c r="F89918" s="14" t="s">
        <v>15</v>
      </c>
      <c r="G89918" s="16">
        <v>0.17242584130644567</v>
      </c>
    </row>
    <row r="89919" spans="1:7" x14ac:dyDescent="0.3">
      <c r="A89919" s="13" t="s">
        <v>449</v>
      </c>
      <c r="B89919" s="14" t="s">
        <v>1</v>
      </c>
      <c r="C89919" s="14" t="s">
        <v>47</v>
      </c>
      <c r="D89919" s="14" t="s">
        <v>450</v>
      </c>
      <c r="E89919" s="15">
        <v>45505</v>
      </c>
      <c r="F89919" s="14" t="s">
        <v>15</v>
      </c>
      <c r="G89919" s="16">
        <v>0.17048639307644181</v>
      </c>
    </row>
    <row r="89920" spans="1:7" x14ac:dyDescent="0.3">
      <c r="A89920" s="13" t="s">
        <v>449</v>
      </c>
      <c r="B89920" s="14" t="s">
        <v>1</v>
      </c>
      <c r="C89920" s="14" t="s">
        <v>47</v>
      </c>
      <c r="D89920" s="14" t="s">
        <v>450</v>
      </c>
      <c r="E89920" s="15">
        <v>45506</v>
      </c>
      <c r="F89920" s="14" t="s">
        <v>15</v>
      </c>
      <c r="G89920" s="16">
        <v>0.16798364927756523</v>
      </c>
    </row>
    <row r="89921" spans="1:7" x14ac:dyDescent="0.3">
      <c r="A89921" s="13" t="s">
        <v>449</v>
      </c>
      <c r="B89921" s="14" t="s">
        <v>1</v>
      </c>
      <c r="C89921" s="14" t="s">
        <v>47</v>
      </c>
      <c r="D89921" s="14" t="s">
        <v>450</v>
      </c>
      <c r="E89921" s="15">
        <v>45507</v>
      </c>
      <c r="F89921" s="14" t="s">
        <v>15</v>
      </c>
      <c r="G89921" s="16">
        <v>0.16798364927756523</v>
      </c>
    </row>
    <row r="89922" spans="1:7" x14ac:dyDescent="0.3">
      <c r="A89922" s="13" t="s">
        <v>449</v>
      </c>
      <c r="B89922" s="14" t="s">
        <v>1</v>
      </c>
      <c r="C89922" s="14" t="s">
        <v>47</v>
      </c>
      <c r="D89922" s="14" t="s">
        <v>450</v>
      </c>
      <c r="E89922" s="15">
        <v>45508</v>
      </c>
      <c r="F89922" s="14" t="s">
        <v>15</v>
      </c>
      <c r="G89922" s="16">
        <v>0.16798364927756523</v>
      </c>
    </row>
    <row r="89923" spans="1:7" x14ac:dyDescent="0.3">
      <c r="A89923" s="13" t="s">
        <v>449</v>
      </c>
      <c r="B89923" s="14" t="s">
        <v>1</v>
      </c>
      <c r="C89923" s="14" t="s">
        <v>47</v>
      </c>
      <c r="D89923" s="14" t="s">
        <v>450</v>
      </c>
      <c r="E89923" s="15">
        <v>45509</v>
      </c>
      <c r="F89923" s="14" t="s">
        <v>15</v>
      </c>
      <c r="G89923" s="16">
        <v>0.16798364927756523</v>
      </c>
    </row>
    <row r="89924" spans="1:7" x14ac:dyDescent="0.3">
      <c r="A89924" s="13" t="s">
        <v>449</v>
      </c>
      <c r="B89924" s="14" t="s">
        <v>1</v>
      </c>
      <c r="C89924" s="14" t="s">
        <v>47</v>
      </c>
      <c r="D89924" s="14" t="s">
        <v>450</v>
      </c>
      <c r="E89924" s="15">
        <v>45510</v>
      </c>
      <c r="F89924" s="14" t="s">
        <v>15</v>
      </c>
      <c r="G89924" s="16">
        <v>0.16605765190272959</v>
      </c>
    </row>
    <row r="89925" spans="1:7" x14ac:dyDescent="0.3">
      <c r="A89925" s="13" t="s">
        <v>449</v>
      </c>
      <c r="B89925" s="14" t="s">
        <v>1</v>
      </c>
      <c r="C89925" s="14" t="s">
        <v>47</v>
      </c>
      <c r="D89925" s="14" t="s">
        <v>450</v>
      </c>
      <c r="E89925" s="15">
        <v>45511</v>
      </c>
      <c r="F89925" s="14" t="s">
        <v>15</v>
      </c>
      <c r="G89925" s="16">
        <v>0.15864687695910867</v>
      </c>
    </row>
    <row r="89926" spans="1:7" x14ac:dyDescent="0.3">
      <c r="A89926" s="13" t="s">
        <v>449</v>
      </c>
      <c r="B89926" s="14" t="s">
        <v>1</v>
      </c>
      <c r="C89926" s="14" t="s">
        <v>47</v>
      </c>
      <c r="D89926" s="14" t="s">
        <v>450</v>
      </c>
      <c r="E89926" s="15">
        <v>45512</v>
      </c>
      <c r="F89926" s="14" t="s">
        <v>15</v>
      </c>
      <c r="G89926" s="16">
        <v>0.15682236245903791</v>
      </c>
    </row>
    <row r="89927" spans="1:7" x14ac:dyDescent="0.3">
      <c r="A89927" s="13" t="s">
        <v>449</v>
      </c>
      <c r="B89927" s="14" t="s">
        <v>1</v>
      </c>
      <c r="C89927" s="14" t="s">
        <v>47</v>
      </c>
      <c r="D89927" s="14" t="s">
        <v>450</v>
      </c>
      <c r="E89927" s="15">
        <v>45513</v>
      </c>
      <c r="F89927" s="14" t="s">
        <v>15</v>
      </c>
      <c r="G89927" s="16">
        <v>0.15501807891999247</v>
      </c>
    </row>
    <row r="89928" spans="1:7" x14ac:dyDescent="0.3">
      <c r="A89928" s="13" t="s">
        <v>449</v>
      </c>
      <c r="B89928" s="14" t="s">
        <v>1</v>
      </c>
      <c r="C89928" s="14" t="s">
        <v>47</v>
      </c>
      <c r="D89928" s="14" t="s">
        <v>450</v>
      </c>
      <c r="E89928" s="15">
        <v>45514</v>
      </c>
      <c r="F89928" s="14" t="s">
        <v>15</v>
      </c>
      <c r="G89928" s="16">
        <v>0.15501807891999247</v>
      </c>
    </row>
    <row r="89929" spans="1:7" x14ac:dyDescent="0.3">
      <c r="A89929" s="13" t="s">
        <v>449</v>
      </c>
      <c r="B89929" s="14" t="s">
        <v>1</v>
      </c>
      <c r="C89929" s="14" t="s">
        <v>47</v>
      </c>
      <c r="D89929" s="14" t="s">
        <v>450</v>
      </c>
      <c r="E89929" s="15">
        <v>45515</v>
      </c>
      <c r="F89929" s="14" t="s">
        <v>15</v>
      </c>
      <c r="G89929" s="16">
        <v>0.15501807891999247</v>
      </c>
    </row>
    <row r="89930" spans="1:7" x14ac:dyDescent="0.3">
      <c r="A89930" s="13" t="s">
        <v>449</v>
      </c>
      <c r="B89930" s="14" t="s">
        <v>1</v>
      </c>
      <c r="C89930" s="14" t="s">
        <v>47</v>
      </c>
      <c r="D89930" s="14" t="s">
        <v>450</v>
      </c>
      <c r="E89930" s="15">
        <v>45516</v>
      </c>
      <c r="F89930" s="14" t="s">
        <v>15</v>
      </c>
      <c r="G89930" s="16">
        <v>0.15315966389063604</v>
      </c>
    </row>
    <row r="89931" spans="1:7" x14ac:dyDescent="0.3">
      <c r="A89931" s="13" t="s">
        <v>449</v>
      </c>
      <c r="B89931" s="14" t="s">
        <v>1</v>
      </c>
      <c r="C89931" s="14" t="s">
        <v>47</v>
      </c>
      <c r="D89931" s="14" t="s">
        <v>450</v>
      </c>
      <c r="E89931" s="15">
        <v>45517</v>
      </c>
      <c r="F89931" s="14" t="s">
        <v>15</v>
      </c>
      <c r="G89931" s="16">
        <v>0.14842462491657027</v>
      </c>
    </row>
    <row r="89932" spans="1:7" x14ac:dyDescent="0.3">
      <c r="A89932" s="13" t="s">
        <v>449</v>
      </c>
      <c r="B89932" s="14" t="s">
        <v>1</v>
      </c>
      <c r="C89932" s="14" t="s">
        <v>47</v>
      </c>
      <c r="D89932" s="14" t="s">
        <v>450</v>
      </c>
      <c r="E89932" s="15">
        <v>45518</v>
      </c>
      <c r="F89932" s="14" t="s">
        <v>15</v>
      </c>
      <c r="G89932" s="16">
        <v>0.1465549461629673</v>
      </c>
    </row>
    <row r="89933" spans="1:7" x14ac:dyDescent="0.3">
      <c r="A89933" s="13" t="s">
        <v>449</v>
      </c>
      <c r="B89933" s="14" t="s">
        <v>1</v>
      </c>
      <c r="C89933" s="14" t="s">
        <v>47</v>
      </c>
      <c r="D89933" s="14" t="s">
        <v>450</v>
      </c>
      <c r="E89933" s="15">
        <v>45519</v>
      </c>
      <c r="F89933" s="14" t="s">
        <v>15</v>
      </c>
      <c r="G89933" s="16">
        <v>0.14463037042323074</v>
      </c>
    </row>
    <row r="89934" spans="1:7" x14ac:dyDescent="0.3">
      <c r="A89934" s="13" t="s">
        <v>449</v>
      </c>
      <c r="B89934" s="14" t="s">
        <v>1</v>
      </c>
      <c r="C89934" s="14" t="s">
        <v>47</v>
      </c>
      <c r="D89934" s="14" t="s">
        <v>450</v>
      </c>
      <c r="E89934" s="15">
        <v>45520</v>
      </c>
      <c r="F89934" s="14" t="s">
        <v>15</v>
      </c>
      <c r="G89934" s="16">
        <v>0.14460400561040024</v>
      </c>
    </row>
    <row r="89935" spans="1:7" x14ac:dyDescent="0.3">
      <c r="A89935" s="13" t="s">
        <v>449</v>
      </c>
      <c r="B89935" s="14" t="s">
        <v>1</v>
      </c>
      <c r="C89935" s="14" t="s">
        <v>47</v>
      </c>
      <c r="D89935" s="14" t="s">
        <v>450</v>
      </c>
      <c r="E89935" s="15">
        <v>45521</v>
      </c>
      <c r="F89935" s="14" t="s">
        <v>15</v>
      </c>
      <c r="G89935" s="16">
        <v>0.14460400561040024</v>
      </c>
    </row>
    <row r="89936" spans="1:7" x14ac:dyDescent="0.3">
      <c r="A89936" s="13" t="s">
        <v>449</v>
      </c>
      <c r="B89936" s="14" t="s">
        <v>1</v>
      </c>
      <c r="C89936" s="14" t="s">
        <v>47</v>
      </c>
      <c r="D89936" s="14" t="s">
        <v>450</v>
      </c>
      <c r="E89936" s="15">
        <v>45522</v>
      </c>
      <c r="F89936" s="14" t="s">
        <v>15</v>
      </c>
      <c r="G89936" s="16">
        <v>0.14460400561040024</v>
      </c>
    </row>
    <row r="89937" spans="1:7" x14ac:dyDescent="0.3">
      <c r="A89937" s="13" t="s">
        <v>449</v>
      </c>
      <c r="B89937" s="14" t="s">
        <v>1</v>
      </c>
      <c r="C89937" s="14" t="s">
        <v>47</v>
      </c>
      <c r="D89937" s="14" t="s">
        <v>450</v>
      </c>
      <c r="E89937" s="15">
        <v>45523</v>
      </c>
      <c r="F89937" s="14" t="s">
        <v>15</v>
      </c>
      <c r="G89937" s="16">
        <v>0.1426117381686384</v>
      </c>
    </row>
    <row r="89938" spans="1:7" x14ac:dyDescent="0.3">
      <c r="A89938" s="13" t="s">
        <v>449</v>
      </c>
      <c r="B89938" s="14" t="s">
        <v>1</v>
      </c>
      <c r="C89938" s="14" t="s">
        <v>47</v>
      </c>
      <c r="D89938" s="14" t="s">
        <v>450</v>
      </c>
      <c r="E89938" s="15">
        <v>45524</v>
      </c>
      <c r="F89938" s="14" t="s">
        <v>15</v>
      </c>
      <c r="G89938" s="16">
        <v>0.13661089717366365</v>
      </c>
    </row>
    <row r="89939" spans="1:7" x14ac:dyDescent="0.3">
      <c r="A89939" s="13" t="s">
        <v>449</v>
      </c>
      <c r="B89939" s="14" t="s">
        <v>1</v>
      </c>
      <c r="C89939" s="14" t="s">
        <v>47</v>
      </c>
      <c r="D89939" s="14" t="s">
        <v>450</v>
      </c>
      <c r="E89939" s="15">
        <v>45525</v>
      </c>
      <c r="F89939" s="14" t="s">
        <v>15</v>
      </c>
      <c r="G89939" s="16">
        <v>0.13459227480429584</v>
      </c>
    </row>
    <row r="89940" spans="1:7" x14ac:dyDescent="0.3">
      <c r="A89940" s="13" t="s">
        <v>449</v>
      </c>
      <c r="B89940" s="14" t="s">
        <v>1</v>
      </c>
      <c r="C89940" s="14" t="s">
        <v>47</v>
      </c>
      <c r="D89940" s="14" t="s">
        <v>450</v>
      </c>
      <c r="E89940" s="15">
        <v>45526</v>
      </c>
      <c r="F89940" s="14" t="s">
        <v>15</v>
      </c>
      <c r="G89940" s="16">
        <v>0.1325764957051262</v>
      </c>
    </row>
    <row r="89941" spans="1:7" x14ac:dyDescent="0.3">
      <c r="A89941" s="13" t="s">
        <v>449</v>
      </c>
      <c r="B89941" s="14" t="s">
        <v>1</v>
      </c>
      <c r="C89941" s="14" t="s">
        <v>47</v>
      </c>
      <c r="D89941" s="14" t="s">
        <v>450</v>
      </c>
      <c r="E89941" s="15">
        <v>45527</v>
      </c>
      <c r="F89941" s="14" t="s">
        <v>15</v>
      </c>
      <c r="G89941" s="16">
        <v>0.13052484765884134</v>
      </c>
    </row>
    <row r="89942" spans="1:7" x14ac:dyDescent="0.3">
      <c r="A89942" s="13" t="s">
        <v>449</v>
      </c>
      <c r="B89942" s="14" t="s">
        <v>1</v>
      </c>
      <c r="C89942" s="14" t="s">
        <v>47</v>
      </c>
      <c r="D89942" s="14" t="s">
        <v>450</v>
      </c>
      <c r="E89942" s="15">
        <v>45528</v>
      </c>
      <c r="F89942" s="14" t="s">
        <v>15</v>
      </c>
      <c r="G89942" s="16">
        <v>0.13052484765884134</v>
      </c>
    </row>
    <row r="89943" spans="1:7" x14ac:dyDescent="0.3">
      <c r="A89943" s="13" t="s">
        <v>449</v>
      </c>
      <c r="B89943" s="14" t="s">
        <v>1</v>
      </c>
      <c r="C89943" s="14" t="s">
        <v>47</v>
      </c>
      <c r="D89943" s="14" t="s">
        <v>450</v>
      </c>
      <c r="E89943" s="15">
        <v>45529</v>
      </c>
      <c r="F89943" s="14" t="s">
        <v>15</v>
      </c>
      <c r="G89943" s="16">
        <v>0.13052484765884134</v>
      </c>
    </row>
    <row r="89944" spans="1:7" x14ac:dyDescent="0.3">
      <c r="A89944" s="13" t="s">
        <v>449</v>
      </c>
      <c r="B89944" s="14" t="s">
        <v>1</v>
      </c>
      <c r="C89944" s="14" t="s">
        <v>47</v>
      </c>
      <c r="D89944" s="14" t="s">
        <v>450</v>
      </c>
      <c r="E89944" s="15">
        <v>45530</v>
      </c>
      <c r="F89944" s="14" t="s">
        <v>15</v>
      </c>
      <c r="G89944" s="16">
        <v>0.13052484765884134</v>
      </c>
    </row>
    <row r="89945" spans="1:7" x14ac:dyDescent="0.3">
      <c r="A89945" s="13" t="s">
        <v>449</v>
      </c>
      <c r="B89945" s="14" t="s">
        <v>1</v>
      </c>
      <c r="C89945" s="14" t="s">
        <v>47</v>
      </c>
      <c r="D89945" s="14" t="s">
        <v>450</v>
      </c>
      <c r="E89945" s="15">
        <v>45531</v>
      </c>
      <c r="F89945" s="14" t="s">
        <v>15</v>
      </c>
      <c r="G89945" s="16">
        <v>0.12849222765157492</v>
      </c>
    </row>
    <row r="89946" spans="1:7" x14ac:dyDescent="0.3">
      <c r="A89946" s="13" t="s">
        <v>449</v>
      </c>
      <c r="B89946" s="14" t="s">
        <v>1</v>
      </c>
      <c r="C89946" s="14" t="s">
        <v>47</v>
      </c>
      <c r="D89946" s="14" t="s">
        <v>450</v>
      </c>
      <c r="E89946" s="15">
        <v>45532</v>
      </c>
      <c r="F89946" s="14" t="s">
        <v>15</v>
      </c>
      <c r="G89946" s="16">
        <v>0.12015356241444103</v>
      </c>
    </row>
    <row r="89947" spans="1:7" x14ac:dyDescent="0.3">
      <c r="A89947" s="13" t="s">
        <v>449</v>
      </c>
      <c r="B89947" s="14" t="s">
        <v>1</v>
      </c>
      <c r="C89947" s="14" t="s">
        <v>47</v>
      </c>
      <c r="D89947" s="14" t="s">
        <v>450</v>
      </c>
      <c r="E89947" s="15">
        <v>45533</v>
      </c>
      <c r="F89947" s="14" t="s">
        <v>15</v>
      </c>
      <c r="G89947" s="16">
        <v>0.1180852921731516</v>
      </c>
    </row>
    <row r="89948" spans="1:7" x14ac:dyDescent="0.3">
      <c r="A89948" s="13" t="s">
        <v>449</v>
      </c>
      <c r="B89948" s="14" t="s">
        <v>1</v>
      </c>
      <c r="C89948" s="14" t="s">
        <v>47</v>
      </c>
      <c r="D89948" s="14" t="s">
        <v>450</v>
      </c>
      <c r="E89948" s="15">
        <v>45534</v>
      </c>
      <c r="F89948" s="14" t="s">
        <v>15</v>
      </c>
      <c r="G89948" s="16">
        <v>0.11603583125778842</v>
      </c>
    </row>
    <row r="89949" spans="1:7" x14ac:dyDescent="0.3">
      <c r="A89949" s="13" t="s">
        <v>449</v>
      </c>
      <c r="B89949" s="14" t="s">
        <v>1</v>
      </c>
      <c r="C89949" s="14" t="s">
        <v>47</v>
      </c>
      <c r="D89949" s="14" t="s">
        <v>450</v>
      </c>
      <c r="E89949" s="15">
        <v>45535</v>
      </c>
      <c r="F89949" s="14" t="s">
        <v>15</v>
      </c>
      <c r="G89949" s="16">
        <v>0.11603583125778842</v>
      </c>
    </row>
    <row r="89950" spans="1:7" x14ac:dyDescent="0.3">
      <c r="A89950" s="13" t="s">
        <v>449</v>
      </c>
      <c r="B89950" s="14" t="s">
        <v>1</v>
      </c>
      <c r="C89950" s="14" t="s">
        <v>47</v>
      </c>
      <c r="D89950" s="14" t="s">
        <v>450</v>
      </c>
      <c r="E89950" s="15">
        <v>45536</v>
      </c>
      <c r="F89950" s="14" t="s">
        <v>15</v>
      </c>
      <c r="G89950" s="16">
        <v>0.11603583125778842</v>
      </c>
    </row>
    <row r="89951" spans="1:7" x14ac:dyDescent="0.3">
      <c r="A89951" s="13" t="s">
        <v>449</v>
      </c>
      <c r="B89951" s="14" t="s">
        <v>1</v>
      </c>
      <c r="C89951" s="14" t="s">
        <v>47</v>
      </c>
      <c r="D89951" s="14" t="s">
        <v>450</v>
      </c>
      <c r="E89951" s="15">
        <v>45537</v>
      </c>
      <c r="F89951" s="14" t="s">
        <v>15</v>
      </c>
      <c r="G89951" s="16">
        <v>0.11603583125778842</v>
      </c>
    </row>
    <row r="89952" spans="1:7" x14ac:dyDescent="0.3">
      <c r="A89952" s="13" t="s">
        <v>449</v>
      </c>
      <c r="B89952" s="14" t="s">
        <v>1</v>
      </c>
      <c r="C89952" s="14" t="s">
        <v>47</v>
      </c>
      <c r="D89952" s="14" t="s">
        <v>450</v>
      </c>
      <c r="E89952" s="15">
        <v>45538</v>
      </c>
      <c r="F89952" s="14" t="s">
        <v>15</v>
      </c>
      <c r="G89952" s="16">
        <v>0.11743974071117551</v>
      </c>
    </row>
    <row r="89953" spans="1:7" x14ac:dyDescent="0.3">
      <c r="A89953" s="13" t="s">
        <v>449</v>
      </c>
      <c r="B89953" s="14" t="s">
        <v>1</v>
      </c>
      <c r="C89953" s="14" t="s">
        <v>47</v>
      </c>
      <c r="D89953" s="14" t="s">
        <v>450</v>
      </c>
      <c r="E89953" s="15">
        <v>45539</v>
      </c>
      <c r="F89953" s="14" t="s">
        <v>15</v>
      </c>
      <c r="G89953" s="16">
        <v>0.11395891196413392</v>
      </c>
    </row>
    <row r="89954" spans="1:7" x14ac:dyDescent="0.3">
      <c r="A89954" s="13" t="s">
        <v>449</v>
      </c>
      <c r="B89954" s="14" t="s">
        <v>1</v>
      </c>
      <c r="C89954" s="14" t="s">
        <v>47</v>
      </c>
      <c r="D89954" s="14" t="s">
        <v>450</v>
      </c>
      <c r="E89954" s="15">
        <v>45540</v>
      </c>
      <c r="F89954" s="14" t="s">
        <v>15</v>
      </c>
      <c r="G89954" s="16">
        <v>0.11878907136284272</v>
      </c>
    </row>
    <row r="89955" spans="1:7" x14ac:dyDescent="0.3">
      <c r="A89955" s="13" t="s">
        <v>449</v>
      </c>
      <c r="B89955" s="14" t="s">
        <v>1</v>
      </c>
      <c r="C89955" s="14" t="s">
        <v>47</v>
      </c>
      <c r="D89955" s="14" t="s">
        <v>450</v>
      </c>
      <c r="E89955" s="15">
        <v>45541</v>
      </c>
      <c r="F89955" s="14" t="s">
        <v>15</v>
      </c>
      <c r="G89955" s="16">
        <v>0.11679549164252788</v>
      </c>
    </row>
    <row r="89956" spans="1:7" x14ac:dyDescent="0.3">
      <c r="A89956" s="13" t="s">
        <v>449</v>
      </c>
      <c r="B89956" s="14" t="s">
        <v>1</v>
      </c>
      <c r="C89956" s="14" t="s">
        <v>47</v>
      </c>
      <c r="D89956" s="14" t="s">
        <v>450</v>
      </c>
      <c r="E89956" s="15">
        <v>45542</v>
      </c>
      <c r="F89956" s="14" t="s">
        <v>15</v>
      </c>
      <c r="G89956" s="16">
        <v>0.11679549164252788</v>
      </c>
    </row>
    <row r="89957" spans="1:7" x14ac:dyDescent="0.3">
      <c r="A89957" s="13" t="s">
        <v>449</v>
      </c>
      <c r="B89957" s="14" t="s">
        <v>1</v>
      </c>
      <c r="C89957" s="14" t="s">
        <v>47</v>
      </c>
      <c r="D89957" s="14" t="s">
        <v>450</v>
      </c>
      <c r="E89957" s="15">
        <v>45543</v>
      </c>
      <c r="F89957" s="14" t="s">
        <v>15</v>
      </c>
      <c r="G89957" s="16">
        <v>0.11679549164252788</v>
      </c>
    </row>
    <row r="89958" spans="1:7" x14ac:dyDescent="0.3">
      <c r="A89958" s="13" t="s">
        <v>449</v>
      </c>
      <c r="B89958" s="14" t="s">
        <v>1</v>
      </c>
      <c r="C89958" s="14" t="s">
        <v>47</v>
      </c>
      <c r="D89958" s="14" t="s">
        <v>450</v>
      </c>
      <c r="E89958" s="15">
        <v>45544</v>
      </c>
      <c r="F89958" s="14" t="s">
        <v>15</v>
      </c>
      <c r="G89958" s="16">
        <v>0.1148236738748835</v>
      </c>
    </row>
    <row r="89959" spans="1:7" x14ac:dyDescent="0.3">
      <c r="A89959" s="13" t="s">
        <v>449</v>
      </c>
      <c r="B89959" s="14" t="s">
        <v>1</v>
      </c>
      <c r="C89959" s="14" t="s">
        <v>47</v>
      </c>
      <c r="D89959" s="14" t="s">
        <v>450</v>
      </c>
      <c r="E89959" s="15">
        <v>45545</v>
      </c>
      <c r="F89959" s="14" t="s">
        <v>15</v>
      </c>
      <c r="G89959" s="16">
        <v>0.10904537345118734</v>
      </c>
    </row>
    <row r="89960" spans="1:7" x14ac:dyDescent="0.3">
      <c r="A89960" s="13" t="s">
        <v>449</v>
      </c>
      <c r="B89960" s="14" t="s">
        <v>1</v>
      </c>
      <c r="C89960" s="14" t="s">
        <v>47</v>
      </c>
      <c r="D89960" s="14" t="s">
        <v>450</v>
      </c>
      <c r="E89960" s="15">
        <v>45546</v>
      </c>
      <c r="F89960" s="14" t="s">
        <v>15</v>
      </c>
      <c r="G89960" s="16">
        <v>0.10711762637161437</v>
      </c>
    </row>
    <row r="89961" spans="1:7" x14ac:dyDescent="0.3">
      <c r="A89961" s="13" t="s">
        <v>449</v>
      </c>
      <c r="B89961" s="14" t="s">
        <v>1</v>
      </c>
      <c r="C89961" s="14" t="s">
        <v>47</v>
      </c>
      <c r="D89961" s="14" t="s">
        <v>450</v>
      </c>
      <c r="E89961" s="15">
        <v>45547</v>
      </c>
      <c r="F89961" s="14" t="s">
        <v>15</v>
      </c>
      <c r="G89961" s="16">
        <v>0.1103671462532417</v>
      </c>
    </row>
    <row r="89962" spans="1:7" x14ac:dyDescent="0.3">
      <c r="A89962" s="13" t="s">
        <v>449</v>
      </c>
      <c r="B89962" s="14" t="s">
        <v>1</v>
      </c>
      <c r="C89962" s="14" t="s">
        <v>47</v>
      </c>
      <c r="D89962" s="14" t="s">
        <v>450</v>
      </c>
      <c r="E89962" s="15">
        <v>45548</v>
      </c>
      <c r="F89962" s="14" t="s">
        <v>15</v>
      </c>
      <c r="G89962" s="16">
        <v>0.11520003956560258</v>
      </c>
    </row>
    <row r="89963" spans="1:7" x14ac:dyDescent="0.3">
      <c r="A89963" s="13" t="s">
        <v>449</v>
      </c>
      <c r="B89963" s="14" t="s">
        <v>1</v>
      </c>
      <c r="C89963" s="14" t="s">
        <v>47</v>
      </c>
      <c r="D89963" s="14" t="s">
        <v>450</v>
      </c>
      <c r="E89963" s="15">
        <v>45549</v>
      </c>
      <c r="F89963" s="14" t="s">
        <v>15</v>
      </c>
      <c r="G89963" s="16">
        <v>0.11520003956560258</v>
      </c>
    </row>
    <row r="89964" spans="1:7" x14ac:dyDescent="0.3">
      <c r="A89964" s="13" t="s">
        <v>449</v>
      </c>
      <c r="B89964" s="14" t="s">
        <v>1</v>
      </c>
      <c r="C89964" s="14" t="s">
        <v>47</v>
      </c>
      <c r="D89964" s="14" t="s">
        <v>450</v>
      </c>
      <c r="E89964" s="15">
        <v>45550</v>
      </c>
      <c r="F89964" s="14" t="s">
        <v>15</v>
      </c>
      <c r="G89964" s="16">
        <v>0.11520003956560258</v>
      </c>
    </row>
    <row r="89965" spans="1:7" x14ac:dyDescent="0.3">
      <c r="A89965" s="13" t="s">
        <v>449</v>
      </c>
      <c r="B89965" s="14" t="s">
        <v>1</v>
      </c>
      <c r="C89965" s="14" t="s">
        <v>47</v>
      </c>
      <c r="D89965" s="14" t="s">
        <v>450</v>
      </c>
      <c r="E89965" s="15">
        <v>45551</v>
      </c>
      <c r="F89965" s="14" t="s">
        <v>15</v>
      </c>
      <c r="G89965" s="16">
        <v>0.11318218269205733</v>
      </c>
    </row>
    <row r="89966" spans="1:7" x14ac:dyDescent="0.3">
      <c r="A89966" s="13" t="s">
        <v>449</v>
      </c>
      <c r="B89966" s="14" t="s">
        <v>1</v>
      </c>
      <c r="C89966" s="14" t="s">
        <v>47</v>
      </c>
      <c r="D89966" s="14" t="s">
        <v>450</v>
      </c>
      <c r="E89966" s="15">
        <v>45552</v>
      </c>
      <c r="F89966" s="14" t="s">
        <v>15</v>
      </c>
      <c r="G89966" s="16">
        <v>0.10889124065163401</v>
      </c>
    </row>
    <row r="89967" spans="1:7" x14ac:dyDescent="0.3">
      <c r="A89967" s="13" t="s">
        <v>449</v>
      </c>
      <c r="B89967" s="14" t="s">
        <v>1</v>
      </c>
      <c r="C89967" s="14" t="s">
        <v>47</v>
      </c>
      <c r="D89967" s="14" t="s">
        <v>450</v>
      </c>
      <c r="E89967" s="15">
        <v>45553</v>
      </c>
      <c r="F89967" s="14" t="s">
        <v>15</v>
      </c>
      <c r="G89967" s="16">
        <v>0.10757282824683466</v>
      </c>
    </row>
    <row r="89968" spans="1:7" x14ac:dyDescent="0.3">
      <c r="A89968" s="13" t="s">
        <v>449</v>
      </c>
      <c r="B89968" s="14" t="s">
        <v>1</v>
      </c>
      <c r="C89968" s="14" t="s">
        <v>47</v>
      </c>
      <c r="D89968" s="14" t="s">
        <v>450</v>
      </c>
      <c r="E89968" s="15">
        <v>45554</v>
      </c>
      <c r="F89968" s="14" t="s">
        <v>15</v>
      </c>
      <c r="G89968" s="16">
        <v>0.10553069422005903</v>
      </c>
    </row>
    <row r="89969" spans="1:7" x14ac:dyDescent="0.3">
      <c r="A89969" s="13" t="s">
        <v>449</v>
      </c>
      <c r="B89969" s="14" t="s">
        <v>1</v>
      </c>
      <c r="C89969" s="14" t="s">
        <v>47</v>
      </c>
      <c r="D89969" s="14" t="s">
        <v>450</v>
      </c>
      <c r="E89969" s="15">
        <v>45555</v>
      </c>
      <c r="F89969" s="14" t="s">
        <v>15</v>
      </c>
      <c r="G89969" s="16">
        <v>0.11513459492492244</v>
      </c>
    </row>
    <row r="89970" spans="1:7" x14ac:dyDescent="0.3">
      <c r="A89970" s="13" t="s">
        <v>449</v>
      </c>
      <c r="B89970" s="14" t="s">
        <v>1</v>
      </c>
      <c r="C89970" s="14" t="s">
        <v>47</v>
      </c>
      <c r="D89970" s="14" t="s">
        <v>450</v>
      </c>
      <c r="E89970" s="15">
        <v>45556</v>
      </c>
      <c r="F89970" s="14" t="s">
        <v>15</v>
      </c>
      <c r="G89970" s="16">
        <v>0.11513459492492244</v>
      </c>
    </row>
    <row r="89971" spans="1:7" x14ac:dyDescent="0.3">
      <c r="A89971" s="13" t="s">
        <v>449</v>
      </c>
      <c r="B89971" s="14" t="s">
        <v>1</v>
      </c>
      <c r="C89971" s="14" t="s">
        <v>47</v>
      </c>
      <c r="D89971" s="14" t="s">
        <v>450</v>
      </c>
      <c r="E89971" s="15">
        <v>45557</v>
      </c>
      <c r="F89971" s="14" t="s">
        <v>15</v>
      </c>
      <c r="G89971" s="16">
        <v>0.11513459492492244</v>
      </c>
    </row>
    <row r="89972" spans="1:7" x14ac:dyDescent="0.3">
      <c r="A89972" s="13" t="s">
        <v>449</v>
      </c>
      <c r="B89972" s="14" t="s">
        <v>1</v>
      </c>
      <c r="C89972" s="14" t="s">
        <v>47</v>
      </c>
      <c r="D89972" s="14" t="s">
        <v>450</v>
      </c>
      <c r="E89972" s="15">
        <v>45558</v>
      </c>
      <c r="F89972" s="14" t="s">
        <v>15</v>
      </c>
      <c r="G89972" s="16">
        <v>0.11304106332148786</v>
      </c>
    </row>
    <row r="89973" spans="1:7" x14ac:dyDescent="0.3">
      <c r="A89973" s="13" t="s">
        <v>449</v>
      </c>
      <c r="B89973" s="14" t="s">
        <v>1</v>
      </c>
      <c r="C89973" s="14" t="s">
        <v>47</v>
      </c>
      <c r="D89973" s="14" t="s">
        <v>450</v>
      </c>
      <c r="E89973" s="15">
        <v>45559</v>
      </c>
      <c r="F89973" s="14" t="s">
        <v>15</v>
      </c>
      <c r="G89973" s="16">
        <v>0.11448106043508231</v>
      </c>
    </row>
    <row r="89974" spans="1:7" x14ac:dyDescent="0.3">
      <c r="A89974" s="13" t="s">
        <v>449</v>
      </c>
      <c r="B89974" s="14" t="s">
        <v>1</v>
      </c>
      <c r="C89974" s="14" t="s">
        <v>47</v>
      </c>
      <c r="D89974" s="14" t="s">
        <v>450</v>
      </c>
      <c r="E89974" s="15">
        <v>45560</v>
      </c>
      <c r="F89974" s="14" t="s">
        <v>15</v>
      </c>
      <c r="G89974" s="16">
        <v>0.11238348263944266</v>
      </c>
    </row>
    <row r="89975" spans="1:7" x14ac:dyDescent="0.3">
      <c r="A89975" s="13" t="s">
        <v>449</v>
      </c>
      <c r="B89975" s="14" t="s">
        <v>1</v>
      </c>
      <c r="C89975" s="14" t="s">
        <v>47</v>
      </c>
      <c r="D89975" s="14" t="s">
        <v>450</v>
      </c>
      <c r="E89975" s="15">
        <v>45561</v>
      </c>
      <c r="F89975" s="14" t="s">
        <v>15</v>
      </c>
      <c r="G89975" s="16">
        <v>0.11027114171008184</v>
      </c>
    </row>
    <row r="89976" spans="1:7" x14ac:dyDescent="0.3">
      <c r="A89976" s="13" t="s">
        <v>449</v>
      </c>
      <c r="B89976" s="14" t="s">
        <v>1</v>
      </c>
      <c r="C89976" s="14" t="s">
        <v>47</v>
      </c>
      <c r="D89976" s="14" t="s">
        <v>450</v>
      </c>
      <c r="E89976" s="15">
        <v>45562</v>
      </c>
      <c r="F89976" s="14" t="s">
        <v>15</v>
      </c>
      <c r="G89976" s="16">
        <v>0.10814988636065077</v>
      </c>
    </row>
    <row r="89977" spans="1:7" x14ac:dyDescent="0.3">
      <c r="A89977" s="13" t="s">
        <v>449</v>
      </c>
      <c r="B89977" s="14" t="s">
        <v>1</v>
      </c>
      <c r="C89977" s="14" t="s">
        <v>47</v>
      </c>
      <c r="D89977" s="14" t="s">
        <v>450</v>
      </c>
      <c r="E89977" s="15">
        <v>45563</v>
      </c>
      <c r="F89977" s="14" t="s">
        <v>15</v>
      </c>
      <c r="G89977" s="16">
        <v>0.10814988636065077</v>
      </c>
    </row>
    <row r="89978" spans="1:7" x14ac:dyDescent="0.3">
      <c r="A89978" s="13" t="s">
        <v>449</v>
      </c>
      <c r="B89978" s="14" t="s">
        <v>1</v>
      </c>
      <c r="C89978" s="14" t="s">
        <v>47</v>
      </c>
      <c r="D89978" s="14" t="s">
        <v>450</v>
      </c>
      <c r="E89978" s="15">
        <v>45564</v>
      </c>
      <c r="F89978" s="14" t="s">
        <v>15</v>
      </c>
      <c r="G89978" s="16">
        <v>0.10814988636065077</v>
      </c>
    </row>
    <row r="89979" spans="1:7" x14ac:dyDescent="0.3">
      <c r="A89979" s="13" t="s">
        <v>449</v>
      </c>
      <c r="B89979" s="14" t="s">
        <v>1</v>
      </c>
      <c r="C89979" s="14" t="s">
        <v>47</v>
      </c>
      <c r="D89979" s="14" t="s">
        <v>450</v>
      </c>
      <c r="E89979" s="15">
        <v>45565</v>
      </c>
      <c r="F89979" s="14" t="s">
        <v>15</v>
      </c>
      <c r="G89979" s="16">
        <v>0.1146505131226828</v>
      </c>
    </row>
    <row r="89980" spans="1:7" x14ac:dyDescent="0.3">
      <c r="A89980" s="13" t="s">
        <v>449</v>
      </c>
      <c r="B89980" s="14" t="s">
        <v>1</v>
      </c>
      <c r="C89980" s="14" t="s">
        <v>47</v>
      </c>
      <c r="D89980" s="14" t="s">
        <v>450</v>
      </c>
      <c r="E89980" s="15">
        <v>45566</v>
      </c>
      <c r="F89980" s="14" t="s">
        <v>15</v>
      </c>
      <c r="G89980" s="16">
        <v>0.11301908419777539</v>
      </c>
    </row>
    <row r="89981" spans="1:7" x14ac:dyDescent="0.3">
      <c r="A89981" s="13" t="s">
        <v>449</v>
      </c>
      <c r="B89981" s="14" t="s">
        <v>1</v>
      </c>
      <c r="C89981" s="14" t="s">
        <v>47</v>
      </c>
      <c r="D89981" s="14" t="s">
        <v>450</v>
      </c>
      <c r="E89981" s="15">
        <v>45567</v>
      </c>
      <c r="F89981" s="14" t="s">
        <v>15</v>
      </c>
      <c r="G89981" s="16">
        <v>0.11615428773014341</v>
      </c>
    </row>
    <row r="89982" spans="1:7" x14ac:dyDescent="0.3">
      <c r="A89982" s="13" t="s">
        <v>449</v>
      </c>
      <c r="B89982" s="14" t="s">
        <v>1</v>
      </c>
      <c r="C89982" s="14" t="s">
        <v>47</v>
      </c>
      <c r="D89982" s="14" t="s">
        <v>450</v>
      </c>
      <c r="E89982" s="15">
        <v>45568</v>
      </c>
      <c r="F89982" s="14" t="s">
        <v>15</v>
      </c>
      <c r="G89982" s="16">
        <v>0.11401027569872579</v>
      </c>
    </row>
    <row r="89983" spans="1:7" x14ac:dyDescent="0.3">
      <c r="A89983" s="13" t="s">
        <v>449</v>
      </c>
      <c r="B89983" s="14" t="s">
        <v>1</v>
      </c>
      <c r="C89983" s="14" t="s">
        <v>47</v>
      </c>
      <c r="D89983" s="14" t="s">
        <v>450</v>
      </c>
      <c r="E89983" s="15">
        <v>45569</v>
      </c>
      <c r="F89983" s="14" t="s">
        <v>15</v>
      </c>
      <c r="G89983" s="16">
        <v>0.11186169002043833</v>
      </c>
    </row>
    <row r="89984" spans="1:7" x14ac:dyDescent="0.3">
      <c r="A89984" s="13" t="s">
        <v>449</v>
      </c>
      <c r="B89984" s="14" t="s">
        <v>1</v>
      </c>
      <c r="C89984" s="14" t="s">
        <v>47</v>
      </c>
      <c r="D89984" s="14" t="s">
        <v>450</v>
      </c>
      <c r="E89984" s="15">
        <v>45570</v>
      </c>
      <c r="F89984" s="14" t="s">
        <v>15</v>
      </c>
      <c r="G89984" s="16">
        <v>0.11186169002043833</v>
      </c>
    </row>
    <row r="89985" spans="1:7" x14ac:dyDescent="0.3">
      <c r="A89985" s="13" t="s">
        <v>449</v>
      </c>
      <c r="B89985" s="14" t="s">
        <v>1</v>
      </c>
      <c r="C89985" s="14" t="s">
        <v>47</v>
      </c>
      <c r="D89985" s="14" t="s">
        <v>450</v>
      </c>
      <c r="E89985" s="15">
        <v>45571</v>
      </c>
      <c r="F89985" s="14" t="s">
        <v>15</v>
      </c>
      <c r="G89985" s="16">
        <v>0.11186169002043833</v>
      </c>
    </row>
    <row r="89986" spans="1:7" x14ac:dyDescent="0.3">
      <c r="A89986" s="13" t="s">
        <v>449</v>
      </c>
      <c r="B89986" s="14" t="s">
        <v>1</v>
      </c>
      <c r="C89986" s="14" t="s">
        <v>47</v>
      </c>
      <c r="D89986" s="14" t="s">
        <v>450</v>
      </c>
      <c r="E89986" s="15">
        <v>45572</v>
      </c>
      <c r="F89986" s="14" t="s">
        <v>15</v>
      </c>
      <c r="G89986" s="16">
        <v>0.10971678557011928</v>
      </c>
    </row>
    <row r="89987" spans="1:7" x14ac:dyDescent="0.3">
      <c r="A89987" s="13" t="s">
        <v>449</v>
      </c>
      <c r="B89987" s="14" t="s">
        <v>1</v>
      </c>
      <c r="C89987" s="14" t="s">
        <v>47</v>
      </c>
      <c r="D89987" s="14" t="s">
        <v>450</v>
      </c>
      <c r="E89987" s="15">
        <v>45573</v>
      </c>
      <c r="F89987" s="14" t="s">
        <v>15</v>
      </c>
      <c r="G89987" s="16">
        <v>0.10321877327097601</v>
      </c>
    </row>
    <row r="89988" spans="1:7" x14ac:dyDescent="0.3">
      <c r="A89988" s="13" t="s">
        <v>449</v>
      </c>
      <c r="B89988" s="14" t="s">
        <v>1</v>
      </c>
      <c r="C89988" s="14" t="s">
        <v>47</v>
      </c>
      <c r="D89988" s="14" t="s">
        <v>450</v>
      </c>
      <c r="E89988" s="15">
        <v>45574</v>
      </c>
      <c r="F89988" s="14" t="s">
        <v>15</v>
      </c>
      <c r="G89988" s="16">
        <v>0.10104453054927237</v>
      </c>
    </row>
    <row r="89989" spans="1:7" x14ac:dyDescent="0.3">
      <c r="A89989" s="13" t="s">
        <v>449</v>
      </c>
      <c r="B89989" s="14" t="s">
        <v>1</v>
      </c>
      <c r="C89989" s="14" t="s">
        <v>47</v>
      </c>
      <c r="D89989" s="14" t="s">
        <v>450</v>
      </c>
      <c r="E89989" s="15">
        <v>45575</v>
      </c>
      <c r="F89989" s="14" t="s">
        <v>15</v>
      </c>
      <c r="G89989" s="16">
        <v>9.8867052809051045E-2</v>
      </c>
    </row>
    <row r="89990" spans="1:7" x14ac:dyDescent="0.3">
      <c r="A89990" s="13" t="s">
        <v>449</v>
      </c>
      <c r="B89990" s="14" t="s">
        <v>1</v>
      </c>
      <c r="C89990" s="14" t="s">
        <v>47</v>
      </c>
      <c r="D89990" s="14" t="s">
        <v>450</v>
      </c>
      <c r="E89990" s="15">
        <v>45576</v>
      </c>
      <c r="F89990" s="14" t="s">
        <v>15</v>
      </c>
      <c r="G89990" s="16">
        <v>9.6681877955804879E-2</v>
      </c>
    </row>
    <row r="89991" spans="1:7" x14ac:dyDescent="0.3">
      <c r="A89991" s="13" t="s">
        <v>449</v>
      </c>
      <c r="B89991" s="14" t="s">
        <v>1</v>
      </c>
      <c r="C89991" s="14" t="s">
        <v>47</v>
      </c>
      <c r="D89991" s="14" t="s">
        <v>450</v>
      </c>
      <c r="E89991" s="15">
        <v>45577</v>
      </c>
      <c r="F89991" s="14" t="s">
        <v>15</v>
      </c>
      <c r="G89991" s="16">
        <v>9.6681877955804879E-2</v>
      </c>
    </row>
    <row r="89992" spans="1:7" x14ac:dyDescent="0.3">
      <c r="A89992" s="13" t="s">
        <v>449</v>
      </c>
      <c r="B89992" s="14" t="s">
        <v>1</v>
      </c>
      <c r="C89992" s="14" t="s">
        <v>47</v>
      </c>
      <c r="D89992" s="14" t="s">
        <v>450</v>
      </c>
      <c r="E89992" s="15">
        <v>45578</v>
      </c>
      <c r="F89992" s="14" t="s">
        <v>15</v>
      </c>
      <c r="G89992" s="16">
        <v>9.6681877955804879E-2</v>
      </c>
    </row>
    <row r="89993" spans="1:7" x14ac:dyDescent="0.3">
      <c r="A89993" s="13" t="s">
        <v>449</v>
      </c>
      <c r="B89993" s="14" t="s">
        <v>1</v>
      </c>
      <c r="C89993" s="14" t="s">
        <v>47</v>
      </c>
      <c r="D89993" s="14" t="s">
        <v>450</v>
      </c>
      <c r="E89993" s="15">
        <v>45579</v>
      </c>
      <c r="F89993" s="14" t="s">
        <v>15</v>
      </c>
      <c r="G89993" s="16">
        <v>9.6681877955804879E-2</v>
      </c>
    </row>
    <row r="89994" spans="1:7" x14ac:dyDescent="0.3">
      <c r="A89994" s="13" t="s">
        <v>449</v>
      </c>
      <c r="B89994" s="14" t="s">
        <v>1</v>
      </c>
      <c r="C89994" s="14" t="s">
        <v>47</v>
      </c>
      <c r="D89994" s="14" t="s">
        <v>450</v>
      </c>
      <c r="E89994" s="15">
        <v>45580</v>
      </c>
      <c r="F89994" s="14" t="s">
        <v>15</v>
      </c>
      <c r="G89994" s="16">
        <v>9.8055781233833517E-2</v>
      </c>
    </row>
    <row r="89995" spans="1:7" x14ac:dyDescent="0.3">
      <c r="A89995" s="13" t="s">
        <v>449</v>
      </c>
      <c r="B89995" s="14" t="s">
        <v>1</v>
      </c>
      <c r="C89995" s="14" t="s">
        <v>47</v>
      </c>
      <c r="D89995" s="14" t="s">
        <v>450</v>
      </c>
      <c r="E89995" s="15">
        <v>45581</v>
      </c>
      <c r="F89995" s="14" t="s">
        <v>15</v>
      </c>
      <c r="G89995" s="16">
        <v>8.9304745865661644E-2</v>
      </c>
    </row>
    <row r="89996" spans="1:7" x14ac:dyDescent="0.3">
      <c r="A89996" s="13" t="s">
        <v>449</v>
      </c>
      <c r="B89996" s="14" t="s">
        <v>1</v>
      </c>
      <c r="C89996" s="14" t="s">
        <v>47</v>
      </c>
      <c r="D89996" s="14" t="s">
        <v>450</v>
      </c>
      <c r="E89996" s="15">
        <v>45582</v>
      </c>
      <c r="F89996" s="14" t="s">
        <v>15</v>
      </c>
      <c r="G89996" s="16">
        <v>8.7139315780609655E-2</v>
      </c>
    </row>
    <row r="89997" spans="1:7" x14ac:dyDescent="0.3">
      <c r="A89997" s="13" t="s">
        <v>449</v>
      </c>
      <c r="B89997" s="14" t="s">
        <v>1</v>
      </c>
      <c r="C89997" s="14" t="s">
        <v>47</v>
      </c>
      <c r="D89997" s="14" t="s">
        <v>450</v>
      </c>
      <c r="E89997" s="15">
        <v>45583</v>
      </c>
      <c r="F89997" s="14" t="s">
        <v>15</v>
      </c>
      <c r="G89997" s="16">
        <v>8.4961726488025635E-2</v>
      </c>
    </row>
    <row r="89998" spans="1:7" x14ac:dyDescent="0.3">
      <c r="A89998" s="13" t="s">
        <v>449</v>
      </c>
      <c r="B89998" s="14" t="s">
        <v>1</v>
      </c>
      <c r="C89998" s="14" t="s">
        <v>47</v>
      </c>
      <c r="D89998" s="14" t="s">
        <v>450</v>
      </c>
      <c r="E89998" s="15">
        <v>45584</v>
      </c>
      <c r="F89998" s="14" t="s">
        <v>15</v>
      </c>
      <c r="G89998" s="16">
        <v>8.4961726488025635E-2</v>
      </c>
    </row>
    <row r="89999" spans="1:7" x14ac:dyDescent="0.3">
      <c r="A89999" s="13" t="s">
        <v>449</v>
      </c>
      <c r="B89999" s="14" t="s">
        <v>1</v>
      </c>
      <c r="C89999" s="14" t="s">
        <v>47</v>
      </c>
      <c r="D89999" s="14" t="s">
        <v>450</v>
      </c>
      <c r="E89999" s="15">
        <v>45585</v>
      </c>
      <c r="F89999" s="14" t="s">
        <v>15</v>
      </c>
      <c r="G89999" s="16">
        <v>8.4961726488025635E-2</v>
      </c>
    </row>
    <row r="90000" spans="1:7" x14ac:dyDescent="0.3">
      <c r="A90000" s="13" t="s">
        <v>449</v>
      </c>
      <c r="B90000" s="14" t="s">
        <v>1</v>
      </c>
      <c r="C90000" s="14" t="s">
        <v>47</v>
      </c>
      <c r="D90000" s="14" t="s">
        <v>450</v>
      </c>
      <c r="E90000" s="15">
        <v>45586</v>
      </c>
      <c r="F90000" s="14" t="s">
        <v>15</v>
      </c>
      <c r="G90000" s="16">
        <v>8.5772186003848713E-2</v>
      </c>
    </row>
    <row r="90001" spans="1:7" x14ac:dyDescent="0.3">
      <c r="A90001" s="13" t="s">
        <v>449</v>
      </c>
      <c r="B90001" s="14" t="s">
        <v>1</v>
      </c>
      <c r="C90001" s="14" t="s">
        <v>47</v>
      </c>
      <c r="D90001" s="14" t="s">
        <v>450</v>
      </c>
      <c r="E90001" s="15">
        <v>45587</v>
      </c>
      <c r="F90001" s="14" t="s">
        <v>15</v>
      </c>
      <c r="G90001" s="16">
        <v>7.9203684141539096E-2</v>
      </c>
    </row>
    <row r="90002" spans="1:7" x14ac:dyDescent="0.3">
      <c r="A90002" s="13" t="s">
        <v>449</v>
      </c>
      <c r="B90002" s="14" t="s">
        <v>1</v>
      </c>
      <c r="C90002" s="14" t="s">
        <v>47</v>
      </c>
      <c r="D90002" s="14" t="s">
        <v>450</v>
      </c>
      <c r="E90002" s="15">
        <v>45588</v>
      </c>
      <c r="F90002" s="14" t="s">
        <v>15</v>
      </c>
      <c r="G90002" s="16">
        <v>7.7026222407801631E-2</v>
      </c>
    </row>
    <row r="90003" spans="1:7" x14ac:dyDescent="0.3">
      <c r="A90003" s="13" t="s">
        <v>449</v>
      </c>
      <c r="B90003" s="14" t="s">
        <v>1</v>
      </c>
      <c r="C90003" s="14" t="s">
        <v>47</v>
      </c>
      <c r="D90003" s="14" t="s">
        <v>450</v>
      </c>
      <c r="E90003" s="15">
        <v>45589</v>
      </c>
      <c r="F90003" s="14" t="s">
        <v>15</v>
      </c>
      <c r="G90003" s="16">
        <v>7.4862069900120121E-2</v>
      </c>
    </row>
    <row r="90004" spans="1:7" x14ac:dyDescent="0.3">
      <c r="A90004" s="13" t="s">
        <v>449</v>
      </c>
      <c r="B90004" s="14" t="s">
        <v>1</v>
      </c>
      <c r="C90004" s="14" t="s">
        <v>47</v>
      </c>
      <c r="D90004" s="14" t="s">
        <v>450</v>
      </c>
      <c r="E90004" s="15">
        <v>45590</v>
      </c>
      <c r="F90004" s="14" t="s">
        <v>15</v>
      </c>
      <c r="G90004" s="16">
        <v>7.2712858882067466E-2</v>
      </c>
    </row>
    <row r="90005" spans="1:7" x14ac:dyDescent="0.3">
      <c r="A90005" s="13" t="s">
        <v>449</v>
      </c>
      <c r="B90005" s="14" t="s">
        <v>1</v>
      </c>
      <c r="C90005" s="14" t="s">
        <v>47</v>
      </c>
      <c r="D90005" s="14" t="s">
        <v>450</v>
      </c>
      <c r="E90005" s="15">
        <v>45591</v>
      </c>
      <c r="F90005" s="14" t="s">
        <v>15</v>
      </c>
      <c r="G90005" s="16">
        <v>7.2712858882067466E-2</v>
      </c>
    </row>
    <row r="90006" spans="1:7" x14ac:dyDescent="0.3">
      <c r="A90006" s="13" t="s">
        <v>449</v>
      </c>
      <c r="B90006" s="14" t="s">
        <v>1</v>
      </c>
      <c r="C90006" s="14" t="s">
        <v>47</v>
      </c>
      <c r="D90006" s="14" t="s">
        <v>450</v>
      </c>
      <c r="E90006" s="15">
        <v>45592</v>
      </c>
      <c r="F90006" s="14" t="s">
        <v>15</v>
      </c>
      <c r="G90006" s="16">
        <v>7.2712858882067466E-2</v>
      </c>
    </row>
    <row r="90007" spans="1:7" x14ac:dyDescent="0.3">
      <c r="A90007" s="13" t="s">
        <v>449</v>
      </c>
      <c r="B90007" s="14" t="s">
        <v>1</v>
      </c>
      <c r="C90007" s="14" t="s">
        <v>47</v>
      </c>
      <c r="D90007" s="14" t="s">
        <v>450</v>
      </c>
      <c r="E90007" s="15">
        <v>45593</v>
      </c>
      <c r="F90007" s="14" t="s">
        <v>15</v>
      </c>
      <c r="G90007" s="16">
        <v>7.2712858882067466E-2</v>
      </c>
    </row>
    <row r="90008" spans="1:7" x14ac:dyDescent="0.3">
      <c r="A90008" s="13" t="s">
        <v>449</v>
      </c>
      <c r="B90008" s="14" t="s">
        <v>1</v>
      </c>
      <c r="C90008" s="14" t="s">
        <v>47</v>
      </c>
      <c r="D90008" s="14" t="s">
        <v>450</v>
      </c>
      <c r="E90008" s="15">
        <v>45594</v>
      </c>
      <c r="F90008" s="14" t="s">
        <v>15</v>
      </c>
      <c r="G90008" s="16">
        <v>7.4849595330239507E-2</v>
      </c>
    </row>
    <row r="90009" spans="1:7" x14ac:dyDescent="0.3">
      <c r="A90009" s="13" t="s">
        <v>449</v>
      </c>
      <c r="B90009" s="14" t="s">
        <v>1</v>
      </c>
      <c r="C90009" s="14" t="s">
        <v>47</v>
      </c>
      <c r="D90009" s="14" t="s">
        <v>450</v>
      </c>
      <c r="E90009" s="15">
        <v>45595</v>
      </c>
      <c r="F90009" s="14" t="s">
        <v>15</v>
      </c>
      <c r="G90009" s="16">
        <v>6.6118595351310941E-2</v>
      </c>
    </row>
    <row r="90010" spans="1:7" x14ac:dyDescent="0.3">
      <c r="A90010" s="13" t="s">
        <v>449</v>
      </c>
      <c r="B90010" s="14" t="s">
        <v>1</v>
      </c>
      <c r="C90010" s="14" t="s">
        <v>47</v>
      </c>
      <c r="D90010" s="14" t="s">
        <v>450</v>
      </c>
      <c r="E90010" s="15">
        <v>45596</v>
      </c>
      <c r="F90010" s="14" t="s">
        <v>15</v>
      </c>
      <c r="G90010" s="16">
        <v>6.3906102730124328E-2</v>
      </c>
    </row>
    <row r="90011" spans="1:7" x14ac:dyDescent="0.3">
      <c r="A90011" s="13" t="s">
        <v>449</v>
      </c>
      <c r="B90011" s="14" t="s">
        <v>1</v>
      </c>
      <c r="C90011" s="14" t="s">
        <v>47</v>
      </c>
      <c r="D90011" s="14" t="s">
        <v>450</v>
      </c>
      <c r="E90011" s="15">
        <v>45597</v>
      </c>
      <c r="F90011" s="14" t="s">
        <v>15</v>
      </c>
      <c r="G90011" s="16">
        <v>6.1713699506758028E-2</v>
      </c>
    </row>
    <row r="90012" spans="1:7" x14ac:dyDescent="0.3">
      <c r="A90012" s="13" t="s">
        <v>449</v>
      </c>
      <c r="B90012" s="14" t="s">
        <v>1</v>
      </c>
      <c r="C90012" s="14" t="s">
        <v>47</v>
      </c>
      <c r="D90012" s="14" t="s">
        <v>450</v>
      </c>
      <c r="E90012" s="15">
        <v>45598</v>
      </c>
      <c r="F90012" s="14" t="s">
        <v>15</v>
      </c>
      <c r="G90012" s="16">
        <v>6.1713699506758028E-2</v>
      </c>
    </row>
    <row r="90013" spans="1:7" x14ac:dyDescent="0.3">
      <c r="A90013" s="13" t="s">
        <v>449</v>
      </c>
      <c r="B90013" s="14" t="s">
        <v>1</v>
      </c>
      <c r="C90013" s="14" t="s">
        <v>47</v>
      </c>
      <c r="D90013" s="14" t="s">
        <v>450</v>
      </c>
      <c r="E90013" s="15">
        <v>45599</v>
      </c>
      <c r="F90013" s="14" t="s">
        <v>15</v>
      </c>
      <c r="G90013" s="16">
        <v>6.1713699506758028E-2</v>
      </c>
    </row>
    <row r="90014" spans="1:7" x14ac:dyDescent="0.3">
      <c r="A90014" s="13" t="s">
        <v>449</v>
      </c>
      <c r="B90014" s="14" t="s">
        <v>1</v>
      </c>
      <c r="C90014" s="14" t="s">
        <v>47</v>
      </c>
      <c r="D90014" s="14" t="s">
        <v>450</v>
      </c>
      <c r="E90014" s="15">
        <v>45600</v>
      </c>
      <c r="F90014" s="14" t="s">
        <v>15</v>
      </c>
      <c r="G90014" s="16">
        <v>6.2414922921933229E-2</v>
      </c>
    </row>
    <row r="90015" spans="1:7" x14ac:dyDescent="0.3">
      <c r="A90015" s="13" t="s">
        <v>449</v>
      </c>
      <c r="B90015" s="14" t="s">
        <v>1</v>
      </c>
      <c r="C90015" s="14" t="s">
        <v>47</v>
      </c>
      <c r="D90015" s="14" t="s">
        <v>450</v>
      </c>
      <c r="E90015" s="15">
        <v>45601</v>
      </c>
      <c r="F90015" s="14" t="s">
        <v>15</v>
      </c>
      <c r="G90015" s="16">
        <v>5.5983028964801659E-2</v>
      </c>
    </row>
    <row r="90016" spans="1:7" x14ac:dyDescent="0.3">
      <c r="A90016" s="13" t="s">
        <v>449</v>
      </c>
      <c r="B90016" s="14" t="s">
        <v>1</v>
      </c>
      <c r="C90016" s="14" t="s">
        <v>47</v>
      </c>
      <c r="D90016" s="14" t="s">
        <v>450</v>
      </c>
      <c r="E90016" s="15">
        <v>45602</v>
      </c>
      <c r="F90016" s="14" t="s">
        <v>15</v>
      </c>
      <c r="G90016" s="16">
        <v>5.3839844766095081E-2</v>
      </c>
    </row>
    <row r="90017" spans="1:7" x14ac:dyDescent="0.3">
      <c r="A90017" s="13" t="s">
        <v>449</v>
      </c>
      <c r="B90017" s="14" t="s">
        <v>1</v>
      </c>
      <c r="C90017" s="14" t="s">
        <v>47</v>
      </c>
      <c r="D90017" s="14" t="s">
        <v>450</v>
      </c>
      <c r="E90017" s="15">
        <v>45603</v>
      </c>
      <c r="F90017" s="14" t="s">
        <v>15</v>
      </c>
      <c r="G90017" s="16">
        <v>5.2679032120801196E-2</v>
      </c>
    </row>
    <row r="90018" spans="1:7" x14ac:dyDescent="0.3">
      <c r="A90018" s="13" t="s">
        <v>449</v>
      </c>
      <c r="B90018" s="14" t="s">
        <v>1</v>
      </c>
      <c r="C90018" s="14" t="s">
        <v>47</v>
      </c>
      <c r="D90018" s="14" t="s">
        <v>450</v>
      </c>
      <c r="E90018" s="15">
        <v>45604</v>
      </c>
      <c r="F90018" s="14" t="s">
        <v>15</v>
      </c>
      <c r="G90018" s="16">
        <v>5.0478342020834011E-2</v>
      </c>
    </row>
    <row r="90019" spans="1:7" x14ac:dyDescent="0.3">
      <c r="A90019" s="13" t="s">
        <v>449</v>
      </c>
      <c r="B90019" s="14" t="s">
        <v>1</v>
      </c>
      <c r="C90019" s="14" t="s">
        <v>47</v>
      </c>
      <c r="D90019" s="14" t="s">
        <v>450</v>
      </c>
      <c r="E90019" s="15">
        <v>45605</v>
      </c>
      <c r="F90019" s="14" t="s">
        <v>15</v>
      </c>
      <c r="G90019" s="16">
        <v>5.0478342020834011E-2</v>
      </c>
    </row>
    <row r="90020" spans="1:7" x14ac:dyDescent="0.3">
      <c r="A90020" s="13" t="s">
        <v>449</v>
      </c>
      <c r="B90020" s="14" t="s">
        <v>1</v>
      </c>
      <c r="C90020" s="14" t="s">
        <v>47</v>
      </c>
      <c r="D90020" s="14" t="s">
        <v>450</v>
      </c>
      <c r="E90020" s="15">
        <v>45606</v>
      </c>
      <c r="F90020" s="14" t="s">
        <v>15</v>
      </c>
      <c r="G90020" s="16">
        <v>5.0478342020834011E-2</v>
      </c>
    </row>
    <row r="90021" spans="1:7" x14ac:dyDescent="0.3">
      <c r="A90021" s="13" t="s">
        <v>449</v>
      </c>
      <c r="B90021" s="14" t="s">
        <v>1</v>
      </c>
      <c r="C90021" s="14" t="s">
        <v>47</v>
      </c>
      <c r="D90021" s="14" t="s">
        <v>450</v>
      </c>
      <c r="E90021" s="15">
        <v>45607</v>
      </c>
      <c r="F90021" s="14" t="s">
        <v>15</v>
      </c>
      <c r="G90021" s="16">
        <v>5.0478342020834011E-2</v>
      </c>
    </row>
    <row r="90022" spans="1:7" x14ac:dyDescent="0.3">
      <c r="A90022" s="13" t="s">
        <v>449</v>
      </c>
      <c r="B90022" s="14" t="s">
        <v>1</v>
      </c>
      <c r="C90022" s="14" t="s">
        <v>47</v>
      </c>
      <c r="D90022" s="14" t="s">
        <v>450</v>
      </c>
      <c r="E90022" s="15">
        <v>45608</v>
      </c>
      <c r="F90022" s="14" t="s">
        <v>15</v>
      </c>
      <c r="G90022" s="16">
        <v>4.8251284586227683E-2</v>
      </c>
    </row>
    <row r="90023" spans="1:7" x14ac:dyDescent="0.3">
      <c r="A90023" s="13" t="s">
        <v>449</v>
      </c>
      <c r="B90023" s="14" t="s">
        <v>1</v>
      </c>
      <c r="C90023" s="14" t="s">
        <v>47</v>
      </c>
      <c r="D90023" s="14" t="s">
        <v>450</v>
      </c>
      <c r="E90023" s="15">
        <v>45609</v>
      </c>
      <c r="F90023" s="14" t="s">
        <v>15</v>
      </c>
      <c r="G90023" s="16">
        <v>3.9270924956854636E-2</v>
      </c>
    </row>
    <row r="90024" spans="1:7" x14ac:dyDescent="0.3">
      <c r="A90024" s="13" t="s">
        <v>449</v>
      </c>
      <c r="B90024" s="14" t="s">
        <v>1</v>
      </c>
      <c r="C90024" s="14" t="s">
        <v>47</v>
      </c>
      <c r="D90024" s="14" t="s">
        <v>450</v>
      </c>
      <c r="E90024" s="15">
        <v>45610</v>
      </c>
      <c r="F90024" s="14" t="s">
        <v>15</v>
      </c>
      <c r="G90024" s="16">
        <v>3.7067598123423529E-2</v>
      </c>
    </row>
    <row r="90025" spans="1:7" x14ac:dyDescent="0.3">
      <c r="A90025" s="13" t="s">
        <v>449</v>
      </c>
      <c r="B90025" s="14" t="s">
        <v>1</v>
      </c>
      <c r="C90025" s="14" t="s">
        <v>47</v>
      </c>
      <c r="D90025" s="14" t="s">
        <v>450</v>
      </c>
      <c r="E90025" s="15">
        <v>45611</v>
      </c>
      <c r="F90025" s="14" t="s">
        <v>15</v>
      </c>
      <c r="G90025" s="16">
        <v>3.5743433562103327E-2</v>
      </c>
    </row>
    <row r="90026" spans="1:7" x14ac:dyDescent="0.3">
      <c r="A90026" s="13" t="s">
        <v>449</v>
      </c>
      <c r="B90026" s="14" t="s">
        <v>1</v>
      </c>
      <c r="C90026" s="14" t="s">
        <v>47</v>
      </c>
      <c r="D90026" s="14" t="s">
        <v>450</v>
      </c>
      <c r="E90026" s="15">
        <v>45612</v>
      </c>
      <c r="F90026" s="14" t="s">
        <v>15</v>
      </c>
      <c r="G90026" s="16">
        <v>3.5743433562103327E-2</v>
      </c>
    </row>
    <row r="90027" spans="1:7" x14ac:dyDescent="0.3">
      <c r="A90027" s="13" t="s">
        <v>449</v>
      </c>
      <c r="B90027" s="14" t="s">
        <v>1</v>
      </c>
      <c r="C90027" s="14" t="s">
        <v>47</v>
      </c>
      <c r="D90027" s="14" t="s">
        <v>450</v>
      </c>
      <c r="E90027" s="15">
        <v>45613</v>
      </c>
      <c r="F90027" s="14" t="s">
        <v>15</v>
      </c>
      <c r="G90027" s="16">
        <v>3.5743433562103327E-2</v>
      </c>
    </row>
    <row r="90028" spans="1:7" x14ac:dyDescent="0.3">
      <c r="A90028" s="13" t="s">
        <v>449</v>
      </c>
      <c r="B90028" s="14" t="s">
        <v>1</v>
      </c>
      <c r="C90028" s="14" t="s">
        <v>47</v>
      </c>
      <c r="D90028" s="14" t="s">
        <v>450</v>
      </c>
      <c r="E90028" s="15">
        <v>45614</v>
      </c>
      <c r="F90028" s="14" t="s">
        <v>15</v>
      </c>
      <c r="G90028" s="16">
        <v>3.357350535254848E-2</v>
      </c>
    </row>
    <row r="90029" spans="1:7" x14ac:dyDescent="0.3">
      <c r="A90029" s="13" t="s">
        <v>449</v>
      </c>
      <c r="B90029" s="14" t="s">
        <v>1</v>
      </c>
      <c r="C90029" s="14" t="s">
        <v>47</v>
      </c>
      <c r="D90029" s="14" t="s">
        <v>450</v>
      </c>
      <c r="E90029" s="15">
        <v>45615</v>
      </c>
      <c r="F90029" s="14" t="s">
        <v>15</v>
      </c>
      <c r="G90029" s="16">
        <v>2.7137719074589232E-2</v>
      </c>
    </row>
    <row r="90030" spans="1:7" x14ac:dyDescent="0.3">
      <c r="A90030" s="13" t="s">
        <v>449</v>
      </c>
      <c r="B90030" s="14" t="s">
        <v>1</v>
      </c>
      <c r="C90030" s="14" t="s">
        <v>47</v>
      </c>
      <c r="D90030" s="14" t="s">
        <v>450</v>
      </c>
      <c r="E90030" s="15">
        <v>45616</v>
      </c>
      <c r="F90030" s="14" t="s">
        <v>15</v>
      </c>
      <c r="G90030" s="16">
        <v>2.4992274818627876E-2</v>
      </c>
    </row>
    <row r="90031" spans="1:7" x14ac:dyDescent="0.3">
      <c r="A90031" s="13" t="s">
        <v>449</v>
      </c>
      <c r="B90031" s="14" t="s">
        <v>1</v>
      </c>
      <c r="C90031" s="14" t="s">
        <v>47</v>
      </c>
      <c r="D90031" s="14" t="s">
        <v>450</v>
      </c>
      <c r="E90031" s="15">
        <v>45617</v>
      </c>
      <c r="F90031" s="14" t="s">
        <v>15</v>
      </c>
      <c r="G90031" s="16">
        <v>2.2820086551818244E-2</v>
      </c>
    </row>
    <row r="90032" spans="1:7" x14ac:dyDescent="0.3">
      <c r="A90032" s="13" t="s">
        <v>449</v>
      </c>
      <c r="B90032" s="14" t="s">
        <v>1</v>
      </c>
      <c r="C90032" s="14" t="s">
        <v>47</v>
      </c>
      <c r="D90032" s="14" t="s">
        <v>450</v>
      </c>
      <c r="E90032" s="15">
        <v>45618</v>
      </c>
      <c r="F90032" s="14" t="s">
        <v>15</v>
      </c>
      <c r="G90032" s="16">
        <v>2.0656059602873107E-2</v>
      </c>
    </row>
    <row r="90033" spans="1:7" x14ac:dyDescent="0.3">
      <c r="A90033" s="13" t="s">
        <v>449</v>
      </c>
      <c r="B90033" s="14" t="s">
        <v>1</v>
      </c>
      <c r="C90033" s="14" t="s">
        <v>47</v>
      </c>
      <c r="D90033" s="14" t="s">
        <v>450</v>
      </c>
      <c r="E90033" s="15">
        <v>45619</v>
      </c>
      <c r="F90033" s="14" t="s">
        <v>15</v>
      </c>
      <c r="G90033" s="16">
        <v>2.0656059602873107E-2</v>
      </c>
    </row>
    <row r="90034" spans="1:7" x14ac:dyDescent="0.3">
      <c r="A90034" s="13" t="s">
        <v>449</v>
      </c>
      <c r="B90034" s="14" t="s">
        <v>1</v>
      </c>
      <c r="C90034" s="14" t="s">
        <v>47</v>
      </c>
      <c r="D90034" s="14" t="s">
        <v>450</v>
      </c>
      <c r="E90034" s="15">
        <v>45620</v>
      </c>
      <c r="F90034" s="14" t="s">
        <v>15</v>
      </c>
      <c r="G90034" s="16">
        <v>2.0656059602873107E-2</v>
      </c>
    </row>
    <row r="90035" spans="1:7" x14ac:dyDescent="0.3">
      <c r="A90035" s="13" t="s">
        <v>449</v>
      </c>
      <c r="B90035" s="14" t="s">
        <v>1</v>
      </c>
      <c r="C90035" s="14" t="s">
        <v>47</v>
      </c>
      <c r="D90035" s="14" t="s">
        <v>450</v>
      </c>
      <c r="E90035" s="15">
        <v>45621</v>
      </c>
      <c r="F90035" s="14" t="s">
        <v>15</v>
      </c>
      <c r="G90035" s="16">
        <v>1.8471943256107667E-2</v>
      </c>
    </row>
    <row r="90036" spans="1:7" x14ac:dyDescent="0.3">
      <c r="A90036" s="13" t="s">
        <v>449</v>
      </c>
      <c r="B90036" s="14" t="s">
        <v>1</v>
      </c>
      <c r="C90036" s="14" t="s">
        <v>47</v>
      </c>
      <c r="D90036" s="14" t="s">
        <v>450</v>
      </c>
      <c r="E90036" s="15">
        <v>45622</v>
      </c>
      <c r="F90036" s="14" t="s">
        <v>15</v>
      </c>
      <c r="G90036" s="16">
        <v>1.1850706724519771E-2</v>
      </c>
    </row>
    <row r="90037" spans="1:7" x14ac:dyDescent="0.3">
      <c r="A90037" s="13" t="s">
        <v>449</v>
      </c>
      <c r="B90037" s="14" t="s">
        <v>1</v>
      </c>
      <c r="C90037" s="14" t="s">
        <v>47</v>
      </c>
      <c r="D90037" s="14" t="s">
        <v>450</v>
      </c>
      <c r="E90037" s="15">
        <v>45623</v>
      </c>
      <c r="F90037" s="14" t="s">
        <v>15</v>
      </c>
      <c r="G90037" s="16">
        <v>9.6367943975544552E-3</v>
      </c>
    </row>
    <row r="90038" spans="1:7" x14ac:dyDescent="0.3">
      <c r="A90038" s="13" t="s">
        <v>449</v>
      </c>
      <c r="B90038" s="14" t="s">
        <v>1</v>
      </c>
      <c r="C90038" s="14" t="s">
        <v>47</v>
      </c>
      <c r="D90038" s="14" t="s">
        <v>450</v>
      </c>
      <c r="E90038" s="15">
        <v>45624</v>
      </c>
      <c r="F90038" s="14" t="s">
        <v>15</v>
      </c>
      <c r="G90038" s="16">
        <v>9.6367943975544552E-3</v>
      </c>
    </row>
    <row r="90039" spans="1:7" x14ac:dyDescent="0.3">
      <c r="A90039" s="13" t="s">
        <v>449</v>
      </c>
      <c r="B90039" s="14" t="s">
        <v>1</v>
      </c>
      <c r="C90039" s="14" t="s">
        <v>47</v>
      </c>
      <c r="D90039" s="14" t="s">
        <v>450</v>
      </c>
      <c r="E90039" s="15">
        <v>45625</v>
      </c>
      <c r="F90039" s="14" t="s">
        <v>15</v>
      </c>
      <c r="G90039" s="16">
        <v>7.4472919264274009E-3</v>
      </c>
    </row>
    <row r="90040" spans="1:7" x14ac:dyDescent="0.3">
      <c r="A90040" s="13" t="s">
        <v>449</v>
      </c>
      <c r="B90040" s="14" t="s">
        <v>1</v>
      </c>
      <c r="C90040" s="14" t="s">
        <v>47</v>
      </c>
      <c r="D90040" s="14" t="s">
        <v>450</v>
      </c>
      <c r="E90040" s="15">
        <v>45626</v>
      </c>
      <c r="F90040" s="14" t="s">
        <v>15</v>
      </c>
      <c r="G90040" s="16">
        <v>7.4472919264274009E-3</v>
      </c>
    </row>
    <row r="90041" spans="1:7" x14ac:dyDescent="0.3">
      <c r="A90041" s="13" t="s">
        <v>449</v>
      </c>
      <c r="B90041" s="14" t="s">
        <v>1</v>
      </c>
      <c r="C90041" s="14" t="s">
        <v>47</v>
      </c>
      <c r="D90041" s="14" t="s">
        <v>450</v>
      </c>
      <c r="E90041" s="15">
        <v>45627</v>
      </c>
      <c r="F90041" s="14" t="s">
        <v>15</v>
      </c>
      <c r="G90041" s="16">
        <v>7.4472919264274009E-3</v>
      </c>
    </row>
    <row r="90042" spans="1:7" x14ac:dyDescent="0.3">
      <c r="A90042" s="13" t="s">
        <v>449</v>
      </c>
      <c r="B90042" s="14" t="s">
        <v>1</v>
      </c>
      <c r="C90042" s="14" t="s">
        <v>47</v>
      </c>
      <c r="D90042" s="14" t="s">
        <v>450</v>
      </c>
      <c r="E90042" s="15">
        <v>45628</v>
      </c>
      <c r="F90042" s="14" t="s">
        <v>15</v>
      </c>
      <c r="G90042" s="16">
        <v>4.3992804667299023E-3</v>
      </c>
    </row>
    <row r="90043" spans="1:7" x14ac:dyDescent="0.3">
      <c r="A90043" s="13" t="s">
        <v>449</v>
      </c>
      <c r="B90043" s="14" t="s">
        <v>1</v>
      </c>
      <c r="C90043" s="14" t="s">
        <v>47</v>
      </c>
      <c r="D90043" s="14" t="s">
        <v>450</v>
      </c>
      <c r="E90043" s="15">
        <v>45629</v>
      </c>
      <c r="F90043" s="14" t="s">
        <v>15</v>
      </c>
      <c r="G90043" s="16">
        <v>0</v>
      </c>
    </row>
    <row r="90044" spans="1:7" x14ac:dyDescent="0.3">
      <c r="A90044" s="13" t="s">
        <v>449</v>
      </c>
      <c r="B90044" s="14" t="s">
        <v>1</v>
      </c>
      <c r="C90044" s="14" t="s">
        <v>47</v>
      </c>
      <c r="D90044" s="14" t="s">
        <v>450</v>
      </c>
      <c r="E90044" s="15">
        <v>45630</v>
      </c>
      <c r="F90044" s="14" t="s">
        <v>15</v>
      </c>
      <c r="G90044" s="16">
        <v>4.8228428669604331E-3</v>
      </c>
    </row>
    <row r="90045" spans="1:7" x14ac:dyDescent="0.3">
      <c r="A90045" s="13" t="s">
        <v>449</v>
      </c>
      <c r="B90045" s="14" t="s">
        <v>1</v>
      </c>
      <c r="C90045" s="14" t="s">
        <v>47</v>
      </c>
      <c r="D90045" s="14" t="s">
        <v>450</v>
      </c>
      <c r="E90045" s="15">
        <v>45631</v>
      </c>
      <c r="F90045" s="14" t="s">
        <v>15</v>
      </c>
      <c r="G90045" s="16">
        <v>2.5786336012782129E-3</v>
      </c>
    </row>
    <row r="90046" spans="1:7" x14ac:dyDescent="0.3">
      <c r="A90046" s="13" t="s">
        <v>449</v>
      </c>
      <c r="B90046" s="14" t="s">
        <v>1</v>
      </c>
      <c r="C90046" s="14" t="s">
        <v>47</v>
      </c>
      <c r="D90046" s="14" t="s">
        <v>450</v>
      </c>
      <c r="E90046" s="15">
        <v>45632</v>
      </c>
      <c r="F90046" s="14" t="s">
        <v>15</v>
      </c>
      <c r="G90046" s="16">
        <v>7.7459745050291106E-3</v>
      </c>
    </row>
    <row r="90047" spans="1:7" x14ac:dyDescent="0.3">
      <c r="A90047" s="13" t="s">
        <v>449</v>
      </c>
      <c r="B90047" s="14" t="s">
        <v>1</v>
      </c>
      <c r="C90047" s="14" t="s">
        <v>47</v>
      </c>
      <c r="D90047" s="14" t="s">
        <v>450</v>
      </c>
      <c r="E90047" s="15">
        <v>45633</v>
      </c>
      <c r="F90047" s="14" t="s">
        <v>15</v>
      </c>
      <c r="G90047" s="16">
        <v>7.7459745050291106E-3</v>
      </c>
    </row>
    <row r="90048" spans="1:7" x14ac:dyDescent="0.3">
      <c r="A90048" s="13" t="s">
        <v>449</v>
      </c>
      <c r="B90048" s="14" t="s">
        <v>1</v>
      </c>
      <c r="C90048" s="14" t="s">
        <v>47</v>
      </c>
      <c r="D90048" s="14" t="s">
        <v>450</v>
      </c>
      <c r="E90048" s="15">
        <v>45634</v>
      </c>
      <c r="F90048" s="14" t="s">
        <v>15</v>
      </c>
      <c r="G90048" s="16">
        <v>7.7459745050291106E-3</v>
      </c>
    </row>
    <row r="90049" spans="1:7" x14ac:dyDescent="0.3">
      <c r="A90049" s="13" t="s">
        <v>449</v>
      </c>
      <c r="B90049" s="14" t="s">
        <v>1</v>
      </c>
      <c r="C90049" s="14" t="s">
        <v>47</v>
      </c>
      <c r="D90049" s="14" t="s">
        <v>450</v>
      </c>
      <c r="E90049" s="15">
        <v>45635</v>
      </c>
      <c r="F90049" s="14" t="s">
        <v>15</v>
      </c>
      <c r="G90049" s="16">
        <v>5.4803707186415924E-3</v>
      </c>
    </row>
    <row r="90050" spans="1:7" x14ac:dyDescent="0.3">
      <c r="A90050" s="13" t="s">
        <v>449</v>
      </c>
      <c r="B90050" s="14" t="s">
        <v>1</v>
      </c>
      <c r="C90050" s="14" t="s">
        <v>47</v>
      </c>
      <c r="D90050" s="14" t="s">
        <v>450</v>
      </c>
      <c r="E90050" s="15">
        <v>45636</v>
      </c>
      <c r="F90050" s="14" t="s">
        <v>15</v>
      </c>
      <c r="G90050" s="16">
        <v>5.0713518498349099E-3</v>
      </c>
    </row>
    <row r="90051" spans="1:7" x14ac:dyDescent="0.3">
      <c r="A90051" s="13" t="s">
        <v>449</v>
      </c>
      <c r="B90051" s="14" t="s">
        <v>1</v>
      </c>
      <c r="C90051" s="14" t="s">
        <v>47</v>
      </c>
      <c r="D90051" s="14" t="s">
        <v>450</v>
      </c>
      <c r="E90051" s="15">
        <v>45637</v>
      </c>
      <c r="F90051" s="14" t="s">
        <v>15</v>
      </c>
      <c r="G90051" s="16">
        <v>2.8112110527235639E-3</v>
      </c>
    </row>
    <row r="90052" spans="1:7" x14ac:dyDescent="0.3">
      <c r="A90052" s="13" t="s">
        <v>449</v>
      </c>
      <c r="B90052" s="14" t="s">
        <v>1</v>
      </c>
      <c r="C90052" s="14" t="s">
        <v>47</v>
      </c>
      <c r="D90052" s="14" t="s">
        <v>450</v>
      </c>
      <c r="E90052" s="15">
        <v>45638</v>
      </c>
      <c r="F90052" s="14" t="s">
        <v>15</v>
      </c>
      <c r="G90052" s="16">
        <v>5.7755618353569878E-3</v>
      </c>
    </row>
    <row r="90053" spans="1:7" x14ac:dyDescent="0.3">
      <c r="A90053" s="13" t="s">
        <v>449</v>
      </c>
      <c r="B90053" s="14" t="s">
        <v>1</v>
      </c>
      <c r="C90053" s="14" t="s">
        <v>47</v>
      </c>
      <c r="D90053" s="14" t="s">
        <v>450</v>
      </c>
      <c r="E90053" s="15">
        <v>45639</v>
      </c>
      <c r="F90053" s="14" t="s">
        <v>15</v>
      </c>
      <c r="G90053" s="16">
        <v>3.5132358509022514E-3</v>
      </c>
    </row>
    <row r="90054" spans="1:7" x14ac:dyDescent="0.3">
      <c r="A90054" s="13" t="s">
        <v>449</v>
      </c>
      <c r="B90054" s="14" t="s">
        <v>1</v>
      </c>
      <c r="C90054" s="14" t="s">
        <v>47</v>
      </c>
      <c r="D90054" s="14" t="s">
        <v>450</v>
      </c>
      <c r="E90054" s="15">
        <v>45640</v>
      </c>
      <c r="F90054" s="14" t="s">
        <v>15</v>
      </c>
      <c r="G90054" s="16">
        <v>3.5132358509022514E-3</v>
      </c>
    </row>
    <row r="90055" spans="1:7" x14ac:dyDescent="0.3">
      <c r="A90055" s="13" t="s">
        <v>449</v>
      </c>
      <c r="B90055" s="14" t="s">
        <v>1</v>
      </c>
      <c r="C90055" s="14" t="s">
        <v>47</v>
      </c>
      <c r="D90055" s="14" t="s">
        <v>450</v>
      </c>
      <c r="E90055" s="15">
        <v>45641</v>
      </c>
      <c r="F90055" s="14" t="s">
        <v>15</v>
      </c>
      <c r="G90055" s="16">
        <v>3.5132358509022514E-3</v>
      </c>
    </row>
    <row r="90056" spans="1:7" x14ac:dyDescent="0.3">
      <c r="A90056" s="13" t="s">
        <v>449</v>
      </c>
      <c r="B90056" s="14" t="s">
        <v>1</v>
      </c>
      <c r="C90056" s="14" t="s">
        <v>47</v>
      </c>
      <c r="D90056" s="14" t="s">
        <v>450</v>
      </c>
      <c r="E90056" s="15">
        <v>45642</v>
      </c>
      <c r="F90056" s="14" t="s">
        <v>15</v>
      </c>
      <c r="G90056" s="16">
        <v>5.3675114630910657E-3</v>
      </c>
    </row>
    <row r="90057" spans="1:7" x14ac:dyDescent="0.3">
      <c r="A90057" s="13" t="s">
        <v>449</v>
      </c>
      <c r="B90057" s="14" t="s">
        <v>1</v>
      </c>
      <c r="C90057" s="14" t="s">
        <v>47</v>
      </c>
      <c r="D90057" s="14" t="s">
        <v>450</v>
      </c>
      <c r="E90057" s="15">
        <v>45643</v>
      </c>
      <c r="F90057" s="14" t="s">
        <v>15</v>
      </c>
      <c r="G90057" s="16">
        <v>0</v>
      </c>
    </row>
    <row r="90058" spans="1:7" x14ac:dyDescent="0.3">
      <c r="A90058" s="13" t="s">
        <v>449</v>
      </c>
      <c r="B90058" s="14" t="s">
        <v>1</v>
      </c>
      <c r="C90058" s="14" t="s">
        <v>47</v>
      </c>
      <c r="D90058" s="14" t="s">
        <v>450</v>
      </c>
      <c r="E90058" s="15">
        <v>45644</v>
      </c>
      <c r="F90058" s="14" t="s">
        <v>15</v>
      </c>
      <c r="G90058" s="16">
        <v>0</v>
      </c>
    </row>
    <row r="90059" spans="1:7" x14ac:dyDescent="0.3">
      <c r="A90059" s="13" t="s">
        <v>449</v>
      </c>
      <c r="B90059" s="14" t="s">
        <v>1</v>
      </c>
      <c r="C90059" s="14" t="s">
        <v>47</v>
      </c>
      <c r="D90059" s="14" t="s">
        <v>450</v>
      </c>
      <c r="E90059" s="15">
        <v>45645</v>
      </c>
      <c r="F90059" s="14" t="s">
        <v>15</v>
      </c>
      <c r="G90059" s="16">
        <v>0</v>
      </c>
    </row>
    <row r="90060" spans="1:7" x14ac:dyDescent="0.3">
      <c r="A90060" s="13" t="s">
        <v>449</v>
      </c>
      <c r="B90060" s="14" t="s">
        <v>1</v>
      </c>
      <c r="C90060" s="14" t="s">
        <v>47</v>
      </c>
      <c r="D90060" s="14" t="s">
        <v>450</v>
      </c>
      <c r="E90060" s="15">
        <v>45646</v>
      </c>
      <c r="F90060" s="14" t="s">
        <v>15</v>
      </c>
      <c r="G90060" s="16">
        <v>0</v>
      </c>
    </row>
    <row r="90061" spans="1:7" x14ac:dyDescent="0.3">
      <c r="A90061" s="13" t="s">
        <v>449</v>
      </c>
      <c r="B90061" s="14" t="s">
        <v>1</v>
      </c>
      <c r="C90061" s="14" t="s">
        <v>47</v>
      </c>
      <c r="D90061" s="14" t="s">
        <v>450</v>
      </c>
      <c r="E90061" s="15">
        <v>45647</v>
      </c>
      <c r="F90061" s="14" t="s">
        <v>15</v>
      </c>
      <c r="G90061" s="16">
        <v>0</v>
      </c>
    </row>
    <row r="90062" spans="1:7" x14ac:dyDescent="0.3">
      <c r="A90062" s="13" t="s">
        <v>449</v>
      </c>
      <c r="B90062" s="14" t="s">
        <v>1</v>
      </c>
      <c r="C90062" s="14" t="s">
        <v>47</v>
      </c>
      <c r="D90062" s="14" t="s">
        <v>450</v>
      </c>
      <c r="E90062" s="15">
        <v>45648</v>
      </c>
      <c r="F90062" s="14" t="s">
        <v>15</v>
      </c>
      <c r="G90062" s="16">
        <v>0</v>
      </c>
    </row>
    <row r="90063" spans="1:7" x14ac:dyDescent="0.3">
      <c r="A90063" s="13" t="s">
        <v>449</v>
      </c>
      <c r="B90063" s="14" t="s">
        <v>1</v>
      </c>
      <c r="C90063" s="14" t="s">
        <v>47</v>
      </c>
      <c r="D90063" s="14" t="s">
        <v>450</v>
      </c>
      <c r="E90063" s="15">
        <v>45649</v>
      </c>
      <c r="F90063" s="14" t="s">
        <v>15</v>
      </c>
      <c r="G90063" s="16">
        <v>5.8943147722804795E-4</v>
      </c>
    </row>
    <row r="90064" spans="1:7" x14ac:dyDescent="0.3">
      <c r="A90064" s="13" t="s">
        <v>449</v>
      </c>
      <c r="B90064" s="14" t="s">
        <v>1</v>
      </c>
      <c r="C90064" s="14" t="s">
        <v>47</v>
      </c>
      <c r="D90064" s="14" t="s">
        <v>450</v>
      </c>
      <c r="E90064" s="15">
        <v>45650</v>
      </c>
      <c r="F90064" s="14" t="s">
        <v>15</v>
      </c>
      <c r="G90064" s="16">
        <v>3.5186587942360542E-4</v>
      </c>
    </row>
    <row r="90065" spans="1:7" x14ac:dyDescent="0.3">
      <c r="A90065" s="13" t="s">
        <v>449</v>
      </c>
      <c r="B90065" s="14" t="s">
        <v>1</v>
      </c>
      <c r="C90065" s="14" t="s">
        <v>47</v>
      </c>
      <c r="D90065" s="14" t="s">
        <v>450</v>
      </c>
      <c r="E90065" s="15">
        <v>45651</v>
      </c>
      <c r="F90065" s="14" t="s">
        <v>15</v>
      </c>
      <c r="G90065" s="16">
        <v>3.5186587942360542E-4</v>
      </c>
    </row>
    <row r="90066" spans="1:7" x14ac:dyDescent="0.3">
      <c r="A90066" s="13" t="s">
        <v>449</v>
      </c>
      <c r="B90066" s="14" t="s">
        <v>1</v>
      </c>
      <c r="C90066" s="14" t="s">
        <v>47</v>
      </c>
      <c r="D90066" s="14" t="s">
        <v>450</v>
      </c>
      <c r="E90066" s="15">
        <v>45652</v>
      </c>
      <c r="F90066" s="14" t="s">
        <v>15</v>
      </c>
      <c r="G90066" s="16">
        <v>3.5186587942360542E-4</v>
      </c>
    </row>
    <row r="90067" spans="1:7" x14ac:dyDescent="0.3">
      <c r="A90067" s="13" t="s">
        <v>449</v>
      </c>
      <c r="B90067" s="14" t="s">
        <v>1</v>
      </c>
      <c r="C90067" s="14" t="s">
        <v>47</v>
      </c>
      <c r="D90067" s="14" t="s">
        <v>450</v>
      </c>
      <c r="E90067" s="15">
        <v>45653</v>
      </c>
      <c r="F90067" s="14" t="s">
        <v>15</v>
      </c>
      <c r="G90067" s="16">
        <v>3.5186587942360542E-4</v>
      </c>
    </row>
    <row r="90068" spans="1:7" x14ac:dyDescent="0.3">
      <c r="A90068" s="13" t="s">
        <v>449</v>
      </c>
      <c r="B90068" s="14" t="s">
        <v>1</v>
      </c>
      <c r="C90068" s="14" t="s">
        <v>47</v>
      </c>
      <c r="D90068" s="14" t="s">
        <v>450</v>
      </c>
      <c r="E90068" s="15">
        <v>45654</v>
      </c>
      <c r="F90068" s="14" t="s">
        <v>15</v>
      </c>
      <c r="G90068" s="16">
        <v>3.5186587942360542E-4</v>
      </c>
    </row>
    <row r="90069" spans="1:7" x14ac:dyDescent="0.3">
      <c r="A90069" s="13" t="s">
        <v>449</v>
      </c>
      <c r="B90069" s="14" t="s">
        <v>1</v>
      </c>
      <c r="C90069" s="14" t="s">
        <v>47</v>
      </c>
      <c r="D90069" s="14" t="s">
        <v>450</v>
      </c>
      <c r="E90069" s="15">
        <v>45655</v>
      </c>
      <c r="F90069" s="14" t="s">
        <v>15</v>
      </c>
      <c r="G90069" s="16">
        <v>3.5186587942360542E-4</v>
      </c>
    </row>
    <row r="90070" spans="1:7" x14ac:dyDescent="0.3">
      <c r="A90070" s="13" t="s">
        <v>449</v>
      </c>
      <c r="B90070" s="14" t="s">
        <v>1</v>
      </c>
      <c r="C90070" s="14" t="s">
        <v>47</v>
      </c>
      <c r="D90070" s="14" t="s">
        <v>450</v>
      </c>
      <c r="E90070" s="15">
        <v>45656</v>
      </c>
      <c r="F90070" s="14" t="s">
        <v>15</v>
      </c>
      <c r="G90070" s="16">
        <v>0</v>
      </c>
    </row>
    <row r="90071" spans="1:7" x14ac:dyDescent="0.3">
      <c r="A90071" s="13" t="s">
        <v>449</v>
      </c>
      <c r="B90071" s="14" t="s">
        <v>1</v>
      </c>
      <c r="C90071" s="14" t="s">
        <v>47</v>
      </c>
      <c r="D90071" s="14" t="s">
        <v>450</v>
      </c>
      <c r="E90071" s="15">
        <v>45657</v>
      </c>
      <c r="F90071" s="14" t="s">
        <v>15</v>
      </c>
      <c r="G90071" s="16">
        <v>2.5324441480327531E-2</v>
      </c>
    </row>
    <row r="90072" spans="1:7" x14ac:dyDescent="0.3">
      <c r="A90072" s="13" t="s">
        <v>449</v>
      </c>
      <c r="B90072" s="14" t="s">
        <v>1</v>
      </c>
      <c r="C90072" s="14" t="s">
        <v>47</v>
      </c>
      <c r="D90072" s="14" t="s">
        <v>450</v>
      </c>
      <c r="E90072" s="15">
        <v>45658</v>
      </c>
      <c r="F90072" s="14" t="s">
        <v>15</v>
      </c>
      <c r="G90072" s="16">
        <v>2.5324441480327531E-2</v>
      </c>
    </row>
    <row r="90073" spans="1:7" x14ac:dyDescent="0.3">
      <c r="A90073" s="13" t="s">
        <v>449</v>
      </c>
      <c r="B90073" s="14" t="s">
        <v>1</v>
      </c>
      <c r="C90073" s="14" t="s">
        <v>47</v>
      </c>
      <c r="D90073" s="14" t="s">
        <v>450</v>
      </c>
      <c r="E90073" s="15">
        <v>45659</v>
      </c>
      <c r="F90073" s="14" t="s">
        <v>15</v>
      </c>
      <c r="G90073" s="16">
        <v>2.7293628659733924E-2</v>
      </c>
    </row>
    <row r="90074" spans="1:7" x14ac:dyDescent="0.3">
      <c r="A90074" s="13" t="s">
        <v>449</v>
      </c>
      <c r="B90074" s="14" t="s">
        <v>1</v>
      </c>
      <c r="C90074" s="14" t="s">
        <v>47</v>
      </c>
      <c r="D90074" s="14" t="s">
        <v>450</v>
      </c>
      <c r="E90074" s="15">
        <v>45660</v>
      </c>
      <c r="F90074" s="14" t="s">
        <v>15</v>
      </c>
      <c r="G90074" s="16">
        <v>2.7172108197072494E-2</v>
      </c>
    </row>
    <row r="90075" spans="1:7" x14ac:dyDescent="0.3">
      <c r="A90075" s="13" t="s">
        <v>449</v>
      </c>
      <c r="B90075" s="14" t="s">
        <v>1</v>
      </c>
      <c r="C90075" s="14" t="s">
        <v>47</v>
      </c>
      <c r="D90075" s="14" t="s">
        <v>450</v>
      </c>
      <c r="E90075" s="15">
        <v>45661</v>
      </c>
      <c r="F90075" s="14" t="s">
        <v>15</v>
      </c>
      <c r="G90075" s="16">
        <v>2.7172108197072494E-2</v>
      </c>
    </row>
    <row r="90076" spans="1:7" x14ac:dyDescent="0.3">
      <c r="A90076" s="13" t="s">
        <v>449</v>
      </c>
      <c r="B90076" s="14" t="s">
        <v>1</v>
      </c>
      <c r="C90076" s="14" t="s">
        <v>47</v>
      </c>
      <c r="D90076" s="14" t="s">
        <v>450</v>
      </c>
      <c r="E90076" s="15">
        <v>45662</v>
      </c>
      <c r="F90076" s="14" t="s">
        <v>15</v>
      </c>
      <c r="G90076" s="16">
        <v>2.7172108197072494E-2</v>
      </c>
    </row>
    <row r="90077" spans="1:7" x14ac:dyDescent="0.3">
      <c r="A90077" s="13" t="s">
        <v>449</v>
      </c>
      <c r="B90077" s="14" t="s">
        <v>1</v>
      </c>
      <c r="C90077" s="14" t="s">
        <v>47</v>
      </c>
      <c r="D90077" s="14" t="s">
        <v>450</v>
      </c>
      <c r="E90077" s="15">
        <v>45663</v>
      </c>
      <c r="F90077" s="14" t="s">
        <v>15</v>
      </c>
      <c r="G90077" s="16">
        <v>2.499239022442477E-2</v>
      </c>
    </row>
    <row r="90078" spans="1:7" x14ac:dyDescent="0.3">
      <c r="A90078" s="13" t="s">
        <v>449</v>
      </c>
      <c r="B90078" s="14" t="s">
        <v>1</v>
      </c>
      <c r="C90078" s="14" t="s">
        <v>47</v>
      </c>
      <c r="D90078" s="14" t="s">
        <v>450</v>
      </c>
      <c r="E90078" s="15">
        <v>45664</v>
      </c>
      <c r="F90078" s="14" t="s">
        <v>15</v>
      </c>
      <c r="G90078" s="16">
        <v>1.9814305047648407E-2</v>
      </c>
    </row>
    <row r="90079" spans="1:7" x14ac:dyDescent="0.3">
      <c r="A90079" s="13" t="s">
        <v>449</v>
      </c>
      <c r="B90079" s="14" t="s">
        <v>1</v>
      </c>
      <c r="C90079" s="14" t="s">
        <v>47</v>
      </c>
      <c r="D90079" s="14" t="s">
        <v>450</v>
      </c>
      <c r="E90079" s="15">
        <v>45665</v>
      </c>
      <c r="F90079" s="14" t="s">
        <v>15</v>
      </c>
      <c r="G90079" s="16">
        <v>1.7543762804656336E-2</v>
      </c>
    </row>
    <row r="90080" spans="1:7" x14ac:dyDescent="0.3">
      <c r="A90080" s="13" t="s">
        <v>449</v>
      </c>
      <c r="B90080" s="14" t="s">
        <v>1</v>
      </c>
      <c r="C90080" s="14" t="s">
        <v>47</v>
      </c>
      <c r="D90080" s="14" t="s">
        <v>450</v>
      </c>
      <c r="E90080" s="15">
        <v>45666</v>
      </c>
      <c r="F90080" s="14" t="s">
        <v>15</v>
      </c>
      <c r="G90080" s="16">
        <v>1.7543762804656336E-2</v>
      </c>
    </row>
    <row r="90081" spans="1:7" x14ac:dyDescent="0.3">
      <c r="A90081" s="13" t="s">
        <v>449</v>
      </c>
      <c r="B90081" s="14" t="s">
        <v>1</v>
      </c>
      <c r="C90081" s="14" t="s">
        <v>47</v>
      </c>
      <c r="D90081" s="14" t="s">
        <v>450</v>
      </c>
      <c r="E90081" s="15">
        <v>45667</v>
      </c>
      <c r="F90081" s="14" t="s">
        <v>15</v>
      </c>
      <c r="G90081" s="16">
        <v>1.5275407341849125E-2</v>
      </c>
    </row>
    <row r="90082" spans="1:7" x14ac:dyDescent="0.3">
      <c r="A90082" s="13" t="s">
        <v>449</v>
      </c>
      <c r="B90082" s="14" t="s">
        <v>1</v>
      </c>
      <c r="C90082" s="14" t="s">
        <v>47</v>
      </c>
      <c r="D90082" s="14" t="s">
        <v>450</v>
      </c>
      <c r="E90082" s="15">
        <v>45668</v>
      </c>
      <c r="F90082" s="14" t="s">
        <v>15</v>
      </c>
      <c r="G90082" s="16">
        <v>1.5275407341849125E-2</v>
      </c>
    </row>
    <row r="90083" spans="1:7" x14ac:dyDescent="0.3">
      <c r="A90083" s="13" t="s">
        <v>449</v>
      </c>
      <c r="B90083" s="14" t="s">
        <v>1</v>
      </c>
      <c r="C90083" s="14" t="s">
        <v>47</v>
      </c>
      <c r="D90083" s="14" t="s">
        <v>450</v>
      </c>
      <c r="E90083" s="15">
        <v>45669</v>
      </c>
      <c r="F90083" s="14" t="s">
        <v>15</v>
      </c>
      <c r="G90083" s="16">
        <v>1.5275407341849125E-2</v>
      </c>
    </row>
    <row r="90084" spans="1:7" x14ac:dyDescent="0.3">
      <c r="A90084" s="13" t="s">
        <v>449</v>
      </c>
      <c r="B90084" s="14" t="s">
        <v>1</v>
      </c>
      <c r="C90084" s="14" t="s">
        <v>47</v>
      </c>
      <c r="D90084" s="14" t="s">
        <v>450</v>
      </c>
      <c r="E90084" s="15">
        <v>45670</v>
      </c>
      <c r="F90084" s="14" t="s">
        <v>15</v>
      </c>
      <c r="G90084" s="16">
        <v>1.2841439726375498E-2</v>
      </c>
    </row>
    <row r="90085" spans="1:7" x14ac:dyDescent="0.3">
      <c r="A90085" s="13" t="s">
        <v>449</v>
      </c>
      <c r="B90085" s="14" t="s">
        <v>1</v>
      </c>
      <c r="C90085" s="14" t="s">
        <v>47</v>
      </c>
      <c r="D90085" s="14" t="s">
        <v>450</v>
      </c>
      <c r="E90085" s="15">
        <v>45671</v>
      </c>
      <c r="F90085" s="14" t="s">
        <v>15</v>
      </c>
      <c r="G90085" s="16">
        <v>6.2607537390326085E-3</v>
      </c>
    </row>
    <row r="90086" spans="1:7" x14ac:dyDescent="0.3">
      <c r="A90086" s="13" t="s">
        <v>449</v>
      </c>
      <c r="B90086" s="14" t="s">
        <v>1</v>
      </c>
      <c r="C90086" s="14" t="s">
        <v>47</v>
      </c>
      <c r="D90086" s="14" t="s">
        <v>450</v>
      </c>
      <c r="E90086" s="15">
        <v>45672</v>
      </c>
      <c r="F90086" s="14" t="s">
        <v>15</v>
      </c>
      <c r="G90086" s="16">
        <v>4.0905118138525954E-3</v>
      </c>
    </row>
    <row r="90087" spans="1:7" x14ac:dyDescent="0.3">
      <c r="A90087" s="13" t="s">
        <v>449</v>
      </c>
      <c r="B90087" s="14" t="s">
        <v>1</v>
      </c>
      <c r="C90087" s="14" t="s">
        <v>47</v>
      </c>
      <c r="D90087" s="14" t="s">
        <v>450</v>
      </c>
      <c r="E90087" s="15">
        <v>45673</v>
      </c>
      <c r="F90087" s="14" t="s">
        <v>15</v>
      </c>
      <c r="G90087" s="16">
        <v>1.8965068773304796E-3</v>
      </c>
    </row>
    <row r="90088" spans="1:7" x14ac:dyDescent="0.3">
      <c r="A90088" s="13" t="s">
        <v>449</v>
      </c>
      <c r="B90088" s="14" t="s">
        <v>1</v>
      </c>
      <c r="C90088" s="14" t="s">
        <v>47</v>
      </c>
      <c r="D90088" s="14" t="s">
        <v>450</v>
      </c>
      <c r="E90088" s="15">
        <v>45674</v>
      </c>
      <c r="F90088" s="14" t="s">
        <v>15</v>
      </c>
      <c r="G90088" s="16">
        <v>0</v>
      </c>
    </row>
    <row r="90089" spans="1:7" x14ac:dyDescent="0.3">
      <c r="A90089" s="13" t="s">
        <v>449</v>
      </c>
      <c r="B90089" s="14" t="s">
        <v>1</v>
      </c>
      <c r="C90089" s="14" t="s">
        <v>47</v>
      </c>
      <c r="D90089" s="14" t="s">
        <v>450</v>
      </c>
      <c r="E90089" s="15">
        <v>45675</v>
      </c>
      <c r="F90089" s="14" t="s">
        <v>15</v>
      </c>
      <c r="G90089" s="16">
        <v>0</v>
      </c>
    </row>
    <row r="90090" spans="1:7" x14ac:dyDescent="0.3">
      <c r="A90090" s="13" t="s">
        <v>449</v>
      </c>
      <c r="B90090" s="14" t="s">
        <v>1</v>
      </c>
      <c r="C90090" s="14" t="s">
        <v>47</v>
      </c>
      <c r="D90090" s="14" t="s">
        <v>450</v>
      </c>
      <c r="E90090" s="15">
        <v>45676</v>
      </c>
      <c r="F90090" s="14" t="s">
        <v>15</v>
      </c>
      <c r="G90090" s="16">
        <v>0</v>
      </c>
    </row>
    <row r="90091" spans="1:7" x14ac:dyDescent="0.3">
      <c r="A90091" s="13" t="s">
        <v>449</v>
      </c>
      <c r="B90091" s="14" t="s">
        <v>1</v>
      </c>
      <c r="C90091" s="14" t="s">
        <v>47</v>
      </c>
      <c r="D90091" s="14" t="s">
        <v>450</v>
      </c>
      <c r="E90091" s="15">
        <v>45677</v>
      </c>
      <c r="F90091" s="14" t="s">
        <v>15</v>
      </c>
      <c r="G90091" s="16">
        <v>0</v>
      </c>
    </row>
    <row r="90092" spans="1:7" x14ac:dyDescent="0.3">
      <c r="A90092" s="13" t="s">
        <v>449</v>
      </c>
      <c r="B90092" s="14" t="s">
        <v>1</v>
      </c>
      <c r="C90092" s="14" t="s">
        <v>47</v>
      </c>
      <c r="D90092" s="14" t="s">
        <v>450</v>
      </c>
      <c r="E90092" s="15">
        <v>45678</v>
      </c>
      <c r="F90092" s="14" t="s">
        <v>15</v>
      </c>
      <c r="G90092" s="16">
        <v>2.6417448102167922E-3</v>
      </c>
    </row>
    <row r="90093" spans="1:7" x14ac:dyDescent="0.3">
      <c r="A90093" s="13" t="s">
        <v>449</v>
      </c>
      <c r="B90093" s="14" t="s">
        <v>1</v>
      </c>
      <c r="C90093" s="14" t="s">
        <v>47</v>
      </c>
      <c r="D90093" s="14" t="s">
        <v>450</v>
      </c>
      <c r="E90093" s="15">
        <v>45679</v>
      </c>
      <c r="F90093" s="14" t="s">
        <v>15</v>
      </c>
      <c r="G90093" s="16">
        <v>0</v>
      </c>
    </row>
    <row r="90094" spans="1:7" x14ac:dyDescent="0.3">
      <c r="A90094" s="13" t="s">
        <v>449</v>
      </c>
      <c r="B90094" s="14" t="s">
        <v>1</v>
      </c>
      <c r="C90094" s="14" t="s">
        <v>47</v>
      </c>
      <c r="D90094" s="14" t="s">
        <v>450</v>
      </c>
      <c r="E90094" s="15">
        <v>45680</v>
      </c>
      <c r="F90094" s="14" t="s">
        <v>15</v>
      </c>
      <c r="G90094" s="16">
        <v>0</v>
      </c>
    </row>
    <row r="90095" spans="1:7" x14ac:dyDescent="0.3">
      <c r="A90095" s="13" t="s">
        <v>449</v>
      </c>
      <c r="B90095" s="14" t="s">
        <v>1</v>
      </c>
      <c r="C90095" s="14" t="s">
        <v>47</v>
      </c>
      <c r="D90095" s="14" t="s">
        <v>450</v>
      </c>
      <c r="E90095" s="15">
        <v>45681</v>
      </c>
      <c r="F90095" s="14" t="s">
        <v>15</v>
      </c>
      <c r="G90095" s="16">
        <v>0</v>
      </c>
    </row>
    <row r="90096" spans="1:7" x14ac:dyDescent="0.3">
      <c r="A90096" s="13" t="s">
        <v>449</v>
      </c>
      <c r="B90096" s="14" t="s">
        <v>1</v>
      </c>
      <c r="C90096" s="14" t="s">
        <v>47</v>
      </c>
      <c r="D90096" s="14" t="s">
        <v>450</v>
      </c>
      <c r="E90096" s="15">
        <v>45682</v>
      </c>
      <c r="F90096" s="14" t="s">
        <v>15</v>
      </c>
      <c r="G90096" s="16">
        <v>0</v>
      </c>
    </row>
    <row r="90097" spans="1:7" x14ac:dyDescent="0.3">
      <c r="A90097" s="13" t="s">
        <v>449</v>
      </c>
      <c r="B90097" s="14" t="s">
        <v>1</v>
      </c>
      <c r="C90097" s="14" t="s">
        <v>47</v>
      </c>
      <c r="D90097" s="14" t="s">
        <v>450</v>
      </c>
      <c r="E90097" s="15">
        <v>45683</v>
      </c>
      <c r="F90097" s="14" t="s">
        <v>15</v>
      </c>
      <c r="G90097" s="16">
        <v>0</v>
      </c>
    </row>
    <row r="90098" spans="1:7" x14ac:dyDescent="0.3">
      <c r="A90098" s="13" t="s">
        <v>449</v>
      </c>
      <c r="B90098" s="14" t="s">
        <v>1</v>
      </c>
      <c r="C90098" s="14" t="s">
        <v>47</v>
      </c>
      <c r="D90098" s="14" t="s">
        <v>450</v>
      </c>
      <c r="E90098" s="15">
        <v>45684</v>
      </c>
      <c r="F90098" s="14" t="s">
        <v>15</v>
      </c>
      <c r="G90098" s="16">
        <v>0</v>
      </c>
    </row>
    <row r="90099" spans="1:7" x14ac:dyDescent="0.3">
      <c r="A90099" s="13" t="s">
        <v>449</v>
      </c>
      <c r="B90099" s="14" t="s">
        <v>1</v>
      </c>
      <c r="C90099" s="14" t="s">
        <v>47</v>
      </c>
      <c r="D90099" s="14" t="s">
        <v>450</v>
      </c>
      <c r="E90099" s="15">
        <v>45685</v>
      </c>
      <c r="F90099" s="14" t="s">
        <v>15</v>
      </c>
      <c r="G90099" s="16">
        <v>0</v>
      </c>
    </row>
    <row r="90100" spans="1:7" x14ac:dyDescent="0.3">
      <c r="A90100" s="13" t="s">
        <v>449</v>
      </c>
      <c r="B90100" s="14" t="s">
        <v>1</v>
      </c>
      <c r="C90100" s="14" t="s">
        <v>47</v>
      </c>
      <c r="D90100" s="14" t="s">
        <v>450</v>
      </c>
      <c r="E90100" s="15">
        <v>45686</v>
      </c>
      <c r="F90100" s="14" t="s">
        <v>15</v>
      </c>
      <c r="G90100" s="16">
        <v>0</v>
      </c>
    </row>
    <row r="90101" spans="1:7" x14ac:dyDescent="0.3">
      <c r="A90101" s="13" t="s">
        <v>449</v>
      </c>
      <c r="B90101" s="14" t="s">
        <v>1</v>
      </c>
      <c r="C90101" s="14" t="s">
        <v>47</v>
      </c>
      <c r="D90101" s="14" t="s">
        <v>450</v>
      </c>
      <c r="E90101" s="15">
        <v>45687</v>
      </c>
      <c r="F90101" s="14" t="s">
        <v>15</v>
      </c>
      <c r="G90101" s="16">
        <v>0</v>
      </c>
    </row>
    <row r="90102" spans="1:7" x14ac:dyDescent="0.3">
      <c r="A90102" s="13" t="s">
        <v>449</v>
      </c>
      <c r="B90102" s="14" t="s">
        <v>1</v>
      </c>
      <c r="C90102" s="14" t="s">
        <v>47</v>
      </c>
      <c r="D90102" s="14" t="s">
        <v>450</v>
      </c>
      <c r="E90102" s="15">
        <v>45688</v>
      </c>
      <c r="F90102" s="14" t="s">
        <v>15</v>
      </c>
      <c r="G90102" s="16">
        <v>0</v>
      </c>
    </row>
    <row r="90103" spans="1:7" x14ac:dyDescent="0.3">
      <c r="A90103" s="13" t="s">
        <v>449</v>
      </c>
      <c r="B90103" s="14" t="s">
        <v>1</v>
      </c>
      <c r="C90103" s="14" t="s">
        <v>47</v>
      </c>
      <c r="D90103" s="14" t="s">
        <v>450</v>
      </c>
      <c r="E90103" s="15">
        <v>45689</v>
      </c>
      <c r="F90103" s="14" t="s">
        <v>15</v>
      </c>
      <c r="G90103" s="16">
        <v>0</v>
      </c>
    </row>
    <row r="90104" spans="1:7" x14ac:dyDescent="0.3">
      <c r="A90104" s="13" t="s">
        <v>449</v>
      </c>
      <c r="B90104" s="14" t="s">
        <v>1</v>
      </c>
      <c r="C90104" s="14" t="s">
        <v>47</v>
      </c>
      <c r="D90104" s="14" t="s">
        <v>450</v>
      </c>
      <c r="E90104" s="15">
        <v>45690</v>
      </c>
      <c r="F90104" s="14" t="s">
        <v>15</v>
      </c>
      <c r="G90104" s="16">
        <v>0</v>
      </c>
    </row>
    <row r="90105" spans="1:7" x14ac:dyDescent="0.3">
      <c r="A90105" s="13" t="s">
        <v>449</v>
      </c>
      <c r="B90105" s="14" t="s">
        <v>1</v>
      </c>
      <c r="C90105" s="14" t="s">
        <v>47</v>
      </c>
      <c r="D90105" s="14" t="s">
        <v>450</v>
      </c>
      <c r="E90105" s="15">
        <v>45691</v>
      </c>
      <c r="F90105" s="14" t="s">
        <v>15</v>
      </c>
      <c r="G90105" s="16">
        <v>0</v>
      </c>
    </row>
    <row r="90106" spans="1:7" x14ac:dyDescent="0.3">
      <c r="A90106" s="13" t="s">
        <v>449</v>
      </c>
      <c r="B90106" s="14" t="s">
        <v>1</v>
      </c>
      <c r="C90106" s="14" t="s">
        <v>47</v>
      </c>
      <c r="D90106" s="14" t="s">
        <v>450</v>
      </c>
      <c r="E90106" s="15">
        <v>45692</v>
      </c>
      <c r="F90106" s="14" t="s">
        <v>15</v>
      </c>
      <c r="G90106" s="16">
        <v>0</v>
      </c>
    </row>
    <row r="90107" spans="1:7" x14ac:dyDescent="0.3">
      <c r="A90107" s="13" t="s">
        <v>449</v>
      </c>
      <c r="B90107" s="14" t="s">
        <v>1</v>
      </c>
      <c r="C90107" s="14" t="s">
        <v>47</v>
      </c>
      <c r="D90107" s="14" t="s">
        <v>450</v>
      </c>
      <c r="E90107" s="15">
        <v>45693</v>
      </c>
      <c r="F90107" s="14" t="s">
        <v>15</v>
      </c>
      <c r="G90107" s="16">
        <v>0</v>
      </c>
    </row>
    <row r="90108" spans="1:7" x14ac:dyDescent="0.3">
      <c r="A90108" s="13" t="s">
        <v>449</v>
      </c>
      <c r="B90108" s="14" t="s">
        <v>1</v>
      </c>
      <c r="C90108" s="14" t="s">
        <v>47</v>
      </c>
      <c r="D90108" s="14" t="s">
        <v>450</v>
      </c>
      <c r="E90108" s="15">
        <v>45694</v>
      </c>
      <c r="F90108" s="14" t="s">
        <v>15</v>
      </c>
      <c r="G90108" s="16">
        <v>0</v>
      </c>
    </row>
    <row r="90109" spans="1:7" x14ac:dyDescent="0.3">
      <c r="A90109" s="13" t="s">
        <v>449</v>
      </c>
      <c r="B90109" s="14" t="s">
        <v>1</v>
      </c>
      <c r="C90109" s="14" t="s">
        <v>47</v>
      </c>
      <c r="D90109" s="14" t="s">
        <v>450</v>
      </c>
      <c r="E90109" s="15">
        <v>45695</v>
      </c>
      <c r="F90109" s="14" t="s">
        <v>15</v>
      </c>
      <c r="G90109" s="16">
        <v>0</v>
      </c>
    </row>
    <row r="90110" spans="1:7" x14ac:dyDescent="0.3">
      <c r="A90110" s="13" t="s">
        <v>449</v>
      </c>
      <c r="B90110" s="14" t="s">
        <v>1</v>
      </c>
      <c r="C90110" s="14" t="s">
        <v>47</v>
      </c>
      <c r="D90110" s="14" t="s">
        <v>450</v>
      </c>
      <c r="E90110" s="15">
        <v>45696</v>
      </c>
      <c r="F90110" s="14" t="s">
        <v>15</v>
      </c>
      <c r="G90110" s="16">
        <v>0</v>
      </c>
    </row>
    <row r="90111" spans="1:7" x14ac:dyDescent="0.3">
      <c r="A90111" s="13" t="s">
        <v>449</v>
      </c>
      <c r="B90111" s="14" t="s">
        <v>1</v>
      </c>
      <c r="C90111" s="14" t="s">
        <v>47</v>
      </c>
      <c r="D90111" s="14" t="s">
        <v>450</v>
      </c>
      <c r="E90111" s="15">
        <v>45697</v>
      </c>
      <c r="F90111" s="14" t="s">
        <v>15</v>
      </c>
      <c r="G90111" s="16">
        <v>0</v>
      </c>
    </row>
    <row r="90112" spans="1:7" x14ac:dyDescent="0.3">
      <c r="A90112" s="13" t="s">
        <v>449</v>
      </c>
      <c r="B90112" s="14" t="s">
        <v>1</v>
      </c>
      <c r="C90112" s="14" t="s">
        <v>47</v>
      </c>
      <c r="D90112" s="14" t="s">
        <v>450</v>
      </c>
      <c r="E90112" s="15">
        <v>45698</v>
      </c>
      <c r="F90112" s="14" t="s">
        <v>15</v>
      </c>
      <c r="G90112" s="16">
        <v>0</v>
      </c>
    </row>
    <row r="90113" spans="1:7" x14ac:dyDescent="0.3">
      <c r="A90113" s="13" t="s">
        <v>449</v>
      </c>
      <c r="B90113" s="14" t="s">
        <v>1</v>
      </c>
      <c r="C90113" s="14" t="s">
        <v>47</v>
      </c>
      <c r="D90113" s="14" t="s">
        <v>450</v>
      </c>
      <c r="E90113" s="15">
        <v>45699</v>
      </c>
      <c r="F90113" s="14" t="s">
        <v>15</v>
      </c>
      <c r="G90113" s="16">
        <v>0</v>
      </c>
    </row>
    <row r="90114" spans="1:7" x14ac:dyDescent="0.3">
      <c r="A90114" s="13" t="s">
        <v>449</v>
      </c>
      <c r="B90114" s="14" t="s">
        <v>1</v>
      </c>
      <c r="C90114" s="14" t="s">
        <v>47</v>
      </c>
      <c r="D90114" s="14" t="s">
        <v>450</v>
      </c>
      <c r="E90114" s="15">
        <v>45700</v>
      </c>
      <c r="F90114" s="14" t="s">
        <v>15</v>
      </c>
      <c r="G90114" s="16">
        <v>0</v>
      </c>
    </row>
    <row r="90115" spans="1:7" x14ac:dyDescent="0.3">
      <c r="A90115" s="13" t="s">
        <v>449</v>
      </c>
      <c r="B90115" s="14" t="s">
        <v>1</v>
      </c>
      <c r="C90115" s="14" t="s">
        <v>47</v>
      </c>
      <c r="D90115" s="14" t="s">
        <v>450</v>
      </c>
      <c r="E90115" s="15">
        <v>45701</v>
      </c>
      <c r="F90115" s="14" t="s">
        <v>15</v>
      </c>
      <c r="G90115" s="16">
        <v>0</v>
      </c>
    </row>
    <row r="90116" spans="1:7" x14ac:dyDescent="0.3">
      <c r="A90116" s="13" t="s">
        <v>449</v>
      </c>
      <c r="B90116" s="14" t="s">
        <v>1</v>
      </c>
      <c r="C90116" s="14" t="s">
        <v>47</v>
      </c>
      <c r="D90116" s="14" t="s">
        <v>450</v>
      </c>
      <c r="E90116" s="15">
        <v>45702</v>
      </c>
      <c r="F90116" s="14" t="s">
        <v>15</v>
      </c>
      <c r="G90116" s="16">
        <v>0</v>
      </c>
    </row>
    <row r="90117" spans="1:7" x14ac:dyDescent="0.3">
      <c r="A90117" s="13" t="s">
        <v>449</v>
      </c>
      <c r="B90117" s="14" t="s">
        <v>1</v>
      </c>
      <c r="C90117" s="14" t="s">
        <v>47</v>
      </c>
      <c r="D90117" s="14" t="s">
        <v>450</v>
      </c>
      <c r="E90117" s="15">
        <v>45703</v>
      </c>
      <c r="F90117" s="14" t="s">
        <v>15</v>
      </c>
      <c r="G90117" s="16">
        <v>0</v>
      </c>
    </row>
    <row r="90118" spans="1:7" x14ac:dyDescent="0.3">
      <c r="A90118" s="13" t="s">
        <v>449</v>
      </c>
      <c r="B90118" s="14" t="s">
        <v>1</v>
      </c>
      <c r="C90118" s="14" t="s">
        <v>47</v>
      </c>
      <c r="D90118" s="14" t="s">
        <v>450</v>
      </c>
      <c r="E90118" s="15">
        <v>45704</v>
      </c>
      <c r="F90118" s="14" t="s">
        <v>15</v>
      </c>
      <c r="G90118" s="16">
        <v>0</v>
      </c>
    </row>
    <row r="90119" spans="1:7" x14ac:dyDescent="0.3">
      <c r="A90119" s="13" t="s">
        <v>449</v>
      </c>
      <c r="B90119" s="14" t="s">
        <v>1</v>
      </c>
      <c r="C90119" s="14" t="s">
        <v>47</v>
      </c>
      <c r="D90119" s="14" t="s">
        <v>450</v>
      </c>
      <c r="E90119" s="15">
        <v>45705</v>
      </c>
      <c r="F90119" s="14" t="s">
        <v>15</v>
      </c>
      <c r="G90119" s="16">
        <v>0</v>
      </c>
    </row>
    <row r="90120" spans="1:7" x14ac:dyDescent="0.3">
      <c r="A90120" s="13" t="s">
        <v>449</v>
      </c>
      <c r="B90120" s="14" t="s">
        <v>1</v>
      </c>
      <c r="C90120" s="14" t="s">
        <v>47</v>
      </c>
      <c r="D90120" s="14" t="s">
        <v>450</v>
      </c>
      <c r="E90120" s="15">
        <v>45706</v>
      </c>
      <c r="F90120" s="14" t="s">
        <v>15</v>
      </c>
      <c r="G90120" s="16">
        <v>0</v>
      </c>
    </row>
    <row r="90121" spans="1:7" x14ac:dyDescent="0.3">
      <c r="A90121" s="13" t="s">
        <v>449</v>
      </c>
      <c r="B90121" s="14" t="s">
        <v>1</v>
      </c>
      <c r="C90121" s="14" t="s">
        <v>47</v>
      </c>
      <c r="D90121" s="14" t="s">
        <v>450</v>
      </c>
      <c r="E90121" s="15">
        <v>45707</v>
      </c>
      <c r="F90121" s="14" t="s">
        <v>15</v>
      </c>
      <c r="G90121" s="16">
        <v>0</v>
      </c>
    </row>
    <row r="90122" spans="1:7" x14ac:dyDescent="0.3">
      <c r="A90122" s="13" t="s">
        <v>449</v>
      </c>
      <c r="B90122" s="14" t="s">
        <v>1</v>
      </c>
      <c r="C90122" s="14" t="s">
        <v>47</v>
      </c>
      <c r="D90122" s="14" t="s">
        <v>450</v>
      </c>
      <c r="E90122" s="15">
        <v>45708</v>
      </c>
      <c r="F90122" s="14" t="s">
        <v>15</v>
      </c>
      <c r="G90122" s="16">
        <v>0</v>
      </c>
    </row>
    <row r="90123" spans="1:7" x14ac:dyDescent="0.3">
      <c r="A90123" s="13" t="s">
        <v>449</v>
      </c>
      <c r="B90123" s="14" t="s">
        <v>1</v>
      </c>
      <c r="C90123" s="14" t="s">
        <v>47</v>
      </c>
      <c r="D90123" s="14" t="s">
        <v>450</v>
      </c>
      <c r="E90123" s="15">
        <v>45709</v>
      </c>
      <c r="F90123" s="14" t="s">
        <v>15</v>
      </c>
      <c r="G90123" s="16">
        <v>0</v>
      </c>
    </row>
    <row r="90124" spans="1:7" x14ac:dyDescent="0.3">
      <c r="A90124" s="13" t="s">
        <v>449</v>
      </c>
      <c r="B90124" s="14" t="s">
        <v>1</v>
      </c>
      <c r="C90124" s="14" t="s">
        <v>47</v>
      </c>
      <c r="D90124" s="14" t="s">
        <v>450</v>
      </c>
      <c r="E90124" s="15">
        <v>45710</v>
      </c>
      <c r="F90124" s="14" t="s">
        <v>15</v>
      </c>
      <c r="G90124" s="16">
        <v>0</v>
      </c>
    </row>
    <row r="90125" spans="1:7" x14ac:dyDescent="0.3">
      <c r="A90125" s="13" t="s">
        <v>449</v>
      </c>
      <c r="B90125" s="14" t="s">
        <v>1</v>
      </c>
      <c r="C90125" s="14" t="s">
        <v>47</v>
      </c>
      <c r="D90125" s="14" t="s">
        <v>450</v>
      </c>
      <c r="E90125" s="15">
        <v>45711</v>
      </c>
      <c r="F90125" s="14" t="s">
        <v>15</v>
      </c>
      <c r="G90125" s="16">
        <v>0</v>
      </c>
    </row>
    <row r="90126" spans="1:7" x14ac:dyDescent="0.3">
      <c r="A90126" s="13" t="s">
        <v>449</v>
      </c>
      <c r="B90126" s="14" t="s">
        <v>1</v>
      </c>
      <c r="C90126" s="14" t="s">
        <v>47</v>
      </c>
      <c r="D90126" s="14" t="s">
        <v>450</v>
      </c>
      <c r="E90126" s="15">
        <v>45712</v>
      </c>
      <c r="F90126" s="14" t="s">
        <v>15</v>
      </c>
      <c r="G90126" s="16">
        <v>0</v>
      </c>
    </row>
    <row r="90127" spans="1:7" x14ac:dyDescent="0.3">
      <c r="A90127" s="13" t="s">
        <v>449</v>
      </c>
      <c r="B90127" s="14" t="s">
        <v>1</v>
      </c>
      <c r="C90127" s="14" t="s">
        <v>47</v>
      </c>
      <c r="D90127" s="14" t="s">
        <v>450</v>
      </c>
      <c r="E90127" s="15">
        <v>45713</v>
      </c>
      <c r="F90127" s="14" t="s">
        <v>15</v>
      </c>
      <c r="G90127" s="16">
        <v>0</v>
      </c>
    </row>
    <row r="90128" spans="1:7" x14ac:dyDescent="0.3">
      <c r="A90128" s="13" t="s">
        <v>449</v>
      </c>
      <c r="B90128" s="14" t="s">
        <v>1</v>
      </c>
      <c r="C90128" s="14" t="s">
        <v>47</v>
      </c>
      <c r="D90128" s="14" t="s">
        <v>450</v>
      </c>
      <c r="E90128" s="15">
        <v>45714</v>
      </c>
      <c r="F90128" s="14" t="s">
        <v>15</v>
      </c>
      <c r="G90128" s="16">
        <v>0</v>
      </c>
    </row>
    <row r="90129" spans="1:7" x14ac:dyDescent="0.3">
      <c r="A90129" s="13" t="s">
        <v>449</v>
      </c>
      <c r="B90129" s="14" t="s">
        <v>1</v>
      </c>
      <c r="C90129" s="14" t="s">
        <v>47</v>
      </c>
      <c r="D90129" s="14" t="s">
        <v>450</v>
      </c>
      <c r="E90129" s="15">
        <v>45715</v>
      </c>
      <c r="F90129" s="14" t="s">
        <v>15</v>
      </c>
      <c r="G90129" s="16">
        <v>0</v>
      </c>
    </row>
    <row r="90130" spans="1:7" x14ac:dyDescent="0.3">
      <c r="A90130" s="13" t="s">
        <v>449</v>
      </c>
      <c r="B90130" s="14" t="s">
        <v>1</v>
      </c>
      <c r="C90130" s="14" t="s">
        <v>47</v>
      </c>
      <c r="D90130" s="14" t="s">
        <v>450</v>
      </c>
      <c r="E90130" s="15">
        <v>45716</v>
      </c>
      <c r="F90130" s="14" t="s">
        <v>15</v>
      </c>
      <c r="G90130" s="16">
        <v>0</v>
      </c>
    </row>
    <row r="90131" spans="1:7" x14ac:dyDescent="0.3">
      <c r="A90131" s="13" t="s">
        <v>449</v>
      </c>
      <c r="B90131" s="14" t="s">
        <v>1</v>
      </c>
      <c r="C90131" s="14" t="s">
        <v>47</v>
      </c>
      <c r="D90131" s="14" t="s">
        <v>450</v>
      </c>
      <c r="E90131" s="15">
        <v>45717</v>
      </c>
      <c r="F90131" s="14" t="s">
        <v>15</v>
      </c>
      <c r="G90131" s="16">
        <v>0</v>
      </c>
    </row>
    <row r="90132" spans="1:7" x14ac:dyDescent="0.3">
      <c r="A90132" s="13" t="s">
        <v>449</v>
      </c>
      <c r="B90132" s="14" t="s">
        <v>1</v>
      </c>
      <c r="C90132" s="14" t="s">
        <v>47</v>
      </c>
      <c r="D90132" s="14" t="s">
        <v>450</v>
      </c>
      <c r="E90132" s="15">
        <v>45718</v>
      </c>
      <c r="F90132" s="14" t="s">
        <v>15</v>
      </c>
      <c r="G90132" s="16">
        <v>0</v>
      </c>
    </row>
    <row r="90133" spans="1:7" x14ac:dyDescent="0.3">
      <c r="A90133" s="13" t="s">
        <v>449</v>
      </c>
      <c r="B90133" s="14" t="s">
        <v>1</v>
      </c>
      <c r="C90133" s="14" t="s">
        <v>47</v>
      </c>
      <c r="D90133" s="14" t="s">
        <v>450</v>
      </c>
      <c r="E90133" s="15">
        <v>45719</v>
      </c>
      <c r="F90133" s="14" t="s">
        <v>15</v>
      </c>
      <c r="G90133" s="16">
        <v>0</v>
      </c>
    </row>
    <row r="90134" spans="1:7" x14ac:dyDescent="0.3">
      <c r="A90134" s="13" t="s">
        <v>449</v>
      </c>
      <c r="B90134" s="14" t="s">
        <v>1</v>
      </c>
      <c r="C90134" s="14" t="s">
        <v>47</v>
      </c>
      <c r="D90134" s="14" t="s">
        <v>450</v>
      </c>
      <c r="E90134" s="15">
        <v>45720</v>
      </c>
      <c r="F90134" s="14" t="s">
        <v>15</v>
      </c>
      <c r="G90134" s="16">
        <v>0</v>
      </c>
    </row>
    <row r="90135" spans="1:7" x14ac:dyDescent="0.3">
      <c r="A90135" s="13" t="s">
        <v>449</v>
      </c>
      <c r="B90135" s="14" t="s">
        <v>1</v>
      </c>
      <c r="C90135" s="14" t="s">
        <v>47</v>
      </c>
      <c r="D90135" s="14" t="s">
        <v>450</v>
      </c>
      <c r="E90135" s="15">
        <v>45721</v>
      </c>
      <c r="F90135" s="14" t="s">
        <v>15</v>
      </c>
      <c r="G90135" s="16">
        <v>0</v>
      </c>
    </row>
    <row r="90136" spans="1:7" x14ac:dyDescent="0.3">
      <c r="A90136" s="13" t="s">
        <v>449</v>
      </c>
      <c r="B90136" s="14" t="s">
        <v>1</v>
      </c>
      <c r="C90136" s="14" t="s">
        <v>47</v>
      </c>
      <c r="D90136" s="14" t="s">
        <v>450</v>
      </c>
      <c r="E90136" s="15">
        <v>45722</v>
      </c>
      <c r="F90136" s="14" t="s">
        <v>15</v>
      </c>
      <c r="G90136" s="16">
        <v>0</v>
      </c>
    </row>
    <row r="90137" spans="1:7" x14ac:dyDescent="0.3">
      <c r="A90137" s="13" t="s">
        <v>449</v>
      </c>
      <c r="B90137" s="14" t="s">
        <v>1</v>
      </c>
      <c r="C90137" s="14" t="s">
        <v>47</v>
      </c>
      <c r="D90137" s="14" t="s">
        <v>450</v>
      </c>
      <c r="E90137" s="15">
        <v>45723</v>
      </c>
      <c r="F90137" s="14" t="s">
        <v>15</v>
      </c>
      <c r="G90137" s="16">
        <v>0</v>
      </c>
    </row>
    <row r="90138" spans="1:7" x14ac:dyDescent="0.3">
      <c r="A90138" s="13" t="s">
        <v>449</v>
      </c>
      <c r="B90138" s="14" t="s">
        <v>1</v>
      </c>
      <c r="C90138" s="14" t="s">
        <v>47</v>
      </c>
      <c r="D90138" s="14" t="s">
        <v>450</v>
      </c>
      <c r="E90138" s="15">
        <v>45724</v>
      </c>
      <c r="F90138" s="14" t="s">
        <v>15</v>
      </c>
      <c r="G90138" s="16">
        <v>0</v>
      </c>
    </row>
    <row r="90139" spans="1:7" x14ac:dyDescent="0.3">
      <c r="A90139" s="13" t="s">
        <v>449</v>
      </c>
      <c r="B90139" s="14" t="s">
        <v>1</v>
      </c>
      <c r="C90139" s="14" t="s">
        <v>47</v>
      </c>
      <c r="D90139" s="14" t="s">
        <v>450</v>
      </c>
      <c r="E90139" s="15">
        <v>45725</v>
      </c>
      <c r="F90139" s="14" t="s">
        <v>15</v>
      </c>
      <c r="G90139" s="16">
        <v>0</v>
      </c>
    </row>
    <row r="90140" spans="1:7" x14ac:dyDescent="0.3">
      <c r="A90140" s="13" t="s">
        <v>449</v>
      </c>
      <c r="B90140" s="14" t="s">
        <v>1</v>
      </c>
      <c r="C90140" s="14" t="s">
        <v>47</v>
      </c>
      <c r="D90140" s="14" t="s">
        <v>450</v>
      </c>
      <c r="E90140" s="15">
        <v>45726</v>
      </c>
      <c r="F90140" s="14" t="s">
        <v>15</v>
      </c>
      <c r="G90140" s="16">
        <v>0</v>
      </c>
    </row>
    <row r="90141" spans="1:7" x14ac:dyDescent="0.3">
      <c r="A90141" s="13" t="s">
        <v>449</v>
      </c>
      <c r="B90141" s="14" t="s">
        <v>1</v>
      </c>
      <c r="C90141" s="14" t="s">
        <v>47</v>
      </c>
      <c r="D90141" s="14" t="s">
        <v>450</v>
      </c>
      <c r="E90141" s="15">
        <v>45727</v>
      </c>
      <c r="F90141" s="14" t="s">
        <v>15</v>
      </c>
      <c r="G90141" s="16">
        <v>0</v>
      </c>
    </row>
    <row r="90142" spans="1:7" x14ac:dyDescent="0.3">
      <c r="A90142" s="13" t="s">
        <v>449</v>
      </c>
      <c r="B90142" s="14" t="s">
        <v>1</v>
      </c>
      <c r="C90142" s="14" t="s">
        <v>47</v>
      </c>
      <c r="D90142" s="14" t="s">
        <v>450</v>
      </c>
      <c r="E90142" s="15">
        <v>45728</v>
      </c>
      <c r="F90142" s="14" t="s">
        <v>15</v>
      </c>
      <c r="G90142" s="16">
        <v>0</v>
      </c>
    </row>
    <row r="90143" spans="1:7" x14ac:dyDescent="0.3">
      <c r="A90143" s="13" t="s">
        <v>449</v>
      </c>
      <c r="B90143" s="14" t="s">
        <v>1</v>
      </c>
      <c r="C90143" s="14" t="s">
        <v>47</v>
      </c>
      <c r="D90143" s="14" t="s">
        <v>450</v>
      </c>
      <c r="E90143" s="15">
        <v>45729</v>
      </c>
      <c r="F90143" s="14" t="s">
        <v>15</v>
      </c>
      <c r="G90143" s="16">
        <v>0</v>
      </c>
    </row>
    <row r="90144" spans="1:7" x14ac:dyDescent="0.3">
      <c r="A90144" s="13" t="s">
        <v>449</v>
      </c>
      <c r="B90144" s="14" t="s">
        <v>1</v>
      </c>
      <c r="C90144" s="14" t="s">
        <v>47</v>
      </c>
      <c r="D90144" s="14" t="s">
        <v>450</v>
      </c>
      <c r="E90144" s="15">
        <v>45730</v>
      </c>
      <c r="F90144" s="14" t="s">
        <v>15</v>
      </c>
      <c r="G90144" s="16">
        <v>0</v>
      </c>
    </row>
    <row r="90145" spans="1:7" x14ac:dyDescent="0.3">
      <c r="A90145" s="13" t="s">
        <v>449</v>
      </c>
      <c r="B90145" s="14" t="s">
        <v>1</v>
      </c>
      <c r="C90145" s="14" t="s">
        <v>47</v>
      </c>
      <c r="D90145" s="14" t="s">
        <v>450</v>
      </c>
      <c r="E90145" s="15">
        <v>45731</v>
      </c>
      <c r="F90145" s="14" t="s">
        <v>15</v>
      </c>
      <c r="G90145" s="16">
        <v>0</v>
      </c>
    </row>
    <row r="90146" spans="1:7" x14ac:dyDescent="0.3">
      <c r="A90146" s="13" t="s">
        <v>449</v>
      </c>
      <c r="B90146" s="14" t="s">
        <v>1</v>
      </c>
      <c r="C90146" s="14" t="s">
        <v>47</v>
      </c>
      <c r="D90146" s="14" t="s">
        <v>450</v>
      </c>
      <c r="E90146" s="15">
        <v>45732</v>
      </c>
      <c r="F90146" s="14" t="s">
        <v>15</v>
      </c>
      <c r="G90146" s="16">
        <v>0</v>
      </c>
    </row>
    <row r="90147" spans="1:7" x14ac:dyDescent="0.3">
      <c r="A90147" s="13" t="s">
        <v>449</v>
      </c>
      <c r="B90147" s="14" t="s">
        <v>1</v>
      </c>
      <c r="C90147" s="14" t="s">
        <v>47</v>
      </c>
      <c r="D90147" s="14" t="s">
        <v>450</v>
      </c>
      <c r="E90147" s="15">
        <v>45733</v>
      </c>
      <c r="F90147" s="14" t="s">
        <v>15</v>
      </c>
      <c r="G90147" s="16">
        <v>0</v>
      </c>
    </row>
    <row r="90148" spans="1:7" x14ac:dyDescent="0.3">
      <c r="A90148" s="13" t="s">
        <v>449</v>
      </c>
      <c r="B90148" s="14" t="s">
        <v>1</v>
      </c>
      <c r="C90148" s="14" t="s">
        <v>47</v>
      </c>
      <c r="D90148" s="14" t="s">
        <v>450</v>
      </c>
      <c r="E90148" s="15">
        <v>45734</v>
      </c>
      <c r="F90148" s="14" t="s">
        <v>15</v>
      </c>
      <c r="G90148" s="16">
        <v>0</v>
      </c>
    </row>
    <row r="90149" spans="1:7" x14ac:dyDescent="0.3">
      <c r="A90149" s="13" t="s">
        <v>449</v>
      </c>
      <c r="B90149" s="14" t="s">
        <v>1</v>
      </c>
      <c r="C90149" s="14" t="s">
        <v>47</v>
      </c>
      <c r="D90149" s="14" t="s">
        <v>450</v>
      </c>
      <c r="E90149" s="15">
        <v>45735</v>
      </c>
      <c r="F90149" s="14" t="s">
        <v>15</v>
      </c>
      <c r="G90149" s="16">
        <v>0</v>
      </c>
    </row>
    <row r="90150" spans="1:7" x14ac:dyDescent="0.3">
      <c r="A90150" s="13" t="s">
        <v>449</v>
      </c>
      <c r="B90150" s="14" t="s">
        <v>1</v>
      </c>
      <c r="C90150" s="14" t="s">
        <v>47</v>
      </c>
      <c r="D90150" s="14" t="s">
        <v>450</v>
      </c>
      <c r="E90150" s="15">
        <v>45736</v>
      </c>
      <c r="F90150" s="14" t="s">
        <v>15</v>
      </c>
      <c r="G90150" s="16">
        <v>0</v>
      </c>
    </row>
    <row r="90151" spans="1:7" x14ac:dyDescent="0.3">
      <c r="A90151" s="13" t="s">
        <v>449</v>
      </c>
      <c r="B90151" s="14" t="s">
        <v>1</v>
      </c>
      <c r="C90151" s="14" t="s">
        <v>47</v>
      </c>
      <c r="D90151" s="14" t="s">
        <v>450</v>
      </c>
      <c r="E90151" s="15">
        <v>45737</v>
      </c>
      <c r="F90151" s="14" t="s">
        <v>15</v>
      </c>
      <c r="G90151" s="16">
        <v>0</v>
      </c>
    </row>
    <row r="90152" spans="1:7" x14ac:dyDescent="0.3">
      <c r="A90152" s="13" t="s">
        <v>449</v>
      </c>
      <c r="B90152" s="14" t="s">
        <v>1</v>
      </c>
      <c r="C90152" s="14" t="s">
        <v>47</v>
      </c>
      <c r="D90152" s="14" t="s">
        <v>450</v>
      </c>
      <c r="E90152" s="15">
        <v>45738</v>
      </c>
      <c r="F90152" s="14" t="s">
        <v>15</v>
      </c>
      <c r="G90152" s="16">
        <v>0</v>
      </c>
    </row>
    <row r="90153" spans="1:7" x14ac:dyDescent="0.3">
      <c r="A90153" s="13" t="s">
        <v>449</v>
      </c>
      <c r="B90153" s="14" t="s">
        <v>1</v>
      </c>
      <c r="C90153" s="14" t="s">
        <v>47</v>
      </c>
      <c r="D90153" s="14" t="s">
        <v>450</v>
      </c>
      <c r="E90153" s="15">
        <v>45739</v>
      </c>
      <c r="F90153" s="14" t="s">
        <v>15</v>
      </c>
      <c r="G90153" s="16">
        <v>0</v>
      </c>
    </row>
    <row r="90154" spans="1:7" x14ac:dyDescent="0.3">
      <c r="A90154" s="13" t="s">
        <v>449</v>
      </c>
      <c r="B90154" s="14" t="s">
        <v>1</v>
      </c>
      <c r="C90154" s="14" t="s">
        <v>47</v>
      </c>
      <c r="D90154" s="14" t="s">
        <v>450</v>
      </c>
      <c r="E90154" s="15">
        <v>45740</v>
      </c>
      <c r="F90154" s="14" t="s">
        <v>15</v>
      </c>
      <c r="G90154" s="16">
        <v>0</v>
      </c>
    </row>
    <row r="90155" spans="1:7" x14ac:dyDescent="0.3">
      <c r="A90155" s="13" t="s">
        <v>449</v>
      </c>
      <c r="B90155" s="14" t="s">
        <v>1</v>
      </c>
      <c r="C90155" s="14" t="s">
        <v>47</v>
      </c>
      <c r="D90155" s="14" t="s">
        <v>450</v>
      </c>
      <c r="E90155" s="15">
        <v>45741</v>
      </c>
      <c r="F90155" s="14" t="s">
        <v>15</v>
      </c>
      <c r="G90155" s="16">
        <v>0</v>
      </c>
    </row>
    <row r="90156" spans="1:7" x14ac:dyDescent="0.3">
      <c r="A90156" s="13" t="s">
        <v>449</v>
      </c>
      <c r="B90156" s="14" t="s">
        <v>1</v>
      </c>
      <c r="C90156" s="14" t="s">
        <v>47</v>
      </c>
      <c r="D90156" s="14" t="s">
        <v>450</v>
      </c>
      <c r="E90156" s="15">
        <v>45742</v>
      </c>
      <c r="F90156" s="14" t="s">
        <v>15</v>
      </c>
      <c r="G90156" s="16">
        <v>0</v>
      </c>
    </row>
    <row r="90157" spans="1:7" x14ac:dyDescent="0.3">
      <c r="A90157" s="13" t="s">
        <v>449</v>
      </c>
      <c r="B90157" s="14" t="s">
        <v>1</v>
      </c>
      <c r="C90157" s="14" t="s">
        <v>47</v>
      </c>
      <c r="D90157" s="14" t="s">
        <v>450</v>
      </c>
      <c r="E90157" s="15">
        <v>45743</v>
      </c>
      <c r="F90157" s="14" t="s">
        <v>15</v>
      </c>
      <c r="G90157" s="16">
        <v>0</v>
      </c>
    </row>
    <row r="90158" spans="1:7" x14ac:dyDescent="0.3">
      <c r="A90158" s="13" t="s">
        <v>449</v>
      </c>
      <c r="B90158" s="14" t="s">
        <v>1</v>
      </c>
      <c r="C90158" s="14" t="s">
        <v>47</v>
      </c>
      <c r="D90158" s="14" t="s">
        <v>450</v>
      </c>
      <c r="E90158" s="15">
        <v>45744</v>
      </c>
      <c r="F90158" s="14" t="s">
        <v>15</v>
      </c>
      <c r="G90158" s="16">
        <v>0</v>
      </c>
    </row>
    <row r="90159" spans="1:7" x14ac:dyDescent="0.3">
      <c r="A90159" s="13" t="s">
        <v>449</v>
      </c>
      <c r="B90159" s="14" t="s">
        <v>1</v>
      </c>
      <c r="C90159" s="14" t="s">
        <v>47</v>
      </c>
      <c r="D90159" s="14" t="s">
        <v>450</v>
      </c>
      <c r="E90159" s="15">
        <v>45745</v>
      </c>
      <c r="F90159" s="14" t="s">
        <v>15</v>
      </c>
      <c r="G90159" s="16">
        <v>0</v>
      </c>
    </row>
    <row r="90160" spans="1:7" x14ac:dyDescent="0.3">
      <c r="A90160" s="13" t="s">
        <v>449</v>
      </c>
      <c r="B90160" s="14" t="s">
        <v>1</v>
      </c>
      <c r="C90160" s="14" t="s">
        <v>47</v>
      </c>
      <c r="D90160" s="14" t="s">
        <v>450</v>
      </c>
      <c r="E90160" s="15">
        <v>45746</v>
      </c>
      <c r="F90160" s="14" t="s">
        <v>15</v>
      </c>
      <c r="G90160" s="16">
        <v>0</v>
      </c>
    </row>
    <row r="90161" spans="1:7" x14ac:dyDescent="0.3">
      <c r="A90161" s="13" t="s">
        <v>449</v>
      </c>
      <c r="B90161" s="14" t="s">
        <v>1</v>
      </c>
      <c r="C90161" s="14" t="s">
        <v>47</v>
      </c>
      <c r="D90161" s="14" t="s">
        <v>450</v>
      </c>
      <c r="E90161" s="15">
        <v>45747</v>
      </c>
      <c r="F90161" s="14" t="s">
        <v>15</v>
      </c>
      <c r="G90161" s="16">
        <v>0</v>
      </c>
    </row>
    <row r="90162" spans="1:7" x14ac:dyDescent="0.3">
      <c r="A90162" s="13" t="s">
        <v>451</v>
      </c>
      <c r="B90162" s="14" t="s">
        <v>1</v>
      </c>
      <c r="C90162" s="14" t="s">
        <v>41</v>
      </c>
      <c r="D90162" s="14" t="s">
        <v>452</v>
      </c>
      <c r="E90162" s="15">
        <v>45383</v>
      </c>
      <c r="F90162" s="14" t="s">
        <v>43</v>
      </c>
      <c r="G90162" s="16">
        <v>0</v>
      </c>
    </row>
    <row r="90163" spans="1:7" x14ac:dyDescent="0.3">
      <c r="A90163" s="13" t="s">
        <v>451</v>
      </c>
      <c r="B90163" s="14" t="s">
        <v>1</v>
      </c>
      <c r="C90163" s="14" t="s">
        <v>41</v>
      </c>
      <c r="D90163" s="14" t="s">
        <v>452</v>
      </c>
      <c r="E90163" s="15">
        <v>45384</v>
      </c>
      <c r="F90163" s="14" t="s">
        <v>43</v>
      </c>
      <c r="G90163" s="16">
        <v>0</v>
      </c>
    </row>
    <row r="90164" spans="1:7" x14ac:dyDescent="0.3">
      <c r="A90164" s="13" t="s">
        <v>451</v>
      </c>
      <c r="B90164" s="14" t="s">
        <v>1</v>
      </c>
      <c r="C90164" s="14" t="s">
        <v>41</v>
      </c>
      <c r="D90164" s="14" t="s">
        <v>452</v>
      </c>
      <c r="E90164" s="15">
        <v>45385</v>
      </c>
      <c r="F90164" s="14" t="s">
        <v>43</v>
      </c>
      <c r="G90164" s="16">
        <v>0</v>
      </c>
    </row>
    <row r="90165" spans="1:7" x14ac:dyDescent="0.3">
      <c r="A90165" s="13" t="s">
        <v>451</v>
      </c>
      <c r="B90165" s="14" t="s">
        <v>1</v>
      </c>
      <c r="C90165" s="14" t="s">
        <v>41</v>
      </c>
      <c r="D90165" s="14" t="s">
        <v>452</v>
      </c>
      <c r="E90165" s="15">
        <v>45386</v>
      </c>
      <c r="F90165" s="14" t="s">
        <v>43</v>
      </c>
      <c r="G90165" s="16">
        <v>0</v>
      </c>
    </row>
    <row r="90166" spans="1:7" x14ac:dyDescent="0.3">
      <c r="A90166" s="13" t="s">
        <v>451</v>
      </c>
      <c r="B90166" s="14" t="s">
        <v>1</v>
      </c>
      <c r="C90166" s="14" t="s">
        <v>41</v>
      </c>
      <c r="D90166" s="14" t="s">
        <v>452</v>
      </c>
      <c r="E90166" s="15">
        <v>45387</v>
      </c>
      <c r="F90166" s="14" t="s">
        <v>43</v>
      </c>
      <c r="G90166" s="16">
        <v>0</v>
      </c>
    </row>
    <row r="90167" spans="1:7" x14ac:dyDescent="0.3">
      <c r="A90167" s="13" t="s">
        <v>451</v>
      </c>
      <c r="B90167" s="14" t="s">
        <v>1</v>
      </c>
      <c r="C90167" s="14" t="s">
        <v>41</v>
      </c>
      <c r="D90167" s="14" t="s">
        <v>452</v>
      </c>
      <c r="E90167" s="15">
        <v>45388</v>
      </c>
      <c r="F90167" s="14" t="s">
        <v>43</v>
      </c>
      <c r="G90167" s="16">
        <v>0</v>
      </c>
    </row>
    <row r="90168" spans="1:7" x14ac:dyDescent="0.3">
      <c r="A90168" s="13" t="s">
        <v>451</v>
      </c>
      <c r="B90168" s="14" t="s">
        <v>1</v>
      </c>
      <c r="C90168" s="14" t="s">
        <v>41</v>
      </c>
      <c r="D90168" s="14" t="s">
        <v>452</v>
      </c>
      <c r="E90168" s="15">
        <v>45389</v>
      </c>
      <c r="F90168" s="14" t="s">
        <v>43</v>
      </c>
      <c r="G90168" s="16">
        <v>0</v>
      </c>
    </row>
    <row r="90169" spans="1:7" x14ac:dyDescent="0.3">
      <c r="A90169" s="13" t="s">
        <v>451</v>
      </c>
      <c r="B90169" s="14" t="s">
        <v>1</v>
      </c>
      <c r="C90169" s="14" t="s">
        <v>41</v>
      </c>
      <c r="D90169" s="14" t="s">
        <v>452</v>
      </c>
      <c r="E90169" s="15">
        <v>45390</v>
      </c>
      <c r="F90169" s="14" t="s">
        <v>43</v>
      </c>
      <c r="G90169" s="16">
        <v>0</v>
      </c>
    </row>
    <row r="90170" spans="1:7" x14ac:dyDescent="0.3">
      <c r="A90170" s="13" t="s">
        <v>451</v>
      </c>
      <c r="B90170" s="14" t="s">
        <v>1</v>
      </c>
      <c r="C90170" s="14" t="s">
        <v>41</v>
      </c>
      <c r="D90170" s="14" t="s">
        <v>452</v>
      </c>
      <c r="E90170" s="15">
        <v>45391</v>
      </c>
      <c r="F90170" s="14" t="s">
        <v>43</v>
      </c>
      <c r="G90170" s="16">
        <v>0</v>
      </c>
    </row>
    <row r="90171" spans="1:7" x14ac:dyDescent="0.3">
      <c r="A90171" s="13" t="s">
        <v>451</v>
      </c>
      <c r="B90171" s="14" t="s">
        <v>1</v>
      </c>
      <c r="C90171" s="14" t="s">
        <v>41</v>
      </c>
      <c r="D90171" s="14" t="s">
        <v>452</v>
      </c>
      <c r="E90171" s="15">
        <v>45392</v>
      </c>
      <c r="F90171" s="14" t="s">
        <v>43</v>
      </c>
      <c r="G90171" s="16">
        <v>0</v>
      </c>
    </row>
    <row r="90172" spans="1:7" x14ac:dyDescent="0.3">
      <c r="A90172" s="13" t="s">
        <v>451</v>
      </c>
      <c r="B90172" s="14" t="s">
        <v>1</v>
      </c>
      <c r="C90172" s="14" t="s">
        <v>41</v>
      </c>
      <c r="D90172" s="14" t="s">
        <v>452</v>
      </c>
      <c r="E90172" s="15">
        <v>45393</v>
      </c>
      <c r="F90172" s="14" t="s">
        <v>43</v>
      </c>
      <c r="G90172" s="16">
        <v>0</v>
      </c>
    </row>
    <row r="90173" spans="1:7" x14ac:dyDescent="0.3">
      <c r="A90173" s="13" t="s">
        <v>451</v>
      </c>
      <c r="B90173" s="14" t="s">
        <v>1</v>
      </c>
      <c r="C90173" s="14" t="s">
        <v>41</v>
      </c>
      <c r="D90173" s="14" t="s">
        <v>452</v>
      </c>
      <c r="E90173" s="15">
        <v>45394</v>
      </c>
      <c r="F90173" s="14" t="s">
        <v>43</v>
      </c>
      <c r="G90173" s="16">
        <v>0</v>
      </c>
    </row>
    <row r="90174" spans="1:7" x14ac:dyDescent="0.3">
      <c r="A90174" s="13" t="s">
        <v>451</v>
      </c>
      <c r="B90174" s="14" t="s">
        <v>1</v>
      </c>
      <c r="C90174" s="14" t="s">
        <v>41</v>
      </c>
      <c r="D90174" s="14" t="s">
        <v>452</v>
      </c>
      <c r="E90174" s="15">
        <v>45395</v>
      </c>
      <c r="F90174" s="14" t="s">
        <v>43</v>
      </c>
      <c r="G90174" s="16">
        <v>0</v>
      </c>
    </row>
    <row r="90175" spans="1:7" x14ac:dyDescent="0.3">
      <c r="A90175" s="13" t="s">
        <v>451</v>
      </c>
      <c r="B90175" s="14" t="s">
        <v>1</v>
      </c>
      <c r="C90175" s="14" t="s">
        <v>41</v>
      </c>
      <c r="D90175" s="14" t="s">
        <v>452</v>
      </c>
      <c r="E90175" s="15">
        <v>45396</v>
      </c>
      <c r="F90175" s="14" t="s">
        <v>43</v>
      </c>
      <c r="G90175" s="16">
        <v>0</v>
      </c>
    </row>
    <row r="90176" spans="1:7" x14ac:dyDescent="0.3">
      <c r="A90176" s="13" t="s">
        <v>451</v>
      </c>
      <c r="B90176" s="14" t="s">
        <v>1</v>
      </c>
      <c r="C90176" s="14" t="s">
        <v>41</v>
      </c>
      <c r="D90176" s="14" t="s">
        <v>452</v>
      </c>
      <c r="E90176" s="15">
        <v>45397</v>
      </c>
      <c r="F90176" s="14" t="s">
        <v>43</v>
      </c>
      <c r="G90176" s="16">
        <v>0</v>
      </c>
    </row>
    <row r="90177" spans="1:7" x14ac:dyDescent="0.3">
      <c r="A90177" s="13" t="s">
        <v>451</v>
      </c>
      <c r="B90177" s="14" t="s">
        <v>1</v>
      </c>
      <c r="C90177" s="14" t="s">
        <v>41</v>
      </c>
      <c r="D90177" s="14" t="s">
        <v>452</v>
      </c>
      <c r="E90177" s="15">
        <v>45398</v>
      </c>
      <c r="F90177" s="14" t="s">
        <v>43</v>
      </c>
      <c r="G90177" s="16">
        <v>0</v>
      </c>
    </row>
    <row r="90178" spans="1:7" x14ac:dyDescent="0.3">
      <c r="A90178" s="13" t="s">
        <v>451</v>
      </c>
      <c r="B90178" s="14" t="s">
        <v>1</v>
      </c>
      <c r="C90178" s="14" t="s">
        <v>41</v>
      </c>
      <c r="D90178" s="14" t="s">
        <v>452</v>
      </c>
      <c r="E90178" s="15">
        <v>45399</v>
      </c>
      <c r="F90178" s="14" t="s">
        <v>43</v>
      </c>
      <c r="G90178" s="16">
        <v>0</v>
      </c>
    </row>
    <row r="90179" spans="1:7" x14ac:dyDescent="0.3">
      <c r="A90179" s="13" t="s">
        <v>451</v>
      </c>
      <c r="B90179" s="14" t="s">
        <v>1</v>
      </c>
      <c r="C90179" s="14" t="s">
        <v>41</v>
      </c>
      <c r="D90179" s="14" t="s">
        <v>452</v>
      </c>
      <c r="E90179" s="15">
        <v>45400</v>
      </c>
      <c r="F90179" s="14" t="s">
        <v>43</v>
      </c>
      <c r="G90179" s="16">
        <v>0</v>
      </c>
    </row>
    <row r="90180" spans="1:7" x14ac:dyDescent="0.3">
      <c r="A90180" s="13" t="s">
        <v>451</v>
      </c>
      <c r="B90180" s="14" t="s">
        <v>1</v>
      </c>
      <c r="C90180" s="14" t="s">
        <v>41</v>
      </c>
      <c r="D90180" s="14" t="s">
        <v>452</v>
      </c>
      <c r="E90180" s="15">
        <v>45401</v>
      </c>
      <c r="F90180" s="14" t="s">
        <v>43</v>
      </c>
      <c r="G90180" s="16">
        <v>0</v>
      </c>
    </row>
    <row r="90181" spans="1:7" x14ac:dyDescent="0.3">
      <c r="A90181" s="13" t="s">
        <v>451</v>
      </c>
      <c r="B90181" s="14" t="s">
        <v>1</v>
      </c>
      <c r="C90181" s="14" t="s">
        <v>41</v>
      </c>
      <c r="D90181" s="14" t="s">
        <v>452</v>
      </c>
      <c r="E90181" s="15">
        <v>45402</v>
      </c>
      <c r="F90181" s="14" t="s">
        <v>43</v>
      </c>
      <c r="G90181" s="16">
        <v>0</v>
      </c>
    </row>
    <row r="90182" spans="1:7" x14ac:dyDescent="0.3">
      <c r="A90182" s="13" t="s">
        <v>451</v>
      </c>
      <c r="B90182" s="14" t="s">
        <v>1</v>
      </c>
      <c r="C90182" s="14" t="s">
        <v>41</v>
      </c>
      <c r="D90182" s="14" t="s">
        <v>452</v>
      </c>
      <c r="E90182" s="15">
        <v>45403</v>
      </c>
      <c r="F90182" s="14" t="s">
        <v>43</v>
      </c>
      <c r="G90182" s="16">
        <v>0</v>
      </c>
    </row>
    <row r="90183" spans="1:7" x14ac:dyDescent="0.3">
      <c r="A90183" s="13" t="s">
        <v>451</v>
      </c>
      <c r="B90183" s="14" t="s">
        <v>1</v>
      </c>
      <c r="C90183" s="14" t="s">
        <v>41</v>
      </c>
      <c r="D90183" s="14" t="s">
        <v>452</v>
      </c>
      <c r="E90183" s="15">
        <v>45404</v>
      </c>
      <c r="F90183" s="14" t="s">
        <v>43</v>
      </c>
      <c r="G90183" s="16">
        <v>0</v>
      </c>
    </row>
    <row r="90184" spans="1:7" x14ac:dyDescent="0.3">
      <c r="A90184" s="13" t="s">
        <v>451</v>
      </c>
      <c r="B90184" s="14" t="s">
        <v>1</v>
      </c>
      <c r="C90184" s="14" t="s">
        <v>41</v>
      </c>
      <c r="D90184" s="14" t="s">
        <v>452</v>
      </c>
      <c r="E90184" s="15">
        <v>45405</v>
      </c>
      <c r="F90184" s="14" t="s">
        <v>43</v>
      </c>
      <c r="G90184" s="16">
        <v>0</v>
      </c>
    </row>
    <row r="90185" spans="1:7" x14ac:dyDescent="0.3">
      <c r="A90185" s="13" t="s">
        <v>451</v>
      </c>
      <c r="B90185" s="14" t="s">
        <v>1</v>
      </c>
      <c r="C90185" s="14" t="s">
        <v>41</v>
      </c>
      <c r="D90185" s="14" t="s">
        <v>452</v>
      </c>
      <c r="E90185" s="15">
        <v>45406</v>
      </c>
      <c r="F90185" s="14" t="s">
        <v>43</v>
      </c>
      <c r="G90185" s="16">
        <v>0</v>
      </c>
    </row>
    <row r="90186" spans="1:7" x14ac:dyDescent="0.3">
      <c r="A90186" s="13" t="s">
        <v>451</v>
      </c>
      <c r="B90186" s="14" t="s">
        <v>1</v>
      </c>
      <c r="C90186" s="14" t="s">
        <v>41</v>
      </c>
      <c r="D90186" s="14" t="s">
        <v>452</v>
      </c>
      <c r="E90186" s="15">
        <v>45407</v>
      </c>
      <c r="F90186" s="14" t="s">
        <v>43</v>
      </c>
      <c r="G90186" s="16">
        <v>0</v>
      </c>
    </row>
    <row r="90187" spans="1:7" x14ac:dyDescent="0.3">
      <c r="A90187" s="13" t="s">
        <v>451</v>
      </c>
      <c r="B90187" s="14" t="s">
        <v>1</v>
      </c>
      <c r="C90187" s="14" t="s">
        <v>41</v>
      </c>
      <c r="D90187" s="14" t="s">
        <v>452</v>
      </c>
      <c r="E90187" s="15">
        <v>45408</v>
      </c>
      <c r="F90187" s="14" t="s">
        <v>43</v>
      </c>
      <c r="G90187" s="16">
        <v>0</v>
      </c>
    </row>
    <row r="90188" spans="1:7" x14ac:dyDescent="0.3">
      <c r="A90188" s="13" t="s">
        <v>451</v>
      </c>
      <c r="B90188" s="14" t="s">
        <v>1</v>
      </c>
      <c r="C90188" s="14" t="s">
        <v>41</v>
      </c>
      <c r="D90188" s="14" t="s">
        <v>452</v>
      </c>
      <c r="E90188" s="15">
        <v>45409</v>
      </c>
      <c r="F90188" s="14" t="s">
        <v>43</v>
      </c>
      <c r="G90188" s="16">
        <v>0</v>
      </c>
    </row>
    <row r="90189" spans="1:7" x14ac:dyDescent="0.3">
      <c r="A90189" s="13" t="s">
        <v>451</v>
      </c>
      <c r="B90189" s="14" t="s">
        <v>1</v>
      </c>
      <c r="C90189" s="14" t="s">
        <v>41</v>
      </c>
      <c r="D90189" s="14" t="s">
        <v>452</v>
      </c>
      <c r="E90189" s="15">
        <v>45410</v>
      </c>
      <c r="F90189" s="14" t="s">
        <v>43</v>
      </c>
      <c r="G90189" s="16">
        <v>0</v>
      </c>
    </row>
    <row r="90190" spans="1:7" x14ac:dyDescent="0.3">
      <c r="A90190" s="13" t="s">
        <v>451</v>
      </c>
      <c r="B90190" s="14" t="s">
        <v>1</v>
      </c>
      <c r="C90190" s="14" t="s">
        <v>41</v>
      </c>
      <c r="D90190" s="14" t="s">
        <v>452</v>
      </c>
      <c r="E90190" s="15">
        <v>45411</v>
      </c>
      <c r="F90190" s="14" t="s">
        <v>43</v>
      </c>
      <c r="G90190" s="16">
        <v>0</v>
      </c>
    </row>
    <row r="90191" spans="1:7" x14ac:dyDescent="0.3">
      <c r="A90191" s="13" t="s">
        <v>451</v>
      </c>
      <c r="B90191" s="14" t="s">
        <v>1</v>
      </c>
      <c r="C90191" s="14" t="s">
        <v>41</v>
      </c>
      <c r="D90191" s="14" t="s">
        <v>452</v>
      </c>
      <c r="E90191" s="15">
        <v>45412</v>
      </c>
      <c r="F90191" s="14" t="s">
        <v>43</v>
      </c>
      <c r="G90191" s="16">
        <v>0</v>
      </c>
    </row>
    <row r="90192" spans="1:7" x14ac:dyDescent="0.3">
      <c r="A90192" s="13" t="s">
        <v>451</v>
      </c>
      <c r="B90192" s="14" t="s">
        <v>1</v>
      </c>
      <c r="C90192" s="14" t="s">
        <v>41</v>
      </c>
      <c r="D90192" s="14" t="s">
        <v>452</v>
      </c>
      <c r="E90192" s="15">
        <v>45413</v>
      </c>
      <c r="F90192" s="14" t="s">
        <v>43</v>
      </c>
      <c r="G90192" s="16">
        <v>0</v>
      </c>
    </row>
    <row r="90193" spans="1:7" x14ac:dyDescent="0.3">
      <c r="A90193" s="13" t="s">
        <v>451</v>
      </c>
      <c r="B90193" s="14" t="s">
        <v>1</v>
      </c>
      <c r="C90193" s="14" t="s">
        <v>41</v>
      </c>
      <c r="D90193" s="14" t="s">
        <v>452</v>
      </c>
      <c r="E90193" s="15">
        <v>45414</v>
      </c>
      <c r="F90193" s="14" t="s">
        <v>43</v>
      </c>
      <c r="G90193" s="16">
        <v>0</v>
      </c>
    </row>
    <row r="90194" spans="1:7" x14ac:dyDescent="0.3">
      <c r="A90194" s="13" t="s">
        <v>451</v>
      </c>
      <c r="B90194" s="14" t="s">
        <v>1</v>
      </c>
      <c r="C90194" s="14" t="s">
        <v>41</v>
      </c>
      <c r="D90194" s="14" t="s">
        <v>452</v>
      </c>
      <c r="E90194" s="15">
        <v>45415</v>
      </c>
      <c r="F90194" s="14" t="s">
        <v>43</v>
      </c>
      <c r="G90194" s="16">
        <v>0</v>
      </c>
    </row>
    <row r="90195" spans="1:7" x14ac:dyDescent="0.3">
      <c r="A90195" s="13" t="s">
        <v>451</v>
      </c>
      <c r="B90195" s="14" t="s">
        <v>1</v>
      </c>
      <c r="C90195" s="14" t="s">
        <v>41</v>
      </c>
      <c r="D90195" s="14" t="s">
        <v>452</v>
      </c>
      <c r="E90195" s="15">
        <v>45416</v>
      </c>
      <c r="F90195" s="14" t="s">
        <v>43</v>
      </c>
      <c r="G90195" s="16">
        <v>0</v>
      </c>
    </row>
    <row r="90196" spans="1:7" x14ac:dyDescent="0.3">
      <c r="A90196" s="13" t="s">
        <v>451</v>
      </c>
      <c r="B90196" s="14" t="s">
        <v>1</v>
      </c>
      <c r="C90196" s="14" t="s">
        <v>41</v>
      </c>
      <c r="D90196" s="14" t="s">
        <v>452</v>
      </c>
      <c r="E90196" s="15">
        <v>45417</v>
      </c>
      <c r="F90196" s="14" t="s">
        <v>43</v>
      </c>
      <c r="G90196" s="16">
        <v>0</v>
      </c>
    </row>
    <row r="90197" spans="1:7" x14ac:dyDescent="0.3">
      <c r="A90197" s="13" t="s">
        <v>451</v>
      </c>
      <c r="B90197" s="14" t="s">
        <v>1</v>
      </c>
      <c r="C90197" s="14" t="s">
        <v>41</v>
      </c>
      <c r="D90197" s="14" t="s">
        <v>452</v>
      </c>
      <c r="E90197" s="15">
        <v>45418</v>
      </c>
      <c r="F90197" s="14" t="s">
        <v>43</v>
      </c>
      <c r="G90197" s="16">
        <v>0</v>
      </c>
    </row>
    <row r="90198" spans="1:7" x14ac:dyDescent="0.3">
      <c r="A90198" s="13" t="s">
        <v>451</v>
      </c>
      <c r="B90198" s="14" t="s">
        <v>1</v>
      </c>
      <c r="C90198" s="14" t="s">
        <v>41</v>
      </c>
      <c r="D90198" s="14" t="s">
        <v>452</v>
      </c>
      <c r="E90198" s="15">
        <v>45419</v>
      </c>
      <c r="F90198" s="14" t="s">
        <v>43</v>
      </c>
      <c r="G90198" s="16">
        <v>0</v>
      </c>
    </row>
    <row r="90199" spans="1:7" x14ac:dyDescent="0.3">
      <c r="A90199" s="13" t="s">
        <v>451</v>
      </c>
      <c r="B90199" s="14" t="s">
        <v>1</v>
      </c>
      <c r="C90199" s="14" t="s">
        <v>41</v>
      </c>
      <c r="D90199" s="14" t="s">
        <v>452</v>
      </c>
      <c r="E90199" s="15">
        <v>45420</v>
      </c>
      <c r="F90199" s="14" t="s">
        <v>43</v>
      </c>
      <c r="G90199" s="16">
        <v>0</v>
      </c>
    </row>
    <row r="90200" spans="1:7" x14ac:dyDescent="0.3">
      <c r="A90200" s="13" t="s">
        <v>451</v>
      </c>
      <c r="B90200" s="14" t="s">
        <v>1</v>
      </c>
      <c r="C90200" s="14" t="s">
        <v>41</v>
      </c>
      <c r="D90200" s="14" t="s">
        <v>452</v>
      </c>
      <c r="E90200" s="15">
        <v>45421</v>
      </c>
      <c r="F90200" s="14" t="s">
        <v>43</v>
      </c>
      <c r="G90200" s="16">
        <v>0</v>
      </c>
    </row>
    <row r="90201" spans="1:7" x14ac:dyDescent="0.3">
      <c r="A90201" s="13" t="s">
        <v>451</v>
      </c>
      <c r="B90201" s="14" t="s">
        <v>1</v>
      </c>
      <c r="C90201" s="14" t="s">
        <v>41</v>
      </c>
      <c r="D90201" s="14" t="s">
        <v>452</v>
      </c>
      <c r="E90201" s="15">
        <v>45422</v>
      </c>
      <c r="F90201" s="14" t="s">
        <v>43</v>
      </c>
      <c r="G90201" s="16">
        <v>0</v>
      </c>
    </row>
    <row r="90202" spans="1:7" x14ac:dyDescent="0.3">
      <c r="A90202" s="13" t="s">
        <v>451</v>
      </c>
      <c r="B90202" s="14" t="s">
        <v>1</v>
      </c>
      <c r="C90202" s="14" t="s">
        <v>41</v>
      </c>
      <c r="D90202" s="14" t="s">
        <v>452</v>
      </c>
      <c r="E90202" s="15">
        <v>45423</v>
      </c>
      <c r="F90202" s="14" t="s">
        <v>43</v>
      </c>
      <c r="G90202" s="16">
        <v>0</v>
      </c>
    </row>
    <row r="90203" spans="1:7" x14ac:dyDescent="0.3">
      <c r="A90203" s="13" t="s">
        <v>451</v>
      </c>
      <c r="B90203" s="14" t="s">
        <v>1</v>
      </c>
      <c r="C90203" s="14" t="s">
        <v>41</v>
      </c>
      <c r="D90203" s="14" t="s">
        <v>452</v>
      </c>
      <c r="E90203" s="15">
        <v>45424</v>
      </c>
      <c r="F90203" s="14" t="s">
        <v>43</v>
      </c>
      <c r="G90203" s="16">
        <v>0</v>
      </c>
    </row>
    <row r="90204" spans="1:7" x14ac:dyDescent="0.3">
      <c r="A90204" s="13" t="s">
        <v>451</v>
      </c>
      <c r="B90204" s="14" t="s">
        <v>1</v>
      </c>
      <c r="C90204" s="14" t="s">
        <v>41</v>
      </c>
      <c r="D90204" s="14" t="s">
        <v>452</v>
      </c>
      <c r="E90204" s="15">
        <v>45425</v>
      </c>
      <c r="F90204" s="14" t="s">
        <v>43</v>
      </c>
      <c r="G90204" s="16">
        <v>0</v>
      </c>
    </row>
    <row r="90205" spans="1:7" x14ac:dyDescent="0.3">
      <c r="A90205" s="13" t="s">
        <v>451</v>
      </c>
      <c r="B90205" s="14" t="s">
        <v>1</v>
      </c>
      <c r="C90205" s="14" t="s">
        <v>41</v>
      </c>
      <c r="D90205" s="14" t="s">
        <v>452</v>
      </c>
      <c r="E90205" s="15">
        <v>45426</v>
      </c>
      <c r="F90205" s="14" t="s">
        <v>43</v>
      </c>
      <c r="G90205" s="16">
        <v>0</v>
      </c>
    </row>
    <row r="90206" spans="1:7" x14ac:dyDescent="0.3">
      <c r="A90206" s="13" t="s">
        <v>451</v>
      </c>
      <c r="B90206" s="14" t="s">
        <v>1</v>
      </c>
      <c r="C90206" s="14" t="s">
        <v>41</v>
      </c>
      <c r="D90206" s="14" t="s">
        <v>452</v>
      </c>
      <c r="E90206" s="15">
        <v>45427</v>
      </c>
      <c r="F90206" s="14" t="s">
        <v>43</v>
      </c>
      <c r="G90206" s="16">
        <v>0</v>
      </c>
    </row>
    <row r="90207" spans="1:7" x14ac:dyDescent="0.3">
      <c r="A90207" s="13" t="s">
        <v>451</v>
      </c>
      <c r="B90207" s="14" t="s">
        <v>1</v>
      </c>
      <c r="C90207" s="14" t="s">
        <v>41</v>
      </c>
      <c r="D90207" s="14" t="s">
        <v>452</v>
      </c>
      <c r="E90207" s="15">
        <v>45428</v>
      </c>
      <c r="F90207" s="14" t="s">
        <v>43</v>
      </c>
      <c r="G90207" s="16">
        <v>0</v>
      </c>
    </row>
    <row r="90208" spans="1:7" x14ac:dyDescent="0.3">
      <c r="A90208" s="13" t="s">
        <v>451</v>
      </c>
      <c r="B90208" s="14" t="s">
        <v>1</v>
      </c>
      <c r="C90208" s="14" t="s">
        <v>41</v>
      </c>
      <c r="D90208" s="14" t="s">
        <v>452</v>
      </c>
      <c r="E90208" s="15">
        <v>45429</v>
      </c>
      <c r="F90208" s="14" t="s">
        <v>43</v>
      </c>
      <c r="G90208" s="16">
        <v>0</v>
      </c>
    </row>
    <row r="90209" spans="1:7" x14ac:dyDescent="0.3">
      <c r="A90209" s="13" t="s">
        <v>451</v>
      </c>
      <c r="B90209" s="14" t="s">
        <v>1</v>
      </c>
      <c r="C90209" s="14" t="s">
        <v>41</v>
      </c>
      <c r="D90209" s="14" t="s">
        <v>452</v>
      </c>
      <c r="E90209" s="15">
        <v>45430</v>
      </c>
      <c r="F90209" s="14" t="s">
        <v>43</v>
      </c>
      <c r="G90209" s="16">
        <v>0</v>
      </c>
    </row>
    <row r="90210" spans="1:7" x14ac:dyDescent="0.3">
      <c r="A90210" s="13" t="s">
        <v>451</v>
      </c>
      <c r="B90210" s="14" t="s">
        <v>1</v>
      </c>
      <c r="C90210" s="14" t="s">
        <v>41</v>
      </c>
      <c r="D90210" s="14" t="s">
        <v>452</v>
      </c>
      <c r="E90210" s="15">
        <v>45431</v>
      </c>
      <c r="F90210" s="14" t="s">
        <v>43</v>
      </c>
      <c r="G90210" s="16">
        <v>0</v>
      </c>
    </row>
    <row r="90211" spans="1:7" x14ac:dyDescent="0.3">
      <c r="A90211" s="13" t="s">
        <v>451</v>
      </c>
      <c r="B90211" s="14" t="s">
        <v>1</v>
      </c>
      <c r="C90211" s="14" t="s">
        <v>41</v>
      </c>
      <c r="D90211" s="14" t="s">
        <v>452</v>
      </c>
      <c r="E90211" s="15">
        <v>45432</v>
      </c>
      <c r="F90211" s="14" t="s">
        <v>43</v>
      </c>
      <c r="G90211" s="16">
        <v>0</v>
      </c>
    </row>
    <row r="90212" spans="1:7" x14ac:dyDescent="0.3">
      <c r="A90212" s="13" t="s">
        <v>451</v>
      </c>
      <c r="B90212" s="14" t="s">
        <v>1</v>
      </c>
      <c r="C90212" s="14" t="s">
        <v>41</v>
      </c>
      <c r="D90212" s="14" t="s">
        <v>452</v>
      </c>
      <c r="E90212" s="15">
        <v>45433</v>
      </c>
      <c r="F90212" s="14" t="s">
        <v>43</v>
      </c>
      <c r="G90212" s="16">
        <v>0</v>
      </c>
    </row>
    <row r="90213" spans="1:7" x14ac:dyDescent="0.3">
      <c r="A90213" s="13" t="s">
        <v>451</v>
      </c>
      <c r="B90213" s="14" t="s">
        <v>1</v>
      </c>
      <c r="C90213" s="14" t="s">
        <v>41</v>
      </c>
      <c r="D90213" s="14" t="s">
        <v>452</v>
      </c>
      <c r="E90213" s="15">
        <v>45434</v>
      </c>
      <c r="F90213" s="14" t="s">
        <v>43</v>
      </c>
      <c r="G90213" s="16">
        <v>0</v>
      </c>
    </row>
    <row r="90214" spans="1:7" x14ac:dyDescent="0.3">
      <c r="A90214" s="13" t="s">
        <v>451</v>
      </c>
      <c r="B90214" s="14" t="s">
        <v>1</v>
      </c>
      <c r="C90214" s="14" t="s">
        <v>41</v>
      </c>
      <c r="D90214" s="14" t="s">
        <v>452</v>
      </c>
      <c r="E90214" s="15">
        <v>45435</v>
      </c>
      <c r="F90214" s="14" t="s">
        <v>43</v>
      </c>
      <c r="G90214" s="16">
        <v>0</v>
      </c>
    </row>
    <row r="90215" spans="1:7" x14ac:dyDescent="0.3">
      <c r="A90215" s="13" t="s">
        <v>451</v>
      </c>
      <c r="B90215" s="14" t="s">
        <v>1</v>
      </c>
      <c r="C90215" s="14" t="s">
        <v>41</v>
      </c>
      <c r="D90215" s="14" t="s">
        <v>452</v>
      </c>
      <c r="E90215" s="15">
        <v>45436</v>
      </c>
      <c r="F90215" s="14" t="s">
        <v>43</v>
      </c>
      <c r="G90215" s="16">
        <v>0</v>
      </c>
    </row>
    <row r="90216" spans="1:7" x14ac:dyDescent="0.3">
      <c r="A90216" s="13" t="s">
        <v>451</v>
      </c>
      <c r="B90216" s="14" t="s">
        <v>1</v>
      </c>
      <c r="C90216" s="14" t="s">
        <v>41</v>
      </c>
      <c r="D90216" s="14" t="s">
        <v>452</v>
      </c>
      <c r="E90216" s="15">
        <v>45437</v>
      </c>
      <c r="F90216" s="14" t="s">
        <v>43</v>
      </c>
      <c r="G90216" s="16">
        <v>0</v>
      </c>
    </row>
    <row r="90217" spans="1:7" x14ac:dyDescent="0.3">
      <c r="A90217" s="13" t="s">
        <v>451</v>
      </c>
      <c r="B90217" s="14" t="s">
        <v>1</v>
      </c>
      <c r="C90217" s="14" t="s">
        <v>41</v>
      </c>
      <c r="D90217" s="14" t="s">
        <v>452</v>
      </c>
      <c r="E90217" s="15">
        <v>45438</v>
      </c>
      <c r="F90217" s="14" t="s">
        <v>43</v>
      </c>
      <c r="G90217" s="16">
        <v>0</v>
      </c>
    </row>
    <row r="90218" spans="1:7" x14ac:dyDescent="0.3">
      <c r="A90218" s="13" t="s">
        <v>451</v>
      </c>
      <c r="B90218" s="14" t="s">
        <v>1</v>
      </c>
      <c r="C90218" s="14" t="s">
        <v>41</v>
      </c>
      <c r="D90218" s="14" t="s">
        <v>452</v>
      </c>
      <c r="E90218" s="15">
        <v>45439</v>
      </c>
      <c r="F90218" s="14" t="s">
        <v>43</v>
      </c>
      <c r="G90218" s="16">
        <v>0</v>
      </c>
    </row>
    <row r="90219" spans="1:7" x14ac:dyDescent="0.3">
      <c r="A90219" s="13" t="s">
        <v>451</v>
      </c>
      <c r="B90219" s="14" t="s">
        <v>1</v>
      </c>
      <c r="C90219" s="14" t="s">
        <v>41</v>
      </c>
      <c r="D90219" s="14" t="s">
        <v>452</v>
      </c>
      <c r="E90219" s="15">
        <v>45440</v>
      </c>
      <c r="F90219" s="14" t="s">
        <v>43</v>
      </c>
      <c r="G90219" s="16">
        <v>0</v>
      </c>
    </row>
    <row r="90220" spans="1:7" x14ac:dyDescent="0.3">
      <c r="A90220" s="13" t="s">
        <v>451</v>
      </c>
      <c r="B90220" s="14" t="s">
        <v>1</v>
      </c>
      <c r="C90220" s="14" t="s">
        <v>41</v>
      </c>
      <c r="D90220" s="14" t="s">
        <v>452</v>
      </c>
      <c r="E90220" s="15">
        <v>45441</v>
      </c>
      <c r="F90220" s="14" t="s">
        <v>43</v>
      </c>
      <c r="G90220" s="16">
        <v>0</v>
      </c>
    </row>
    <row r="90221" spans="1:7" x14ac:dyDescent="0.3">
      <c r="A90221" s="13" t="s">
        <v>451</v>
      </c>
      <c r="B90221" s="14" t="s">
        <v>1</v>
      </c>
      <c r="C90221" s="14" t="s">
        <v>41</v>
      </c>
      <c r="D90221" s="14" t="s">
        <v>452</v>
      </c>
      <c r="E90221" s="15">
        <v>45442</v>
      </c>
      <c r="F90221" s="14" t="s">
        <v>43</v>
      </c>
      <c r="G90221" s="16">
        <v>0</v>
      </c>
    </row>
    <row r="90222" spans="1:7" x14ac:dyDescent="0.3">
      <c r="A90222" s="13" t="s">
        <v>451</v>
      </c>
      <c r="B90222" s="14" t="s">
        <v>1</v>
      </c>
      <c r="C90222" s="14" t="s">
        <v>41</v>
      </c>
      <c r="D90222" s="14" t="s">
        <v>452</v>
      </c>
      <c r="E90222" s="15">
        <v>45443</v>
      </c>
      <c r="F90222" s="14" t="s">
        <v>43</v>
      </c>
      <c r="G90222" s="16">
        <v>0</v>
      </c>
    </row>
    <row r="90223" spans="1:7" x14ac:dyDescent="0.3">
      <c r="A90223" s="13" t="s">
        <v>451</v>
      </c>
      <c r="B90223" s="14" t="s">
        <v>1</v>
      </c>
      <c r="C90223" s="14" t="s">
        <v>41</v>
      </c>
      <c r="D90223" s="14" t="s">
        <v>452</v>
      </c>
      <c r="E90223" s="15">
        <v>45444</v>
      </c>
      <c r="F90223" s="14" t="s">
        <v>43</v>
      </c>
      <c r="G90223" s="16">
        <v>0</v>
      </c>
    </row>
    <row r="90224" spans="1:7" x14ac:dyDescent="0.3">
      <c r="A90224" s="13" t="s">
        <v>451</v>
      </c>
      <c r="B90224" s="14" t="s">
        <v>1</v>
      </c>
      <c r="C90224" s="14" t="s">
        <v>41</v>
      </c>
      <c r="D90224" s="14" t="s">
        <v>452</v>
      </c>
      <c r="E90224" s="15">
        <v>45445</v>
      </c>
      <c r="F90224" s="14" t="s">
        <v>43</v>
      </c>
      <c r="G90224" s="16">
        <v>0</v>
      </c>
    </row>
    <row r="90225" spans="1:7" x14ac:dyDescent="0.3">
      <c r="A90225" s="13" t="s">
        <v>451</v>
      </c>
      <c r="B90225" s="14" t="s">
        <v>1</v>
      </c>
      <c r="C90225" s="14" t="s">
        <v>41</v>
      </c>
      <c r="D90225" s="14" t="s">
        <v>452</v>
      </c>
      <c r="E90225" s="15">
        <v>45446</v>
      </c>
      <c r="F90225" s="14" t="s">
        <v>43</v>
      </c>
      <c r="G90225" s="16">
        <v>0</v>
      </c>
    </row>
    <row r="90226" spans="1:7" x14ac:dyDescent="0.3">
      <c r="A90226" s="13" t="s">
        <v>451</v>
      </c>
      <c r="B90226" s="14" t="s">
        <v>1</v>
      </c>
      <c r="C90226" s="14" t="s">
        <v>41</v>
      </c>
      <c r="D90226" s="14" t="s">
        <v>452</v>
      </c>
      <c r="E90226" s="15">
        <v>45447</v>
      </c>
      <c r="F90226" s="14" t="s">
        <v>43</v>
      </c>
      <c r="G90226" s="16">
        <v>0</v>
      </c>
    </row>
    <row r="90227" spans="1:7" x14ac:dyDescent="0.3">
      <c r="A90227" s="13" t="s">
        <v>451</v>
      </c>
      <c r="B90227" s="14" t="s">
        <v>1</v>
      </c>
      <c r="C90227" s="14" t="s">
        <v>41</v>
      </c>
      <c r="D90227" s="14" t="s">
        <v>452</v>
      </c>
      <c r="E90227" s="15">
        <v>45448</v>
      </c>
      <c r="F90227" s="14" t="s">
        <v>43</v>
      </c>
      <c r="G90227" s="16">
        <v>0</v>
      </c>
    </row>
    <row r="90228" spans="1:7" x14ac:dyDescent="0.3">
      <c r="A90228" s="13" t="s">
        <v>451</v>
      </c>
      <c r="B90228" s="14" t="s">
        <v>1</v>
      </c>
      <c r="C90228" s="14" t="s">
        <v>41</v>
      </c>
      <c r="D90228" s="14" t="s">
        <v>452</v>
      </c>
      <c r="E90228" s="15">
        <v>45449</v>
      </c>
      <c r="F90228" s="14" t="s">
        <v>43</v>
      </c>
      <c r="G90228" s="16">
        <v>0</v>
      </c>
    </row>
    <row r="90229" spans="1:7" x14ac:dyDescent="0.3">
      <c r="A90229" s="13" t="s">
        <v>451</v>
      </c>
      <c r="B90229" s="14" t="s">
        <v>1</v>
      </c>
      <c r="C90229" s="14" t="s">
        <v>41</v>
      </c>
      <c r="D90229" s="14" t="s">
        <v>452</v>
      </c>
      <c r="E90229" s="15">
        <v>45450</v>
      </c>
      <c r="F90229" s="14" t="s">
        <v>43</v>
      </c>
      <c r="G90229" s="16">
        <v>0</v>
      </c>
    </row>
    <row r="90230" spans="1:7" x14ac:dyDescent="0.3">
      <c r="A90230" s="13" t="s">
        <v>451</v>
      </c>
      <c r="B90230" s="14" t="s">
        <v>1</v>
      </c>
      <c r="C90230" s="14" t="s">
        <v>41</v>
      </c>
      <c r="D90230" s="14" t="s">
        <v>452</v>
      </c>
      <c r="E90230" s="15">
        <v>45451</v>
      </c>
      <c r="F90230" s="14" t="s">
        <v>43</v>
      </c>
      <c r="G90230" s="16">
        <v>0</v>
      </c>
    </row>
    <row r="90231" spans="1:7" x14ac:dyDescent="0.3">
      <c r="A90231" s="13" t="s">
        <v>451</v>
      </c>
      <c r="B90231" s="14" t="s">
        <v>1</v>
      </c>
      <c r="C90231" s="14" t="s">
        <v>41</v>
      </c>
      <c r="D90231" s="14" t="s">
        <v>452</v>
      </c>
      <c r="E90231" s="15">
        <v>45452</v>
      </c>
      <c r="F90231" s="14" t="s">
        <v>43</v>
      </c>
      <c r="G90231" s="16">
        <v>0</v>
      </c>
    </row>
    <row r="90232" spans="1:7" x14ac:dyDescent="0.3">
      <c r="A90232" s="13" t="s">
        <v>451</v>
      </c>
      <c r="B90232" s="14" t="s">
        <v>1</v>
      </c>
      <c r="C90232" s="14" t="s">
        <v>41</v>
      </c>
      <c r="D90232" s="14" t="s">
        <v>452</v>
      </c>
      <c r="E90232" s="15">
        <v>45453</v>
      </c>
      <c r="F90232" s="14" t="s">
        <v>43</v>
      </c>
      <c r="G90232" s="16">
        <v>0</v>
      </c>
    </row>
    <row r="90233" spans="1:7" x14ac:dyDescent="0.3">
      <c r="A90233" s="13" t="s">
        <v>451</v>
      </c>
      <c r="B90233" s="14" t="s">
        <v>1</v>
      </c>
      <c r="C90233" s="14" t="s">
        <v>41</v>
      </c>
      <c r="D90233" s="14" t="s">
        <v>452</v>
      </c>
      <c r="E90233" s="15">
        <v>45454</v>
      </c>
      <c r="F90233" s="14" t="s">
        <v>43</v>
      </c>
      <c r="G90233" s="16">
        <v>0</v>
      </c>
    </row>
    <row r="90234" spans="1:7" x14ac:dyDescent="0.3">
      <c r="A90234" s="13" t="s">
        <v>451</v>
      </c>
      <c r="B90234" s="14" t="s">
        <v>1</v>
      </c>
      <c r="C90234" s="14" t="s">
        <v>41</v>
      </c>
      <c r="D90234" s="14" t="s">
        <v>452</v>
      </c>
      <c r="E90234" s="15">
        <v>45455</v>
      </c>
      <c r="F90234" s="14" t="s">
        <v>43</v>
      </c>
      <c r="G90234" s="16">
        <v>0</v>
      </c>
    </row>
    <row r="90235" spans="1:7" x14ac:dyDescent="0.3">
      <c r="A90235" s="13" t="s">
        <v>451</v>
      </c>
      <c r="B90235" s="14" t="s">
        <v>1</v>
      </c>
      <c r="C90235" s="14" t="s">
        <v>41</v>
      </c>
      <c r="D90235" s="14" t="s">
        <v>452</v>
      </c>
      <c r="E90235" s="15">
        <v>45456</v>
      </c>
      <c r="F90235" s="14" t="s">
        <v>43</v>
      </c>
      <c r="G90235" s="16">
        <v>0</v>
      </c>
    </row>
    <row r="90236" spans="1:7" x14ac:dyDescent="0.3">
      <c r="A90236" s="13" t="s">
        <v>451</v>
      </c>
      <c r="B90236" s="14" t="s">
        <v>1</v>
      </c>
      <c r="C90236" s="14" t="s">
        <v>41</v>
      </c>
      <c r="D90236" s="14" t="s">
        <v>452</v>
      </c>
      <c r="E90236" s="15">
        <v>45457</v>
      </c>
      <c r="F90236" s="14" t="s">
        <v>43</v>
      </c>
      <c r="G90236" s="16">
        <v>0</v>
      </c>
    </row>
    <row r="90237" spans="1:7" x14ac:dyDescent="0.3">
      <c r="A90237" s="13" t="s">
        <v>451</v>
      </c>
      <c r="B90237" s="14" t="s">
        <v>1</v>
      </c>
      <c r="C90237" s="14" t="s">
        <v>41</v>
      </c>
      <c r="D90237" s="14" t="s">
        <v>452</v>
      </c>
      <c r="E90237" s="15">
        <v>45458</v>
      </c>
      <c r="F90237" s="14" t="s">
        <v>43</v>
      </c>
      <c r="G90237" s="16">
        <v>0</v>
      </c>
    </row>
    <row r="90238" spans="1:7" x14ac:dyDescent="0.3">
      <c r="A90238" s="13" t="s">
        <v>451</v>
      </c>
      <c r="B90238" s="14" t="s">
        <v>1</v>
      </c>
      <c r="C90238" s="14" t="s">
        <v>41</v>
      </c>
      <c r="D90238" s="14" t="s">
        <v>452</v>
      </c>
      <c r="E90238" s="15">
        <v>45459</v>
      </c>
      <c r="F90238" s="14" t="s">
        <v>43</v>
      </c>
      <c r="G90238" s="16">
        <v>0</v>
      </c>
    </row>
    <row r="90239" spans="1:7" x14ac:dyDescent="0.3">
      <c r="A90239" s="13" t="s">
        <v>451</v>
      </c>
      <c r="B90239" s="14" t="s">
        <v>1</v>
      </c>
      <c r="C90239" s="14" t="s">
        <v>41</v>
      </c>
      <c r="D90239" s="14" t="s">
        <v>452</v>
      </c>
      <c r="E90239" s="15">
        <v>45460</v>
      </c>
      <c r="F90239" s="14" t="s">
        <v>43</v>
      </c>
      <c r="G90239" s="16">
        <v>0</v>
      </c>
    </row>
    <row r="90240" spans="1:7" x14ac:dyDescent="0.3">
      <c r="A90240" s="13" t="s">
        <v>451</v>
      </c>
      <c r="B90240" s="14" t="s">
        <v>1</v>
      </c>
      <c r="C90240" s="14" t="s">
        <v>41</v>
      </c>
      <c r="D90240" s="14" t="s">
        <v>452</v>
      </c>
      <c r="E90240" s="15">
        <v>45461</v>
      </c>
      <c r="F90240" s="14" t="s">
        <v>43</v>
      </c>
      <c r="G90240" s="16">
        <v>0</v>
      </c>
    </row>
    <row r="90241" spans="1:7" x14ac:dyDescent="0.3">
      <c r="A90241" s="13" t="s">
        <v>451</v>
      </c>
      <c r="B90241" s="14" t="s">
        <v>1</v>
      </c>
      <c r="C90241" s="14" t="s">
        <v>41</v>
      </c>
      <c r="D90241" s="14" t="s">
        <v>452</v>
      </c>
      <c r="E90241" s="15">
        <v>45462</v>
      </c>
      <c r="F90241" s="14" t="s">
        <v>43</v>
      </c>
      <c r="G90241" s="16">
        <v>0</v>
      </c>
    </row>
    <row r="90242" spans="1:7" x14ac:dyDescent="0.3">
      <c r="A90242" s="13" t="s">
        <v>451</v>
      </c>
      <c r="B90242" s="14" t="s">
        <v>1</v>
      </c>
      <c r="C90242" s="14" t="s">
        <v>41</v>
      </c>
      <c r="D90242" s="14" t="s">
        <v>452</v>
      </c>
      <c r="E90242" s="15">
        <v>45463</v>
      </c>
      <c r="F90242" s="14" t="s">
        <v>43</v>
      </c>
      <c r="G90242" s="16">
        <v>0</v>
      </c>
    </row>
    <row r="90243" spans="1:7" x14ac:dyDescent="0.3">
      <c r="A90243" s="13" t="s">
        <v>451</v>
      </c>
      <c r="B90243" s="14" t="s">
        <v>1</v>
      </c>
      <c r="C90243" s="14" t="s">
        <v>41</v>
      </c>
      <c r="D90243" s="14" t="s">
        <v>452</v>
      </c>
      <c r="E90243" s="15">
        <v>45464</v>
      </c>
      <c r="F90243" s="14" t="s">
        <v>43</v>
      </c>
      <c r="G90243" s="16">
        <v>0</v>
      </c>
    </row>
    <row r="90244" spans="1:7" x14ac:dyDescent="0.3">
      <c r="A90244" s="13" t="s">
        <v>451</v>
      </c>
      <c r="B90244" s="14" t="s">
        <v>1</v>
      </c>
      <c r="C90244" s="14" t="s">
        <v>41</v>
      </c>
      <c r="D90244" s="14" t="s">
        <v>452</v>
      </c>
      <c r="E90244" s="15">
        <v>45465</v>
      </c>
      <c r="F90244" s="14" t="s">
        <v>43</v>
      </c>
      <c r="G90244" s="16">
        <v>0</v>
      </c>
    </row>
    <row r="90245" spans="1:7" x14ac:dyDescent="0.3">
      <c r="A90245" s="13" t="s">
        <v>451</v>
      </c>
      <c r="B90245" s="14" t="s">
        <v>1</v>
      </c>
      <c r="C90245" s="14" t="s">
        <v>41</v>
      </c>
      <c r="D90245" s="14" t="s">
        <v>452</v>
      </c>
      <c r="E90245" s="15">
        <v>45466</v>
      </c>
      <c r="F90245" s="14" t="s">
        <v>43</v>
      </c>
      <c r="G90245" s="16">
        <v>0</v>
      </c>
    </row>
    <row r="90246" spans="1:7" x14ac:dyDescent="0.3">
      <c r="A90246" s="13" t="s">
        <v>451</v>
      </c>
      <c r="B90246" s="14" t="s">
        <v>1</v>
      </c>
      <c r="C90246" s="14" t="s">
        <v>41</v>
      </c>
      <c r="D90246" s="14" t="s">
        <v>452</v>
      </c>
      <c r="E90246" s="15">
        <v>45467</v>
      </c>
      <c r="F90246" s="14" t="s">
        <v>43</v>
      </c>
      <c r="G90246" s="16">
        <v>0</v>
      </c>
    </row>
    <row r="90247" spans="1:7" x14ac:dyDescent="0.3">
      <c r="A90247" s="13" t="s">
        <v>451</v>
      </c>
      <c r="B90247" s="14" t="s">
        <v>1</v>
      </c>
      <c r="C90247" s="14" t="s">
        <v>41</v>
      </c>
      <c r="D90247" s="14" t="s">
        <v>452</v>
      </c>
      <c r="E90247" s="15">
        <v>45468</v>
      </c>
      <c r="F90247" s="14" t="s">
        <v>43</v>
      </c>
      <c r="G90247" s="16">
        <v>0</v>
      </c>
    </row>
    <row r="90248" spans="1:7" x14ac:dyDescent="0.3">
      <c r="A90248" s="13" t="s">
        <v>451</v>
      </c>
      <c r="B90248" s="14" t="s">
        <v>1</v>
      </c>
      <c r="C90248" s="14" t="s">
        <v>41</v>
      </c>
      <c r="D90248" s="14" t="s">
        <v>452</v>
      </c>
      <c r="E90248" s="15">
        <v>45469</v>
      </c>
      <c r="F90248" s="14" t="s">
        <v>43</v>
      </c>
      <c r="G90248" s="16">
        <v>0</v>
      </c>
    </row>
    <row r="90249" spans="1:7" x14ac:dyDescent="0.3">
      <c r="A90249" s="13" t="s">
        <v>451</v>
      </c>
      <c r="B90249" s="14" t="s">
        <v>1</v>
      </c>
      <c r="C90249" s="14" t="s">
        <v>41</v>
      </c>
      <c r="D90249" s="14" t="s">
        <v>452</v>
      </c>
      <c r="E90249" s="15">
        <v>45470</v>
      </c>
      <c r="F90249" s="14" t="s">
        <v>43</v>
      </c>
      <c r="G90249" s="16">
        <v>0</v>
      </c>
    </row>
    <row r="90250" spans="1:7" x14ac:dyDescent="0.3">
      <c r="A90250" s="13" t="s">
        <v>451</v>
      </c>
      <c r="B90250" s="14" t="s">
        <v>1</v>
      </c>
      <c r="C90250" s="14" t="s">
        <v>41</v>
      </c>
      <c r="D90250" s="14" t="s">
        <v>452</v>
      </c>
      <c r="E90250" s="15">
        <v>45471</v>
      </c>
      <c r="F90250" s="14" t="s">
        <v>43</v>
      </c>
      <c r="G90250" s="16">
        <v>0</v>
      </c>
    </row>
    <row r="90251" spans="1:7" x14ac:dyDescent="0.3">
      <c r="A90251" s="13" t="s">
        <v>451</v>
      </c>
      <c r="B90251" s="14" t="s">
        <v>1</v>
      </c>
      <c r="C90251" s="14" t="s">
        <v>41</v>
      </c>
      <c r="D90251" s="14" t="s">
        <v>452</v>
      </c>
      <c r="E90251" s="15">
        <v>45472</v>
      </c>
      <c r="F90251" s="14" t="s">
        <v>43</v>
      </c>
      <c r="G90251" s="16">
        <v>0</v>
      </c>
    </row>
    <row r="90252" spans="1:7" x14ac:dyDescent="0.3">
      <c r="A90252" s="13" t="s">
        <v>451</v>
      </c>
      <c r="B90252" s="14" t="s">
        <v>1</v>
      </c>
      <c r="C90252" s="14" t="s">
        <v>41</v>
      </c>
      <c r="D90252" s="14" t="s">
        <v>452</v>
      </c>
      <c r="E90252" s="15">
        <v>45473</v>
      </c>
      <c r="F90252" s="14" t="s">
        <v>43</v>
      </c>
      <c r="G90252" s="16">
        <v>0</v>
      </c>
    </row>
    <row r="90253" spans="1:7" x14ac:dyDescent="0.3">
      <c r="A90253" s="13" t="s">
        <v>451</v>
      </c>
      <c r="B90253" s="14" t="s">
        <v>1</v>
      </c>
      <c r="C90253" s="14" t="s">
        <v>41</v>
      </c>
      <c r="D90253" s="14" t="s">
        <v>452</v>
      </c>
      <c r="E90253" s="15">
        <v>45474</v>
      </c>
      <c r="F90253" s="14" t="s">
        <v>43</v>
      </c>
      <c r="G90253" s="16">
        <v>0</v>
      </c>
    </row>
    <row r="90254" spans="1:7" x14ac:dyDescent="0.3">
      <c r="A90254" s="13" t="s">
        <v>451</v>
      </c>
      <c r="B90254" s="14" t="s">
        <v>1</v>
      </c>
      <c r="C90254" s="14" t="s">
        <v>41</v>
      </c>
      <c r="D90254" s="14" t="s">
        <v>452</v>
      </c>
      <c r="E90254" s="15">
        <v>45475</v>
      </c>
      <c r="F90254" s="14" t="s">
        <v>43</v>
      </c>
      <c r="G90254" s="16">
        <v>0</v>
      </c>
    </row>
    <row r="90255" spans="1:7" x14ac:dyDescent="0.3">
      <c r="A90255" s="13" t="s">
        <v>451</v>
      </c>
      <c r="B90255" s="14" t="s">
        <v>1</v>
      </c>
      <c r="C90255" s="14" t="s">
        <v>41</v>
      </c>
      <c r="D90255" s="14" t="s">
        <v>452</v>
      </c>
      <c r="E90255" s="15">
        <v>45476</v>
      </c>
      <c r="F90255" s="14" t="s">
        <v>43</v>
      </c>
      <c r="G90255" s="16">
        <v>0</v>
      </c>
    </row>
    <row r="90256" spans="1:7" x14ac:dyDescent="0.3">
      <c r="A90256" s="13" t="s">
        <v>451</v>
      </c>
      <c r="B90256" s="14" t="s">
        <v>1</v>
      </c>
      <c r="C90256" s="14" t="s">
        <v>41</v>
      </c>
      <c r="D90256" s="14" t="s">
        <v>452</v>
      </c>
      <c r="E90256" s="15">
        <v>45477</v>
      </c>
      <c r="F90256" s="14" t="s">
        <v>43</v>
      </c>
      <c r="G90256" s="16">
        <v>0</v>
      </c>
    </row>
    <row r="90257" spans="1:7" x14ac:dyDescent="0.3">
      <c r="A90257" s="13" t="s">
        <v>451</v>
      </c>
      <c r="B90257" s="14" t="s">
        <v>1</v>
      </c>
      <c r="C90257" s="14" t="s">
        <v>41</v>
      </c>
      <c r="D90257" s="14" t="s">
        <v>452</v>
      </c>
      <c r="E90257" s="15">
        <v>45478</v>
      </c>
      <c r="F90257" s="14" t="s">
        <v>43</v>
      </c>
      <c r="G90257" s="16">
        <v>0</v>
      </c>
    </row>
    <row r="90258" spans="1:7" x14ac:dyDescent="0.3">
      <c r="A90258" s="13" t="s">
        <v>451</v>
      </c>
      <c r="B90258" s="14" t="s">
        <v>1</v>
      </c>
      <c r="C90258" s="14" t="s">
        <v>41</v>
      </c>
      <c r="D90258" s="14" t="s">
        <v>452</v>
      </c>
      <c r="E90258" s="15">
        <v>45479</v>
      </c>
      <c r="F90258" s="14" t="s">
        <v>43</v>
      </c>
      <c r="G90258" s="16">
        <v>0</v>
      </c>
    </row>
    <row r="90259" spans="1:7" x14ac:dyDescent="0.3">
      <c r="A90259" s="13" t="s">
        <v>451</v>
      </c>
      <c r="B90259" s="14" t="s">
        <v>1</v>
      </c>
      <c r="C90259" s="14" t="s">
        <v>41</v>
      </c>
      <c r="D90259" s="14" t="s">
        <v>452</v>
      </c>
      <c r="E90259" s="15">
        <v>45480</v>
      </c>
      <c r="F90259" s="14" t="s">
        <v>43</v>
      </c>
      <c r="G90259" s="16">
        <v>0</v>
      </c>
    </row>
    <row r="90260" spans="1:7" x14ac:dyDescent="0.3">
      <c r="A90260" s="13" t="s">
        <v>451</v>
      </c>
      <c r="B90260" s="14" t="s">
        <v>1</v>
      </c>
      <c r="C90260" s="14" t="s">
        <v>41</v>
      </c>
      <c r="D90260" s="14" t="s">
        <v>452</v>
      </c>
      <c r="E90260" s="15">
        <v>45481</v>
      </c>
      <c r="F90260" s="14" t="s">
        <v>43</v>
      </c>
      <c r="G90260" s="16">
        <v>0</v>
      </c>
    </row>
    <row r="90261" spans="1:7" x14ac:dyDescent="0.3">
      <c r="A90261" s="13" t="s">
        <v>451</v>
      </c>
      <c r="B90261" s="14" t="s">
        <v>1</v>
      </c>
      <c r="C90261" s="14" t="s">
        <v>41</v>
      </c>
      <c r="D90261" s="14" t="s">
        <v>452</v>
      </c>
      <c r="E90261" s="15">
        <v>45482</v>
      </c>
      <c r="F90261" s="14" t="s">
        <v>43</v>
      </c>
      <c r="G90261" s="16">
        <v>0</v>
      </c>
    </row>
    <row r="90262" spans="1:7" x14ac:dyDescent="0.3">
      <c r="A90262" s="13" t="s">
        <v>451</v>
      </c>
      <c r="B90262" s="14" t="s">
        <v>1</v>
      </c>
      <c r="C90262" s="14" t="s">
        <v>41</v>
      </c>
      <c r="D90262" s="14" t="s">
        <v>452</v>
      </c>
      <c r="E90262" s="15">
        <v>45483</v>
      </c>
      <c r="F90262" s="14" t="s">
        <v>43</v>
      </c>
      <c r="G90262" s="16">
        <v>0</v>
      </c>
    </row>
    <row r="90263" spans="1:7" x14ac:dyDescent="0.3">
      <c r="A90263" s="13" t="s">
        <v>451</v>
      </c>
      <c r="B90263" s="14" t="s">
        <v>1</v>
      </c>
      <c r="C90263" s="14" t="s">
        <v>41</v>
      </c>
      <c r="D90263" s="14" t="s">
        <v>452</v>
      </c>
      <c r="E90263" s="15">
        <v>45484</v>
      </c>
      <c r="F90263" s="14" t="s">
        <v>43</v>
      </c>
      <c r="G90263" s="16">
        <v>0</v>
      </c>
    </row>
    <row r="90264" spans="1:7" x14ac:dyDescent="0.3">
      <c r="A90264" s="13" t="s">
        <v>451</v>
      </c>
      <c r="B90264" s="14" t="s">
        <v>1</v>
      </c>
      <c r="C90264" s="14" t="s">
        <v>41</v>
      </c>
      <c r="D90264" s="14" t="s">
        <v>452</v>
      </c>
      <c r="E90264" s="15">
        <v>45485</v>
      </c>
      <c r="F90264" s="14" t="s">
        <v>43</v>
      </c>
      <c r="G90264" s="16">
        <v>0</v>
      </c>
    </row>
    <row r="90265" spans="1:7" x14ac:dyDescent="0.3">
      <c r="A90265" s="13" t="s">
        <v>451</v>
      </c>
      <c r="B90265" s="14" t="s">
        <v>1</v>
      </c>
      <c r="C90265" s="14" t="s">
        <v>41</v>
      </c>
      <c r="D90265" s="14" t="s">
        <v>452</v>
      </c>
      <c r="E90265" s="15">
        <v>45486</v>
      </c>
      <c r="F90265" s="14" t="s">
        <v>43</v>
      </c>
      <c r="G90265" s="16">
        <v>0</v>
      </c>
    </row>
    <row r="90266" spans="1:7" x14ac:dyDescent="0.3">
      <c r="A90266" s="13" t="s">
        <v>451</v>
      </c>
      <c r="B90266" s="14" t="s">
        <v>1</v>
      </c>
      <c r="C90266" s="14" t="s">
        <v>41</v>
      </c>
      <c r="D90266" s="14" t="s">
        <v>452</v>
      </c>
      <c r="E90266" s="15">
        <v>45487</v>
      </c>
      <c r="F90266" s="14" t="s">
        <v>43</v>
      </c>
      <c r="G90266" s="16">
        <v>0</v>
      </c>
    </row>
    <row r="90267" spans="1:7" x14ac:dyDescent="0.3">
      <c r="A90267" s="13" t="s">
        <v>451</v>
      </c>
      <c r="B90267" s="14" t="s">
        <v>1</v>
      </c>
      <c r="C90267" s="14" t="s">
        <v>41</v>
      </c>
      <c r="D90267" s="14" t="s">
        <v>452</v>
      </c>
      <c r="E90267" s="15">
        <v>45488</v>
      </c>
      <c r="F90267" s="14" t="s">
        <v>43</v>
      </c>
      <c r="G90267" s="16">
        <v>0</v>
      </c>
    </row>
    <row r="90268" spans="1:7" x14ac:dyDescent="0.3">
      <c r="A90268" s="13" t="s">
        <v>451</v>
      </c>
      <c r="B90268" s="14" t="s">
        <v>1</v>
      </c>
      <c r="C90268" s="14" t="s">
        <v>41</v>
      </c>
      <c r="D90268" s="14" t="s">
        <v>452</v>
      </c>
      <c r="E90268" s="15">
        <v>45489</v>
      </c>
      <c r="F90268" s="14" t="s">
        <v>43</v>
      </c>
      <c r="G90268" s="16">
        <v>0</v>
      </c>
    </row>
    <row r="90269" spans="1:7" x14ac:dyDescent="0.3">
      <c r="A90269" s="13" t="s">
        <v>451</v>
      </c>
      <c r="B90269" s="14" t="s">
        <v>1</v>
      </c>
      <c r="C90269" s="14" t="s">
        <v>41</v>
      </c>
      <c r="D90269" s="14" t="s">
        <v>452</v>
      </c>
      <c r="E90269" s="15">
        <v>45490</v>
      </c>
      <c r="F90269" s="14" t="s">
        <v>43</v>
      </c>
      <c r="G90269" s="16">
        <v>0</v>
      </c>
    </row>
    <row r="90270" spans="1:7" x14ac:dyDescent="0.3">
      <c r="A90270" s="13" t="s">
        <v>451</v>
      </c>
      <c r="B90270" s="14" t="s">
        <v>1</v>
      </c>
      <c r="C90270" s="14" t="s">
        <v>41</v>
      </c>
      <c r="D90270" s="14" t="s">
        <v>452</v>
      </c>
      <c r="E90270" s="15">
        <v>45491</v>
      </c>
      <c r="F90270" s="14" t="s">
        <v>43</v>
      </c>
      <c r="G90270" s="16">
        <v>0</v>
      </c>
    </row>
    <row r="90271" spans="1:7" x14ac:dyDescent="0.3">
      <c r="A90271" s="13" t="s">
        <v>451</v>
      </c>
      <c r="B90271" s="14" t="s">
        <v>1</v>
      </c>
      <c r="C90271" s="14" t="s">
        <v>41</v>
      </c>
      <c r="D90271" s="14" t="s">
        <v>452</v>
      </c>
      <c r="E90271" s="15">
        <v>45492</v>
      </c>
      <c r="F90271" s="14" t="s">
        <v>43</v>
      </c>
      <c r="G90271" s="16">
        <v>0</v>
      </c>
    </row>
    <row r="90272" spans="1:7" x14ac:dyDescent="0.3">
      <c r="A90272" s="13" t="s">
        <v>451</v>
      </c>
      <c r="B90272" s="14" t="s">
        <v>1</v>
      </c>
      <c r="C90272" s="14" t="s">
        <v>41</v>
      </c>
      <c r="D90272" s="14" t="s">
        <v>452</v>
      </c>
      <c r="E90272" s="15">
        <v>45493</v>
      </c>
      <c r="F90272" s="14" t="s">
        <v>43</v>
      </c>
      <c r="G90272" s="16">
        <v>0</v>
      </c>
    </row>
    <row r="90273" spans="1:7" x14ac:dyDescent="0.3">
      <c r="A90273" s="13" t="s">
        <v>451</v>
      </c>
      <c r="B90273" s="14" t="s">
        <v>1</v>
      </c>
      <c r="C90273" s="14" t="s">
        <v>41</v>
      </c>
      <c r="D90273" s="14" t="s">
        <v>452</v>
      </c>
      <c r="E90273" s="15">
        <v>45494</v>
      </c>
      <c r="F90273" s="14" t="s">
        <v>43</v>
      </c>
      <c r="G90273" s="16">
        <v>0</v>
      </c>
    </row>
    <row r="90274" spans="1:7" x14ac:dyDescent="0.3">
      <c r="A90274" s="13" t="s">
        <v>451</v>
      </c>
      <c r="B90274" s="14" t="s">
        <v>1</v>
      </c>
      <c r="C90274" s="14" t="s">
        <v>41</v>
      </c>
      <c r="D90274" s="14" t="s">
        <v>452</v>
      </c>
      <c r="E90274" s="15">
        <v>45495</v>
      </c>
      <c r="F90274" s="14" t="s">
        <v>43</v>
      </c>
      <c r="G90274" s="16">
        <v>0</v>
      </c>
    </row>
    <row r="90275" spans="1:7" x14ac:dyDescent="0.3">
      <c r="A90275" s="13" t="s">
        <v>451</v>
      </c>
      <c r="B90275" s="14" t="s">
        <v>1</v>
      </c>
      <c r="C90275" s="14" t="s">
        <v>41</v>
      </c>
      <c r="D90275" s="14" t="s">
        <v>452</v>
      </c>
      <c r="E90275" s="15">
        <v>45496</v>
      </c>
      <c r="F90275" s="14" t="s">
        <v>43</v>
      </c>
      <c r="G90275" s="16">
        <v>0</v>
      </c>
    </row>
    <row r="90276" spans="1:7" x14ac:dyDescent="0.3">
      <c r="A90276" s="13" t="s">
        <v>451</v>
      </c>
      <c r="B90276" s="14" t="s">
        <v>1</v>
      </c>
      <c r="C90276" s="14" t="s">
        <v>41</v>
      </c>
      <c r="D90276" s="14" t="s">
        <v>452</v>
      </c>
      <c r="E90276" s="15">
        <v>45497</v>
      </c>
      <c r="F90276" s="14" t="s">
        <v>43</v>
      </c>
      <c r="G90276" s="16">
        <v>0</v>
      </c>
    </row>
    <row r="90277" spans="1:7" x14ac:dyDescent="0.3">
      <c r="A90277" s="13" t="s">
        <v>451</v>
      </c>
      <c r="B90277" s="14" t="s">
        <v>1</v>
      </c>
      <c r="C90277" s="14" t="s">
        <v>41</v>
      </c>
      <c r="D90277" s="14" t="s">
        <v>452</v>
      </c>
      <c r="E90277" s="15">
        <v>45498</v>
      </c>
      <c r="F90277" s="14" t="s">
        <v>43</v>
      </c>
      <c r="G90277" s="16">
        <v>0</v>
      </c>
    </row>
    <row r="90278" spans="1:7" x14ac:dyDescent="0.3">
      <c r="A90278" s="13" t="s">
        <v>451</v>
      </c>
      <c r="B90278" s="14" t="s">
        <v>1</v>
      </c>
      <c r="C90278" s="14" t="s">
        <v>41</v>
      </c>
      <c r="D90278" s="14" t="s">
        <v>452</v>
      </c>
      <c r="E90278" s="15">
        <v>45499</v>
      </c>
      <c r="F90278" s="14" t="s">
        <v>43</v>
      </c>
      <c r="G90278" s="16">
        <v>0</v>
      </c>
    </row>
    <row r="90279" spans="1:7" x14ac:dyDescent="0.3">
      <c r="A90279" s="13" t="s">
        <v>451</v>
      </c>
      <c r="B90279" s="14" t="s">
        <v>1</v>
      </c>
      <c r="C90279" s="14" t="s">
        <v>41</v>
      </c>
      <c r="D90279" s="14" t="s">
        <v>452</v>
      </c>
      <c r="E90279" s="15">
        <v>45500</v>
      </c>
      <c r="F90279" s="14" t="s">
        <v>43</v>
      </c>
      <c r="G90279" s="16">
        <v>0</v>
      </c>
    </row>
    <row r="90280" spans="1:7" x14ac:dyDescent="0.3">
      <c r="A90280" s="13" t="s">
        <v>451</v>
      </c>
      <c r="B90280" s="14" t="s">
        <v>1</v>
      </c>
      <c r="C90280" s="14" t="s">
        <v>41</v>
      </c>
      <c r="D90280" s="14" t="s">
        <v>452</v>
      </c>
      <c r="E90280" s="15">
        <v>45501</v>
      </c>
      <c r="F90280" s="14" t="s">
        <v>43</v>
      </c>
      <c r="G90280" s="16">
        <v>0</v>
      </c>
    </row>
    <row r="90281" spans="1:7" x14ac:dyDescent="0.3">
      <c r="A90281" s="13" t="s">
        <v>451</v>
      </c>
      <c r="B90281" s="14" t="s">
        <v>1</v>
      </c>
      <c r="C90281" s="14" t="s">
        <v>41</v>
      </c>
      <c r="D90281" s="14" t="s">
        <v>452</v>
      </c>
      <c r="E90281" s="15">
        <v>45502</v>
      </c>
      <c r="F90281" s="14" t="s">
        <v>43</v>
      </c>
      <c r="G90281" s="16">
        <v>0</v>
      </c>
    </row>
    <row r="90282" spans="1:7" x14ac:dyDescent="0.3">
      <c r="A90282" s="13" t="s">
        <v>451</v>
      </c>
      <c r="B90282" s="14" t="s">
        <v>1</v>
      </c>
      <c r="C90282" s="14" t="s">
        <v>41</v>
      </c>
      <c r="D90282" s="14" t="s">
        <v>452</v>
      </c>
      <c r="E90282" s="15">
        <v>45503</v>
      </c>
      <c r="F90282" s="14" t="s">
        <v>43</v>
      </c>
      <c r="G90282" s="16">
        <v>0</v>
      </c>
    </row>
    <row r="90283" spans="1:7" x14ac:dyDescent="0.3">
      <c r="A90283" s="13" t="s">
        <v>451</v>
      </c>
      <c r="B90283" s="14" t="s">
        <v>1</v>
      </c>
      <c r="C90283" s="14" t="s">
        <v>41</v>
      </c>
      <c r="D90283" s="14" t="s">
        <v>452</v>
      </c>
      <c r="E90283" s="15">
        <v>45504</v>
      </c>
      <c r="F90283" s="14" t="s">
        <v>43</v>
      </c>
      <c r="G90283" s="16">
        <v>0</v>
      </c>
    </row>
    <row r="90284" spans="1:7" x14ac:dyDescent="0.3">
      <c r="A90284" s="13" t="s">
        <v>451</v>
      </c>
      <c r="B90284" s="14" t="s">
        <v>1</v>
      </c>
      <c r="C90284" s="14" t="s">
        <v>41</v>
      </c>
      <c r="D90284" s="14" t="s">
        <v>452</v>
      </c>
      <c r="E90284" s="15">
        <v>45505</v>
      </c>
      <c r="F90284" s="14" t="s">
        <v>43</v>
      </c>
      <c r="G90284" s="16">
        <v>0</v>
      </c>
    </row>
    <row r="90285" spans="1:7" x14ac:dyDescent="0.3">
      <c r="A90285" s="13" t="s">
        <v>451</v>
      </c>
      <c r="B90285" s="14" t="s">
        <v>1</v>
      </c>
      <c r="C90285" s="14" t="s">
        <v>41</v>
      </c>
      <c r="D90285" s="14" t="s">
        <v>452</v>
      </c>
      <c r="E90285" s="15">
        <v>45506</v>
      </c>
      <c r="F90285" s="14" t="s">
        <v>43</v>
      </c>
      <c r="G90285" s="16">
        <v>0</v>
      </c>
    </row>
    <row r="90286" spans="1:7" x14ac:dyDescent="0.3">
      <c r="A90286" s="13" t="s">
        <v>451</v>
      </c>
      <c r="B90286" s="14" t="s">
        <v>1</v>
      </c>
      <c r="C90286" s="14" t="s">
        <v>41</v>
      </c>
      <c r="D90286" s="14" t="s">
        <v>452</v>
      </c>
      <c r="E90286" s="15">
        <v>45507</v>
      </c>
      <c r="F90286" s="14" t="s">
        <v>43</v>
      </c>
      <c r="G90286" s="16">
        <v>0</v>
      </c>
    </row>
    <row r="90287" spans="1:7" x14ac:dyDescent="0.3">
      <c r="A90287" s="13" t="s">
        <v>451</v>
      </c>
      <c r="B90287" s="14" t="s">
        <v>1</v>
      </c>
      <c r="C90287" s="14" t="s">
        <v>41</v>
      </c>
      <c r="D90287" s="14" t="s">
        <v>452</v>
      </c>
      <c r="E90287" s="15">
        <v>45508</v>
      </c>
      <c r="F90287" s="14" t="s">
        <v>43</v>
      </c>
      <c r="G90287" s="16">
        <v>0</v>
      </c>
    </row>
    <row r="90288" spans="1:7" x14ac:dyDescent="0.3">
      <c r="A90288" s="13" t="s">
        <v>451</v>
      </c>
      <c r="B90288" s="14" t="s">
        <v>1</v>
      </c>
      <c r="C90288" s="14" t="s">
        <v>41</v>
      </c>
      <c r="D90288" s="14" t="s">
        <v>452</v>
      </c>
      <c r="E90288" s="15">
        <v>45509</v>
      </c>
      <c r="F90288" s="14" t="s">
        <v>43</v>
      </c>
      <c r="G90288" s="16">
        <v>0</v>
      </c>
    </row>
    <row r="90289" spans="1:7" x14ac:dyDescent="0.3">
      <c r="A90289" s="13" t="s">
        <v>451</v>
      </c>
      <c r="B90289" s="14" t="s">
        <v>1</v>
      </c>
      <c r="C90289" s="14" t="s">
        <v>41</v>
      </c>
      <c r="D90289" s="14" t="s">
        <v>452</v>
      </c>
      <c r="E90289" s="15">
        <v>45510</v>
      </c>
      <c r="F90289" s="14" t="s">
        <v>43</v>
      </c>
      <c r="G90289" s="16">
        <v>0</v>
      </c>
    </row>
    <row r="90290" spans="1:7" x14ac:dyDescent="0.3">
      <c r="A90290" s="13" t="s">
        <v>451</v>
      </c>
      <c r="B90290" s="14" t="s">
        <v>1</v>
      </c>
      <c r="C90290" s="14" t="s">
        <v>41</v>
      </c>
      <c r="D90290" s="14" t="s">
        <v>452</v>
      </c>
      <c r="E90290" s="15">
        <v>45511</v>
      </c>
      <c r="F90290" s="14" t="s">
        <v>43</v>
      </c>
      <c r="G90290" s="16">
        <v>0</v>
      </c>
    </row>
    <row r="90291" spans="1:7" x14ac:dyDescent="0.3">
      <c r="A90291" s="13" t="s">
        <v>451</v>
      </c>
      <c r="B90291" s="14" t="s">
        <v>1</v>
      </c>
      <c r="C90291" s="14" t="s">
        <v>41</v>
      </c>
      <c r="D90291" s="14" t="s">
        <v>452</v>
      </c>
      <c r="E90291" s="15">
        <v>45512</v>
      </c>
      <c r="F90291" s="14" t="s">
        <v>43</v>
      </c>
      <c r="G90291" s="16">
        <v>0</v>
      </c>
    </row>
    <row r="90292" spans="1:7" x14ac:dyDescent="0.3">
      <c r="A90292" s="13" t="s">
        <v>451</v>
      </c>
      <c r="B90292" s="14" t="s">
        <v>1</v>
      </c>
      <c r="C90292" s="14" t="s">
        <v>41</v>
      </c>
      <c r="D90292" s="14" t="s">
        <v>452</v>
      </c>
      <c r="E90292" s="15">
        <v>45513</v>
      </c>
      <c r="F90292" s="14" t="s">
        <v>43</v>
      </c>
      <c r="G90292" s="16">
        <v>0</v>
      </c>
    </row>
    <row r="90293" spans="1:7" x14ac:dyDescent="0.3">
      <c r="A90293" s="13" t="s">
        <v>451</v>
      </c>
      <c r="B90293" s="14" t="s">
        <v>1</v>
      </c>
      <c r="C90293" s="14" t="s">
        <v>41</v>
      </c>
      <c r="D90293" s="14" t="s">
        <v>452</v>
      </c>
      <c r="E90293" s="15">
        <v>45514</v>
      </c>
      <c r="F90293" s="14" t="s">
        <v>43</v>
      </c>
      <c r="G90293" s="16">
        <v>0</v>
      </c>
    </row>
    <row r="90294" spans="1:7" x14ac:dyDescent="0.3">
      <c r="A90294" s="13" t="s">
        <v>451</v>
      </c>
      <c r="B90294" s="14" t="s">
        <v>1</v>
      </c>
      <c r="C90294" s="14" t="s">
        <v>41</v>
      </c>
      <c r="D90294" s="14" t="s">
        <v>452</v>
      </c>
      <c r="E90294" s="15">
        <v>45515</v>
      </c>
      <c r="F90294" s="14" t="s">
        <v>43</v>
      </c>
      <c r="G90294" s="16">
        <v>0</v>
      </c>
    </row>
    <row r="90295" spans="1:7" x14ac:dyDescent="0.3">
      <c r="A90295" s="13" t="s">
        <v>451</v>
      </c>
      <c r="B90295" s="14" t="s">
        <v>1</v>
      </c>
      <c r="C90295" s="14" t="s">
        <v>41</v>
      </c>
      <c r="D90295" s="14" t="s">
        <v>452</v>
      </c>
      <c r="E90295" s="15">
        <v>45516</v>
      </c>
      <c r="F90295" s="14" t="s">
        <v>43</v>
      </c>
      <c r="G90295" s="16">
        <v>0</v>
      </c>
    </row>
    <row r="90296" spans="1:7" x14ac:dyDescent="0.3">
      <c r="A90296" s="13" t="s">
        <v>451</v>
      </c>
      <c r="B90296" s="14" t="s">
        <v>1</v>
      </c>
      <c r="C90296" s="14" t="s">
        <v>41</v>
      </c>
      <c r="D90296" s="14" t="s">
        <v>452</v>
      </c>
      <c r="E90296" s="15">
        <v>45517</v>
      </c>
      <c r="F90296" s="14" t="s">
        <v>43</v>
      </c>
      <c r="G90296" s="16">
        <v>0</v>
      </c>
    </row>
    <row r="90297" spans="1:7" x14ac:dyDescent="0.3">
      <c r="A90297" s="13" t="s">
        <v>451</v>
      </c>
      <c r="B90297" s="14" t="s">
        <v>1</v>
      </c>
      <c r="C90297" s="14" t="s">
        <v>41</v>
      </c>
      <c r="D90297" s="14" t="s">
        <v>452</v>
      </c>
      <c r="E90297" s="15">
        <v>45518</v>
      </c>
      <c r="F90297" s="14" t="s">
        <v>43</v>
      </c>
      <c r="G90297" s="16">
        <v>0</v>
      </c>
    </row>
    <row r="90298" spans="1:7" x14ac:dyDescent="0.3">
      <c r="A90298" s="13" t="s">
        <v>451</v>
      </c>
      <c r="B90298" s="14" t="s">
        <v>1</v>
      </c>
      <c r="C90298" s="14" t="s">
        <v>41</v>
      </c>
      <c r="D90298" s="14" t="s">
        <v>452</v>
      </c>
      <c r="E90298" s="15">
        <v>45519</v>
      </c>
      <c r="F90298" s="14" t="s">
        <v>43</v>
      </c>
      <c r="G90298" s="16">
        <v>0</v>
      </c>
    </row>
    <row r="90299" spans="1:7" x14ac:dyDescent="0.3">
      <c r="A90299" s="13" t="s">
        <v>451</v>
      </c>
      <c r="B90299" s="14" t="s">
        <v>1</v>
      </c>
      <c r="C90299" s="14" t="s">
        <v>41</v>
      </c>
      <c r="D90299" s="14" t="s">
        <v>452</v>
      </c>
      <c r="E90299" s="15">
        <v>45520</v>
      </c>
      <c r="F90299" s="14" t="s">
        <v>43</v>
      </c>
      <c r="G90299" s="16">
        <v>0</v>
      </c>
    </row>
    <row r="90300" spans="1:7" x14ac:dyDescent="0.3">
      <c r="A90300" s="13" t="s">
        <v>451</v>
      </c>
      <c r="B90300" s="14" t="s">
        <v>1</v>
      </c>
      <c r="C90300" s="14" t="s">
        <v>41</v>
      </c>
      <c r="D90300" s="14" t="s">
        <v>452</v>
      </c>
      <c r="E90300" s="15">
        <v>45521</v>
      </c>
      <c r="F90300" s="14" t="s">
        <v>43</v>
      </c>
      <c r="G90300" s="16">
        <v>0</v>
      </c>
    </row>
    <row r="90301" spans="1:7" x14ac:dyDescent="0.3">
      <c r="A90301" s="13" t="s">
        <v>451</v>
      </c>
      <c r="B90301" s="14" t="s">
        <v>1</v>
      </c>
      <c r="C90301" s="14" t="s">
        <v>41</v>
      </c>
      <c r="D90301" s="14" t="s">
        <v>452</v>
      </c>
      <c r="E90301" s="15">
        <v>45522</v>
      </c>
      <c r="F90301" s="14" t="s">
        <v>43</v>
      </c>
      <c r="G90301" s="16">
        <v>0</v>
      </c>
    </row>
    <row r="90302" spans="1:7" x14ac:dyDescent="0.3">
      <c r="A90302" s="13" t="s">
        <v>451</v>
      </c>
      <c r="B90302" s="14" t="s">
        <v>1</v>
      </c>
      <c r="C90302" s="14" t="s">
        <v>41</v>
      </c>
      <c r="D90302" s="14" t="s">
        <v>452</v>
      </c>
      <c r="E90302" s="15">
        <v>45523</v>
      </c>
      <c r="F90302" s="14" t="s">
        <v>43</v>
      </c>
      <c r="G90302" s="16">
        <v>0</v>
      </c>
    </row>
    <row r="90303" spans="1:7" x14ac:dyDescent="0.3">
      <c r="A90303" s="13" t="s">
        <v>451</v>
      </c>
      <c r="B90303" s="14" t="s">
        <v>1</v>
      </c>
      <c r="C90303" s="14" t="s">
        <v>41</v>
      </c>
      <c r="D90303" s="14" t="s">
        <v>452</v>
      </c>
      <c r="E90303" s="15">
        <v>45524</v>
      </c>
      <c r="F90303" s="14" t="s">
        <v>43</v>
      </c>
      <c r="G90303" s="16">
        <v>0</v>
      </c>
    </row>
    <row r="90304" spans="1:7" x14ac:dyDescent="0.3">
      <c r="A90304" s="13" t="s">
        <v>451</v>
      </c>
      <c r="B90304" s="14" t="s">
        <v>1</v>
      </c>
      <c r="C90304" s="14" t="s">
        <v>41</v>
      </c>
      <c r="D90304" s="14" t="s">
        <v>452</v>
      </c>
      <c r="E90304" s="15">
        <v>45525</v>
      </c>
      <c r="F90304" s="14" t="s">
        <v>43</v>
      </c>
      <c r="G90304" s="16">
        <v>0</v>
      </c>
    </row>
    <row r="90305" spans="1:7" x14ac:dyDescent="0.3">
      <c r="A90305" s="13" t="s">
        <v>451</v>
      </c>
      <c r="B90305" s="14" t="s">
        <v>1</v>
      </c>
      <c r="C90305" s="14" t="s">
        <v>41</v>
      </c>
      <c r="D90305" s="14" t="s">
        <v>452</v>
      </c>
      <c r="E90305" s="15">
        <v>45526</v>
      </c>
      <c r="F90305" s="14" t="s">
        <v>43</v>
      </c>
      <c r="G90305" s="16">
        <v>0</v>
      </c>
    </row>
    <row r="90306" spans="1:7" x14ac:dyDescent="0.3">
      <c r="A90306" s="13" t="s">
        <v>451</v>
      </c>
      <c r="B90306" s="14" t="s">
        <v>1</v>
      </c>
      <c r="C90306" s="14" t="s">
        <v>41</v>
      </c>
      <c r="D90306" s="14" t="s">
        <v>452</v>
      </c>
      <c r="E90306" s="15">
        <v>45527</v>
      </c>
      <c r="F90306" s="14" t="s">
        <v>43</v>
      </c>
      <c r="G90306" s="16">
        <v>0</v>
      </c>
    </row>
    <row r="90307" spans="1:7" x14ac:dyDescent="0.3">
      <c r="A90307" s="13" t="s">
        <v>451</v>
      </c>
      <c r="B90307" s="14" t="s">
        <v>1</v>
      </c>
      <c r="C90307" s="14" t="s">
        <v>41</v>
      </c>
      <c r="D90307" s="14" t="s">
        <v>452</v>
      </c>
      <c r="E90307" s="15">
        <v>45528</v>
      </c>
      <c r="F90307" s="14" t="s">
        <v>43</v>
      </c>
      <c r="G90307" s="16">
        <v>0</v>
      </c>
    </row>
    <row r="90308" spans="1:7" x14ac:dyDescent="0.3">
      <c r="A90308" s="13" t="s">
        <v>451</v>
      </c>
      <c r="B90308" s="14" t="s">
        <v>1</v>
      </c>
      <c r="C90308" s="14" t="s">
        <v>41</v>
      </c>
      <c r="D90308" s="14" t="s">
        <v>452</v>
      </c>
      <c r="E90308" s="15">
        <v>45529</v>
      </c>
      <c r="F90308" s="14" t="s">
        <v>43</v>
      </c>
      <c r="G90308" s="16">
        <v>0</v>
      </c>
    </row>
    <row r="90309" spans="1:7" x14ac:dyDescent="0.3">
      <c r="A90309" s="13" t="s">
        <v>451</v>
      </c>
      <c r="B90309" s="14" t="s">
        <v>1</v>
      </c>
      <c r="C90309" s="14" t="s">
        <v>41</v>
      </c>
      <c r="D90309" s="14" t="s">
        <v>452</v>
      </c>
      <c r="E90309" s="15">
        <v>45530</v>
      </c>
      <c r="F90309" s="14" t="s">
        <v>43</v>
      </c>
      <c r="G90309" s="16">
        <v>0</v>
      </c>
    </row>
    <row r="90310" spans="1:7" x14ac:dyDescent="0.3">
      <c r="A90310" s="13" t="s">
        <v>451</v>
      </c>
      <c r="B90310" s="14" t="s">
        <v>1</v>
      </c>
      <c r="C90310" s="14" t="s">
        <v>41</v>
      </c>
      <c r="D90310" s="14" t="s">
        <v>452</v>
      </c>
      <c r="E90310" s="15">
        <v>45531</v>
      </c>
      <c r="F90310" s="14" t="s">
        <v>43</v>
      </c>
      <c r="G90310" s="16">
        <v>0</v>
      </c>
    </row>
    <row r="90311" spans="1:7" x14ac:dyDescent="0.3">
      <c r="A90311" s="13" t="s">
        <v>451</v>
      </c>
      <c r="B90311" s="14" t="s">
        <v>1</v>
      </c>
      <c r="C90311" s="14" t="s">
        <v>41</v>
      </c>
      <c r="D90311" s="14" t="s">
        <v>452</v>
      </c>
      <c r="E90311" s="15">
        <v>45532</v>
      </c>
      <c r="F90311" s="14" t="s">
        <v>43</v>
      </c>
      <c r="G90311" s="16">
        <v>0</v>
      </c>
    </row>
    <row r="90312" spans="1:7" x14ac:dyDescent="0.3">
      <c r="A90312" s="13" t="s">
        <v>451</v>
      </c>
      <c r="B90312" s="14" t="s">
        <v>1</v>
      </c>
      <c r="C90312" s="14" t="s">
        <v>41</v>
      </c>
      <c r="D90312" s="14" t="s">
        <v>452</v>
      </c>
      <c r="E90312" s="15">
        <v>45533</v>
      </c>
      <c r="F90312" s="14" t="s">
        <v>43</v>
      </c>
      <c r="G90312" s="16">
        <v>0</v>
      </c>
    </row>
    <row r="90313" spans="1:7" x14ac:dyDescent="0.3">
      <c r="A90313" s="13" t="s">
        <v>451</v>
      </c>
      <c r="B90313" s="14" t="s">
        <v>1</v>
      </c>
      <c r="C90313" s="14" t="s">
        <v>41</v>
      </c>
      <c r="D90313" s="14" t="s">
        <v>452</v>
      </c>
      <c r="E90313" s="15">
        <v>45534</v>
      </c>
      <c r="F90313" s="14" t="s">
        <v>43</v>
      </c>
      <c r="G90313" s="16">
        <v>0</v>
      </c>
    </row>
    <row r="90314" spans="1:7" x14ac:dyDescent="0.3">
      <c r="A90314" s="13" t="s">
        <v>451</v>
      </c>
      <c r="B90314" s="14" t="s">
        <v>1</v>
      </c>
      <c r="C90314" s="14" t="s">
        <v>41</v>
      </c>
      <c r="D90314" s="14" t="s">
        <v>452</v>
      </c>
      <c r="E90314" s="15">
        <v>45535</v>
      </c>
      <c r="F90314" s="14" t="s">
        <v>43</v>
      </c>
      <c r="G90314" s="16">
        <v>0</v>
      </c>
    </row>
    <row r="90315" spans="1:7" x14ac:dyDescent="0.3">
      <c r="A90315" s="13" t="s">
        <v>451</v>
      </c>
      <c r="B90315" s="14" t="s">
        <v>1</v>
      </c>
      <c r="C90315" s="14" t="s">
        <v>41</v>
      </c>
      <c r="D90315" s="14" t="s">
        <v>452</v>
      </c>
      <c r="E90315" s="15">
        <v>45536</v>
      </c>
      <c r="F90315" s="14" t="s">
        <v>43</v>
      </c>
      <c r="G90315" s="16">
        <v>0</v>
      </c>
    </row>
    <row r="90316" spans="1:7" x14ac:dyDescent="0.3">
      <c r="A90316" s="13" t="s">
        <v>451</v>
      </c>
      <c r="B90316" s="14" t="s">
        <v>1</v>
      </c>
      <c r="C90316" s="14" t="s">
        <v>41</v>
      </c>
      <c r="D90316" s="14" t="s">
        <v>452</v>
      </c>
      <c r="E90316" s="15">
        <v>45537</v>
      </c>
      <c r="F90316" s="14" t="s">
        <v>43</v>
      </c>
      <c r="G90316" s="16">
        <v>0</v>
      </c>
    </row>
    <row r="90317" spans="1:7" x14ac:dyDescent="0.3">
      <c r="A90317" s="13" t="s">
        <v>451</v>
      </c>
      <c r="B90317" s="14" t="s">
        <v>1</v>
      </c>
      <c r="C90317" s="14" t="s">
        <v>41</v>
      </c>
      <c r="D90317" s="14" t="s">
        <v>452</v>
      </c>
      <c r="E90317" s="15">
        <v>45538</v>
      </c>
      <c r="F90317" s="14" t="s">
        <v>43</v>
      </c>
      <c r="G90317" s="16">
        <v>0</v>
      </c>
    </row>
    <row r="90318" spans="1:7" x14ac:dyDescent="0.3">
      <c r="A90318" s="13" t="s">
        <v>451</v>
      </c>
      <c r="B90318" s="14" t="s">
        <v>1</v>
      </c>
      <c r="C90318" s="14" t="s">
        <v>41</v>
      </c>
      <c r="D90318" s="14" t="s">
        <v>452</v>
      </c>
      <c r="E90318" s="15">
        <v>45539</v>
      </c>
      <c r="F90318" s="14" t="s">
        <v>43</v>
      </c>
      <c r="G90318" s="16">
        <v>0</v>
      </c>
    </row>
    <row r="90319" spans="1:7" x14ac:dyDescent="0.3">
      <c r="A90319" s="13" t="s">
        <v>451</v>
      </c>
      <c r="B90319" s="14" t="s">
        <v>1</v>
      </c>
      <c r="C90319" s="14" t="s">
        <v>41</v>
      </c>
      <c r="D90319" s="14" t="s">
        <v>452</v>
      </c>
      <c r="E90319" s="15">
        <v>45540</v>
      </c>
      <c r="F90319" s="14" t="s">
        <v>43</v>
      </c>
      <c r="G90319" s="16">
        <v>0</v>
      </c>
    </row>
    <row r="90320" spans="1:7" x14ac:dyDescent="0.3">
      <c r="A90320" s="13" t="s">
        <v>451</v>
      </c>
      <c r="B90320" s="14" t="s">
        <v>1</v>
      </c>
      <c r="C90320" s="14" t="s">
        <v>41</v>
      </c>
      <c r="D90320" s="14" t="s">
        <v>452</v>
      </c>
      <c r="E90320" s="15">
        <v>45541</v>
      </c>
      <c r="F90320" s="14" t="s">
        <v>43</v>
      </c>
      <c r="G90320" s="16">
        <v>0</v>
      </c>
    </row>
    <row r="90321" spans="1:7" x14ac:dyDescent="0.3">
      <c r="A90321" s="13" t="s">
        <v>451</v>
      </c>
      <c r="B90321" s="14" t="s">
        <v>1</v>
      </c>
      <c r="C90321" s="14" t="s">
        <v>41</v>
      </c>
      <c r="D90321" s="14" t="s">
        <v>452</v>
      </c>
      <c r="E90321" s="15">
        <v>45542</v>
      </c>
      <c r="F90321" s="14" t="s">
        <v>43</v>
      </c>
      <c r="G90321" s="16">
        <v>0</v>
      </c>
    </row>
    <row r="90322" spans="1:7" x14ac:dyDescent="0.3">
      <c r="A90322" s="13" t="s">
        <v>451</v>
      </c>
      <c r="B90322" s="14" t="s">
        <v>1</v>
      </c>
      <c r="C90322" s="14" t="s">
        <v>41</v>
      </c>
      <c r="D90322" s="14" t="s">
        <v>452</v>
      </c>
      <c r="E90322" s="15">
        <v>45543</v>
      </c>
      <c r="F90322" s="14" t="s">
        <v>43</v>
      </c>
      <c r="G90322" s="16">
        <v>0</v>
      </c>
    </row>
    <row r="90323" spans="1:7" x14ac:dyDescent="0.3">
      <c r="A90323" s="13" t="s">
        <v>451</v>
      </c>
      <c r="B90323" s="14" t="s">
        <v>1</v>
      </c>
      <c r="C90323" s="14" t="s">
        <v>41</v>
      </c>
      <c r="D90323" s="14" t="s">
        <v>452</v>
      </c>
      <c r="E90323" s="15">
        <v>45544</v>
      </c>
      <c r="F90323" s="14" t="s">
        <v>43</v>
      </c>
      <c r="G90323" s="16">
        <v>0</v>
      </c>
    </row>
    <row r="90324" spans="1:7" x14ac:dyDescent="0.3">
      <c r="A90324" s="13" t="s">
        <v>451</v>
      </c>
      <c r="B90324" s="14" t="s">
        <v>1</v>
      </c>
      <c r="C90324" s="14" t="s">
        <v>41</v>
      </c>
      <c r="D90324" s="14" t="s">
        <v>452</v>
      </c>
      <c r="E90324" s="15">
        <v>45545</v>
      </c>
      <c r="F90324" s="14" t="s">
        <v>43</v>
      </c>
      <c r="G90324" s="16">
        <v>0</v>
      </c>
    </row>
    <row r="90325" spans="1:7" x14ac:dyDescent="0.3">
      <c r="A90325" s="13" t="s">
        <v>451</v>
      </c>
      <c r="B90325" s="14" t="s">
        <v>1</v>
      </c>
      <c r="C90325" s="14" t="s">
        <v>41</v>
      </c>
      <c r="D90325" s="14" t="s">
        <v>452</v>
      </c>
      <c r="E90325" s="15">
        <v>45546</v>
      </c>
      <c r="F90325" s="14" t="s">
        <v>43</v>
      </c>
      <c r="G90325" s="16">
        <v>0</v>
      </c>
    </row>
    <row r="90326" spans="1:7" x14ac:dyDescent="0.3">
      <c r="A90326" s="13" t="s">
        <v>451</v>
      </c>
      <c r="B90326" s="14" t="s">
        <v>1</v>
      </c>
      <c r="C90326" s="14" t="s">
        <v>41</v>
      </c>
      <c r="D90326" s="14" t="s">
        <v>452</v>
      </c>
      <c r="E90326" s="15">
        <v>45547</v>
      </c>
      <c r="F90326" s="14" t="s">
        <v>43</v>
      </c>
      <c r="G90326" s="16">
        <v>0</v>
      </c>
    </row>
    <row r="90327" spans="1:7" x14ac:dyDescent="0.3">
      <c r="A90327" s="13" t="s">
        <v>451</v>
      </c>
      <c r="B90327" s="14" t="s">
        <v>1</v>
      </c>
      <c r="C90327" s="14" t="s">
        <v>41</v>
      </c>
      <c r="D90327" s="14" t="s">
        <v>452</v>
      </c>
      <c r="E90327" s="15">
        <v>45548</v>
      </c>
      <c r="F90327" s="14" t="s">
        <v>43</v>
      </c>
      <c r="G90327" s="16">
        <v>0</v>
      </c>
    </row>
    <row r="90328" spans="1:7" x14ac:dyDescent="0.3">
      <c r="A90328" s="13" t="s">
        <v>451</v>
      </c>
      <c r="B90328" s="14" t="s">
        <v>1</v>
      </c>
      <c r="C90328" s="14" t="s">
        <v>41</v>
      </c>
      <c r="D90328" s="14" t="s">
        <v>452</v>
      </c>
      <c r="E90328" s="15">
        <v>45549</v>
      </c>
      <c r="F90328" s="14" t="s">
        <v>43</v>
      </c>
      <c r="G90328" s="16">
        <v>0</v>
      </c>
    </row>
    <row r="90329" spans="1:7" x14ac:dyDescent="0.3">
      <c r="A90329" s="13" t="s">
        <v>451</v>
      </c>
      <c r="B90329" s="14" t="s">
        <v>1</v>
      </c>
      <c r="C90329" s="14" t="s">
        <v>41</v>
      </c>
      <c r="D90329" s="14" t="s">
        <v>452</v>
      </c>
      <c r="E90329" s="15">
        <v>45550</v>
      </c>
      <c r="F90329" s="14" t="s">
        <v>43</v>
      </c>
      <c r="G90329" s="16">
        <v>0</v>
      </c>
    </row>
    <row r="90330" spans="1:7" x14ac:dyDescent="0.3">
      <c r="A90330" s="13" t="s">
        <v>451</v>
      </c>
      <c r="B90330" s="14" t="s">
        <v>1</v>
      </c>
      <c r="C90330" s="14" t="s">
        <v>41</v>
      </c>
      <c r="D90330" s="14" t="s">
        <v>452</v>
      </c>
      <c r="E90330" s="15">
        <v>45551</v>
      </c>
      <c r="F90330" s="14" t="s">
        <v>43</v>
      </c>
      <c r="G90330" s="16">
        <v>0</v>
      </c>
    </row>
    <row r="90331" spans="1:7" x14ac:dyDescent="0.3">
      <c r="A90331" s="13" t="s">
        <v>451</v>
      </c>
      <c r="B90331" s="14" t="s">
        <v>1</v>
      </c>
      <c r="C90331" s="14" t="s">
        <v>41</v>
      </c>
      <c r="D90331" s="14" t="s">
        <v>452</v>
      </c>
      <c r="E90331" s="15">
        <v>45552</v>
      </c>
      <c r="F90331" s="14" t="s">
        <v>43</v>
      </c>
      <c r="G90331" s="16">
        <v>0</v>
      </c>
    </row>
    <row r="90332" spans="1:7" x14ac:dyDescent="0.3">
      <c r="A90332" s="13" t="s">
        <v>451</v>
      </c>
      <c r="B90332" s="14" t="s">
        <v>1</v>
      </c>
      <c r="C90332" s="14" t="s">
        <v>41</v>
      </c>
      <c r="D90332" s="14" t="s">
        <v>452</v>
      </c>
      <c r="E90332" s="15">
        <v>45553</v>
      </c>
      <c r="F90332" s="14" t="s">
        <v>43</v>
      </c>
      <c r="G90332" s="16">
        <v>0</v>
      </c>
    </row>
    <row r="90333" spans="1:7" x14ac:dyDescent="0.3">
      <c r="A90333" s="13" t="s">
        <v>451</v>
      </c>
      <c r="B90333" s="14" t="s">
        <v>1</v>
      </c>
      <c r="C90333" s="14" t="s">
        <v>41</v>
      </c>
      <c r="D90333" s="14" t="s">
        <v>452</v>
      </c>
      <c r="E90333" s="15">
        <v>45554</v>
      </c>
      <c r="F90333" s="14" t="s">
        <v>43</v>
      </c>
      <c r="G90333" s="16">
        <v>0</v>
      </c>
    </row>
    <row r="90334" spans="1:7" x14ac:dyDescent="0.3">
      <c r="A90334" s="13" t="s">
        <v>451</v>
      </c>
      <c r="B90334" s="14" t="s">
        <v>1</v>
      </c>
      <c r="C90334" s="14" t="s">
        <v>41</v>
      </c>
      <c r="D90334" s="14" t="s">
        <v>452</v>
      </c>
      <c r="E90334" s="15">
        <v>45555</v>
      </c>
      <c r="F90334" s="14" t="s">
        <v>43</v>
      </c>
      <c r="G90334" s="16">
        <v>0</v>
      </c>
    </row>
    <row r="90335" spans="1:7" x14ac:dyDescent="0.3">
      <c r="A90335" s="13" t="s">
        <v>451</v>
      </c>
      <c r="B90335" s="14" t="s">
        <v>1</v>
      </c>
      <c r="C90335" s="14" t="s">
        <v>41</v>
      </c>
      <c r="D90335" s="14" t="s">
        <v>452</v>
      </c>
      <c r="E90335" s="15">
        <v>45556</v>
      </c>
      <c r="F90335" s="14" t="s">
        <v>43</v>
      </c>
      <c r="G90335" s="16">
        <v>0</v>
      </c>
    </row>
    <row r="90336" spans="1:7" x14ac:dyDescent="0.3">
      <c r="A90336" s="13" t="s">
        <v>451</v>
      </c>
      <c r="B90336" s="14" t="s">
        <v>1</v>
      </c>
      <c r="C90336" s="14" t="s">
        <v>41</v>
      </c>
      <c r="D90336" s="14" t="s">
        <v>452</v>
      </c>
      <c r="E90336" s="15">
        <v>45557</v>
      </c>
      <c r="F90336" s="14" t="s">
        <v>43</v>
      </c>
      <c r="G90336" s="16">
        <v>0</v>
      </c>
    </row>
    <row r="90337" spans="1:7" x14ac:dyDescent="0.3">
      <c r="A90337" s="13" t="s">
        <v>451</v>
      </c>
      <c r="B90337" s="14" t="s">
        <v>1</v>
      </c>
      <c r="C90337" s="14" t="s">
        <v>41</v>
      </c>
      <c r="D90337" s="14" t="s">
        <v>452</v>
      </c>
      <c r="E90337" s="15">
        <v>45558</v>
      </c>
      <c r="F90337" s="14" t="s">
        <v>43</v>
      </c>
      <c r="G90337" s="16">
        <v>0</v>
      </c>
    </row>
    <row r="90338" spans="1:7" x14ac:dyDescent="0.3">
      <c r="A90338" s="13" t="s">
        <v>451</v>
      </c>
      <c r="B90338" s="14" t="s">
        <v>1</v>
      </c>
      <c r="C90338" s="14" t="s">
        <v>41</v>
      </c>
      <c r="D90338" s="14" t="s">
        <v>452</v>
      </c>
      <c r="E90338" s="15">
        <v>45559</v>
      </c>
      <c r="F90338" s="14" t="s">
        <v>43</v>
      </c>
      <c r="G90338" s="16">
        <v>0</v>
      </c>
    </row>
    <row r="90339" spans="1:7" x14ac:dyDescent="0.3">
      <c r="A90339" s="13" t="s">
        <v>451</v>
      </c>
      <c r="B90339" s="14" t="s">
        <v>1</v>
      </c>
      <c r="C90339" s="14" t="s">
        <v>41</v>
      </c>
      <c r="D90339" s="14" t="s">
        <v>452</v>
      </c>
      <c r="E90339" s="15">
        <v>45560</v>
      </c>
      <c r="F90339" s="14" t="s">
        <v>43</v>
      </c>
      <c r="G90339" s="16">
        <v>0</v>
      </c>
    </row>
    <row r="90340" spans="1:7" x14ac:dyDescent="0.3">
      <c r="A90340" s="13" t="s">
        <v>451</v>
      </c>
      <c r="B90340" s="14" t="s">
        <v>1</v>
      </c>
      <c r="C90340" s="14" t="s">
        <v>41</v>
      </c>
      <c r="D90340" s="14" t="s">
        <v>452</v>
      </c>
      <c r="E90340" s="15">
        <v>45561</v>
      </c>
      <c r="F90340" s="14" t="s">
        <v>43</v>
      </c>
      <c r="G90340" s="16">
        <v>0</v>
      </c>
    </row>
    <row r="90341" spans="1:7" x14ac:dyDescent="0.3">
      <c r="A90341" s="13" t="s">
        <v>451</v>
      </c>
      <c r="B90341" s="14" t="s">
        <v>1</v>
      </c>
      <c r="C90341" s="14" t="s">
        <v>41</v>
      </c>
      <c r="D90341" s="14" t="s">
        <v>452</v>
      </c>
      <c r="E90341" s="15">
        <v>45562</v>
      </c>
      <c r="F90341" s="14" t="s">
        <v>43</v>
      </c>
      <c r="G90341" s="16">
        <v>0</v>
      </c>
    </row>
    <row r="90342" spans="1:7" x14ac:dyDescent="0.3">
      <c r="A90342" s="13" t="s">
        <v>451</v>
      </c>
      <c r="B90342" s="14" t="s">
        <v>1</v>
      </c>
      <c r="C90342" s="14" t="s">
        <v>41</v>
      </c>
      <c r="D90342" s="14" t="s">
        <v>452</v>
      </c>
      <c r="E90342" s="15">
        <v>45563</v>
      </c>
      <c r="F90342" s="14" t="s">
        <v>43</v>
      </c>
      <c r="G90342" s="16">
        <v>0</v>
      </c>
    </row>
    <row r="90343" spans="1:7" x14ac:dyDescent="0.3">
      <c r="A90343" s="13" t="s">
        <v>451</v>
      </c>
      <c r="B90343" s="14" t="s">
        <v>1</v>
      </c>
      <c r="C90343" s="14" t="s">
        <v>41</v>
      </c>
      <c r="D90343" s="14" t="s">
        <v>452</v>
      </c>
      <c r="E90343" s="15">
        <v>45564</v>
      </c>
      <c r="F90343" s="14" t="s">
        <v>43</v>
      </c>
      <c r="G90343" s="16">
        <v>0</v>
      </c>
    </row>
    <row r="90344" spans="1:7" x14ac:dyDescent="0.3">
      <c r="A90344" s="13" t="s">
        <v>451</v>
      </c>
      <c r="B90344" s="14" t="s">
        <v>1</v>
      </c>
      <c r="C90344" s="14" t="s">
        <v>41</v>
      </c>
      <c r="D90344" s="14" t="s">
        <v>452</v>
      </c>
      <c r="E90344" s="15">
        <v>45565</v>
      </c>
      <c r="F90344" s="14" t="s">
        <v>43</v>
      </c>
      <c r="G90344" s="16">
        <v>44.842306979874827</v>
      </c>
    </row>
    <row r="90345" spans="1:7" x14ac:dyDescent="0.3">
      <c r="A90345" s="13" t="s">
        <v>451</v>
      </c>
      <c r="B90345" s="14" t="s">
        <v>1</v>
      </c>
      <c r="C90345" s="14" t="s">
        <v>41</v>
      </c>
      <c r="D90345" s="14" t="s">
        <v>452</v>
      </c>
      <c r="E90345" s="15">
        <v>45566</v>
      </c>
      <c r="F90345" s="14" t="s">
        <v>43</v>
      </c>
      <c r="G90345" s="16">
        <v>43.591705445739656</v>
      </c>
    </row>
    <row r="90346" spans="1:7" x14ac:dyDescent="0.3">
      <c r="A90346" s="13" t="s">
        <v>451</v>
      </c>
      <c r="B90346" s="14" t="s">
        <v>1</v>
      </c>
      <c r="C90346" s="14" t="s">
        <v>41</v>
      </c>
      <c r="D90346" s="14" t="s">
        <v>452</v>
      </c>
      <c r="E90346" s="15">
        <v>45567</v>
      </c>
      <c r="F90346" s="14" t="s">
        <v>43</v>
      </c>
      <c r="G90346" s="16">
        <v>43.183440654326745</v>
      </c>
    </row>
    <row r="90347" spans="1:7" x14ac:dyDescent="0.3">
      <c r="A90347" s="13" t="s">
        <v>451</v>
      </c>
      <c r="B90347" s="14" t="s">
        <v>1</v>
      </c>
      <c r="C90347" s="14" t="s">
        <v>41</v>
      </c>
      <c r="D90347" s="14" t="s">
        <v>452</v>
      </c>
      <c r="E90347" s="15">
        <v>45568</v>
      </c>
      <c r="F90347" s="14" t="s">
        <v>43</v>
      </c>
      <c r="G90347" s="16">
        <v>42.769083022630596</v>
      </c>
    </row>
    <row r="90348" spans="1:7" x14ac:dyDescent="0.3">
      <c r="A90348" s="13" t="s">
        <v>451</v>
      </c>
      <c r="B90348" s="14" t="s">
        <v>1</v>
      </c>
      <c r="C90348" s="14" t="s">
        <v>41</v>
      </c>
      <c r="D90348" s="14" t="s">
        <v>452</v>
      </c>
      <c r="E90348" s="15">
        <v>45569</v>
      </c>
      <c r="F90348" s="14" t="s">
        <v>43</v>
      </c>
      <c r="G90348" s="16">
        <v>42.360440575828235</v>
      </c>
    </row>
    <row r="90349" spans="1:7" x14ac:dyDescent="0.3">
      <c r="A90349" s="13" t="s">
        <v>451</v>
      </c>
      <c r="B90349" s="14" t="s">
        <v>1</v>
      </c>
      <c r="C90349" s="14" t="s">
        <v>41</v>
      </c>
      <c r="D90349" s="14" t="s">
        <v>452</v>
      </c>
      <c r="E90349" s="15">
        <v>45570</v>
      </c>
      <c r="F90349" s="14" t="s">
        <v>43</v>
      </c>
      <c r="G90349" s="16">
        <v>42.360440575828235</v>
      </c>
    </row>
    <row r="90350" spans="1:7" x14ac:dyDescent="0.3">
      <c r="A90350" s="13" t="s">
        <v>451</v>
      </c>
      <c r="B90350" s="14" t="s">
        <v>1</v>
      </c>
      <c r="C90350" s="14" t="s">
        <v>41</v>
      </c>
      <c r="D90350" s="14" t="s">
        <v>452</v>
      </c>
      <c r="E90350" s="15">
        <v>45571</v>
      </c>
      <c r="F90350" s="14" t="s">
        <v>43</v>
      </c>
      <c r="G90350" s="16">
        <v>42.360440575828235</v>
      </c>
    </row>
    <row r="90351" spans="1:7" x14ac:dyDescent="0.3">
      <c r="A90351" s="13" t="s">
        <v>451</v>
      </c>
      <c r="B90351" s="14" t="s">
        <v>1</v>
      </c>
      <c r="C90351" s="14" t="s">
        <v>41</v>
      </c>
      <c r="D90351" s="14" t="s">
        <v>452</v>
      </c>
      <c r="E90351" s="15">
        <v>45572</v>
      </c>
      <c r="F90351" s="14" t="s">
        <v>43</v>
      </c>
      <c r="G90351" s="16">
        <v>41.94750859322729</v>
      </c>
    </row>
    <row r="90352" spans="1:7" x14ac:dyDescent="0.3">
      <c r="A90352" s="13" t="s">
        <v>451</v>
      </c>
      <c r="B90352" s="14" t="s">
        <v>1</v>
      </c>
      <c r="C90352" s="14" t="s">
        <v>41</v>
      </c>
      <c r="D90352" s="14" t="s">
        <v>452</v>
      </c>
      <c r="E90352" s="15">
        <v>45573</v>
      </c>
      <c r="F90352" s="14" t="s">
        <v>43</v>
      </c>
      <c r="G90352" s="16">
        <v>40.715556941074809</v>
      </c>
    </row>
    <row r="90353" spans="1:7" x14ac:dyDescent="0.3">
      <c r="A90353" s="13" t="s">
        <v>451</v>
      </c>
      <c r="B90353" s="14" t="s">
        <v>1</v>
      </c>
      <c r="C90353" s="14" t="s">
        <v>41</v>
      </c>
      <c r="D90353" s="14" t="s">
        <v>452</v>
      </c>
      <c r="E90353" s="15">
        <v>45574</v>
      </c>
      <c r="F90353" s="14" t="s">
        <v>43</v>
      </c>
      <c r="G90353" s="16">
        <v>40.293060835735858</v>
      </c>
    </row>
    <row r="90354" spans="1:7" x14ac:dyDescent="0.3">
      <c r="A90354" s="13" t="s">
        <v>451</v>
      </c>
      <c r="B90354" s="14" t="s">
        <v>1</v>
      </c>
      <c r="C90354" s="14" t="s">
        <v>41</v>
      </c>
      <c r="D90354" s="14" t="s">
        <v>452</v>
      </c>
      <c r="E90354" s="15">
        <v>45575</v>
      </c>
      <c r="F90354" s="14" t="s">
        <v>43</v>
      </c>
      <c r="G90354" s="16">
        <v>39.877183141097142</v>
      </c>
    </row>
    <row r="90355" spans="1:7" x14ac:dyDescent="0.3">
      <c r="A90355" s="13" t="s">
        <v>451</v>
      </c>
      <c r="B90355" s="14" t="s">
        <v>1</v>
      </c>
      <c r="C90355" s="14" t="s">
        <v>41</v>
      </c>
      <c r="D90355" s="14" t="s">
        <v>452</v>
      </c>
      <c r="E90355" s="15">
        <v>45576</v>
      </c>
      <c r="F90355" s="14" t="s">
        <v>43</v>
      </c>
      <c r="G90355" s="16">
        <v>39.459847588714304</v>
      </c>
    </row>
    <row r="90356" spans="1:7" x14ac:dyDescent="0.3">
      <c r="A90356" s="13" t="s">
        <v>451</v>
      </c>
      <c r="B90356" s="14" t="s">
        <v>1</v>
      </c>
      <c r="C90356" s="14" t="s">
        <v>41</v>
      </c>
      <c r="D90356" s="14" t="s">
        <v>452</v>
      </c>
      <c r="E90356" s="15">
        <v>45577</v>
      </c>
      <c r="F90356" s="14" t="s">
        <v>43</v>
      </c>
      <c r="G90356" s="16">
        <v>39.459847588714304</v>
      </c>
    </row>
    <row r="90357" spans="1:7" x14ac:dyDescent="0.3">
      <c r="A90357" s="13" t="s">
        <v>451</v>
      </c>
      <c r="B90357" s="14" t="s">
        <v>1</v>
      </c>
      <c r="C90357" s="14" t="s">
        <v>41</v>
      </c>
      <c r="D90357" s="14" t="s">
        <v>452</v>
      </c>
      <c r="E90357" s="15">
        <v>45578</v>
      </c>
      <c r="F90357" s="14" t="s">
        <v>43</v>
      </c>
      <c r="G90357" s="16">
        <v>39.459847588714304</v>
      </c>
    </row>
    <row r="90358" spans="1:7" x14ac:dyDescent="0.3">
      <c r="A90358" s="13" t="s">
        <v>451</v>
      </c>
      <c r="B90358" s="14" t="s">
        <v>1</v>
      </c>
      <c r="C90358" s="14" t="s">
        <v>41</v>
      </c>
      <c r="D90358" s="14" t="s">
        <v>452</v>
      </c>
      <c r="E90358" s="15">
        <v>45579</v>
      </c>
      <c r="F90358" s="14" t="s">
        <v>43</v>
      </c>
      <c r="G90358" s="16">
        <v>39.459847588714304</v>
      </c>
    </row>
    <row r="90359" spans="1:7" x14ac:dyDescent="0.3">
      <c r="A90359" s="13" t="s">
        <v>451</v>
      </c>
      <c r="B90359" s="14" t="s">
        <v>1</v>
      </c>
      <c r="C90359" s="14" t="s">
        <v>41</v>
      </c>
      <c r="D90359" s="14" t="s">
        <v>452</v>
      </c>
      <c r="E90359" s="15">
        <v>45580</v>
      </c>
      <c r="F90359" s="14" t="s">
        <v>43</v>
      </c>
      <c r="G90359" s="16">
        <v>39.041323614703934</v>
      </c>
    </row>
    <row r="90360" spans="1:7" x14ac:dyDescent="0.3">
      <c r="A90360" s="13" t="s">
        <v>451</v>
      </c>
      <c r="B90360" s="14" t="s">
        <v>1</v>
      </c>
      <c r="C90360" s="14" t="s">
        <v>41</v>
      </c>
      <c r="D90360" s="14" t="s">
        <v>452</v>
      </c>
      <c r="E90360" s="15">
        <v>45581</v>
      </c>
      <c r="F90360" s="14" t="s">
        <v>43</v>
      </c>
      <c r="G90360" s="16">
        <v>37.390548411856862</v>
      </c>
    </row>
    <row r="90361" spans="1:7" x14ac:dyDescent="0.3">
      <c r="A90361" s="13" t="s">
        <v>451</v>
      </c>
      <c r="B90361" s="14" t="s">
        <v>1</v>
      </c>
      <c r="C90361" s="14" t="s">
        <v>41</v>
      </c>
      <c r="D90361" s="14" t="s">
        <v>452</v>
      </c>
      <c r="E90361" s="15">
        <v>45582</v>
      </c>
      <c r="F90361" s="14" t="s">
        <v>43</v>
      </c>
      <c r="G90361" s="16">
        <v>36.970600079572321</v>
      </c>
    </row>
    <row r="90362" spans="1:7" x14ac:dyDescent="0.3">
      <c r="A90362" s="13" t="s">
        <v>451</v>
      </c>
      <c r="B90362" s="14" t="s">
        <v>1</v>
      </c>
      <c r="C90362" s="14" t="s">
        <v>41</v>
      </c>
      <c r="D90362" s="14" t="s">
        <v>452</v>
      </c>
      <c r="E90362" s="15">
        <v>45583</v>
      </c>
      <c r="F90362" s="14" t="s">
        <v>43</v>
      </c>
      <c r="G90362" s="16">
        <v>36.55535823540432</v>
      </c>
    </row>
    <row r="90363" spans="1:7" x14ac:dyDescent="0.3">
      <c r="A90363" s="13" t="s">
        <v>451</v>
      </c>
      <c r="B90363" s="14" t="s">
        <v>1</v>
      </c>
      <c r="C90363" s="14" t="s">
        <v>41</v>
      </c>
      <c r="D90363" s="14" t="s">
        <v>452</v>
      </c>
      <c r="E90363" s="15">
        <v>45584</v>
      </c>
      <c r="F90363" s="14" t="s">
        <v>43</v>
      </c>
      <c r="G90363" s="16">
        <v>36.55535823540432</v>
      </c>
    </row>
    <row r="90364" spans="1:7" x14ac:dyDescent="0.3">
      <c r="A90364" s="13" t="s">
        <v>451</v>
      </c>
      <c r="B90364" s="14" t="s">
        <v>1</v>
      </c>
      <c r="C90364" s="14" t="s">
        <v>41</v>
      </c>
      <c r="D90364" s="14" t="s">
        <v>452</v>
      </c>
      <c r="E90364" s="15">
        <v>45585</v>
      </c>
      <c r="F90364" s="14" t="s">
        <v>43</v>
      </c>
      <c r="G90364" s="16">
        <v>36.55535823540432</v>
      </c>
    </row>
    <row r="90365" spans="1:7" x14ac:dyDescent="0.3">
      <c r="A90365" s="13" t="s">
        <v>451</v>
      </c>
      <c r="B90365" s="14" t="s">
        <v>1</v>
      </c>
      <c r="C90365" s="14" t="s">
        <v>41</v>
      </c>
      <c r="D90365" s="14" t="s">
        <v>452</v>
      </c>
      <c r="E90365" s="15">
        <v>45586</v>
      </c>
      <c r="F90365" s="14" t="s">
        <v>43</v>
      </c>
      <c r="G90365" s="16">
        <v>36.14108837399494</v>
      </c>
    </row>
    <row r="90366" spans="1:7" x14ac:dyDescent="0.3">
      <c r="A90366" s="13" t="s">
        <v>451</v>
      </c>
      <c r="B90366" s="14" t="s">
        <v>1</v>
      </c>
      <c r="C90366" s="14" t="s">
        <v>41</v>
      </c>
      <c r="D90366" s="14" t="s">
        <v>452</v>
      </c>
      <c r="E90366" s="15">
        <v>45587</v>
      </c>
      <c r="F90366" s="14" t="s">
        <v>43</v>
      </c>
      <c r="G90366" s="16">
        <v>34.911267866033839</v>
      </c>
    </row>
    <row r="90367" spans="1:7" x14ac:dyDescent="0.3">
      <c r="A90367" s="13" t="s">
        <v>451</v>
      </c>
      <c r="B90367" s="14" t="s">
        <v>1</v>
      </c>
      <c r="C90367" s="14" t="s">
        <v>41</v>
      </c>
      <c r="D90367" s="14" t="s">
        <v>452</v>
      </c>
      <c r="E90367" s="15">
        <v>45588</v>
      </c>
      <c r="F90367" s="14" t="s">
        <v>43</v>
      </c>
      <c r="G90367" s="16">
        <v>35.642804039107219</v>
      </c>
    </row>
    <row r="90368" spans="1:7" x14ac:dyDescent="0.3">
      <c r="A90368" s="13" t="s">
        <v>451</v>
      </c>
      <c r="B90368" s="14" t="s">
        <v>1</v>
      </c>
      <c r="C90368" s="14" t="s">
        <v>41</v>
      </c>
      <c r="D90368" s="14" t="s">
        <v>452</v>
      </c>
      <c r="E90368" s="15">
        <v>45589</v>
      </c>
      <c r="F90368" s="14" t="s">
        <v>43</v>
      </c>
      <c r="G90368" s="16">
        <v>35.234916570133997</v>
      </c>
    </row>
    <row r="90369" spans="1:7" x14ac:dyDescent="0.3">
      <c r="A90369" s="13" t="s">
        <v>451</v>
      </c>
      <c r="B90369" s="14" t="s">
        <v>1</v>
      </c>
      <c r="C90369" s="14" t="s">
        <v>41</v>
      </c>
      <c r="D90369" s="14" t="s">
        <v>452</v>
      </c>
      <c r="E90369" s="15">
        <v>45590</v>
      </c>
      <c r="F90369" s="14" t="s">
        <v>43</v>
      </c>
      <c r="G90369" s="16">
        <v>34.829578808763117</v>
      </c>
    </row>
    <row r="90370" spans="1:7" x14ac:dyDescent="0.3">
      <c r="A90370" s="13" t="s">
        <v>451</v>
      </c>
      <c r="B90370" s="14" t="s">
        <v>1</v>
      </c>
      <c r="C90370" s="14" t="s">
        <v>41</v>
      </c>
      <c r="D90370" s="14" t="s">
        <v>452</v>
      </c>
      <c r="E90370" s="15">
        <v>45591</v>
      </c>
      <c r="F90370" s="14" t="s">
        <v>43</v>
      </c>
      <c r="G90370" s="16">
        <v>34.829578808763117</v>
      </c>
    </row>
    <row r="90371" spans="1:7" x14ac:dyDescent="0.3">
      <c r="A90371" s="13" t="s">
        <v>451</v>
      </c>
      <c r="B90371" s="14" t="s">
        <v>1</v>
      </c>
      <c r="C90371" s="14" t="s">
        <v>41</v>
      </c>
      <c r="D90371" s="14" t="s">
        <v>452</v>
      </c>
      <c r="E90371" s="15">
        <v>45592</v>
      </c>
      <c r="F90371" s="14" t="s">
        <v>43</v>
      </c>
      <c r="G90371" s="16">
        <v>34.829578808763117</v>
      </c>
    </row>
    <row r="90372" spans="1:7" x14ac:dyDescent="0.3">
      <c r="A90372" s="13" t="s">
        <v>451</v>
      </c>
      <c r="B90372" s="14" t="s">
        <v>1</v>
      </c>
      <c r="C90372" s="14" t="s">
        <v>41</v>
      </c>
      <c r="D90372" s="14" t="s">
        <v>452</v>
      </c>
      <c r="E90372" s="15">
        <v>45593</v>
      </c>
      <c r="F90372" s="14" t="s">
        <v>43</v>
      </c>
      <c r="G90372" s="16">
        <v>34.829578808763117</v>
      </c>
    </row>
    <row r="90373" spans="1:7" x14ac:dyDescent="0.3">
      <c r="A90373" s="13" t="s">
        <v>451</v>
      </c>
      <c r="B90373" s="14" t="s">
        <v>1</v>
      </c>
      <c r="C90373" s="14" t="s">
        <v>41</v>
      </c>
      <c r="D90373" s="14" t="s">
        <v>452</v>
      </c>
      <c r="E90373" s="15">
        <v>45594</v>
      </c>
      <c r="F90373" s="14" t="s">
        <v>43</v>
      </c>
      <c r="G90373" s="16">
        <v>34.557995433357142</v>
      </c>
    </row>
    <row r="90374" spans="1:7" x14ac:dyDescent="0.3">
      <c r="A90374" s="13" t="s">
        <v>451</v>
      </c>
      <c r="B90374" s="14" t="s">
        <v>1</v>
      </c>
      <c r="C90374" s="14" t="s">
        <v>41</v>
      </c>
      <c r="D90374" s="14" t="s">
        <v>452</v>
      </c>
      <c r="E90374" s="15">
        <v>45595</v>
      </c>
      <c r="F90374" s="14" t="s">
        <v>43</v>
      </c>
      <c r="G90374" s="16">
        <v>33.022568357791684</v>
      </c>
    </row>
    <row r="90375" spans="1:7" x14ac:dyDescent="0.3">
      <c r="A90375" s="13" t="s">
        <v>451</v>
      </c>
      <c r="B90375" s="14" t="s">
        <v>1</v>
      </c>
      <c r="C90375" s="14" t="s">
        <v>41</v>
      </c>
      <c r="D90375" s="14" t="s">
        <v>452</v>
      </c>
      <c r="E90375" s="15">
        <v>45596</v>
      </c>
      <c r="F90375" s="14" t="s">
        <v>43</v>
      </c>
      <c r="G90375" s="16">
        <v>33.000332138153922</v>
      </c>
    </row>
    <row r="90376" spans="1:7" x14ac:dyDescent="0.3">
      <c r="A90376" s="13" t="s">
        <v>451</v>
      </c>
      <c r="B90376" s="14" t="s">
        <v>1</v>
      </c>
      <c r="C90376" s="14" t="s">
        <v>41</v>
      </c>
      <c r="D90376" s="14" t="s">
        <v>452</v>
      </c>
      <c r="E90376" s="15">
        <v>45597</v>
      </c>
      <c r="F90376" s="14" t="s">
        <v>43</v>
      </c>
      <c r="G90376" s="16">
        <v>32.671274008024945</v>
      </c>
    </row>
    <row r="90377" spans="1:7" x14ac:dyDescent="0.3">
      <c r="A90377" s="13" t="s">
        <v>451</v>
      </c>
      <c r="B90377" s="14" t="s">
        <v>1</v>
      </c>
      <c r="C90377" s="14" t="s">
        <v>41</v>
      </c>
      <c r="D90377" s="14" t="s">
        <v>452</v>
      </c>
      <c r="E90377" s="15">
        <v>45598</v>
      </c>
      <c r="F90377" s="14" t="s">
        <v>43</v>
      </c>
      <c r="G90377" s="16">
        <v>32.671274008024945</v>
      </c>
    </row>
    <row r="90378" spans="1:7" x14ac:dyDescent="0.3">
      <c r="A90378" s="13" t="s">
        <v>451</v>
      </c>
      <c r="B90378" s="14" t="s">
        <v>1</v>
      </c>
      <c r="C90378" s="14" t="s">
        <v>41</v>
      </c>
      <c r="D90378" s="14" t="s">
        <v>452</v>
      </c>
      <c r="E90378" s="15">
        <v>45599</v>
      </c>
      <c r="F90378" s="14" t="s">
        <v>43</v>
      </c>
      <c r="G90378" s="16">
        <v>32.671274008024945</v>
      </c>
    </row>
    <row r="90379" spans="1:7" x14ac:dyDescent="0.3">
      <c r="A90379" s="13" t="s">
        <v>451</v>
      </c>
      <c r="B90379" s="14" t="s">
        <v>1</v>
      </c>
      <c r="C90379" s="14" t="s">
        <v>41</v>
      </c>
      <c r="D90379" s="14" t="s">
        <v>452</v>
      </c>
      <c r="E90379" s="15">
        <v>45600</v>
      </c>
      <c r="F90379" s="14" t="s">
        <v>43</v>
      </c>
      <c r="G90379" s="16">
        <v>32.671274008024945</v>
      </c>
    </row>
    <row r="90380" spans="1:7" x14ac:dyDescent="0.3">
      <c r="A90380" s="13" t="s">
        <v>451</v>
      </c>
      <c r="B90380" s="14" t="s">
        <v>1</v>
      </c>
      <c r="C90380" s="14" t="s">
        <v>41</v>
      </c>
      <c r="D90380" s="14" t="s">
        <v>452</v>
      </c>
      <c r="E90380" s="15">
        <v>45601</v>
      </c>
      <c r="F90380" s="14" t="s">
        <v>43</v>
      </c>
      <c r="G90380" s="16">
        <v>32.259118866883902</v>
      </c>
    </row>
    <row r="90381" spans="1:7" x14ac:dyDescent="0.3">
      <c r="A90381" s="13" t="s">
        <v>451</v>
      </c>
      <c r="B90381" s="14" t="s">
        <v>1</v>
      </c>
      <c r="C90381" s="14" t="s">
        <v>41</v>
      </c>
      <c r="D90381" s="14" t="s">
        <v>452</v>
      </c>
      <c r="E90381" s="15">
        <v>45602</v>
      </c>
      <c r="F90381" s="14" t="s">
        <v>43</v>
      </c>
      <c r="G90381" s="16">
        <v>30.655568864704584</v>
      </c>
    </row>
    <row r="90382" spans="1:7" x14ac:dyDescent="0.3">
      <c r="A90382" s="13" t="s">
        <v>451</v>
      </c>
      <c r="B90382" s="14" t="s">
        <v>1</v>
      </c>
      <c r="C90382" s="14" t="s">
        <v>41</v>
      </c>
      <c r="D90382" s="14" t="s">
        <v>452</v>
      </c>
      <c r="E90382" s="15">
        <v>45603</v>
      </c>
      <c r="F90382" s="14" t="s">
        <v>43</v>
      </c>
      <c r="G90382" s="16">
        <v>30.245583623930614</v>
      </c>
    </row>
    <row r="90383" spans="1:7" x14ac:dyDescent="0.3">
      <c r="A90383" s="13" t="s">
        <v>451</v>
      </c>
      <c r="B90383" s="14" t="s">
        <v>1</v>
      </c>
      <c r="C90383" s="14" t="s">
        <v>41</v>
      </c>
      <c r="D90383" s="14" t="s">
        <v>452</v>
      </c>
      <c r="E90383" s="15">
        <v>45604</v>
      </c>
      <c r="F90383" s="14" t="s">
        <v>43</v>
      </c>
      <c r="G90383" s="16">
        <v>30.891772718564013</v>
      </c>
    </row>
    <row r="90384" spans="1:7" x14ac:dyDescent="0.3">
      <c r="A90384" s="13" t="s">
        <v>451</v>
      </c>
      <c r="B90384" s="14" t="s">
        <v>1</v>
      </c>
      <c r="C90384" s="14" t="s">
        <v>41</v>
      </c>
      <c r="D90384" s="14" t="s">
        <v>452</v>
      </c>
      <c r="E90384" s="15">
        <v>45605</v>
      </c>
      <c r="F90384" s="14" t="s">
        <v>43</v>
      </c>
      <c r="G90384" s="16">
        <v>30.891772718564013</v>
      </c>
    </row>
    <row r="90385" spans="1:7" x14ac:dyDescent="0.3">
      <c r="A90385" s="13" t="s">
        <v>451</v>
      </c>
      <c r="B90385" s="14" t="s">
        <v>1</v>
      </c>
      <c r="C90385" s="14" t="s">
        <v>41</v>
      </c>
      <c r="D90385" s="14" t="s">
        <v>452</v>
      </c>
      <c r="E90385" s="15">
        <v>45606</v>
      </c>
      <c r="F90385" s="14" t="s">
        <v>43</v>
      </c>
      <c r="G90385" s="16">
        <v>30.891772718564013</v>
      </c>
    </row>
    <row r="90386" spans="1:7" x14ac:dyDescent="0.3">
      <c r="A90386" s="13" t="s">
        <v>451</v>
      </c>
      <c r="B90386" s="14" t="s">
        <v>1</v>
      </c>
      <c r="C90386" s="14" t="s">
        <v>41</v>
      </c>
      <c r="D90386" s="14" t="s">
        <v>452</v>
      </c>
      <c r="E90386" s="15">
        <v>45607</v>
      </c>
      <c r="F90386" s="14" t="s">
        <v>43</v>
      </c>
      <c r="G90386" s="16">
        <v>31.196623719437714</v>
      </c>
    </row>
    <row r="90387" spans="1:7" x14ac:dyDescent="0.3">
      <c r="A90387" s="13" t="s">
        <v>451</v>
      </c>
      <c r="B90387" s="14" t="s">
        <v>1</v>
      </c>
      <c r="C90387" s="14" t="s">
        <v>41</v>
      </c>
      <c r="D90387" s="14" t="s">
        <v>452</v>
      </c>
      <c r="E90387" s="15">
        <v>45608</v>
      </c>
      <c r="F90387" s="14" t="s">
        <v>43</v>
      </c>
      <c r="G90387" s="16">
        <v>29.938105166342666</v>
      </c>
    </row>
    <row r="90388" spans="1:7" x14ac:dyDescent="0.3">
      <c r="A90388" s="13" t="s">
        <v>451</v>
      </c>
      <c r="B90388" s="14" t="s">
        <v>1</v>
      </c>
      <c r="C90388" s="14" t="s">
        <v>41</v>
      </c>
      <c r="D90388" s="14" t="s">
        <v>452</v>
      </c>
      <c r="E90388" s="15">
        <v>45609</v>
      </c>
      <c r="F90388" s="14" t="s">
        <v>43</v>
      </c>
      <c r="G90388" s="16">
        <v>29.674230098707618</v>
      </c>
    </row>
    <row r="90389" spans="1:7" x14ac:dyDescent="0.3">
      <c r="A90389" s="13" t="s">
        <v>451</v>
      </c>
      <c r="B90389" s="14" t="s">
        <v>1</v>
      </c>
      <c r="C90389" s="14" t="s">
        <v>41</v>
      </c>
      <c r="D90389" s="14" t="s">
        <v>452</v>
      </c>
      <c r="E90389" s="15">
        <v>45610</v>
      </c>
      <c r="F90389" s="14" t="s">
        <v>43</v>
      </c>
      <c r="G90389" s="16">
        <v>29.250201895860435</v>
      </c>
    </row>
    <row r="90390" spans="1:7" x14ac:dyDescent="0.3">
      <c r="A90390" s="13" t="s">
        <v>451</v>
      </c>
      <c r="B90390" s="14" t="s">
        <v>1</v>
      </c>
      <c r="C90390" s="14" t="s">
        <v>41</v>
      </c>
      <c r="D90390" s="14" t="s">
        <v>452</v>
      </c>
      <c r="E90390" s="15">
        <v>45611</v>
      </c>
      <c r="F90390" s="14" t="s">
        <v>43</v>
      </c>
      <c r="G90390" s="16">
        <v>28.831616161846284</v>
      </c>
    </row>
    <row r="90391" spans="1:7" x14ac:dyDescent="0.3">
      <c r="A90391" s="13" t="s">
        <v>451</v>
      </c>
      <c r="B90391" s="14" t="s">
        <v>1</v>
      </c>
      <c r="C90391" s="14" t="s">
        <v>41</v>
      </c>
      <c r="D90391" s="14" t="s">
        <v>452</v>
      </c>
      <c r="E90391" s="15">
        <v>45612</v>
      </c>
      <c r="F90391" s="14" t="s">
        <v>43</v>
      </c>
      <c r="G90391" s="16">
        <v>28.831616161846284</v>
      </c>
    </row>
    <row r="90392" spans="1:7" x14ac:dyDescent="0.3">
      <c r="A90392" s="13" t="s">
        <v>451</v>
      </c>
      <c r="B90392" s="14" t="s">
        <v>1</v>
      </c>
      <c r="C90392" s="14" t="s">
        <v>41</v>
      </c>
      <c r="D90392" s="14" t="s">
        <v>452</v>
      </c>
      <c r="E90392" s="15">
        <v>45613</v>
      </c>
      <c r="F90392" s="14" t="s">
        <v>43</v>
      </c>
      <c r="G90392" s="16">
        <v>28.831616161846284</v>
      </c>
    </row>
    <row r="90393" spans="1:7" x14ac:dyDescent="0.3">
      <c r="A90393" s="13" t="s">
        <v>451</v>
      </c>
      <c r="B90393" s="14" t="s">
        <v>1</v>
      </c>
      <c r="C90393" s="14" t="s">
        <v>41</v>
      </c>
      <c r="D90393" s="14" t="s">
        <v>452</v>
      </c>
      <c r="E90393" s="15">
        <v>45614</v>
      </c>
      <c r="F90393" s="14" t="s">
        <v>43</v>
      </c>
      <c r="G90393" s="16">
        <v>29.131475144774697</v>
      </c>
    </row>
    <row r="90394" spans="1:7" x14ac:dyDescent="0.3">
      <c r="A90394" s="13" t="s">
        <v>451</v>
      </c>
      <c r="B90394" s="14" t="s">
        <v>1</v>
      </c>
      <c r="C90394" s="14" t="s">
        <v>41</v>
      </c>
      <c r="D90394" s="14" t="s">
        <v>452</v>
      </c>
      <c r="E90394" s="15">
        <v>45615</v>
      </c>
      <c r="F90394" s="14" t="s">
        <v>43</v>
      </c>
      <c r="G90394" s="16">
        <v>27.884445715685949</v>
      </c>
    </row>
    <row r="90395" spans="1:7" x14ac:dyDescent="0.3">
      <c r="A90395" s="13" t="s">
        <v>451</v>
      </c>
      <c r="B90395" s="14" t="s">
        <v>1</v>
      </c>
      <c r="C90395" s="14" t="s">
        <v>41</v>
      </c>
      <c r="D90395" s="14" t="s">
        <v>452</v>
      </c>
      <c r="E90395" s="15">
        <v>45616</v>
      </c>
      <c r="F90395" s="14" t="s">
        <v>43</v>
      </c>
      <c r="G90395" s="16">
        <v>27.558081522648699</v>
      </c>
    </row>
    <row r="90396" spans="1:7" x14ac:dyDescent="0.3">
      <c r="A90396" s="13" t="s">
        <v>451</v>
      </c>
      <c r="B90396" s="14" t="s">
        <v>1</v>
      </c>
      <c r="C90396" s="14" t="s">
        <v>41</v>
      </c>
      <c r="D90396" s="14" t="s">
        <v>452</v>
      </c>
      <c r="E90396" s="15">
        <v>45617</v>
      </c>
      <c r="F90396" s="14" t="s">
        <v>43</v>
      </c>
      <c r="G90396" s="16">
        <v>27.137997641092483</v>
      </c>
    </row>
    <row r="90397" spans="1:7" x14ac:dyDescent="0.3">
      <c r="A90397" s="13" t="s">
        <v>451</v>
      </c>
      <c r="B90397" s="14" t="s">
        <v>1</v>
      </c>
      <c r="C90397" s="14" t="s">
        <v>41</v>
      </c>
      <c r="D90397" s="14" t="s">
        <v>452</v>
      </c>
      <c r="E90397" s="15">
        <v>45618</v>
      </c>
      <c r="F90397" s="14" t="s">
        <v>43</v>
      </c>
      <c r="G90397" s="16">
        <v>26.72054342653929</v>
      </c>
    </row>
    <row r="90398" spans="1:7" x14ac:dyDescent="0.3">
      <c r="A90398" s="13" t="s">
        <v>451</v>
      </c>
      <c r="B90398" s="14" t="s">
        <v>1</v>
      </c>
      <c r="C90398" s="14" t="s">
        <v>41</v>
      </c>
      <c r="D90398" s="14" t="s">
        <v>452</v>
      </c>
      <c r="E90398" s="15">
        <v>45619</v>
      </c>
      <c r="F90398" s="14" t="s">
        <v>43</v>
      </c>
      <c r="G90398" s="16">
        <v>26.72054342653929</v>
      </c>
    </row>
    <row r="90399" spans="1:7" x14ac:dyDescent="0.3">
      <c r="A90399" s="13" t="s">
        <v>451</v>
      </c>
      <c r="B90399" s="14" t="s">
        <v>1</v>
      </c>
      <c r="C90399" s="14" t="s">
        <v>41</v>
      </c>
      <c r="D90399" s="14" t="s">
        <v>452</v>
      </c>
      <c r="E90399" s="15">
        <v>45620</v>
      </c>
      <c r="F90399" s="14" t="s">
        <v>43</v>
      </c>
      <c r="G90399" s="16">
        <v>26.72054342653929</v>
      </c>
    </row>
    <row r="90400" spans="1:7" x14ac:dyDescent="0.3">
      <c r="A90400" s="13" t="s">
        <v>451</v>
      </c>
      <c r="B90400" s="14" t="s">
        <v>1</v>
      </c>
      <c r="C90400" s="14" t="s">
        <v>41</v>
      </c>
      <c r="D90400" s="14" t="s">
        <v>452</v>
      </c>
      <c r="E90400" s="15">
        <v>45621</v>
      </c>
      <c r="F90400" s="14" t="s">
        <v>43</v>
      </c>
      <c r="G90400" s="16">
        <v>26.305504953661174</v>
      </c>
    </row>
    <row r="90401" spans="1:7" x14ac:dyDescent="0.3">
      <c r="A90401" s="13" t="s">
        <v>451</v>
      </c>
      <c r="B90401" s="14" t="s">
        <v>1</v>
      </c>
      <c r="C90401" s="14" t="s">
        <v>41</v>
      </c>
      <c r="D90401" s="14" t="s">
        <v>452</v>
      </c>
      <c r="E90401" s="15">
        <v>45622</v>
      </c>
      <c r="F90401" s="14" t="s">
        <v>43</v>
      </c>
      <c r="G90401" s="16">
        <v>25.064673342538864</v>
      </c>
    </row>
    <row r="90402" spans="1:7" x14ac:dyDescent="0.3">
      <c r="A90402" s="13" t="s">
        <v>451</v>
      </c>
      <c r="B90402" s="14" t="s">
        <v>1</v>
      </c>
      <c r="C90402" s="14" t="s">
        <v>41</v>
      </c>
      <c r="D90402" s="14" t="s">
        <v>452</v>
      </c>
      <c r="E90402" s="15">
        <v>45623</v>
      </c>
      <c r="F90402" s="14" t="s">
        <v>43</v>
      </c>
      <c r="G90402" s="16">
        <v>24.644390671880728</v>
      </c>
    </row>
    <row r="90403" spans="1:7" x14ac:dyDescent="0.3">
      <c r="A90403" s="13" t="s">
        <v>451</v>
      </c>
      <c r="B90403" s="14" t="s">
        <v>1</v>
      </c>
      <c r="C90403" s="14" t="s">
        <v>41</v>
      </c>
      <c r="D90403" s="14" t="s">
        <v>452</v>
      </c>
      <c r="E90403" s="15">
        <v>45624</v>
      </c>
      <c r="F90403" s="14" t="s">
        <v>43</v>
      </c>
      <c r="G90403" s="16">
        <v>24.232691758274726</v>
      </c>
    </row>
    <row r="90404" spans="1:7" x14ac:dyDescent="0.3">
      <c r="A90404" s="13" t="s">
        <v>451</v>
      </c>
      <c r="B90404" s="14" t="s">
        <v>1</v>
      </c>
      <c r="C90404" s="14" t="s">
        <v>41</v>
      </c>
      <c r="D90404" s="14" t="s">
        <v>452</v>
      </c>
      <c r="E90404" s="15">
        <v>45625</v>
      </c>
      <c r="F90404" s="14" t="s">
        <v>43</v>
      </c>
      <c r="G90404" s="16">
        <v>24.296463696686661</v>
      </c>
    </row>
    <row r="90405" spans="1:7" x14ac:dyDescent="0.3">
      <c r="A90405" s="13" t="s">
        <v>451</v>
      </c>
      <c r="B90405" s="14" t="s">
        <v>1</v>
      </c>
      <c r="C90405" s="14" t="s">
        <v>41</v>
      </c>
      <c r="D90405" s="14" t="s">
        <v>452</v>
      </c>
      <c r="E90405" s="15">
        <v>45626</v>
      </c>
      <c r="F90405" s="14" t="s">
        <v>43</v>
      </c>
      <c r="G90405" s="16">
        <v>24.296463696686661</v>
      </c>
    </row>
    <row r="90406" spans="1:7" x14ac:dyDescent="0.3">
      <c r="A90406" s="13" t="s">
        <v>451</v>
      </c>
      <c r="B90406" s="14" t="s">
        <v>1</v>
      </c>
      <c r="C90406" s="14" t="s">
        <v>41</v>
      </c>
      <c r="D90406" s="14" t="s">
        <v>452</v>
      </c>
      <c r="E90406" s="15">
        <v>45627</v>
      </c>
      <c r="F90406" s="14" t="s">
        <v>43</v>
      </c>
      <c r="G90406" s="16">
        <v>24.296463696686661</v>
      </c>
    </row>
    <row r="90407" spans="1:7" x14ac:dyDescent="0.3">
      <c r="A90407" s="13" t="s">
        <v>451</v>
      </c>
      <c r="B90407" s="14" t="s">
        <v>1</v>
      </c>
      <c r="C90407" s="14" t="s">
        <v>41</v>
      </c>
      <c r="D90407" s="14" t="s">
        <v>452</v>
      </c>
      <c r="E90407" s="15">
        <v>45628</v>
      </c>
      <c r="F90407" s="14" t="s">
        <v>43</v>
      </c>
      <c r="G90407" s="16">
        <v>23.879216203110555</v>
      </c>
    </row>
    <row r="90408" spans="1:7" x14ac:dyDescent="0.3">
      <c r="A90408" s="13" t="s">
        <v>451</v>
      </c>
      <c r="B90408" s="14" t="s">
        <v>1</v>
      </c>
      <c r="C90408" s="14" t="s">
        <v>41</v>
      </c>
      <c r="D90408" s="14" t="s">
        <v>452</v>
      </c>
      <c r="E90408" s="15">
        <v>45629</v>
      </c>
      <c r="F90408" s="14" t="s">
        <v>43</v>
      </c>
      <c r="G90408" s="16">
        <v>23.337716591946009</v>
      </c>
    </row>
    <row r="90409" spans="1:7" x14ac:dyDescent="0.3">
      <c r="A90409" s="13" t="s">
        <v>451</v>
      </c>
      <c r="B90409" s="14" t="s">
        <v>1</v>
      </c>
      <c r="C90409" s="14" t="s">
        <v>41</v>
      </c>
      <c r="D90409" s="14" t="s">
        <v>452</v>
      </c>
      <c r="E90409" s="15">
        <v>45630</v>
      </c>
      <c r="F90409" s="14" t="s">
        <v>43</v>
      </c>
      <c r="G90409" s="16">
        <v>22.916752107836771</v>
      </c>
    </row>
    <row r="90410" spans="1:7" x14ac:dyDescent="0.3">
      <c r="A90410" s="13" t="s">
        <v>451</v>
      </c>
      <c r="B90410" s="14" t="s">
        <v>1</v>
      </c>
      <c r="C90410" s="14" t="s">
        <v>41</v>
      </c>
      <c r="D90410" s="14" t="s">
        <v>452</v>
      </c>
      <c r="E90410" s="15">
        <v>45631</v>
      </c>
      <c r="F90410" s="14" t="s">
        <v>43</v>
      </c>
      <c r="G90410" s="16">
        <v>22.487860776158588</v>
      </c>
    </row>
    <row r="90411" spans="1:7" x14ac:dyDescent="0.3">
      <c r="A90411" s="13" t="s">
        <v>451</v>
      </c>
      <c r="B90411" s="14" t="s">
        <v>1</v>
      </c>
      <c r="C90411" s="14" t="s">
        <v>41</v>
      </c>
      <c r="D90411" s="14" t="s">
        <v>452</v>
      </c>
      <c r="E90411" s="15">
        <v>45632</v>
      </c>
      <c r="F90411" s="14" t="s">
        <v>43</v>
      </c>
      <c r="G90411" s="16">
        <v>22.056071806685132</v>
      </c>
    </row>
    <row r="90412" spans="1:7" x14ac:dyDescent="0.3">
      <c r="A90412" s="13" t="s">
        <v>451</v>
      </c>
      <c r="B90412" s="14" t="s">
        <v>1</v>
      </c>
      <c r="C90412" s="14" t="s">
        <v>41</v>
      </c>
      <c r="D90412" s="14" t="s">
        <v>452</v>
      </c>
      <c r="E90412" s="15">
        <v>45633</v>
      </c>
      <c r="F90412" s="14" t="s">
        <v>43</v>
      </c>
      <c r="G90412" s="16">
        <v>22.056071806685132</v>
      </c>
    </row>
    <row r="90413" spans="1:7" x14ac:dyDescent="0.3">
      <c r="A90413" s="13" t="s">
        <v>451</v>
      </c>
      <c r="B90413" s="14" t="s">
        <v>1</v>
      </c>
      <c r="C90413" s="14" t="s">
        <v>41</v>
      </c>
      <c r="D90413" s="14" t="s">
        <v>452</v>
      </c>
      <c r="E90413" s="15">
        <v>45634</v>
      </c>
      <c r="F90413" s="14" t="s">
        <v>43</v>
      </c>
      <c r="G90413" s="16">
        <v>22.056071806685132</v>
      </c>
    </row>
    <row r="90414" spans="1:7" x14ac:dyDescent="0.3">
      <c r="A90414" s="13" t="s">
        <v>451</v>
      </c>
      <c r="B90414" s="14" t="s">
        <v>1</v>
      </c>
      <c r="C90414" s="14" t="s">
        <v>41</v>
      </c>
      <c r="D90414" s="14" t="s">
        <v>452</v>
      </c>
      <c r="E90414" s="15">
        <v>45635</v>
      </c>
      <c r="F90414" s="14" t="s">
        <v>43</v>
      </c>
      <c r="G90414" s="16">
        <v>21.629171616739235</v>
      </c>
    </row>
    <row r="90415" spans="1:7" x14ac:dyDescent="0.3">
      <c r="A90415" s="13" t="s">
        <v>451</v>
      </c>
      <c r="B90415" s="14" t="s">
        <v>1</v>
      </c>
      <c r="C90415" s="14" t="s">
        <v>41</v>
      </c>
      <c r="D90415" s="14" t="s">
        <v>452</v>
      </c>
      <c r="E90415" s="15">
        <v>45636</v>
      </c>
      <c r="F90415" s="14" t="s">
        <v>43</v>
      </c>
      <c r="G90415" s="16">
        <v>20.370045048840581</v>
      </c>
    </row>
    <row r="90416" spans="1:7" x14ac:dyDescent="0.3">
      <c r="A90416" s="13" t="s">
        <v>451</v>
      </c>
      <c r="B90416" s="14" t="s">
        <v>1</v>
      </c>
      <c r="C90416" s="14" t="s">
        <v>41</v>
      </c>
      <c r="D90416" s="14" t="s">
        <v>452</v>
      </c>
      <c r="E90416" s="15">
        <v>45637</v>
      </c>
      <c r="F90416" s="14" t="s">
        <v>43</v>
      </c>
      <c r="G90416" s="16">
        <v>19.945964740784447</v>
      </c>
    </row>
    <row r="90417" spans="1:7" x14ac:dyDescent="0.3">
      <c r="A90417" s="13" t="s">
        <v>451</v>
      </c>
      <c r="B90417" s="14" t="s">
        <v>1</v>
      </c>
      <c r="C90417" s="14" t="s">
        <v>41</v>
      </c>
      <c r="D90417" s="14" t="s">
        <v>452</v>
      </c>
      <c r="E90417" s="15">
        <v>45638</v>
      </c>
      <c r="F90417" s="14" t="s">
        <v>43</v>
      </c>
      <c r="G90417" s="16">
        <v>19.520885467714916</v>
      </c>
    </row>
    <row r="90418" spans="1:7" x14ac:dyDescent="0.3">
      <c r="A90418" s="13" t="s">
        <v>451</v>
      </c>
      <c r="B90418" s="14" t="s">
        <v>1</v>
      </c>
      <c r="C90418" s="14" t="s">
        <v>41</v>
      </c>
      <c r="D90418" s="14" t="s">
        <v>452</v>
      </c>
      <c r="E90418" s="15">
        <v>45639</v>
      </c>
      <c r="F90418" s="14" t="s">
        <v>43</v>
      </c>
      <c r="G90418" s="16">
        <v>19.093967058290591</v>
      </c>
    </row>
    <row r="90419" spans="1:7" x14ac:dyDescent="0.3">
      <c r="A90419" s="13" t="s">
        <v>451</v>
      </c>
      <c r="B90419" s="14" t="s">
        <v>1</v>
      </c>
      <c r="C90419" s="14" t="s">
        <v>41</v>
      </c>
      <c r="D90419" s="14" t="s">
        <v>452</v>
      </c>
      <c r="E90419" s="15">
        <v>45640</v>
      </c>
      <c r="F90419" s="14" t="s">
        <v>43</v>
      </c>
      <c r="G90419" s="16">
        <v>19.093967058290591</v>
      </c>
    </row>
    <row r="90420" spans="1:7" x14ac:dyDescent="0.3">
      <c r="A90420" s="13" t="s">
        <v>451</v>
      </c>
      <c r="B90420" s="14" t="s">
        <v>1</v>
      </c>
      <c r="C90420" s="14" t="s">
        <v>41</v>
      </c>
      <c r="D90420" s="14" t="s">
        <v>452</v>
      </c>
      <c r="E90420" s="15">
        <v>45641</v>
      </c>
      <c r="F90420" s="14" t="s">
        <v>43</v>
      </c>
      <c r="G90420" s="16">
        <v>19.093967058290591</v>
      </c>
    </row>
    <row r="90421" spans="1:7" x14ac:dyDescent="0.3">
      <c r="A90421" s="13" t="s">
        <v>451</v>
      </c>
      <c r="B90421" s="14" t="s">
        <v>1</v>
      </c>
      <c r="C90421" s="14" t="s">
        <v>41</v>
      </c>
      <c r="D90421" s="14" t="s">
        <v>452</v>
      </c>
      <c r="E90421" s="15">
        <v>45642</v>
      </c>
      <c r="F90421" s="14" t="s">
        <v>43</v>
      </c>
      <c r="G90421" s="16">
        <v>18.663132095666505</v>
      </c>
    </row>
    <row r="90422" spans="1:7" x14ac:dyDescent="0.3">
      <c r="A90422" s="13" t="s">
        <v>451</v>
      </c>
      <c r="B90422" s="14" t="s">
        <v>1</v>
      </c>
      <c r="C90422" s="14" t="s">
        <v>41</v>
      </c>
      <c r="D90422" s="14" t="s">
        <v>452</v>
      </c>
      <c r="E90422" s="15">
        <v>45643</v>
      </c>
      <c r="F90422" s="14" t="s">
        <v>43</v>
      </c>
      <c r="G90422" s="16">
        <v>17.39763461602238</v>
      </c>
    </row>
    <row r="90423" spans="1:7" x14ac:dyDescent="0.3">
      <c r="A90423" s="13" t="s">
        <v>451</v>
      </c>
      <c r="B90423" s="14" t="s">
        <v>1</v>
      </c>
      <c r="C90423" s="14" t="s">
        <v>41</v>
      </c>
      <c r="D90423" s="14" t="s">
        <v>452</v>
      </c>
      <c r="E90423" s="15">
        <v>45644</v>
      </c>
      <c r="F90423" s="14" t="s">
        <v>43</v>
      </c>
      <c r="G90423" s="16">
        <v>16.974026186903995</v>
      </c>
    </row>
    <row r="90424" spans="1:7" x14ac:dyDescent="0.3">
      <c r="A90424" s="13" t="s">
        <v>451</v>
      </c>
      <c r="B90424" s="14" t="s">
        <v>1</v>
      </c>
      <c r="C90424" s="14" t="s">
        <v>41</v>
      </c>
      <c r="D90424" s="14" t="s">
        <v>452</v>
      </c>
      <c r="E90424" s="15">
        <v>45645</v>
      </c>
      <c r="F90424" s="14" t="s">
        <v>43</v>
      </c>
      <c r="G90424" s="16">
        <v>16.552442551174035</v>
      </c>
    </row>
    <row r="90425" spans="1:7" x14ac:dyDescent="0.3">
      <c r="A90425" s="13" t="s">
        <v>451</v>
      </c>
      <c r="B90425" s="14" t="s">
        <v>1</v>
      </c>
      <c r="C90425" s="14" t="s">
        <v>41</v>
      </c>
      <c r="D90425" s="14" t="s">
        <v>452</v>
      </c>
      <c r="E90425" s="15">
        <v>45646</v>
      </c>
      <c r="F90425" s="14" t="s">
        <v>43</v>
      </c>
      <c r="G90425" s="16">
        <v>16.131629952258503</v>
      </c>
    </row>
    <row r="90426" spans="1:7" x14ac:dyDescent="0.3">
      <c r="A90426" s="13" t="s">
        <v>451</v>
      </c>
      <c r="B90426" s="14" t="s">
        <v>1</v>
      </c>
      <c r="C90426" s="14" t="s">
        <v>41</v>
      </c>
      <c r="D90426" s="14" t="s">
        <v>452</v>
      </c>
      <c r="E90426" s="15">
        <v>45647</v>
      </c>
      <c r="F90426" s="14" t="s">
        <v>43</v>
      </c>
      <c r="G90426" s="16">
        <v>16.131629952258503</v>
      </c>
    </row>
    <row r="90427" spans="1:7" x14ac:dyDescent="0.3">
      <c r="A90427" s="13" t="s">
        <v>451</v>
      </c>
      <c r="B90427" s="14" t="s">
        <v>1</v>
      </c>
      <c r="C90427" s="14" t="s">
        <v>41</v>
      </c>
      <c r="D90427" s="14" t="s">
        <v>452</v>
      </c>
      <c r="E90427" s="15">
        <v>45648</v>
      </c>
      <c r="F90427" s="14" t="s">
        <v>43</v>
      </c>
      <c r="G90427" s="16">
        <v>16.131629952258503</v>
      </c>
    </row>
    <row r="90428" spans="1:7" x14ac:dyDescent="0.3">
      <c r="A90428" s="13" t="s">
        <v>451</v>
      </c>
      <c r="B90428" s="14" t="s">
        <v>1</v>
      </c>
      <c r="C90428" s="14" t="s">
        <v>41</v>
      </c>
      <c r="D90428" s="14" t="s">
        <v>452</v>
      </c>
      <c r="E90428" s="15">
        <v>45649</v>
      </c>
      <c r="F90428" s="14" t="s">
        <v>43</v>
      </c>
      <c r="G90428" s="16">
        <v>15.711597781592408</v>
      </c>
    </row>
    <row r="90429" spans="1:7" x14ac:dyDescent="0.3">
      <c r="A90429" s="13" t="s">
        <v>451</v>
      </c>
      <c r="B90429" s="14" t="s">
        <v>1</v>
      </c>
      <c r="C90429" s="14" t="s">
        <v>41</v>
      </c>
      <c r="D90429" s="14" t="s">
        <v>452</v>
      </c>
      <c r="E90429" s="15">
        <v>45650</v>
      </c>
      <c r="F90429" s="14" t="s">
        <v>43</v>
      </c>
      <c r="G90429" s="16">
        <v>14.470352237522857</v>
      </c>
    </row>
    <row r="90430" spans="1:7" x14ac:dyDescent="0.3">
      <c r="A90430" s="13" t="s">
        <v>451</v>
      </c>
      <c r="B90430" s="14" t="s">
        <v>1</v>
      </c>
      <c r="C90430" s="14" t="s">
        <v>41</v>
      </c>
      <c r="D90430" s="14" t="s">
        <v>452</v>
      </c>
      <c r="E90430" s="15">
        <v>45651</v>
      </c>
      <c r="F90430" s="14" t="s">
        <v>43</v>
      </c>
      <c r="G90430" s="16">
        <v>14.470352237522857</v>
      </c>
    </row>
    <row r="90431" spans="1:7" x14ac:dyDescent="0.3">
      <c r="A90431" s="13" t="s">
        <v>451</v>
      </c>
      <c r="B90431" s="14" t="s">
        <v>1</v>
      </c>
      <c r="C90431" s="14" t="s">
        <v>41</v>
      </c>
      <c r="D90431" s="14" t="s">
        <v>452</v>
      </c>
      <c r="E90431" s="15">
        <v>45652</v>
      </c>
      <c r="F90431" s="14" t="s">
        <v>43</v>
      </c>
      <c r="G90431" s="16">
        <v>14.470352237522857</v>
      </c>
    </row>
    <row r="90432" spans="1:7" x14ac:dyDescent="0.3">
      <c r="A90432" s="13" t="s">
        <v>451</v>
      </c>
      <c r="B90432" s="14" t="s">
        <v>1</v>
      </c>
      <c r="C90432" s="14" t="s">
        <v>41</v>
      </c>
      <c r="D90432" s="14" t="s">
        <v>452</v>
      </c>
      <c r="E90432" s="15">
        <v>45653</v>
      </c>
      <c r="F90432" s="14" t="s">
        <v>43</v>
      </c>
      <c r="G90432" s="16">
        <v>14.470352237522857</v>
      </c>
    </row>
    <row r="90433" spans="1:7" x14ac:dyDescent="0.3">
      <c r="A90433" s="13" t="s">
        <v>451</v>
      </c>
      <c r="B90433" s="14" t="s">
        <v>1</v>
      </c>
      <c r="C90433" s="14" t="s">
        <v>41</v>
      </c>
      <c r="D90433" s="14" t="s">
        <v>452</v>
      </c>
      <c r="E90433" s="15">
        <v>45654</v>
      </c>
      <c r="F90433" s="14" t="s">
        <v>43</v>
      </c>
      <c r="G90433" s="16">
        <v>14.470352237522857</v>
      </c>
    </row>
    <row r="90434" spans="1:7" x14ac:dyDescent="0.3">
      <c r="A90434" s="13" t="s">
        <v>451</v>
      </c>
      <c r="B90434" s="14" t="s">
        <v>1</v>
      </c>
      <c r="C90434" s="14" t="s">
        <v>41</v>
      </c>
      <c r="D90434" s="14" t="s">
        <v>452</v>
      </c>
      <c r="E90434" s="15">
        <v>45655</v>
      </c>
      <c r="F90434" s="14" t="s">
        <v>43</v>
      </c>
      <c r="G90434" s="16">
        <v>14.470352237522857</v>
      </c>
    </row>
    <row r="90435" spans="1:7" x14ac:dyDescent="0.3">
      <c r="A90435" s="13" t="s">
        <v>451</v>
      </c>
      <c r="B90435" s="14" t="s">
        <v>1</v>
      </c>
      <c r="C90435" s="14" t="s">
        <v>41</v>
      </c>
      <c r="D90435" s="14" t="s">
        <v>452</v>
      </c>
      <c r="E90435" s="15">
        <v>45656</v>
      </c>
      <c r="F90435" s="14" t="s">
        <v>43</v>
      </c>
      <c r="G90435" s="16">
        <v>14.048336595782381</v>
      </c>
    </row>
    <row r="90436" spans="1:7" x14ac:dyDescent="0.3">
      <c r="A90436" s="13" t="s">
        <v>451</v>
      </c>
      <c r="B90436" s="14" t="s">
        <v>1</v>
      </c>
      <c r="C90436" s="14" t="s">
        <v>41</v>
      </c>
      <c r="D90436" s="14" t="s">
        <v>452</v>
      </c>
      <c r="E90436" s="15">
        <v>45657</v>
      </c>
      <c r="F90436" s="14" t="s">
        <v>43</v>
      </c>
      <c r="G90436" s="16">
        <v>14.048336595782381</v>
      </c>
    </row>
    <row r="90437" spans="1:7" x14ac:dyDescent="0.3">
      <c r="A90437" s="13" t="s">
        <v>451</v>
      </c>
      <c r="B90437" s="14" t="s">
        <v>1</v>
      </c>
      <c r="C90437" s="14" t="s">
        <v>41</v>
      </c>
      <c r="D90437" s="14" t="s">
        <v>452</v>
      </c>
      <c r="E90437" s="15">
        <v>45658</v>
      </c>
      <c r="F90437" s="14" t="s">
        <v>43</v>
      </c>
      <c r="G90437" s="16">
        <v>14.048336595782381</v>
      </c>
    </row>
    <row r="90438" spans="1:7" x14ac:dyDescent="0.3">
      <c r="A90438" s="13" t="s">
        <v>451</v>
      </c>
      <c r="B90438" s="14" t="s">
        <v>1</v>
      </c>
      <c r="C90438" s="14" t="s">
        <v>41</v>
      </c>
      <c r="D90438" s="14" t="s">
        <v>452</v>
      </c>
      <c r="E90438" s="15">
        <v>45659</v>
      </c>
      <c r="F90438" s="14" t="s">
        <v>43</v>
      </c>
      <c r="G90438" s="16">
        <v>14.048336595782381</v>
      </c>
    </row>
    <row r="90439" spans="1:7" x14ac:dyDescent="0.3">
      <c r="A90439" s="13" t="s">
        <v>451</v>
      </c>
      <c r="B90439" s="14" t="s">
        <v>1</v>
      </c>
      <c r="C90439" s="14" t="s">
        <v>41</v>
      </c>
      <c r="D90439" s="14" t="s">
        <v>452</v>
      </c>
      <c r="E90439" s="15">
        <v>45660</v>
      </c>
      <c r="F90439" s="14" t="s">
        <v>43</v>
      </c>
      <c r="G90439" s="16">
        <v>14.048336595782381</v>
      </c>
    </row>
    <row r="90440" spans="1:7" x14ac:dyDescent="0.3">
      <c r="A90440" s="13" t="s">
        <v>451</v>
      </c>
      <c r="B90440" s="14" t="s">
        <v>1</v>
      </c>
      <c r="C90440" s="14" t="s">
        <v>41</v>
      </c>
      <c r="D90440" s="14" t="s">
        <v>452</v>
      </c>
      <c r="E90440" s="15">
        <v>45661</v>
      </c>
      <c r="F90440" s="14" t="s">
        <v>43</v>
      </c>
      <c r="G90440" s="16">
        <v>14.048336595782381</v>
      </c>
    </row>
    <row r="90441" spans="1:7" x14ac:dyDescent="0.3">
      <c r="A90441" s="13" t="s">
        <v>451</v>
      </c>
      <c r="B90441" s="14" t="s">
        <v>1</v>
      </c>
      <c r="C90441" s="14" t="s">
        <v>41</v>
      </c>
      <c r="D90441" s="14" t="s">
        <v>452</v>
      </c>
      <c r="E90441" s="15">
        <v>45662</v>
      </c>
      <c r="F90441" s="14" t="s">
        <v>43</v>
      </c>
      <c r="G90441" s="16">
        <v>14.048336595782381</v>
      </c>
    </row>
    <row r="90442" spans="1:7" x14ac:dyDescent="0.3">
      <c r="A90442" s="13" t="s">
        <v>451</v>
      </c>
      <c r="B90442" s="14" t="s">
        <v>1</v>
      </c>
      <c r="C90442" s="14" t="s">
        <v>41</v>
      </c>
      <c r="D90442" s="14" t="s">
        <v>452</v>
      </c>
      <c r="E90442" s="15">
        <v>45663</v>
      </c>
      <c r="F90442" s="14" t="s">
        <v>43</v>
      </c>
      <c r="G90442" s="16">
        <v>22.39654353105167</v>
      </c>
    </row>
    <row r="90443" spans="1:7" x14ac:dyDescent="0.3">
      <c r="A90443" s="13" t="s">
        <v>451</v>
      </c>
      <c r="B90443" s="14" t="s">
        <v>1</v>
      </c>
      <c r="C90443" s="14" t="s">
        <v>41</v>
      </c>
      <c r="D90443" s="14" t="s">
        <v>452</v>
      </c>
      <c r="E90443" s="15">
        <v>45664</v>
      </c>
      <c r="F90443" s="14" t="s">
        <v>43</v>
      </c>
      <c r="G90443" s="16">
        <v>19.481883261212023</v>
      </c>
    </row>
    <row r="90444" spans="1:7" x14ac:dyDescent="0.3">
      <c r="A90444" s="13" t="s">
        <v>451</v>
      </c>
      <c r="B90444" s="14" t="s">
        <v>1</v>
      </c>
      <c r="C90444" s="14" t="s">
        <v>41</v>
      </c>
      <c r="D90444" s="14" t="s">
        <v>452</v>
      </c>
      <c r="E90444" s="15">
        <v>45665</v>
      </c>
      <c r="F90444" s="14" t="s">
        <v>43</v>
      </c>
      <c r="G90444" s="16">
        <v>19.05433542277941</v>
      </c>
    </row>
    <row r="90445" spans="1:7" x14ac:dyDescent="0.3">
      <c r="A90445" s="13" t="s">
        <v>451</v>
      </c>
      <c r="B90445" s="14" t="s">
        <v>1</v>
      </c>
      <c r="C90445" s="14" t="s">
        <v>41</v>
      </c>
      <c r="D90445" s="14" t="s">
        <v>452</v>
      </c>
      <c r="E90445" s="15">
        <v>45666</v>
      </c>
      <c r="F90445" s="14" t="s">
        <v>43</v>
      </c>
      <c r="G90445" s="16">
        <v>18.621945879769694</v>
      </c>
    </row>
    <row r="90446" spans="1:7" x14ac:dyDescent="0.3">
      <c r="A90446" s="13" t="s">
        <v>451</v>
      </c>
      <c r="B90446" s="14" t="s">
        <v>1</v>
      </c>
      <c r="C90446" s="14" t="s">
        <v>41</v>
      </c>
      <c r="D90446" s="14" t="s">
        <v>452</v>
      </c>
      <c r="E90446" s="15">
        <v>45667</v>
      </c>
      <c r="F90446" s="14" t="s">
        <v>43</v>
      </c>
      <c r="G90446" s="16">
        <v>18.192033020335824</v>
      </c>
    </row>
    <row r="90447" spans="1:7" x14ac:dyDescent="0.3">
      <c r="A90447" s="13" t="s">
        <v>451</v>
      </c>
      <c r="B90447" s="14" t="s">
        <v>1</v>
      </c>
      <c r="C90447" s="14" t="s">
        <v>41</v>
      </c>
      <c r="D90447" s="14" t="s">
        <v>452</v>
      </c>
      <c r="E90447" s="15">
        <v>45668</v>
      </c>
      <c r="F90447" s="14" t="s">
        <v>43</v>
      </c>
      <c r="G90447" s="16">
        <v>18.192033020335824</v>
      </c>
    </row>
    <row r="90448" spans="1:7" x14ac:dyDescent="0.3">
      <c r="A90448" s="13" t="s">
        <v>451</v>
      </c>
      <c r="B90448" s="14" t="s">
        <v>1</v>
      </c>
      <c r="C90448" s="14" t="s">
        <v>41</v>
      </c>
      <c r="D90448" s="14" t="s">
        <v>452</v>
      </c>
      <c r="E90448" s="15">
        <v>45669</v>
      </c>
      <c r="F90448" s="14" t="s">
        <v>43</v>
      </c>
      <c r="G90448" s="16">
        <v>18.192033020335824</v>
      </c>
    </row>
    <row r="90449" spans="1:7" x14ac:dyDescent="0.3">
      <c r="A90449" s="13" t="s">
        <v>451</v>
      </c>
      <c r="B90449" s="14" t="s">
        <v>1</v>
      </c>
      <c r="C90449" s="14" t="s">
        <v>41</v>
      </c>
      <c r="D90449" s="14" t="s">
        <v>452</v>
      </c>
      <c r="E90449" s="15">
        <v>45670</v>
      </c>
      <c r="F90449" s="14" t="s">
        <v>43</v>
      </c>
      <c r="G90449" s="16">
        <v>18.192033020335824</v>
      </c>
    </row>
    <row r="90450" spans="1:7" x14ac:dyDescent="0.3">
      <c r="A90450" s="13" t="s">
        <v>451</v>
      </c>
      <c r="B90450" s="14" t="s">
        <v>1</v>
      </c>
      <c r="C90450" s="14" t="s">
        <v>41</v>
      </c>
      <c r="D90450" s="14" t="s">
        <v>452</v>
      </c>
      <c r="E90450" s="15">
        <v>45671</v>
      </c>
      <c r="F90450" s="14" t="s">
        <v>43</v>
      </c>
      <c r="G90450" s="16">
        <v>17.768552404750647</v>
      </c>
    </row>
    <row r="90451" spans="1:7" x14ac:dyDescent="0.3">
      <c r="A90451" s="13" t="s">
        <v>451</v>
      </c>
      <c r="B90451" s="14" t="s">
        <v>1</v>
      </c>
      <c r="C90451" s="14" t="s">
        <v>41</v>
      </c>
      <c r="D90451" s="14" t="s">
        <v>452</v>
      </c>
      <c r="E90451" s="15">
        <v>45672</v>
      </c>
      <c r="F90451" s="14" t="s">
        <v>43</v>
      </c>
      <c r="G90451" s="16">
        <v>16.104921219940355</v>
      </c>
    </row>
    <row r="90452" spans="1:7" x14ac:dyDescent="0.3">
      <c r="A90452" s="13" t="s">
        <v>451</v>
      </c>
      <c r="B90452" s="14" t="s">
        <v>1</v>
      </c>
      <c r="C90452" s="14" t="s">
        <v>41</v>
      </c>
      <c r="D90452" s="14" t="s">
        <v>452</v>
      </c>
      <c r="E90452" s="15">
        <v>45673</v>
      </c>
      <c r="F90452" s="14" t="s">
        <v>43</v>
      </c>
      <c r="G90452" s="16">
        <v>15.688900207733809</v>
      </c>
    </row>
    <row r="90453" spans="1:7" x14ac:dyDescent="0.3">
      <c r="A90453" s="13" t="s">
        <v>451</v>
      </c>
      <c r="B90453" s="14" t="s">
        <v>1</v>
      </c>
      <c r="C90453" s="14" t="s">
        <v>41</v>
      </c>
      <c r="D90453" s="14" t="s">
        <v>452</v>
      </c>
      <c r="E90453" s="15">
        <v>45674</v>
      </c>
      <c r="F90453" s="14" t="s">
        <v>43</v>
      </c>
      <c r="G90453" s="16">
        <v>15.272161447890918</v>
      </c>
    </row>
    <row r="90454" spans="1:7" x14ac:dyDescent="0.3">
      <c r="A90454" s="13" t="s">
        <v>451</v>
      </c>
      <c r="B90454" s="14" t="s">
        <v>1</v>
      </c>
      <c r="C90454" s="14" t="s">
        <v>41</v>
      </c>
      <c r="D90454" s="14" t="s">
        <v>452</v>
      </c>
      <c r="E90454" s="15">
        <v>45675</v>
      </c>
      <c r="F90454" s="14" t="s">
        <v>43</v>
      </c>
      <c r="G90454" s="16">
        <v>15.272161447890918</v>
      </c>
    </row>
    <row r="90455" spans="1:7" x14ac:dyDescent="0.3">
      <c r="A90455" s="13" t="s">
        <v>451</v>
      </c>
      <c r="B90455" s="14" t="s">
        <v>1</v>
      </c>
      <c r="C90455" s="14" t="s">
        <v>41</v>
      </c>
      <c r="D90455" s="14" t="s">
        <v>452</v>
      </c>
      <c r="E90455" s="15">
        <v>45676</v>
      </c>
      <c r="F90455" s="14" t="s">
        <v>43</v>
      </c>
      <c r="G90455" s="16">
        <v>15.272161447890918</v>
      </c>
    </row>
    <row r="90456" spans="1:7" x14ac:dyDescent="0.3">
      <c r="A90456" s="13" t="s">
        <v>451</v>
      </c>
      <c r="B90456" s="14" t="s">
        <v>1</v>
      </c>
      <c r="C90456" s="14" t="s">
        <v>41</v>
      </c>
      <c r="D90456" s="14" t="s">
        <v>452</v>
      </c>
      <c r="E90456" s="15">
        <v>45677</v>
      </c>
      <c r="F90456" s="14" t="s">
        <v>43</v>
      </c>
      <c r="G90456" s="16">
        <v>14.85610914950267</v>
      </c>
    </row>
    <row r="90457" spans="1:7" x14ac:dyDescent="0.3">
      <c r="A90457" s="13" t="s">
        <v>451</v>
      </c>
      <c r="B90457" s="14" t="s">
        <v>1</v>
      </c>
      <c r="C90457" s="14" t="s">
        <v>41</v>
      </c>
      <c r="D90457" s="14" t="s">
        <v>452</v>
      </c>
      <c r="E90457" s="15">
        <v>45678</v>
      </c>
      <c r="F90457" s="14" t="s">
        <v>43</v>
      </c>
      <c r="G90457" s="16">
        <v>13.624513402462828</v>
      </c>
    </row>
    <row r="90458" spans="1:7" x14ac:dyDescent="0.3">
      <c r="A90458" s="13" t="s">
        <v>451</v>
      </c>
      <c r="B90458" s="14" t="s">
        <v>1</v>
      </c>
      <c r="C90458" s="14" t="s">
        <v>41</v>
      </c>
      <c r="D90458" s="14" t="s">
        <v>452</v>
      </c>
      <c r="E90458" s="15">
        <v>45679</v>
      </c>
      <c r="F90458" s="14" t="s">
        <v>43</v>
      </c>
      <c r="G90458" s="16">
        <v>13.205057853370869</v>
      </c>
    </row>
    <row r="90459" spans="1:7" x14ac:dyDescent="0.3">
      <c r="A90459" s="13" t="s">
        <v>451</v>
      </c>
      <c r="B90459" s="14" t="s">
        <v>1</v>
      </c>
      <c r="C90459" s="14" t="s">
        <v>41</v>
      </c>
      <c r="D90459" s="14" t="s">
        <v>452</v>
      </c>
      <c r="E90459" s="15">
        <v>45680</v>
      </c>
      <c r="F90459" s="14" t="s">
        <v>43</v>
      </c>
      <c r="G90459" s="16">
        <v>12.785607511992074</v>
      </c>
    </row>
    <row r="90460" spans="1:7" x14ac:dyDescent="0.3">
      <c r="A90460" s="13" t="s">
        <v>451</v>
      </c>
      <c r="B90460" s="14" t="s">
        <v>1</v>
      </c>
      <c r="C90460" s="14" t="s">
        <v>41</v>
      </c>
      <c r="D90460" s="14" t="s">
        <v>452</v>
      </c>
      <c r="E90460" s="15">
        <v>45681</v>
      </c>
      <c r="F90460" s="14" t="s">
        <v>43</v>
      </c>
      <c r="G90460" s="16">
        <v>12.362673015841757</v>
      </c>
    </row>
    <row r="90461" spans="1:7" x14ac:dyDescent="0.3">
      <c r="A90461" s="13" t="s">
        <v>451</v>
      </c>
      <c r="B90461" s="14" t="s">
        <v>1</v>
      </c>
      <c r="C90461" s="14" t="s">
        <v>41</v>
      </c>
      <c r="D90461" s="14" t="s">
        <v>452</v>
      </c>
      <c r="E90461" s="15">
        <v>45682</v>
      </c>
      <c r="F90461" s="14" t="s">
        <v>43</v>
      </c>
      <c r="G90461" s="16">
        <v>12.362673015841757</v>
      </c>
    </row>
    <row r="90462" spans="1:7" x14ac:dyDescent="0.3">
      <c r="A90462" s="13" t="s">
        <v>451</v>
      </c>
      <c r="B90462" s="14" t="s">
        <v>1</v>
      </c>
      <c r="C90462" s="14" t="s">
        <v>41</v>
      </c>
      <c r="D90462" s="14" t="s">
        <v>452</v>
      </c>
      <c r="E90462" s="15">
        <v>45683</v>
      </c>
      <c r="F90462" s="14" t="s">
        <v>43</v>
      </c>
      <c r="G90462" s="16">
        <v>12.362673015841757</v>
      </c>
    </row>
    <row r="90463" spans="1:7" x14ac:dyDescent="0.3">
      <c r="A90463" s="13" t="s">
        <v>451</v>
      </c>
      <c r="B90463" s="14" t="s">
        <v>1</v>
      </c>
      <c r="C90463" s="14" t="s">
        <v>41</v>
      </c>
      <c r="D90463" s="14" t="s">
        <v>452</v>
      </c>
      <c r="E90463" s="15">
        <v>45684</v>
      </c>
      <c r="F90463" s="14" t="s">
        <v>43</v>
      </c>
      <c r="G90463" s="16">
        <v>12.230036571581195</v>
      </c>
    </row>
    <row r="90464" spans="1:7" x14ac:dyDescent="0.3">
      <c r="A90464" s="13" t="s">
        <v>451</v>
      </c>
      <c r="B90464" s="14" t="s">
        <v>1</v>
      </c>
      <c r="C90464" s="14" t="s">
        <v>41</v>
      </c>
      <c r="D90464" s="14" t="s">
        <v>452</v>
      </c>
      <c r="E90464" s="15">
        <v>45685</v>
      </c>
      <c r="F90464" s="14" t="s">
        <v>43</v>
      </c>
      <c r="G90464" s="16">
        <v>10.971254153714387</v>
      </c>
    </row>
    <row r="90465" spans="1:7" x14ac:dyDescent="0.3">
      <c r="A90465" s="13" t="s">
        <v>451</v>
      </c>
      <c r="B90465" s="14" t="s">
        <v>1</v>
      </c>
      <c r="C90465" s="14" t="s">
        <v>41</v>
      </c>
      <c r="D90465" s="14" t="s">
        <v>452</v>
      </c>
      <c r="E90465" s="15">
        <v>45686</v>
      </c>
      <c r="F90465" s="14" t="s">
        <v>43</v>
      </c>
      <c r="G90465" s="16">
        <v>10.546960469127047</v>
      </c>
    </row>
    <row r="90466" spans="1:7" x14ac:dyDescent="0.3">
      <c r="A90466" s="13" t="s">
        <v>451</v>
      </c>
      <c r="B90466" s="14" t="s">
        <v>1</v>
      </c>
      <c r="C90466" s="14" t="s">
        <v>41</v>
      </c>
      <c r="D90466" s="14" t="s">
        <v>452</v>
      </c>
      <c r="E90466" s="15">
        <v>45687</v>
      </c>
      <c r="F90466" s="14" t="s">
        <v>43</v>
      </c>
      <c r="G90466" s="16">
        <v>10.12373612468348</v>
      </c>
    </row>
    <row r="90467" spans="1:7" x14ac:dyDescent="0.3">
      <c r="A90467" s="13" t="s">
        <v>451</v>
      </c>
      <c r="B90467" s="14" t="s">
        <v>1</v>
      </c>
      <c r="C90467" s="14" t="s">
        <v>41</v>
      </c>
      <c r="D90467" s="14" t="s">
        <v>452</v>
      </c>
      <c r="E90467" s="15">
        <v>45688</v>
      </c>
      <c r="F90467" s="14" t="s">
        <v>43</v>
      </c>
      <c r="G90467" s="16">
        <v>11.022806221724551</v>
      </c>
    </row>
    <row r="90468" spans="1:7" x14ac:dyDescent="0.3">
      <c r="A90468" s="13" t="s">
        <v>451</v>
      </c>
      <c r="B90468" s="14" t="s">
        <v>1</v>
      </c>
      <c r="C90468" s="14" t="s">
        <v>41</v>
      </c>
      <c r="D90468" s="14" t="s">
        <v>452</v>
      </c>
      <c r="E90468" s="15">
        <v>45689</v>
      </c>
      <c r="F90468" s="14" t="s">
        <v>43</v>
      </c>
      <c r="G90468" s="16">
        <v>11.022806221724551</v>
      </c>
    </row>
    <row r="90469" spans="1:7" x14ac:dyDescent="0.3">
      <c r="A90469" s="13" t="s">
        <v>451</v>
      </c>
      <c r="B90469" s="14" t="s">
        <v>1</v>
      </c>
      <c r="C90469" s="14" t="s">
        <v>41</v>
      </c>
      <c r="D90469" s="14" t="s">
        <v>452</v>
      </c>
      <c r="E90469" s="15">
        <v>45690</v>
      </c>
      <c r="F90469" s="14" t="s">
        <v>43</v>
      </c>
      <c r="G90469" s="16">
        <v>11.022806221724551</v>
      </c>
    </row>
    <row r="90470" spans="1:7" x14ac:dyDescent="0.3">
      <c r="A90470" s="13" t="s">
        <v>451</v>
      </c>
      <c r="B90470" s="14" t="s">
        <v>1</v>
      </c>
      <c r="C90470" s="14" t="s">
        <v>41</v>
      </c>
      <c r="D90470" s="14" t="s">
        <v>452</v>
      </c>
      <c r="E90470" s="15">
        <v>45691</v>
      </c>
      <c r="F90470" s="14" t="s">
        <v>43</v>
      </c>
      <c r="G90470" s="16">
        <v>11.022806221724551</v>
      </c>
    </row>
    <row r="90471" spans="1:7" x14ac:dyDescent="0.3">
      <c r="A90471" s="13" t="s">
        <v>451</v>
      </c>
      <c r="B90471" s="14" t="s">
        <v>1</v>
      </c>
      <c r="C90471" s="14" t="s">
        <v>41</v>
      </c>
      <c r="D90471" s="14" t="s">
        <v>452</v>
      </c>
      <c r="E90471" s="15">
        <v>45692</v>
      </c>
      <c r="F90471" s="14" t="s">
        <v>43</v>
      </c>
      <c r="G90471" s="16">
        <v>10.595712227130033</v>
      </c>
    </row>
    <row r="90472" spans="1:7" x14ac:dyDescent="0.3">
      <c r="A90472" s="13" t="s">
        <v>451</v>
      </c>
      <c r="B90472" s="14" t="s">
        <v>1</v>
      </c>
      <c r="C90472" s="14" t="s">
        <v>41</v>
      </c>
      <c r="D90472" s="14" t="s">
        <v>452</v>
      </c>
      <c r="E90472" s="15">
        <v>45693</v>
      </c>
      <c r="F90472" s="14" t="s">
        <v>43</v>
      </c>
      <c r="G90472" s="16">
        <v>9.104995430191348</v>
      </c>
    </row>
    <row r="90473" spans="1:7" x14ac:dyDescent="0.3">
      <c r="A90473" s="13" t="s">
        <v>451</v>
      </c>
      <c r="B90473" s="14" t="s">
        <v>1</v>
      </c>
      <c r="C90473" s="14" t="s">
        <v>41</v>
      </c>
      <c r="D90473" s="14" t="s">
        <v>452</v>
      </c>
      <c r="E90473" s="15">
        <v>45694</v>
      </c>
      <c r="F90473" s="14" t="s">
        <v>43</v>
      </c>
      <c r="G90473" s="16">
        <v>8.6851239537996374</v>
      </c>
    </row>
    <row r="90474" spans="1:7" x14ac:dyDescent="0.3">
      <c r="A90474" s="13" t="s">
        <v>451</v>
      </c>
      <c r="B90474" s="14" t="s">
        <v>1</v>
      </c>
      <c r="C90474" s="14" t="s">
        <v>41</v>
      </c>
      <c r="D90474" s="14" t="s">
        <v>452</v>
      </c>
      <c r="E90474" s="15">
        <v>45695</v>
      </c>
      <c r="F90474" s="14" t="s">
        <v>43</v>
      </c>
      <c r="G90474" s="16">
        <v>8.2647996633064871</v>
      </c>
    </row>
    <row r="90475" spans="1:7" x14ac:dyDescent="0.3">
      <c r="A90475" s="13" t="s">
        <v>451</v>
      </c>
      <c r="B90475" s="14" t="s">
        <v>1</v>
      </c>
      <c r="C90475" s="14" t="s">
        <v>41</v>
      </c>
      <c r="D90475" s="14" t="s">
        <v>452</v>
      </c>
      <c r="E90475" s="15">
        <v>45696</v>
      </c>
      <c r="F90475" s="14" t="s">
        <v>43</v>
      </c>
      <c r="G90475" s="16">
        <v>8.2647996633064871</v>
      </c>
    </row>
    <row r="90476" spans="1:7" x14ac:dyDescent="0.3">
      <c r="A90476" s="13" t="s">
        <v>451</v>
      </c>
      <c r="B90476" s="14" t="s">
        <v>1</v>
      </c>
      <c r="C90476" s="14" t="s">
        <v>41</v>
      </c>
      <c r="D90476" s="14" t="s">
        <v>452</v>
      </c>
      <c r="E90476" s="15">
        <v>45697</v>
      </c>
      <c r="F90476" s="14" t="s">
        <v>43</v>
      </c>
      <c r="G90476" s="16">
        <v>8.2647996633064871</v>
      </c>
    </row>
    <row r="90477" spans="1:7" x14ac:dyDescent="0.3">
      <c r="A90477" s="13" t="s">
        <v>451</v>
      </c>
      <c r="B90477" s="14" t="s">
        <v>1</v>
      </c>
      <c r="C90477" s="14" t="s">
        <v>41</v>
      </c>
      <c r="D90477" s="14" t="s">
        <v>452</v>
      </c>
      <c r="E90477" s="15">
        <v>45698</v>
      </c>
      <c r="F90477" s="14" t="s">
        <v>43</v>
      </c>
      <c r="G90477" s="16">
        <v>7.8431094205997036</v>
      </c>
    </row>
    <row r="90478" spans="1:7" x14ac:dyDescent="0.3">
      <c r="A90478" s="13" t="s">
        <v>451</v>
      </c>
      <c r="B90478" s="14" t="s">
        <v>1</v>
      </c>
      <c r="C90478" s="14" t="s">
        <v>41</v>
      </c>
      <c r="D90478" s="14" t="s">
        <v>452</v>
      </c>
      <c r="E90478" s="15">
        <v>45699</v>
      </c>
      <c r="F90478" s="14" t="s">
        <v>43</v>
      </c>
      <c r="G90478" s="16">
        <v>7.8431094205997036</v>
      </c>
    </row>
    <row r="90479" spans="1:7" x14ac:dyDescent="0.3">
      <c r="A90479" s="13" t="s">
        <v>451</v>
      </c>
      <c r="B90479" s="14" t="s">
        <v>1</v>
      </c>
      <c r="C90479" s="14" t="s">
        <v>41</v>
      </c>
      <c r="D90479" s="14" t="s">
        <v>452</v>
      </c>
      <c r="E90479" s="15">
        <v>45700</v>
      </c>
      <c r="F90479" s="14" t="s">
        <v>43</v>
      </c>
      <c r="G90479" s="16">
        <v>6.598872621322295</v>
      </c>
    </row>
    <row r="90480" spans="1:7" x14ac:dyDescent="0.3">
      <c r="A90480" s="13" t="s">
        <v>451</v>
      </c>
      <c r="B90480" s="14" t="s">
        <v>1</v>
      </c>
      <c r="C90480" s="14" t="s">
        <v>41</v>
      </c>
      <c r="D90480" s="14" t="s">
        <v>452</v>
      </c>
      <c r="E90480" s="15">
        <v>45701</v>
      </c>
      <c r="F90480" s="14" t="s">
        <v>43</v>
      </c>
      <c r="G90480" s="16">
        <v>5.8544065528952016</v>
      </c>
    </row>
    <row r="90481" spans="1:7" x14ac:dyDescent="0.3">
      <c r="A90481" s="13" t="s">
        <v>451</v>
      </c>
      <c r="B90481" s="14" t="s">
        <v>1</v>
      </c>
      <c r="C90481" s="14" t="s">
        <v>41</v>
      </c>
      <c r="D90481" s="14" t="s">
        <v>452</v>
      </c>
      <c r="E90481" s="15">
        <v>45702</v>
      </c>
      <c r="F90481" s="14" t="s">
        <v>43</v>
      </c>
      <c r="G90481" s="16">
        <v>5.5683383406449511</v>
      </c>
    </row>
    <row r="90482" spans="1:7" x14ac:dyDescent="0.3">
      <c r="A90482" s="13" t="s">
        <v>451</v>
      </c>
      <c r="B90482" s="14" t="s">
        <v>1</v>
      </c>
      <c r="C90482" s="14" t="s">
        <v>41</v>
      </c>
      <c r="D90482" s="14" t="s">
        <v>452</v>
      </c>
      <c r="E90482" s="15">
        <v>45703</v>
      </c>
      <c r="F90482" s="14" t="s">
        <v>43</v>
      </c>
      <c r="G90482" s="16">
        <v>5.5683383406449511</v>
      </c>
    </row>
    <row r="90483" spans="1:7" x14ac:dyDescent="0.3">
      <c r="A90483" s="13" t="s">
        <v>451</v>
      </c>
      <c r="B90483" s="14" t="s">
        <v>1</v>
      </c>
      <c r="C90483" s="14" t="s">
        <v>41</v>
      </c>
      <c r="D90483" s="14" t="s">
        <v>452</v>
      </c>
      <c r="E90483" s="15">
        <v>45704</v>
      </c>
      <c r="F90483" s="14" t="s">
        <v>43</v>
      </c>
      <c r="G90483" s="16">
        <v>5.5683383406449511</v>
      </c>
    </row>
    <row r="90484" spans="1:7" x14ac:dyDescent="0.3">
      <c r="A90484" s="13" t="s">
        <v>451</v>
      </c>
      <c r="B90484" s="14" t="s">
        <v>1</v>
      </c>
      <c r="C90484" s="14" t="s">
        <v>41</v>
      </c>
      <c r="D90484" s="14" t="s">
        <v>452</v>
      </c>
      <c r="E90484" s="15">
        <v>45705</v>
      </c>
      <c r="F90484" s="14" t="s">
        <v>43</v>
      </c>
      <c r="G90484" s="16">
        <v>5.1450323145099146</v>
      </c>
    </row>
    <row r="90485" spans="1:7" x14ac:dyDescent="0.3">
      <c r="A90485" s="13" t="s">
        <v>451</v>
      </c>
      <c r="B90485" s="14" t="s">
        <v>1</v>
      </c>
      <c r="C90485" s="14" t="s">
        <v>41</v>
      </c>
      <c r="D90485" s="14" t="s">
        <v>452</v>
      </c>
      <c r="E90485" s="15">
        <v>45706</v>
      </c>
      <c r="F90485" s="14" t="s">
        <v>43</v>
      </c>
      <c r="G90485" s="16">
        <v>3.8888233428539825</v>
      </c>
    </row>
    <row r="90486" spans="1:7" x14ac:dyDescent="0.3">
      <c r="A90486" s="13" t="s">
        <v>451</v>
      </c>
      <c r="B90486" s="14" t="s">
        <v>1</v>
      </c>
      <c r="C90486" s="14" t="s">
        <v>41</v>
      </c>
      <c r="D90486" s="14" t="s">
        <v>452</v>
      </c>
      <c r="E90486" s="15">
        <v>45707</v>
      </c>
      <c r="F90486" s="14" t="s">
        <v>43</v>
      </c>
      <c r="G90486" s="16">
        <v>3.4636422624136198</v>
      </c>
    </row>
    <row r="90487" spans="1:7" x14ac:dyDescent="0.3">
      <c r="A90487" s="13" t="s">
        <v>451</v>
      </c>
      <c r="B90487" s="14" t="s">
        <v>1</v>
      </c>
      <c r="C90487" s="14" t="s">
        <v>41</v>
      </c>
      <c r="D90487" s="14" t="s">
        <v>452</v>
      </c>
      <c r="E90487" s="15">
        <v>45708</v>
      </c>
      <c r="F90487" s="14" t="s">
        <v>43</v>
      </c>
      <c r="G90487" s="16">
        <v>4.2671005077183262</v>
      </c>
    </row>
    <row r="90488" spans="1:7" x14ac:dyDescent="0.3">
      <c r="A90488" s="13" t="s">
        <v>451</v>
      </c>
      <c r="B90488" s="14" t="s">
        <v>1</v>
      </c>
      <c r="C90488" s="14" t="s">
        <v>41</v>
      </c>
      <c r="D90488" s="14" t="s">
        <v>452</v>
      </c>
      <c r="E90488" s="15">
        <v>45709</v>
      </c>
      <c r="F90488" s="14" t="s">
        <v>43</v>
      </c>
      <c r="G90488" s="16">
        <v>3.8422808835295932</v>
      </c>
    </row>
    <row r="90489" spans="1:7" x14ac:dyDescent="0.3">
      <c r="A90489" s="13" t="s">
        <v>451</v>
      </c>
      <c r="B90489" s="14" t="s">
        <v>1</v>
      </c>
      <c r="C90489" s="14" t="s">
        <v>41</v>
      </c>
      <c r="D90489" s="14" t="s">
        <v>452</v>
      </c>
      <c r="E90489" s="15">
        <v>45710</v>
      </c>
      <c r="F90489" s="14" t="s">
        <v>43</v>
      </c>
      <c r="G90489" s="16">
        <v>3.8422808835295932</v>
      </c>
    </row>
    <row r="90490" spans="1:7" x14ac:dyDescent="0.3">
      <c r="A90490" s="13" t="s">
        <v>451</v>
      </c>
      <c r="B90490" s="14" t="s">
        <v>1</v>
      </c>
      <c r="C90490" s="14" t="s">
        <v>41</v>
      </c>
      <c r="D90490" s="14" t="s">
        <v>452</v>
      </c>
      <c r="E90490" s="15">
        <v>45711</v>
      </c>
      <c r="F90490" s="14" t="s">
        <v>43</v>
      </c>
      <c r="G90490" s="16">
        <v>3.8422808835295932</v>
      </c>
    </row>
    <row r="90491" spans="1:7" x14ac:dyDescent="0.3">
      <c r="A90491" s="13" t="s">
        <v>451</v>
      </c>
      <c r="B90491" s="14" t="s">
        <v>1</v>
      </c>
      <c r="C90491" s="14" t="s">
        <v>41</v>
      </c>
      <c r="D90491" s="14" t="s">
        <v>452</v>
      </c>
      <c r="E90491" s="15">
        <v>45712</v>
      </c>
      <c r="F90491" s="14" t="s">
        <v>43</v>
      </c>
      <c r="G90491" s="16">
        <v>3.8422808835295932</v>
      </c>
    </row>
    <row r="90492" spans="1:7" x14ac:dyDescent="0.3">
      <c r="A90492" s="13" t="s">
        <v>451</v>
      </c>
      <c r="B90492" s="14" t="s">
        <v>1</v>
      </c>
      <c r="C90492" s="14" t="s">
        <v>41</v>
      </c>
      <c r="D90492" s="14" t="s">
        <v>452</v>
      </c>
      <c r="E90492" s="15">
        <v>45713</v>
      </c>
      <c r="F90492" s="14" t="s">
        <v>43</v>
      </c>
      <c r="G90492" s="16">
        <v>3.421644072791203</v>
      </c>
    </row>
    <row r="90493" spans="1:7" x14ac:dyDescent="0.3">
      <c r="A90493" s="13" t="s">
        <v>451</v>
      </c>
      <c r="B90493" s="14" t="s">
        <v>1</v>
      </c>
      <c r="C90493" s="14" t="s">
        <v>41</v>
      </c>
      <c r="D90493" s="14" t="s">
        <v>452</v>
      </c>
      <c r="E90493" s="15">
        <v>45714</v>
      </c>
      <c r="F90493" s="14" t="s">
        <v>43</v>
      </c>
      <c r="G90493" s="16">
        <v>1.7539293230485555</v>
      </c>
    </row>
    <row r="90494" spans="1:7" x14ac:dyDescent="0.3">
      <c r="A90494" s="13" t="s">
        <v>451</v>
      </c>
      <c r="B90494" s="14" t="s">
        <v>1</v>
      </c>
      <c r="C90494" s="14" t="s">
        <v>41</v>
      </c>
      <c r="D90494" s="14" t="s">
        <v>452</v>
      </c>
      <c r="E90494" s="15">
        <v>45715</v>
      </c>
      <c r="F90494" s="14" t="s">
        <v>43</v>
      </c>
      <c r="G90494" s="16">
        <v>1.336225868813772</v>
      </c>
    </row>
    <row r="90495" spans="1:7" x14ac:dyDescent="0.3">
      <c r="A90495" s="13" t="s">
        <v>451</v>
      </c>
      <c r="B90495" s="14" t="s">
        <v>1</v>
      </c>
      <c r="C90495" s="14" t="s">
        <v>41</v>
      </c>
      <c r="D90495" s="14" t="s">
        <v>452</v>
      </c>
      <c r="E90495" s="15">
        <v>45716</v>
      </c>
      <c r="F90495" s="14" t="s">
        <v>43</v>
      </c>
      <c r="G90495" s="16">
        <v>1.7462485419575609</v>
      </c>
    </row>
    <row r="90496" spans="1:7" x14ac:dyDescent="0.3">
      <c r="A90496" s="13" t="s">
        <v>451</v>
      </c>
      <c r="B90496" s="14" t="s">
        <v>1</v>
      </c>
      <c r="C90496" s="14" t="s">
        <v>41</v>
      </c>
      <c r="D90496" s="14" t="s">
        <v>452</v>
      </c>
      <c r="E90496" s="15">
        <v>45717</v>
      </c>
      <c r="F90496" s="14" t="s">
        <v>43</v>
      </c>
      <c r="G90496" s="16">
        <v>1.7462485419575609</v>
      </c>
    </row>
    <row r="90497" spans="1:7" x14ac:dyDescent="0.3">
      <c r="A90497" s="13" t="s">
        <v>451</v>
      </c>
      <c r="B90497" s="14" t="s">
        <v>1</v>
      </c>
      <c r="C90497" s="14" t="s">
        <v>41</v>
      </c>
      <c r="D90497" s="14" t="s">
        <v>452</v>
      </c>
      <c r="E90497" s="15">
        <v>45718</v>
      </c>
      <c r="F90497" s="14" t="s">
        <v>43</v>
      </c>
      <c r="G90497" s="16">
        <v>1.7462485419575609</v>
      </c>
    </row>
    <row r="90498" spans="1:7" x14ac:dyDescent="0.3">
      <c r="A90498" s="13" t="s">
        <v>451</v>
      </c>
      <c r="B90498" s="14" t="s">
        <v>1</v>
      </c>
      <c r="C90498" s="14" t="s">
        <v>41</v>
      </c>
      <c r="D90498" s="14" t="s">
        <v>452</v>
      </c>
      <c r="E90498" s="15">
        <v>45719</v>
      </c>
      <c r="F90498" s="14" t="s">
        <v>43</v>
      </c>
      <c r="G90498" s="16">
        <v>1.3250469558260003</v>
      </c>
    </row>
    <row r="90499" spans="1:7" x14ac:dyDescent="0.3">
      <c r="A90499" s="13" t="s">
        <v>451</v>
      </c>
      <c r="B90499" s="14" t="s">
        <v>1</v>
      </c>
      <c r="C90499" s="14" t="s">
        <v>41</v>
      </c>
      <c r="D90499" s="14" t="s">
        <v>452</v>
      </c>
      <c r="E90499" s="15">
        <v>45720</v>
      </c>
      <c r="F90499" s="14" t="s">
        <v>43</v>
      </c>
      <c r="G90499" s="16">
        <v>0.30784137282242596</v>
      </c>
    </row>
    <row r="90500" spans="1:7" x14ac:dyDescent="0.3">
      <c r="A90500" s="13" t="s">
        <v>451</v>
      </c>
      <c r="B90500" s="14" t="s">
        <v>1</v>
      </c>
      <c r="C90500" s="14" t="s">
        <v>41</v>
      </c>
      <c r="D90500" s="14" t="s">
        <v>452</v>
      </c>
      <c r="E90500" s="15">
        <v>45721</v>
      </c>
      <c r="F90500" s="14" t="s">
        <v>43</v>
      </c>
      <c r="G90500" s="16">
        <v>0</v>
      </c>
    </row>
    <row r="90501" spans="1:7" x14ac:dyDescent="0.3">
      <c r="A90501" s="13" t="s">
        <v>451</v>
      </c>
      <c r="B90501" s="14" t="s">
        <v>1</v>
      </c>
      <c r="C90501" s="14" t="s">
        <v>41</v>
      </c>
      <c r="D90501" s="14" t="s">
        <v>452</v>
      </c>
      <c r="E90501" s="15">
        <v>45722</v>
      </c>
      <c r="F90501" s="14" t="s">
        <v>43</v>
      </c>
      <c r="G90501" s="16">
        <v>0</v>
      </c>
    </row>
    <row r="90502" spans="1:7" x14ac:dyDescent="0.3">
      <c r="A90502" s="13" t="s">
        <v>451</v>
      </c>
      <c r="B90502" s="14" t="s">
        <v>1</v>
      </c>
      <c r="C90502" s="14" t="s">
        <v>41</v>
      </c>
      <c r="D90502" s="14" t="s">
        <v>452</v>
      </c>
      <c r="E90502" s="15">
        <v>45723</v>
      </c>
      <c r="F90502" s="14" t="s">
        <v>43</v>
      </c>
      <c r="G90502" s="16">
        <v>0</v>
      </c>
    </row>
    <row r="90503" spans="1:7" x14ac:dyDescent="0.3">
      <c r="A90503" s="13" t="s">
        <v>451</v>
      </c>
      <c r="B90503" s="14" t="s">
        <v>1</v>
      </c>
      <c r="C90503" s="14" t="s">
        <v>41</v>
      </c>
      <c r="D90503" s="14" t="s">
        <v>452</v>
      </c>
      <c r="E90503" s="15">
        <v>45724</v>
      </c>
      <c r="F90503" s="14" t="s">
        <v>43</v>
      </c>
      <c r="G90503" s="16">
        <v>0</v>
      </c>
    </row>
    <row r="90504" spans="1:7" x14ac:dyDescent="0.3">
      <c r="A90504" s="13" t="s">
        <v>451</v>
      </c>
      <c r="B90504" s="14" t="s">
        <v>1</v>
      </c>
      <c r="C90504" s="14" t="s">
        <v>41</v>
      </c>
      <c r="D90504" s="14" t="s">
        <v>452</v>
      </c>
      <c r="E90504" s="15">
        <v>45725</v>
      </c>
      <c r="F90504" s="14" t="s">
        <v>43</v>
      </c>
      <c r="G90504" s="16">
        <v>0</v>
      </c>
    </row>
    <row r="90505" spans="1:7" x14ac:dyDescent="0.3">
      <c r="A90505" s="13" t="s">
        <v>451</v>
      </c>
      <c r="B90505" s="14" t="s">
        <v>1</v>
      </c>
      <c r="C90505" s="14" t="s">
        <v>41</v>
      </c>
      <c r="D90505" s="14" t="s">
        <v>452</v>
      </c>
      <c r="E90505" s="15">
        <v>45726</v>
      </c>
      <c r="F90505" s="14" t="s">
        <v>43</v>
      </c>
      <c r="G90505" s="16">
        <v>0</v>
      </c>
    </row>
    <row r="90506" spans="1:7" x14ac:dyDescent="0.3">
      <c r="A90506" s="13" t="s">
        <v>451</v>
      </c>
      <c r="B90506" s="14" t="s">
        <v>1</v>
      </c>
      <c r="C90506" s="14" t="s">
        <v>41</v>
      </c>
      <c r="D90506" s="14" t="s">
        <v>452</v>
      </c>
      <c r="E90506" s="15">
        <v>45727</v>
      </c>
      <c r="F90506" s="14" t="s">
        <v>43</v>
      </c>
      <c r="G90506" s="16">
        <v>0</v>
      </c>
    </row>
    <row r="90507" spans="1:7" x14ac:dyDescent="0.3">
      <c r="A90507" s="13" t="s">
        <v>451</v>
      </c>
      <c r="B90507" s="14" t="s">
        <v>1</v>
      </c>
      <c r="C90507" s="14" t="s">
        <v>41</v>
      </c>
      <c r="D90507" s="14" t="s">
        <v>452</v>
      </c>
      <c r="E90507" s="15">
        <v>45728</v>
      </c>
      <c r="F90507" s="14" t="s">
        <v>43</v>
      </c>
      <c r="G90507" s="16">
        <v>0</v>
      </c>
    </row>
    <row r="90508" spans="1:7" x14ac:dyDescent="0.3">
      <c r="A90508" s="13" t="s">
        <v>451</v>
      </c>
      <c r="B90508" s="14" t="s">
        <v>1</v>
      </c>
      <c r="C90508" s="14" t="s">
        <v>41</v>
      </c>
      <c r="D90508" s="14" t="s">
        <v>452</v>
      </c>
      <c r="E90508" s="15">
        <v>45729</v>
      </c>
      <c r="F90508" s="14" t="s">
        <v>43</v>
      </c>
      <c r="G90508" s="16">
        <v>0</v>
      </c>
    </row>
    <row r="90509" spans="1:7" x14ac:dyDescent="0.3">
      <c r="A90509" s="13" t="s">
        <v>451</v>
      </c>
      <c r="B90509" s="14" t="s">
        <v>1</v>
      </c>
      <c r="C90509" s="14" t="s">
        <v>41</v>
      </c>
      <c r="D90509" s="14" t="s">
        <v>452</v>
      </c>
      <c r="E90509" s="15">
        <v>45730</v>
      </c>
      <c r="F90509" s="14" t="s">
        <v>43</v>
      </c>
      <c r="G90509" s="16">
        <v>0</v>
      </c>
    </row>
    <row r="90510" spans="1:7" x14ac:dyDescent="0.3">
      <c r="A90510" s="13" t="s">
        <v>451</v>
      </c>
      <c r="B90510" s="14" t="s">
        <v>1</v>
      </c>
      <c r="C90510" s="14" t="s">
        <v>41</v>
      </c>
      <c r="D90510" s="14" t="s">
        <v>452</v>
      </c>
      <c r="E90510" s="15">
        <v>45731</v>
      </c>
      <c r="F90510" s="14" t="s">
        <v>43</v>
      </c>
      <c r="G90510" s="16">
        <v>0</v>
      </c>
    </row>
    <row r="90511" spans="1:7" x14ac:dyDescent="0.3">
      <c r="A90511" s="13" t="s">
        <v>451</v>
      </c>
      <c r="B90511" s="14" t="s">
        <v>1</v>
      </c>
      <c r="C90511" s="14" t="s">
        <v>41</v>
      </c>
      <c r="D90511" s="14" t="s">
        <v>452</v>
      </c>
      <c r="E90511" s="15">
        <v>45732</v>
      </c>
      <c r="F90511" s="14" t="s">
        <v>43</v>
      </c>
      <c r="G90511" s="16">
        <v>0</v>
      </c>
    </row>
    <row r="90512" spans="1:7" x14ac:dyDescent="0.3">
      <c r="A90512" s="13" t="s">
        <v>451</v>
      </c>
      <c r="B90512" s="14" t="s">
        <v>1</v>
      </c>
      <c r="C90512" s="14" t="s">
        <v>41</v>
      </c>
      <c r="D90512" s="14" t="s">
        <v>452</v>
      </c>
      <c r="E90512" s="15">
        <v>45733</v>
      </c>
      <c r="F90512" s="14" t="s">
        <v>43</v>
      </c>
      <c r="G90512" s="16">
        <v>0</v>
      </c>
    </row>
    <row r="90513" spans="1:7" x14ac:dyDescent="0.3">
      <c r="A90513" s="13" t="s">
        <v>451</v>
      </c>
      <c r="B90513" s="14" t="s">
        <v>1</v>
      </c>
      <c r="C90513" s="14" t="s">
        <v>41</v>
      </c>
      <c r="D90513" s="14" t="s">
        <v>452</v>
      </c>
      <c r="E90513" s="15">
        <v>45734</v>
      </c>
      <c r="F90513" s="14" t="s">
        <v>43</v>
      </c>
      <c r="G90513" s="16">
        <v>0</v>
      </c>
    </row>
    <row r="90514" spans="1:7" x14ac:dyDescent="0.3">
      <c r="A90514" s="13" t="s">
        <v>451</v>
      </c>
      <c r="B90514" s="14" t="s">
        <v>1</v>
      </c>
      <c r="C90514" s="14" t="s">
        <v>41</v>
      </c>
      <c r="D90514" s="14" t="s">
        <v>452</v>
      </c>
      <c r="E90514" s="15">
        <v>45735</v>
      </c>
      <c r="F90514" s="14" t="s">
        <v>43</v>
      </c>
      <c r="G90514" s="16">
        <v>0</v>
      </c>
    </row>
    <row r="90515" spans="1:7" x14ac:dyDescent="0.3">
      <c r="A90515" s="13" t="s">
        <v>451</v>
      </c>
      <c r="B90515" s="14" t="s">
        <v>1</v>
      </c>
      <c r="C90515" s="14" t="s">
        <v>41</v>
      </c>
      <c r="D90515" s="14" t="s">
        <v>452</v>
      </c>
      <c r="E90515" s="15">
        <v>45736</v>
      </c>
      <c r="F90515" s="14" t="s">
        <v>43</v>
      </c>
      <c r="G90515" s="16">
        <v>0</v>
      </c>
    </row>
    <row r="90516" spans="1:7" x14ac:dyDescent="0.3">
      <c r="A90516" s="13" t="s">
        <v>451</v>
      </c>
      <c r="B90516" s="14" t="s">
        <v>1</v>
      </c>
      <c r="C90516" s="14" t="s">
        <v>41</v>
      </c>
      <c r="D90516" s="14" t="s">
        <v>452</v>
      </c>
      <c r="E90516" s="15">
        <v>45737</v>
      </c>
      <c r="F90516" s="14" t="s">
        <v>43</v>
      </c>
      <c r="G90516" s="16">
        <v>0</v>
      </c>
    </row>
    <row r="90517" spans="1:7" x14ac:dyDescent="0.3">
      <c r="A90517" s="13" t="s">
        <v>451</v>
      </c>
      <c r="B90517" s="14" t="s">
        <v>1</v>
      </c>
      <c r="C90517" s="14" t="s">
        <v>41</v>
      </c>
      <c r="D90517" s="14" t="s">
        <v>452</v>
      </c>
      <c r="E90517" s="15">
        <v>45738</v>
      </c>
      <c r="F90517" s="14" t="s">
        <v>43</v>
      </c>
      <c r="G90517" s="16">
        <v>0</v>
      </c>
    </row>
    <row r="90518" spans="1:7" x14ac:dyDescent="0.3">
      <c r="A90518" s="13" t="s">
        <v>451</v>
      </c>
      <c r="B90518" s="14" t="s">
        <v>1</v>
      </c>
      <c r="C90518" s="14" t="s">
        <v>41</v>
      </c>
      <c r="D90518" s="14" t="s">
        <v>452</v>
      </c>
      <c r="E90518" s="15">
        <v>45739</v>
      </c>
      <c r="F90518" s="14" t="s">
        <v>43</v>
      </c>
      <c r="G90518" s="16">
        <v>0</v>
      </c>
    </row>
    <row r="90519" spans="1:7" x14ac:dyDescent="0.3">
      <c r="A90519" s="13" t="s">
        <v>451</v>
      </c>
      <c r="B90519" s="14" t="s">
        <v>1</v>
      </c>
      <c r="C90519" s="14" t="s">
        <v>41</v>
      </c>
      <c r="D90519" s="14" t="s">
        <v>452</v>
      </c>
      <c r="E90519" s="15">
        <v>45740</v>
      </c>
      <c r="F90519" s="14" t="s">
        <v>43</v>
      </c>
      <c r="G90519" s="16">
        <v>0</v>
      </c>
    </row>
    <row r="90520" spans="1:7" x14ac:dyDescent="0.3">
      <c r="A90520" s="13" t="s">
        <v>451</v>
      </c>
      <c r="B90520" s="14" t="s">
        <v>1</v>
      </c>
      <c r="C90520" s="14" t="s">
        <v>41</v>
      </c>
      <c r="D90520" s="14" t="s">
        <v>452</v>
      </c>
      <c r="E90520" s="15">
        <v>45741</v>
      </c>
      <c r="F90520" s="14" t="s">
        <v>43</v>
      </c>
      <c r="G90520" s="16">
        <v>0</v>
      </c>
    </row>
    <row r="90521" spans="1:7" x14ac:dyDescent="0.3">
      <c r="A90521" s="13" t="s">
        <v>451</v>
      </c>
      <c r="B90521" s="14" t="s">
        <v>1</v>
      </c>
      <c r="C90521" s="14" t="s">
        <v>41</v>
      </c>
      <c r="D90521" s="14" t="s">
        <v>452</v>
      </c>
      <c r="E90521" s="15">
        <v>45742</v>
      </c>
      <c r="F90521" s="14" t="s">
        <v>43</v>
      </c>
      <c r="G90521" s="16">
        <v>0</v>
      </c>
    </row>
    <row r="90522" spans="1:7" x14ac:dyDescent="0.3">
      <c r="A90522" s="13" t="s">
        <v>451</v>
      </c>
      <c r="B90522" s="14" t="s">
        <v>1</v>
      </c>
      <c r="C90522" s="14" t="s">
        <v>41</v>
      </c>
      <c r="D90522" s="14" t="s">
        <v>452</v>
      </c>
      <c r="E90522" s="15">
        <v>45743</v>
      </c>
      <c r="F90522" s="14" t="s">
        <v>43</v>
      </c>
      <c r="G90522" s="16">
        <v>0</v>
      </c>
    </row>
    <row r="90523" spans="1:7" x14ac:dyDescent="0.3">
      <c r="A90523" s="13" t="s">
        <v>451</v>
      </c>
      <c r="B90523" s="14" t="s">
        <v>1</v>
      </c>
      <c r="C90523" s="14" t="s">
        <v>41</v>
      </c>
      <c r="D90523" s="14" t="s">
        <v>452</v>
      </c>
      <c r="E90523" s="15">
        <v>45744</v>
      </c>
      <c r="F90523" s="14" t="s">
        <v>43</v>
      </c>
      <c r="G90523" s="16">
        <v>0</v>
      </c>
    </row>
    <row r="90524" spans="1:7" x14ac:dyDescent="0.3">
      <c r="A90524" s="13" t="s">
        <v>451</v>
      </c>
      <c r="B90524" s="14" t="s">
        <v>1</v>
      </c>
      <c r="C90524" s="14" t="s">
        <v>41</v>
      </c>
      <c r="D90524" s="14" t="s">
        <v>452</v>
      </c>
      <c r="E90524" s="15">
        <v>45745</v>
      </c>
      <c r="F90524" s="14" t="s">
        <v>43</v>
      </c>
      <c r="G90524" s="16">
        <v>0</v>
      </c>
    </row>
    <row r="90525" spans="1:7" x14ac:dyDescent="0.3">
      <c r="A90525" s="13" t="s">
        <v>451</v>
      </c>
      <c r="B90525" s="14" t="s">
        <v>1</v>
      </c>
      <c r="C90525" s="14" t="s">
        <v>41</v>
      </c>
      <c r="D90525" s="14" t="s">
        <v>452</v>
      </c>
      <c r="E90525" s="15">
        <v>45746</v>
      </c>
      <c r="F90525" s="14" t="s">
        <v>43</v>
      </c>
      <c r="G90525" s="16">
        <v>0</v>
      </c>
    </row>
    <row r="90526" spans="1:7" x14ac:dyDescent="0.3">
      <c r="A90526" s="13" t="s">
        <v>451</v>
      </c>
      <c r="B90526" s="14" t="s">
        <v>1</v>
      </c>
      <c r="C90526" s="14" t="s">
        <v>41</v>
      </c>
      <c r="D90526" s="14" t="s">
        <v>452</v>
      </c>
      <c r="E90526" s="15">
        <v>45747</v>
      </c>
      <c r="F90526" s="14" t="s">
        <v>43</v>
      </c>
      <c r="G90526" s="16">
        <v>77.6413947717799</v>
      </c>
    </row>
    <row r="90527" spans="1:7" x14ac:dyDescent="0.3">
      <c r="A90527" s="13" t="s">
        <v>453</v>
      </c>
      <c r="B90527" s="14" t="s">
        <v>1</v>
      </c>
      <c r="C90527" s="14" t="s">
        <v>47</v>
      </c>
      <c r="D90527" s="14" t="s">
        <v>33</v>
      </c>
      <c r="E90527" s="15">
        <v>45383</v>
      </c>
      <c r="F90527" s="14" t="s">
        <v>15</v>
      </c>
      <c r="G90527" s="16">
        <v>0</v>
      </c>
    </row>
    <row r="90528" spans="1:7" x14ac:dyDescent="0.3">
      <c r="A90528" s="13" t="s">
        <v>453</v>
      </c>
      <c r="B90528" s="14" t="s">
        <v>1</v>
      </c>
      <c r="C90528" s="14" t="s">
        <v>47</v>
      </c>
      <c r="D90528" s="14" t="s">
        <v>33</v>
      </c>
      <c r="E90528" s="15">
        <v>45384</v>
      </c>
      <c r="F90528" s="14" t="s">
        <v>15</v>
      </c>
      <c r="G90528" s="16">
        <v>0</v>
      </c>
    </row>
    <row r="90529" spans="1:7" x14ac:dyDescent="0.3">
      <c r="A90529" s="13" t="s">
        <v>453</v>
      </c>
      <c r="B90529" s="14" t="s">
        <v>1</v>
      </c>
      <c r="C90529" s="14" t="s">
        <v>47</v>
      </c>
      <c r="D90529" s="14" t="s">
        <v>33</v>
      </c>
      <c r="E90529" s="15">
        <v>45385</v>
      </c>
      <c r="F90529" s="14" t="s">
        <v>15</v>
      </c>
      <c r="G90529" s="16">
        <v>0</v>
      </c>
    </row>
    <row r="90530" spans="1:7" x14ac:dyDescent="0.3">
      <c r="A90530" s="13" t="s">
        <v>453</v>
      </c>
      <c r="B90530" s="14" t="s">
        <v>1</v>
      </c>
      <c r="C90530" s="14" t="s">
        <v>47</v>
      </c>
      <c r="D90530" s="14" t="s">
        <v>33</v>
      </c>
      <c r="E90530" s="15">
        <v>45386</v>
      </c>
      <c r="F90530" s="14" t="s">
        <v>15</v>
      </c>
      <c r="G90530" s="16">
        <v>0</v>
      </c>
    </row>
    <row r="90531" spans="1:7" x14ac:dyDescent="0.3">
      <c r="A90531" s="13" t="s">
        <v>453</v>
      </c>
      <c r="B90531" s="14" t="s">
        <v>1</v>
      </c>
      <c r="C90531" s="14" t="s">
        <v>47</v>
      </c>
      <c r="D90531" s="14" t="s">
        <v>33</v>
      </c>
      <c r="E90531" s="15">
        <v>45387</v>
      </c>
      <c r="F90531" s="14" t="s">
        <v>15</v>
      </c>
      <c r="G90531" s="16">
        <v>0</v>
      </c>
    </row>
    <row r="90532" spans="1:7" x14ac:dyDescent="0.3">
      <c r="A90532" s="13" t="s">
        <v>453</v>
      </c>
      <c r="B90532" s="14" t="s">
        <v>1</v>
      </c>
      <c r="C90532" s="14" t="s">
        <v>47</v>
      </c>
      <c r="D90532" s="14" t="s">
        <v>33</v>
      </c>
      <c r="E90532" s="15">
        <v>45388</v>
      </c>
      <c r="F90532" s="14" t="s">
        <v>15</v>
      </c>
      <c r="G90532" s="16">
        <v>0</v>
      </c>
    </row>
    <row r="90533" spans="1:7" x14ac:dyDescent="0.3">
      <c r="A90533" s="13" t="s">
        <v>453</v>
      </c>
      <c r="B90533" s="14" t="s">
        <v>1</v>
      </c>
      <c r="C90533" s="14" t="s">
        <v>47</v>
      </c>
      <c r="D90533" s="14" t="s">
        <v>33</v>
      </c>
      <c r="E90533" s="15">
        <v>45389</v>
      </c>
      <c r="F90533" s="14" t="s">
        <v>15</v>
      </c>
      <c r="G90533" s="16">
        <v>0</v>
      </c>
    </row>
    <row r="90534" spans="1:7" x14ac:dyDescent="0.3">
      <c r="A90534" s="13" t="s">
        <v>453</v>
      </c>
      <c r="B90534" s="14" t="s">
        <v>1</v>
      </c>
      <c r="C90534" s="14" t="s">
        <v>47</v>
      </c>
      <c r="D90534" s="14" t="s">
        <v>33</v>
      </c>
      <c r="E90534" s="15">
        <v>45390</v>
      </c>
      <c r="F90534" s="14" t="s">
        <v>15</v>
      </c>
      <c r="G90534" s="16">
        <v>0</v>
      </c>
    </row>
    <row r="90535" spans="1:7" x14ac:dyDescent="0.3">
      <c r="A90535" s="13" t="s">
        <v>453</v>
      </c>
      <c r="B90535" s="14" t="s">
        <v>1</v>
      </c>
      <c r="C90535" s="14" t="s">
        <v>47</v>
      </c>
      <c r="D90535" s="14" t="s">
        <v>33</v>
      </c>
      <c r="E90535" s="15">
        <v>45391</v>
      </c>
      <c r="F90535" s="14" t="s">
        <v>15</v>
      </c>
      <c r="G90535" s="16">
        <v>0</v>
      </c>
    </row>
    <row r="90536" spans="1:7" x14ac:dyDescent="0.3">
      <c r="A90536" s="13" t="s">
        <v>453</v>
      </c>
      <c r="B90536" s="14" t="s">
        <v>1</v>
      </c>
      <c r="C90536" s="14" t="s">
        <v>47</v>
      </c>
      <c r="D90536" s="14" t="s">
        <v>33</v>
      </c>
      <c r="E90536" s="15">
        <v>45392</v>
      </c>
      <c r="F90536" s="14" t="s">
        <v>15</v>
      </c>
      <c r="G90536" s="16">
        <v>0</v>
      </c>
    </row>
    <row r="90537" spans="1:7" x14ac:dyDescent="0.3">
      <c r="A90537" s="13" t="s">
        <v>453</v>
      </c>
      <c r="B90537" s="14" t="s">
        <v>1</v>
      </c>
      <c r="C90537" s="14" t="s">
        <v>47</v>
      </c>
      <c r="D90537" s="14" t="s">
        <v>33</v>
      </c>
      <c r="E90537" s="15">
        <v>45393</v>
      </c>
      <c r="F90537" s="14" t="s">
        <v>15</v>
      </c>
      <c r="G90537" s="16">
        <v>0</v>
      </c>
    </row>
    <row r="90538" spans="1:7" x14ac:dyDescent="0.3">
      <c r="A90538" s="13" t="s">
        <v>453</v>
      </c>
      <c r="B90538" s="14" t="s">
        <v>1</v>
      </c>
      <c r="C90538" s="14" t="s">
        <v>47</v>
      </c>
      <c r="D90538" s="14" t="s">
        <v>33</v>
      </c>
      <c r="E90538" s="15">
        <v>45394</v>
      </c>
      <c r="F90538" s="14" t="s">
        <v>15</v>
      </c>
      <c r="G90538" s="16">
        <v>0</v>
      </c>
    </row>
    <row r="90539" spans="1:7" x14ac:dyDescent="0.3">
      <c r="A90539" s="13" t="s">
        <v>453</v>
      </c>
      <c r="B90539" s="14" t="s">
        <v>1</v>
      </c>
      <c r="C90539" s="14" t="s">
        <v>47</v>
      </c>
      <c r="D90539" s="14" t="s">
        <v>33</v>
      </c>
      <c r="E90539" s="15">
        <v>45395</v>
      </c>
      <c r="F90539" s="14" t="s">
        <v>15</v>
      </c>
      <c r="G90539" s="16">
        <v>0</v>
      </c>
    </row>
    <row r="90540" spans="1:7" x14ac:dyDescent="0.3">
      <c r="A90540" s="13" t="s">
        <v>453</v>
      </c>
      <c r="B90540" s="14" t="s">
        <v>1</v>
      </c>
      <c r="C90540" s="14" t="s">
        <v>47</v>
      </c>
      <c r="D90540" s="14" t="s">
        <v>33</v>
      </c>
      <c r="E90540" s="15">
        <v>45396</v>
      </c>
      <c r="F90540" s="14" t="s">
        <v>15</v>
      </c>
      <c r="G90540" s="16">
        <v>0</v>
      </c>
    </row>
    <row r="90541" spans="1:7" x14ac:dyDescent="0.3">
      <c r="A90541" s="13" t="s">
        <v>453</v>
      </c>
      <c r="B90541" s="14" t="s">
        <v>1</v>
      </c>
      <c r="C90541" s="14" t="s">
        <v>47</v>
      </c>
      <c r="D90541" s="14" t="s">
        <v>33</v>
      </c>
      <c r="E90541" s="15">
        <v>45397</v>
      </c>
      <c r="F90541" s="14" t="s">
        <v>15</v>
      </c>
      <c r="G90541" s="16">
        <v>0</v>
      </c>
    </row>
    <row r="90542" spans="1:7" x14ac:dyDescent="0.3">
      <c r="A90542" s="13" t="s">
        <v>453</v>
      </c>
      <c r="B90542" s="14" t="s">
        <v>1</v>
      </c>
      <c r="C90542" s="14" t="s">
        <v>47</v>
      </c>
      <c r="D90542" s="14" t="s">
        <v>33</v>
      </c>
      <c r="E90542" s="15">
        <v>45398</v>
      </c>
      <c r="F90542" s="14" t="s">
        <v>15</v>
      </c>
      <c r="G90542" s="16">
        <v>0</v>
      </c>
    </row>
    <row r="90543" spans="1:7" x14ac:dyDescent="0.3">
      <c r="A90543" s="13" t="s">
        <v>453</v>
      </c>
      <c r="B90543" s="14" t="s">
        <v>1</v>
      </c>
      <c r="C90543" s="14" t="s">
        <v>47</v>
      </c>
      <c r="D90543" s="14" t="s">
        <v>33</v>
      </c>
      <c r="E90543" s="15">
        <v>45399</v>
      </c>
      <c r="F90543" s="14" t="s">
        <v>15</v>
      </c>
      <c r="G90543" s="16">
        <v>0</v>
      </c>
    </row>
    <row r="90544" spans="1:7" x14ac:dyDescent="0.3">
      <c r="A90544" s="13" t="s">
        <v>453</v>
      </c>
      <c r="B90544" s="14" t="s">
        <v>1</v>
      </c>
      <c r="C90544" s="14" t="s">
        <v>47</v>
      </c>
      <c r="D90544" s="14" t="s">
        <v>33</v>
      </c>
      <c r="E90544" s="15">
        <v>45400</v>
      </c>
      <c r="F90544" s="14" t="s">
        <v>15</v>
      </c>
      <c r="G90544" s="16">
        <v>0</v>
      </c>
    </row>
    <row r="90545" spans="1:7" x14ac:dyDescent="0.3">
      <c r="A90545" s="13" t="s">
        <v>453</v>
      </c>
      <c r="B90545" s="14" t="s">
        <v>1</v>
      </c>
      <c r="C90545" s="14" t="s">
        <v>47</v>
      </c>
      <c r="D90545" s="14" t="s">
        <v>33</v>
      </c>
      <c r="E90545" s="15">
        <v>45401</v>
      </c>
      <c r="F90545" s="14" t="s">
        <v>15</v>
      </c>
      <c r="G90545" s="16">
        <v>0</v>
      </c>
    </row>
    <row r="90546" spans="1:7" x14ac:dyDescent="0.3">
      <c r="A90546" s="13" t="s">
        <v>453</v>
      </c>
      <c r="B90546" s="14" t="s">
        <v>1</v>
      </c>
      <c r="C90546" s="14" t="s">
        <v>47</v>
      </c>
      <c r="D90546" s="14" t="s">
        <v>33</v>
      </c>
      <c r="E90546" s="15">
        <v>45402</v>
      </c>
      <c r="F90546" s="14" t="s">
        <v>15</v>
      </c>
      <c r="G90546" s="16">
        <v>0</v>
      </c>
    </row>
    <row r="90547" spans="1:7" x14ac:dyDescent="0.3">
      <c r="A90547" s="13" t="s">
        <v>453</v>
      </c>
      <c r="B90547" s="14" t="s">
        <v>1</v>
      </c>
      <c r="C90547" s="14" t="s">
        <v>47</v>
      </c>
      <c r="D90547" s="14" t="s">
        <v>33</v>
      </c>
      <c r="E90547" s="15">
        <v>45403</v>
      </c>
      <c r="F90547" s="14" t="s">
        <v>15</v>
      </c>
      <c r="G90547" s="16">
        <v>0</v>
      </c>
    </row>
    <row r="90548" spans="1:7" x14ac:dyDescent="0.3">
      <c r="A90548" s="13" t="s">
        <v>453</v>
      </c>
      <c r="B90548" s="14" t="s">
        <v>1</v>
      </c>
      <c r="C90548" s="14" t="s">
        <v>47</v>
      </c>
      <c r="D90548" s="14" t="s">
        <v>33</v>
      </c>
      <c r="E90548" s="15">
        <v>45404</v>
      </c>
      <c r="F90548" s="14" t="s">
        <v>15</v>
      </c>
      <c r="G90548" s="16">
        <v>0</v>
      </c>
    </row>
    <row r="90549" spans="1:7" x14ac:dyDescent="0.3">
      <c r="A90549" s="13" t="s">
        <v>453</v>
      </c>
      <c r="B90549" s="14" t="s">
        <v>1</v>
      </c>
      <c r="C90549" s="14" t="s">
        <v>47</v>
      </c>
      <c r="D90549" s="14" t="s">
        <v>33</v>
      </c>
      <c r="E90549" s="15">
        <v>45405</v>
      </c>
      <c r="F90549" s="14" t="s">
        <v>15</v>
      </c>
      <c r="G90549" s="16">
        <v>0</v>
      </c>
    </row>
    <row r="90550" spans="1:7" x14ac:dyDescent="0.3">
      <c r="A90550" s="13" t="s">
        <v>453</v>
      </c>
      <c r="B90550" s="14" t="s">
        <v>1</v>
      </c>
      <c r="C90550" s="14" t="s">
        <v>47</v>
      </c>
      <c r="D90550" s="14" t="s">
        <v>33</v>
      </c>
      <c r="E90550" s="15">
        <v>45406</v>
      </c>
      <c r="F90550" s="14" t="s">
        <v>15</v>
      </c>
      <c r="G90550" s="16">
        <v>0</v>
      </c>
    </row>
    <row r="90551" spans="1:7" x14ac:dyDescent="0.3">
      <c r="A90551" s="13" t="s">
        <v>453</v>
      </c>
      <c r="B90551" s="14" t="s">
        <v>1</v>
      </c>
      <c r="C90551" s="14" t="s">
        <v>47</v>
      </c>
      <c r="D90551" s="14" t="s">
        <v>33</v>
      </c>
      <c r="E90551" s="15">
        <v>45407</v>
      </c>
      <c r="F90551" s="14" t="s">
        <v>15</v>
      </c>
      <c r="G90551" s="16">
        <v>0</v>
      </c>
    </row>
    <row r="90552" spans="1:7" x14ac:dyDescent="0.3">
      <c r="A90552" s="13" t="s">
        <v>453</v>
      </c>
      <c r="B90552" s="14" t="s">
        <v>1</v>
      </c>
      <c r="C90552" s="14" t="s">
        <v>47</v>
      </c>
      <c r="D90552" s="14" t="s">
        <v>33</v>
      </c>
      <c r="E90552" s="15">
        <v>45408</v>
      </c>
      <c r="F90552" s="14" t="s">
        <v>15</v>
      </c>
      <c r="G90552" s="16">
        <v>0</v>
      </c>
    </row>
    <row r="90553" spans="1:7" x14ac:dyDescent="0.3">
      <c r="A90553" s="13" t="s">
        <v>453</v>
      </c>
      <c r="B90553" s="14" t="s">
        <v>1</v>
      </c>
      <c r="C90553" s="14" t="s">
        <v>47</v>
      </c>
      <c r="D90553" s="14" t="s">
        <v>33</v>
      </c>
      <c r="E90553" s="15">
        <v>45409</v>
      </c>
      <c r="F90553" s="14" t="s">
        <v>15</v>
      </c>
      <c r="G90553" s="16">
        <v>0</v>
      </c>
    </row>
    <row r="90554" spans="1:7" x14ac:dyDescent="0.3">
      <c r="A90554" s="13" t="s">
        <v>453</v>
      </c>
      <c r="B90554" s="14" t="s">
        <v>1</v>
      </c>
      <c r="C90554" s="14" t="s">
        <v>47</v>
      </c>
      <c r="D90554" s="14" t="s">
        <v>33</v>
      </c>
      <c r="E90554" s="15">
        <v>45410</v>
      </c>
      <c r="F90554" s="14" t="s">
        <v>15</v>
      </c>
      <c r="G90554" s="16">
        <v>0</v>
      </c>
    </row>
    <row r="90555" spans="1:7" x14ac:dyDescent="0.3">
      <c r="A90555" s="13" t="s">
        <v>453</v>
      </c>
      <c r="B90555" s="14" t="s">
        <v>1</v>
      </c>
      <c r="C90555" s="14" t="s">
        <v>47</v>
      </c>
      <c r="D90555" s="14" t="s">
        <v>33</v>
      </c>
      <c r="E90555" s="15">
        <v>45411</v>
      </c>
      <c r="F90555" s="14" t="s">
        <v>15</v>
      </c>
      <c r="G90555" s="16">
        <v>0</v>
      </c>
    </row>
    <row r="90556" spans="1:7" x14ac:dyDescent="0.3">
      <c r="A90556" s="13" t="s">
        <v>453</v>
      </c>
      <c r="B90556" s="14" t="s">
        <v>1</v>
      </c>
      <c r="C90556" s="14" t="s">
        <v>47</v>
      </c>
      <c r="D90556" s="14" t="s">
        <v>33</v>
      </c>
      <c r="E90556" s="15">
        <v>45412</v>
      </c>
      <c r="F90556" s="14" t="s">
        <v>15</v>
      </c>
      <c r="G90556" s="16">
        <v>0</v>
      </c>
    </row>
    <row r="90557" spans="1:7" x14ac:dyDescent="0.3">
      <c r="A90557" s="13" t="s">
        <v>453</v>
      </c>
      <c r="B90557" s="14" t="s">
        <v>1</v>
      </c>
      <c r="C90557" s="14" t="s">
        <v>47</v>
      </c>
      <c r="D90557" s="14" t="s">
        <v>33</v>
      </c>
      <c r="E90557" s="15">
        <v>45413</v>
      </c>
      <c r="F90557" s="14" t="s">
        <v>15</v>
      </c>
      <c r="G90557" s="16">
        <v>4.3584992638433682E-3</v>
      </c>
    </row>
    <row r="90558" spans="1:7" x14ac:dyDescent="0.3">
      <c r="A90558" s="13" t="s">
        <v>453</v>
      </c>
      <c r="B90558" s="14" t="s">
        <v>1</v>
      </c>
      <c r="C90558" s="14" t="s">
        <v>47</v>
      </c>
      <c r="D90558" s="14" t="s">
        <v>33</v>
      </c>
      <c r="E90558" s="15">
        <v>45414</v>
      </c>
      <c r="F90558" s="14" t="s">
        <v>15</v>
      </c>
      <c r="G90558" s="16">
        <v>5.3755706573597184E-3</v>
      </c>
    </row>
    <row r="90559" spans="1:7" x14ac:dyDescent="0.3">
      <c r="A90559" s="13" t="s">
        <v>453</v>
      </c>
      <c r="B90559" s="14" t="s">
        <v>1</v>
      </c>
      <c r="C90559" s="14" t="s">
        <v>47</v>
      </c>
      <c r="D90559" s="14" t="s">
        <v>33</v>
      </c>
      <c r="E90559" s="15">
        <v>45415</v>
      </c>
      <c r="F90559" s="14" t="s">
        <v>15</v>
      </c>
      <c r="G90559" s="16">
        <v>6.3926420508760686E-3</v>
      </c>
    </row>
    <row r="90560" spans="1:7" x14ac:dyDescent="0.3">
      <c r="A90560" s="13" t="s">
        <v>453</v>
      </c>
      <c r="B90560" s="14" t="s">
        <v>1</v>
      </c>
      <c r="C90560" s="14" t="s">
        <v>47</v>
      </c>
      <c r="D90560" s="14" t="s">
        <v>33</v>
      </c>
      <c r="E90560" s="15">
        <v>45416</v>
      </c>
      <c r="F90560" s="14" t="s">
        <v>15</v>
      </c>
      <c r="G90560" s="16">
        <v>6.3926420508760686E-3</v>
      </c>
    </row>
    <row r="90561" spans="1:7" x14ac:dyDescent="0.3">
      <c r="A90561" s="13" t="s">
        <v>453</v>
      </c>
      <c r="B90561" s="14" t="s">
        <v>1</v>
      </c>
      <c r="C90561" s="14" t="s">
        <v>47</v>
      </c>
      <c r="D90561" s="14" t="s">
        <v>33</v>
      </c>
      <c r="E90561" s="15">
        <v>45417</v>
      </c>
      <c r="F90561" s="14" t="s">
        <v>15</v>
      </c>
      <c r="G90561" s="16">
        <v>6.3926420508760686E-3</v>
      </c>
    </row>
    <row r="90562" spans="1:7" x14ac:dyDescent="0.3">
      <c r="A90562" s="13" t="s">
        <v>453</v>
      </c>
      <c r="B90562" s="14" t="s">
        <v>1</v>
      </c>
      <c r="C90562" s="14" t="s">
        <v>47</v>
      </c>
      <c r="D90562" s="14" t="s">
        <v>33</v>
      </c>
      <c r="E90562" s="15">
        <v>45418</v>
      </c>
      <c r="F90562" s="14" t="s">
        <v>15</v>
      </c>
      <c r="G90562" s="16">
        <v>6.3926420508760686E-3</v>
      </c>
    </row>
    <row r="90563" spans="1:7" x14ac:dyDescent="0.3">
      <c r="A90563" s="13" t="s">
        <v>453</v>
      </c>
      <c r="B90563" s="14" t="s">
        <v>1</v>
      </c>
      <c r="C90563" s="14" t="s">
        <v>47</v>
      </c>
      <c r="D90563" s="14" t="s">
        <v>33</v>
      </c>
      <c r="E90563" s="15">
        <v>45419</v>
      </c>
      <c r="F90563" s="14" t="s">
        <v>15</v>
      </c>
      <c r="G90563" s="16">
        <v>4.4097134443924187E-3</v>
      </c>
    </row>
    <row r="90564" spans="1:7" x14ac:dyDescent="0.3">
      <c r="A90564" s="13" t="s">
        <v>453</v>
      </c>
      <c r="B90564" s="14" t="s">
        <v>1</v>
      </c>
      <c r="C90564" s="14" t="s">
        <v>47</v>
      </c>
      <c r="D90564" s="14" t="s">
        <v>33</v>
      </c>
      <c r="E90564" s="15">
        <v>45420</v>
      </c>
      <c r="F90564" s="14" t="s">
        <v>15</v>
      </c>
      <c r="G90564" s="16">
        <v>0</v>
      </c>
    </row>
    <row r="90565" spans="1:7" x14ac:dyDescent="0.3">
      <c r="A90565" s="13" t="s">
        <v>453</v>
      </c>
      <c r="B90565" s="14" t="s">
        <v>1</v>
      </c>
      <c r="C90565" s="14" t="s">
        <v>47</v>
      </c>
      <c r="D90565" s="14" t="s">
        <v>33</v>
      </c>
      <c r="E90565" s="15">
        <v>45421</v>
      </c>
      <c r="F90565" s="14" t="s">
        <v>15</v>
      </c>
      <c r="G90565" s="16">
        <v>0</v>
      </c>
    </row>
    <row r="90566" spans="1:7" x14ac:dyDescent="0.3">
      <c r="A90566" s="13" t="s">
        <v>453</v>
      </c>
      <c r="B90566" s="14" t="s">
        <v>1</v>
      </c>
      <c r="C90566" s="14" t="s">
        <v>47</v>
      </c>
      <c r="D90566" s="14" t="s">
        <v>33</v>
      </c>
      <c r="E90566" s="15">
        <v>45422</v>
      </c>
      <c r="F90566" s="14" t="s">
        <v>15</v>
      </c>
      <c r="G90566" s="16">
        <v>0</v>
      </c>
    </row>
    <row r="90567" spans="1:7" x14ac:dyDescent="0.3">
      <c r="A90567" s="13" t="s">
        <v>453</v>
      </c>
      <c r="B90567" s="14" t="s">
        <v>1</v>
      </c>
      <c r="C90567" s="14" t="s">
        <v>47</v>
      </c>
      <c r="D90567" s="14" t="s">
        <v>33</v>
      </c>
      <c r="E90567" s="15">
        <v>45423</v>
      </c>
      <c r="F90567" s="14" t="s">
        <v>15</v>
      </c>
      <c r="G90567" s="16">
        <v>0</v>
      </c>
    </row>
    <row r="90568" spans="1:7" x14ac:dyDescent="0.3">
      <c r="A90568" s="13" t="s">
        <v>453</v>
      </c>
      <c r="B90568" s="14" t="s">
        <v>1</v>
      </c>
      <c r="C90568" s="14" t="s">
        <v>47</v>
      </c>
      <c r="D90568" s="14" t="s">
        <v>33</v>
      </c>
      <c r="E90568" s="15">
        <v>45424</v>
      </c>
      <c r="F90568" s="14" t="s">
        <v>15</v>
      </c>
      <c r="G90568" s="16">
        <v>0</v>
      </c>
    </row>
    <row r="90569" spans="1:7" x14ac:dyDescent="0.3">
      <c r="A90569" s="13" t="s">
        <v>453</v>
      </c>
      <c r="B90569" s="14" t="s">
        <v>1</v>
      </c>
      <c r="C90569" s="14" t="s">
        <v>47</v>
      </c>
      <c r="D90569" s="14" t="s">
        <v>33</v>
      </c>
      <c r="E90569" s="15">
        <v>45425</v>
      </c>
      <c r="F90569" s="14" t="s">
        <v>15</v>
      </c>
      <c r="G90569" s="16">
        <v>0</v>
      </c>
    </row>
    <row r="90570" spans="1:7" x14ac:dyDescent="0.3">
      <c r="A90570" s="13" t="s">
        <v>453</v>
      </c>
      <c r="B90570" s="14" t="s">
        <v>1</v>
      </c>
      <c r="C90570" s="14" t="s">
        <v>47</v>
      </c>
      <c r="D90570" s="14" t="s">
        <v>33</v>
      </c>
      <c r="E90570" s="15">
        <v>45426</v>
      </c>
      <c r="F90570" s="14" t="s">
        <v>15</v>
      </c>
      <c r="G90570" s="16">
        <v>0</v>
      </c>
    </row>
    <row r="90571" spans="1:7" x14ac:dyDescent="0.3">
      <c r="A90571" s="13" t="s">
        <v>453</v>
      </c>
      <c r="B90571" s="14" t="s">
        <v>1</v>
      </c>
      <c r="C90571" s="14" t="s">
        <v>47</v>
      </c>
      <c r="D90571" s="14" t="s">
        <v>33</v>
      </c>
      <c r="E90571" s="15">
        <v>45427</v>
      </c>
      <c r="F90571" s="14" t="s">
        <v>15</v>
      </c>
      <c r="G90571" s="16">
        <v>0</v>
      </c>
    </row>
    <row r="90572" spans="1:7" x14ac:dyDescent="0.3">
      <c r="A90572" s="13" t="s">
        <v>453</v>
      </c>
      <c r="B90572" s="14" t="s">
        <v>1</v>
      </c>
      <c r="C90572" s="14" t="s">
        <v>47</v>
      </c>
      <c r="D90572" s="14" t="s">
        <v>33</v>
      </c>
      <c r="E90572" s="15">
        <v>45428</v>
      </c>
      <c r="F90572" s="14" t="s">
        <v>15</v>
      </c>
      <c r="G90572" s="16">
        <v>0</v>
      </c>
    </row>
    <row r="90573" spans="1:7" x14ac:dyDescent="0.3">
      <c r="A90573" s="13" t="s">
        <v>453</v>
      </c>
      <c r="B90573" s="14" t="s">
        <v>1</v>
      </c>
      <c r="C90573" s="14" t="s">
        <v>47</v>
      </c>
      <c r="D90573" s="14" t="s">
        <v>33</v>
      </c>
      <c r="E90573" s="15">
        <v>45429</v>
      </c>
      <c r="F90573" s="14" t="s">
        <v>15</v>
      </c>
      <c r="G90573" s="16">
        <v>8.5462845925232227E-3</v>
      </c>
    </row>
    <row r="90574" spans="1:7" x14ac:dyDescent="0.3">
      <c r="A90574" s="13" t="s">
        <v>453</v>
      </c>
      <c r="B90574" s="14" t="s">
        <v>1</v>
      </c>
      <c r="C90574" s="14" t="s">
        <v>47</v>
      </c>
      <c r="D90574" s="14" t="s">
        <v>33</v>
      </c>
      <c r="E90574" s="15">
        <v>45430</v>
      </c>
      <c r="F90574" s="14" t="s">
        <v>15</v>
      </c>
      <c r="G90574" s="16">
        <v>8.5462845925232227E-3</v>
      </c>
    </row>
    <row r="90575" spans="1:7" x14ac:dyDescent="0.3">
      <c r="A90575" s="13" t="s">
        <v>453</v>
      </c>
      <c r="B90575" s="14" t="s">
        <v>1</v>
      </c>
      <c r="C90575" s="14" t="s">
        <v>47</v>
      </c>
      <c r="D90575" s="14" t="s">
        <v>33</v>
      </c>
      <c r="E90575" s="15">
        <v>45431</v>
      </c>
      <c r="F90575" s="14" t="s">
        <v>15</v>
      </c>
      <c r="G90575" s="16">
        <v>8.5462845925232227E-3</v>
      </c>
    </row>
    <row r="90576" spans="1:7" x14ac:dyDescent="0.3">
      <c r="A90576" s="13" t="s">
        <v>453</v>
      </c>
      <c r="B90576" s="14" t="s">
        <v>1</v>
      </c>
      <c r="C90576" s="14" t="s">
        <v>47</v>
      </c>
      <c r="D90576" s="14" t="s">
        <v>33</v>
      </c>
      <c r="E90576" s="15">
        <v>45432</v>
      </c>
      <c r="F90576" s="14" t="s">
        <v>15</v>
      </c>
      <c r="G90576" s="16">
        <v>6.5633559860395737E-3</v>
      </c>
    </row>
    <row r="90577" spans="1:7" x14ac:dyDescent="0.3">
      <c r="A90577" s="13" t="s">
        <v>453</v>
      </c>
      <c r="B90577" s="14" t="s">
        <v>1</v>
      </c>
      <c r="C90577" s="14" t="s">
        <v>47</v>
      </c>
      <c r="D90577" s="14" t="s">
        <v>33</v>
      </c>
      <c r="E90577" s="15">
        <v>45433</v>
      </c>
      <c r="F90577" s="14" t="s">
        <v>15</v>
      </c>
      <c r="G90577" s="16">
        <v>1.3580427379555926E-2</v>
      </c>
    </row>
    <row r="90578" spans="1:7" x14ac:dyDescent="0.3">
      <c r="A90578" s="13" t="s">
        <v>453</v>
      </c>
      <c r="B90578" s="14" t="s">
        <v>1</v>
      </c>
      <c r="C90578" s="14" t="s">
        <v>47</v>
      </c>
      <c r="D90578" s="14" t="s">
        <v>33</v>
      </c>
      <c r="E90578" s="15">
        <v>45434</v>
      </c>
      <c r="F90578" s="14" t="s">
        <v>15</v>
      </c>
      <c r="G90578" s="16">
        <v>6.2597498773072274E-2</v>
      </c>
    </row>
    <row r="90579" spans="1:7" x14ac:dyDescent="0.3">
      <c r="A90579" s="13" t="s">
        <v>453</v>
      </c>
      <c r="B90579" s="14" t="s">
        <v>1</v>
      </c>
      <c r="C90579" s="14" t="s">
        <v>47</v>
      </c>
      <c r="D90579" s="14" t="s">
        <v>33</v>
      </c>
      <c r="E90579" s="15">
        <v>45435</v>
      </c>
      <c r="F90579" s="14" t="s">
        <v>15</v>
      </c>
      <c r="G90579" s="16">
        <v>6.0614570166588624E-2</v>
      </c>
    </row>
    <row r="90580" spans="1:7" x14ac:dyDescent="0.3">
      <c r="A90580" s="13" t="s">
        <v>453</v>
      </c>
      <c r="B90580" s="14" t="s">
        <v>1</v>
      </c>
      <c r="C90580" s="14" t="s">
        <v>47</v>
      </c>
      <c r="D90580" s="14" t="s">
        <v>33</v>
      </c>
      <c r="E90580" s="15">
        <v>45436</v>
      </c>
      <c r="F90580" s="14" t="s">
        <v>15</v>
      </c>
      <c r="G90580" s="16">
        <v>5.8631641560104975E-2</v>
      </c>
    </row>
    <row r="90581" spans="1:7" x14ac:dyDescent="0.3">
      <c r="A90581" s="13" t="s">
        <v>453</v>
      </c>
      <c r="B90581" s="14" t="s">
        <v>1</v>
      </c>
      <c r="C90581" s="14" t="s">
        <v>47</v>
      </c>
      <c r="D90581" s="14" t="s">
        <v>33</v>
      </c>
      <c r="E90581" s="15">
        <v>45437</v>
      </c>
      <c r="F90581" s="14" t="s">
        <v>15</v>
      </c>
      <c r="G90581" s="16">
        <v>5.8631641560104975E-2</v>
      </c>
    </row>
    <row r="90582" spans="1:7" x14ac:dyDescent="0.3">
      <c r="A90582" s="13" t="s">
        <v>453</v>
      </c>
      <c r="B90582" s="14" t="s">
        <v>1</v>
      </c>
      <c r="C90582" s="14" t="s">
        <v>47</v>
      </c>
      <c r="D90582" s="14" t="s">
        <v>33</v>
      </c>
      <c r="E90582" s="15">
        <v>45438</v>
      </c>
      <c r="F90582" s="14" t="s">
        <v>15</v>
      </c>
      <c r="G90582" s="16">
        <v>5.8631641560104975E-2</v>
      </c>
    </row>
    <row r="90583" spans="1:7" x14ac:dyDescent="0.3">
      <c r="A90583" s="13" t="s">
        <v>453</v>
      </c>
      <c r="B90583" s="14" t="s">
        <v>1</v>
      </c>
      <c r="C90583" s="14" t="s">
        <v>47</v>
      </c>
      <c r="D90583" s="14" t="s">
        <v>33</v>
      </c>
      <c r="E90583" s="15">
        <v>45439</v>
      </c>
      <c r="F90583" s="14" t="s">
        <v>15</v>
      </c>
      <c r="G90583" s="16">
        <v>5.8631641560104975E-2</v>
      </c>
    </row>
    <row r="90584" spans="1:7" x14ac:dyDescent="0.3">
      <c r="A90584" s="13" t="s">
        <v>453</v>
      </c>
      <c r="B90584" s="14" t="s">
        <v>1</v>
      </c>
      <c r="C90584" s="14" t="s">
        <v>47</v>
      </c>
      <c r="D90584" s="14" t="s">
        <v>33</v>
      </c>
      <c r="E90584" s="15">
        <v>45440</v>
      </c>
      <c r="F90584" s="14" t="s">
        <v>15</v>
      </c>
      <c r="G90584" s="16">
        <v>5.6648712953621325E-2</v>
      </c>
    </row>
    <row r="90585" spans="1:7" x14ac:dyDescent="0.3">
      <c r="A90585" s="13" t="s">
        <v>453</v>
      </c>
      <c r="B90585" s="14" t="s">
        <v>1</v>
      </c>
      <c r="C90585" s="14" t="s">
        <v>47</v>
      </c>
      <c r="D90585" s="14" t="s">
        <v>33</v>
      </c>
      <c r="E90585" s="15">
        <v>45441</v>
      </c>
      <c r="F90585" s="14" t="s">
        <v>15</v>
      </c>
      <c r="G90585" s="16">
        <v>0.10266578434713769</v>
      </c>
    </row>
    <row r="90586" spans="1:7" x14ac:dyDescent="0.3">
      <c r="A90586" s="13" t="s">
        <v>453</v>
      </c>
      <c r="B90586" s="14" t="s">
        <v>1</v>
      </c>
      <c r="C90586" s="14" t="s">
        <v>47</v>
      </c>
      <c r="D90586" s="14" t="s">
        <v>33</v>
      </c>
      <c r="E90586" s="15">
        <v>45442</v>
      </c>
      <c r="F90586" s="14" t="s">
        <v>15</v>
      </c>
      <c r="G90586" s="16">
        <v>0.12068285574065403</v>
      </c>
    </row>
    <row r="90587" spans="1:7" x14ac:dyDescent="0.3">
      <c r="A90587" s="13" t="s">
        <v>453</v>
      </c>
      <c r="B90587" s="14" t="s">
        <v>1</v>
      </c>
      <c r="C90587" s="14" t="s">
        <v>47</v>
      </c>
      <c r="D90587" s="14" t="s">
        <v>33</v>
      </c>
      <c r="E90587" s="15">
        <v>45443</v>
      </c>
      <c r="F90587" s="14" t="s">
        <v>15</v>
      </c>
      <c r="G90587" s="16">
        <v>0.11869992713417037</v>
      </c>
    </row>
    <row r="90588" spans="1:7" x14ac:dyDescent="0.3">
      <c r="A90588" s="13" t="s">
        <v>453</v>
      </c>
      <c r="B90588" s="14" t="s">
        <v>1</v>
      </c>
      <c r="C90588" s="14" t="s">
        <v>47</v>
      </c>
      <c r="D90588" s="14" t="s">
        <v>33</v>
      </c>
      <c r="E90588" s="15">
        <v>45444</v>
      </c>
      <c r="F90588" s="14" t="s">
        <v>15</v>
      </c>
      <c r="G90588" s="16">
        <v>0.11869992713417037</v>
      </c>
    </row>
    <row r="90589" spans="1:7" x14ac:dyDescent="0.3">
      <c r="A90589" s="13" t="s">
        <v>453</v>
      </c>
      <c r="B90589" s="14" t="s">
        <v>1</v>
      </c>
      <c r="C90589" s="14" t="s">
        <v>47</v>
      </c>
      <c r="D90589" s="14" t="s">
        <v>33</v>
      </c>
      <c r="E90589" s="15">
        <v>45445</v>
      </c>
      <c r="F90589" s="14" t="s">
        <v>15</v>
      </c>
      <c r="G90589" s="16">
        <v>0.11869992713417037</v>
      </c>
    </row>
    <row r="90590" spans="1:7" x14ac:dyDescent="0.3">
      <c r="A90590" s="13" t="s">
        <v>453</v>
      </c>
      <c r="B90590" s="14" t="s">
        <v>1</v>
      </c>
      <c r="C90590" s="14" t="s">
        <v>47</v>
      </c>
      <c r="D90590" s="14" t="s">
        <v>33</v>
      </c>
      <c r="E90590" s="15">
        <v>45446</v>
      </c>
      <c r="F90590" s="14" t="s">
        <v>15</v>
      </c>
      <c r="G90590" s="16">
        <v>0.11869992713417037</v>
      </c>
    </row>
    <row r="90591" spans="1:7" x14ac:dyDescent="0.3">
      <c r="A90591" s="13" t="s">
        <v>453</v>
      </c>
      <c r="B90591" s="14" t="s">
        <v>1</v>
      </c>
      <c r="C90591" s="14" t="s">
        <v>47</v>
      </c>
      <c r="D90591" s="14" t="s">
        <v>33</v>
      </c>
      <c r="E90591" s="15">
        <v>45447</v>
      </c>
      <c r="F90591" s="14" t="s">
        <v>15</v>
      </c>
      <c r="G90591" s="16">
        <v>0.14471699852768671</v>
      </c>
    </row>
    <row r="90592" spans="1:7" x14ac:dyDescent="0.3">
      <c r="A90592" s="13" t="s">
        <v>453</v>
      </c>
      <c r="B90592" s="14" t="s">
        <v>1</v>
      </c>
      <c r="C90592" s="14" t="s">
        <v>47</v>
      </c>
      <c r="D90592" s="14" t="s">
        <v>33</v>
      </c>
      <c r="E90592" s="15">
        <v>45448</v>
      </c>
      <c r="F90592" s="14" t="s">
        <v>15</v>
      </c>
      <c r="G90592" s="16">
        <v>0.16373406992120304</v>
      </c>
    </row>
    <row r="90593" spans="1:7" x14ac:dyDescent="0.3">
      <c r="A90593" s="13" t="s">
        <v>453</v>
      </c>
      <c r="B90593" s="14" t="s">
        <v>1</v>
      </c>
      <c r="C90593" s="14" t="s">
        <v>47</v>
      </c>
      <c r="D90593" s="14" t="s">
        <v>33</v>
      </c>
      <c r="E90593" s="15">
        <v>45449</v>
      </c>
      <c r="F90593" s="14" t="s">
        <v>15</v>
      </c>
      <c r="G90593" s="16">
        <v>0.1617511413147194</v>
      </c>
    </row>
    <row r="90594" spans="1:7" x14ac:dyDescent="0.3">
      <c r="A90594" s="13" t="s">
        <v>453</v>
      </c>
      <c r="B90594" s="14" t="s">
        <v>1</v>
      </c>
      <c r="C90594" s="14" t="s">
        <v>47</v>
      </c>
      <c r="D90594" s="14" t="s">
        <v>33</v>
      </c>
      <c r="E90594" s="15">
        <v>45450</v>
      </c>
      <c r="F90594" s="14" t="s">
        <v>15</v>
      </c>
      <c r="G90594" s="16">
        <v>0.15876821270823574</v>
      </c>
    </row>
    <row r="90595" spans="1:7" x14ac:dyDescent="0.3">
      <c r="A90595" s="13" t="s">
        <v>453</v>
      </c>
      <c r="B90595" s="14" t="s">
        <v>1</v>
      </c>
      <c r="C90595" s="14" t="s">
        <v>47</v>
      </c>
      <c r="D90595" s="14" t="s">
        <v>33</v>
      </c>
      <c r="E90595" s="15">
        <v>45451</v>
      </c>
      <c r="F90595" s="14" t="s">
        <v>15</v>
      </c>
      <c r="G90595" s="16">
        <v>0.15876821270823574</v>
      </c>
    </row>
    <row r="90596" spans="1:7" x14ac:dyDescent="0.3">
      <c r="A90596" s="13" t="s">
        <v>453</v>
      </c>
      <c r="B90596" s="14" t="s">
        <v>1</v>
      </c>
      <c r="C90596" s="14" t="s">
        <v>47</v>
      </c>
      <c r="D90596" s="14" t="s">
        <v>33</v>
      </c>
      <c r="E90596" s="15">
        <v>45452</v>
      </c>
      <c r="F90596" s="14" t="s">
        <v>15</v>
      </c>
      <c r="G90596" s="16">
        <v>0.15876821270823574</v>
      </c>
    </row>
    <row r="90597" spans="1:7" x14ac:dyDescent="0.3">
      <c r="A90597" s="13" t="s">
        <v>453</v>
      </c>
      <c r="B90597" s="14" t="s">
        <v>1</v>
      </c>
      <c r="C90597" s="14" t="s">
        <v>47</v>
      </c>
      <c r="D90597" s="14" t="s">
        <v>33</v>
      </c>
      <c r="E90597" s="15">
        <v>45453</v>
      </c>
      <c r="F90597" s="14" t="s">
        <v>15</v>
      </c>
      <c r="G90597" s="16">
        <v>0.15678528410175208</v>
      </c>
    </row>
    <row r="90598" spans="1:7" x14ac:dyDescent="0.3">
      <c r="A90598" s="13" t="s">
        <v>453</v>
      </c>
      <c r="B90598" s="14" t="s">
        <v>1</v>
      </c>
      <c r="C90598" s="14" t="s">
        <v>47</v>
      </c>
      <c r="D90598" s="14" t="s">
        <v>33</v>
      </c>
      <c r="E90598" s="15">
        <v>45454</v>
      </c>
      <c r="F90598" s="14" t="s">
        <v>15</v>
      </c>
      <c r="G90598" s="16">
        <v>0.14980235549526844</v>
      </c>
    </row>
    <row r="90599" spans="1:7" x14ac:dyDescent="0.3">
      <c r="A90599" s="13" t="s">
        <v>453</v>
      </c>
      <c r="B90599" s="14" t="s">
        <v>1</v>
      </c>
      <c r="C90599" s="14" t="s">
        <v>47</v>
      </c>
      <c r="D90599" s="14" t="s">
        <v>33</v>
      </c>
      <c r="E90599" s="15">
        <v>45455</v>
      </c>
      <c r="F90599" s="14" t="s">
        <v>15</v>
      </c>
      <c r="G90599" s="16">
        <v>0.14781942688878477</v>
      </c>
    </row>
    <row r="90600" spans="1:7" x14ac:dyDescent="0.3">
      <c r="A90600" s="13" t="s">
        <v>453</v>
      </c>
      <c r="B90600" s="14" t="s">
        <v>1</v>
      </c>
      <c r="C90600" s="14" t="s">
        <v>47</v>
      </c>
      <c r="D90600" s="14" t="s">
        <v>33</v>
      </c>
      <c r="E90600" s="15">
        <v>45456</v>
      </c>
      <c r="F90600" s="14" t="s">
        <v>15</v>
      </c>
      <c r="G90600" s="16">
        <v>0.17683649828230114</v>
      </c>
    </row>
    <row r="90601" spans="1:7" x14ac:dyDescent="0.3">
      <c r="A90601" s="13" t="s">
        <v>453</v>
      </c>
      <c r="B90601" s="14" t="s">
        <v>1</v>
      </c>
      <c r="C90601" s="14" t="s">
        <v>47</v>
      </c>
      <c r="D90601" s="14" t="s">
        <v>33</v>
      </c>
      <c r="E90601" s="15">
        <v>45457</v>
      </c>
      <c r="F90601" s="14" t="s">
        <v>15</v>
      </c>
      <c r="G90601" s="16">
        <v>0.18185356967581748</v>
      </c>
    </row>
    <row r="90602" spans="1:7" x14ac:dyDescent="0.3">
      <c r="A90602" s="13" t="s">
        <v>453</v>
      </c>
      <c r="B90602" s="14" t="s">
        <v>1</v>
      </c>
      <c r="C90602" s="14" t="s">
        <v>47</v>
      </c>
      <c r="D90602" s="14" t="s">
        <v>33</v>
      </c>
      <c r="E90602" s="15">
        <v>45458</v>
      </c>
      <c r="F90602" s="14" t="s">
        <v>15</v>
      </c>
      <c r="G90602" s="16">
        <v>0.18185356967581748</v>
      </c>
    </row>
    <row r="90603" spans="1:7" x14ac:dyDescent="0.3">
      <c r="A90603" s="13" t="s">
        <v>453</v>
      </c>
      <c r="B90603" s="14" t="s">
        <v>1</v>
      </c>
      <c r="C90603" s="14" t="s">
        <v>47</v>
      </c>
      <c r="D90603" s="14" t="s">
        <v>33</v>
      </c>
      <c r="E90603" s="15">
        <v>45459</v>
      </c>
      <c r="F90603" s="14" t="s">
        <v>15</v>
      </c>
      <c r="G90603" s="16">
        <v>0.18185356967581748</v>
      </c>
    </row>
    <row r="90604" spans="1:7" x14ac:dyDescent="0.3">
      <c r="A90604" s="13" t="s">
        <v>453</v>
      </c>
      <c r="B90604" s="14" t="s">
        <v>1</v>
      </c>
      <c r="C90604" s="14" t="s">
        <v>47</v>
      </c>
      <c r="D90604" s="14" t="s">
        <v>33</v>
      </c>
      <c r="E90604" s="15">
        <v>45460</v>
      </c>
      <c r="F90604" s="14" t="s">
        <v>15</v>
      </c>
      <c r="G90604" s="16">
        <v>0.18187064106933382</v>
      </c>
    </row>
    <row r="90605" spans="1:7" x14ac:dyDescent="0.3">
      <c r="A90605" s="13" t="s">
        <v>453</v>
      </c>
      <c r="B90605" s="14" t="s">
        <v>1</v>
      </c>
      <c r="C90605" s="14" t="s">
        <v>47</v>
      </c>
      <c r="D90605" s="14" t="s">
        <v>33</v>
      </c>
      <c r="E90605" s="15">
        <v>45461</v>
      </c>
      <c r="F90605" s="14" t="s">
        <v>15</v>
      </c>
      <c r="G90605" s="16">
        <v>0.18288771246285015</v>
      </c>
    </row>
    <row r="90606" spans="1:7" x14ac:dyDescent="0.3">
      <c r="A90606" s="13" t="s">
        <v>453</v>
      </c>
      <c r="B90606" s="14" t="s">
        <v>1</v>
      </c>
      <c r="C90606" s="14" t="s">
        <v>47</v>
      </c>
      <c r="D90606" s="14" t="s">
        <v>33</v>
      </c>
      <c r="E90606" s="15">
        <v>45462</v>
      </c>
      <c r="F90606" s="14" t="s">
        <v>15</v>
      </c>
      <c r="G90606" s="16">
        <v>0.18288771246285015</v>
      </c>
    </row>
    <row r="90607" spans="1:7" x14ac:dyDescent="0.3">
      <c r="A90607" s="13" t="s">
        <v>453</v>
      </c>
      <c r="B90607" s="14" t="s">
        <v>1</v>
      </c>
      <c r="C90607" s="14" t="s">
        <v>47</v>
      </c>
      <c r="D90607" s="14" t="s">
        <v>33</v>
      </c>
      <c r="E90607" s="15">
        <v>45463</v>
      </c>
      <c r="F90607" s="14" t="s">
        <v>15</v>
      </c>
      <c r="G90607" s="16">
        <v>0.2199047838563665</v>
      </c>
    </row>
    <row r="90608" spans="1:7" x14ac:dyDescent="0.3">
      <c r="A90608" s="13" t="s">
        <v>453</v>
      </c>
      <c r="B90608" s="14" t="s">
        <v>1</v>
      </c>
      <c r="C90608" s="14" t="s">
        <v>47</v>
      </c>
      <c r="D90608" s="14" t="s">
        <v>33</v>
      </c>
      <c r="E90608" s="15">
        <v>45464</v>
      </c>
      <c r="F90608" s="14" t="s">
        <v>15</v>
      </c>
      <c r="G90608" s="16">
        <v>0.21592185524988286</v>
      </c>
    </row>
    <row r="90609" spans="1:7" x14ac:dyDescent="0.3">
      <c r="A90609" s="13" t="s">
        <v>453</v>
      </c>
      <c r="B90609" s="14" t="s">
        <v>1</v>
      </c>
      <c r="C90609" s="14" t="s">
        <v>47</v>
      </c>
      <c r="D90609" s="14" t="s">
        <v>33</v>
      </c>
      <c r="E90609" s="15">
        <v>45465</v>
      </c>
      <c r="F90609" s="14" t="s">
        <v>15</v>
      </c>
      <c r="G90609" s="16">
        <v>0.21592185524988286</v>
      </c>
    </row>
    <row r="90610" spans="1:7" x14ac:dyDescent="0.3">
      <c r="A90610" s="13" t="s">
        <v>453</v>
      </c>
      <c r="B90610" s="14" t="s">
        <v>1</v>
      </c>
      <c r="C90610" s="14" t="s">
        <v>47</v>
      </c>
      <c r="D90610" s="14" t="s">
        <v>33</v>
      </c>
      <c r="E90610" s="15">
        <v>45466</v>
      </c>
      <c r="F90610" s="14" t="s">
        <v>15</v>
      </c>
      <c r="G90610" s="16">
        <v>0.21592185524988286</v>
      </c>
    </row>
    <row r="90611" spans="1:7" x14ac:dyDescent="0.3">
      <c r="A90611" s="13" t="s">
        <v>453</v>
      </c>
      <c r="B90611" s="14" t="s">
        <v>1</v>
      </c>
      <c r="C90611" s="14" t="s">
        <v>47</v>
      </c>
      <c r="D90611" s="14" t="s">
        <v>33</v>
      </c>
      <c r="E90611" s="15">
        <v>45467</v>
      </c>
      <c r="F90611" s="14" t="s">
        <v>15</v>
      </c>
      <c r="G90611" s="16">
        <v>0.2169389266433992</v>
      </c>
    </row>
    <row r="90612" spans="1:7" x14ac:dyDescent="0.3">
      <c r="A90612" s="13" t="s">
        <v>453</v>
      </c>
      <c r="B90612" s="14" t="s">
        <v>1</v>
      </c>
      <c r="C90612" s="14" t="s">
        <v>47</v>
      </c>
      <c r="D90612" s="14" t="s">
        <v>33</v>
      </c>
      <c r="E90612" s="15">
        <v>45468</v>
      </c>
      <c r="F90612" s="14" t="s">
        <v>15</v>
      </c>
      <c r="G90612" s="16">
        <v>0.21295599803691556</v>
      </c>
    </row>
    <row r="90613" spans="1:7" x14ac:dyDescent="0.3">
      <c r="A90613" s="13" t="s">
        <v>453</v>
      </c>
      <c r="B90613" s="14" t="s">
        <v>1</v>
      </c>
      <c r="C90613" s="14" t="s">
        <v>47</v>
      </c>
      <c r="D90613" s="14" t="s">
        <v>33</v>
      </c>
      <c r="E90613" s="15">
        <v>45469</v>
      </c>
      <c r="F90613" s="14" t="s">
        <v>15</v>
      </c>
      <c r="G90613" s="16">
        <v>0.21097306943043193</v>
      </c>
    </row>
    <row r="90614" spans="1:7" x14ac:dyDescent="0.3">
      <c r="A90614" s="13" t="s">
        <v>453</v>
      </c>
      <c r="B90614" s="14" t="s">
        <v>1</v>
      </c>
      <c r="C90614" s="14" t="s">
        <v>47</v>
      </c>
      <c r="D90614" s="14" t="s">
        <v>33</v>
      </c>
      <c r="E90614" s="15">
        <v>45470</v>
      </c>
      <c r="F90614" s="14" t="s">
        <v>15</v>
      </c>
      <c r="G90614" s="16">
        <v>0.20899014082394829</v>
      </c>
    </row>
    <row r="90615" spans="1:7" x14ac:dyDescent="0.3">
      <c r="A90615" s="13" t="s">
        <v>453</v>
      </c>
      <c r="B90615" s="14" t="s">
        <v>1</v>
      </c>
      <c r="C90615" s="14" t="s">
        <v>47</v>
      </c>
      <c r="D90615" s="14" t="s">
        <v>33</v>
      </c>
      <c r="E90615" s="15">
        <v>45471</v>
      </c>
      <c r="F90615" s="14" t="s">
        <v>15</v>
      </c>
      <c r="G90615" s="16">
        <v>0.20700721221746465</v>
      </c>
    </row>
    <row r="90616" spans="1:7" x14ac:dyDescent="0.3">
      <c r="A90616" s="13" t="s">
        <v>453</v>
      </c>
      <c r="B90616" s="14" t="s">
        <v>1</v>
      </c>
      <c r="C90616" s="14" t="s">
        <v>47</v>
      </c>
      <c r="D90616" s="14" t="s">
        <v>33</v>
      </c>
      <c r="E90616" s="15">
        <v>45472</v>
      </c>
      <c r="F90616" s="14" t="s">
        <v>15</v>
      </c>
      <c r="G90616" s="16">
        <v>0.20700721221746465</v>
      </c>
    </row>
    <row r="90617" spans="1:7" x14ac:dyDescent="0.3">
      <c r="A90617" s="13" t="s">
        <v>453</v>
      </c>
      <c r="B90617" s="14" t="s">
        <v>1</v>
      </c>
      <c r="C90617" s="14" t="s">
        <v>47</v>
      </c>
      <c r="D90617" s="14" t="s">
        <v>33</v>
      </c>
      <c r="E90617" s="15">
        <v>45473</v>
      </c>
      <c r="F90617" s="14" t="s">
        <v>15</v>
      </c>
      <c r="G90617" s="16">
        <v>0.20700721221746465</v>
      </c>
    </row>
    <row r="90618" spans="1:7" x14ac:dyDescent="0.3">
      <c r="A90618" s="13" t="s">
        <v>453</v>
      </c>
      <c r="B90618" s="14" t="s">
        <v>1</v>
      </c>
      <c r="C90618" s="14" t="s">
        <v>47</v>
      </c>
      <c r="D90618" s="14" t="s">
        <v>33</v>
      </c>
      <c r="E90618" s="15">
        <v>45474</v>
      </c>
      <c r="F90618" s="14" t="s">
        <v>15</v>
      </c>
      <c r="G90618" s="16">
        <v>0.214024283610981</v>
      </c>
    </row>
    <row r="90619" spans="1:7" x14ac:dyDescent="0.3">
      <c r="A90619" s="13" t="s">
        <v>453</v>
      </c>
      <c r="B90619" s="14" t="s">
        <v>1</v>
      </c>
      <c r="C90619" s="14" t="s">
        <v>47</v>
      </c>
      <c r="D90619" s="14" t="s">
        <v>33</v>
      </c>
      <c r="E90619" s="15">
        <v>45475</v>
      </c>
      <c r="F90619" s="14" t="s">
        <v>15</v>
      </c>
      <c r="G90619" s="16">
        <v>0.20904135500449733</v>
      </c>
    </row>
    <row r="90620" spans="1:7" x14ac:dyDescent="0.3">
      <c r="A90620" s="13" t="s">
        <v>453</v>
      </c>
      <c r="B90620" s="14" t="s">
        <v>1</v>
      </c>
      <c r="C90620" s="14" t="s">
        <v>47</v>
      </c>
      <c r="D90620" s="14" t="s">
        <v>33</v>
      </c>
      <c r="E90620" s="15">
        <v>45476</v>
      </c>
      <c r="F90620" s="14" t="s">
        <v>15</v>
      </c>
      <c r="G90620" s="16">
        <v>0.2180584263980137</v>
      </c>
    </row>
    <row r="90621" spans="1:7" x14ac:dyDescent="0.3">
      <c r="A90621" s="13" t="s">
        <v>453</v>
      </c>
      <c r="B90621" s="14" t="s">
        <v>1</v>
      </c>
      <c r="C90621" s="14" t="s">
        <v>47</v>
      </c>
      <c r="D90621" s="14" t="s">
        <v>33</v>
      </c>
      <c r="E90621" s="15">
        <v>45477</v>
      </c>
      <c r="F90621" s="14" t="s">
        <v>15</v>
      </c>
      <c r="G90621" s="16">
        <v>0.2180584263980137</v>
      </c>
    </row>
    <row r="90622" spans="1:7" x14ac:dyDescent="0.3">
      <c r="A90622" s="13" t="s">
        <v>453</v>
      </c>
      <c r="B90622" s="14" t="s">
        <v>1</v>
      </c>
      <c r="C90622" s="14" t="s">
        <v>47</v>
      </c>
      <c r="D90622" s="14" t="s">
        <v>33</v>
      </c>
      <c r="E90622" s="15">
        <v>45478</v>
      </c>
      <c r="F90622" s="14" t="s">
        <v>15</v>
      </c>
      <c r="G90622" s="16">
        <v>0.21607549779153007</v>
      </c>
    </row>
    <row r="90623" spans="1:7" x14ac:dyDescent="0.3">
      <c r="A90623" s="13" t="s">
        <v>453</v>
      </c>
      <c r="B90623" s="14" t="s">
        <v>1</v>
      </c>
      <c r="C90623" s="14" t="s">
        <v>47</v>
      </c>
      <c r="D90623" s="14" t="s">
        <v>33</v>
      </c>
      <c r="E90623" s="15">
        <v>45479</v>
      </c>
      <c r="F90623" s="14" t="s">
        <v>15</v>
      </c>
      <c r="G90623" s="16">
        <v>0.21607549779153007</v>
      </c>
    </row>
    <row r="90624" spans="1:7" x14ac:dyDescent="0.3">
      <c r="A90624" s="13" t="s">
        <v>453</v>
      </c>
      <c r="B90624" s="14" t="s">
        <v>1</v>
      </c>
      <c r="C90624" s="14" t="s">
        <v>47</v>
      </c>
      <c r="D90624" s="14" t="s">
        <v>33</v>
      </c>
      <c r="E90624" s="15">
        <v>45480</v>
      </c>
      <c r="F90624" s="14" t="s">
        <v>15</v>
      </c>
      <c r="G90624" s="16">
        <v>0.21607549779153007</v>
      </c>
    </row>
    <row r="90625" spans="1:7" x14ac:dyDescent="0.3">
      <c r="A90625" s="13" t="s">
        <v>453</v>
      </c>
      <c r="B90625" s="14" t="s">
        <v>1</v>
      </c>
      <c r="C90625" s="14" t="s">
        <v>47</v>
      </c>
      <c r="D90625" s="14" t="s">
        <v>33</v>
      </c>
      <c r="E90625" s="15">
        <v>45481</v>
      </c>
      <c r="F90625" s="14" t="s">
        <v>15</v>
      </c>
      <c r="G90625" s="16">
        <v>0.21209256918504643</v>
      </c>
    </row>
    <row r="90626" spans="1:7" x14ac:dyDescent="0.3">
      <c r="A90626" s="13" t="s">
        <v>453</v>
      </c>
      <c r="B90626" s="14" t="s">
        <v>1</v>
      </c>
      <c r="C90626" s="14" t="s">
        <v>47</v>
      </c>
      <c r="D90626" s="14" t="s">
        <v>33</v>
      </c>
      <c r="E90626" s="15">
        <v>45482</v>
      </c>
      <c r="F90626" s="14" t="s">
        <v>15</v>
      </c>
      <c r="G90626" s="16">
        <v>0.20510964057856276</v>
      </c>
    </row>
    <row r="90627" spans="1:7" x14ac:dyDescent="0.3">
      <c r="A90627" s="13" t="s">
        <v>453</v>
      </c>
      <c r="B90627" s="14" t="s">
        <v>1</v>
      </c>
      <c r="C90627" s="14" t="s">
        <v>47</v>
      </c>
      <c r="D90627" s="14" t="s">
        <v>33</v>
      </c>
      <c r="E90627" s="15">
        <v>45483</v>
      </c>
      <c r="F90627" s="14" t="s">
        <v>15</v>
      </c>
      <c r="G90627" s="16">
        <v>0.20312671197207913</v>
      </c>
    </row>
    <row r="90628" spans="1:7" x14ac:dyDescent="0.3">
      <c r="A90628" s="13" t="s">
        <v>453</v>
      </c>
      <c r="B90628" s="14" t="s">
        <v>1</v>
      </c>
      <c r="C90628" s="14" t="s">
        <v>47</v>
      </c>
      <c r="D90628" s="14" t="s">
        <v>33</v>
      </c>
      <c r="E90628" s="15">
        <v>45484</v>
      </c>
      <c r="F90628" s="14" t="s">
        <v>15</v>
      </c>
      <c r="G90628" s="16">
        <v>0.20114378336559549</v>
      </c>
    </row>
    <row r="90629" spans="1:7" x14ac:dyDescent="0.3">
      <c r="A90629" s="13" t="s">
        <v>453</v>
      </c>
      <c r="B90629" s="14" t="s">
        <v>1</v>
      </c>
      <c r="C90629" s="14" t="s">
        <v>47</v>
      </c>
      <c r="D90629" s="14" t="s">
        <v>33</v>
      </c>
      <c r="E90629" s="15">
        <v>45485</v>
      </c>
      <c r="F90629" s="14" t="s">
        <v>15</v>
      </c>
      <c r="G90629" s="16">
        <v>0.19916085475911183</v>
      </c>
    </row>
    <row r="90630" spans="1:7" x14ac:dyDescent="0.3">
      <c r="A90630" s="13" t="s">
        <v>453</v>
      </c>
      <c r="B90630" s="14" t="s">
        <v>1</v>
      </c>
      <c r="C90630" s="14" t="s">
        <v>47</v>
      </c>
      <c r="D90630" s="14" t="s">
        <v>33</v>
      </c>
      <c r="E90630" s="15">
        <v>45486</v>
      </c>
      <c r="F90630" s="14" t="s">
        <v>15</v>
      </c>
      <c r="G90630" s="16">
        <v>0.19916085475911183</v>
      </c>
    </row>
    <row r="90631" spans="1:7" x14ac:dyDescent="0.3">
      <c r="A90631" s="13" t="s">
        <v>453</v>
      </c>
      <c r="B90631" s="14" t="s">
        <v>1</v>
      </c>
      <c r="C90631" s="14" t="s">
        <v>47</v>
      </c>
      <c r="D90631" s="14" t="s">
        <v>33</v>
      </c>
      <c r="E90631" s="15">
        <v>45487</v>
      </c>
      <c r="F90631" s="14" t="s">
        <v>15</v>
      </c>
      <c r="G90631" s="16">
        <v>0.19916085475911183</v>
      </c>
    </row>
    <row r="90632" spans="1:7" x14ac:dyDescent="0.3">
      <c r="A90632" s="13" t="s">
        <v>453</v>
      </c>
      <c r="B90632" s="14" t="s">
        <v>1</v>
      </c>
      <c r="C90632" s="14" t="s">
        <v>47</v>
      </c>
      <c r="D90632" s="14" t="s">
        <v>33</v>
      </c>
      <c r="E90632" s="15">
        <v>45488</v>
      </c>
      <c r="F90632" s="14" t="s">
        <v>15</v>
      </c>
      <c r="G90632" s="16">
        <v>0.20117792615262817</v>
      </c>
    </row>
    <row r="90633" spans="1:7" x14ac:dyDescent="0.3">
      <c r="A90633" s="13" t="s">
        <v>453</v>
      </c>
      <c r="B90633" s="14" t="s">
        <v>1</v>
      </c>
      <c r="C90633" s="14" t="s">
        <v>47</v>
      </c>
      <c r="D90633" s="14" t="s">
        <v>33</v>
      </c>
      <c r="E90633" s="15">
        <v>45489</v>
      </c>
      <c r="F90633" s="14" t="s">
        <v>15</v>
      </c>
      <c r="G90633" s="16">
        <v>0.19419499754614453</v>
      </c>
    </row>
    <row r="90634" spans="1:7" x14ac:dyDescent="0.3">
      <c r="A90634" s="13" t="s">
        <v>453</v>
      </c>
      <c r="B90634" s="14" t="s">
        <v>1</v>
      </c>
      <c r="C90634" s="14" t="s">
        <v>47</v>
      </c>
      <c r="D90634" s="14" t="s">
        <v>33</v>
      </c>
      <c r="E90634" s="15">
        <v>45490</v>
      </c>
      <c r="F90634" s="14" t="s">
        <v>15</v>
      </c>
      <c r="G90634" s="16">
        <v>0.19221206893966086</v>
      </c>
    </row>
    <row r="90635" spans="1:7" x14ac:dyDescent="0.3">
      <c r="A90635" s="13" t="s">
        <v>453</v>
      </c>
      <c r="B90635" s="14" t="s">
        <v>1</v>
      </c>
      <c r="C90635" s="14" t="s">
        <v>47</v>
      </c>
      <c r="D90635" s="14" t="s">
        <v>33</v>
      </c>
      <c r="E90635" s="15">
        <v>45491</v>
      </c>
      <c r="F90635" s="14" t="s">
        <v>15</v>
      </c>
      <c r="G90635" s="16">
        <v>0.19022914033317723</v>
      </c>
    </row>
    <row r="90636" spans="1:7" x14ac:dyDescent="0.3">
      <c r="A90636" s="13" t="s">
        <v>453</v>
      </c>
      <c r="B90636" s="14" t="s">
        <v>1</v>
      </c>
      <c r="C90636" s="14" t="s">
        <v>47</v>
      </c>
      <c r="D90636" s="14" t="s">
        <v>33</v>
      </c>
      <c r="E90636" s="15">
        <v>45492</v>
      </c>
      <c r="F90636" s="14" t="s">
        <v>15</v>
      </c>
      <c r="G90636" s="16">
        <v>0.18824621172669356</v>
      </c>
    </row>
    <row r="90637" spans="1:7" x14ac:dyDescent="0.3">
      <c r="A90637" s="13" t="s">
        <v>453</v>
      </c>
      <c r="B90637" s="14" t="s">
        <v>1</v>
      </c>
      <c r="C90637" s="14" t="s">
        <v>47</v>
      </c>
      <c r="D90637" s="14" t="s">
        <v>33</v>
      </c>
      <c r="E90637" s="15">
        <v>45493</v>
      </c>
      <c r="F90637" s="14" t="s">
        <v>15</v>
      </c>
      <c r="G90637" s="16">
        <v>0.18824621172669356</v>
      </c>
    </row>
    <row r="90638" spans="1:7" x14ac:dyDescent="0.3">
      <c r="A90638" s="13" t="s">
        <v>453</v>
      </c>
      <c r="B90638" s="14" t="s">
        <v>1</v>
      </c>
      <c r="C90638" s="14" t="s">
        <v>47</v>
      </c>
      <c r="D90638" s="14" t="s">
        <v>33</v>
      </c>
      <c r="E90638" s="15">
        <v>45494</v>
      </c>
      <c r="F90638" s="14" t="s">
        <v>15</v>
      </c>
      <c r="G90638" s="16">
        <v>0.18824621172669356</v>
      </c>
    </row>
    <row r="90639" spans="1:7" x14ac:dyDescent="0.3">
      <c r="A90639" s="13" t="s">
        <v>453</v>
      </c>
      <c r="B90639" s="14" t="s">
        <v>1</v>
      </c>
      <c r="C90639" s="14" t="s">
        <v>47</v>
      </c>
      <c r="D90639" s="14" t="s">
        <v>33</v>
      </c>
      <c r="E90639" s="15">
        <v>45495</v>
      </c>
      <c r="F90639" s="14" t="s">
        <v>15</v>
      </c>
      <c r="G90639" s="16">
        <v>0.1862632831202099</v>
      </c>
    </row>
    <row r="90640" spans="1:7" x14ac:dyDescent="0.3">
      <c r="A90640" s="13" t="s">
        <v>453</v>
      </c>
      <c r="B90640" s="14" t="s">
        <v>1</v>
      </c>
      <c r="C90640" s="14" t="s">
        <v>47</v>
      </c>
      <c r="D90640" s="14" t="s">
        <v>33</v>
      </c>
      <c r="E90640" s="15">
        <v>45496</v>
      </c>
      <c r="F90640" s="14" t="s">
        <v>15</v>
      </c>
      <c r="G90640" s="16">
        <v>0.17928035451372626</v>
      </c>
    </row>
    <row r="90641" spans="1:7" x14ac:dyDescent="0.3">
      <c r="A90641" s="13" t="s">
        <v>453</v>
      </c>
      <c r="B90641" s="14" t="s">
        <v>1</v>
      </c>
      <c r="C90641" s="14" t="s">
        <v>47</v>
      </c>
      <c r="D90641" s="14" t="s">
        <v>33</v>
      </c>
      <c r="E90641" s="15">
        <v>45497</v>
      </c>
      <c r="F90641" s="14" t="s">
        <v>15</v>
      </c>
      <c r="G90641" s="16">
        <v>0.1772974259072426</v>
      </c>
    </row>
    <row r="90642" spans="1:7" x14ac:dyDescent="0.3">
      <c r="A90642" s="13" t="s">
        <v>453</v>
      </c>
      <c r="B90642" s="14" t="s">
        <v>1</v>
      </c>
      <c r="C90642" s="14" t="s">
        <v>47</v>
      </c>
      <c r="D90642" s="14" t="s">
        <v>33</v>
      </c>
      <c r="E90642" s="15">
        <v>45498</v>
      </c>
      <c r="F90642" s="14" t="s">
        <v>15</v>
      </c>
      <c r="G90642" s="16">
        <v>0.17531449730075893</v>
      </c>
    </row>
    <row r="90643" spans="1:7" x14ac:dyDescent="0.3">
      <c r="A90643" s="13" t="s">
        <v>453</v>
      </c>
      <c r="B90643" s="14" t="s">
        <v>1</v>
      </c>
      <c r="C90643" s="14" t="s">
        <v>47</v>
      </c>
      <c r="D90643" s="14" t="s">
        <v>33</v>
      </c>
      <c r="E90643" s="15">
        <v>45499</v>
      </c>
      <c r="F90643" s="14" t="s">
        <v>15</v>
      </c>
      <c r="G90643" s="16">
        <v>0.1733315686942753</v>
      </c>
    </row>
    <row r="90644" spans="1:7" x14ac:dyDescent="0.3">
      <c r="A90644" s="13" t="s">
        <v>453</v>
      </c>
      <c r="B90644" s="14" t="s">
        <v>1</v>
      </c>
      <c r="C90644" s="14" t="s">
        <v>47</v>
      </c>
      <c r="D90644" s="14" t="s">
        <v>33</v>
      </c>
      <c r="E90644" s="15">
        <v>45500</v>
      </c>
      <c r="F90644" s="14" t="s">
        <v>15</v>
      </c>
      <c r="G90644" s="16">
        <v>0.1733315686942753</v>
      </c>
    </row>
    <row r="90645" spans="1:7" x14ac:dyDescent="0.3">
      <c r="A90645" s="13" t="s">
        <v>453</v>
      </c>
      <c r="B90645" s="14" t="s">
        <v>1</v>
      </c>
      <c r="C90645" s="14" t="s">
        <v>47</v>
      </c>
      <c r="D90645" s="14" t="s">
        <v>33</v>
      </c>
      <c r="E90645" s="15">
        <v>45501</v>
      </c>
      <c r="F90645" s="14" t="s">
        <v>15</v>
      </c>
      <c r="G90645" s="16">
        <v>0.1733315686942753</v>
      </c>
    </row>
    <row r="90646" spans="1:7" x14ac:dyDescent="0.3">
      <c r="A90646" s="13" t="s">
        <v>453</v>
      </c>
      <c r="B90646" s="14" t="s">
        <v>1</v>
      </c>
      <c r="C90646" s="14" t="s">
        <v>47</v>
      </c>
      <c r="D90646" s="14" t="s">
        <v>33</v>
      </c>
      <c r="E90646" s="15">
        <v>45502</v>
      </c>
      <c r="F90646" s="14" t="s">
        <v>15</v>
      </c>
      <c r="G90646" s="16">
        <v>0.17134864008779163</v>
      </c>
    </row>
    <row r="90647" spans="1:7" x14ac:dyDescent="0.3">
      <c r="A90647" s="13" t="s">
        <v>453</v>
      </c>
      <c r="B90647" s="14" t="s">
        <v>1</v>
      </c>
      <c r="C90647" s="14" t="s">
        <v>47</v>
      </c>
      <c r="D90647" s="14" t="s">
        <v>33</v>
      </c>
      <c r="E90647" s="15">
        <v>45503</v>
      </c>
      <c r="F90647" s="14" t="s">
        <v>15</v>
      </c>
      <c r="G90647" s="16">
        <v>0.16436571148130799</v>
      </c>
    </row>
    <row r="90648" spans="1:7" x14ac:dyDescent="0.3">
      <c r="A90648" s="13" t="s">
        <v>453</v>
      </c>
      <c r="B90648" s="14" t="s">
        <v>1</v>
      </c>
      <c r="C90648" s="14" t="s">
        <v>47</v>
      </c>
      <c r="D90648" s="14" t="s">
        <v>33</v>
      </c>
      <c r="E90648" s="15">
        <v>45504</v>
      </c>
      <c r="F90648" s="14" t="s">
        <v>15</v>
      </c>
      <c r="G90648" s="16">
        <v>0.16238278287482433</v>
      </c>
    </row>
    <row r="90649" spans="1:7" x14ac:dyDescent="0.3">
      <c r="A90649" s="13" t="s">
        <v>453</v>
      </c>
      <c r="B90649" s="14" t="s">
        <v>1</v>
      </c>
      <c r="C90649" s="14" t="s">
        <v>47</v>
      </c>
      <c r="D90649" s="14" t="s">
        <v>33</v>
      </c>
      <c r="E90649" s="15">
        <v>45505</v>
      </c>
      <c r="F90649" s="14" t="s">
        <v>15</v>
      </c>
      <c r="G90649" s="16">
        <v>0.16039985426834066</v>
      </c>
    </row>
    <row r="90650" spans="1:7" x14ac:dyDescent="0.3">
      <c r="A90650" s="13" t="s">
        <v>453</v>
      </c>
      <c r="B90650" s="14" t="s">
        <v>1</v>
      </c>
      <c r="C90650" s="14" t="s">
        <v>47</v>
      </c>
      <c r="D90650" s="14" t="s">
        <v>33</v>
      </c>
      <c r="E90650" s="15">
        <v>45506</v>
      </c>
      <c r="F90650" s="14" t="s">
        <v>15</v>
      </c>
      <c r="G90650" s="16">
        <v>0.158416925661857</v>
      </c>
    </row>
    <row r="90651" spans="1:7" x14ac:dyDescent="0.3">
      <c r="A90651" s="13" t="s">
        <v>453</v>
      </c>
      <c r="B90651" s="14" t="s">
        <v>1</v>
      </c>
      <c r="C90651" s="14" t="s">
        <v>47</v>
      </c>
      <c r="D90651" s="14" t="s">
        <v>33</v>
      </c>
      <c r="E90651" s="15">
        <v>45507</v>
      </c>
      <c r="F90651" s="14" t="s">
        <v>15</v>
      </c>
      <c r="G90651" s="16">
        <v>0.158416925661857</v>
      </c>
    </row>
    <row r="90652" spans="1:7" x14ac:dyDescent="0.3">
      <c r="A90652" s="13" t="s">
        <v>453</v>
      </c>
      <c r="B90652" s="14" t="s">
        <v>1</v>
      </c>
      <c r="C90652" s="14" t="s">
        <v>47</v>
      </c>
      <c r="D90652" s="14" t="s">
        <v>33</v>
      </c>
      <c r="E90652" s="15">
        <v>45508</v>
      </c>
      <c r="F90652" s="14" t="s">
        <v>15</v>
      </c>
      <c r="G90652" s="16">
        <v>0.158416925661857</v>
      </c>
    </row>
    <row r="90653" spans="1:7" x14ac:dyDescent="0.3">
      <c r="A90653" s="13" t="s">
        <v>453</v>
      </c>
      <c r="B90653" s="14" t="s">
        <v>1</v>
      </c>
      <c r="C90653" s="14" t="s">
        <v>47</v>
      </c>
      <c r="D90653" s="14" t="s">
        <v>33</v>
      </c>
      <c r="E90653" s="15">
        <v>45509</v>
      </c>
      <c r="F90653" s="14" t="s">
        <v>15</v>
      </c>
      <c r="G90653" s="16">
        <v>0.158416925661857</v>
      </c>
    </row>
    <row r="90654" spans="1:7" x14ac:dyDescent="0.3">
      <c r="A90654" s="13" t="s">
        <v>453</v>
      </c>
      <c r="B90654" s="14" t="s">
        <v>1</v>
      </c>
      <c r="C90654" s="14" t="s">
        <v>47</v>
      </c>
      <c r="D90654" s="14" t="s">
        <v>33</v>
      </c>
      <c r="E90654" s="15">
        <v>45510</v>
      </c>
      <c r="F90654" s="14" t="s">
        <v>15</v>
      </c>
      <c r="G90654" s="16">
        <v>0.15643399705537336</v>
      </c>
    </row>
    <row r="90655" spans="1:7" x14ac:dyDescent="0.3">
      <c r="A90655" s="13" t="s">
        <v>453</v>
      </c>
      <c r="B90655" s="14" t="s">
        <v>1</v>
      </c>
      <c r="C90655" s="14" t="s">
        <v>47</v>
      </c>
      <c r="D90655" s="14" t="s">
        <v>33</v>
      </c>
      <c r="E90655" s="15">
        <v>45511</v>
      </c>
      <c r="F90655" s="14" t="s">
        <v>15</v>
      </c>
      <c r="G90655" s="16">
        <v>0.14845106844888972</v>
      </c>
    </row>
    <row r="90656" spans="1:7" x14ac:dyDescent="0.3">
      <c r="A90656" s="13" t="s">
        <v>453</v>
      </c>
      <c r="B90656" s="14" t="s">
        <v>1</v>
      </c>
      <c r="C90656" s="14" t="s">
        <v>47</v>
      </c>
      <c r="D90656" s="14" t="s">
        <v>33</v>
      </c>
      <c r="E90656" s="15">
        <v>45512</v>
      </c>
      <c r="F90656" s="14" t="s">
        <v>15</v>
      </c>
      <c r="G90656" s="16">
        <v>0.14646813984240606</v>
      </c>
    </row>
    <row r="90657" spans="1:7" x14ac:dyDescent="0.3">
      <c r="A90657" s="13" t="s">
        <v>453</v>
      </c>
      <c r="B90657" s="14" t="s">
        <v>1</v>
      </c>
      <c r="C90657" s="14" t="s">
        <v>47</v>
      </c>
      <c r="D90657" s="14" t="s">
        <v>33</v>
      </c>
      <c r="E90657" s="15">
        <v>45513</v>
      </c>
      <c r="F90657" s="14" t="s">
        <v>15</v>
      </c>
      <c r="G90657" s="16">
        <v>0.1444852112359224</v>
      </c>
    </row>
    <row r="90658" spans="1:7" x14ac:dyDescent="0.3">
      <c r="A90658" s="13" t="s">
        <v>453</v>
      </c>
      <c r="B90658" s="14" t="s">
        <v>1</v>
      </c>
      <c r="C90658" s="14" t="s">
        <v>47</v>
      </c>
      <c r="D90658" s="14" t="s">
        <v>33</v>
      </c>
      <c r="E90658" s="15">
        <v>45514</v>
      </c>
      <c r="F90658" s="14" t="s">
        <v>15</v>
      </c>
      <c r="G90658" s="16">
        <v>0.1444852112359224</v>
      </c>
    </row>
    <row r="90659" spans="1:7" x14ac:dyDescent="0.3">
      <c r="A90659" s="13" t="s">
        <v>453</v>
      </c>
      <c r="B90659" s="14" t="s">
        <v>1</v>
      </c>
      <c r="C90659" s="14" t="s">
        <v>47</v>
      </c>
      <c r="D90659" s="14" t="s">
        <v>33</v>
      </c>
      <c r="E90659" s="15">
        <v>45515</v>
      </c>
      <c r="F90659" s="14" t="s">
        <v>15</v>
      </c>
      <c r="G90659" s="16">
        <v>0.1444852112359224</v>
      </c>
    </row>
    <row r="90660" spans="1:7" x14ac:dyDescent="0.3">
      <c r="A90660" s="13" t="s">
        <v>453</v>
      </c>
      <c r="B90660" s="14" t="s">
        <v>1</v>
      </c>
      <c r="C90660" s="14" t="s">
        <v>47</v>
      </c>
      <c r="D90660" s="14" t="s">
        <v>33</v>
      </c>
      <c r="E90660" s="15">
        <v>45516</v>
      </c>
      <c r="F90660" s="14" t="s">
        <v>15</v>
      </c>
      <c r="G90660" s="16">
        <v>0.14250228262943873</v>
      </c>
    </row>
    <row r="90661" spans="1:7" x14ac:dyDescent="0.3">
      <c r="A90661" s="13" t="s">
        <v>453</v>
      </c>
      <c r="B90661" s="14" t="s">
        <v>1</v>
      </c>
      <c r="C90661" s="14" t="s">
        <v>47</v>
      </c>
      <c r="D90661" s="14" t="s">
        <v>33</v>
      </c>
      <c r="E90661" s="15">
        <v>45517</v>
      </c>
      <c r="F90661" s="14" t="s">
        <v>15</v>
      </c>
      <c r="G90661" s="16">
        <v>0.13751935402295509</v>
      </c>
    </row>
    <row r="90662" spans="1:7" x14ac:dyDescent="0.3">
      <c r="A90662" s="13" t="s">
        <v>453</v>
      </c>
      <c r="B90662" s="14" t="s">
        <v>1</v>
      </c>
      <c r="C90662" s="14" t="s">
        <v>47</v>
      </c>
      <c r="D90662" s="14" t="s">
        <v>33</v>
      </c>
      <c r="E90662" s="15">
        <v>45518</v>
      </c>
      <c r="F90662" s="14" t="s">
        <v>15</v>
      </c>
      <c r="G90662" s="16">
        <v>0.13553642541647143</v>
      </c>
    </row>
    <row r="90663" spans="1:7" x14ac:dyDescent="0.3">
      <c r="A90663" s="13" t="s">
        <v>453</v>
      </c>
      <c r="B90663" s="14" t="s">
        <v>1</v>
      </c>
      <c r="C90663" s="14" t="s">
        <v>47</v>
      </c>
      <c r="D90663" s="14" t="s">
        <v>33</v>
      </c>
      <c r="E90663" s="15">
        <v>45519</v>
      </c>
      <c r="F90663" s="14" t="s">
        <v>15</v>
      </c>
      <c r="G90663" s="16">
        <v>0.13355349680998779</v>
      </c>
    </row>
    <row r="90664" spans="1:7" x14ac:dyDescent="0.3">
      <c r="A90664" s="13" t="s">
        <v>453</v>
      </c>
      <c r="B90664" s="14" t="s">
        <v>1</v>
      </c>
      <c r="C90664" s="14" t="s">
        <v>47</v>
      </c>
      <c r="D90664" s="14" t="s">
        <v>33</v>
      </c>
      <c r="E90664" s="15">
        <v>45520</v>
      </c>
      <c r="F90664" s="14" t="s">
        <v>15</v>
      </c>
      <c r="G90664" s="16">
        <v>0.13357056820350413</v>
      </c>
    </row>
    <row r="90665" spans="1:7" x14ac:dyDescent="0.3">
      <c r="A90665" s="13" t="s">
        <v>453</v>
      </c>
      <c r="B90665" s="14" t="s">
        <v>1</v>
      </c>
      <c r="C90665" s="14" t="s">
        <v>47</v>
      </c>
      <c r="D90665" s="14" t="s">
        <v>33</v>
      </c>
      <c r="E90665" s="15">
        <v>45521</v>
      </c>
      <c r="F90665" s="14" t="s">
        <v>15</v>
      </c>
      <c r="G90665" s="16">
        <v>0.13357056820350413</v>
      </c>
    </row>
    <row r="90666" spans="1:7" x14ac:dyDescent="0.3">
      <c r="A90666" s="13" t="s">
        <v>453</v>
      </c>
      <c r="B90666" s="14" t="s">
        <v>1</v>
      </c>
      <c r="C90666" s="14" t="s">
        <v>47</v>
      </c>
      <c r="D90666" s="14" t="s">
        <v>33</v>
      </c>
      <c r="E90666" s="15">
        <v>45522</v>
      </c>
      <c r="F90666" s="14" t="s">
        <v>15</v>
      </c>
      <c r="G90666" s="16">
        <v>0.13357056820350413</v>
      </c>
    </row>
    <row r="90667" spans="1:7" x14ac:dyDescent="0.3">
      <c r="A90667" s="13" t="s">
        <v>453</v>
      </c>
      <c r="B90667" s="14" t="s">
        <v>1</v>
      </c>
      <c r="C90667" s="14" t="s">
        <v>47</v>
      </c>
      <c r="D90667" s="14" t="s">
        <v>33</v>
      </c>
      <c r="E90667" s="15">
        <v>45523</v>
      </c>
      <c r="F90667" s="14" t="s">
        <v>15</v>
      </c>
      <c r="G90667" s="16">
        <v>0.13158763959702047</v>
      </c>
    </row>
    <row r="90668" spans="1:7" x14ac:dyDescent="0.3">
      <c r="A90668" s="13" t="s">
        <v>453</v>
      </c>
      <c r="B90668" s="14" t="s">
        <v>1</v>
      </c>
      <c r="C90668" s="14" t="s">
        <v>47</v>
      </c>
      <c r="D90668" s="14" t="s">
        <v>33</v>
      </c>
      <c r="E90668" s="15">
        <v>45524</v>
      </c>
      <c r="F90668" s="14" t="s">
        <v>15</v>
      </c>
      <c r="G90668" s="16">
        <v>0.12460471099053683</v>
      </c>
    </row>
    <row r="90669" spans="1:7" x14ac:dyDescent="0.3">
      <c r="A90669" s="13" t="s">
        <v>453</v>
      </c>
      <c r="B90669" s="14" t="s">
        <v>1</v>
      </c>
      <c r="C90669" s="14" t="s">
        <v>47</v>
      </c>
      <c r="D90669" s="14" t="s">
        <v>33</v>
      </c>
      <c r="E90669" s="15">
        <v>45525</v>
      </c>
      <c r="F90669" s="14" t="s">
        <v>15</v>
      </c>
      <c r="G90669" s="16">
        <v>0.12262178238405316</v>
      </c>
    </row>
    <row r="90670" spans="1:7" x14ac:dyDescent="0.3">
      <c r="A90670" s="13" t="s">
        <v>453</v>
      </c>
      <c r="B90670" s="14" t="s">
        <v>1</v>
      </c>
      <c r="C90670" s="14" t="s">
        <v>47</v>
      </c>
      <c r="D90670" s="14" t="s">
        <v>33</v>
      </c>
      <c r="E90670" s="15">
        <v>45526</v>
      </c>
      <c r="F90670" s="14" t="s">
        <v>15</v>
      </c>
      <c r="G90670" s="16">
        <v>0.12063885377756951</v>
      </c>
    </row>
    <row r="90671" spans="1:7" x14ac:dyDescent="0.3">
      <c r="A90671" s="13" t="s">
        <v>453</v>
      </c>
      <c r="B90671" s="14" t="s">
        <v>1</v>
      </c>
      <c r="C90671" s="14" t="s">
        <v>47</v>
      </c>
      <c r="D90671" s="14" t="s">
        <v>33</v>
      </c>
      <c r="E90671" s="15">
        <v>45527</v>
      </c>
      <c r="F90671" s="14" t="s">
        <v>15</v>
      </c>
      <c r="G90671" s="16">
        <v>0.11865592517108585</v>
      </c>
    </row>
    <row r="90672" spans="1:7" x14ac:dyDescent="0.3">
      <c r="A90672" s="13" t="s">
        <v>453</v>
      </c>
      <c r="B90672" s="14" t="s">
        <v>1</v>
      </c>
      <c r="C90672" s="14" t="s">
        <v>47</v>
      </c>
      <c r="D90672" s="14" t="s">
        <v>33</v>
      </c>
      <c r="E90672" s="15">
        <v>45528</v>
      </c>
      <c r="F90672" s="14" t="s">
        <v>15</v>
      </c>
      <c r="G90672" s="16">
        <v>0.11865592517108585</v>
      </c>
    </row>
    <row r="90673" spans="1:7" x14ac:dyDescent="0.3">
      <c r="A90673" s="13" t="s">
        <v>453</v>
      </c>
      <c r="B90673" s="14" t="s">
        <v>1</v>
      </c>
      <c r="C90673" s="14" t="s">
        <v>47</v>
      </c>
      <c r="D90673" s="14" t="s">
        <v>33</v>
      </c>
      <c r="E90673" s="15">
        <v>45529</v>
      </c>
      <c r="F90673" s="14" t="s">
        <v>15</v>
      </c>
      <c r="G90673" s="16">
        <v>0.11865592517108585</v>
      </c>
    </row>
    <row r="90674" spans="1:7" x14ac:dyDescent="0.3">
      <c r="A90674" s="13" t="s">
        <v>453</v>
      </c>
      <c r="B90674" s="14" t="s">
        <v>1</v>
      </c>
      <c r="C90674" s="14" t="s">
        <v>47</v>
      </c>
      <c r="D90674" s="14" t="s">
        <v>33</v>
      </c>
      <c r="E90674" s="15">
        <v>45530</v>
      </c>
      <c r="F90674" s="14" t="s">
        <v>15</v>
      </c>
      <c r="G90674" s="16">
        <v>0.11865592517108585</v>
      </c>
    </row>
    <row r="90675" spans="1:7" x14ac:dyDescent="0.3">
      <c r="A90675" s="13" t="s">
        <v>453</v>
      </c>
      <c r="B90675" s="14" t="s">
        <v>1</v>
      </c>
      <c r="C90675" s="14" t="s">
        <v>47</v>
      </c>
      <c r="D90675" s="14" t="s">
        <v>33</v>
      </c>
      <c r="E90675" s="15">
        <v>45531</v>
      </c>
      <c r="F90675" s="14" t="s">
        <v>15</v>
      </c>
      <c r="G90675" s="16">
        <v>0.1166729965646022</v>
      </c>
    </row>
    <row r="90676" spans="1:7" x14ac:dyDescent="0.3">
      <c r="A90676" s="13" t="s">
        <v>453</v>
      </c>
      <c r="B90676" s="14" t="s">
        <v>1</v>
      </c>
      <c r="C90676" s="14" t="s">
        <v>47</v>
      </c>
      <c r="D90676" s="14" t="s">
        <v>33</v>
      </c>
      <c r="E90676" s="15">
        <v>45532</v>
      </c>
      <c r="F90676" s="14" t="s">
        <v>15</v>
      </c>
      <c r="G90676" s="16">
        <v>0.10769006795811856</v>
      </c>
    </row>
    <row r="90677" spans="1:7" x14ac:dyDescent="0.3">
      <c r="A90677" s="13" t="s">
        <v>453</v>
      </c>
      <c r="B90677" s="14" t="s">
        <v>1</v>
      </c>
      <c r="C90677" s="14" t="s">
        <v>47</v>
      </c>
      <c r="D90677" s="14" t="s">
        <v>33</v>
      </c>
      <c r="E90677" s="15">
        <v>45533</v>
      </c>
      <c r="F90677" s="14" t="s">
        <v>15</v>
      </c>
      <c r="G90677" s="16">
        <v>0.10570713935163489</v>
      </c>
    </row>
    <row r="90678" spans="1:7" x14ac:dyDescent="0.3">
      <c r="A90678" s="13" t="s">
        <v>453</v>
      </c>
      <c r="B90678" s="14" t="s">
        <v>1</v>
      </c>
      <c r="C90678" s="14" t="s">
        <v>47</v>
      </c>
      <c r="D90678" s="14" t="s">
        <v>33</v>
      </c>
      <c r="E90678" s="15">
        <v>45534</v>
      </c>
      <c r="F90678" s="14" t="s">
        <v>15</v>
      </c>
      <c r="G90678" s="16">
        <v>0.10372421074515123</v>
      </c>
    </row>
    <row r="90679" spans="1:7" x14ac:dyDescent="0.3">
      <c r="A90679" s="13" t="s">
        <v>453</v>
      </c>
      <c r="B90679" s="14" t="s">
        <v>1</v>
      </c>
      <c r="C90679" s="14" t="s">
        <v>47</v>
      </c>
      <c r="D90679" s="14" t="s">
        <v>33</v>
      </c>
      <c r="E90679" s="15">
        <v>45535</v>
      </c>
      <c r="F90679" s="14" t="s">
        <v>15</v>
      </c>
      <c r="G90679" s="16">
        <v>0.10372421074515123</v>
      </c>
    </row>
    <row r="90680" spans="1:7" x14ac:dyDescent="0.3">
      <c r="A90680" s="13" t="s">
        <v>453</v>
      </c>
      <c r="B90680" s="14" t="s">
        <v>1</v>
      </c>
      <c r="C90680" s="14" t="s">
        <v>47</v>
      </c>
      <c r="D90680" s="14" t="s">
        <v>33</v>
      </c>
      <c r="E90680" s="15">
        <v>45536</v>
      </c>
      <c r="F90680" s="14" t="s">
        <v>15</v>
      </c>
      <c r="G90680" s="16">
        <v>0.10372421074515123</v>
      </c>
    </row>
    <row r="90681" spans="1:7" x14ac:dyDescent="0.3">
      <c r="A90681" s="13" t="s">
        <v>453</v>
      </c>
      <c r="B90681" s="14" t="s">
        <v>1</v>
      </c>
      <c r="C90681" s="14" t="s">
        <v>47</v>
      </c>
      <c r="D90681" s="14" t="s">
        <v>33</v>
      </c>
      <c r="E90681" s="15">
        <v>45537</v>
      </c>
      <c r="F90681" s="14" t="s">
        <v>15</v>
      </c>
      <c r="G90681" s="16">
        <v>0.10372421074515123</v>
      </c>
    </row>
    <row r="90682" spans="1:7" x14ac:dyDescent="0.3">
      <c r="A90682" s="13" t="s">
        <v>453</v>
      </c>
      <c r="B90682" s="14" t="s">
        <v>1</v>
      </c>
      <c r="C90682" s="14" t="s">
        <v>47</v>
      </c>
      <c r="D90682" s="14" t="s">
        <v>33</v>
      </c>
      <c r="E90682" s="15">
        <v>45538</v>
      </c>
      <c r="F90682" s="14" t="s">
        <v>15</v>
      </c>
      <c r="G90682" s="16">
        <v>0.10574128213866758</v>
      </c>
    </row>
    <row r="90683" spans="1:7" x14ac:dyDescent="0.3">
      <c r="A90683" s="13" t="s">
        <v>453</v>
      </c>
      <c r="B90683" s="14" t="s">
        <v>1</v>
      </c>
      <c r="C90683" s="14" t="s">
        <v>47</v>
      </c>
      <c r="D90683" s="14" t="s">
        <v>33</v>
      </c>
      <c r="E90683" s="15">
        <v>45539</v>
      </c>
      <c r="F90683" s="14" t="s">
        <v>15</v>
      </c>
      <c r="G90683" s="16">
        <v>0.10175835353218395</v>
      </c>
    </row>
    <row r="90684" spans="1:7" x14ac:dyDescent="0.3">
      <c r="A90684" s="13" t="s">
        <v>453</v>
      </c>
      <c r="B90684" s="14" t="s">
        <v>1</v>
      </c>
      <c r="C90684" s="14" t="s">
        <v>47</v>
      </c>
      <c r="D90684" s="14" t="s">
        <v>33</v>
      </c>
      <c r="E90684" s="15">
        <v>45540</v>
      </c>
      <c r="F90684" s="14" t="s">
        <v>15</v>
      </c>
      <c r="G90684" s="16">
        <v>0.10677542492570029</v>
      </c>
    </row>
    <row r="90685" spans="1:7" x14ac:dyDescent="0.3">
      <c r="A90685" s="13" t="s">
        <v>453</v>
      </c>
      <c r="B90685" s="14" t="s">
        <v>1</v>
      </c>
      <c r="C90685" s="14" t="s">
        <v>47</v>
      </c>
      <c r="D90685" s="14" t="s">
        <v>33</v>
      </c>
      <c r="E90685" s="15">
        <v>45541</v>
      </c>
      <c r="F90685" s="14" t="s">
        <v>15</v>
      </c>
      <c r="G90685" s="16">
        <v>0.10479249631921664</v>
      </c>
    </row>
    <row r="90686" spans="1:7" x14ac:dyDescent="0.3">
      <c r="A90686" s="13" t="s">
        <v>453</v>
      </c>
      <c r="B90686" s="14" t="s">
        <v>1</v>
      </c>
      <c r="C90686" s="14" t="s">
        <v>47</v>
      </c>
      <c r="D90686" s="14" t="s">
        <v>33</v>
      </c>
      <c r="E90686" s="15">
        <v>45542</v>
      </c>
      <c r="F90686" s="14" t="s">
        <v>15</v>
      </c>
      <c r="G90686" s="16">
        <v>0.10479249631921664</v>
      </c>
    </row>
    <row r="90687" spans="1:7" x14ac:dyDescent="0.3">
      <c r="A90687" s="13" t="s">
        <v>453</v>
      </c>
      <c r="B90687" s="14" t="s">
        <v>1</v>
      </c>
      <c r="C90687" s="14" t="s">
        <v>47</v>
      </c>
      <c r="D90687" s="14" t="s">
        <v>33</v>
      </c>
      <c r="E90687" s="15">
        <v>45543</v>
      </c>
      <c r="F90687" s="14" t="s">
        <v>15</v>
      </c>
      <c r="G90687" s="16">
        <v>0.10479249631921664</v>
      </c>
    </row>
    <row r="90688" spans="1:7" x14ac:dyDescent="0.3">
      <c r="A90688" s="13" t="s">
        <v>453</v>
      </c>
      <c r="B90688" s="14" t="s">
        <v>1</v>
      </c>
      <c r="C90688" s="14" t="s">
        <v>47</v>
      </c>
      <c r="D90688" s="14" t="s">
        <v>33</v>
      </c>
      <c r="E90688" s="15">
        <v>45544</v>
      </c>
      <c r="F90688" s="14" t="s">
        <v>15</v>
      </c>
      <c r="G90688" s="16">
        <v>0.10280956771273297</v>
      </c>
    </row>
    <row r="90689" spans="1:7" x14ac:dyDescent="0.3">
      <c r="A90689" s="13" t="s">
        <v>453</v>
      </c>
      <c r="B90689" s="14" t="s">
        <v>1</v>
      </c>
      <c r="C90689" s="14" t="s">
        <v>47</v>
      </c>
      <c r="D90689" s="14" t="s">
        <v>33</v>
      </c>
      <c r="E90689" s="15">
        <v>45545</v>
      </c>
      <c r="F90689" s="14" t="s">
        <v>15</v>
      </c>
      <c r="G90689" s="16">
        <v>9.6826639106249321E-2</v>
      </c>
    </row>
    <row r="90690" spans="1:7" x14ac:dyDescent="0.3">
      <c r="A90690" s="13" t="s">
        <v>453</v>
      </c>
      <c r="B90690" s="14" t="s">
        <v>1</v>
      </c>
      <c r="C90690" s="14" t="s">
        <v>47</v>
      </c>
      <c r="D90690" s="14" t="s">
        <v>33</v>
      </c>
      <c r="E90690" s="15">
        <v>45546</v>
      </c>
      <c r="F90690" s="14" t="s">
        <v>15</v>
      </c>
      <c r="G90690" s="16">
        <v>9.4843710499765671E-2</v>
      </c>
    </row>
    <row r="90691" spans="1:7" x14ac:dyDescent="0.3">
      <c r="A90691" s="13" t="s">
        <v>453</v>
      </c>
      <c r="B90691" s="14" t="s">
        <v>1</v>
      </c>
      <c r="C90691" s="14" t="s">
        <v>47</v>
      </c>
      <c r="D90691" s="14" t="s">
        <v>33</v>
      </c>
      <c r="E90691" s="15">
        <v>45547</v>
      </c>
      <c r="F90691" s="14" t="s">
        <v>15</v>
      </c>
      <c r="G90691" s="16">
        <v>9.7860781893282026E-2</v>
      </c>
    </row>
    <row r="90692" spans="1:7" x14ac:dyDescent="0.3">
      <c r="A90692" s="13" t="s">
        <v>453</v>
      </c>
      <c r="B90692" s="14" t="s">
        <v>1</v>
      </c>
      <c r="C90692" s="14" t="s">
        <v>47</v>
      </c>
      <c r="D90692" s="14" t="s">
        <v>33</v>
      </c>
      <c r="E90692" s="15">
        <v>45548</v>
      </c>
      <c r="F90692" s="14" t="s">
        <v>15</v>
      </c>
      <c r="G90692" s="16">
        <v>0.10287785328679837</v>
      </c>
    </row>
    <row r="90693" spans="1:7" x14ac:dyDescent="0.3">
      <c r="A90693" s="13" t="s">
        <v>453</v>
      </c>
      <c r="B90693" s="14" t="s">
        <v>1</v>
      </c>
      <c r="C90693" s="14" t="s">
        <v>47</v>
      </c>
      <c r="D90693" s="14" t="s">
        <v>33</v>
      </c>
      <c r="E90693" s="15">
        <v>45549</v>
      </c>
      <c r="F90693" s="14" t="s">
        <v>15</v>
      </c>
      <c r="G90693" s="16">
        <v>0.10287785328679837</v>
      </c>
    </row>
    <row r="90694" spans="1:7" x14ac:dyDescent="0.3">
      <c r="A90694" s="13" t="s">
        <v>453</v>
      </c>
      <c r="B90694" s="14" t="s">
        <v>1</v>
      </c>
      <c r="C90694" s="14" t="s">
        <v>47</v>
      </c>
      <c r="D90694" s="14" t="s">
        <v>33</v>
      </c>
      <c r="E90694" s="15">
        <v>45550</v>
      </c>
      <c r="F90694" s="14" t="s">
        <v>15</v>
      </c>
      <c r="G90694" s="16">
        <v>0.10287785328679837</v>
      </c>
    </row>
    <row r="90695" spans="1:7" x14ac:dyDescent="0.3">
      <c r="A90695" s="13" t="s">
        <v>453</v>
      </c>
      <c r="B90695" s="14" t="s">
        <v>1</v>
      </c>
      <c r="C90695" s="14" t="s">
        <v>47</v>
      </c>
      <c r="D90695" s="14" t="s">
        <v>33</v>
      </c>
      <c r="E90695" s="15">
        <v>45551</v>
      </c>
      <c r="F90695" s="14" t="s">
        <v>15</v>
      </c>
      <c r="G90695" s="16">
        <v>0.10089492468031472</v>
      </c>
    </row>
    <row r="90696" spans="1:7" x14ac:dyDescent="0.3">
      <c r="A90696" s="13" t="s">
        <v>453</v>
      </c>
      <c r="B90696" s="14" t="s">
        <v>1</v>
      </c>
      <c r="C90696" s="14" t="s">
        <v>47</v>
      </c>
      <c r="D90696" s="14" t="s">
        <v>33</v>
      </c>
      <c r="E90696" s="15">
        <v>45552</v>
      </c>
      <c r="F90696" s="14" t="s">
        <v>15</v>
      </c>
      <c r="G90696" s="16">
        <v>9.5911996073831066E-2</v>
      </c>
    </row>
    <row r="90697" spans="1:7" x14ac:dyDescent="0.3">
      <c r="A90697" s="13" t="s">
        <v>453</v>
      </c>
      <c r="B90697" s="14" t="s">
        <v>1</v>
      </c>
      <c r="C90697" s="14" t="s">
        <v>47</v>
      </c>
      <c r="D90697" s="14" t="s">
        <v>33</v>
      </c>
      <c r="E90697" s="15">
        <v>45553</v>
      </c>
      <c r="F90697" s="14" t="s">
        <v>15</v>
      </c>
      <c r="G90697" s="16">
        <v>9.4929067467347417E-2</v>
      </c>
    </row>
    <row r="90698" spans="1:7" x14ac:dyDescent="0.3">
      <c r="A90698" s="13" t="s">
        <v>453</v>
      </c>
      <c r="B90698" s="14" t="s">
        <v>1</v>
      </c>
      <c r="C90698" s="14" t="s">
        <v>47</v>
      </c>
      <c r="D90698" s="14" t="s">
        <v>33</v>
      </c>
      <c r="E90698" s="15">
        <v>45554</v>
      </c>
      <c r="F90698" s="14" t="s">
        <v>15</v>
      </c>
      <c r="G90698" s="16">
        <v>9.2946138860863767E-2</v>
      </c>
    </row>
    <row r="90699" spans="1:7" x14ac:dyDescent="0.3">
      <c r="A90699" s="13" t="s">
        <v>453</v>
      </c>
      <c r="B90699" s="14" t="s">
        <v>1</v>
      </c>
      <c r="C90699" s="14" t="s">
        <v>47</v>
      </c>
      <c r="D90699" s="14" t="s">
        <v>33</v>
      </c>
      <c r="E90699" s="15">
        <v>45555</v>
      </c>
      <c r="F90699" s="14" t="s">
        <v>15</v>
      </c>
      <c r="G90699" s="16">
        <v>0.10196321025438011</v>
      </c>
    </row>
    <row r="90700" spans="1:7" x14ac:dyDescent="0.3">
      <c r="A90700" s="13" t="s">
        <v>453</v>
      </c>
      <c r="B90700" s="14" t="s">
        <v>1</v>
      </c>
      <c r="C90700" s="14" t="s">
        <v>47</v>
      </c>
      <c r="D90700" s="14" t="s">
        <v>33</v>
      </c>
      <c r="E90700" s="15">
        <v>45556</v>
      </c>
      <c r="F90700" s="14" t="s">
        <v>15</v>
      </c>
      <c r="G90700" s="16">
        <v>0.10196321025438011</v>
      </c>
    </row>
    <row r="90701" spans="1:7" x14ac:dyDescent="0.3">
      <c r="A90701" s="13" t="s">
        <v>453</v>
      </c>
      <c r="B90701" s="14" t="s">
        <v>1</v>
      </c>
      <c r="C90701" s="14" t="s">
        <v>47</v>
      </c>
      <c r="D90701" s="14" t="s">
        <v>33</v>
      </c>
      <c r="E90701" s="15">
        <v>45557</v>
      </c>
      <c r="F90701" s="14" t="s">
        <v>15</v>
      </c>
      <c r="G90701" s="16">
        <v>0.10196321025438011</v>
      </c>
    </row>
    <row r="90702" spans="1:7" x14ac:dyDescent="0.3">
      <c r="A90702" s="13" t="s">
        <v>453</v>
      </c>
      <c r="B90702" s="14" t="s">
        <v>1</v>
      </c>
      <c r="C90702" s="14" t="s">
        <v>47</v>
      </c>
      <c r="D90702" s="14" t="s">
        <v>33</v>
      </c>
      <c r="E90702" s="15">
        <v>45558</v>
      </c>
      <c r="F90702" s="14" t="s">
        <v>15</v>
      </c>
      <c r="G90702" s="16">
        <v>9.9980281647896463E-2</v>
      </c>
    </row>
    <row r="90703" spans="1:7" x14ac:dyDescent="0.3">
      <c r="A90703" s="13" t="s">
        <v>453</v>
      </c>
      <c r="B90703" s="14" t="s">
        <v>1</v>
      </c>
      <c r="C90703" s="14" t="s">
        <v>47</v>
      </c>
      <c r="D90703" s="14" t="s">
        <v>33</v>
      </c>
      <c r="E90703" s="15">
        <v>45559</v>
      </c>
      <c r="F90703" s="14" t="s">
        <v>15</v>
      </c>
      <c r="G90703" s="16">
        <v>9.9997353041412815E-2</v>
      </c>
    </row>
    <row r="90704" spans="1:7" x14ac:dyDescent="0.3">
      <c r="A90704" s="13" t="s">
        <v>453</v>
      </c>
      <c r="B90704" s="14" t="s">
        <v>1</v>
      </c>
      <c r="C90704" s="14" t="s">
        <v>47</v>
      </c>
      <c r="D90704" s="14" t="s">
        <v>33</v>
      </c>
      <c r="E90704" s="15">
        <v>45560</v>
      </c>
      <c r="F90704" s="14" t="s">
        <v>15</v>
      </c>
      <c r="G90704" s="16">
        <v>9.8014424434929165E-2</v>
      </c>
    </row>
    <row r="90705" spans="1:7" x14ac:dyDescent="0.3">
      <c r="A90705" s="13" t="s">
        <v>453</v>
      </c>
      <c r="B90705" s="14" t="s">
        <v>1</v>
      </c>
      <c r="C90705" s="14" t="s">
        <v>47</v>
      </c>
      <c r="D90705" s="14" t="s">
        <v>33</v>
      </c>
      <c r="E90705" s="15">
        <v>45561</v>
      </c>
      <c r="F90705" s="14" t="s">
        <v>15</v>
      </c>
      <c r="G90705" s="16">
        <v>9.6031495828445529E-2</v>
      </c>
    </row>
    <row r="90706" spans="1:7" x14ac:dyDescent="0.3">
      <c r="A90706" s="13" t="s">
        <v>453</v>
      </c>
      <c r="B90706" s="14" t="s">
        <v>1</v>
      </c>
      <c r="C90706" s="14" t="s">
        <v>47</v>
      </c>
      <c r="D90706" s="14" t="s">
        <v>33</v>
      </c>
      <c r="E90706" s="15">
        <v>45562</v>
      </c>
      <c r="F90706" s="14" t="s">
        <v>15</v>
      </c>
      <c r="G90706" s="16">
        <v>9.4048567221961879E-2</v>
      </c>
    </row>
    <row r="90707" spans="1:7" x14ac:dyDescent="0.3">
      <c r="A90707" s="13" t="s">
        <v>453</v>
      </c>
      <c r="B90707" s="14" t="s">
        <v>1</v>
      </c>
      <c r="C90707" s="14" t="s">
        <v>47</v>
      </c>
      <c r="D90707" s="14" t="s">
        <v>33</v>
      </c>
      <c r="E90707" s="15">
        <v>45563</v>
      </c>
      <c r="F90707" s="14" t="s">
        <v>15</v>
      </c>
      <c r="G90707" s="16">
        <v>9.4048567221961879E-2</v>
      </c>
    </row>
    <row r="90708" spans="1:7" x14ac:dyDescent="0.3">
      <c r="A90708" s="13" t="s">
        <v>453</v>
      </c>
      <c r="B90708" s="14" t="s">
        <v>1</v>
      </c>
      <c r="C90708" s="14" t="s">
        <v>47</v>
      </c>
      <c r="D90708" s="14" t="s">
        <v>33</v>
      </c>
      <c r="E90708" s="15">
        <v>45564</v>
      </c>
      <c r="F90708" s="14" t="s">
        <v>15</v>
      </c>
      <c r="G90708" s="16">
        <v>9.4048567221961879E-2</v>
      </c>
    </row>
    <row r="90709" spans="1:7" x14ac:dyDescent="0.3">
      <c r="A90709" s="13" t="s">
        <v>453</v>
      </c>
      <c r="B90709" s="14" t="s">
        <v>1</v>
      </c>
      <c r="C90709" s="14" t="s">
        <v>47</v>
      </c>
      <c r="D90709" s="14" t="s">
        <v>33</v>
      </c>
      <c r="E90709" s="15">
        <v>45565</v>
      </c>
      <c r="F90709" s="14" t="s">
        <v>15</v>
      </c>
      <c r="G90709" s="16">
        <v>0.10006563861547824</v>
      </c>
    </row>
    <row r="90710" spans="1:7" x14ac:dyDescent="0.3">
      <c r="A90710" s="13" t="s">
        <v>453</v>
      </c>
      <c r="B90710" s="14" t="s">
        <v>1</v>
      </c>
      <c r="C90710" s="14" t="s">
        <v>47</v>
      </c>
      <c r="D90710" s="14" t="s">
        <v>33</v>
      </c>
      <c r="E90710" s="15">
        <v>45566</v>
      </c>
      <c r="F90710" s="14" t="s">
        <v>15</v>
      </c>
      <c r="G90710" s="16">
        <v>9.8082710008994586E-2</v>
      </c>
    </row>
    <row r="90711" spans="1:7" x14ac:dyDescent="0.3">
      <c r="A90711" s="13" t="s">
        <v>453</v>
      </c>
      <c r="B90711" s="14" t="s">
        <v>1</v>
      </c>
      <c r="C90711" s="14" t="s">
        <v>47</v>
      </c>
      <c r="D90711" s="14" t="s">
        <v>33</v>
      </c>
      <c r="E90711" s="15">
        <v>45567</v>
      </c>
      <c r="F90711" s="14" t="s">
        <v>15</v>
      </c>
      <c r="G90711" s="16">
        <v>0.10109978140251094</v>
      </c>
    </row>
    <row r="90712" spans="1:7" x14ac:dyDescent="0.3">
      <c r="A90712" s="13" t="s">
        <v>453</v>
      </c>
      <c r="B90712" s="14" t="s">
        <v>1</v>
      </c>
      <c r="C90712" s="14" t="s">
        <v>47</v>
      </c>
      <c r="D90712" s="14" t="s">
        <v>33</v>
      </c>
      <c r="E90712" s="15">
        <v>45568</v>
      </c>
      <c r="F90712" s="14" t="s">
        <v>15</v>
      </c>
      <c r="G90712" s="16">
        <v>9.9116852796027305E-2</v>
      </c>
    </row>
    <row r="90713" spans="1:7" x14ac:dyDescent="0.3">
      <c r="A90713" s="13" t="s">
        <v>453</v>
      </c>
      <c r="B90713" s="14" t="s">
        <v>1</v>
      </c>
      <c r="C90713" s="14" t="s">
        <v>47</v>
      </c>
      <c r="D90713" s="14" t="s">
        <v>33</v>
      </c>
      <c r="E90713" s="15">
        <v>45569</v>
      </c>
      <c r="F90713" s="14" t="s">
        <v>15</v>
      </c>
      <c r="G90713" s="16">
        <v>9.7133924189543655E-2</v>
      </c>
    </row>
    <row r="90714" spans="1:7" x14ac:dyDescent="0.3">
      <c r="A90714" s="13" t="s">
        <v>453</v>
      </c>
      <c r="B90714" s="14" t="s">
        <v>1</v>
      </c>
      <c r="C90714" s="14" t="s">
        <v>47</v>
      </c>
      <c r="D90714" s="14" t="s">
        <v>33</v>
      </c>
      <c r="E90714" s="15">
        <v>45570</v>
      </c>
      <c r="F90714" s="14" t="s">
        <v>15</v>
      </c>
      <c r="G90714" s="16">
        <v>9.7133924189543655E-2</v>
      </c>
    </row>
    <row r="90715" spans="1:7" x14ac:dyDescent="0.3">
      <c r="A90715" s="13" t="s">
        <v>453</v>
      </c>
      <c r="B90715" s="14" t="s">
        <v>1</v>
      </c>
      <c r="C90715" s="14" t="s">
        <v>47</v>
      </c>
      <c r="D90715" s="14" t="s">
        <v>33</v>
      </c>
      <c r="E90715" s="15">
        <v>45571</v>
      </c>
      <c r="F90715" s="14" t="s">
        <v>15</v>
      </c>
      <c r="G90715" s="16">
        <v>9.7133924189543655E-2</v>
      </c>
    </row>
    <row r="90716" spans="1:7" x14ac:dyDescent="0.3">
      <c r="A90716" s="13" t="s">
        <v>453</v>
      </c>
      <c r="B90716" s="14" t="s">
        <v>1</v>
      </c>
      <c r="C90716" s="14" t="s">
        <v>47</v>
      </c>
      <c r="D90716" s="14" t="s">
        <v>33</v>
      </c>
      <c r="E90716" s="15">
        <v>45572</v>
      </c>
      <c r="F90716" s="14" t="s">
        <v>15</v>
      </c>
      <c r="G90716" s="16">
        <v>9.5150995583060005E-2</v>
      </c>
    </row>
    <row r="90717" spans="1:7" x14ac:dyDescent="0.3">
      <c r="A90717" s="13" t="s">
        <v>453</v>
      </c>
      <c r="B90717" s="14" t="s">
        <v>1</v>
      </c>
      <c r="C90717" s="14" t="s">
        <v>47</v>
      </c>
      <c r="D90717" s="14" t="s">
        <v>33</v>
      </c>
      <c r="E90717" s="15">
        <v>45573</v>
      </c>
      <c r="F90717" s="14" t="s">
        <v>15</v>
      </c>
      <c r="G90717" s="16">
        <v>8.8168066976576351E-2</v>
      </c>
    </row>
    <row r="90718" spans="1:7" x14ac:dyDescent="0.3">
      <c r="A90718" s="13" t="s">
        <v>453</v>
      </c>
      <c r="B90718" s="14" t="s">
        <v>1</v>
      </c>
      <c r="C90718" s="14" t="s">
        <v>47</v>
      </c>
      <c r="D90718" s="14" t="s">
        <v>33</v>
      </c>
      <c r="E90718" s="15">
        <v>45574</v>
      </c>
      <c r="F90718" s="14" t="s">
        <v>15</v>
      </c>
      <c r="G90718" s="16">
        <v>8.6185138370092701E-2</v>
      </c>
    </row>
    <row r="90719" spans="1:7" x14ac:dyDescent="0.3">
      <c r="A90719" s="13" t="s">
        <v>453</v>
      </c>
      <c r="B90719" s="14" t="s">
        <v>1</v>
      </c>
      <c r="C90719" s="14" t="s">
        <v>47</v>
      </c>
      <c r="D90719" s="14" t="s">
        <v>33</v>
      </c>
      <c r="E90719" s="15">
        <v>45575</v>
      </c>
      <c r="F90719" s="14" t="s">
        <v>15</v>
      </c>
      <c r="G90719" s="16">
        <v>8.4202209763609065E-2</v>
      </c>
    </row>
    <row r="90720" spans="1:7" x14ac:dyDescent="0.3">
      <c r="A90720" s="13" t="s">
        <v>453</v>
      </c>
      <c r="B90720" s="14" t="s">
        <v>1</v>
      </c>
      <c r="C90720" s="14" t="s">
        <v>47</v>
      </c>
      <c r="D90720" s="14" t="s">
        <v>33</v>
      </c>
      <c r="E90720" s="15">
        <v>45576</v>
      </c>
      <c r="F90720" s="14" t="s">
        <v>15</v>
      </c>
      <c r="G90720" s="16">
        <v>8.2219281157125415E-2</v>
      </c>
    </row>
    <row r="90721" spans="1:7" x14ac:dyDescent="0.3">
      <c r="A90721" s="13" t="s">
        <v>453</v>
      </c>
      <c r="B90721" s="14" t="s">
        <v>1</v>
      </c>
      <c r="C90721" s="14" t="s">
        <v>47</v>
      </c>
      <c r="D90721" s="14" t="s">
        <v>33</v>
      </c>
      <c r="E90721" s="15">
        <v>45577</v>
      </c>
      <c r="F90721" s="14" t="s">
        <v>15</v>
      </c>
      <c r="G90721" s="16">
        <v>8.2219281157125415E-2</v>
      </c>
    </row>
    <row r="90722" spans="1:7" x14ac:dyDescent="0.3">
      <c r="A90722" s="13" t="s">
        <v>453</v>
      </c>
      <c r="B90722" s="14" t="s">
        <v>1</v>
      </c>
      <c r="C90722" s="14" t="s">
        <v>47</v>
      </c>
      <c r="D90722" s="14" t="s">
        <v>33</v>
      </c>
      <c r="E90722" s="15">
        <v>45578</v>
      </c>
      <c r="F90722" s="14" t="s">
        <v>15</v>
      </c>
      <c r="G90722" s="16">
        <v>8.2219281157125415E-2</v>
      </c>
    </row>
    <row r="90723" spans="1:7" x14ac:dyDescent="0.3">
      <c r="A90723" s="13" t="s">
        <v>453</v>
      </c>
      <c r="B90723" s="14" t="s">
        <v>1</v>
      </c>
      <c r="C90723" s="14" t="s">
        <v>47</v>
      </c>
      <c r="D90723" s="14" t="s">
        <v>33</v>
      </c>
      <c r="E90723" s="15">
        <v>45579</v>
      </c>
      <c r="F90723" s="14" t="s">
        <v>15</v>
      </c>
      <c r="G90723" s="16">
        <v>8.2219281157125415E-2</v>
      </c>
    </row>
    <row r="90724" spans="1:7" x14ac:dyDescent="0.3">
      <c r="A90724" s="13" t="s">
        <v>453</v>
      </c>
      <c r="B90724" s="14" t="s">
        <v>1</v>
      </c>
      <c r="C90724" s="14" t="s">
        <v>47</v>
      </c>
      <c r="D90724" s="14" t="s">
        <v>33</v>
      </c>
      <c r="E90724" s="15">
        <v>45580</v>
      </c>
      <c r="F90724" s="14" t="s">
        <v>15</v>
      </c>
      <c r="G90724" s="16">
        <v>8.4236352550641769E-2</v>
      </c>
    </row>
    <row r="90725" spans="1:7" x14ac:dyDescent="0.3">
      <c r="A90725" s="13" t="s">
        <v>453</v>
      </c>
      <c r="B90725" s="14" t="s">
        <v>1</v>
      </c>
      <c r="C90725" s="14" t="s">
        <v>47</v>
      </c>
      <c r="D90725" s="14" t="s">
        <v>33</v>
      </c>
      <c r="E90725" s="15">
        <v>45581</v>
      </c>
      <c r="F90725" s="14" t="s">
        <v>15</v>
      </c>
      <c r="G90725" s="16">
        <v>7.5253423944158113E-2</v>
      </c>
    </row>
    <row r="90726" spans="1:7" x14ac:dyDescent="0.3">
      <c r="A90726" s="13" t="s">
        <v>453</v>
      </c>
      <c r="B90726" s="14" t="s">
        <v>1</v>
      </c>
      <c r="C90726" s="14" t="s">
        <v>47</v>
      </c>
      <c r="D90726" s="14" t="s">
        <v>33</v>
      </c>
      <c r="E90726" s="15">
        <v>45582</v>
      </c>
      <c r="F90726" s="14" t="s">
        <v>15</v>
      </c>
      <c r="G90726" s="16">
        <v>7.3270495337674463E-2</v>
      </c>
    </row>
    <row r="90727" spans="1:7" x14ac:dyDescent="0.3">
      <c r="A90727" s="13" t="s">
        <v>453</v>
      </c>
      <c r="B90727" s="14" t="s">
        <v>1</v>
      </c>
      <c r="C90727" s="14" t="s">
        <v>47</v>
      </c>
      <c r="D90727" s="14" t="s">
        <v>33</v>
      </c>
      <c r="E90727" s="15">
        <v>45583</v>
      </c>
      <c r="F90727" s="14" t="s">
        <v>15</v>
      </c>
      <c r="G90727" s="16">
        <v>7.1287566731190827E-2</v>
      </c>
    </row>
    <row r="90728" spans="1:7" x14ac:dyDescent="0.3">
      <c r="A90728" s="13" t="s">
        <v>453</v>
      </c>
      <c r="B90728" s="14" t="s">
        <v>1</v>
      </c>
      <c r="C90728" s="14" t="s">
        <v>47</v>
      </c>
      <c r="D90728" s="14" t="s">
        <v>33</v>
      </c>
      <c r="E90728" s="15">
        <v>45584</v>
      </c>
      <c r="F90728" s="14" t="s">
        <v>15</v>
      </c>
      <c r="G90728" s="16">
        <v>7.1287566731190827E-2</v>
      </c>
    </row>
    <row r="90729" spans="1:7" x14ac:dyDescent="0.3">
      <c r="A90729" s="13" t="s">
        <v>453</v>
      </c>
      <c r="B90729" s="14" t="s">
        <v>1</v>
      </c>
      <c r="C90729" s="14" t="s">
        <v>47</v>
      </c>
      <c r="D90729" s="14" t="s">
        <v>33</v>
      </c>
      <c r="E90729" s="15">
        <v>45585</v>
      </c>
      <c r="F90729" s="14" t="s">
        <v>15</v>
      </c>
      <c r="G90729" s="16">
        <v>7.1287566731190827E-2</v>
      </c>
    </row>
    <row r="90730" spans="1:7" x14ac:dyDescent="0.3">
      <c r="A90730" s="13" t="s">
        <v>453</v>
      </c>
      <c r="B90730" s="14" t="s">
        <v>1</v>
      </c>
      <c r="C90730" s="14" t="s">
        <v>47</v>
      </c>
      <c r="D90730" s="14" t="s">
        <v>33</v>
      </c>
      <c r="E90730" s="15">
        <v>45586</v>
      </c>
      <c r="F90730" s="14" t="s">
        <v>15</v>
      </c>
      <c r="G90730" s="16">
        <v>7.230463812470718E-2</v>
      </c>
    </row>
    <row r="90731" spans="1:7" x14ac:dyDescent="0.3">
      <c r="A90731" s="13" t="s">
        <v>453</v>
      </c>
      <c r="B90731" s="14" t="s">
        <v>1</v>
      </c>
      <c r="C90731" s="14" t="s">
        <v>47</v>
      </c>
      <c r="D90731" s="14" t="s">
        <v>33</v>
      </c>
      <c r="E90731" s="15">
        <v>45587</v>
      </c>
      <c r="F90731" s="14" t="s">
        <v>15</v>
      </c>
      <c r="G90731" s="16">
        <v>6.5321709518223525E-2</v>
      </c>
    </row>
    <row r="90732" spans="1:7" x14ac:dyDescent="0.3">
      <c r="A90732" s="13" t="s">
        <v>453</v>
      </c>
      <c r="B90732" s="14" t="s">
        <v>1</v>
      </c>
      <c r="C90732" s="14" t="s">
        <v>47</v>
      </c>
      <c r="D90732" s="14" t="s">
        <v>33</v>
      </c>
      <c r="E90732" s="15">
        <v>45588</v>
      </c>
      <c r="F90732" s="14" t="s">
        <v>15</v>
      </c>
      <c r="G90732" s="16">
        <v>6.3338780911739875E-2</v>
      </c>
    </row>
    <row r="90733" spans="1:7" x14ac:dyDescent="0.3">
      <c r="A90733" s="13" t="s">
        <v>453</v>
      </c>
      <c r="B90733" s="14" t="s">
        <v>1</v>
      </c>
      <c r="C90733" s="14" t="s">
        <v>47</v>
      </c>
      <c r="D90733" s="14" t="s">
        <v>33</v>
      </c>
      <c r="E90733" s="15">
        <v>45589</v>
      </c>
      <c r="F90733" s="14" t="s">
        <v>15</v>
      </c>
      <c r="G90733" s="16">
        <v>6.1355852305256232E-2</v>
      </c>
    </row>
    <row r="90734" spans="1:7" x14ac:dyDescent="0.3">
      <c r="A90734" s="13" t="s">
        <v>453</v>
      </c>
      <c r="B90734" s="14" t="s">
        <v>1</v>
      </c>
      <c r="C90734" s="14" t="s">
        <v>47</v>
      </c>
      <c r="D90734" s="14" t="s">
        <v>33</v>
      </c>
      <c r="E90734" s="15">
        <v>45590</v>
      </c>
      <c r="F90734" s="14" t="s">
        <v>15</v>
      </c>
      <c r="G90734" s="16">
        <v>5.9372923698772583E-2</v>
      </c>
    </row>
    <row r="90735" spans="1:7" x14ac:dyDescent="0.3">
      <c r="A90735" s="13" t="s">
        <v>453</v>
      </c>
      <c r="B90735" s="14" t="s">
        <v>1</v>
      </c>
      <c r="C90735" s="14" t="s">
        <v>47</v>
      </c>
      <c r="D90735" s="14" t="s">
        <v>33</v>
      </c>
      <c r="E90735" s="15">
        <v>45591</v>
      </c>
      <c r="F90735" s="14" t="s">
        <v>15</v>
      </c>
      <c r="G90735" s="16">
        <v>5.9372923698772583E-2</v>
      </c>
    </row>
    <row r="90736" spans="1:7" x14ac:dyDescent="0.3">
      <c r="A90736" s="13" t="s">
        <v>453</v>
      </c>
      <c r="B90736" s="14" t="s">
        <v>1</v>
      </c>
      <c r="C90736" s="14" t="s">
        <v>47</v>
      </c>
      <c r="D90736" s="14" t="s">
        <v>33</v>
      </c>
      <c r="E90736" s="15">
        <v>45592</v>
      </c>
      <c r="F90736" s="14" t="s">
        <v>15</v>
      </c>
      <c r="G90736" s="16">
        <v>5.9372923698772583E-2</v>
      </c>
    </row>
    <row r="90737" spans="1:7" x14ac:dyDescent="0.3">
      <c r="A90737" s="13" t="s">
        <v>453</v>
      </c>
      <c r="B90737" s="14" t="s">
        <v>1</v>
      </c>
      <c r="C90737" s="14" t="s">
        <v>47</v>
      </c>
      <c r="D90737" s="14" t="s">
        <v>33</v>
      </c>
      <c r="E90737" s="15">
        <v>45593</v>
      </c>
      <c r="F90737" s="14" t="s">
        <v>15</v>
      </c>
      <c r="G90737" s="16">
        <v>5.9372923698772583E-2</v>
      </c>
    </row>
    <row r="90738" spans="1:7" x14ac:dyDescent="0.3">
      <c r="A90738" s="13" t="s">
        <v>453</v>
      </c>
      <c r="B90738" s="14" t="s">
        <v>1</v>
      </c>
      <c r="C90738" s="14" t="s">
        <v>47</v>
      </c>
      <c r="D90738" s="14" t="s">
        <v>33</v>
      </c>
      <c r="E90738" s="15">
        <v>45594</v>
      </c>
      <c r="F90738" s="14" t="s">
        <v>15</v>
      </c>
      <c r="G90738" s="16">
        <v>6.1389995092288929E-2</v>
      </c>
    </row>
    <row r="90739" spans="1:7" x14ac:dyDescent="0.3">
      <c r="A90739" s="13" t="s">
        <v>453</v>
      </c>
      <c r="B90739" s="14" t="s">
        <v>1</v>
      </c>
      <c r="C90739" s="14" t="s">
        <v>47</v>
      </c>
      <c r="D90739" s="14" t="s">
        <v>33</v>
      </c>
      <c r="E90739" s="15">
        <v>45595</v>
      </c>
      <c r="F90739" s="14" t="s">
        <v>15</v>
      </c>
      <c r="G90739" s="16">
        <v>5.2407066485805273E-2</v>
      </c>
    </row>
    <row r="90740" spans="1:7" x14ac:dyDescent="0.3">
      <c r="A90740" s="13" t="s">
        <v>453</v>
      </c>
      <c r="B90740" s="14" t="s">
        <v>1</v>
      </c>
      <c r="C90740" s="14" t="s">
        <v>47</v>
      </c>
      <c r="D90740" s="14" t="s">
        <v>33</v>
      </c>
      <c r="E90740" s="15">
        <v>45596</v>
      </c>
      <c r="F90740" s="14" t="s">
        <v>15</v>
      </c>
      <c r="G90740" s="16">
        <v>5.042413787932163E-2</v>
      </c>
    </row>
    <row r="90741" spans="1:7" x14ac:dyDescent="0.3">
      <c r="A90741" s="13" t="s">
        <v>453</v>
      </c>
      <c r="B90741" s="14" t="s">
        <v>1</v>
      </c>
      <c r="C90741" s="14" t="s">
        <v>47</v>
      </c>
      <c r="D90741" s="14" t="s">
        <v>33</v>
      </c>
      <c r="E90741" s="15">
        <v>45597</v>
      </c>
      <c r="F90741" s="14" t="s">
        <v>15</v>
      </c>
      <c r="G90741" s="16">
        <v>4.844120927283798E-2</v>
      </c>
    </row>
    <row r="90742" spans="1:7" x14ac:dyDescent="0.3">
      <c r="A90742" s="13" t="s">
        <v>453</v>
      </c>
      <c r="B90742" s="14" t="s">
        <v>1</v>
      </c>
      <c r="C90742" s="14" t="s">
        <v>47</v>
      </c>
      <c r="D90742" s="14" t="s">
        <v>33</v>
      </c>
      <c r="E90742" s="15">
        <v>45598</v>
      </c>
      <c r="F90742" s="14" t="s">
        <v>15</v>
      </c>
      <c r="G90742" s="16">
        <v>4.844120927283798E-2</v>
      </c>
    </row>
    <row r="90743" spans="1:7" x14ac:dyDescent="0.3">
      <c r="A90743" s="13" t="s">
        <v>453</v>
      </c>
      <c r="B90743" s="14" t="s">
        <v>1</v>
      </c>
      <c r="C90743" s="14" t="s">
        <v>47</v>
      </c>
      <c r="D90743" s="14" t="s">
        <v>33</v>
      </c>
      <c r="E90743" s="15">
        <v>45599</v>
      </c>
      <c r="F90743" s="14" t="s">
        <v>15</v>
      </c>
      <c r="G90743" s="16">
        <v>4.844120927283798E-2</v>
      </c>
    </row>
    <row r="90744" spans="1:7" x14ac:dyDescent="0.3">
      <c r="A90744" s="13" t="s">
        <v>453</v>
      </c>
      <c r="B90744" s="14" t="s">
        <v>1</v>
      </c>
      <c r="C90744" s="14" t="s">
        <v>47</v>
      </c>
      <c r="D90744" s="14" t="s">
        <v>33</v>
      </c>
      <c r="E90744" s="15">
        <v>45600</v>
      </c>
      <c r="F90744" s="14" t="s">
        <v>15</v>
      </c>
      <c r="G90744" s="16">
        <v>4.9458280666354333E-2</v>
      </c>
    </row>
    <row r="90745" spans="1:7" x14ac:dyDescent="0.3">
      <c r="A90745" s="13" t="s">
        <v>453</v>
      </c>
      <c r="B90745" s="14" t="s">
        <v>1</v>
      </c>
      <c r="C90745" s="14" t="s">
        <v>47</v>
      </c>
      <c r="D90745" s="14" t="s">
        <v>33</v>
      </c>
      <c r="E90745" s="15">
        <v>45601</v>
      </c>
      <c r="F90745" s="14" t="s">
        <v>15</v>
      </c>
      <c r="G90745" s="16">
        <v>4.2475352059870679E-2</v>
      </c>
    </row>
    <row r="90746" spans="1:7" x14ac:dyDescent="0.3">
      <c r="A90746" s="13" t="s">
        <v>453</v>
      </c>
      <c r="B90746" s="14" t="s">
        <v>1</v>
      </c>
      <c r="C90746" s="14" t="s">
        <v>47</v>
      </c>
      <c r="D90746" s="14" t="s">
        <v>33</v>
      </c>
      <c r="E90746" s="15">
        <v>45602</v>
      </c>
      <c r="F90746" s="14" t="s">
        <v>15</v>
      </c>
      <c r="G90746" s="16">
        <v>4.0492423453387036E-2</v>
      </c>
    </row>
    <row r="90747" spans="1:7" x14ac:dyDescent="0.3">
      <c r="A90747" s="13" t="s">
        <v>453</v>
      </c>
      <c r="B90747" s="14" t="s">
        <v>1</v>
      </c>
      <c r="C90747" s="14" t="s">
        <v>47</v>
      </c>
      <c r="D90747" s="14" t="s">
        <v>33</v>
      </c>
      <c r="E90747" s="15">
        <v>45603</v>
      </c>
      <c r="F90747" s="14" t="s">
        <v>15</v>
      </c>
      <c r="G90747" s="16">
        <v>3.950949484690338E-2</v>
      </c>
    </row>
    <row r="90748" spans="1:7" x14ac:dyDescent="0.3">
      <c r="A90748" s="13" t="s">
        <v>453</v>
      </c>
      <c r="B90748" s="14" t="s">
        <v>1</v>
      </c>
      <c r="C90748" s="14" t="s">
        <v>47</v>
      </c>
      <c r="D90748" s="14" t="s">
        <v>33</v>
      </c>
      <c r="E90748" s="15">
        <v>45604</v>
      </c>
      <c r="F90748" s="14" t="s">
        <v>15</v>
      </c>
      <c r="G90748" s="16">
        <v>3.7526566240419737E-2</v>
      </c>
    </row>
    <row r="90749" spans="1:7" x14ac:dyDescent="0.3">
      <c r="A90749" s="13" t="s">
        <v>453</v>
      </c>
      <c r="B90749" s="14" t="s">
        <v>1</v>
      </c>
      <c r="C90749" s="14" t="s">
        <v>47</v>
      </c>
      <c r="D90749" s="14" t="s">
        <v>33</v>
      </c>
      <c r="E90749" s="15">
        <v>45605</v>
      </c>
      <c r="F90749" s="14" t="s">
        <v>15</v>
      </c>
      <c r="G90749" s="16">
        <v>3.7526566240419737E-2</v>
      </c>
    </row>
    <row r="90750" spans="1:7" x14ac:dyDescent="0.3">
      <c r="A90750" s="13" t="s">
        <v>453</v>
      </c>
      <c r="B90750" s="14" t="s">
        <v>1</v>
      </c>
      <c r="C90750" s="14" t="s">
        <v>47</v>
      </c>
      <c r="D90750" s="14" t="s">
        <v>33</v>
      </c>
      <c r="E90750" s="15">
        <v>45606</v>
      </c>
      <c r="F90750" s="14" t="s">
        <v>15</v>
      </c>
      <c r="G90750" s="16">
        <v>3.7526566240419737E-2</v>
      </c>
    </row>
    <row r="90751" spans="1:7" x14ac:dyDescent="0.3">
      <c r="A90751" s="13" t="s">
        <v>453</v>
      </c>
      <c r="B90751" s="14" t="s">
        <v>1</v>
      </c>
      <c r="C90751" s="14" t="s">
        <v>47</v>
      </c>
      <c r="D90751" s="14" t="s">
        <v>33</v>
      </c>
      <c r="E90751" s="15">
        <v>45607</v>
      </c>
      <c r="F90751" s="14" t="s">
        <v>15</v>
      </c>
      <c r="G90751" s="16">
        <v>3.7526566240419737E-2</v>
      </c>
    </row>
    <row r="90752" spans="1:7" x14ac:dyDescent="0.3">
      <c r="A90752" s="13" t="s">
        <v>453</v>
      </c>
      <c r="B90752" s="14" t="s">
        <v>1</v>
      </c>
      <c r="C90752" s="14" t="s">
        <v>47</v>
      </c>
      <c r="D90752" s="14" t="s">
        <v>33</v>
      </c>
      <c r="E90752" s="15">
        <v>45608</v>
      </c>
      <c r="F90752" s="14" t="s">
        <v>15</v>
      </c>
      <c r="G90752" s="16">
        <v>3.5543637633936087E-2</v>
      </c>
    </row>
    <row r="90753" spans="1:7" x14ac:dyDescent="0.3">
      <c r="A90753" s="13" t="s">
        <v>453</v>
      </c>
      <c r="B90753" s="14" t="s">
        <v>1</v>
      </c>
      <c r="C90753" s="14" t="s">
        <v>47</v>
      </c>
      <c r="D90753" s="14" t="s">
        <v>33</v>
      </c>
      <c r="E90753" s="15">
        <v>45609</v>
      </c>
      <c r="F90753" s="14" t="s">
        <v>15</v>
      </c>
      <c r="G90753" s="16">
        <v>2.6560709027452438E-2</v>
      </c>
    </row>
    <row r="90754" spans="1:7" x14ac:dyDescent="0.3">
      <c r="A90754" s="13" t="s">
        <v>453</v>
      </c>
      <c r="B90754" s="14" t="s">
        <v>1</v>
      </c>
      <c r="C90754" s="14" t="s">
        <v>47</v>
      </c>
      <c r="D90754" s="14" t="s">
        <v>33</v>
      </c>
      <c r="E90754" s="15">
        <v>45610</v>
      </c>
      <c r="F90754" s="14" t="s">
        <v>15</v>
      </c>
      <c r="G90754" s="16">
        <v>2.4577780420968788E-2</v>
      </c>
    </row>
    <row r="90755" spans="1:7" x14ac:dyDescent="0.3">
      <c r="A90755" s="13" t="s">
        <v>453</v>
      </c>
      <c r="B90755" s="14" t="s">
        <v>1</v>
      </c>
      <c r="C90755" s="14" t="s">
        <v>47</v>
      </c>
      <c r="D90755" s="14" t="s">
        <v>33</v>
      </c>
      <c r="E90755" s="15">
        <v>45611</v>
      </c>
      <c r="F90755" s="14" t="s">
        <v>15</v>
      </c>
      <c r="G90755" s="16">
        <v>2.3594851814485139E-2</v>
      </c>
    </row>
    <row r="90756" spans="1:7" x14ac:dyDescent="0.3">
      <c r="A90756" s="13" t="s">
        <v>453</v>
      </c>
      <c r="B90756" s="14" t="s">
        <v>1</v>
      </c>
      <c r="C90756" s="14" t="s">
        <v>47</v>
      </c>
      <c r="D90756" s="14" t="s">
        <v>33</v>
      </c>
      <c r="E90756" s="15">
        <v>45612</v>
      </c>
      <c r="F90756" s="14" t="s">
        <v>15</v>
      </c>
      <c r="G90756" s="16">
        <v>2.3594851814485139E-2</v>
      </c>
    </row>
    <row r="90757" spans="1:7" x14ac:dyDescent="0.3">
      <c r="A90757" s="13" t="s">
        <v>453</v>
      </c>
      <c r="B90757" s="14" t="s">
        <v>1</v>
      </c>
      <c r="C90757" s="14" t="s">
        <v>47</v>
      </c>
      <c r="D90757" s="14" t="s">
        <v>33</v>
      </c>
      <c r="E90757" s="15">
        <v>45613</v>
      </c>
      <c r="F90757" s="14" t="s">
        <v>15</v>
      </c>
      <c r="G90757" s="16">
        <v>2.3594851814485139E-2</v>
      </c>
    </row>
    <row r="90758" spans="1:7" x14ac:dyDescent="0.3">
      <c r="A90758" s="13" t="s">
        <v>453</v>
      </c>
      <c r="B90758" s="14" t="s">
        <v>1</v>
      </c>
      <c r="C90758" s="14" t="s">
        <v>47</v>
      </c>
      <c r="D90758" s="14" t="s">
        <v>33</v>
      </c>
      <c r="E90758" s="15">
        <v>45614</v>
      </c>
      <c r="F90758" s="14" t="s">
        <v>15</v>
      </c>
      <c r="G90758" s="16">
        <v>2.1611923208001489E-2</v>
      </c>
    </row>
    <row r="90759" spans="1:7" x14ac:dyDescent="0.3">
      <c r="A90759" s="13" t="s">
        <v>453</v>
      </c>
      <c r="B90759" s="14" t="s">
        <v>1</v>
      </c>
      <c r="C90759" s="14" t="s">
        <v>47</v>
      </c>
      <c r="D90759" s="14" t="s">
        <v>33</v>
      </c>
      <c r="E90759" s="15">
        <v>45615</v>
      </c>
      <c r="F90759" s="14" t="s">
        <v>15</v>
      </c>
      <c r="G90759" s="16">
        <v>1.4628994601517842E-2</v>
      </c>
    </row>
    <row r="90760" spans="1:7" x14ac:dyDescent="0.3">
      <c r="A90760" s="13" t="s">
        <v>453</v>
      </c>
      <c r="B90760" s="14" t="s">
        <v>1</v>
      </c>
      <c r="C90760" s="14" t="s">
        <v>47</v>
      </c>
      <c r="D90760" s="14" t="s">
        <v>33</v>
      </c>
      <c r="E90760" s="15">
        <v>45616</v>
      </c>
      <c r="F90760" s="14" t="s">
        <v>15</v>
      </c>
      <c r="G90760" s="16">
        <v>1.2646065995034192E-2</v>
      </c>
    </row>
    <row r="90761" spans="1:7" x14ac:dyDescent="0.3">
      <c r="A90761" s="13" t="s">
        <v>453</v>
      </c>
      <c r="B90761" s="14" t="s">
        <v>1</v>
      </c>
      <c r="C90761" s="14" t="s">
        <v>47</v>
      </c>
      <c r="D90761" s="14" t="s">
        <v>33</v>
      </c>
      <c r="E90761" s="15">
        <v>45617</v>
      </c>
      <c r="F90761" s="14" t="s">
        <v>15</v>
      </c>
      <c r="G90761" s="16">
        <v>1.0663137388550542E-2</v>
      </c>
    </row>
    <row r="90762" spans="1:7" x14ac:dyDescent="0.3">
      <c r="A90762" s="13" t="s">
        <v>453</v>
      </c>
      <c r="B90762" s="14" t="s">
        <v>1</v>
      </c>
      <c r="C90762" s="14" t="s">
        <v>47</v>
      </c>
      <c r="D90762" s="14" t="s">
        <v>33</v>
      </c>
      <c r="E90762" s="15">
        <v>45618</v>
      </c>
      <c r="F90762" s="14" t="s">
        <v>15</v>
      </c>
      <c r="G90762" s="16">
        <v>8.6802087820668922E-3</v>
      </c>
    </row>
    <row r="90763" spans="1:7" x14ac:dyDescent="0.3">
      <c r="A90763" s="13" t="s">
        <v>453</v>
      </c>
      <c r="B90763" s="14" t="s">
        <v>1</v>
      </c>
      <c r="C90763" s="14" t="s">
        <v>47</v>
      </c>
      <c r="D90763" s="14" t="s">
        <v>33</v>
      </c>
      <c r="E90763" s="15">
        <v>45619</v>
      </c>
      <c r="F90763" s="14" t="s">
        <v>15</v>
      </c>
      <c r="G90763" s="16">
        <v>8.6802087820668922E-3</v>
      </c>
    </row>
    <row r="90764" spans="1:7" x14ac:dyDescent="0.3">
      <c r="A90764" s="13" t="s">
        <v>453</v>
      </c>
      <c r="B90764" s="14" t="s">
        <v>1</v>
      </c>
      <c r="C90764" s="14" t="s">
        <v>47</v>
      </c>
      <c r="D90764" s="14" t="s">
        <v>33</v>
      </c>
      <c r="E90764" s="15">
        <v>45620</v>
      </c>
      <c r="F90764" s="14" t="s">
        <v>15</v>
      </c>
      <c r="G90764" s="16">
        <v>8.6802087820668922E-3</v>
      </c>
    </row>
    <row r="90765" spans="1:7" x14ac:dyDescent="0.3">
      <c r="A90765" s="13" t="s">
        <v>453</v>
      </c>
      <c r="B90765" s="14" t="s">
        <v>1</v>
      </c>
      <c r="C90765" s="14" t="s">
        <v>47</v>
      </c>
      <c r="D90765" s="14" t="s">
        <v>33</v>
      </c>
      <c r="E90765" s="15">
        <v>45621</v>
      </c>
      <c r="F90765" s="14" t="s">
        <v>15</v>
      </c>
      <c r="G90765" s="16">
        <v>6.6972801755832423E-3</v>
      </c>
    </row>
    <row r="90766" spans="1:7" x14ac:dyDescent="0.3">
      <c r="A90766" s="13" t="s">
        <v>453</v>
      </c>
      <c r="B90766" s="14" t="s">
        <v>1</v>
      </c>
      <c r="C90766" s="14" t="s">
        <v>47</v>
      </c>
      <c r="D90766" s="14" t="s">
        <v>33</v>
      </c>
      <c r="E90766" s="15">
        <v>45622</v>
      </c>
      <c r="F90766" s="14" t="s">
        <v>15</v>
      </c>
      <c r="G90766" s="16">
        <v>0</v>
      </c>
    </row>
    <row r="90767" spans="1:7" x14ac:dyDescent="0.3">
      <c r="A90767" s="13" t="s">
        <v>453</v>
      </c>
      <c r="B90767" s="14" t="s">
        <v>1</v>
      </c>
      <c r="C90767" s="14" t="s">
        <v>47</v>
      </c>
      <c r="D90767" s="14" t="s">
        <v>33</v>
      </c>
      <c r="E90767" s="15">
        <v>45623</v>
      </c>
      <c r="F90767" s="14" t="s">
        <v>15</v>
      </c>
      <c r="G90767" s="16">
        <v>0</v>
      </c>
    </row>
    <row r="90768" spans="1:7" x14ac:dyDescent="0.3">
      <c r="A90768" s="13" t="s">
        <v>453</v>
      </c>
      <c r="B90768" s="14" t="s">
        <v>1</v>
      </c>
      <c r="C90768" s="14" t="s">
        <v>47</v>
      </c>
      <c r="D90768" s="14" t="s">
        <v>33</v>
      </c>
      <c r="E90768" s="15">
        <v>45624</v>
      </c>
      <c r="F90768" s="14" t="s">
        <v>15</v>
      </c>
      <c r="G90768" s="16">
        <v>0</v>
      </c>
    </row>
    <row r="90769" spans="1:7" x14ac:dyDescent="0.3">
      <c r="A90769" s="13" t="s">
        <v>453</v>
      </c>
      <c r="B90769" s="14" t="s">
        <v>1</v>
      </c>
      <c r="C90769" s="14" t="s">
        <v>47</v>
      </c>
      <c r="D90769" s="14" t="s">
        <v>33</v>
      </c>
      <c r="E90769" s="15">
        <v>45625</v>
      </c>
      <c r="F90769" s="14" t="s">
        <v>15</v>
      </c>
      <c r="G90769" s="16">
        <v>0</v>
      </c>
    </row>
    <row r="90770" spans="1:7" x14ac:dyDescent="0.3">
      <c r="A90770" s="13" t="s">
        <v>453</v>
      </c>
      <c r="B90770" s="14" t="s">
        <v>1</v>
      </c>
      <c r="C90770" s="14" t="s">
        <v>47</v>
      </c>
      <c r="D90770" s="14" t="s">
        <v>33</v>
      </c>
      <c r="E90770" s="15">
        <v>45626</v>
      </c>
      <c r="F90770" s="14" t="s">
        <v>15</v>
      </c>
      <c r="G90770" s="16">
        <v>0</v>
      </c>
    </row>
    <row r="90771" spans="1:7" x14ac:dyDescent="0.3">
      <c r="A90771" s="13" t="s">
        <v>453</v>
      </c>
      <c r="B90771" s="14" t="s">
        <v>1</v>
      </c>
      <c r="C90771" s="14" t="s">
        <v>47</v>
      </c>
      <c r="D90771" s="14" t="s">
        <v>33</v>
      </c>
      <c r="E90771" s="15">
        <v>45627</v>
      </c>
      <c r="F90771" s="14" t="s">
        <v>15</v>
      </c>
      <c r="G90771" s="16">
        <v>0</v>
      </c>
    </row>
    <row r="90772" spans="1:7" x14ac:dyDescent="0.3">
      <c r="A90772" s="13" t="s">
        <v>453</v>
      </c>
      <c r="B90772" s="14" t="s">
        <v>1</v>
      </c>
      <c r="C90772" s="14" t="s">
        <v>47</v>
      </c>
      <c r="D90772" s="14" t="s">
        <v>33</v>
      </c>
      <c r="E90772" s="15">
        <v>45628</v>
      </c>
      <c r="F90772" s="14" t="s">
        <v>15</v>
      </c>
      <c r="G90772" s="16">
        <v>0</v>
      </c>
    </row>
    <row r="90773" spans="1:7" x14ac:dyDescent="0.3">
      <c r="A90773" s="13" t="s">
        <v>453</v>
      </c>
      <c r="B90773" s="14" t="s">
        <v>1</v>
      </c>
      <c r="C90773" s="14" t="s">
        <v>47</v>
      </c>
      <c r="D90773" s="14" t="s">
        <v>33</v>
      </c>
      <c r="E90773" s="15">
        <v>45629</v>
      </c>
      <c r="F90773" s="14" t="s">
        <v>15</v>
      </c>
      <c r="G90773" s="16">
        <v>0</v>
      </c>
    </row>
    <row r="90774" spans="1:7" x14ac:dyDescent="0.3">
      <c r="A90774" s="13" t="s">
        <v>453</v>
      </c>
      <c r="B90774" s="14" t="s">
        <v>1</v>
      </c>
      <c r="C90774" s="14" t="s">
        <v>47</v>
      </c>
      <c r="D90774" s="14" t="s">
        <v>33</v>
      </c>
      <c r="E90774" s="15">
        <v>45630</v>
      </c>
      <c r="F90774" s="14" t="s">
        <v>15</v>
      </c>
      <c r="G90774" s="16">
        <v>0</v>
      </c>
    </row>
    <row r="90775" spans="1:7" x14ac:dyDescent="0.3">
      <c r="A90775" s="13" t="s">
        <v>453</v>
      </c>
      <c r="B90775" s="14" t="s">
        <v>1</v>
      </c>
      <c r="C90775" s="14" t="s">
        <v>47</v>
      </c>
      <c r="D90775" s="14" t="s">
        <v>33</v>
      </c>
      <c r="E90775" s="15">
        <v>45631</v>
      </c>
      <c r="F90775" s="14" t="s">
        <v>15</v>
      </c>
      <c r="G90775" s="16">
        <v>0</v>
      </c>
    </row>
    <row r="90776" spans="1:7" x14ac:dyDescent="0.3">
      <c r="A90776" s="13" t="s">
        <v>453</v>
      </c>
      <c r="B90776" s="14" t="s">
        <v>1</v>
      </c>
      <c r="C90776" s="14" t="s">
        <v>47</v>
      </c>
      <c r="D90776" s="14" t="s">
        <v>33</v>
      </c>
      <c r="E90776" s="15">
        <v>45632</v>
      </c>
      <c r="F90776" s="14" t="s">
        <v>15</v>
      </c>
      <c r="G90776" s="16">
        <v>0</v>
      </c>
    </row>
    <row r="90777" spans="1:7" x14ac:dyDescent="0.3">
      <c r="A90777" s="13" t="s">
        <v>453</v>
      </c>
      <c r="B90777" s="14" t="s">
        <v>1</v>
      </c>
      <c r="C90777" s="14" t="s">
        <v>47</v>
      </c>
      <c r="D90777" s="14" t="s">
        <v>33</v>
      </c>
      <c r="E90777" s="15">
        <v>45633</v>
      </c>
      <c r="F90777" s="14" t="s">
        <v>15</v>
      </c>
      <c r="G90777" s="16">
        <v>0</v>
      </c>
    </row>
    <row r="90778" spans="1:7" x14ac:dyDescent="0.3">
      <c r="A90778" s="13" t="s">
        <v>453</v>
      </c>
      <c r="B90778" s="14" t="s">
        <v>1</v>
      </c>
      <c r="C90778" s="14" t="s">
        <v>47</v>
      </c>
      <c r="D90778" s="14" t="s">
        <v>33</v>
      </c>
      <c r="E90778" s="15">
        <v>45634</v>
      </c>
      <c r="F90778" s="14" t="s">
        <v>15</v>
      </c>
      <c r="G90778" s="16">
        <v>0</v>
      </c>
    </row>
    <row r="90779" spans="1:7" x14ac:dyDescent="0.3">
      <c r="A90779" s="13" t="s">
        <v>453</v>
      </c>
      <c r="B90779" s="14" t="s">
        <v>1</v>
      </c>
      <c r="C90779" s="14" t="s">
        <v>47</v>
      </c>
      <c r="D90779" s="14" t="s">
        <v>33</v>
      </c>
      <c r="E90779" s="15">
        <v>45635</v>
      </c>
      <c r="F90779" s="14" t="s">
        <v>15</v>
      </c>
      <c r="G90779" s="16">
        <v>0</v>
      </c>
    </row>
    <row r="90780" spans="1:7" x14ac:dyDescent="0.3">
      <c r="A90780" s="13" t="s">
        <v>453</v>
      </c>
      <c r="B90780" s="14" t="s">
        <v>1</v>
      </c>
      <c r="C90780" s="14" t="s">
        <v>47</v>
      </c>
      <c r="D90780" s="14" t="s">
        <v>33</v>
      </c>
      <c r="E90780" s="15">
        <v>45636</v>
      </c>
      <c r="F90780" s="14" t="s">
        <v>15</v>
      </c>
      <c r="G90780" s="16">
        <v>0</v>
      </c>
    </row>
    <row r="90781" spans="1:7" x14ac:dyDescent="0.3">
      <c r="A90781" s="13" t="s">
        <v>453</v>
      </c>
      <c r="B90781" s="14" t="s">
        <v>1</v>
      </c>
      <c r="C90781" s="14" t="s">
        <v>47</v>
      </c>
      <c r="D90781" s="14" t="s">
        <v>33</v>
      </c>
      <c r="E90781" s="15">
        <v>45637</v>
      </c>
      <c r="F90781" s="14" t="s">
        <v>15</v>
      </c>
      <c r="G90781" s="16">
        <v>0</v>
      </c>
    </row>
    <row r="90782" spans="1:7" x14ac:dyDescent="0.3">
      <c r="A90782" s="13" t="s">
        <v>453</v>
      </c>
      <c r="B90782" s="14" t="s">
        <v>1</v>
      </c>
      <c r="C90782" s="14" t="s">
        <v>47</v>
      </c>
      <c r="D90782" s="14" t="s">
        <v>33</v>
      </c>
      <c r="E90782" s="15">
        <v>45638</v>
      </c>
      <c r="F90782" s="14" t="s">
        <v>15</v>
      </c>
      <c r="G90782" s="16">
        <v>0</v>
      </c>
    </row>
    <row r="90783" spans="1:7" x14ac:dyDescent="0.3">
      <c r="A90783" s="13" t="s">
        <v>453</v>
      </c>
      <c r="B90783" s="14" t="s">
        <v>1</v>
      </c>
      <c r="C90783" s="14" t="s">
        <v>47</v>
      </c>
      <c r="D90783" s="14" t="s">
        <v>33</v>
      </c>
      <c r="E90783" s="15">
        <v>45639</v>
      </c>
      <c r="F90783" s="14" t="s">
        <v>15</v>
      </c>
      <c r="G90783" s="16">
        <v>0</v>
      </c>
    </row>
    <row r="90784" spans="1:7" x14ac:dyDescent="0.3">
      <c r="A90784" s="13" t="s">
        <v>453</v>
      </c>
      <c r="B90784" s="14" t="s">
        <v>1</v>
      </c>
      <c r="C90784" s="14" t="s">
        <v>47</v>
      </c>
      <c r="D90784" s="14" t="s">
        <v>33</v>
      </c>
      <c r="E90784" s="15">
        <v>45640</v>
      </c>
      <c r="F90784" s="14" t="s">
        <v>15</v>
      </c>
      <c r="G90784" s="16">
        <v>0</v>
      </c>
    </row>
    <row r="90785" spans="1:7" x14ac:dyDescent="0.3">
      <c r="A90785" s="13" t="s">
        <v>453</v>
      </c>
      <c r="B90785" s="14" t="s">
        <v>1</v>
      </c>
      <c r="C90785" s="14" t="s">
        <v>47</v>
      </c>
      <c r="D90785" s="14" t="s">
        <v>33</v>
      </c>
      <c r="E90785" s="15">
        <v>45641</v>
      </c>
      <c r="F90785" s="14" t="s">
        <v>15</v>
      </c>
      <c r="G90785" s="16">
        <v>0</v>
      </c>
    </row>
    <row r="90786" spans="1:7" x14ac:dyDescent="0.3">
      <c r="A90786" s="13" t="s">
        <v>453</v>
      </c>
      <c r="B90786" s="14" t="s">
        <v>1</v>
      </c>
      <c r="C90786" s="14" t="s">
        <v>47</v>
      </c>
      <c r="D90786" s="14" t="s">
        <v>33</v>
      </c>
      <c r="E90786" s="15">
        <v>45642</v>
      </c>
      <c r="F90786" s="14" t="s">
        <v>15</v>
      </c>
      <c r="G90786" s="16">
        <v>0</v>
      </c>
    </row>
    <row r="90787" spans="1:7" x14ac:dyDescent="0.3">
      <c r="A90787" s="13" t="s">
        <v>453</v>
      </c>
      <c r="B90787" s="14" t="s">
        <v>1</v>
      </c>
      <c r="C90787" s="14" t="s">
        <v>47</v>
      </c>
      <c r="D90787" s="14" t="s">
        <v>33</v>
      </c>
      <c r="E90787" s="15">
        <v>45643</v>
      </c>
      <c r="F90787" s="14" t="s">
        <v>15</v>
      </c>
      <c r="G90787" s="16">
        <v>0</v>
      </c>
    </row>
    <row r="90788" spans="1:7" x14ac:dyDescent="0.3">
      <c r="A90788" s="13" t="s">
        <v>453</v>
      </c>
      <c r="B90788" s="14" t="s">
        <v>1</v>
      </c>
      <c r="C90788" s="14" t="s">
        <v>47</v>
      </c>
      <c r="D90788" s="14" t="s">
        <v>33</v>
      </c>
      <c r="E90788" s="15">
        <v>45644</v>
      </c>
      <c r="F90788" s="14" t="s">
        <v>15</v>
      </c>
      <c r="G90788" s="16">
        <v>0</v>
      </c>
    </row>
    <row r="90789" spans="1:7" x14ac:dyDescent="0.3">
      <c r="A90789" s="13" t="s">
        <v>453</v>
      </c>
      <c r="B90789" s="14" t="s">
        <v>1</v>
      </c>
      <c r="C90789" s="14" t="s">
        <v>47</v>
      </c>
      <c r="D90789" s="14" t="s">
        <v>33</v>
      </c>
      <c r="E90789" s="15">
        <v>45645</v>
      </c>
      <c r="F90789" s="14" t="s">
        <v>15</v>
      </c>
      <c r="G90789" s="16">
        <v>0</v>
      </c>
    </row>
    <row r="90790" spans="1:7" x14ac:dyDescent="0.3">
      <c r="A90790" s="13" t="s">
        <v>453</v>
      </c>
      <c r="B90790" s="14" t="s">
        <v>1</v>
      </c>
      <c r="C90790" s="14" t="s">
        <v>47</v>
      </c>
      <c r="D90790" s="14" t="s">
        <v>33</v>
      </c>
      <c r="E90790" s="15">
        <v>45646</v>
      </c>
      <c r="F90790" s="14" t="s">
        <v>15</v>
      </c>
      <c r="G90790" s="16">
        <v>0</v>
      </c>
    </row>
    <row r="90791" spans="1:7" x14ac:dyDescent="0.3">
      <c r="A90791" s="13" t="s">
        <v>453</v>
      </c>
      <c r="B90791" s="14" t="s">
        <v>1</v>
      </c>
      <c r="C90791" s="14" t="s">
        <v>47</v>
      </c>
      <c r="D90791" s="14" t="s">
        <v>33</v>
      </c>
      <c r="E90791" s="15">
        <v>45647</v>
      </c>
      <c r="F90791" s="14" t="s">
        <v>15</v>
      </c>
      <c r="G90791" s="16">
        <v>0</v>
      </c>
    </row>
    <row r="90792" spans="1:7" x14ac:dyDescent="0.3">
      <c r="A90792" s="13" t="s">
        <v>453</v>
      </c>
      <c r="B90792" s="14" t="s">
        <v>1</v>
      </c>
      <c r="C90792" s="14" t="s">
        <v>47</v>
      </c>
      <c r="D90792" s="14" t="s">
        <v>33</v>
      </c>
      <c r="E90792" s="15">
        <v>45648</v>
      </c>
      <c r="F90792" s="14" t="s">
        <v>15</v>
      </c>
      <c r="G90792" s="16">
        <v>0</v>
      </c>
    </row>
    <row r="90793" spans="1:7" x14ac:dyDescent="0.3">
      <c r="A90793" s="13" t="s">
        <v>453</v>
      </c>
      <c r="B90793" s="14" t="s">
        <v>1</v>
      </c>
      <c r="C90793" s="14" t="s">
        <v>47</v>
      </c>
      <c r="D90793" s="14" t="s">
        <v>33</v>
      </c>
      <c r="E90793" s="15">
        <v>45649</v>
      </c>
      <c r="F90793" s="14" t="s">
        <v>15</v>
      </c>
      <c r="G90793" s="16">
        <v>0</v>
      </c>
    </row>
    <row r="90794" spans="1:7" x14ac:dyDescent="0.3">
      <c r="A90794" s="13" t="s">
        <v>453</v>
      </c>
      <c r="B90794" s="14" t="s">
        <v>1</v>
      </c>
      <c r="C90794" s="14" t="s">
        <v>47</v>
      </c>
      <c r="D90794" s="14" t="s">
        <v>33</v>
      </c>
      <c r="E90794" s="15">
        <v>45650</v>
      </c>
      <c r="F90794" s="14" t="s">
        <v>15</v>
      </c>
      <c r="G90794" s="16">
        <v>0</v>
      </c>
    </row>
    <row r="90795" spans="1:7" x14ac:dyDescent="0.3">
      <c r="A90795" s="13" t="s">
        <v>453</v>
      </c>
      <c r="B90795" s="14" t="s">
        <v>1</v>
      </c>
      <c r="C90795" s="14" t="s">
        <v>47</v>
      </c>
      <c r="D90795" s="14" t="s">
        <v>33</v>
      </c>
      <c r="E90795" s="15">
        <v>45651</v>
      </c>
      <c r="F90795" s="14" t="s">
        <v>15</v>
      </c>
      <c r="G90795" s="16">
        <v>0</v>
      </c>
    </row>
    <row r="90796" spans="1:7" x14ac:dyDescent="0.3">
      <c r="A90796" s="13" t="s">
        <v>453</v>
      </c>
      <c r="B90796" s="14" t="s">
        <v>1</v>
      </c>
      <c r="C90796" s="14" t="s">
        <v>47</v>
      </c>
      <c r="D90796" s="14" t="s">
        <v>33</v>
      </c>
      <c r="E90796" s="15">
        <v>45652</v>
      </c>
      <c r="F90796" s="14" t="s">
        <v>15</v>
      </c>
      <c r="G90796" s="16">
        <v>0</v>
      </c>
    </row>
    <row r="90797" spans="1:7" x14ac:dyDescent="0.3">
      <c r="A90797" s="13" t="s">
        <v>453</v>
      </c>
      <c r="B90797" s="14" t="s">
        <v>1</v>
      </c>
      <c r="C90797" s="14" t="s">
        <v>47</v>
      </c>
      <c r="D90797" s="14" t="s">
        <v>33</v>
      </c>
      <c r="E90797" s="15">
        <v>45653</v>
      </c>
      <c r="F90797" s="14" t="s">
        <v>15</v>
      </c>
      <c r="G90797" s="16">
        <v>0</v>
      </c>
    </row>
    <row r="90798" spans="1:7" x14ac:dyDescent="0.3">
      <c r="A90798" s="13" t="s">
        <v>453</v>
      </c>
      <c r="B90798" s="14" t="s">
        <v>1</v>
      </c>
      <c r="C90798" s="14" t="s">
        <v>47</v>
      </c>
      <c r="D90798" s="14" t="s">
        <v>33</v>
      </c>
      <c r="E90798" s="15">
        <v>45654</v>
      </c>
      <c r="F90798" s="14" t="s">
        <v>15</v>
      </c>
      <c r="G90798" s="16">
        <v>0</v>
      </c>
    </row>
    <row r="90799" spans="1:7" x14ac:dyDescent="0.3">
      <c r="A90799" s="13" t="s">
        <v>453</v>
      </c>
      <c r="B90799" s="14" t="s">
        <v>1</v>
      </c>
      <c r="C90799" s="14" t="s">
        <v>47</v>
      </c>
      <c r="D90799" s="14" t="s">
        <v>33</v>
      </c>
      <c r="E90799" s="15">
        <v>45655</v>
      </c>
      <c r="F90799" s="14" t="s">
        <v>15</v>
      </c>
      <c r="G90799" s="16">
        <v>0</v>
      </c>
    </row>
    <row r="90800" spans="1:7" x14ac:dyDescent="0.3">
      <c r="A90800" s="13" t="s">
        <v>453</v>
      </c>
      <c r="B90800" s="14" t="s">
        <v>1</v>
      </c>
      <c r="C90800" s="14" t="s">
        <v>47</v>
      </c>
      <c r="D90800" s="14" t="s">
        <v>33</v>
      </c>
      <c r="E90800" s="15">
        <v>45656</v>
      </c>
      <c r="F90800" s="14" t="s">
        <v>15</v>
      </c>
      <c r="G90800" s="16">
        <v>0</v>
      </c>
    </row>
    <row r="90801" spans="1:7" x14ac:dyDescent="0.3">
      <c r="A90801" s="13" t="s">
        <v>453</v>
      </c>
      <c r="B90801" s="14" t="s">
        <v>1</v>
      </c>
      <c r="C90801" s="14" t="s">
        <v>47</v>
      </c>
      <c r="D90801" s="14" t="s">
        <v>33</v>
      </c>
      <c r="E90801" s="15">
        <v>45657</v>
      </c>
      <c r="F90801" s="14" t="s">
        <v>15</v>
      </c>
      <c r="G90801" s="16">
        <v>1.4072850832942949E-2</v>
      </c>
    </row>
    <row r="90802" spans="1:7" x14ac:dyDescent="0.3">
      <c r="A90802" s="13" t="s">
        <v>453</v>
      </c>
      <c r="B90802" s="14" t="s">
        <v>1</v>
      </c>
      <c r="C90802" s="14" t="s">
        <v>47</v>
      </c>
      <c r="D90802" s="14" t="s">
        <v>33</v>
      </c>
      <c r="E90802" s="15">
        <v>45658</v>
      </c>
      <c r="F90802" s="14" t="s">
        <v>15</v>
      </c>
      <c r="G90802" s="16">
        <v>1.4072850832942949E-2</v>
      </c>
    </row>
    <row r="90803" spans="1:7" x14ac:dyDescent="0.3">
      <c r="A90803" s="13" t="s">
        <v>453</v>
      </c>
      <c r="B90803" s="14" t="s">
        <v>1</v>
      </c>
      <c r="C90803" s="14" t="s">
        <v>47</v>
      </c>
      <c r="D90803" s="14" t="s">
        <v>33</v>
      </c>
      <c r="E90803" s="15">
        <v>45659</v>
      </c>
      <c r="F90803" s="14" t="s">
        <v>15</v>
      </c>
      <c r="G90803" s="16">
        <v>1.6089922226459299E-2</v>
      </c>
    </row>
    <row r="90804" spans="1:7" x14ac:dyDescent="0.3">
      <c r="A90804" s="13" t="s">
        <v>453</v>
      </c>
      <c r="B90804" s="14" t="s">
        <v>1</v>
      </c>
      <c r="C90804" s="14" t="s">
        <v>47</v>
      </c>
      <c r="D90804" s="14" t="s">
        <v>33</v>
      </c>
      <c r="E90804" s="15">
        <v>45660</v>
      </c>
      <c r="F90804" s="14" t="s">
        <v>15</v>
      </c>
      <c r="G90804" s="16">
        <v>1.510699361997565E-2</v>
      </c>
    </row>
    <row r="90805" spans="1:7" x14ac:dyDescent="0.3">
      <c r="A90805" s="13" t="s">
        <v>453</v>
      </c>
      <c r="B90805" s="14" t="s">
        <v>1</v>
      </c>
      <c r="C90805" s="14" t="s">
        <v>47</v>
      </c>
      <c r="D90805" s="14" t="s">
        <v>33</v>
      </c>
      <c r="E90805" s="15">
        <v>45661</v>
      </c>
      <c r="F90805" s="14" t="s">
        <v>15</v>
      </c>
      <c r="G90805" s="16">
        <v>1.510699361997565E-2</v>
      </c>
    </row>
    <row r="90806" spans="1:7" x14ac:dyDescent="0.3">
      <c r="A90806" s="13" t="s">
        <v>453</v>
      </c>
      <c r="B90806" s="14" t="s">
        <v>1</v>
      </c>
      <c r="C90806" s="14" t="s">
        <v>47</v>
      </c>
      <c r="D90806" s="14" t="s">
        <v>33</v>
      </c>
      <c r="E90806" s="15">
        <v>45662</v>
      </c>
      <c r="F90806" s="14" t="s">
        <v>15</v>
      </c>
      <c r="G90806" s="16">
        <v>1.510699361997565E-2</v>
      </c>
    </row>
    <row r="90807" spans="1:7" x14ac:dyDescent="0.3">
      <c r="A90807" s="13" t="s">
        <v>453</v>
      </c>
      <c r="B90807" s="14" t="s">
        <v>1</v>
      </c>
      <c r="C90807" s="14" t="s">
        <v>47</v>
      </c>
      <c r="D90807" s="14" t="s">
        <v>33</v>
      </c>
      <c r="E90807" s="15">
        <v>45663</v>
      </c>
      <c r="F90807" s="14" t="s">
        <v>15</v>
      </c>
      <c r="G90807" s="16">
        <v>1.3124065013492E-2</v>
      </c>
    </row>
    <row r="90808" spans="1:7" x14ac:dyDescent="0.3">
      <c r="A90808" s="13" t="s">
        <v>453</v>
      </c>
      <c r="B90808" s="14" t="s">
        <v>1</v>
      </c>
      <c r="C90808" s="14" t="s">
        <v>47</v>
      </c>
      <c r="D90808" s="14" t="s">
        <v>33</v>
      </c>
      <c r="E90808" s="15">
        <v>45664</v>
      </c>
      <c r="F90808" s="14" t="s">
        <v>15</v>
      </c>
      <c r="G90808" s="16">
        <v>7.14113640700835E-3</v>
      </c>
    </row>
    <row r="90809" spans="1:7" x14ac:dyDescent="0.3">
      <c r="A90809" s="13" t="s">
        <v>453</v>
      </c>
      <c r="B90809" s="14" t="s">
        <v>1</v>
      </c>
      <c r="C90809" s="14" t="s">
        <v>47</v>
      </c>
      <c r="D90809" s="14" t="s">
        <v>33</v>
      </c>
      <c r="E90809" s="15">
        <v>45665</v>
      </c>
      <c r="F90809" s="14" t="s">
        <v>15</v>
      </c>
      <c r="G90809" s="16">
        <v>5.1582078005247001E-3</v>
      </c>
    </row>
    <row r="90810" spans="1:7" x14ac:dyDescent="0.3">
      <c r="A90810" s="13" t="s">
        <v>453</v>
      </c>
      <c r="B90810" s="14" t="s">
        <v>1</v>
      </c>
      <c r="C90810" s="14" t="s">
        <v>47</v>
      </c>
      <c r="D90810" s="14" t="s">
        <v>33</v>
      </c>
      <c r="E90810" s="15">
        <v>45666</v>
      </c>
      <c r="F90810" s="14" t="s">
        <v>15</v>
      </c>
      <c r="G90810" s="16">
        <v>5.1582078005247001E-3</v>
      </c>
    </row>
    <row r="90811" spans="1:7" x14ac:dyDescent="0.3">
      <c r="A90811" s="13" t="s">
        <v>453</v>
      </c>
      <c r="B90811" s="14" t="s">
        <v>1</v>
      </c>
      <c r="C90811" s="14" t="s">
        <v>47</v>
      </c>
      <c r="D90811" s="14" t="s">
        <v>33</v>
      </c>
      <c r="E90811" s="15">
        <v>45667</v>
      </c>
      <c r="F90811" s="14" t="s">
        <v>15</v>
      </c>
      <c r="G90811" s="16">
        <v>3.1752791940410502E-3</v>
      </c>
    </row>
    <row r="90812" spans="1:7" x14ac:dyDescent="0.3">
      <c r="A90812" s="13" t="s">
        <v>453</v>
      </c>
      <c r="B90812" s="14" t="s">
        <v>1</v>
      </c>
      <c r="C90812" s="14" t="s">
        <v>47</v>
      </c>
      <c r="D90812" s="14" t="s">
        <v>33</v>
      </c>
      <c r="E90812" s="15">
        <v>45668</v>
      </c>
      <c r="F90812" s="14" t="s">
        <v>15</v>
      </c>
      <c r="G90812" s="16">
        <v>3.1752791940410502E-3</v>
      </c>
    </row>
    <row r="90813" spans="1:7" x14ac:dyDescent="0.3">
      <c r="A90813" s="13" t="s">
        <v>453</v>
      </c>
      <c r="B90813" s="14" t="s">
        <v>1</v>
      </c>
      <c r="C90813" s="14" t="s">
        <v>47</v>
      </c>
      <c r="D90813" s="14" t="s">
        <v>33</v>
      </c>
      <c r="E90813" s="15">
        <v>45669</v>
      </c>
      <c r="F90813" s="14" t="s">
        <v>15</v>
      </c>
      <c r="G90813" s="16">
        <v>3.1752791940410502E-3</v>
      </c>
    </row>
    <row r="90814" spans="1:7" x14ac:dyDescent="0.3">
      <c r="A90814" s="13" t="s">
        <v>453</v>
      </c>
      <c r="B90814" s="14" t="s">
        <v>1</v>
      </c>
      <c r="C90814" s="14" t="s">
        <v>47</v>
      </c>
      <c r="D90814" s="14" t="s">
        <v>33</v>
      </c>
      <c r="E90814" s="15">
        <v>45670</v>
      </c>
      <c r="F90814" s="14" t="s">
        <v>15</v>
      </c>
      <c r="G90814" s="16">
        <v>1.9235058755740013E-4</v>
      </c>
    </row>
    <row r="90815" spans="1:7" x14ac:dyDescent="0.3">
      <c r="A90815" s="13" t="s">
        <v>453</v>
      </c>
      <c r="B90815" s="14" t="s">
        <v>1</v>
      </c>
      <c r="C90815" s="14" t="s">
        <v>47</v>
      </c>
      <c r="D90815" s="14" t="s">
        <v>33</v>
      </c>
      <c r="E90815" s="15">
        <v>45671</v>
      </c>
      <c r="F90815" s="14" t="s">
        <v>15</v>
      </c>
      <c r="G90815" s="16">
        <v>0</v>
      </c>
    </row>
    <row r="90816" spans="1:7" x14ac:dyDescent="0.3">
      <c r="A90816" s="13" t="s">
        <v>453</v>
      </c>
      <c r="B90816" s="14" t="s">
        <v>1</v>
      </c>
      <c r="C90816" s="14" t="s">
        <v>47</v>
      </c>
      <c r="D90816" s="14" t="s">
        <v>33</v>
      </c>
      <c r="E90816" s="15">
        <v>45672</v>
      </c>
      <c r="F90816" s="14" t="s">
        <v>15</v>
      </c>
      <c r="G90816" s="16">
        <v>0</v>
      </c>
    </row>
    <row r="90817" spans="1:7" x14ac:dyDescent="0.3">
      <c r="A90817" s="13" t="s">
        <v>453</v>
      </c>
      <c r="B90817" s="14" t="s">
        <v>1</v>
      </c>
      <c r="C90817" s="14" t="s">
        <v>47</v>
      </c>
      <c r="D90817" s="14" t="s">
        <v>33</v>
      </c>
      <c r="E90817" s="15">
        <v>45673</v>
      </c>
      <c r="F90817" s="14" t="s">
        <v>15</v>
      </c>
      <c r="G90817" s="16">
        <v>0</v>
      </c>
    </row>
    <row r="90818" spans="1:7" x14ac:dyDescent="0.3">
      <c r="A90818" s="13" t="s">
        <v>453</v>
      </c>
      <c r="B90818" s="14" t="s">
        <v>1</v>
      </c>
      <c r="C90818" s="14" t="s">
        <v>47</v>
      </c>
      <c r="D90818" s="14" t="s">
        <v>33</v>
      </c>
      <c r="E90818" s="15">
        <v>45674</v>
      </c>
      <c r="F90818" s="14" t="s">
        <v>15</v>
      </c>
      <c r="G90818" s="16">
        <v>0</v>
      </c>
    </row>
    <row r="90819" spans="1:7" x14ac:dyDescent="0.3">
      <c r="A90819" s="13" t="s">
        <v>453</v>
      </c>
      <c r="B90819" s="14" t="s">
        <v>1</v>
      </c>
      <c r="C90819" s="14" t="s">
        <v>47</v>
      </c>
      <c r="D90819" s="14" t="s">
        <v>33</v>
      </c>
      <c r="E90819" s="15">
        <v>45675</v>
      </c>
      <c r="F90819" s="14" t="s">
        <v>15</v>
      </c>
      <c r="G90819" s="16">
        <v>0</v>
      </c>
    </row>
    <row r="90820" spans="1:7" x14ac:dyDescent="0.3">
      <c r="A90820" s="13" t="s">
        <v>453</v>
      </c>
      <c r="B90820" s="14" t="s">
        <v>1</v>
      </c>
      <c r="C90820" s="14" t="s">
        <v>47</v>
      </c>
      <c r="D90820" s="14" t="s">
        <v>33</v>
      </c>
      <c r="E90820" s="15">
        <v>45676</v>
      </c>
      <c r="F90820" s="14" t="s">
        <v>15</v>
      </c>
      <c r="G90820" s="16">
        <v>0</v>
      </c>
    </row>
    <row r="90821" spans="1:7" x14ac:dyDescent="0.3">
      <c r="A90821" s="13" t="s">
        <v>453</v>
      </c>
      <c r="B90821" s="14" t="s">
        <v>1</v>
      </c>
      <c r="C90821" s="14" t="s">
        <v>47</v>
      </c>
      <c r="D90821" s="14" t="s">
        <v>33</v>
      </c>
      <c r="E90821" s="15">
        <v>45677</v>
      </c>
      <c r="F90821" s="14" t="s">
        <v>15</v>
      </c>
      <c r="G90821" s="16">
        <v>0</v>
      </c>
    </row>
    <row r="90822" spans="1:7" x14ac:dyDescent="0.3">
      <c r="A90822" s="13" t="s">
        <v>453</v>
      </c>
      <c r="B90822" s="14" t="s">
        <v>1</v>
      </c>
      <c r="C90822" s="14" t="s">
        <v>47</v>
      </c>
      <c r="D90822" s="14" t="s">
        <v>33</v>
      </c>
      <c r="E90822" s="15">
        <v>45678</v>
      </c>
      <c r="F90822" s="14" t="s">
        <v>15</v>
      </c>
      <c r="G90822" s="16">
        <v>0</v>
      </c>
    </row>
    <row r="90823" spans="1:7" x14ac:dyDescent="0.3">
      <c r="A90823" s="13" t="s">
        <v>453</v>
      </c>
      <c r="B90823" s="14" t="s">
        <v>1</v>
      </c>
      <c r="C90823" s="14" t="s">
        <v>47</v>
      </c>
      <c r="D90823" s="14" t="s">
        <v>33</v>
      </c>
      <c r="E90823" s="15">
        <v>45679</v>
      </c>
      <c r="F90823" s="14" t="s">
        <v>15</v>
      </c>
      <c r="G90823" s="16">
        <v>0</v>
      </c>
    </row>
    <row r="90824" spans="1:7" x14ac:dyDescent="0.3">
      <c r="A90824" s="13" t="s">
        <v>453</v>
      </c>
      <c r="B90824" s="14" t="s">
        <v>1</v>
      </c>
      <c r="C90824" s="14" t="s">
        <v>47</v>
      </c>
      <c r="D90824" s="14" t="s">
        <v>33</v>
      </c>
      <c r="E90824" s="15">
        <v>45680</v>
      </c>
      <c r="F90824" s="14" t="s">
        <v>15</v>
      </c>
      <c r="G90824" s="16">
        <v>0</v>
      </c>
    </row>
    <row r="90825" spans="1:7" x14ac:dyDescent="0.3">
      <c r="A90825" s="13" t="s">
        <v>453</v>
      </c>
      <c r="B90825" s="14" t="s">
        <v>1</v>
      </c>
      <c r="C90825" s="14" t="s">
        <v>47</v>
      </c>
      <c r="D90825" s="14" t="s">
        <v>33</v>
      </c>
      <c r="E90825" s="15">
        <v>45681</v>
      </c>
      <c r="F90825" s="14" t="s">
        <v>15</v>
      </c>
      <c r="G90825" s="16">
        <v>0</v>
      </c>
    </row>
    <row r="90826" spans="1:7" x14ac:dyDescent="0.3">
      <c r="A90826" s="13" t="s">
        <v>453</v>
      </c>
      <c r="B90826" s="14" t="s">
        <v>1</v>
      </c>
      <c r="C90826" s="14" t="s">
        <v>47</v>
      </c>
      <c r="D90826" s="14" t="s">
        <v>33</v>
      </c>
      <c r="E90826" s="15">
        <v>45682</v>
      </c>
      <c r="F90826" s="14" t="s">
        <v>15</v>
      </c>
      <c r="G90826" s="16">
        <v>0</v>
      </c>
    </row>
    <row r="90827" spans="1:7" x14ac:dyDescent="0.3">
      <c r="A90827" s="13" t="s">
        <v>453</v>
      </c>
      <c r="B90827" s="14" t="s">
        <v>1</v>
      </c>
      <c r="C90827" s="14" t="s">
        <v>47</v>
      </c>
      <c r="D90827" s="14" t="s">
        <v>33</v>
      </c>
      <c r="E90827" s="15">
        <v>45683</v>
      </c>
      <c r="F90827" s="14" t="s">
        <v>15</v>
      </c>
      <c r="G90827" s="16">
        <v>0</v>
      </c>
    </row>
    <row r="90828" spans="1:7" x14ac:dyDescent="0.3">
      <c r="A90828" s="13" t="s">
        <v>453</v>
      </c>
      <c r="B90828" s="14" t="s">
        <v>1</v>
      </c>
      <c r="C90828" s="14" t="s">
        <v>47</v>
      </c>
      <c r="D90828" s="14" t="s">
        <v>33</v>
      </c>
      <c r="E90828" s="15">
        <v>45684</v>
      </c>
      <c r="F90828" s="14" t="s">
        <v>15</v>
      </c>
      <c r="G90828" s="16">
        <v>0</v>
      </c>
    </row>
    <row r="90829" spans="1:7" x14ac:dyDescent="0.3">
      <c r="A90829" s="13" t="s">
        <v>453</v>
      </c>
      <c r="B90829" s="14" t="s">
        <v>1</v>
      </c>
      <c r="C90829" s="14" t="s">
        <v>47</v>
      </c>
      <c r="D90829" s="14" t="s">
        <v>33</v>
      </c>
      <c r="E90829" s="15">
        <v>45685</v>
      </c>
      <c r="F90829" s="14" t="s">
        <v>15</v>
      </c>
      <c r="G90829" s="16">
        <v>0</v>
      </c>
    </row>
    <row r="90830" spans="1:7" x14ac:dyDescent="0.3">
      <c r="A90830" s="13" t="s">
        <v>453</v>
      </c>
      <c r="B90830" s="14" t="s">
        <v>1</v>
      </c>
      <c r="C90830" s="14" t="s">
        <v>47</v>
      </c>
      <c r="D90830" s="14" t="s">
        <v>33</v>
      </c>
      <c r="E90830" s="15">
        <v>45686</v>
      </c>
      <c r="F90830" s="14" t="s">
        <v>15</v>
      </c>
      <c r="G90830" s="16">
        <v>0</v>
      </c>
    </row>
    <row r="90831" spans="1:7" x14ac:dyDescent="0.3">
      <c r="A90831" s="13" t="s">
        <v>453</v>
      </c>
      <c r="B90831" s="14" t="s">
        <v>1</v>
      </c>
      <c r="C90831" s="14" t="s">
        <v>47</v>
      </c>
      <c r="D90831" s="14" t="s">
        <v>33</v>
      </c>
      <c r="E90831" s="15">
        <v>45687</v>
      </c>
      <c r="F90831" s="14" t="s">
        <v>15</v>
      </c>
      <c r="G90831" s="16">
        <v>0</v>
      </c>
    </row>
    <row r="90832" spans="1:7" x14ac:dyDescent="0.3">
      <c r="A90832" s="13" t="s">
        <v>453</v>
      </c>
      <c r="B90832" s="14" t="s">
        <v>1</v>
      </c>
      <c r="C90832" s="14" t="s">
        <v>47</v>
      </c>
      <c r="D90832" s="14" t="s">
        <v>33</v>
      </c>
      <c r="E90832" s="15">
        <v>45688</v>
      </c>
      <c r="F90832" s="14" t="s">
        <v>15</v>
      </c>
      <c r="G90832" s="16">
        <v>0</v>
      </c>
    </row>
    <row r="90833" spans="1:7" x14ac:dyDescent="0.3">
      <c r="A90833" s="13" t="s">
        <v>453</v>
      </c>
      <c r="B90833" s="14" t="s">
        <v>1</v>
      </c>
      <c r="C90833" s="14" t="s">
        <v>47</v>
      </c>
      <c r="D90833" s="14" t="s">
        <v>33</v>
      </c>
      <c r="E90833" s="15">
        <v>45689</v>
      </c>
      <c r="F90833" s="14" t="s">
        <v>15</v>
      </c>
      <c r="G90833" s="16">
        <v>0</v>
      </c>
    </row>
    <row r="90834" spans="1:7" x14ac:dyDescent="0.3">
      <c r="A90834" s="13" t="s">
        <v>453</v>
      </c>
      <c r="B90834" s="14" t="s">
        <v>1</v>
      </c>
      <c r="C90834" s="14" t="s">
        <v>47</v>
      </c>
      <c r="D90834" s="14" t="s">
        <v>33</v>
      </c>
      <c r="E90834" s="15">
        <v>45690</v>
      </c>
      <c r="F90834" s="14" t="s">
        <v>15</v>
      </c>
      <c r="G90834" s="16">
        <v>0</v>
      </c>
    </row>
    <row r="90835" spans="1:7" x14ac:dyDescent="0.3">
      <c r="A90835" s="13" t="s">
        <v>453</v>
      </c>
      <c r="B90835" s="14" t="s">
        <v>1</v>
      </c>
      <c r="C90835" s="14" t="s">
        <v>47</v>
      </c>
      <c r="D90835" s="14" t="s">
        <v>33</v>
      </c>
      <c r="E90835" s="15">
        <v>45691</v>
      </c>
      <c r="F90835" s="14" t="s">
        <v>15</v>
      </c>
      <c r="G90835" s="16">
        <v>0</v>
      </c>
    </row>
    <row r="90836" spans="1:7" x14ac:dyDescent="0.3">
      <c r="A90836" s="13" t="s">
        <v>453</v>
      </c>
      <c r="B90836" s="14" t="s">
        <v>1</v>
      </c>
      <c r="C90836" s="14" t="s">
        <v>47</v>
      </c>
      <c r="D90836" s="14" t="s">
        <v>33</v>
      </c>
      <c r="E90836" s="15">
        <v>45692</v>
      </c>
      <c r="F90836" s="14" t="s">
        <v>15</v>
      </c>
      <c r="G90836" s="16">
        <v>0</v>
      </c>
    </row>
    <row r="90837" spans="1:7" x14ac:dyDescent="0.3">
      <c r="A90837" s="13" t="s">
        <v>453</v>
      </c>
      <c r="B90837" s="14" t="s">
        <v>1</v>
      </c>
      <c r="C90837" s="14" t="s">
        <v>47</v>
      </c>
      <c r="D90837" s="14" t="s">
        <v>33</v>
      </c>
      <c r="E90837" s="15">
        <v>45693</v>
      </c>
      <c r="F90837" s="14" t="s">
        <v>15</v>
      </c>
      <c r="G90837" s="16">
        <v>0</v>
      </c>
    </row>
    <row r="90838" spans="1:7" x14ac:dyDescent="0.3">
      <c r="A90838" s="13" t="s">
        <v>453</v>
      </c>
      <c r="B90838" s="14" t="s">
        <v>1</v>
      </c>
      <c r="C90838" s="14" t="s">
        <v>47</v>
      </c>
      <c r="D90838" s="14" t="s">
        <v>33</v>
      </c>
      <c r="E90838" s="15">
        <v>45694</v>
      </c>
      <c r="F90838" s="14" t="s">
        <v>15</v>
      </c>
      <c r="G90838" s="16">
        <v>0</v>
      </c>
    </row>
    <row r="90839" spans="1:7" x14ac:dyDescent="0.3">
      <c r="A90839" s="13" t="s">
        <v>453</v>
      </c>
      <c r="B90839" s="14" t="s">
        <v>1</v>
      </c>
      <c r="C90839" s="14" t="s">
        <v>47</v>
      </c>
      <c r="D90839" s="14" t="s">
        <v>33</v>
      </c>
      <c r="E90839" s="15">
        <v>45695</v>
      </c>
      <c r="F90839" s="14" t="s">
        <v>15</v>
      </c>
      <c r="G90839" s="16">
        <v>0</v>
      </c>
    </row>
    <row r="90840" spans="1:7" x14ac:dyDescent="0.3">
      <c r="A90840" s="13" t="s">
        <v>453</v>
      </c>
      <c r="B90840" s="14" t="s">
        <v>1</v>
      </c>
      <c r="C90840" s="14" t="s">
        <v>47</v>
      </c>
      <c r="D90840" s="14" t="s">
        <v>33</v>
      </c>
      <c r="E90840" s="15">
        <v>45696</v>
      </c>
      <c r="F90840" s="14" t="s">
        <v>15</v>
      </c>
      <c r="G90840" s="16">
        <v>0</v>
      </c>
    </row>
    <row r="90841" spans="1:7" x14ac:dyDescent="0.3">
      <c r="A90841" s="13" t="s">
        <v>453</v>
      </c>
      <c r="B90841" s="14" t="s">
        <v>1</v>
      </c>
      <c r="C90841" s="14" t="s">
        <v>47</v>
      </c>
      <c r="D90841" s="14" t="s">
        <v>33</v>
      </c>
      <c r="E90841" s="15">
        <v>45697</v>
      </c>
      <c r="F90841" s="14" t="s">
        <v>15</v>
      </c>
      <c r="G90841" s="16">
        <v>0</v>
      </c>
    </row>
    <row r="90842" spans="1:7" x14ac:dyDescent="0.3">
      <c r="A90842" s="13" t="s">
        <v>453</v>
      </c>
      <c r="B90842" s="14" t="s">
        <v>1</v>
      </c>
      <c r="C90842" s="14" t="s">
        <v>47</v>
      </c>
      <c r="D90842" s="14" t="s">
        <v>33</v>
      </c>
      <c r="E90842" s="15">
        <v>45698</v>
      </c>
      <c r="F90842" s="14" t="s">
        <v>15</v>
      </c>
      <c r="G90842" s="16">
        <v>0</v>
      </c>
    </row>
    <row r="90843" spans="1:7" x14ac:dyDescent="0.3">
      <c r="A90843" s="13" t="s">
        <v>453</v>
      </c>
      <c r="B90843" s="14" t="s">
        <v>1</v>
      </c>
      <c r="C90843" s="14" t="s">
        <v>47</v>
      </c>
      <c r="D90843" s="14" t="s">
        <v>33</v>
      </c>
      <c r="E90843" s="15">
        <v>45699</v>
      </c>
      <c r="F90843" s="14" t="s">
        <v>15</v>
      </c>
      <c r="G90843" s="16">
        <v>0</v>
      </c>
    </row>
    <row r="90844" spans="1:7" x14ac:dyDescent="0.3">
      <c r="A90844" s="13" t="s">
        <v>453</v>
      </c>
      <c r="B90844" s="14" t="s">
        <v>1</v>
      </c>
      <c r="C90844" s="14" t="s">
        <v>47</v>
      </c>
      <c r="D90844" s="14" t="s">
        <v>33</v>
      </c>
      <c r="E90844" s="15">
        <v>45700</v>
      </c>
      <c r="F90844" s="14" t="s">
        <v>15</v>
      </c>
      <c r="G90844" s="16">
        <v>0</v>
      </c>
    </row>
    <row r="90845" spans="1:7" x14ac:dyDescent="0.3">
      <c r="A90845" s="13" t="s">
        <v>453</v>
      </c>
      <c r="B90845" s="14" t="s">
        <v>1</v>
      </c>
      <c r="C90845" s="14" t="s">
        <v>47</v>
      </c>
      <c r="D90845" s="14" t="s">
        <v>33</v>
      </c>
      <c r="E90845" s="15">
        <v>45701</v>
      </c>
      <c r="F90845" s="14" t="s">
        <v>15</v>
      </c>
      <c r="G90845" s="16">
        <v>0</v>
      </c>
    </row>
    <row r="90846" spans="1:7" x14ac:dyDescent="0.3">
      <c r="A90846" s="13" t="s">
        <v>453</v>
      </c>
      <c r="B90846" s="14" t="s">
        <v>1</v>
      </c>
      <c r="C90846" s="14" t="s">
        <v>47</v>
      </c>
      <c r="D90846" s="14" t="s">
        <v>33</v>
      </c>
      <c r="E90846" s="15">
        <v>45702</v>
      </c>
      <c r="F90846" s="14" t="s">
        <v>15</v>
      </c>
      <c r="G90846" s="16">
        <v>0</v>
      </c>
    </row>
    <row r="90847" spans="1:7" x14ac:dyDescent="0.3">
      <c r="A90847" s="13" t="s">
        <v>453</v>
      </c>
      <c r="B90847" s="14" t="s">
        <v>1</v>
      </c>
      <c r="C90847" s="14" t="s">
        <v>47</v>
      </c>
      <c r="D90847" s="14" t="s">
        <v>33</v>
      </c>
      <c r="E90847" s="15">
        <v>45703</v>
      </c>
      <c r="F90847" s="14" t="s">
        <v>15</v>
      </c>
      <c r="G90847" s="16">
        <v>0</v>
      </c>
    </row>
    <row r="90848" spans="1:7" x14ac:dyDescent="0.3">
      <c r="A90848" s="13" t="s">
        <v>453</v>
      </c>
      <c r="B90848" s="14" t="s">
        <v>1</v>
      </c>
      <c r="C90848" s="14" t="s">
        <v>47</v>
      </c>
      <c r="D90848" s="14" t="s">
        <v>33</v>
      </c>
      <c r="E90848" s="15">
        <v>45704</v>
      </c>
      <c r="F90848" s="14" t="s">
        <v>15</v>
      </c>
      <c r="G90848" s="16">
        <v>0</v>
      </c>
    </row>
    <row r="90849" spans="1:7" x14ac:dyDescent="0.3">
      <c r="A90849" s="13" t="s">
        <v>453</v>
      </c>
      <c r="B90849" s="14" t="s">
        <v>1</v>
      </c>
      <c r="C90849" s="14" t="s">
        <v>47</v>
      </c>
      <c r="D90849" s="14" t="s">
        <v>33</v>
      </c>
      <c r="E90849" s="15">
        <v>45705</v>
      </c>
      <c r="F90849" s="14" t="s">
        <v>15</v>
      </c>
      <c r="G90849" s="16">
        <v>0</v>
      </c>
    </row>
    <row r="90850" spans="1:7" x14ac:dyDescent="0.3">
      <c r="A90850" s="13" t="s">
        <v>453</v>
      </c>
      <c r="B90850" s="14" t="s">
        <v>1</v>
      </c>
      <c r="C90850" s="14" t="s">
        <v>47</v>
      </c>
      <c r="D90850" s="14" t="s">
        <v>33</v>
      </c>
      <c r="E90850" s="15">
        <v>45706</v>
      </c>
      <c r="F90850" s="14" t="s">
        <v>15</v>
      </c>
      <c r="G90850" s="16">
        <v>0</v>
      </c>
    </row>
    <row r="90851" spans="1:7" x14ac:dyDescent="0.3">
      <c r="A90851" s="13" t="s">
        <v>453</v>
      </c>
      <c r="B90851" s="14" t="s">
        <v>1</v>
      </c>
      <c r="C90851" s="14" t="s">
        <v>47</v>
      </c>
      <c r="D90851" s="14" t="s">
        <v>33</v>
      </c>
      <c r="E90851" s="15">
        <v>45707</v>
      </c>
      <c r="F90851" s="14" t="s">
        <v>15</v>
      </c>
      <c r="G90851" s="16">
        <v>0</v>
      </c>
    </row>
    <row r="90852" spans="1:7" x14ac:dyDescent="0.3">
      <c r="A90852" s="13" t="s">
        <v>453</v>
      </c>
      <c r="B90852" s="14" t="s">
        <v>1</v>
      </c>
      <c r="C90852" s="14" t="s">
        <v>47</v>
      </c>
      <c r="D90852" s="14" t="s">
        <v>33</v>
      </c>
      <c r="E90852" s="15">
        <v>45708</v>
      </c>
      <c r="F90852" s="14" t="s">
        <v>15</v>
      </c>
      <c r="G90852" s="16">
        <v>0</v>
      </c>
    </row>
    <row r="90853" spans="1:7" x14ac:dyDescent="0.3">
      <c r="A90853" s="13" t="s">
        <v>453</v>
      </c>
      <c r="B90853" s="14" t="s">
        <v>1</v>
      </c>
      <c r="C90853" s="14" t="s">
        <v>47</v>
      </c>
      <c r="D90853" s="14" t="s">
        <v>33</v>
      </c>
      <c r="E90853" s="15">
        <v>45709</v>
      </c>
      <c r="F90853" s="14" t="s">
        <v>15</v>
      </c>
      <c r="G90853" s="16">
        <v>0</v>
      </c>
    </row>
    <row r="90854" spans="1:7" x14ac:dyDescent="0.3">
      <c r="A90854" s="13" t="s">
        <v>453</v>
      </c>
      <c r="B90854" s="14" t="s">
        <v>1</v>
      </c>
      <c r="C90854" s="14" t="s">
        <v>47</v>
      </c>
      <c r="D90854" s="14" t="s">
        <v>33</v>
      </c>
      <c r="E90854" s="15">
        <v>45710</v>
      </c>
      <c r="F90854" s="14" t="s">
        <v>15</v>
      </c>
      <c r="G90854" s="16">
        <v>0</v>
      </c>
    </row>
    <row r="90855" spans="1:7" x14ac:dyDescent="0.3">
      <c r="A90855" s="13" t="s">
        <v>453</v>
      </c>
      <c r="B90855" s="14" t="s">
        <v>1</v>
      </c>
      <c r="C90855" s="14" t="s">
        <v>47</v>
      </c>
      <c r="D90855" s="14" t="s">
        <v>33</v>
      </c>
      <c r="E90855" s="15">
        <v>45711</v>
      </c>
      <c r="F90855" s="14" t="s">
        <v>15</v>
      </c>
      <c r="G90855" s="16">
        <v>0</v>
      </c>
    </row>
    <row r="90856" spans="1:7" x14ac:dyDescent="0.3">
      <c r="A90856" s="13" t="s">
        <v>453</v>
      </c>
      <c r="B90856" s="14" t="s">
        <v>1</v>
      </c>
      <c r="C90856" s="14" t="s">
        <v>47</v>
      </c>
      <c r="D90856" s="14" t="s">
        <v>33</v>
      </c>
      <c r="E90856" s="15">
        <v>45712</v>
      </c>
      <c r="F90856" s="14" t="s">
        <v>15</v>
      </c>
      <c r="G90856" s="16">
        <v>0</v>
      </c>
    </row>
    <row r="90857" spans="1:7" x14ac:dyDescent="0.3">
      <c r="A90857" s="13" t="s">
        <v>453</v>
      </c>
      <c r="B90857" s="14" t="s">
        <v>1</v>
      </c>
      <c r="C90857" s="14" t="s">
        <v>47</v>
      </c>
      <c r="D90857" s="14" t="s">
        <v>33</v>
      </c>
      <c r="E90857" s="15">
        <v>45713</v>
      </c>
      <c r="F90857" s="14" t="s">
        <v>15</v>
      </c>
      <c r="G90857" s="16">
        <v>0</v>
      </c>
    </row>
    <row r="90858" spans="1:7" x14ac:dyDescent="0.3">
      <c r="A90858" s="13" t="s">
        <v>453</v>
      </c>
      <c r="B90858" s="14" t="s">
        <v>1</v>
      </c>
      <c r="C90858" s="14" t="s">
        <v>47</v>
      </c>
      <c r="D90858" s="14" t="s">
        <v>33</v>
      </c>
      <c r="E90858" s="15">
        <v>45714</v>
      </c>
      <c r="F90858" s="14" t="s">
        <v>15</v>
      </c>
      <c r="G90858" s="16">
        <v>0</v>
      </c>
    </row>
    <row r="90859" spans="1:7" x14ac:dyDescent="0.3">
      <c r="A90859" s="13" t="s">
        <v>453</v>
      </c>
      <c r="B90859" s="14" t="s">
        <v>1</v>
      </c>
      <c r="C90859" s="14" t="s">
        <v>47</v>
      </c>
      <c r="D90859" s="14" t="s">
        <v>33</v>
      </c>
      <c r="E90859" s="15">
        <v>45715</v>
      </c>
      <c r="F90859" s="14" t="s">
        <v>15</v>
      </c>
      <c r="G90859" s="16">
        <v>0</v>
      </c>
    </row>
    <row r="90860" spans="1:7" x14ac:dyDescent="0.3">
      <c r="A90860" s="13" t="s">
        <v>453</v>
      </c>
      <c r="B90860" s="14" t="s">
        <v>1</v>
      </c>
      <c r="C90860" s="14" t="s">
        <v>47</v>
      </c>
      <c r="D90860" s="14" t="s">
        <v>33</v>
      </c>
      <c r="E90860" s="15">
        <v>45716</v>
      </c>
      <c r="F90860" s="14" t="s">
        <v>15</v>
      </c>
      <c r="G90860" s="16">
        <v>0</v>
      </c>
    </row>
    <row r="90861" spans="1:7" x14ac:dyDescent="0.3">
      <c r="A90861" s="13" t="s">
        <v>453</v>
      </c>
      <c r="B90861" s="14" t="s">
        <v>1</v>
      </c>
      <c r="C90861" s="14" t="s">
        <v>47</v>
      </c>
      <c r="D90861" s="14" t="s">
        <v>33</v>
      </c>
      <c r="E90861" s="15">
        <v>45717</v>
      </c>
      <c r="F90861" s="14" t="s">
        <v>15</v>
      </c>
      <c r="G90861" s="16">
        <v>0</v>
      </c>
    </row>
    <row r="90862" spans="1:7" x14ac:dyDescent="0.3">
      <c r="A90862" s="13" t="s">
        <v>453</v>
      </c>
      <c r="B90862" s="14" t="s">
        <v>1</v>
      </c>
      <c r="C90862" s="14" t="s">
        <v>47</v>
      </c>
      <c r="D90862" s="14" t="s">
        <v>33</v>
      </c>
      <c r="E90862" s="15">
        <v>45718</v>
      </c>
      <c r="F90862" s="14" t="s">
        <v>15</v>
      </c>
      <c r="G90862" s="16">
        <v>0</v>
      </c>
    </row>
    <row r="90863" spans="1:7" x14ac:dyDescent="0.3">
      <c r="A90863" s="13" t="s">
        <v>453</v>
      </c>
      <c r="B90863" s="14" t="s">
        <v>1</v>
      </c>
      <c r="C90863" s="14" t="s">
        <v>47</v>
      </c>
      <c r="D90863" s="14" t="s">
        <v>33</v>
      </c>
      <c r="E90863" s="15">
        <v>45719</v>
      </c>
      <c r="F90863" s="14" t="s">
        <v>15</v>
      </c>
      <c r="G90863" s="16">
        <v>0</v>
      </c>
    </row>
    <row r="90864" spans="1:7" x14ac:dyDescent="0.3">
      <c r="A90864" s="13" t="s">
        <v>453</v>
      </c>
      <c r="B90864" s="14" t="s">
        <v>1</v>
      </c>
      <c r="C90864" s="14" t="s">
        <v>47</v>
      </c>
      <c r="D90864" s="14" t="s">
        <v>33</v>
      </c>
      <c r="E90864" s="15">
        <v>45720</v>
      </c>
      <c r="F90864" s="14" t="s">
        <v>15</v>
      </c>
      <c r="G90864" s="16">
        <v>0</v>
      </c>
    </row>
    <row r="90865" spans="1:7" x14ac:dyDescent="0.3">
      <c r="A90865" s="13" t="s">
        <v>453</v>
      </c>
      <c r="B90865" s="14" t="s">
        <v>1</v>
      </c>
      <c r="C90865" s="14" t="s">
        <v>47</v>
      </c>
      <c r="D90865" s="14" t="s">
        <v>33</v>
      </c>
      <c r="E90865" s="15">
        <v>45721</v>
      </c>
      <c r="F90865" s="14" t="s">
        <v>15</v>
      </c>
      <c r="G90865" s="16">
        <v>0</v>
      </c>
    </row>
    <row r="90866" spans="1:7" x14ac:dyDescent="0.3">
      <c r="A90866" s="13" t="s">
        <v>453</v>
      </c>
      <c r="B90866" s="14" t="s">
        <v>1</v>
      </c>
      <c r="C90866" s="14" t="s">
        <v>47</v>
      </c>
      <c r="D90866" s="14" t="s">
        <v>33</v>
      </c>
      <c r="E90866" s="15">
        <v>45722</v>
      </c>
      <c r="F90866" s="14" t="s">
        <v>15</v>
      </c>
      <c r="G90866" s="16">
        <v>0</v>
      </c>
    </row>
    <row r="90867" spans="1:7" x14ac:dyDescent="0.3">
      <c r="A90867" s="13" t="s">
        <v>453</v>
      </c>
      <c r="B90867" s="14" t="s">
        <v>1</v>
      </c>
      <c r="C90867" s="14" t="s">
        <v>47</v>
      </c>
      <c r="D90867" s="14" t="s">
        <v>33</v>
      </c>
      <c r="E90867" s="15">
        <v>45723</v>
      </c>
      <c r="F90867" s="14" t="s">
        <v>15</v>
      </c>
      <c r="G90867" s="16">
        <v>0</v>
      </c>
    </row>
    <row r="90868" spans="1:7" x14ac:dyDescent="0.3">
      <c r="A90868" s="13" t="s">
        <v>453</v>
      </c>
      <c r="B90868" s="14" t="s">
        <v>1</v>
      </c>
      <c r="C90868" s="14" t="s">
        <v>47</v>
      </c>
      <c r="D90868" s="14" t="s">
        <v>33</v>
      </c>
      <c r="E90868" s="15">
        <v>45724</v>
      </c>
      <c r="F90868" s="14" t="s">
        <v>15</v>
      </c>
      <c r="G90868" s="16">
        <v>0</v>
      </c>
    </row>
    <row r="90869" spans="1:7" x14ac:dyDescent="0.3">
      <c r="A90869" s="13" t="s">
        <v>453</v>
      </c>
      <c r="B90869" s="14" t="s">
        <v>1</v>
      </c>
      <c r="C90869" s="14" t="s">
        <v>47</v>
      </c>
      <c r="D90869" s="14" t="s">
        <v>33</v>
      </c>
      <c r="E90869" s="15">
        <v>45725</v>
      </c>
      <c r="F90869" s="14" t="s">
        <v>15</v>
      </c>
      <c r="G90869" s="16">
        <v>0</v>
      </c>
    </row>
    <row r="90870" spans="1:7" x14ac:dyDescent="0.3">
      <c r="A90870" s="13" t="s">
        <v>453</v>
      </c>
      <c r="B90870" s="14" t="s">
        <v>1</v>
      </c>
      <c r="C90870" s="14" t="s">
        <v>47</v>
      </c>
      <c r="D90870" s="14" t="s">
        <v>33</v>
      </c>
      <c r="E90870" s="15">
        <v>45726</v>
      </c>
      <c r="F90870" s="14" t="s">
        <v>15</v>
      </c>
      <c r="G90870" s="16">
        <v>0</v>
      </c>
    </row>
    <row r="90871" spans="1:7" x14ac:dyDescent="0.3">
      <c r="A90871" s="13" t="s">
        <v>453</v>
      </c>
      <c r="B90871" s="14" t="s">
        <v>1</v>
      </c>
      <c r="C90871" s="14" t="s">
        <v>47</v>
      </c>
      <c r="D90871" s="14" t="s">
        <v>33</v>
      </c>
      <c r="E90871" s="15">
        <v>45727</v>
      </c>
      <c r="F90871" s="14" t="s">
        <v>15</v>
      </c>
      <c r="G90871" s="16">
        <v>0</v>
      </c>
    </row>
    <row r="90872" spans="1:7" x14ac:dyDescent="0.3">
      <c r="A90872" s="13" t="s">
        <v>453</v>
      </c>
      <c r="B90872" s="14" t="s">
        <v>1</v>
      </c>
      <c r="C90872" s="14" t="s">
        <v>47</v>
      </c>
      <c r="D90872" s="14" t="s">
        <v>33</v>
      </c>
      <c r="E90872" s="15">
        <v>45728</v>
      </c>
      <c r="F90872" s="14" t="s">
        <v>15</v>
      </c>
      <c r="G90872" s="16">
        <v>0</v>
      </c>
    </row>
    <row r="90873" spans="1:7" x14ac:dyDescent="0.3">
      <c r="A90873" s="13" t="s">
        <v>453</v>
      </c>
      <c r="B90873" s="14" t="s">
        <v>1</v>
      </c>
      <c r="C90873" s="14" t="s">
        <v>47</v>
      </c>
      <c r="D90873" s="14" t="s">
        <v>33</v>
      </c>
      <c r="E90873" s="15">
        <v>45729</v>
      </c>
      <c r="F90873" s="14" t="s">
        <v>15</v>
      </c>
      <c r="G90873" s="16">
        <v>0</v>
      </c>
    </row>
    <row r="90874" spans="1:7" x14ac:dyDescent="0.3">
      <c r="A90874" s="13" t="s">
        <v>453</v>
      </c>
      <c r="B90874" s="14" t="s">
        <v>1</v>
      </c>
      <c r="C90874" s="14" t="s">
        <v>47</v>
      </c>
      <c r="D90874" s="14" t="s">
        <v>33</v>
      </c>
      <c r="E90874" s="15">
        <v>45730</v>
      </c>
      <c r="F90874" s="14" t="s">
        <v>15</v>
      </c>
      <c r="G90874" s="16">
        <v>0</v>
      </c>
    </row>
    <row r="90875" spans="1:7" x14ac:dyDescent="0.3">
      <c r="A90875" s="13" t="s">
        <v>453</v>
      </c>
      <c r="B90875" s="14" t="s">
        <v>1</v>
      </c>
      <c r="C90875" s="14" t="s">
        <v>47</v>
      </c>
      <c r="D90875" s="14" t="s">
        <v>33</v>
      </c>
      <c r="E90875" s="15">
        <v>45731</v>
      </c>
      <c r="F90875" s="14" t="s">
        <v>15</v>
      </c>
      <c r="G90875" s="16">
        <v>0</v>
      </c>
    </row>
    <row r="90876" spans="1:7" x14ac:dyDescent="0.3">
      <c r="A90876" s="13" t="s">
        <v>453</v>
      </c>
      <c r="B90876" s="14" t="s">
        <v>1</v>
      </c>
      <c r="C90876" s="14" t="s">
        <v>47</v>
      </c>
      <c r="D90876" s="14" t="s">
        <v>33</v>
      </c>
      <c r="E90876" s="15">
        <v>45732</v>
      </c>
      <c r="F90876" s="14" t="s">
        <v>15</v>
      </c>
      <c r="G90876" s="16">
        <v>0</v>
      </c>
    </row>
    <row r="90877" spans="1:7" x14ac:dyDescent="0.3">
      <c r="A90877" s="13" t="s">
        <v>453</v>
      </c>
      <c r="B90877" s="14" t="s">
        <v>1</v>
      </c>
      <c r="C90877" s="14" t="s">
        <v>47</v>
      </c>
      <c r="D90877" s="14" t="s">
        <v>33</v>
      </c>
      <c r="E90877" s="15">
        <v>45733</v>
      </c>
      <c r="F90877" s="14" t="s">
        <v>15</v>
      </c>
      <c r="G90877" s="16">
        <v>0</v>
      </c>
    </row>
    <row r="90878" spans="1:7" x14ac:dyDescent="0.3">
      <c r="A90878" s="13" t="s">
        <v>453</v>
      </c>
      <c r="B90878" s="14" t="s">
        <v>1</v>
      </c>
      <c r="C90878" s="14" t="s">
        <v>47</v>
      </c>
      <c r="D90878" s="14" t="s">
        <v>33</v>
      </c>
      <c r="E90878" s="15">
        <v>45734</v>
      </c>
      <c r="F90878" s="14" t="s">
        <v>15</v>
      </c>
      <c r="G90878" s="16">
        <v>0</v>
      </c>
    </row>
    <row r="90879" spans="1:7" x14ac:dyDescent="0.3">
      <c r="A90879" s="13" t="s">
        <v>453</v>
      </c>
      <c r="B90879" s="14" t="s">
        <v>1</v>
      </c>
      <c r="C90879" s="14" t="s">
        <v>47</v>
      </c>
      <c r="D90879" s="14" t="s">
        <v>33</v>
      </c>
      <c r="E90879" s="15">
        <v>45735</v>
      </c>
      <c r="F90879" s="14" t="s">
        <v>15</v>
      </c>
      <c r="G90879" s="16">
        <v>0</v>
      </c>
    </row>
    <row r="90880" spans="1:7" x14ac:dyDescent="0.3">
      <c r="A90880" s="13" t="s">
        <v>453</v>
      </c>
      <c r="B90880" s="14" t="s">
        <v>1</v>
      </c>
      <c r="C90880" s="14" t="s">
        <v>47</v>
      </c>
      <c r="D90880" s="14" t="s">
        <v>33</v>
      </c>
      <c r="E90880" s="15">
        <v>45736</v>
      </c>
      <c r="F90880" s="14" t="s">
        <v>15</v>
      </c>
      <c r="G90880" s="16">
        <v>0</v>
      </c>
    </row>
    <row r="90881" spans="1:7" x14ac:dyDescent="0.3">
      <c r="A90881" s="13" t="s">
        <v>453</v>
      </c>
      <c r="B90881" s="14" t="s">
        <v>1</v>
      </c>
      <c r="C90881" s="14" t="s">
        <v>47</v>
      </c>
      <c r="D90881" s="14" t="s">
        <v>33</v>
      </c>
      <c r="E90881" s="15">
        <v>45737</v>
      </c>
      <c r="F90881" s="14" t="s">
        <v>15</v>
      </c>
      <c r="G90881" s="16">
        <v>0</v>
      </c>
    </row>
    <row r="90882" spans="1:7" x14ac:dyDescent="0.3">
      <c r="A90882" s="13" t="s">
        <v>453</v>
      </c>
      <c r="B90882" s="14" t="s">
        <v>1</v>
      </c>
      <c r="C90882" s="14" t="s">
        <v>47</v>
      </c>
      <c r="D90882" s="14" t="s">
        <v>33</v>
      </c>
      <c r="E90882" s="15">
        <v>45738</v>
      </c>
      <c r="F90882" s="14" t="s">
        <v>15</v>
      </c>
      <c r="G90882" s="16">
        <v>0</v>
      </c>
    </row>
    <row r="90883" spans="1:7" x14ac:dyDescent="0.3">
      <c r="A90883" s="13" t="s">
        <v>453</v>
      </c>
      <c r="B90883" s="14" t="s">
        <v>1</v>
      </c>
      <c r="C90883" s="14" t="s">
        <v>47</v>
      </c>
      <c r="D90883" s="14" t="s">
        <v>33</v>
      </c>
      <c r="E90883" s="15">
        <v>45739</v>
      </c>
      <c r="F90883" s="14" t="s">
        <v>15</v>
      </c>
      <c r="G90883" s="16">
        <v>0</v>
      </c>
    </row>
    <row r="90884" spans="1:7" x14ac:dyDescent="0.3">
      <c r="A90884" s="13" t="s">
        <v>453</v>
      </c>
      <c r="B90884" s="14" t="s">
        <v>1</v>
      </c>
      <c r="C90884" s="14" t="s">
        <v>47</v>
      </c>
      <c r="D90884" s="14" t="s">
        <v>33</v>
      </c>
      <c r="E90884" s="15">
        <v>45740</v>
      </c>
      <c r="F90884" s="14" t="s">
        <v>15</v>
      </c>
      <c r="G90884" s="16">
        <v>0</v>
      </c>
    </row>
    <row r="90885" spans="1:7" x14ac:dyDescent="0.3">
      <c r="A90885" s="13" t="s">
        <v>453</v>
      </c>
      <c r="B90885" s="14" t="s">
        <v>1</v>
      </c>
      <c r="C90885" s="14" t="s">
        <v>47</v>
      </c>
      <c r="D90885" s="14" t="s">
        <v>33</v>
      </c>
      <c r="E90885" s="15">
        <v>45741</v>
      </c>
      <c r="F90885" s="14" t="s">
        <v>15</v>
      </c>
      <c r="G90885" s="16">
        <v>0</v>
      </c>
    </row>
    <row r="90886" spans="1:7" x14ac:dyDescent="0.3">
      <c r="A90886" s="13" t="s">
        <v>453</v>
      </c>
      <c r="B90886" s="14" t="s">
        <v>1</v>
      </c>
      <c r="C90886" s="14" t="s">
        <v>47</v>
      </c>
      <c r="D90886" s="14" t="s">
        <v>33</v>
      </c>
      <c r="E90886" s="15">
        <v>45742</v>
      </c>
      <c r="F90886" s="14" t="s">
        <v>15</v>
      </c>
      <c r="G90886" s="16">
        <v>0</v>
      </c>
    </row>
    <row r="90887" spans="1:7" x14ac:dyDescent="0.3">
      <c r="A90887" s="13" t="s">
        <v>453</v>
      </c>
      <c r="B90887" s="14" t="s">
        <v>1</v>
      </c>
      <c r="C90887" s="14" t="s">
        <v>47</v>
      </c>
      <c r="D90887" s="14" t="s">
        <v>33</v>
      </c>
      <c r="E90887" s="15">
        <v>45743</v>
      </c>
      <c r="F90887" s="14" t="s">
        <v>15</v>
      </c>
      <c r="G90887" s="16">
        <v>0</v>
      </c>
    </row>
    <row r="90888" spans="1:7" x14ac:dyDescent="0.3">
      <c r="A90888" s="13" t="s">
        <v>453</v>
      </c>
      <c r="B90888" s="14" t="s">
        <v>1</v>
      </c>
      <c r="C90888" s="14" t="s">
        <v>47</v>
      </c>
      <c r="D90888" s="14" t="s">
        <v>33</v>
      </c>
      <c r="E90888" s="15">
        <v>45744</v>
      </c>
      <c r="F90888" s="14" t="s">
        <v>15</v>
      </c>
      <c r="G90888" s="16">
        <v>0</v>
      </c>
    </row>
    <row r="90889" spans="1:7" x14ac:dyDescent="0.3">
      <c r="A90889" s="13" t="s">
        <v>453</v>
      </c>
      <c r="B90889" s="14" t="s">
        <v>1</v>
      </c>
      <c r="C90889" s="14" t="s">
        <v>47</v>
      </c>
      <c r="D90889" s="14" t="s">
        <v>33</v>
      </c>
      <c r="E90889" s="15">
        <v>45745</v>
      </c>
      <c r="F90889" s="14" t="s">
        <v>15</v>
      </c>
      <c r="G90889" s="16">
        <v>0</v>
      </c>
    </row>
    <row r="90890" spans="1:7" x14ac:dyDescent="0.3">
      <c r="A90890" s="13" t="s">
        <v>453</v>
      </c>
      <c r="B90890" s="14" t="s">
        <v>1</v>
      </c>
      <c r="C90890" s="14" t="s">
        <v>47</v>
      </c>
      <c r="D90890" s="14" t="s">
        <v>33</v>
      </c>
      <c r="E90890" s="15">
        <v>45746</v>
      </c>
      <c r="F90890" s="14" t="s">
        <v>15</v>
      </c>
      <c r="G90890" s="16">
        <v>0</v>
      </c>
    </row>
    <row r="90891" spans="1:7" x14ac:dyDescent="0.3">
      <c r="A90891" s="13" t="s">
        <v>453</v>
      </c>
      <c r="B90891" s="14" t="s">
        <v>1</v>
      </c>
      <c r="C90891" s="14" t="s">
        <v>47</v>
      </c>
      <c r="D90891" s="14" t="s">
        <v>33</v>
      </c>
      <c r="E90891" s="15">
        <v>45747</v>
      </c>
      <c r="F90891" s="14" t="s">
        <v>15</v>
      </c>
      <c r="G90891" s="16">
        <v>0</v>
      </c>
    </row>
    <row r="90892" spans="1:7" x14ac:dyDescent="0.3">
      <c r="A90892" s="13" t="s">
        <v>454</v>
      </c>
      <c r="B90892" s="14" t="s">
        <v>1</v>
      </c>
      <c r="C90892" s="14" t="s">
        <v>70</v>
      </c>
      <c r="D90892" s="14" t="s">
        <v>455</v>
      </c>
      <c r="E90892" s="15">
        <v>45383</v>
      </c>
      <c r="F90892" s="14" t="s">
        <v>15</v>
      </c>
      <c r="G90892" s="16">
        <v>0</v>
      </c>
    </row>
    <row r="90893" spans="1:7" x14ac:dyDescent="0.3">
      <c r="A90893" s="13" t="s">
        <v>454</v>
      </c>
      <c r="B90893" s="14" t="s">
        <v>1</v>
      </c>
      <c r="C90893" s="14" t="s">
        <v>70</v>
      </c>
      <c r="D90893" s="14" t="s">
        <v>455</v>
      </c>
      <c r="E90893" s="15">
        <v>45384</v>
      </c>
      <c r="F90893" s="14" t="s">
        <v>15</v>
      </c>
      <c r="G90893" s="16">
        <v>0</v>
      </c>
    </row>
    <row r="90894" spans="1:7" x14ac:dyDescent="0.3">
      <c r="A90894" s="13" t="s">
        <v>454</v>
      </c>
      <c r="B90894" s="14" t="s">
        <v>1</v>
      </c>
      <c r="C90894" s="14" t="s">
        <v>70</v>
      </c>
      <c r="D90894" s="14" t="s">
        <v>455</v>
      </c>
      <c r="E90894" s="15">
        <v>45385</v>
      </c>
      <c r="F90894" s="14" t="s">
        <v>15</v>
      </c>
      <c r="G90894" s="16">
        <v>4.6438942289071361E-2</v>
      </c>
    </row>
    <row r="90895" spans="1:7" x14ac:dyDescent="0.3">
      <c r="A90895" s="13" t="s">
        <v>454</v>
      </c>
      <c r="B90895" s="14" t="s">
        <v>1</v>
      </c>
      <c r="C90895" s="14" t="s">
        <v>70</v>
      </c>
      <c r="D90895" s="14" t="s">
        <v>455</v>
      </c>
      <c r="E90895" s="15">
        <v>45386</v>
      </c>
      <c r="F90895" s="14" t="s">
        <v>15</v>
      </c>
      <c r="G90895" s="16">
        <v>5.8226708921157944E-2</v>
      </c>
    </row>
    <row r="90896" spans="1:7" x14ac:dyDescent="0.3">
      <c r="A90896" s="13" t="s">
        <v>454</v>
      </c>
      <c r="B90896" s="14" t="s">
        <v>1</v>
      </c>
      <c r="C90896" s="14" t="s">
        <v>70</v>
      </c>
      <c r="D90896" s="14" t="s">
        <v>455</v>
      </c>
      <c r="E90896" s="15">
        <v>45387</v>
      </c>
      <c r="F90896" s="14" t="s">
        <v>15</v>
      </c>
      <c r="G90896" s="16">
        <v>7.9170990076066095E-2</v>
      </c>
    </row>
    <row r="90897" spans="1:7" x14ac:dyDescent="0.3">
      <c r="A90897" s="13" t="s">
        <v>454</v>
      </c>
      <c r="B90897" s="14" t="s">
        <v>1</v>
      </c>
      <c r="C90897" s="14" t="s">
        <v>70</v>
      </c>
      <c r="D90897" s="14" t="s">
        <v>455</v>
      </c>
      <c r="E90897" s="15">
        <v>45388</v>
      </c>
      <c r="F90897" s="14" t="s">
        <v>15</v>
      </c>
      <c r="G90897" s="16">
        <v>7.9170990076066095E-2</v>
      </c>
    </row>
    <row r="90898" spans="1:7" x14ac:dyDescent="0.3">
      <c r="A90898" s="13" t="s">
        <v>454</v>
      </c>
      <c r="B90898" s="14" t="s">
        <v>1</v>
      </c>
      <c r="C90898" s="14" t="s">
        <v>70</v>
      </c>
      <c r="D90898" s="14" t="s">
        <v>455</v>
      </c>
      <c r="E90898" s="15">
        <v>45389</v>
      </c>
      <c r="F90898" s="14" t="s">
        <v>15</v>
      </c>
      <c r="G90898" s="16">
        <v>7.9170990076066095E-2</v>
      </c>
    </row>
    <row r="90899" spans="1:7" x14ac:dyDescent="0.3">
      <c r="A90899" s="13" t="s">
        <v>454</v>
      </c>
      <c r="B90899" s="14" t="s">
        <v>1</v>
      </c>
      <c r="C90899" s="14" t="s">
        <v>70</v>
      </c>
      <c r="D90899" s="14" t="s">
        <v>455</v>
      </c>
      <c r="E90899" s="15">
        <v>45390</v>
      </c>
      <c r="F90899" s="14" t="s">
        <v>15</v>
      </c>
      <c r="G90899" s="16">
        <v>0.1022391993084293</v>
      </c>
    </row>
    <row r="90900" spans="1:7" x14ac:dyDescent="0.3">
      <c r="A90900" s="13" t="s">
        <v>454</v>
      </c>
      <c r="B90900" s="14" t="s">
        <v>1</v>
      </c>
      <c r="C90900" s="14" t="s">
        <v>70</v>
      </c>
      <c r="D90900" s="14" t="s">
        <v>455</v>
      </c>
      <c r="E90900" s="15">
        <v>45391</v>
      </c>
      <c r="F90900" s="14" t="s">
        <v>15</v>
      </c>
      <c r="G90900" s="16">
        <v>0.12509772665974134</v>
      </c>
    </row>
    <row r="90901" spans="1:7" x14ac:dyDescent="0.3">
      <c r="A90901" s="13" t="s">
        <v>454</v>
      </c>
      <c r="B90901" s="14" t="s">
        <v>1</v>
      </c>
      <c r="C90901" s="14" t="s">
        <v>70</v>
      </c>
      <c r="D90901" s="14" t="s">
        <v>455</v>
      </c>
      <c r="E90901" s="15">
        <v>45392</v>
      </c>
      <c r="F90901" s="14" t="s">
        <v>15</v>
      </c>
      <c r="G90901" s="16">
        <v>0.1457835292531004</v>
      </c>
    </row>
    <row r="90902" spans="1:7" x14ac:dyDescent="0.3">
      <c r="A90902" s="13" t="s">
        <v>454</v>
      </c>
      <c r="B90902" s="14" t="s">
        <v>1</v>
      </c>
      <c r="C90902" s="14" t="s">
        <v>70</v>
      </c>
      <c r="D90902" s="14" t="s">
        <v>455</v>
      </c>
      <c r="E90902" s="15">
        <v>45393</v>
      </c>
      <c r="F90902" s="14" t="s">
        <v>15</v>
      </c>
      <c r="G90902" s="16">
        <v>0.15221253776733731</v>
      </c>
    </row>
    <row r="90903" spans="1:7" x14ac:dyDescent="0.3">
      <c r="A90903" s="13" t="s">
        <v>454</v>
      </c>
      <c r="B90903" s="14" t="s">
        <v>1</v>
      </c>
      <c r="C90903" s="14" t="s">
        <v>70</v>
      </c>
      <c r="D90903" s="14" t="s">
        <v>455</v>
      </c>
      <c r="E90903" s="15">
        <v>45394</v>
      </c>
      <c r="F90903" s="14" t="s">
        <v>15</v>
      </c>
      <c r="G90903" s="16">
        <v>0.15896295908510627</v>
      </c>
    </row>
    <row r="90904" spans="1:7" x14ac:dyDescent="0.3">
      <c r="A90904" s="13" t="s">
        <v>454</v>
      </c>
      <c r="B90904" s="14" t="s">
        <v>1</v>
      </c>
      <c r="C90904" s="14" t="s">
        <v>70</v>
      </c>
      <c r="D90904" s="14" t="s">
        <v>455</v>
      </c>
      <c r="E90904" s="15">
        <v>45395</v>
      </c>
      <c r="F90904" s="14" t="s">
        <v>15</v>
      </c>
      <c r="G90904" s="16">
        <v>0.15896295908510627</v>
      </c>
    </row>
    <row r="90905" spans="1:7" x14ac:dyDescent="0.3">
      <c r="A90905" s="13" t="s">
        <v>454</v>
      </c>
      <c r="B90905" s="14" t="s">
        <v>1</v>
      </c>
      <c r="C90905" s="14" t="s">
        <v>70</v>
      </c>
      <c r="D90905" s="14" t="s">
        <v>455</v>
      </c>
      <c r="E90905" s="15">
        <v>45396</v>
      </c>
      <c r="F90905" s="14" t="s">
        <v>15</v>
      </c>
      <c r="G90905" s="16">
        <v>0.15896295908510627</v>
      </c>
    </row>
    <row r="90906" spans="1:7" x14ac:dyDescent="0.3">
      <c r="A90906" s="13" t="s">
        <v>454</v>
      </c>
      <c r="B90906" s="14" t="s">
        <v>1</v>
      </c>
      <c r="C90906" s="14" t="s">
        <v>70</v>
      </c>
      <c r="D90906" s="14" t="s">
        <v>455</v>
      </c>
      <c r="E90906" s="15">
        <v>45397</v>
      </c>
      <c r="F90906" s="14" t="s">
        <v>15</v>
      </c>
      <c r="G90906" s="16">
        <v>0.1878463826103807</v>
      </c>
    </row>
    <row r="90907" spans="1:7" x14ac:dyDescent="0.3">
      <c r="A90907" s="13" t="s">
        <v>454</v>
      </c>
      <c r="B90907" s="14" t="s">
        <v>1</v>
      </c>
      <c r="C90907" s="14" t="s">
        <v>70</v>
      </c>
      <c r="D90907" s="14" t="s">
        <v>455</v>
      </c>
      <c r="E90907" s="15">
        <v>45398</v>
      </c>
      <c r="F90907" s="14" t="s">
        <v>15</v>
      </c>
      <c r="G90907" s="16">
        <v>0.2107220595933296</v>
      </c>
    </row>
    <row r="90908" spans="1:7" x14ac:dyDescent="0.3">
      <c r="A90908" s="13" t="s">
        <v>454</v>
      </c>
      <c r="B90908" s="14" t="s">
        <v>1</v>
      </c>
      <c r="C90908" s="14" t="s">
        <v>70</v>
      </c>
      <c r="D90908" s="14" t="s">
        <v>455</v>
      </c>
      <c r="E90908" s="15">
        <v>45399</v>
      </c>
      <c r="F90908" s="14" t="s">
        <v>15</v>
      </c>
      <c r="G90908" s="16">
        <v>0.25733496768493824</v>
      </c>
    </row>
    <row r="90909" spans="1:7" x14ac:dyDescent="0.3">
      <c r="A90909" s="13" t="s">
        <v>454</v>
      </c>
      <c r="B90909" s="14" t="s">
        <v>1</v>
      </c>
      <c r="C90909" s="14" t="s">
        <v>70</v>
      </c>
      <c r="D90909" s="14" t="s">
        <v>455</v>
      </c>
      <c r="E90909" s="15">
        <v>45400</v>
      </c>
      <c r="F90909" s="14" t="s">
        <v>15</v>
      </c>
      <c r="G90909" s="16">
        <v>0.26408488625641446</v>
      </c>
    </row>
    <row r="90910" spans="1:7" x14ac:dyDescent="0.3">
      <c r="A90910" s="13" t="s">
        <v>454</v>
      </c>
      <c r="B90910" s="14" t="s">
        <v>1</v>
      </c>
      <c r="C90910" s="14" t="s">
        <v>70</v>
      </c>
      <c r="D90910" s="14" t="s">
        <v>455</v>
      </c>
      <c r="E90910" s="15">
        <v>45401</v>
      </c>
      <c r="F90910" s="14" t="s">
        <v>15</v>
      </c>
      <c r="G90910" s="16">
        <v>0.27602101552838715</v>
      </c>
    </row>
    <row r="90911" spans="1:7" x14ac:dyDescent="0.3">
      <c r="A90911" s="13" t="s">
        <v>454</v>
      </c>
      <c r="B90911" s="14" t="s">
        <v>1</v>
      </c>
      <c r="C90911" s="14" t="s">
        <v>70</v>
      </c>
      <c r="D90911" s="14" t="s">
        <v>455</v>
      </c>
      <c r="E90911" s="15">
        <v>45402</v>
      </c>
      <c r="F90911" s="14" t="s">
        <v>15</v>
      </c>
      <c r="G90911" s="16">
        <v>0.27602101552838715</v>
      </c>
    </row>
    <row r="90912" spans="1:7" x14ac:dyDescent="0.3">
      <c r="A90912" s="13" t="s">
        <v>454</v>
      </c>
      <c r="B90912" s="14" t="s">
        <v>1</v>
      </c>
      <c r="C90912" s="14" t="s">
        <v>70</v>
      </c>
      <c r="D90912" s="14" t="s">
        <v>455</v>
      </c>
      <c r="E90912" s="15">
        <v>45403</v>
      </c>
      <c r="F90912" s="14" t="s">
        <v>15</v>
      </c>
      <c r="G90912" s="16">
        <v>0.27602101552838715</v>
      </c>
    </row>
    <row r="90913" spans="1:7" x14ac:dyDescent="0.3">
      <c r="A90913" s="13" t="s">
        <v>454</v>
      </c>
      <c r="B90913" s="14" t="s">
        <v>1</v>
      </c>
      <c r="C90913" s="14" t="s">
        <v>70</v>
      </c>
      <c r="D90913" s="14" t="s">
        <v>455</v>
      </c>
      <c r="E90913" s="15">
        <v>45404</v>
      </c>
      <c r="F90913" s="14" t="s">
        <v>15</v>
      </c>
      <c r="G90913" s="16">
        <v>0.28760204275954337</v>
      </c>
    </row>
    <row r="90914" spans="1:7" x14ac:dyDescent="0.3">
      <c r="A90914" s="13" t="s">
        <v>454</v>
      </c>
      <c r="B90914" s="14" t="s">
        <v>1</v>
      </c>
      <c r="C90914" s="14" t="s">
        <v>70</v>
      </c>
      <c r="D90914" s="14" t="s">
        <v>455</v>
      </c>
      <c r="E90914" s="15">
        <v>45405</v>
      </c>
      <c r="F90914" s="14" t="s">
        <v>15</v>
      </c>
      <c r="G90914" s="16">
        <v>0.32736177931226618</v>
      </c>
    </row>
    <row r="90915" spans="1:7" x14ac:dyDescent="0.3">
      <c r="A90915" s="13" t="s">
        <v>454</v>
      </c>
      <c r="B90915" s="14" t="s">
        <v>1</v>
      </c>
      <c r="C90915" s="14" t="s">
        <v>70</v>
      </c>
      <c r="D90915" s="14" t="s">
        <v>455</v>
      </c>
      <c r="E90915" s="15">
        <v>45406</v>
      </c>
      <c r="F90915" s="14" t="s">
        <v>15</v>
      </c>
      <c r="G90915" s="16">
        <v>0.3380284105147407</v>
      </c>
    </row>
    <row r="90916" spans="1:7" x14ac:dyDescent="0.3">
      <c r="A90916" s="13" t="s">
        <v>454</v>
      </c>
      <c r="B90916" s="14" t="s">
        <v>1</v>
      </c>
      <c r="C90916" s="14" t="s">
        <v>70</v>
      </c>
      <c r="D90916" s="14" t="s">
        <v>455</v>
      </c>
      <c r="E90916" s="15">
        <v>45407</v>
      </c>
      <c r="F90916" s="14" t="s">
        <v>15</v>
      </c>
      <c r="G90916" s="16">
        <v>0.38982995622355837</v>
      </c>
    </row>
    <row r="90917" spans="1:7" x14ac:dyDescent="0.3">
      <c r="A90917" s="13" t="s">
        <v>454</v>
      </c>
      <c r="B90917" s="14" t="s">
        <v>1</v>
      </c>
      <c r="C90917" s="14" t="s">
        <v>70</v>
      </c>
      <c r="D90917" s="14" t="s">
        <v>455</v>
      </c>
      <c r="E90917" s="15">
        <v>45408</v>
      </c>
      <c r="F90917" s="14" t="s">
        <v>15</v>
      </c>
      <c r="G90917" s="16">
        <v>0.39762179426552552</v>
      </c>
    </row>
    <row r="90918" spans="1:7" x14ac:dyDescent="0.3">
      <c r="A90918" s="13" t="s">
        <v>454</v>
      </c>
      <c r="B90918" s="14" t="s">
        <v>1</v>
      </c>
      <c r="C90918" s="14" t="s">
        <v>70</v>
      </c>
      <c r="D90918" s="14" t="s">
        <v>455</v>
      </c>
      <c r="E90918" s="15">
        <v>45409</v>
      </c>
      <c r="F90918" s="14" t="s">
        <v>15</v>
      </c>
      <c r="G90918" s="16">
        <v>0.39762179426552552</v>
      </c>
    </row>
    <row r="90919" spans="1:7" x14ac:dyDescent="0.3">
      <c r="A90919" s="13" t="s">
        <v>454</v>
      </c>
      <c r="B90919" s="14" t="s">
        <v>1</v>
      </c>
      <c r="C90919" s="14" t="s">
        <v>70</v>
      </c>
      <c r="D90919" s="14" t="s">
        <v>455</v>
      </c>
      <c r="E90919" s="15">
        <v>45410</v>
      </c>
      <c r="F90919" s="14" t="s">
        <v>15</v>
      </c>
      <c r="G90919" s="16">
        <v>0.39762179426552552</v>
      </c>
    </row>
    <row r="90920" spans="1:7" x14ac:dyDescent="0.3">
      <c r="A90920" s="13" t="s">
        <v>454</v>
      </c>
      <c r="B90920" s="14" t="s">
        <v>1</v>
      </c>
      <c r="C90920" s="14" t="s">
        <v>70</v>
      </c>
      <c r="D90920" s="14" t="s">
        <v>455</v>
      </c>
      <c r="E90920" s="15">
        <v>45411</v>
      </c>
      <c r="F90920" s="14" t="s">
        <v>15</v>
      </c>
      <c r="G90920" s="16">
        <v>0.40436906529149702</v>
      </c>
    </row>
    <row r="90921" spans="1:7" x14ac:dyDescent="0.3">
      <c r="A90921" s="13" t="s">
        <v>454</v>
      </c>
      <c r="B90921" s="14" t="s">
        <v>1</v>
      </c>
      <c r="C90921" s="14" t="s">
        <v>70</v>
      </c>
      <c r="D90921" s="14" t="s">
        <v>455</v>
      </c>
      <c r="E90921" s="15">
        <v>45412</v>
      </c>
      <c r="F90921" s="14" t="s">
        <v>15</v>
      </c>
      <c r="G90921" s="16">
        <v>0.42627143835828485</v>
      </c>
    </row>
    <row r="90922" spans="1:7" x14ac:dyDescent="0.3">
      <c r="A90922" s="13" t="s">
        <v>454</v>
      </c>
      <c r="B90922" s="14" t="s">
        <v>1</v>
      </c>
      <c r="C90922" s="14" t="s">
        <v>70</v>
      </c>
      <c r="D90922" s="14" t="s">
        <v>455</v>
      </c>
      <c r="E90922" s="15">
        <v>45413</v>
      </c>
      <c r="F90922" s="14" t="s">
        <v>15</v>
      </c>
      <c r="G90922" s="16">
        <v>0.42627143835828485</v>
      </c>
    </row>
    <row r="90923" spans="1:7" x14ac:dyDescent="0.3">
      <c r="A90923" s="13" t="s">
        <v>454</v>
      </c>
      <c r="B90923" s="14" t="s">
        <v>1</v>
      </c>
      <c r="C90923" s="14" t="s">
        <v>70</v>
      </c>
      <c r="D90923" s="14" t="s">
        <v>455</v>
      </c>
      <c r="E90923" s="15">
        <v>45414</v>
      </c>
      <c r="F90923" s="14" t="s">
        <v>15</v>
      </c>
      <c r="G90923" s="16">
        <v>0.47076498627339042</v>
      </c>
    </row>
    <row r="90924" spans="1:7" x14ac:dyDescent="0.3">
      <c r="A90924" s="13" t="s">
        <v>454</v>
      </c>
      <c r="B90924" s="14" t="s">
        <v>1</v>
      </c>
      <c r="C90924" s="14" t="s">
        <v>70</v>
      </c>
      <c r="D90924" s="14" t="s">
        <v>455</v>
      </c>
      <c r="E90924" s="15">
        <v>45415</v>
      </c>
      <c r="F90924" s="14" t="s">
        <v>15</v>
      </c>
      <c r="G90924" s="16">
        <v>0.48581120931259963</v>
      </c>
    </row>
    <row r="90925" spans="1:7" x14ac:dyDescent="0.3">
      <c r="A90925" s="13" t="s">
        <v>454</v>
      </c>
      <c r="B90925" s="14" t="s">
        <v>1</v>
      </c>
      <c r="C90925" s="14" t="s">
        <v>70</v>
      </c>
      <c r="D90925" s="14" t="s">
        <v>455</v>
      </c>
      <c r="E90925" s="15">
        <v>45416</v>
      </c>
      <c r="F90925" s="14" t="s">
        <v>15</v>
      </c>
      <c r="G90925" s="16">
        <v>0.48581120931259963</v>
      </c>
    </row>
    <row r="90926" spans="1:7" x14ac:dyDescent="0.3">
      <c r="A90926" s="13" t="s">
        <v>454</v>
      </c>
      <c r="B90926" s="14" t="s">
        <v>1</v>
      </c>
      <c r="C90926" s="14" t="s">
        <v>70</v>
      </c>
      <c r="D90926" s="14" t="s">
        <v>455</v>
      </c>
      <c r="E90926" s="15">
        <v>45417</v>
      </c>
      <c r="F90926" s="14" t="s">
        <v>15</v>
      </c>
      <c r="G90926" s="16">
        <v>0.48581120931259963</v>
      </c>
    </row>
    <row r="90927" spans="1:7" x14ac:dyDescent="0.3">
      <c r="A90927" s="13" t="s">
        <v>454</v>
      </c>
      <c r="B90927" s="14" t="s">
        <v>1</v>
      </c>
      <c r="C90927" s="14" t="s">
        <v>70</v>
      </c>
      <c r="D90927" s="14" t="s">
        <v>455</v>
      </c>
      <c r="E90927" s="15">
        <v>45418</v>
      </c>
      <c r="F90927" s="14" t="s">
        <v>15</v>
      </c>
      <c r="G90927" s="16">
        <v>0.48581120931259963</v>
      </c>
    </row>
    <row r="90928" spans="1:7" x14ac:dyDescent="0.3">
      <c r="A90928" s="13" t="s">
        <v>454</v>
      </c>
      <c r="B90928" s="14" t="s">
        <v>1</v>
      </c>
      <c r="C90928" s="14" t="s">
        <v>70</v>
      </c>
      <c r="D90928" s="14" t="s">
        <v>455</v>
      </c>
      <c r="E90928" s="15">
        <v>45419</v>
      </c>
      <c r="F90928" s="14" t="s">
        <v>15</v>
      </c>
      <c r="G90928" s="16">
        <v>0.51635472964910623</v>
      </c>
    </row>
    <row r="90929" spans="1:7" x14ac:dyDescent="0.3">
      <c r="A90929" s="13" t="s">
        <v>454</v>
      </c>
      <c r="B90929" s="14" t="s">
        <v>1</v>
      </c>
      <c r="C90929" s="14" t="s">
        <v>70</v>
      </c>
      <c r="D90929" s="14" t="s">
        <v>455</v>
      </c>
      <c r="E90929" s="15">
        <v>45420</v>
      </c>
      <c r="F90929" s="14" t="s">
        <v>15</v>
      </c>
      <c r="G90929" s="16">
        <v>0.54961970613564026</v>
      </c>
    </row>
    <row r="90930" spans="1:7" x14ac:dyDescent="0.3">
      <c r="A90930" s="13" t="s">
        <v>454</v>
      </c>
      <c r="B90930" s="14" t="s">
        <v>1</v>
      </c>
      <c r="C90930" s="14" t="s">
        <v>70</v>
      </c>
      <c r="D90930" s="14" t="s">
        <v>455</v>
      </c>
      <c r="E90930" s="15">
        <v>45421</v>
      </c>
      <c r="F90930" s="14" t="s">
        <v>15</v>
      </c>
      <c r="G90930" s="16">
        <v>0.54961970613564026</v>
      </c>
    </row>
    <row r="90931" spans="1:7" x14ac:dyDescent="0.3">
      <c r="A90931" s="13" t="s">
        <v>454</v>
      </c>
      <c r="B90931" s="14" t="s">
        <v>1</v>
      </c>
      <c r="C90931" s="14" t="s">
        <v>70</v>
      </c>
      <c r="D90931" s="14" t="s">
        <v>455</v>
      </c>
      <c r="E90931" s="15">
        <v>45422</v>
      </c>
      <c r="F90931" s="14" t="s">
        <v>15</v>
      </c>
      <c r="G90931" s="16">
        <v>0.5563746991693338</v>
      </c>
    </row>
    <row r="90932" spans="1:7" x14ac:dyDescent="0.3">
      <c r="A90932" s="13" t="s">
        <v>454</v>
      </c>
      <c r="B90932" s="14" t="s">
        <v>1</v>
      </c>
      <c r="C90932" s="14" t="s">
        <v>70</v>
      </c>
      <c r="D90932" s="14" t="s">
        <v>455</v>
      </c>
      <c r="E90932" s="15">
        <v>45423</v>
      </c>
      <c r="F90932" s="14" t="s">
        <v>15</v>
      </c>
      <c r="G90932" s="16">
        <v>0.5563746991693338</v>
      </c>
    </row>
    <row r="90933" spans="1:7" x14ac:dyDescent="0.3">
      <c r="A90933" s="13" t="s">
        <v>454</v>
      </c>
      <c r="B90933" s="14" t="s">
        <v>1</v>
      </c>
      <c r="C90933" s="14" t="s">
        <v>70</v>
      </c>
      <c r="D90933" s="14" t="s">
        <v>455</v>
      </c>
      <c r="E90933" s="15">
        <v>45424</v>
      </c>
      <c r="F90933" s="14" t="s">
        <v>15</v>
      </c>
      <c r="G90933" s="16">
        <v>0.5563746991693338</v>
      </c>
    </row>
    <row r="90934" spans="1:7" x14ac:dyDescent="0.3">
      <c r="A90934" s="13" t="s">
        <v>454</v>
      </c>
      <c r="B90934" s="14" t="s">
        <v>1</v>
      </c>
      <c r="C90934" s="14" t="s">
        <v>70</v>
      </c>
      <c r="D90934" s="14" t="s">
        <v>455</v>
      </c>
      <c r="E90934" s="15">
        <v>45425</v>
      </c>
      <c r="F90934" s="14" t="s">
        <v>15</v>
      </c>
      <c r="G90934" s="16">
        <v>0.67866162822067766</v>
      </c>
    </row>
    <row r="90935" spans="1:7" x14ac:dyDescent="0.3">
      <c r="A90935" s="13" t="s">
        <v>454</v>
      </c>
      <c r="B90935" s="14" t="s">
        <v>1</v>
      </c>
      <c r="C90935" s="14" t="s">
        <v>70</v>
      </c>
      <c r="D90935" s="14" t="s">
        <v>455</v>
      </c>
      <c r="E90935" s="15">
        <v>45426</v>
      </c>
      <c r="F90935" s="14" t="s">
        <v>15</v>
      </c>
      <c r="G90935" s="16">
        <v>0.72431943427147005</v>
      </c>
    </row>
    <row r="90936" spans="1:7" x14ac:dyDescent="0.3">
      <c r="A90936" s="13" t="s">
        <v>454</v>
      </c>
      <c r="B90936" s="14" t="s">
        <v>1</v>
      </c>
      <c r="C90936" s="14" t="s">
        <v>70</v>
      </c>
      <c r="D90936" s="14" t="s">
        <v>455</v>
      </c>
      <c r="E90936" s="15">
        <v>45427</v>
      </c>
      <c r="F90936" s="14" t="s">
        <v>15</v>
      </c>
      <c r="G90936" s="16">
        <v>0.73732020777951535</v>
      </c>
    </row>
    <row r="90937" spans="1:7" x14ac:dyDescent="0.3">
      <c r="A90937" s="13" t="s">
        <v>454</v>
      </c>
      <c r="B90937" s="14" t="s">
        <v>1</v>
      </c>
      <c r="C90937" s="14" t="s">
        <v>70</v>
      </c>
      <c r="D90937" s="14" t="s">
        <v>455</v>
      </c>
      <c r="E90937" s="15">
        <v>45428</v>
      </c>
      <c r="F90937" s="14" t="s">
        <v>15</v>
      </c>
      <c r="G90937" s="16">
        <v>0.74607067792297177</v>
      </c>
    </row>
    <row r="90938" spans="1:7" x14ac:dyDescent="0.3">
      <c r="A90938" s="13" t="s">
        <v>454</v>
      </c>
      <c r="B90938" s="14" t="s">
        <v>1</v>
      </c>
      <c r="C90938" s="14" t="s">
        <v>70</v>
      </c>
      <c r="D90938" s="14" t="s">
        <v>455</v>
      </c>
      <c r="E90938" s="15">
        <v>45429</v>
      </c>
      <c r="F90938" s="14" t="s">
        <v>15</v>
      </c>
      <c r="G90938" s="16">
        <v>0.84068104878347183</v>
      </c>
    </row>
    <row r="90939" spans="1:7" x14ac:dyDescent="0.3">
      <c r="A90939" s="13" t="s">
        <v>454</v>
      </c>
      <c r="B90939" s="14" t="s">
        <v>1</v>
      </c>
      <c r="C90939" s="14" t="s">
        <v>70</v>
      </c>
      <c r="D90939" s="14" t="s">
        <v>455</v>
      </c>
      <c r="E90939" s="15">
        <v>45430</v>
      </c>
      <c r="F90939" s="14" t="s">
        <v>15</v>
      </c>
      <c r="G90939" s="16">
        <v>0.84068104878347183</v>
      </c>
    </row>
    <row r="90940" spans="1:7" x14ac:dyDescent="0.3">
      <c r="A90940" s="13" t="s">
        <v>454</v>
      </c>
      <c r="B90940" s="14" t="s">
        <v>1</v>
      </c>
      <c r="C90940" s="14" t="s">
        <v>70</v>
      </c>
      <c r="D90940" s="14" t="s">
        <v>455</v>
      </c>
      <c r="E90940" s="15">
        <v>45431</v>
      </c>
      <c r="F90940" s="14" t="s">
        <v>15</v>
      </c>
      <c r="G90940" s="16">
        <v>0.84068104878347183</v>
      </c>
    </row>
    <row r="90941" spans="1:7" x14ac:dyDescent="0.3">
      <c r="A90941" s="13" t="s">
        <v>454</v>
      </c>
      <c r="B90941" s="14" t="s">
        <v>1</v>
      </c>
      <c r="C90941" s="14" t="s">
        <v>70</v>
      </c>
      <c r="D90941" s="14" t="s">
        <v>455</v>
      </c>
      <c r="E90941" s="15">
        <v>45432</v>
      </c>
      <c r="F90941" s="14" t="s">
        <v>15</v>
      </c>
      <c r="G90941" s="16">
        <v>0.84068104878347183</v>
      </c>
    </row>
    <row r="90942" spans="1:7" x14ac:dyDescent="0.3">
      <c r="A90942" s="13" t="s">
        <v>454</v>
      </c>
      <c r="B90942" s="14" t="s">
        <v>1</v>
      </c>
      <c r="C90942" s="14" t="s">
        <v>70</v>
      </c>
      <c r="D90942" s="14" t="s">
        <v>455</v>
      </c>
      <c r="E90942" s="15">
        <v>45433</v>
      </c>
      <c r="F90942" s="14" t="s">
        <v>15</v>
      </c>
      <c r="G90942" s="16">
        <v>0.84720052058164397</v>
      </c>
    </row>
    <row r="90943" spans="1:7" x14ac:dyDescent="0.3">
      <c r="A90943" s="13" t="s">
        <v>454</v>
      </c>
      <c r="B90943" s="14" t="s">
        <v>1</v>
      </c>
      <c r="C90943" s="14" t="s">
        <v>70</v>
      </c>
      <c r="D90943" s="14" t="s">
        <v>455</v>
      </c>
      <c r="E90943" s="15">
        <v>45434</v>
      </c>
      <c r="F90943" s="14" t="s">
        <v>15</v>
      </c>
      <c r="G90943" s="16">
        <v>0.89442920363188472</v>
      </c>
    </row>
    <row r="90944" spans="1:7" x14ac:dyDescent="0.3">
      <c r="A90944" s="13" t="s">
        <v>454</v>
      </c>
      <c r="B90944" s="14" t="s">
        <v>1</v>
      </c>
      <c r="C90944" s="14" t="s">
        <v>70</v>
      </c>
      <c r="D90944" s="14" t="s">
        <v>455</v>
      </c>
      <c r="E90944" s="15">
        <v>45435</v>
      </c>
      <c r="F90944" s="14" t="s">
        <v>15</v>
      </c>
      <c r="G90944" s="16">
        <v>0.90207520604230196</v>
      </c>
    </row>
    <row r="90945" spans="1:7" x14ac:dyDescent="0.3">
      <c r="A90945" s="13" t="s">
        <v>454</v>
      </c>
      <c r="B90945" s="14" t="s">
        <v>1</v>
      </c>
      <c r="C90945" s="14" t="s">
        <v>70</v>
      </c>
      <c r="D90945" s="14" t="s">
        <v>455</v>
      </c>
      <c r="E90945" s="15">
        <v>45436</v>
      </c>
      <c r="F90945" s="14" t="s">
        <v>15</v>
      </c>
      <c r="G90945" s="16">
        <v>0.90884641529221177</v>
      </c>
    </row>
    <row r="90946" spans="1:7" x14ac:dyDescent="0.3">
      <c r="A90946" s="13" t="s">
        <v>454</v>
      </c>
      <c r="B90946" s="14" t="s">
        <v>1</v>
      </c>
      <c r="C90946" s="14" t="s">
        <v>70</v>
      </c>
      <c r="D90946" s="14" t="s">
        <v>455</v>
      </c>
      <c r="E90946" s="15">
        <v>45437</v>
      </c>
      <c r="F90946" s="14" t="s">
        <v>15</v>
      </c>
      <c r="G90946" s="16">
        <v>0.90884641529221177</v>
      </c>
    </row>
    <row r="90947" spans="1:7" x14ac:dyDescent="0.3">
      <c r="A90947" s="13" t="s">
        <v>454</v>
      </c>
      <c r="B90947" s="14" t="s">
        <v>1</v>
      </c>
      <c r="C90947" s="14" t="s">
        <v>70</v>
      </c>
      <c r="D90947" s="14" t="s">
        <v>455</v>
      </c>
      <c r="E90947" s="15">
        <v>45438</v>
      </c>
      <c r="F90947" s="14" t="s">
        <v>15</v>
      </c>
      <c r="G90947" s="16">
        <v>0.90884641529221177</v>
      </c>
    </row>
    <row r="90948" spans="1:7" x14ac:dyDescent="0.3">
      <c r="A90948" s="13" t="s">
        <v>454</v>
      </c>
      <c r="B90948" s="14" t="s">
        <v>1</v>
      </c>
      <c r="C90948" s="14" t="s">
        <v>70</v>
      </c>
      <c r="D90948" s="14" t="s">
        <v>455</v>
      </c>
      <c r="E90948" s="15">
        <v>45439</v>
      </c>
      <c r="F90948" s="14" t="s">
        <v>15</v>
      </c>
      <c r="G90948" s="16">
        <v>0.90725579332314743</v>
      </c>
    </row>
    <row r="90949" spans="1:7" x14ac:dyDescent="0.3">
      <c r="A90949" s="13" t="s">
        <v>454</v>
      </c>
      <c r="B90949" s="14" t="s">
        <v>1</v>
      </c>
      <c r="C90949" s="14" t="s">
        <v>70</v>
      </c>
      <c r="D90949" s="14" t="s">
        <v>455</v>
      </c>
      <c r="E90949" s="15">
        <v>45440</v>
      </c>
      <c r="F90949" s="14" t="s">
        <v>15</v>
      </c>
      <c r="G90949" s="16">
        <v>0.92746450946770687</v>
      </c>
    </row>
    <row r="90950" spans="1:7" x14ac:dyDescent="0.3">
      <c r="A90950" s="13" t="s">
        <v>454</v>
      </c>
      <c r="B90950" s="14" t="s">
        <v>1</v>
      </c>
      <c r="C90950" s="14" t="s">
        <v>70</v>
      </c>
      <c r="D90950" s="14" t="s">
        <v>455</v>
      </c>
      <c r="E90950" s="15">
        <v>45441</v>
      </c>
      <c r="F90950" s="14" t="s">
        <v>15</v>
      </c>
      <c r="G90950" s="16">
        <v>0.93606737894927683</v>
      </c>
    </row>
    <row r="90951" spans="1:7" x14ac:dyDescent="0.3">
      <c r="A90951" s="13" t="s">
        <v>454</v>
      </c>
      <c r="B90951" s="14" t="s">
        <v>1</v>
      </c>
      <c r="C90951" s="14" t="s">
        <v>70</v>
      </c>
      <c r="D90951" s="14" t="s">
        <v>455</v>
      </c>
      <c r="E90951" s="15">
        <v>45442</v>
      </c>
      <c r="F90951" s="14" t="s">
        <v>15</v>
      </c>
      <c r="G90951" s="16">
        <v>0.9395736130199257</v>
      </c>
    </row>
    <row r="90952" spans="1:7" x14ac:dyDescent="0.3">
      <c r="A90952" s="13" t="s">
        <v>454</v>
      </c>
      <c r="B90952" s="14" t="s">
        <v>1</v>
      </c>
      <c r="C90952" s="14" t="s">
        <v>70</v>
      </c>
      <c r="D90952" s="14" t="s">
        <v>455</v>
      </c>
      <c r="E90952" s="15">
        <v>45443</v>
      </c>
      <c r="F90952" s="14" t="s">
        <v>15</v>
      </c>
      <c r="G90952" s="16">
        <v>0.95031536832609576</v>
      </c>
    </row>
    <row r="90953" spans="1:7" x14ac:dyDescent="0.3">
      <c r="A90953" s="13" t="s">
        <v>454</v>
      </c>
      <c r="B90953" s="14" t="s">
        <v>1</v>
      </c>
      <c r="C90953" s="14" t="s">
        <v>70</v>
      </c>
      <c r="D90953" s="14" t="s">
        <v>455</v>
      </c>
      <c r="E90953" s="15">
        <v>45444</v>
      </c>
      <c r="F90953" s="14" t="s">
        <v>15</v>
      </c>
      <c r="G90953" s="16">
        <v>0.95031536832609576</v>
      </c>
    </row>
    <row r="90954" spans="1:7" x14ac:dyDescent="0.3">
      <c r="A90954" s="13" t="s">
        <v>454</v>
      </c>
      <c r="B90954" s="14" t="s">
        <v>1</v>
      </c>
      <c r="C90954" s="14" t="s">
        <v>70</v>
      </c>
      <c r="D90954" s="14" t="s">
        <v>455</v>
      </c>
      <c r="E90954" s="15">
        <v>45445</v>
      </c>
      <c r="F90954" s="14" t="s">
        <v>15</v>
      </c>
      <c r="G90954" s="16">
        <v>0.95031536832609576</v>
      </c>
    </row>
    <row r="90955" spans="1:7" x14ac:dyDescent="0.3">
      <c r="A90955" s="13" t="s">
        <v>454</v>
      </c>
      <c r="B90955" s="14" t="s">
        <v>1</v>
      </c>
      <c r="C90955" s="14" t="s">
        <v>70</v>
      </c>
      <c r="D90955" s="14" t="s">
        <v>455</v>
      </c>
      <c r="E90955" s="15">
        <v>45446</v>
      </c>
      <c r="F90955" s="14" t="s">
        <v>15</v>
      </c>
      <c r="G90955" s="16">
        <v>0.95031536832609576</v>
      </c>
    </row>
    <row r="90956" spans="1:7" x14ac:dyDescent="0.3">
      <c r="A90956" s="13" t="s">
        <v>454</v>
      </c>
      <c r="B90956" s="14" t="s">
        <v>1</v>
      </c>
      <c r="C90956" s="14" t="s">
        <v>70</v>
      </c>
      <c r="D90956" s="14" t="s">
        <v>455</v>
      </c>
      <c r="E90956" s="15">
        <v>45447</v>
      </c>
      <c r="F90956" s="14" t="s">
        <v>15</v>
      </c>
      <c r="G90956" s="16">
        <v>0.96915839224782008</v>
      </c>
    </row>
    <row r="90957" spans="1:7" x14ac:dyDescent="0.3">
      <c r="A90957" s="13" t="s">
        <v>454</v>
      </c>
      <c r="B90957" s="14" t="s">
        <v>1</v>
      </c>
      <c r="C90957" s="14" t="s">
        <v>70</v>
      </c>
      <c r="D90957" s="14" t="s">
        <v>455</v>
      </c>
      <c r="E90957" s="15">
        <v>45448</v>
      </c>
      <c r="F90957" s="14" t="s">
        <v>15</v>
      </c>
      <c r="G90957" s="16">
        <v>1.0159896125291694</v>
      </c>
    </row>
    <row r="90958" spans="1:7" x14ac:dyDescent="0.3">
      <c r="A90958" s="13" t="s">
        <v>454</v>
      </c>
      <c r="B90958" s="14" t="s">
        <v>1</v>
      </c>
      <c r="C90958" s="14" t="s">
        <v>70</v>
      </c>
      <c r="D90958" s="14" t="s">
        <v>455</v>
      </c>
      <c r="E90958" s="15">
        <v>45449</v>
      </c>
      <c r="F90958" s="14" t="s">
        <v>15</v>
      </c>
      <c r="G90958" s="16">
        <v>1.0227548648016938</v>
      </c>
    </row>
    <row r="90959" spans="1:7" x14ac:dyDescent="0.3">
      <c r="A90959" s="13" t="s">
        <v>454</v>
      </c>
      <c r="B90959" s="14" t="s">
        <v>1</v>
      </c>
      <c r="C90959" s="14" t="s">
        <v>70</v>
      </c>
      <c r="D90959" s="14" t="s">
        <v>455</v>
      </c>
      <c r="E90959" s="15">
        <v>45450</v>
      </c>
      <c r="F90959" s="14" t="s">
        <v>15</v>
      </c>
      <c r="G90959" s="16">
        <v>1.0294919869032306</v>
      </c>
    </row>
    <row r="90960" spans="1:7" x14ac:dyDescent="0.3">
      <c r="A90960" s="13" t="s">
        <v>454</v>
      </c>
      <c r="B90960" s="14" t="s">
        <v>1</v>
      </c>
      <c r="C90960" s="14" t="s">
        <v>70</v>
      </c>
      <c r="D90960" s="14" t="s">
        <v>455</v>
      </c>
      <c r="E90960" s="15">
        <v>45451</v>
      </c>
      <c r="F90960" s="14" t="s">
        <v>15</v>
      </c>
      <c r="G90960" s="16">
        <v>1.0294919869032306</v>
      </c>
    </row>
    <row r="90961" spans="1:7" x14ac:dyDescent="0.3">
      <c r="A90961" s="13" t="s">
        <v>454</v>
      </c>
      <c r="B90961" s="14" t="s">
        <v>1</v>
      </c>
      <c r="C90961" s="14" t="s">
        <v>70</v>
      </c>
      <c r="D90961" s="14" t="s">
        <v>455</v>
      </c>
      <c r="E90961" s="15">
        <v>45452</v>
      </c>
      <c r="F90961" s="14" t="s">
        <v>15</v>
      </c>
      <c r="G90961" s="16">
        <v>1.0294919869032306</v>
      </c>
    </row>
    <row r="90962" spans="1:7" x14ac:dyDescent="0.3">
      <c r="A90962" s="13" t="s">
        <v>454</v>
      </c>
      <c r="B90962" s="14" t="s">
        <v>1</v>
      </c>
      <c r="C90962" s="14" t="s">
        <v>70</v>
      </c>
      <c r="D90962" s="14" t="s">
        <v>455</v>
      </c>
      <c r="E90962" s="15">
        <v>45453</v>
      </c>
      <c r="F90962" s="14" t="s">
        <v>15</v>
      </c>
      <c r="G90962" s="16">
        <v>1.04565348848629</v>
      </c>
    </row>
    <row r="90963" spans="1:7" x14ac:dyDescent="0.3">
      <c r="A90963" s="13" t="s">
        <v>454</v>
      </c>
      <c r="B90963" s="14" t="s">
        <v>1</v>
      </c>
      <c r="C90963" s="14" t="s">
        <v>70</v>
      </c>
      <c r="D90963" s="14" t="s">
        <v>455</v>
      </c>
      <c r="E90963" s="15">
        <v>45454</v>
      </c>
      <c r="F90963" s="14" t="s">
        <v>15</v>
      </c>
      <c r="G90963" s="16">
        <v>1.0671166999424877</v>
      </c>
    </row>
    <row r="90964" spans="1:7" x14ac:dyDescent="0.3">
      <c r="A90964" s="13" t="s">
        <v>454</v>
      </c>
      <c r="B90964" s="14" t="s">
        <v>1</v>
      </c>
      <c r="C90964" s="14" t="s">
        <v>70</v>
      </c>
      <c r="D90964" s="14" t="s">
        <v>455</v>
      </c>
      <c r="E90964" s="15">
        <v>45455</v>
      </c>
      <c r="F90964" s="14" t="s">
        <v>15</v>
      </c>
      <c r="G90964" s="16">
        <v>1.0822811800142398</v>
      </c>
    </row>
    <row r="90965" spans="1:7" x14ac:dyDescent="0.3">
      <c r="A90965" s="13" t="s">
        <v>454</v>
      </c>
      <c r="B90965" s="14" t="s">
        <v>1</v>
      </c>
      <c r="C90965" s="14" t="s">
        <v>70</v>
      </c>
      <c r="D90965" s="14" t="s">
        <v>455</v>
      </c>
      <c r="E90965" s="15">
        <v>45456</v>
      </c>
      <c r="F90965" s="14" t="s">
        <v>15</v>
      </c>
      <c r="G90965" s="16">
        <v>1.0933682193799794</v>
      </c>
    </row>
    <row r="90966" spans="1:7" x14ac:dyDescent="0.3">
      <c r="A90966" s="13" t="s">
        <v>454</v>
      </c>
      <c r="B90966" s="14" t="s">
        <v>1</v>
      </c>
      <c r="C90966" s="14" t="s">
        <v>70</v>
      </c>
      <c r="D90966" s="14" t="s">
        <v>455</v>
      </c>
      <c r="E90966" s="15">
        <v>45457</v>
      </c>
      <c r="F90966" s="14" t="s">
        <v>15</v>
      </c>
      <c r="G90966" s="16">
        <v>1.1054547071737393</v>
      </c>
    </row>
    <row r="90967" spans="1:7" x14ac:dyDescent="0.3">
      <c r="A90967" s="13" t="s">
        <v>454</v>
      </c>
      <c r="B90967" s="14" t="s">
        <v>1</v>
      </c>
      <c r="C90967" s="14" t="s">
        <v>70</v>
      </c>
      <c r="D90967" s="14" t="s">
        <v>455</v>
      </c>
      <c r="E90967" s="15">
        <v>45458</v>
      </c>
      <c r="F90967" s="14" t="s">
        <v>15</v>
      </c>
      <c r="G90967" s="16">
        <v>1.1054547071737393</v>
      </c>
    </row>
    <row r="90968" spans="1:7" x14ac:dyDescent="0.3">
      <c r="A90968" s="13" t="s">
        <v>454</v>
      </c>
      <c r="B90968" s="14" t="s">
        <v>1</v>
      </c>
      <c r="C90968" s="14" t="s">
        <v>70</v>
      </c>
      <c r="D90968" s="14" t="s">
        <v>455</v>
      </c>
      <c r="E90968" s="15">
        <v>45459</v>
      </c>
      <c r="F90968" s="14" t="s">
        <v>15</v>
      </c>
      <c r="G90968" s="16">
        <v>1.1054547071737393</v>
      </c>
    </row>
    <row r="90969" spans="1:7" x14ac:dyDescent="0.3">
      <c r="A90969" s="13" t="s">
        <v>454</v>
      </c>
      <c r="B90969" s="14" t="s">
        <v>1</v>
      </c>
      <c r="C90969" s="14" t="s">
        <v>70</v>
      </c>
      <c r="D90969" s="14" t="s">
        <v>455</v>
      </c>
      <c r="E90969" s="15">
        <v>45460</v>
      </c>
      <c r="F90969" s="14" t="s">
        <v>15</v>
      </c>
      <c r="G90969" s="16">
        <v>1.1296876924854251</v>
      </c>
    </row>
    <row r="90970" spans="1:7" x14ac:dyDescent="0.3">
      <c r="A90970" s="13" t="s">
        <v>454</v>
      </c>
      <c r="B90970" s="14" t="s">
        <v>1</v>
      </c>
      <c r="C90970" s="14" t="s">
        <v>70</v>
      </c>
      <c r="D90970" s="14" t="s">
        <v>455</v>
      </c>
      <c r="E90970" s="15">
        <v>45461</v>
      </c>
      <c r="F90970" s="14" t="s">
        <v>15</v>
      </c>
      <c r="G90970" s="16">
        <v>1.1486255867877342</v>
      </c>
    </row>
    <row r="90971" spans="1:7" x14ac:dyDescent="0.3">
      <c r="A90971" s="13" t="s">
        <v>454</v>
      </c>
      <c r="B90971" s="14" t="s">
        <v>1</v>
      </c>
      <c r="C90971" s="14" t="s">
        <v>70</v>
      </c>
      <c r="D90971" s="14" t="s">
        <v>455</v>
      </c>
      <c r="E90971" s="15">
        <v>45462</v>
      </c>
      <c r="F90971" s="14" t="s">
        <v>15</v>
      </c>
      <c r="G90971" s="16">
        <v>1.1563632604612513</v>
      </c>
    </row>
    <row r="90972" spans="1:7" x14ac:dyDescent="0.3">
      <c r="A90972" s="13" t="s">
        <v>454</v>
      </c>
      <c r="B90972" s="14" t="s">
        <v>1</v>
      </c>
      <c r="C90972" s="14" t="s">
        <v>70</v>
      </c>
      <c r="D90972" s="14" t="s">
        <v>455</v>
      </c>
      <c r="E90972" s="15">
        <v>45463</v>
      </c>
      <c r="F90972" s="14" t="s">
        <v>15</v>
      </c>
      <c r="G90972" s="16">
        <v>1.1702272441182213</v>
      </c>
    </row>
    <row r="90973" spans="1:7" x14ac:dyDescent="0.3">
      <c r="A90973" s="13" t="s">
        <v>454</v>
      </c>
      <c r="B90973" s="14" t="s">
        <v>1</v>
      </c>
      <c r="C90973" s="14" t="s">
        <v>70</v>
      </c>
      <c r="D90973" s="14" t="s">
        <v>455</v>
      </c>
      <c r="E90973" s="15">
        <v>45464</v>
      </c>
      <c r="F90973" s="14" t="s">
        <v>15</v>
      </c>
      <c r="G90973" s="16">
        <v>1.1768767765893113</v>
      </c>
    </row>
    <row r="90974" spans="1:7" x14ac:dyDescent="0.3">
      <c r="A90974" s="13" t="s">
        <v>454</v>
      </c>
      <c r="B90974" s="14" t="s">
        <v>1</v>
      </c>
      <c r="C90974" s="14" t="s">
        <v>70</v>
      </c>
      <c r="D90974" s="14" t="s">
        <v>455</v>
      </c>
      <c r="E90974" s="15">
        <v>45465</v>
      </c>
      <c r="F90974" s="14" t="s">
        <v>15</v>
      </c>
      <c r="G90974" s="16">
        <v>1.1768767765893113</v>
      </c>
    </row>
    <row r="90975" spans="1:7" x14ac:dyDescent="0.3">
      <c r="A90975" s="13" t="s">
        <v>454</v>
      </c>
      <c r="B90975" s="14" t="s">
        <v>1</v>
      </c>
      <c r="C90975" s="14" t="s">
        <v>70</v>
      </c>
      <c r="D90975" s="14" t="s">
        <v>455</v>
      </c>
      <c r="E90975" s="15">
        <v>45466</v>
      </c>
      <c r="F90975" s="14" t="s">
        <v>15</v>
      </c>
      <c r="G90975" s="16">
        <v>1.1768767765893113</v>
      </c>
    </row>
    <row r="90976" spans="1:7" x14ac:dyDescent="0.3">
      <c r="A90976" s="13" t="s">
        <v>454</v>
      </c>
      <c r="B90976" s="14" t="s">
        <v>1</v>
      </c>
      <c r="C90976" s="14" t="s">
        <v>70</v>
      </c>
      <c r="D90976" s="14" t="s">
        <v>455</v>
      </c>
      <c r="E90976" s="15">
        <v>45467</v>
      </c>
      <c r="F90976" s="14" t="s">
        <v>15</v>
      </c>
      <c r="G90976" s="16">
        <v>1.183823937300887</v>
      </c>
    </row>
    <row r="90977" spans="1:7" x14ac:dyDescent="0.3">
      <c r="A90977" s="13" t="s">
        <v>454</v>
      </c>
      <c r="B90977" s="14" t="s">
        <v>1</v>
      </c>
      <c r="C90977" s="14" t="s">
        <v>70</v>
      </c>
      <c r="D90977" s="14" t="s">
        <v>455</v>
      </c>
      <c r="E90977" s="15">
        <v>45468</v>
      </c>
      <c r="F90977" s="14" t="s">
        <v>15</v>
      </c>
      <c r="G90977" s="16">
        <v>1.2102825155524515</v>
      </c>
    </row>
    <row r="90978" spans="1:7" x14ac:dyDescent="0.3">
      <c r="A90978" s="13" t="s">
        <v>454</v>
      </c>
      <c r="B90978" s="14" t="s">
        <v>1</v>
      </c>
      <c r="C90978" s="14" t="s">
        <v>70</v>
      </c>
      <c r="D90978" s="14" t="s">
        <v>455</v>
      </c>
      <c r="E90978" s="15">
        <v>45469</v>
      </c>
      <c r="F90978" s="14" t="s">
        <v>15</v>
      </c>
      <c r="G90978" s="16">
        <v>1.2170303381504031</v>
      </c>
    </row>
    <row r="90979" spans="1:7" x14ac:dyDescent="0.3">
      <c r="A90979" s="13" t="s">
        <v>454</v>
      </c>
      <c r="B90979" s="14" t="s">
        <v>1</v>
      </c>
      <c r="C90979" s="14" t="s">
        <v>70</v>
      </c>
      <c r="D90979" s="14" t="s">
        <v>455</v>
      </c>
      <c r="E90979" s="15">
        <v>45470</v>
      </c>
      <c r="F90979" s="14" t="s">
        <v>15</v>
      </c>
      <c r="G90979" s="16">
        <v>1.2238407090109031</v>
      </c>
    </row>
    <row r="90980" spans="1:7" x14ac:dyDescent="0.3">
      <c r="A90980" s="13" t="s">
        <v>454</v>
      </c>
      <c r="B90980" s="14" t="s">
        <v>1</v>
      </c>
      <c r="C90980" s="14" t="s">
        <v>70</v>
      </c>
      <c r="D90980" s="14" t="s">
        <v>455</v>
      </c>
      <c r="E90980" s="15">
        <v>45471</v>
      </c>
      <c r="F90980" s="14" t="s">
        <v>15</v>
      </c>
      <c r="G90980" s="16">
        <v>1.2560097119728924</v>
      </c>
    </row>
    <row r="90981" spans="1:7" x14ac:dyDescent="0.3">
      <c r="A90981" s="13" t="s">
        <v>454</v>
      </c>
      <c r="B90981" s="14" t="s">
        <v>1</v>
      </c>
      <c r="C90981" s="14" t="s">
        <v>70</v>
      </c>
      <c r="D90981" s="14" t="s">
        <v>455</v>
      </c>
      <c r="E90981" s="15">
        <v>45472</v>
      </c>
      <c r="F90981" s="14" t="s">
        <v>15</v>
      </c>
      <c r="G90981" s="16">
        <v>1.2560097119728924</v>
      </c>
    </row>
    <row r="90982" spans="1:7" x14ac:dyDescent="0.3">
      <c r="A90982" s="13" t="s">
        <v>454</v>
      </c>
      <c r="B90982" s="14" t="s">
        <v>1</v>
      </c>
      <c r="C90982" s="14" t="s">
        <v>70</v>
      </c>
      <c r="D90982" s="14" t="s">
        <v>455</v>
      </c>
      <c r="E90982" s="15">
        <v>45473</v>
      </c>
      <c r="F90982" s="14" t="s">
        <v>15</v>
      </c>
      <c r="G90982" s="16">
        <v>1.2560097119728924</v>
      </c>
    </row>
    <row r="90983" spans="1:7" x14ac:dyDescent="0.3">
      <c r="A90983" s="13" t="s">
        <v>454</v>
      </c>
      <c r="B90983" s="14" t="s">
        <v>1</v>
      </c>
      <c r="C90983" s="14" t="s">
        <v>70</v>
      </c>
      <c r="D90983" s="14" t="s">
        <v>455</v>
      </c>
      <c r="E90983" s="15">
        <v>45474</v>
      </c>
      <c r="F90983" s="14" t="s">
        <v>15</v>
      </c>
      <c r="G90983" s="16">
        <v>1.2681433040137562</v>
      </c>
    </row>
    <row r="90984" spans="1:7" x14ac:dyDescent="0.3">
      <c r="A90984" s="13" t="s">
        <v>454</v>
      </c>
      <c r="B90984" s="14" t="s">
        <v>1</v>
      </c>
      <c r="C90984" s="14" t="s">
        <v>70</v>
      </c>
      <c r="D90984" s="14" t="s">
        <v>455</v>
      </c>
      <c r="E90984" s="15">
        <v>45475</v>
      </c>
      <c r="F90984" s="14" t="s">
        <v>15</v>
      </c>
      <c r="G90984" s="16">
        <v>1.2907329357678028</v>
      </c>
    </row>
    <row r="90985" spans="1:7" x14ac:dyDescent="0.3">
      <c r="A90985" s="13" t="s">
        <v>454</v>
      </c>
      <c r="B90985" s="14" t="s">
        <v>1</v>
      </c>
      <c r="C90985" s="14" t="s">
        <v>70</v>
      </c>
      <c r="D90985" s="14" t="s">
        <v>455</v>
      </c>
      <c r="E90985" s="15">
        <v>45476</v>
      </c>
      <c r="F90985" s="14" t="s">
        <v>15</v>
      </c>
      <c r="G90985" s="16">
        <v>1.3316264836829084</v>
      </c>
    </row>
    <row r="90986" spans="1:7" x14ac:dyDescent="0.3">
      <c r="A90986" s="13" t="s">
        <v>454</v>
      </c>
      <c r="B90986" s="14" t="s">
        <v>1</v>
      </c>
      <c r="C90986" s="14" t="s">
        <v>70</v>
      </c>
      <c r="D90986" s="14" t="s">
        <v>455</v>
      </c>
      <c r="E90986" s="15">
        <v>45477</v>
      </c>
      <c r="F90986" s="14" t="s">
        <v>15</v>
      </c>
      <c r="G90986" s="16">
        <v>1.3384065180845006</v>
      </c>
    </row>
    <row r="90987" spans="1:7" x14ac:dyDescent="0.3">
      <c r="A90987" s="13" t="s">
        <v>454</v>
      </c>
      <c r="B90987" s="14" t="s">
        <v>1</v>
      </c>
      <c r="C90987" s="14" t="s">
        <v>70</v>
      </c>
      <c r="D90987" s="14" t="s">
        <v>455</v>
      </c>
      <c r="E90987" s="15">
        <v>45478</v>
      </c>
      <c r="F90987" s="14" t="s">
        <v>15</v>
      </c>
      <c r="G90987" s="16">
        <v>1.3452620075329762</v>
      </c>
    </row>
    <row r="90988" spans="1:7" x14ac:dyDescent="0.3">
      <c r="A90988" s="13" t="s">
        <v>454</v>
      </c>
      <c r="B90988" s="14" t="s">
        <v>1</v>
      </c>
      <c r="C90988" s="14" t="s">
        <v>70</v>
      </c>
      <c r="D90988" s="14" t="s">
        <v>455</v>
      </c>
      <c r="E90988" s="15">
        <v>45479</v>
      </c>
      <c r="F90988" s="14" t="s">
        <v>15</v>
      </c>
      <c r="G90988" s="16">
        <v>1.3452620075329762</v>
      </c>
    </row>
    <row r="90989" spans="1:7" x14ac:dyDescent="0.3">
      <c r="A90989" s="13" t="s">
        <v>454</v>
      </c>
      <c r="B90989" s="14" t="s">
        <v>1</v>
      </c>
      <c r="C90989" s="14" t="s">
        <v>70</v>
      </c>
      <c r="D90989" s="14" t="s">
        <v>455</v>
      </c>
      <c r="E90989" s="15">
        <v>45480</v>
      </c>
      <c r="F90989" s="14" t="s">
        <v>15</v>
      </c>
      <c r="G90989" s="16">
        <v>1.3452620075329762</v>
      </c>
    </row>
    <row r="90990" spans="1:7" x14ac:dyDescent="0.3">
      <c r="A90990" s="13" t="s">
        <v>454</v>
      </c>
      <c r="B90990" s="14" t="s">
        <v>1</v>
      </c>
      <c r="C90990" s="14" t="s">
        <v>70</v>
      </c>
      <c r="D90990" s="14" t="s">
        <v>455</v>
      </c>
      <c r="E90990" s="15">
        <v>45481</v>
      </c>
      <c r="F90990" s="14" t="s">
        <v>15</v>
      </c>
      <c r="G90990" s="16">
        <v>1.3716510877150427</v>
      </c>
    </row>
    <row r="90991" spans="1:7" x14ac:dyDescent="0.3">
      <c r="A90991" s="13" t="s">
        <v>454</v>
      </c>
      <c r="B90991" s="14" t="s">
        <v>1</v>
      </c>
      <c r="C90991" s="14" t="s">
        <v>70</v>
      </c>
      <c r="D90991" s="14" t="s">
        <v>455</v>
      </c>
      <c r="E90991" s="15">
        <v>45482</v>
      </c>
      <c r="F90991" s="14" t="s">
        <v>15</v>
      </c>
      <c r="G90991" s="16">
        <v>1.3916612379467506</v>
      </c>
    </row>
    <row r="90992" spans="1:7" x14ac:dyDescent="0.3">
      <c r="A90992" s="13" t="s">
        <v>454</v>
      </c>
      <c r="B90992" s="14" t="s">
        <v>1</v>
      </c>
      <c r="C90992" s="14" t="s">
        <v>70</v>
      </c>
      <c r="D90992" s="14" t="s">
        <v>455</v>
      </c>
      <c r="E90992" s="15">
        <v>45483</v>
      </c>
      <c r="F90992" s="14" t="s">
        <v>15</v>
      </c>
      <c r="G90992" s="16">
        <v>1.4015305166947298</v>
      </c>
    </row>
    <row r="90993" spans="1:7" x14ac:dyDescent="0.3">
      <c r="A90993" s="13" t="s">
        <v>454</v>
      </c>
      <c r="B90993" s="14" t="s">
        <v>1</v>
      </c>
      <c r="C90993" s="14" t="s">
        <v>70</v>
      </c>
      <c r="D90993" s="14" t="s">
        <v>455</v>
      </c>
      <c r="E90993" s="15">
        <v>45484</v>
      </c>
      <c r="F90993" s="14" t="s">
        <v>15</v>
      </c>
      <c r="G90993" s="16">
        <v>1.42186477062197</v>
      </c>
    </row>
    <row r="90994" spans="1:7" x14ac:dyDescent="0.3">
      <c r="A90994" s="13" t="s">
        <v>454</v>
      </c>
      <c r="B90994" s="14" t="s">
        <v>1</v>
      </c>
      <c r="C90994" s="14" t="s">
        <v>70</v>
      </c>
      <c r="D90994" s="14" t="s">
        <v>455</v>
      </c>
      <c r="E90994" s="15">
        <v>45485</v>
      </c>
      <c r="F90994" s="14" t="s">
        <v>15</v>
      </c>
      <c r="G90994" s="16">
        <v>1.4312793334295189</v>
      </c>
    </row>
    <row r="90995" spans="1:7" x14ac:dyDescent="0.3">
      <c r="A90995" s="13" t="s">
        <v>454</v>
      </c>
      <c r="B90995" s="14" t="s">
        <v>1</v>
      </c>
      <c r="C90995" s="14" t="s">
        <v>70</v>
      </c>
      <c r="D90995" s="14" t="s">
        <v>455</v>
      </c>
      <c r="E90995" s="15">
        <v>45486</v>
      </c>
      <c r="F90995" s="14" t="s">
        <v>15</v>
      </c>
      <c r="G90995" s="16">
        <v>1.4312793334295189</v>
      </c>
    </row>
    <row r="90996" spans="1:7" x14ac:dyDescent="0.3">
      <c r="A90996" s="13" t="s">
        <v>454</v>
      </c>
      <c r="B90996" s="14" t="s">
        <v>1</v>
      </c>
      <c r="C90996" s="14" t="s">
        <v>70</v>
      </c>
      <c r="D90996" s="14" t="s">
        <v>455</v>
      </c>
      <c r="E90996" s="15">
        <v>45487</v>
      </c>
      <c r="F90996" s="14" t="s">
        <v>15</v>
      </c>
      <c r="G90996" s="16">
        <v>1.4312793334295189</v>
      </c>
    </row>
    <row r="90997" spans="1:7" x14ac:dyDescent="0.3">
      <c r="A90997" s="13" t="s">
        <v>454</v>
      </c>
      <c r="B90997" s="14" t="s">
        <v>1</v>
      </c>
      <c r="C90997" s="14" t="s">
        <v>70</v>
      </c>
      <c r="D90997" s="14" t="s">
        <v>455</v>
      </c>
      <c r="E90997" s="15">
        <v>45488</v>
      </c>
      <c r="F90997" s="14" t="s">
        <v>15</v>
      </c>
      <c r="G90997" s="16">
        <v>1.4368610225470515</v>
      </c>
    </row>
    <row r="90998" spans="1:7" x14ac:dyDescent="0.3">
      <c r="A90998" s="13" t="s">
        <v>454</v>
      </c>
      <c r="B90998" s="14" t="s">
        <v>1</v>
      </c>
      <c r="C90998" s="14" t="s">
        <v>70</v>
      </c>
      <c r="D90998" s="14" t="s">
        <v>455</v>
      </c>
      <c r="E90998" s="15">
        <v>45489</v>
      </c>
      <c r="F90998" s="14" t="s">
        <v>15</v>
      </c>
      <c r="G90998" s="16">
        <v>1.4566240685316552</v>
      </c>
    </row>
    <row r="90999" spans="1:7" x14ac:dyDescent="0.3">
      <c r="A90999" s="13" t="s">
        <v>454</v>
      </c>
      <c r="B90999" s="14" t="s">
        <v>1</v>
      </c>
      <c r="C90999" s="14" t="s">
        <v>70</v>
      </c>
      <c r="D90999" s="14" t="s">
        <v>455</v>
      </c>
      <c r="E90999" s="15">
        <v>45490</v>
      </c>
      <c r="F90999" s="14" t="s">
        <v>15</v>
      </c>
      <c r="G90999" s="16">
        <v>1.4631244559393144</v>
      </c>
    </row>
    <row r="91000" spans="1:7" x14ac:dyDescent="0.3">
      <c r="A91000" s="13" t="s">
        <v>454</v>
      </c>
      <c r="B91000" s="14" t="s">
        <v>1</v>
      </c>
      <c r="C91000" s="14" t="s">
        <v>70</v>
      </c>
      <c r="D91000" s="14" t="s">
        <v>455</v>
      </c>
      <c r="E91000" s="15">
        <v>45491</v>
      </c>
      <c r="F91000" s="14" t="s">
        <v>15</v>
      </c>
      <c r="G91000" s="16">
        <v>1.4838803314881763</v>
      </c>
    </row>
    <row r="91001" spans="1:7" x14ac:dyDescent="0.3">
      <c r="A91001" s="13" t="s">
        <v>454</v>
      </c>
      <c r="B91001" s="14" t="s">
        <v>1</v>
      </c>
      <c r="C91001" s="14" t="s">
        <v>70</v>
      </c>
      <c r="D91001" s="14" t="s">
        <v>455</v>
      </c>
      <c r="E91001" s="15">
        <v>45492</v>
      </c>
      <c r="F91001" s="14" t="s">
        <v>15</v>
      </c>
      <c r="G91001" s="16">
        <v>1.4905798363806673</v>
      </c>
    </row>
    <row r="91002" spans="1:7" x14ac:dyDescent="0.3">
      <c r="A91002" s="13" t="s">
        <v>454</v>
      </c>
      <c r="B91002" s="14" t="s">
        <v>1</v>
      </c>
      <c r="C91002" s="14" t="s">
        <v>70</v>
      </c>
      <c r="D91002" s="14" t="s">
        <v>455</v>
      </c>
      <c r="E91002" s="15">
        <v>45493</v>
      </c>
      <c r="F91002" s="14" t="s">
        <v>15</v>
      </c>
      <c r="G91002" s="16">
        <v>1.4905798363806673</v>
      </c>
    </row>
    <row r="91003" spans="1:7" x14ac:dyDescent="0.3">
      <c r="A91003" s="13" t="s">
        <v>454</v>
      </c>
      <c r="B91003" s="14" t="s">
        <v>1</v>
      </c>
      <c r="C91003" s="14" t="s">
        <v>70</v>
      </c>
      <c r="D91003" s="14" t="s">
        <v>455</v>
      </c>
      <c r="E91003" s="15">
        <v>45494</v>
      </c>
      <c r="F91003" s="14" t="s">
        <v>15</v>
      </c>
      <c r="G91003" s="16">
        <v>1.4905798363806673</v>
      </c>
    </row>
    <row r="91004" spans="1:7" x14ac:dyDescent="0.3">
      <c r="A91004" s="13" t="s">
        <v>454</v>
      </c>
      <c r="B91004" s="14" t="s">
        <v>1</v>
      </c>
      <c r="C91004" s="14" t="s">
        <v>70</v>
      </c>
      <c r="D91004" s="14" t="s">
        <v>455</v>
      </c>
      <c r="E91004" s="15">
        <v>45495</v>
      </c>
      <c r="F91004" s="14" t="s">
        <v>15</v>
      </c>
      <c r="G91004" s="16">
        <v>1.5011043826410568</v>
      </c>
    </row>
    <row r="91005" spans="1:7" x14ac:dyDescent="0.3">
      <c r="A91005" s="13" t="s">
        <v>454</v>
      </c>
      <c r="B91005" s="14" t="s">
        <v>1</v>
      </c>
      <c r="C91005" s="14" t="s">
        <v>70</v>
      </c>
      <c r="D91005" s="14" t="s">
        <v>455</v>
      </c>
      <c r="E91005" s="15">
        <v>45496</v>
      </c>
      <c r="F91005" s="14" t="s">
        <v>15</v>
      </c>
      <c r="G91005" s="16">
        <v>1.5423014054596373</v>
      </c>
    </row>
    <row r="91006" spans="1:7" x14ac:dyDescent="0.3">
      <c r="A91006" s="13" t="s">
        <v>454</v>
      </c>
      <c r="B91006" s="14" t="s">
        <v>1</v>
      </c>
      <c r="C91006" s="14" t="s">
        <v>70</v>
      </c>
      <c r="D91006" s="14" t="s">
        <v>455</v>
      </c>
      <c r="E91006" s="15">
        <v>45497</v>
      </c>
      <c r="F91006" s="14" t="s">
        <v>15</v>
      </c>
      <c r="G91006" s="16">
        <v>1.5502333427845607</v>
      </c>
    </row>
    <row r="91007" spans="1:7" x14ac:dyDescent="0.3">
      <c r="A91007" s="13" t="s">
        <v>454</v>
      </c>
      <c r="B91007" s="14" t="s">
        <v>1</v>
      </c>
      <c r="C91007" s="14" t="s">
        <v>70</v>
      </c>
      <c r="D91007" s="14" t="s">
        <v>455</v>
      </c>
      <c r="E91007" s="15">
        <v>45498</v>
      </c>
      <c r="F91007" s="14" t="s">
        <v>15</v>
      </c>
      <c r="G91007" s="16">
        <v>1.5569520423819609</v>
      </c>
    </row>
    <row r="91008" spans="1:7" x14ac:dyDescent="0.3">
      <c r="A91008" s="13" t="s">
        <v>454</v>
      </c>
      <c r="B91008" s="14" t="s">
        <v>1</v>
      </c>
      <c r="C91008" s="14" t="s">
        <v>70</v>
      </c>
      <c r="D91008" s="14" t="s">
        <v>455</v>
      </c>
      <c r="E91008" s="15">
        <v>45499</v>
      </c>
      <c r="F91008" s="14" t="s">
        <v>15</v>
      </c>
      <c r="G91008" s="16">
        <v>1.5636483481569672</v>
      </c>
    </row>
    <row r="91009" spans="1:7" x14ac:dyDescent="0.3">
      <c r="A91009" s="13" t="s">
        <v>454</v>
      </c>
      <c r="B91009" s="14" t="s">
        <v>1</v>
      </c>
      <c r="C91009" s="14" t="s">
        <v>70</v>
      </c>
      <c r="D91009" s="14" t="s">
        <v>455</v>
      </c>
      <c r="E91009" s="15">
        <v>45500</v>
      </c>
      <c r="F91009" s="14" t="s">
        <v>15</v>
      </c>
      <c r="G91009" s="16">
        <v>1.5636483481569672</v>
      </c>
    </row>
    <row r="91010" spans="1:7" x14ac:dyDescent="0.3">
      <c r="A91010" s="13" t="s">
        <v>454</v>
      </c>
      <c r="B91010" s="14" t="s">
        <v>1</v>
      </c>
      <c r="C91010" s="14" t="s">
        <v>70</v>
      </c>
      <c r="D91010" s="14" t="s">
        <v>455</v>
      </c>
      <c r="E91010" s="15">
        <v>45501</v>
      </c>
      <c r="F91010" s="14" t="s">
        <v>15</v>
      </c>
      <c r="G91010" s="16">
        <v>1.5636483481569672</v>
      </c>
    </row>
    <row r="91011" spans="1:7" x14ac:dyDescent="0.3">
      <c r="A91011" s="13" t="s">
        <v>454</v>
      </c>
      <c r="B91011" s="14" t="s">
        <v>1</v>
      </c>
      <c r="C91011" s="14" t="s">
        <v>70</v>
      </c>
      <c r="D91011" s="14" t="s">
        <v>455</v>
      </c>
      <c r="E91011" s="15">
        <v>45502</v>
      </c>
      <c r="F91011" s="14" t="s">
        <v>15</v>
      </c>
      <c r="G91011" s="16">
        <v>1.571588117804009</v>
      </c>
    </row>
    <row r="91012" spans="1:7" x14ac:dyDescent="0.3">
      <c r="A91012" s="13" t="s">
        <v>454</v>
      </c>
      <c r="B91012" s="14" t="s">
        <v>1</v>
      </c>
      <c r="C91012" s="14" t="s">
        <v>70</v>
      </c>
      <c r="D91012" s="14" t="s">
        <v>455</v>
      </c>
      <c r="E91012" s="15">
        <v>45503</v>
      </c>
      <c r="F91012" s="14" t="s">
        <v>15</v>
      </c>
      <c r="G91012" s="16">
        <v>1.5914767015712934</v>
      </c>
    </row>
    <row r="91013" spans="1:7" x14ac:dyDescent="0.3">
      <c r="A91013" s="13" t="s">
        <v>454</v>
      </c>
      <c r="B91013" s="14" t="s">
        <v>1</v>
      </c>
      <c r="C91013" s="14" t="s">
        <v>70</v>
      </c>
      <c r="D91013" s="14" t="s">
        <v>455</v>
      </c>
      <c r="E91013" s="15">
        <v>45504</v>
      </c>
      <c r="F91013" s="14" t="s">
        <v>15</v>
      </c>
      <c r="G91013" s="16">
        <v>1.5988368793816001</v>
      </c>
    </row>
    <row r="91014" spans="1:7" x14ac:dyDescent="0.3">
      <c r="A91014" s="13" t="s">
        <v>454</v>
      </c>
      <c r="B91014" s="14" t="s">
        <v>1</v>
      </c>
      <c r="C91014" s="14" t="s">
        <v>70</v>
      </c>
      <c r="D91014" s="14" t="s">
        <v>455</v>
      </c>
      <c r="E91014" s="15">
        <v>45505</v>
      </c>
      <c r="F91014" s="14" t="s">
        <v>15</v>
      </c>
      <c r="G91014" s="16">
        <v>1.5988368793816001</v>
      </c>
    </row>
    <row r="91015" spans="1:7" x14ac:dyDescent="0.3">
      <c r="A91015" s="13" t="s">
        <v>454</v>
      </c>
      <c r="B91015" s="14" t="s">
        <v>1</v>
      </c>
      <c r="C91015" s="14" t="s">
        <v>70</v>
      </c>
      <c r="D91015" s="14" t="s">
        <v>455</v>
      </c>
      <c r="E91015" s="15">
        <v>45506</v>
      </c>
      <c r="F91015" s="14" t="s">
        <v>15</v>
      </c>
      <c r="G91015" s="16">
        <v>1.6170097433474506</v>
      </c>
    </row>
    <row r="91016" spans="1:7" x14ac:dyDescent="0.3">
      <c r="A91016" s="13" t="s">
        <v>454</v>
      </c>
      <c r="B91016" s="14" t="s">
        <v>1</v>
      </c>
      <c r="C91016" s="14" t="s">
        <v>70</v>
      </c>
      <c r="D91016" s="14" t="s">
        <v>455</v>
      </c>
      <c r="E91016" s="15">
        <v>45507</v>
      </c>
      <c r="F91016" s="14" t="s">
        <v>15</v>
      </c>
      <c r="G91016" s="16">
        <v>1.6170097433474506</v>
      </c>
    </row>
    <row r="91017" spans="1:7" x14ac:dyDescent="0.3">
      <c r="A91017" s="13" t="s">
        <v>454</v>
      </c>
      <c r="B91017" s="14" t="s">
        <v>1</v>
      </c>
      <c r="C91017" s="14" t="s">
        <v>70</v>
      </c>
      <c r="D91017" s="14" t="s">
        <v>455</v>
      </c>
      <c r="E91017" s="15">
        <v>45508</v>
      </c>
      <c r="F91017" s="14" t="s">
        <v>15</v>
      </c>
      <c r="G91017" s="16">
        <v>1.6170097433474506</v>
      </c>
    </row>
    <row r="91018" spans="1:7" x14ac:dyDescent="0.3">
      <c r="A91018" s="13" t="s">
        <v>454</v>
      </c>
      <c r="B91018" s="14" t="s">
        <v>1</v>
      </c>
      <c r="C91018" s="14" t="s">
        <v>70</v>
      </c>
      <c r="D91018" s="14" t="s">
        <v>455</v>
      </c>
      <c r="E91018" s="15">
        <v>45509</v>
      </c>
      <c r="F91018" s="14" t="s">
        <v>15</v>
      </c>
      <c r="G91018" s="16">
        <v>1.6170097433474506</v>
      </c>
    </row>
    <row r="91019" spans="1:7" x14ac:dyDescent="0.3">
      <c r="A91019" s="13" t="s">
        <v>454</v>
      </c>
      <c r="B91019" s="14" t="s">
        <v>1</v>
      </c>
      <c r="C91019" s="14" t="s">
        <v>70</v>
      </c>
      <c r="D91019" s="14" t="s">
        <v>455</v>
      </c>
      <c r="E91019" s="15">
        <v>45510</v>
      </c>
      <c r="F91019" s="14" t="s">
        <v>15</v>
      </c>
      <c r="G91019" s="16">
        <v>1.627576209078331</v>
      </c>
    </row>
    <row r="91020" spans="1:7" x14ac:dyDescent="0.3">
      <c r="A91020" s="13" t="s">
        <v>454</v>
      </c>
      <c r="B91020" s="14" t="s">
        <v>1</v>
      </c>
      <c r="C91020" s="14" t="s">
        <v>70</v>
      </c>
      <c r="D91020" s="14" t="s">
        <v>455</v>
      </c>
      <c r="E91020" s="15">
        <v>45511</v>
      </c>
      <c r="F91020" s="14" t="s">
        <v>15</v>
      </c>
      <c r="G91020" s="16">
        <v>1.685914213695036</v>
      </c>
    </row>
    <row r="91021" spans="1:7" x14ac:dyDescent="0.3">
      <c r="A91021" s="13" t="s">
        <v>454</v>
      </c>
      <c r="B91021" s="14" t="s">
        <v>1</v>
      </c>
      <c r="C91021" s="14" t="s">
        <v>70</v>
      </c>
      <c r="D91021" s="14" t="s">
        <v>455</v>
      </c>
      <c r="E91021" s="15">
        <v>45512</v>
      </c>
      <c r="F91021" s="14" t="s">
        <v>15</v>
      </c>
      <c r="G91021" s="16">
        <v>1.6927309827905055</v>
      </c>
    </row>
    <row r="91022" spans="1:7" x14ac:dyDescent="0.3">
      <c r="A91022" s="13" t="s">
        <v>454</v>
      </c>
      <c r="B91022" s="14" t="s">
        <v>1</v>
      </c>
      <c r="C91022" s="14" t="s">
        <v>70</v>
      </c>
      <c r="D91022" s="14" t="s">
        <v>455</v>
      </c>
      <c r="E91022" s="15">
        <v>45513</v>
      </c>
      <c r="F91022" s="14" t="s">
        <v>15</v>
      </c>
      <c r="G91022" s="16">
        <v>1.7140558599940832</v>
      </c>
    </row>
    <row r="91023" spans="1:7" x14ac:dyDescent="0.3">
      <c r="A91023" s="13" t="s">
        <v>454</v>
      </c>
      <c r="B91023" s="14" t="s">
        <v>1</v>
      </c>
      <c r="C91023" s="14" t="s">
        <v>70</v>
      </c>
      <c r="D91023" s="14" t="s">
        <v>455</v>
      </c>
      <c r="E91023" s="15">
        <v>45514</v>
      </c>
      <c r="F91023" s="14" t="s">
        <v>15</v>
      </c>
      <c r="G91023" s="16">
        <v>1.7140558599940832</v>
      </c>
    </row>
    <row r="91024" spans="1:7" x14ac:dyDescent="0.3">
      <c r="A91024" s="13" t="s">
        <v>454</v>
      </c>
      <c r="B91024" s="14" t="s">
        <v>1</v>
      </c>
      <c r="C91024" s="14" t="s">
        <v>70</v>
      </c>
      <c r="D91024" s="14" t="s">
        <v>455</v>
      </c>
      <c r="E91024" s="15">
        <v>45515</v>
      </c>
      <c r="F91024" s="14" t="s">
        <v>15</v>
      </c>
      <c r="G91024" s="16">
        <v>1.7140558599940832</v>
      </c>
    </row>
    <row r="91025" spans="1:7" x14ac:dyDescent="0.3">
      <c r="A91025" s="13" t="s">
        <v>454</v>
      </c>
      <c r="B91025" s="14" t="s">
        <v>1</v>
      </c>
      <c r="C91025" s="14" t="s">
        <v>70</v>
      </c>
      <c r="D91025" s="14" t="s">
        <v>455</v>
      </c>
      <c r="E91025" s="15">
        <v>45516</v>
      </c>
      <c r="F91025" s="14" t="s">
        <v>15</v>
      </c>
      <c r="G91025" s="16">
        <v>1.7352432854602091</v>
      </c>
    </row>
    <row r="91026" spans="1:7" x14ac:dyDescent="0.3">
      <c r="A91026" s="13" t="s">
        <v>454</v>
      </c>
      <c r="B91026" s="14" t="s">
        <v>1</v>
      </c>
      <c r="C91026" s="14" t="s">
        <v>70</v>
      </c>
      <c r="D91026" s="14" t="s">
        <v>455</v>
      </c>
      <c r="E91026" s="15">
        <v>45517</v>
      </c>
      <c r="F91026" s="14" t="s">
        <v>15</v>
      </c>
      <c r="G91026" s="16">
        <v>1.7590739541695781</v>
      </c>
    </row>
    <row r="91027" spans="1:7" x14ac:dyDescent="0.3">
      <c r="A91027" s="13" t="s">
        <v>454</v>
      </c>
      <c r="B91027" s="14" t="s">
        <v>1</v>
      </c>
      <c r="C91027" s="14" t="s">
        <v>70</v>
      </c>
      <c r="D91027" s="14" t="s">
        <v>455</v>
      </c>
      <c r="E91027" s="15">
        <v>45518</v>
      </c>
      <c r="F91027" s="14" t="s">
        <v>15</v>
      </c>
      <c r="G91027" s="16">
        <v>1.7651399234856764</v>
      </c>
    </row>
    <row r="91028" spans="1:7" x14ac:dyDescent="0.3">
      <c r="A91028" s="13" t="s">
        <v>454</v>
      </c>
      <c r="B91028" s="14" t="s">
        <v>1</v>
      </c>
      <c r="C91028" s="14" t="s">
        <v>70</v>
      </c>
      <c r="D91028" s="14" t="s">
        <v>455</v>
      </c>
      <c r="E91028" s="15">
        <v>45519</v>
      </c>
      <c r="F91028" s="14" t="s">
        <v>15</v>
      </c>
      <c r="G91028" s="16">
        <v>1.7719273489518024</v>
      </c>
    </row>
    <row r="91029" spans="1:7" x14ac:dyDescent="0.3">
      <c r="A91029" s="13" t="s">
        <v>454</v>
      </c>
      <c r="B91029" s="14" t="s">
        <v>1</v>
      </c>
      <c r="C91029" s="14" t="s">
        <v>70</v>
      </c>
      <c r="D91029" s="14" t="s">
        <v>455</v>
      </c>
      <c r="E91029" s="15">
        <v>45520</v>
      </c>
      <c r="F91029" s="14" t="s">
        <v>15</v>
      </c>
      <c r="G91029" s="16">
        <v>1.8341294462326003</v>
      </c>
    </row>
    <row r="91030" spans="1:7" x14ac:dyDescent="0.3">
      <c r="A91030" s="13" t="s">
        <v>454</v>
      </c>
      <c r="B91030" s="14" t="s">
        <v>1</v>
      </c>
      <c r="C91030" s="14" t="s">
        <v>70</v>
      </c>
      <c r="D91030" s="14" t="s">
        <v>455</v>
      </c>
      <c r="E91030" s="15">
        <v>45521</v>
      </c>
      <c r="F91030" s="14" t="s">
        <v>15</v>
      </c>
      <c r="G91030" s="16">
        <v>1.8341294462326003</v>
      </c>
    </row>
    <row r="91031" spans="1:7" x14ac:dyDescent="0.3">
      <c r="A91031" s="13" t="s">
        <v>454</v>
      </c>
      <c r="B91031" s="14" t="s">
        <v>1</v>
      </c>
      <c r="C91031" s="14" t="s">
        <v>70</v>
      </c>
      <c r="D91031" s="14" t="s">
        <v>455</v>
      </c>
      <c r="E91031" s="15">
        <v>45522</v>
      </c>
      <c r="F91031" s="14" t="s">
        <v>15</v>
      </c>
      <c r="G91031" s="16">
        <v>1.8341294462326003</v>
      </c>
    </row>
    <row r="91032" spans="1:7" x14ac:dyDescent="0.3">
      <c r="A91032" s="13" t="s">
        <v>454</v>
      </c>
      <c r="B91032" s="14" t="s">
        <v>1</v>
      </c>
      <c r="C91032" s="14" t="s">
        <v>70</v>
      </c>
      <c r="D91032" s="14" t="s">
        <v>455</v>
      </c>
      <c r="E91032" s="15">
        <v>45523</v>
      </c>
      <c r="F91032" s="14" t="s">
        <v>15</v>
      </c>
      <c r="G91032" s="16">
        <v>1.8542000487533319</v>
      </c>
    </row>
    <row r="91033" spans="1:7" x14ac:dyDescent="0.3">
      <c r="A91033" s="13" t="s">
        <v>454</v>
      </c>
      <c r="B91033" s="14" t="s">
        <v>1</v>
      </c>
      <c r="C91033" s="14" t="s">
        <v>70</v>
      </c>
      <c r="D91033" s="14" t="s">
        <v>455</v>
      </c>
      <c r="E91033" s="15">
        <v>45524</v>
      </c>
      <c r="F91033" s="14" t="s">
        <v>15</v>
      </c>
      <c r="G91033" s="16">
        <v>1.8871911145945268</v>
      </c>
    </row>
    <row r="91034" spans="1:7" x14ac:dyDescent="0.3">
      <c r="A91034" s="13" t="s">
        <v>454</v>
      </c>
      <c r="B91034" s="14" t="s">
        <v>1</v>
      </c>
      <c r="C91034" s="14" t="s">
        <v>70</v>
      </c>
      <c r="D91034" s="14" t="s">
        <v>455</v>
      </c>
      <c r="E91034" s="15">
        <v>45525</v>
      </c>
      <c r="F91034" s="14" t="s">
        <v>15</v>
      </c>
      <c r="G91034" s="16">
        <v>1.9018243205350047</v>
      </c>
    </row>
    <row r="91035" spans="1:7" x14ac:dyDescent="0.3">
      <c r="A91035" s="13" t="s">
        <v>454</v>
      </c>
      <c r="B91035" s="14" t="s">
        <v>1</v>
      </c>
      <c r="C91035" s="14" t="s">
        <v>70</v>
      </c>
      <c r="D91035" s="14" t="s">
        <v>455</v>
      </c>
      <c r="E91035" s="15">
        <v>45526</v>
      </c>
      <c r="F91035" s="14" t="s">
        <v>15</v>
      </c>
      <c r="G91035" s="16">
        <v>1.9098097603420021</v>
      </c>
    </row>
    <row r="91036" spans="1:7" x14ac:dyDescent="0.3">
      <c r="A91036" s="13" t="s">
        <v>454</v>
      </c>
      <c r="B91036" s="14" t="s">
        <v>1</v>
      </c>
      <c r="C91036" s="14" t="s">
        <v>70</v>
      </c>
      <c r="D91036" s="14" t="s">
        <v>455</v>
      </c>
      <c r="E91036" s="15">
        <v>45527</v>
      </c>
      <c r="F91036" s="14" t="s">
        <v>15</v>
      </c>
      <c r="G91036" s="16">
        <v>1.9175260330226895</v>
      </c>
    </row>
    <row r="91037" spans="1:7" x14ac:dyDescent="0.3">
      <c r="A91037" s="13" t="s">
        <v>454</v>
      </c>
      <c r="B91037" s="14" t="s">
        <v>1</v>
      </c>
      <c r="C91037" s="14" t="s">
        <v>70</v>
      </c>
      <c r="D91037" s="14" t="s">
        <v>455</v>
      </c>
      <c r="E91037" s="15">
        <v>45528</v>
      </c>
      <c r="F91037" s="14" t="s">
        <v>15</v>
      </c>
      <c r="G91037" s="16">
        <v>1.9175260330226895</v>
      </c>
    </row>
    <row r="91038" spans="1:7" x14ac:dyDescent="0.3">
      <c r="A91038" s="13" t="s">
        <v>454</v>
      </c>
      <c r="B91038" s="14" t="s">
        <v>1</v>
      </c>
      <c r="C91038" s="14" t="s">
        <v>70</v>
      </c>
      <c r="D91038" s="14" t="s">
        <v>455</v>
      </c>
      <c r="E91038" s="15">
        <v>45529</v>
      </c>
      <c r="F91038" s="14" t="s">
        <v>15</v>
      </c>
      <c r="G91038" s="16">
        <v>1.9175260330226895</v>
      </c>
    </row>
    <row r="91039" spans="1:7" x14ac:dyDescent="0.3">
      <c r="A91039" s="13" t="s">
        <v>454</v>
      </c>
      <c r="B91039" s="14" t="s">
        <v>1</v>
      </c>
      <c r="C91039" s="14" t="s">
        <v>70</v>
      </c>
      <c r="D91039" s="14" t="s">
        <v>455</v>
      </c>
      <c r="E91039" s="15">
        <v>45530</v>
      </c>
      <c r="F91039" s="14" t="s">
        <v>15</v>
      </c>
      <c r="G91039" s="16">
        <v>1.9239536129289698</v>
      </c>
    </row>
    <row r="91040" spans="1:7" x14ac:dyDescent="0.3">
      <c r="A91040" s="13" t="s">
        <v>454</v>
      </c>
      <c r="B91040" s="14" t="s">
        <v>1</v>
      </c>
      <c r="C91040" s="14" t="s">
        <v>70</v>
      </c>
      <c r="D91040" s="14" t="s">
        <v>455</v>
      </c>
      <c r="E91040" s="15">
        <v>45531</v>
      </c>
      <c r="F91040" s="14" t="s">
        <v>15</v>
      </c>
      <c r="G91040" s="16">
        <v>1.9440727537839542</v>
      </c>
    </row>
    <row r="91041" spans="1:7" x14ac:dyDescent="0.3">
      <c r="A91041" s="13" t="s">
        <v>454</v>
      </c>
      <c r="B91041" s="14" t="s">
        <v>1</v>
      </c>
      <c r="C91041" s="14" t="s">
        <v>70</v>
      </c>
      <c r="D91041" s="14" t="s">
        <v>455</v>
      </c>
      <c r="E91041" s="15">
        <v>45532</v>
      </c>
      <c r="F91041" s="14" t="s">
        <v>15</v>
      </c>
      <c r="G91041" s="16">
        <v>1.9601651985550992</v>
      </c>
    </row>
    <row r="91042" spans="1:7" x14ac:dyDescent="0.3">
      <c r="A91042" s="13" t="s">
        <v>454</v>
      </c>
      <c r="B91042" s="14" t="s">
        <v>1</v>
      </c>
      <c r="C91042" s="14" t="s">
        <v>70</v>
      </c>
      <c r="D91042" s="14" t="s">
        <v>455</v>
      </c>
      <c r="E91042" s="15">
        <v>45533</v>
      </c>
      <c r="F91042" s="14" t="s">
        <v>15</v>
      </c>
      <c r="G91042" s="16">
        <v>1.9674534513791955</v>
      </c>
    </row>
    <row r="91043" spans="1:7" x14ac:dyDescent="0.3">
      <c r="A91043" s="13" t="s">
        <v>454</v>
      </c>
      <c r="B91043" s="14" t="s">
        <v>1</v>
      </c>
      <c r="C91043" s="14" t="s">
        <v>70</v>
      </c>
      <c r="D91043" s="14" t="s">
        <v>455</v>
      </c>
      <c r="E91043" s="15">
        <v>45534</v>
      </c>
      <c r="F91043" s="14" t="s">
        <v>15</v>
      </c>
      <c r="G91043" s="16">
        <v>1.9782063484393644</v>
      </c>
    </row>
    <row r="91044" spans="1:7" x14ac:dyDescent="0.3">
      <c r="A91044" s="13" t="s">
        <v>454</v>
      </c>
      <c r="B91044" s="14" t="s">
        <v>1</v>
      </c>
      <c r="C91044" s="14" t="s">
        <v>70</v>
      </c>
      <c r="D91044" s="14" t="s">
        <v>455</v>
      </c>
      <c r="E91044" s="15">
        <v>45535</v>
      </c>
      <c r="F91044" s="14" t="s">
        <v>15</v>
      </c>
      <c r="G91044" s="16">
        <v>1.9782063484393644</v>
      </c>
    </row>
    <row r="91045" spans="1:7" x14ac:dyDescent="0.3">
      <c r="A91045" s="13" t="s">
        <v>454</v>
      </c>
      <c r="B91045" s="14" t="s">
        <v>1</v>
      </c>
      <c r="C91045" s="14" t="s">
        <v>70</v>
      </c>
      <c r="D91045" s="14" t="s">
        <v>455</v>
      </c>
      <c r="E91045" s="15">
        <v>45536</v>
      </c>
      <c r="F91045" s="14" t="s">
        <v>15</v>
      </c>
      <c r="G91045" s="16">
        <v>1.9782063484393644</v>
      </c>
    </row>
    <row r="91046" spans="1:7" x14ac:dyDescent="0.3">
      <c r="A91046" s="13" t="s">
        <v>454</v>
      </c>
      <c r="B91046" s="14" t="s">
        <v>1</v>
      </c>
      <c r="C91046" s="14" t="s">
        <v>70</v>
      </c>
      <c r="D91046" s="14" t="s">
        <v>455</v>
      </c>
      <c r="E91046" s="15">
        <v>45537</v>
      </c>
      <c r="F91046" s="14" t="s">
        <v>15</v>
      </c>
      <c r="G91046" s="16">
        <v>1.9909679603368198</v>
      </c>
    </row>
    <row r="91047" spans="1:7" x14ac:dyDescent="0.3">
      <c r="A91047" s="13" t="s">
        <v>454</v>
      </c>
      <c r="B91047" s="14" t="s">
        <v>1</v>
      </c>
      <c r="C91047" s="14" t="s">
        <v>70</v>
      </c>
      <c r="D91047" s="14" t="s">
        <v>455</v>
      </c>
      <c r="E91047" s="15">
        <v>45538</v>
      </c>
      <c r="F91047" s="14" t="s">
        <v>15</v>
      </c>
      <c r="G91047" s="16">
        <v>2.0056513593274907</v>
      </c>
    </row>
    <row r="91048" spans="1:7" x14ac:dyDescent="0.3">
      <c r="A91048" s="13" t="s">
        <v>454</v>
      </c>
      <c r="B91048" s="14" t="s">
        <v>1</v>
      </c>
      <c r="C91048" s="14" t="s">
        <v>70</v>
      </c>
      <c r="D91048" s="14" t="s">
        <v>455</v>
      </c>
      <c r="E91048" s="15">
        <v>45539</v>
      </c>
      <c r="F91048" s="14" t="s">
        <v>15</v>
      </c>
      <c r="G91048" s="16">
        <v>2.0123716033264349</v>
      </c>
    </row>
    <row r="91049" spans="1:7" x14ac:dyDescent="0.3">
      <c r="A91049" s="13" t="s">
        <v>454</v>
      </c>
      <c r="B91049" s="14" t="s">
        <v>1</v>
      </c>
      <c r="C91049" s="14" t="s">
        <v>70</v>
      </c>
      <c r="D91049" s="14" t="s">
        <v>455</v>
      </c>
      <c r="E91049" s="15">
        <v>45540</v>
      </c>
      <c r="F91049" s="14" t="s">
        <v>15</v>
      </c>
      <c r="G91049" s="16">
        <v>2.027882249972925</v>
      </c>
    </row>
    <row r="91050" spans="1:7" x14ac:dyDescent="0.3">
      <c r="A91050" s="13" t="s">
        <v>454</v>
      </c>
      <c r="B91050" s="14" t="s">
        <v>1</v>
      </c>
      <c r="C91050" s="14" t="s">
        <v>70</v>
      </c>
      <c r="D91050" s="14" t="s">
        <v>455</v>
      </c>
      <c r="E91050" s="15">
        <v>45541</v>
      </c>
      <c r="F91050" s="14" t="s">
        <v>15</v>
      </c>
      <c r="G91050" s="16">
        <v>2.0346094437788196</v>
      </c>
    </row>
    <row r="91051" spans="1:7" x14ac:dyDescent="0.3">
      <c r="A91051" s="13" t="s">
        <v>454</v>
      </c>
      <c r="B91051" s="14" t="s">
        <v>1</v>
      </c>
      <c r="C91051" s="14" t="s">
        <v>70</v>
      </c>
      <c r="D91051" s="14" t="s">
        <v>455</v>
      </c>
      <c r="E91051" s="15">
        <v>45542</v>
      </c>
      <c r="F91051" s="14" t="s">
        <v>15</v>
      </c>
      <c r="G91051" s="16">
        <v>2.0346094437788196</v>
      </c>
    </row>
    <row r="91052" spans="1:7" x14ac:dyDescent="0.3">
      <c r="A91052" s="13" t="s">
        <v>454</v>
      </c>
      <c r="B91052" s="14" t="s">
        <v>1</v>
      </c>
      <c r="C91052" s="14" t="s">
        <v>70</v>
      </c>
      <c r="D91052" s="14" t="s">
        <v>455</v>
      </c>
      <c r="E91052" s="15">
        <v>45543</v>
      </c>
      <c r="F91052" s="14" t="s">
        <v>15</v>
      </c>
      <c r="G91052" s="16">
        <v>2.0346094437788196</v>
      </c>
    </row>
    <row r="91053" spans="1:7" x14ac:dyDescent="0.3">
      <c r="A91053" s="13" t="s">
        <v>454</v>
      </c>
      <c r="B91053" s="14" t="s">
        <v>1</v>
      </c>
      <c r="C91053" s="14" t="s">
        <v>70</v>
      </c>
      <c r="D91053" s="14" t="s">
        <v>455</v>
      </c>
      <c r="E91053" s="15">
        <v>45544</v>
      </c>
      <c r="F91053" s="14" t="s">
        <v>15</v>
      </c>
      <c r="G91053" s="16">
        <v>2.0412008405632025</v>
      </c>
    </row>
    <row r="91054" spans="1:7" x14ac:dyDescent="0.3">
      <c r="A91054" s="13" t="s">
        <v>454</v>
      </c>
      <c r="B91054" s="14" t="s">
        <v>1</v>
      </c>
      <c r="C91054" s="14" t="s">
        <v>70</v>
      </c>
      <c r="D91054" s="14" t="s">
        <v>455</v>
      </c>
      <c r="E91054" s="15">
        <v>45545</v>
      </c>
      <c r="F91054" s="14" t="s">
        <v>15</v>
      </c>
      <c r="G91054" s="16">
        <v>2.0622117629956827</v>
      </c>
    </row>
    <row r="91055" spans="1:7" x14ac:dyDescent="0.3">
      <c r="A91055" s="13" t="s">
        <v>454</v>
      </c>
      <c r="B91055" s="14" t="s">
        <v>1</v>
      </c>
      <c r="C91055" s="14" t="s">
        <v>70</v>
      </c>
      <c r="D91055" s="14" t="s">
        <v>455</v>
      </c>
      <c r="E91055" s="15">
        <v>45546</v>
      </c>
      <c r="F91055" s="14" t="s">
        <v>15</v>
      </c>
      <c r="G91055" s="16">
        <v>2.0721438106350023</v>
      </c>
    </row>
    <row r="91056" spans="1:7" x14ac:dyDescent="0.3">
      <c r="A91056" s="13" t="s">
        <v>454</v>
      </c>
      <c r="B91056" s="14" t="s">
        <v>1</v>
      </c>
      <c r="C91056" s="14" t="s">
        <v>70</v>
      </c>
      <c r="D91056" s="14" t="s">
        <v>455</v>
      </c>
      <c r="E91056" s="15">
        <v>45547</v>
      </c>
      <c r="F91056" s="14" t="s">
        <v>15</v>
      </c>
      <c r="G91056" s="16">
        <v>2.0788658196642831</v>
      </c>
    </row>
    <row r="91057" spans="1:7" x14ac:dyDescent="0.3">
      <c r="A91057" s="13" t="s">
        <v>454</v>
      </c>
      <c r="B91057" s="14" t="s">
        <v>1</v>
      </c>
      <c r="C91057" s="14" t="s">
        <v>70</v>
      </c>
      <c r="D91057" s="14" t="s">
        <v>455</v>
      </c>
      <c r="E91057" s="15">
        <v>45548</v>
      </c>
      <c r="F91057" s="14" t="s">
        <v>15</v>
      </c>
      <c r="G91057" s="16">
        <v>2.1087991910763551</v>
      </c>
    </row>
    <row r="91058" spans="1:7" x14ac:dyDescent="0.3">
      <c r="A91058" s="13" t="s">
        <v>454</v>
      </c>
      <c r="B91058" s="14" t="s">
        <v>1</v>
      </c>
      <c r="C91058" s="14" t="s">
        <v>70</v>
      </c>
      <c r="D91058" s="14" t="s">
        <v>455</v>
      </c>
      <c r="E91058" s="15">
        <v>45549</v>
      </c>
      <c r="F91058" s="14" t="s">
        <v>15</v>
      </c>
      <c r="G91058" s="16">
        <v>2.1087991910763551</v>
      </c>
    </row>
    <row r="91059" spans="1:7" x14ac:dyDescent="0.3">
      <c r="A91059" s="13" t="s">
        <v>454</v>
      </c>
      <c r="B91059" s="14" t="s">
        <v>1</v>
      </c>
      <c r="C91059" s="14" t="s">
        <v>70</v>
      </c>
      <c r="D91059" s="14" t="s">
        <v>455</v>
      </c>
      <c r="E91059" s="15">
        <v>45550</v>
      </c>
      <c r="F91059" s="14" t="s">
        <v>15</v>
      </c>
      <c r="G91059" s="16">
        <v>2.1087991910763551</v>
      </c>
    </row>
    <row r="91060" spans="1:7" x14ac:dyDescent="0.3">
      <c r="A91060" s="13" t="s">
        <v>454</v>
      </c>
      <c r="B91060" s="14" t="s">
        <v>1</v>
      </c>
      <c r="C91060" s="14" t="s">
        <v>70</v>
      </c>
      <c r="D91060" s="14" t="s">
        <v>455</v>
      </c>
      <c r="E91060" s="15">
        <v>45551</v>
      </c>
      <c r="F91060" s="14" t="s">
        <v>15</v>
      </c>
      <c r="G91060" s="16">
        <v>2.1275753816875742</v>
      </c>
    </row>
    <row r="91061" spans="1:7" x14ac:dyDescent="0.3">
      <c r="A91061" s="13" t="s">
        <v>454</v>
      </c>
      <c r="B91061" s="14" t="s">
        <v>1</v>
      </c>
      <c r="C91061" s="14" t="s">
        <v>70</v>
      </c>
      <c r="D91061" s="14" t="s">
        <v>455</v>
      </c>
      <c r="E91061" s="15">
        <v>45552</v>
      </c>
      <c r="F91061" s="14" t="s">
        <v>15</v>
      </c>
      <c r="G91061" s="16">
        <v>2.1499743071981219</v>
      </c>
    </row>
    <row r="91062" spans="1:7" x14ac:dyDescent="0.3">
      <c r="A91062" s="13" t="s">
        <v>454</v>
      </c>
      <c r="B91062" s="14" t="s">
        <v>1</v>
      </c>
      <c r="C91062" s="14" t="s">
        <v>70</v>
      </c>
      <c r="D91062" s="14" t="s">
        <v>455</v>
      </c>
      <c r="E91062" s="15">
        <v>45553</v>
      </c>
      <c r="F91062" s="14" t="s">
        <v>15</v>
      </c>
      <c r="G91062" s="16">
        <v>2.1578175280106833</v>
      </c>
    </row>
    <row r="91063" spans="1:7" x14ac:dyDescent="0.3">
      <c r="A91063" s="13" t="s">
        <v>454</v>
      </c>
      <c r="B91063" s="14" t="s">
        <v>1</v>
      </c>
      <c r="C91063" s="14" t="s">
        <v>70</v>
      </c>
      <c r="D91063" s="14" t="s">
        <v>455</v>
      </c>
      <c r="E91063" s="15">
        <v>45554</v>
      </c>
      <c r="F91063" s="14" t="s">
        <v>15</v>
      </c>
      <c r="G91063" s="16">
        <v>2.1644505139239159</v>
      </c>
    </row>
    <row r="91064" spans="1:7" x14ac:dyDescent="0.3">
      <c r="A91064" s="13" t="s">
        <v>454</v>
      </c>
      <c r="B91064" s="14" t="s">
        <v>1</v>
      </c>
      <c r="C91064" s="14" t="s">
        <v>70</v>
      </c>
      <c r="D91064" s="14" t="s">
        <v>455</v>
      </c>
      <c r="E91064" s="15">
        <v>45555</v>
      </c>
      <c r="F91064" s="14" t="s">
        <v>15</v>
      </c>
      <c r="G91064" s="16">
        <v>2.1711011172868124</v>
      </c>
    </row>
    <row r="91065" spans="1:7" x14ac:dyDescent="0.3">
      <c r="A91065" s="13" t="s">
        <v>454</v>
      </c>
      <c r="B91065" s="14" t="s">
        <v>1</v>
      </c>
      <c r="C91065" s="14" t="s">
        <v>70</v>
      </c>
      <c r="D91065" s="14" t="s">
        <v>455</v>
      </c>
      <c r="E91065" s="15">
        <v>45556</v>
      </c>
      <c r="F91065" s="14" t="s">
        <v>15</v>
      </c>
      <c r="G91065" s="16">
        <v>2.1711011172868124</v>
      </c>
    </row>
    <row r="91066" spans="1:7" x14ac:dyDescent="0.3">
      <c r="A91066" s="13" t="s">
        <v>454</v>
      </c>
      <c r="B91066" s="14" t="s">
        <v>1</v>
      </c>
      <c r="C91066" s="14" t="s">
        <v>70</v>
      </c>
      <c r="D91066" s="14" t="s">
        <v>455</v>
      </c>
      <c r="E91066" s="15">
        <v>45557</v>
      </c>
      <c r="F91066" s="14" t="s">
        <v>15</v>
      </c>
      <c r="G91066" s="16">
        <v>2.1711011172868124</v>
      </c>
    </row>
    <row r="91067" spans="1:7" x14ac:dyDescent="0.3">
      <c r="A91067" s="13" t="s">
        <v>454</v>
      </c>
      <c r="B91067" s="14" t="s">
        <v>1</v>
      </c>
      <c r="C91067" s="14" t="s">
        <v>70</v>
      </c>
      <c r="D91067" s="14" t="s">
        <v>455</v>
      </c>
      <c r="E91067" s="15">
        <v>45558</v>
      </c>
      <c r="F91067" s="14" t="s">
        <v>15</v>
      </c>
      <c r="G91067" s="16">
        <v>2.1777577609181655</v>
      </c>
    </row>
    <row r="91068" spans="1:7" x14ac:dyDescent="0.3">
      <c r="A91068" s="13" t="s">
        <v>454</v>
      </c>
      <c r="B91068" s="14" t="s">
        <v>1</v>
      </c>
      <c r="C91068" s="14" t="s">
        <v>70</v>
      </c>
      <c r="D91068" s="14" t="s">
        <v>455</v>
      </c>
      <c r="E91068" s="15">
        <v>45559</v>
      </c>
      <c r="F91068" s="14" t="s">
        <v>15</v>
      </c>
      <c r="G91068" s="16">
        <v>2.1989873911267002</v>
      </c>
    </row>
    <row r="91069" spans="1:7" x14ac:dyDescent="0.3">
      <c r="A91069" s="13" t="s">
        <v>454</v>
      </c>
      <c r="B91069" s="14" t="s">
        <v>1</v>
      </c>
      <c r="C91069" s="14" t="s">
        <v>70</v>
      </c>
      <c r="D91069" s="14" t="s">
        <v>455</v>
      </c>
      <c r="E91069" s="15">
        <v>45560</v>
      </c>
      <c r="F91069" s="14" t="s">
        <v>15</v>
      </c>
      <c r="G91069" s="16">
        <v>2.2056789340869121</v>
      </c>
    </row>
    <row r="91070" spans="1:7" x14ac:dyDescent="0.3">
      <c r="A91070" s="13" t="s">
        <v>454</v>
      </c>
      <c r="B91070" s="14" t="s">
        <v>1</v>
      </c>
      <c r="C91070" s="14" t="s">
        <v>70</v>
      </c>
      <c r="D91070" s="14" t="s">
        <v>455</v>
      </c>
      <c r="E91070" s="15">
        <v>45561</v>
      </c>
      <c r="F91070" s="14" t="s">
        <v>15</v>
      </c>
      <c r="G91070" s="16">
        <v>2.2196141012081982</v>
      </c>
    </row>
    <row r="91071" spans="1:7" x14ac:dyDescent="0.3">
      <c r="A91071" s="13" t="s">
        <v>454</v>
      </c>
      <c r="B91071" s="14" t="s">
        <v>1</v>
      </c>
      <c r="C91071" s="14" t="s">
        <v>70</v>
      </c>
      <c r="D91071" s="14" t="s">
        <v>455</v>
      </c>
      <c r="E91071" s="15">
        <v>45562</v>
      </c>
      <c r="F91071" s="14" t="s">
        <v>15</v>
      </c>
      <c r="G91071" s="16">
        <v>2.2306410468529743</v>
      </c>
    </row>
    <row r="91072" spans="1:7" x14ac:dyDescent="0.3">
      <c r="A91072" s="13" t="s">
        <v>454</v>
      </c>
      <c r="B91072" s="14" t="s">
        <v>1</v>
      </c>
      <c r="C91072" s="14" t="s">
        <v>70</v>
      </c>
      <c r="D91072" s="14" t="s">
        <v>455</v>
      </c>
      <c r="E91072" s="15">
        <v>45563</v>
      </c>
      <c r="F91072" s="14" t="s">
        <v>15</v>
      </c>
      <c r="G91072" s="16">
        <v>2.2306410468529743</v>
      </c>
    </row>
    <row r="91073" spans="1:7" x14ac:dyDescent="0.3">
      <c r="A91073" s="13" t="s">
        <v>454</v>
      </c>
      <c r="B91073" s="14" t="s">
        <v>1</v>
      </c>
      <c r="C91073" s="14" t="s">
        <v>70</v>
      </c>
      <c r="D91073" s="14" t="s">
        <v>455</v>
      </c>
      <c r="E91073" s="15">
        <v>45564</v>
      </c>
      <c r="F91073" s="14" t="s">
        <v>15</v>
      </c>
      <c r="G91073" s="16">
        <v>2.2306410468529743</v>
      </c>
    </row>
    <row r="91074" spans="1:7" x14ac:dyDescent="0.3">
      <c r="A91074" s="13" t="s">
        <v>454</v>
      </c>
      <c r="B91074" s="14" t="s">
        <v>1</v>
      </c>
      <c r="C91074" s="14" t="s">
        <v>70</v>
      </c>
      <c r="D91074" s="14" t="s">
        <v>455</v>
      </c>
      <c r="E91074" s="15">
        <v>45565</v>
      </c>
      <c r="F91074" s="14" t="s">
        <v>15</v>
      </c>
      <c r="G91074" s="16">
        <v>2.2525658112896965</v>
      </c>
    </row>
    <row r="91075" spans="1:7" x14ac:dyDescent="0.3">
      <c r="A91075" s="13" t="s">
        <v>454</v>
      </c>
      <c r="B91075" s="14" t="s">
        <v>1</v>
      </c>
      <c r="C91075" s="14" t="s">
        <v>70</v>
      </c>
      <c r="D91075" s="14" t="s">
        <v>455</v>
      </c>
      <c r="E91075" s="15">
        <v>45566</v>
      </c>
      <c r="F91075" s="14" t="s">
        <v>15</v>
      </c>
      <c r="G91075" s="16">
        <v>2.2776815992163515</v>
      </c>
    </row>
    <row r="91076" spans="1:7" x14ac:dyDescent="0.3">
      <c r="A91076" s="13" t="s">
        <v>454</v>
      </c>
      <c r="B91076" s="14" t="s">
        <v>1</v>
      </c>
      <c r="C91076" s="14" t="s">
        <v>70</v>
      </c>
      <c r="D91076" s="14" t="s">
        <v>455</v>
      </c>
      <c r="E91076" s="15">
        <v>45567</v>
      </c>
      <c r="F91076" s="14" t="s">
        <v>15</v>
      </c>
      <c r="G91076" s="16">
        <v>2.2858258267403224</v>
      </c>
    </row>
    <row r="91077" spans="1:7" x14ac:dyDescent="0.3">
      <c r="A91077" s="13" t="s">
        <v>454</v>
      </c>
      <c r="B91077" s="14" t="s">
        <v>1</v>
      </c>
      <c r="C91077" s="14" t="s">
        <v>70</v>
      </c>
      <c r="D91077" s="14" t="s">
        <v>455</v>
      </c>
      <c r="E91077" s="15">
        <v>45568</v>
      </c>
      <c r="F91077" s="14" t="s">
        <v>15</v>
      </c>
      <c r="G91077" s="16">
        <v>2.2917115811099307</v>
      </c>
    </row>
    <row r="91078" spans="1:7" x14ac:dyDescent="0.3">
      <c r="A91078" s="13" t="s">
        <v>454</v>
      </c>
      <c r="B91078" s="14" t="s">
        <v>1</v>
      </c>
      <c r="C91078" s="14" t="s">
        <v>70</v>
      </c>
      <c r="D91078" s="14" t="s">
        <v>455</v>
      </c>
      <c r="E91078" s="15">
        <v>45569</v>
      </c>
      <c r="F91078" s="14" t="s">
        <v>15</v>
      </c>
      <c r="G91078" s="16">
        <v>2.3008230066204787</v>
      </c>
    </row>
    <row r="91079" spans="1:7" x14ac:dyDescent="0.3">
      <c r="A91079" s="13" t="s">
        <v>454</v>
      </c>
      <c r="B91079" s="14" t="s">
        <v>1</v>
      </c>
      <c r="C91079" s="14" t="s">
        <v>70</v>
      </c>
      <c r="D91079" s="14" t="s">
        <v>455</v>
      </c>
      <c r="E91079" s="15">
        <v>45570</v>
      </c>
      <c r="F91079" s="14" t="s">
        <v>15</v>
      </c>
      <c r="G91079" s="16">
        <v>2.3008230066204787</v>
      </c>
    </row>
    <row r="91080" spans="1:7" x14ac:dyDescent="0.3">
      <c r="A91080" s="13" t="s">
        <v>454</v>
      </c>
      <c r="B91080" s="14" t="s">
        <v>1</v>
      </c>
      <c r="C91080" s="14" t="s">
        <v>70</v>
      </c>
      <c r="D91080" s="14" t="s">
        <v>455</v>
      </c>
      <c r="E91080" s="15">
        <v>45571</v>
      </c>
      <c r="F91080" s="14" t="s">
        <v>15</v>
      </c>
      <c r="G91080" s="16">
        <v>2.3008230066204787</v>
      </c>
    </row>
    <row r="91081" spans="1:7" x14ac:dyDescent="0.3">
      <c r="A91081" s="13" t="s">
        <v>454</v>
      </c>
      <c r="B91081" s="14" t="s">
        <v>1</v>
      </c>
      <c r="C91081" s="14" t="s">
        <v>70</v>
      </c>
      <c r="D91081" s="14" t="s">
        <v>455</v>
      </c>
      <c r="E91081" s="15">
        <v>45572</v>
      </c>
      <c r="F91081" s="14" t="s">
        <v>15</v>
      </c>
      <c r="G91081" s="16">
        <v>2.3240518817954561</v>
      </c>
    </row>
    <row r="91082" spans="1:7" x14ac:dyDescent="0.3">
      <c r="A91082" s="13" t="s">
        <v>454</v>
      </c>
      <c r="B91082" s="14" t="s">
        <v>1</v>
      </c>
      <c r="C91082" s="14" t="s">
        <v>70</v>
      </c>
      <c r="D91082" s="14" t="s">
        <v>455</v>
      </c>
      <c r="E91082" s="15">
        <v>45573</v>
      </c>
      <c r="F91082" s="14" t="s">
        <v>15</v>
      </c>
      <c r="G91082" s="16">
        <v>2.3442199348227826</v>
      </c>
    </row>
    <row r="91083" spans="1:7" x14ac:dyDescent="0.3">
      <c r="A91083" s="13" t="s">
        <v>454</v>
      </c>
      <c r="B91083" s="14" t="s">
        <v>1</v>
      </c>
      <c r="C91083" s="14" t="s">
        <v>70</v>
      </c>
      <c r="D91083" s="14" t="s">
        <v>455</v>
      </c>
      <c r="E91083" s="15">
        <v>45574</v>
      </c>
      <c r="F91083" s="14" t="s">
        <v>15</v>
      </c>
      <c r="G91083" s="16">
        <v>2.3508886589910487</v>
      </c>
    </row>
    <row r="91084" spans="1:7" x14ac:dyDescent="0.3">
      <c r="A91084" s="13" t="s">
        <v>454</v>
      </c>
      <c r="B91084" s="14" t="s">
        <v>1</v>
      </c>
      <c r="C91084" s="14" t="s">
        <v>70</v>
      </c>
      <c r="D91084" s="14" t="s">
        <v>455</v>
      </c>
      <c r="E91084" s="15">
        <v>45575</v>
      </c>
      <c r="F91084" s="14" t="s">
        <v>15</v>
      </c>
      <c r="G91084" s="16">
        <v>2.3576114938975694</v>
      </c>
    </row>
    <row r="91085" spans="1:7" x14ac:dyDescent="0.3">
      <c r="A91085" s="13" t="s">
        <v>454</v>
      </c>
      <c r="B91085" s="14" t="s">
        <v>1</v>
      </c>
      <c r="C91085" s="14" t="s">
        <v>70</v>
      </c>
      <c r="D91085" s="14" t="s">
        <v>455</v>
      </c>
      <c r="E91085" s="15">
        <v>45576</v>
      </c>
      <c r="F91085" s="14" t="s">
        <v>15</v>
      </c>
      <c r="G91085" s="16">
        <v>2.378561342226909</v>
      </c>
    </row>
    <row r="91086" spans="1:7" x14ac:dyDescent="0.3">
      <c r="A91086" s="13" t="s">
        <v>454</v>
      </c>
      <c r="B91086" s="14" t="s">
        <v>1</v>
      </c>
      <c r="C91086" s="14" t="s">
        <v>70</v>
      </c>
      <c r="D91086" s="14" t="s">
        <v>455</v>
      </c>
      <c r="E91086" s="15">
        <v>45577</v>
      </c>
      <c r="F91086" s="14" t="s">
        <v>15</v>
      </c>
      <c r="G91086" s="16">
        <v>2.378561342226909</v>
      </c>
    </row>
    <row r="91087" spans="1:7" x14ac:dyDescent="0.3">
      <c r="A91087" s="13" t="s">
        <v>454</v>
      </c>
      <c r="B91087" s="14" t="s">
        <v>1</v>
      </c>
      <c r="C91087" s="14" t="s">
        <v>70</v>
      </c>
      <c r="D91087" s="14" t="s">
        <v>455</v>
      </c>
      <c r="E91087" s="15">
        <v>45578</v>
      </c>
      <c r="F91087" s="14" t="s">
        <v>15</v>
      </c>
      <c r="G91087" s="16">
        <v>2.378561342226909</v>
      </c>
    </row>
    <row r="91088" spans="1:7" x14ac:dyDescent="0.3">
      <c r="A91088" s="13" t="s">
        <v>454</v>
      </c>
      <c r="B91088" s="14" t="s">
        <v>1</v>
      </c>
      <c r="C91088" s="14" t="s">
        <v>70</v>
      </c>
      <c r="D91088" s="14" t="s">
        <v>455</v>
      </c>
      <c r="E91088" s="15">
        <v>45579</v>
      </c>
      <c r="F91088" s="14" t="s">
        <v>15</v>
      </c>
      <c r="G91088" s="16">
        <v>2.385289881831417</v>
      </c>
    </row>
    <row r="91089" spans="1:7" x14ac:dyDescent="0.3">
      <c r="A91089" s="13" t="s">
        <v>454</v>
      </c>
      <c r="B91089" s="14" t="s">
        <v>1</v>
      </c>
      <c r="C91089" s="14" t="s">
        <v>70</v>
      </c>
      <c r="D91089" s="14" t="s">
        <v>455</v>
      </c>
      <c r="E91089" s="15">
        <v>45580</v>
      </c>
      <c r="F91089" s="14" t="s">
        <v>15</v>
      </c>
      <c r="G91089" s="16">
        <v>2.4053621294896153</v>
      </c>
    </row>
    <row r="91090" spans="1:7" x14ac:dyDescent="0.3">
      <c r="A91090" s="13" t="s">
        <v>454</v>
      </c>
      <c r="B91090" s="14" t="s">
        <v>1</v>
      </c>
      <c r="C91090" s="14" t="s">
        <v>70</v>
      </c>
      <c r="D91090" s="14" t="s">
        <v>455</v>
      </c>
      <c r="E91090" s="15">
        <v>45581</v>
      </c>
      <c r="F91090" s="14" t="s">
        <v>15</v>
      </c>
      <c r="G91090" s="16">
        <v>2.4159227160739887</v>
      </c>
    </row>
    <row r="91091" spans="1:7" x14ac:dyDescent="0.3">
      <c r="A91091" s="13" t="s">
        <v>454</v>
      </c>
      <c r="B91091" s="14" t="s">
        <v>1</v>
      </c>
      <c r="C91091" s="14" t="s">
        <v>70</v>
      </c>
      <c r="D91091" s="14" t="s">
        <v>455</v>
      </c>
      <c r="E91091" s="15">
        <v>45582</v>
      </c>
      <c r="F91091" s="14" t="s">
        <v>15</v>
      </c>
      <c r="G91091" s="16">
        <v>2.4233184536650736</v>
      </c>
    </row>
    <row r="91092" spans="1:7" x14ac:dyDescent="0.3">
      <c r="A91092" s="13" t="s">
        <v>454</v>
      </c>
      <c r="B91092" s="14" t="s">
        <v>1</v>
      </c>
      <c r="C91092" s="14" t="s">
        <v>70</v>
      </c>
      <c r="D91092" s="14" t="s">
        <v>455</v>
      </c>
      <c r="E91092" s="15">
        <v>45583</v>
      </c>
      <c r="F91092" s="14" t="s">
        <v>15</v>
      </c>
      <c r="G91092" s="16">
        <v>2.4365136040078363</v>
      </c>
    </row>
    <row r="91093" spans="1:7" x14ac:dyDescent="0.3">
      <c r="A91093" s="13" t="s">
        <v>454</v>
      </c>
      <c r="B91093" s="14" t="s">
        <v>1</v>
      </c>
      <c r="C91093" s="14" t="s">
        <v>70</v>
      </c>
      <c r="D91093" s="14" t="s">
        <v>455</v>
      </c>
      <c r="E91093" s="15">
        <v>45584</v>
      </c>
      <c r="F91093" s="14" t="s">
        <v>15</v>
      </c>
      <c r="G91093" s="16">
        <v>2.4365136040078363</v>
      </c>
    </row>
    <row r="91094" spans="1:7" x14ac:dyDescent="0.3">
      <c r="A91094" s="13" t="s">
        <v>454</v>
      </c>
      <c r="B91094" s="14" t="s">
        <v>1</v>
      </c>
      <c r="C91094" s="14" t="s">
        <v>70</v>
      </c>
      <c r="D91094" s="14" t="s">
        <v>455</v>
      </c>
      <c r="E91094" s="15">
        <v>45585</v>
      </c>
      <c r="F91094" s="14" t="s">
        <v>15</v>
      </c>
      <c r="G91094" s="16">
        <v>2.4365136040078363</v>
      </c>
    </row>
    <row r="91095" spans="1:7" x14ac:dyDescent="0.3">
      <c r="A91095" s="13" t="s">
        <v>454</v>
      </c>
      <c r="B91095" s="14" t="s">
        <v>1</v>
      </c>
      <c r="C91095" s="14" t="s">
        <v>70</v>
      </c>
      <c r="D91095" s="14" t="s">
        <v>455</v>
      </c>
      <c r="E91095" s="15">
        <v>45586</v>
      </c>
      <c r="F91095" s="14" t="s">
        <v>15</v>
      </c>
      <c r="G91095" s="16">
        <v>2.4488489389143577</v>
      </c>
    </row>
    <row r="91096" spans="1:7" x14ac:dyDescent="0.3">
      <c r="A91096" s="13" t="s">
        <v>454</v>
      </c>
      <c r="B91096" s="14" t="s">
        <v>1</v>
      </c>
      <c r="C91096" s="14" t="s">
        <v>70</v>
      </c>
      <c r="D91096" s="14" t="s">
        <v>455</v>
      </c>
      <c r="E91096" s="15">
        <v>45587</v>
      </c>
      <c r="F91096" s="14" t="s">
        <v>15</v>
      </c>
      <c r="G91096" s="16">
        <v>2.4689790724785965</v>
      </c>
    </row>
    <row r="91097" spans="1:7" x14ac:dyDescent="0.3">
      <c r="A91097" s="13" t="s">
        <v>454</v>
      </c>
      <c r="B91097" s="14" t="s">
        <v>1</v>
      </c>
      <c r="C91097" s="14" t="s">
        <v>70</v>
      </c>
      <c r="D91097" s="14" t="s">
        <v>455</v>
      </c>
      <c r="E91097" s="15">
        <v>45588</v>
      </c>
      <c r="F91097" s="14" t="s">
        <v>15</v>
      </c>
      <c r="G91097" s="16">
        <v>2.4759565214790773</v>
      </c>
    </row>
    <row r="91098" spans="1:7" x14ac:dyDescent="0.3">
      <c r="A91098" s="13" t="s">
        <v>454</v>
      </c>
      <c r="B91098" s="14" t="s">
        <v>1</v>
      </c>
      <c r="C91098" s="14" t="s">
        <v>70</v>
      </c>
      <c r="D91098" s="14" t="s">
        <v>455</v>
      </c>
      <c r="E91098" s="15">
        <v>45589</v>
      </c>
      <c r="F91098" s="14" t="s">
        <v>15</v>
      </c>
      <c r="G91098" s="16">
        <v>2.4850186181305647</v>
      </c>
    </row>
    <row r="91099" spans="1:7" x14ac:dyDescent="0.3">
      <c r="A91099" s="13" t="s">
        <v>454</v>
      </c>
      <c r="B91099" s="14" t="s">
        <v>1</v>
      </c>
      <c r="C91099" s="14" t="s">
        <v>70</v>
      </c>
      <c r="D91099" s="14" t="s">
        <v>455</v>
      </c>
      <c r="E91099" s="15">
        <v>45590</v>
      </c>
      <c r="F91099" s="14" t="s">
        <v>15</v>
      </c>
      <c r="G91099" s="16">
        <v>2.4917693892786961</v>
      </c>
    </row>
    <row r="91100" spans="1:7" x14ac:dyDescent="0.3">
      <c r="A91100" s="13" t="s">
        <v>454</v>
      </c>
      <c r="B91100" s="14" t="s">
        <v>1</v>
      </c>
      <c r="C91100" s="14" t="s">
        <v>70</v>
      </c>
      <c r="D91100" s="14" t="s">
        <v>455</v>
      </c>
      <c r="E91100" s="15">
        <v>45591</v>
      </c>
      <c r="F91100" s="14" t="s">
        <v>15</v>
      </c>
      <c r="G91100" s="16">
        <v>2.4917693892786961</v>
      </c>
    </row>
    <row r="91101" spans="1:7" x14ac:dyDescent="0.3">
      <c r="A91101" s="13" t="s">
        <v>454</v>
      </c>
      <c r="B91101" s="14" t="s">
        <v>1</v>
      </c>
      <c r="C91101" s="14" t="s">
        <v>70</v>
      </c>
      <c r="D91101" s="14" t="s">
        <v>455</v>
      </c>
      <c r="E91101" s="15">
        <v>45592</v>
      </c>
      <c r="F91101" s="14" t="s">
        <v>15</v>
      </c>
      <c r="G91101" s="16">
        <v>2.4917693892786961</v>
      </c>
    </row>
    <row r="91102" spans="1:7" x14ac:dyDescent="0.3">
      <c r="A91102" s="13" t="s">
        <v>454</v>
      </c>
      <c r="B91102" s="14" t="s">
        <v>1</v>
      </c>
      <c r="C91102" s="14" t="s">
        <v>70</v>
      </c>
      <c r="D91102" s="14" t="s">
        <v>455</v>
      </c>
      <c r="E91102" s="15">
        <v>45593</v>
      </c>
      <c r="F91102" s="14" t="s">
        <v>15</v>
      </c>
      <c r="G91102" s="16">
        <v>2.4917693892786961</v>
      </c>
    </row>
    <row r="91103" spans="1:7" x14ac:dyDescent="0.3">
      <c r="A91103" s="13" t="s">
        <v>454</v>
      </c>
      <c r="B91103" s="14" t="s">
        <v>1</v>
      </c>
      <c r="C91103" s="14" t="s">
        <v>70</v>
      </c>
      <c r="D91103" s="14" t="s">
        <v>455</v>
      </c>
      <c r="E91103" s="15">
        <v>45594</v>
      </c>
      <c r="F91103" s="14" t="s">
        <v>15</v>
      </c>
      <c r="G91103" s="16">
        <v>2.4989735161315263</v>
      </c>
    </row>
    <row r="91104" spans="1:7" x14ac:dyDescent="0.3">
      <c r="A91104" s="13" t="s">
        <v>454</v>
      </c>
      <c r="B91104" s="14" t="s">
        <v>1</v>
      </c>
      <c r="C91104" s="14" t="s">
        <v>70</v>
      </c>
      <c r="D91104" s="14" t="s">
        <v>455</v>
      </c>
      <c r="E91104" s="15">
        <v>45595</v>
      </c>
      <c r="F91104" s="14" t="s">
        <v>15</v>
      </c>
      <c r="G91104" s="16">
        <v>2.534655411440732</v>
      </c>
    </row>
    <row r="91105" spans="1:7" x14ac:dyDescent="0.3">
      <c r="A91105" s="13" t="s">
        <v>454</v>
      </c>
      <c r="B91105" s="14" t="s">
        <v>1</v>
      </c>
      <c r="C91105" s="14" t="s">
        <v>70</v>
      </c>
      <c r="D91105" s="14" t="s">
        <v>455</v>
      </c>
      <c r="E91105" s="15">
        <v>45596</v>
      </c>
      <c r="F91105" s="14" t="s">
        <v>15</v>
      </c>
      <c r="G91105" s="16">
        <v>2.5414345382935615</v>
      </c>
    </row>
    <row r="91106" spans="1:7" x14ac:dyDescent="0.3">
      <c r="A91106" s="13" t="s">
        <v>454</v>
      </c>
      <c r="B91106" s="14" t="s">
        <v>1</v>
      </c>
      <c r="C91106" s="14" t="s">
        <v>70</v>
      </c>
      <c r="D91106" s="14" t="s">
        <v>455</v>
      </c>
      <c r="E91106" s="15">
        <v>45597</v>
      </c>
      <c r="F91106" s="14" t="s">
        <v>15</v>
      </c>
      <c r="G91106" s="16">
        <v>2.5502196215222308</v>
      </c>
    </row>
    <row r="91107" spans="1:7" x14ac:dyDescent="0.3">
      <c r="A91107" s="13" t="s">
        <v>454</v>
      </c>
      <c r="B91107" s="14" t="s">
        <v>1</v>
      </c>
      <c r="C91107" s="14" t="s">
        <v>70</v>
      </c>
      <c r="D91107" s="14" t="s">
        <v>455</v>
      </c>
      <c r="E91107" s="15">
        <v>45598</v>
      </c>
      <c r="F91107" s="14" t="s">
        <v>15</v>
      </c>
      <c r="G91107" s="16">
        <v>2.5502196215222308</v>
      </c>
    </row>
    <row r="91108" spans="1:7" x14ac:dyDescent="0.3">
      <c r="A91108" s="13" t="s">
        <v>454</v>
      </c>
      <c r="B91108" s="14" t="s">
        <v>1</v>
      </c>
      <c r="C91108" s="14" t="s">
        <v>70</v>
      </c>
      <c r="D91108" s="14" t="s">
        <v>455</v>
      </c>
      <c r="E91108" s="15">
        <v>45599</v>
      </c>
      <c r="F91108" s="14" t="s">
        <v>15</v>
      </c>
      <c r="G91108" s="16">
        <v>2.5502196215222308</v>
      </c>
    </row>
    <row r="91109" spans="1:7" x14ac:dyDescent="0.3">
      <c r="A91109" s="13" t="s">
        <v>454</v>
      </c>
      <c r="B91109" s="14" t="s">
        <v>1</v>
      </c>
      <c r="C91109" s="14" t="s">
        <v>70</v>
      </c>
      <c r="D91109" s="14" t="s">
        <v>455</v>
      </c>
      <c r="E91109" s="15">
        <v>45600</v>
      </c>
      <c r="F91109" s="14" t="s">
        <v>15</v>
      </c>
      <c r="G91109" s="16">
        <v>2.5512090671670067</v>
      </c>
    </row>
    <row r="91110" spans="1:7" x14ac:dyDescent="0.3">
      <c r="A91110" s="13" t="s">
        <v>454</v>
      </c>
      <c r="B91110" s="14" t="s">
        <v>1</v>
      </c>
      <c r="C91110" s="14" t="s">
        <v>70</v>
      </c>
      <c r="D91110" s="14" t="s">
        <v>455</v>
      </c>
      <c r="E91110" s="15">
        <v>45601</v>
      </c>
      <c r="F91110" s="14" t="s">
        <v>15</v>
      </c>
      <c r="G91110" s="16">
        <v>2.5707677242211782</v>
      </c>
    </row>
    <row r="91111" spans="1:7" x14ac:dyDescent="0.3">
      <c r="A91111" s="13" t="s">
        <v>454</v>
      </c>
      <c r="B91111" s="14" t="s">
        <v>1</v>
      </c>
      <c r="C91111" s="14" t="s">
        <v>70</v>
      </c>
      <c r="D91111" s="14" t="s">
        <v>455</v>
      </c>
      <c r="E91111" s="15">
        <v>45602</v>
      </c>
      <c r="F91111" s="14" t="s">
        <v>15</v>
      </c>
      <c r="G91111" s="16">
        <v>2.5793377906713237</v>
      </c>
    </row>
    <row r="91112" spans="1:7" x14ac:dyDescent="0.3">
      <c r="A91112" s="13" t="s">
        <v>454</v>
      </c>
      <c r="B91112" s="14" t="s">
        <v>1</v>
      </c>
      <c r="C91112" s="14" t="s">
        <v>70</v>
      </c>
      <c r="D91112" s="14" t="s">
        <v>455</v>
      </c>
      <c r="E91112" s="15">
        <v>45603</v>
      </c>
      <c r="F91112" s="14" t="s">
        <v>15</v>
      </c>
      <c r="G91112" s="16">
        <v>2.586022370544288</v>
      </c>
    </row>
    <row r="91113" spans="1:7" x14ac:dyDescent="0.3">
      <c r="A91113" s="13" t="s">
        <v>454</v>
      </c>
      <c r="B91113" s="14" t="s">
        <v>1</v>
      </c>
      <c r="C91113" s="14" t="s">
        <v>70</v>
      </c>
      <c r="D91113" s="14" t="s">
        <v>455</v>
      </c>
      <c r="E91113" s="15">
        <v>45604</v>
      </c>
      <c r="F91113" s="14" t="s">
        <v>15</v>
      </c>
      <c r="G91113" s="16">
        <v>2.606522302766245</v>
      </c>
    </row>
    <row r="91114" spans="1:7" x14ac:dyDescent="0.3">
      <c r="A91114" s="13" t="s">
        <v>454</v>
      </c>
      <c r="B91114" s="14" t="s">
        <v>1</v>
      </c>
      <c r="C91114" s="14" t="s">
        <v>70</v>
      </c>
      <c r="D91114" s="14" t="s">
        <v>455</v>
      </c>
      <c r="E91114" s="15">
        <v>45605</v>
      </c>
      <c r="F91114" s="14" t="s">
        <v>15</v>
      </c>
      <c r="G91114" s="16">
        <v>2.606522302766245</v>
      </c>
    </row>
    <row r="91115" spans="1:7" x14ac:dyDescent="0.3">
      <c r="A91115" s="13" t="s">
        <v>454</v>
      </c>
      <c r="B91115" s="14" t="s">
        <v>1</v>
      </c>
      <c r="C91115" s="14" t="s">
        <v>70</v>
      </c>
      <c r="D91115" s="14" t="s">
        <v>455</v>
      </c>
      <c r="E91115" s="15">
        <v>45606</v>
      </c>
      <c r="F91115" s="14" t="s">
        <v>15</v>
      </c>
      <c r="G91115" s="16">
        <v>2.606522302766245</v>
      </c>
    </row>
    <row r="91116" spans="1:7" x14ac:dyDescent="0.3">
      <c r="A91116" s="13" t="s">
        <v>454</v>
      </c>
      <c r="B91116" s="14" t="s">
        <v>1</v>
      </c>
      <c r="C91116" s="14" t="s">
        <v>70</v>
      </c>
      <c r="D91116" s="14" t="s">
        <v>455</v>
      </c>
      <c r="E91116" s="15">
        <v>45607</v>
      </c>
      <c r="F91116" s="14" t="s">
        <v>15</v>
      </c>
      <c r="G91116" s="16">
        <v>2.6191996678741081</v>
      </c>
    </row>
    <row r="91117" spans="1:7" x14ac:dyDescent="0.3">
      <c r="A91117" s="13" t="s">
        <v>454</v>
      </c>
      <c r="B91117" s="14" t="s">
        <v>1</v>
      </c>
      <c r="C91117" s="14" t="s">
        <v>70</v>
      </c>
      <c r="D91117" s="14" t="s">
        <v>455</v>
      </c>
      <c r="E91117" s="15">
        <v>45608</v>
      </c>
      <c r="F91117" s="14" t="s">
        <v>15</v>
      </c>
      <c r="G91117" s="16">
        <v>2.6390546336531124</v>
      </c>
    </row>
    <row r="91118" spans="1:7" x14ac:dyDescent="0.3">
      <c r="A91118" s="13" t="s">
        <v>454</v>
      </c>
      <c r="B91118" s="14" t="s">
        <v>1</v>
      </c>
      <c r="C91118" s="14" t="s">
        <v>70</v>
      </c>
      <c r="D91118" s="14" t="s">
        <v>455</v>
      </c>
      <c r="E91118" s="15">
        <v>45609</v>
      </c>
      <c r="F91118" s="14" t="s">
        <v>15</v>
      </c>
      <c r="G91118" s="16">
        <v>2.6447818309757412</v>
      </c>
    </row>
    <row r="91119" spans="1:7" x14ac:dyDescent="0.3">
      <c r="A91119" s="13" t="s">
        <v>454</v>
      </c>
      <c r="B91119" s="14" t="s">
        <v>1</v>
      </c>
      <c r="C91119" s="14" t="s">
        <v>70</v>
      </c>
      <c r="D91119" s="14" t="s">
        <v>455</v>
      </c>
      <c r="E91119" s="15">
        <v>45610</v>
      </c>
      <c r="F91119" s="14" t="s">
        <v>15</v>
      </c>
      <c r="G91119" s="16">
        <v>2.6513200182312548</v>
      </c>
    </row>
    <row r="91120" spans="1:7" x14ac:dyDescent="0.3">
      <c r="A91120" s="13" t="s">
        <v>454</v>
      </c>
      <c r="B91120" s="14" t="s">
        <v>1</v>
      </c>
      <c r="C91120" s="14" t="s">
        <v>70</v>
      </c>
      <c r="D91120" s="14" t="s">
        <v>455</v>
      </c>
      <c r="E91120" s="15">
        <v>45611</v>
      </c>
      <c r="F91120" s="14" t="s">
        <v>15</v>
      </c>
      <c r="G91120" s="16">
        <v>2.6931967960907963</v>
      </c>
    </row>
    <row r="91121" spans="1:7" x14ac:dyDescent="0.3">
      <c r="A91121" s="13" t="s">
        <v>454</v>
      </c>
      <c r="B91121" s="14" t="s">
        <v>1</v>
      </c>
      <c r="C91121" s="14" t="s">
        <v>70</v>
      </c>
      <c r="D91121" s="14" t="s">
        <v>455</v>
      </c>
      <c r="E91121" s="15">
        <v>45612</v>
      </c>
      <c r="F91121" s="14" t="s">
        <v>15</v>
      </c>
      <c r="G91121" s="16">
        <v>2.6931967960907963</v>
      </c>
    </row>
    <row r="91122" spans="1:7" x14ac:dyDescent="0.3">
      <c r="A91122" s="13" t="s">
        <v>454</v>
      </c>
      <c r="B91122" s="14" t="s">
        <v>1</v>
      </c>
      <c r="C91122" s="14" t="s">
        <v>70</v>
      </c>
      <c r="D91122" s="14" t="s">
        <v>455</v>
      </c>
      <c r="E91122" s="15">
        <v>45613</v>
      </c>
      <c r="F91122" s="14" t="s">
        <v>15</v>
      </c>
      <c r="G91122" s="16">
        <v>2.6931967960907963</v>
      </c>
    </row>
    <row r="91123" spans="1:7" x14ac:dyDescent="0.3">
      <c r="A91123" s="13" t="s">
        <v>454</v>
      </c>
      <c r="B91123" s="14" t="s">
        <v>1</v>
      </c>
      <c r="C91123" s="14" t="s">
        <v>70</v>
      </c>
      <c r="D91123" s="14" t="s">
        <v>455</v>
      </c>
      <c r="E91123" s="15">
        <v>45614</v>
      </c>
      <c r="F91123" s="14" t="s">
        <v>15</v>
      </c>
      <c r="G91123" s="16">
        <v>2.7058818793194654</v>
      </c>
    </row>
    <row r="91124" spans="1:7" x14ac:dyDescent="0.3">
      <c r="A91124" s="13" t="s">
        <v>454</v>
      </c>
      <c r="B91124" s="14" t="s">
        <v>1</v>
      </c>
      <c r="C91124" s="14" t="s">
        <v>70</v>
      </c>
      <c r="D91124" s="14" t="s">
        <v>455</v>
      </c>
      <c r="E91124" s="15">
        <v>45615</v>
      </c>
      <c r="F91124" s="14" t="s">
        <v>15</v>
      </c>
      <c r="G91124" s="16">
        <v>2.7479467444273284</v>
      </c>
    </row>
    <row r="91125" spans="1:7" x14ac:dyDescent="0.3">
      <c r="A91125" s="13" t="s">
        <v>454</v>
      </c>
      <c r="B91125" s="14" t="s">
        <v>1</v>
      </c>
      <c r="C91125" s="14" t="s">
        <v>70</v>
      </c>
      <c r="D91125" s="14" t="s">
        <v>455</v>
      </c>
      <c r="E91125" s="15">
        <v>45616</v>
      </c>
      <c r="F91125" s="14" t="s">
        <v>15</v>
      </c>
      <c r="G91125" s="16">
        <v>2.7544242773204268</v>
      </c>
    </row>
    <row r="91126" spans="1:7" x14ac:dyDescent="0.3">
      <c r="A91126" s="13" t="s">
        <v>454</v>
      </c>
      <c r="B91126" s="14" t="s">
        <v>1</v>
      </c>
      <c r="C91126" s="14" t="s">
        <v>70</v>
      </c>
      <c r="D91126" s="14" t="s">
        <v>455</v>
      </c>
      <c r="E91126" s="15">
        <v>45617</v>
      </c>
      <c r="F91126" s="14" t="s">
        <v>15</v>
      </c>
      <c r="G91126" s="16">
        <v>2.7639111222940622</v>
      </c>
    </row>
    <row r="91127" spans="1:7" x14ac:dyDescent="0.3">
      <c r="A91127" s="13" t="s">
        <v>454</v>
      </c>
      <c r="B91127" s="14" t="s">
        <v>1</v>
      </c>
      <c r="C91127" s="14" t="s">
        <v>70</v>
      </c>
      <c r="D91127" s="14" t="s">
        <v>455</v>
      </c>
      <c r="E91127" s="15">
        <v>45618</v>
      </c>
      <c r="F91127" s="14" t="s">
        <v>15</v>
      </c>
      <c r="G91127" s="16">
        <v>2.7736931853885021</v>
      </c>
    </row>
    <row r="91128" spans="1:7" x14ac:dyDescent="0.3">
      <c r="A91128" s="13" t="s">
        <v>454</v>
      </c>
      <c r="B91128" s="14" t="s">
        <v>1</v>
      </c>
      <c r="C91128" s="14" t="s">
        <v>70</v>
      </c>
      <c r="D91128" s="14" t="s">
        <v>455</v>
      </c>
      <c r="E91128" s="15">
        <v>45619</v>
      </c>
      <c r="F91128" s="14" t="s">
        <v>15</v>
      </c>
      <c r="G91128" s="16">
        <v>2.7736931853885021</v>
      </c>
    </row>
    <row r="91129" spans="1:7" x14ac:dyDescent="0.3">
      <c r="A91129" s="13" t="s">
        <v>454</v>
      </c>
      <c r="B91129" s="14" t="s">
        <v>1</v>
      </c>
      <c r="C91129" s="14" t="s">
        <v>70</v>
      </c>
      <c r="D91129" s="14" t="s">
        <v>455</v>
      </c>
      <c r="E91129" s="15">
        <v>45620</v>
      </c>
      <c r="F91129" s="14" t="s">
        <v>15</v>
      </c>
      <c r="G91129" s="16">
        <v>2.7736931853885021</v>
      </c>
    </row>
    <row r="91130" spans="1:7" x14ac:dyDescent="0.3">
      <c r="A91130" s="13" t="s">
        <v>454</v>
      </c>
      <c r="B91130" s="14" t="s">
        <v>1</v>
      </c>
      <c r="C91130" s="14" t="s">
        <v>70</v>
      </c>
      <c r="D91130" s="14" t="s">
        <v>455</v>
      </c>
      <c r="E91130" s="15">
        <v>45621</v>
      </c>
      <c r="F91130" s="14" t="s">
        <v>15</v>
      </c>
      <c r="G91130" s="16">
        <v>2.7802829666037483</v>
      </c>
    </row>
    <row r="91131" spans="1:7" x14ac:dyDescent="0.3">
      <c r="A91131" s="13" t="s">
        <v>454</v>
      </c>
      <c r="B91131" s="14" t="s">
        <v>1</v>
      </c>
      <c r="C91131" s="14" t="s">
        <v>70</v>
      </c>
      <c r="D91131" s="14" t="s">
        <v>455</v>
      </c>
      <c r="E91131" s="15">
        <v>45622</v>
      </c>
      <c r="F91131" s="14" t="s">
        <v>15</v>
      </c>
      <c r="G91131" s="16">
        <v>2.8102089055371149</v>
      </c>
    </row>
    <row r="91132" spans="1:7" x14ac:dyDescent="0.3">
      <c r="A91132" s="13" t="s">
        <v>454</v>
      </c>
      <c r="B91132" s="14" t="s">
        <v>1</v>
      </c>
      <c r="C91132" s="14" t="s">
        <v>70</v>
      </c>
      <c r="D91132" s="14" t="s">
        <v>455</v>
      </c>
      <c r="E91132" s="15">
        <v>45623</v>
      </c>
      <c r="F91132" s="14" t="s">
        <v>15</v>
      </c>
      <c r="G91132" s="16">
        <v>2.8228245256785356</v>
      </c>
    </row>
    <row r="91133" spans="1:7" x14ac:dyDescent="0.3">
      <c r="A91133" s="13" t="s">
        <v>454</v>
      </c>
      <c r="B91133" s="14" t="s">
        <v>1</v>
      </c>
      <c r="C91133" s="14" t="s">
        <v>70</v>
      </c>
      <c r="D91133" s="14" t="s">
        <v>455</v>
      </c>
      <c r="E91133" s="15">
        <v>45624</v>
      </c>
      <c r="F91133" s="14" t="s">
        <v>15</v>
      </c>
      <c r="G91133" s="16">
        <v>2.8342417397796877</v>
      </c>
    </row>
    <row r="91134" spans="1:7" x14ac:dyDescent="0.3">
      <c r="A91134" s="13" t="s">
        <v>454</v>
      </c>
      <c r="B91134" s="14" t="s">
        <v>1</v>
      </c>
      <c r="C91134" s="14" t="s">
        <v>70</v>
      </c>
      <c r="D91134" s="14" t="s">
        <v>455</v>
      </c>
      <c r="E91134" s="15">
        <v>45625</v>
      </c>
      <c r="F91134" s="14" t="s">
        <v>15</v>
      </c>
      <c r="G91134" s="16">
        <v>2.8408206988472826</v>
      </c>
    </row>
    <row r="91135" spans="1:7" x14ac:dyDescent="0.3">
      <c r="A91135" s="13" t="s">
        <v>454</v>
      </c>
      <c r="B91135" s="14" t="s">
        <v>1</v>
      </c>
      <c r="C91135" s="14" t="s">
        <v>70</v>
      </c>
      <c r="D91135" s="14" t="s">
        <v>455</v>
      </c>
      <c r="E91135" s="15">
        <v>45626</v>
      </c>
      <c r="F91135" s="14" t="s">
        <v>15</v>
      </c>
      <c r="G91135" s="16">
        <v>2.8408206988472826</v>
      </c>
    </row>
    <row r="91136" spans="1:7" x14ac:dyDescent="0.3">
      <c r="A91136" s="13" t="s">
        <v>454</v>
      </c>
      <c r="B91136" s="14" t="s">
        <v>1</v>
      </c>
      <c r="C91136" s="14" t="s">
        <v>70</v>
      </c>
      <c r="D91136" s="14" t="s">
        <v>455</v>
      </c>
      <c r="E91136" s="15">
        <v>45627</v>
      </c>
      <c r="F91136" s="14" t="s">
        <v>15</v>
      </c>
      <c r="G91136" s="16">
        <v>2.8408206988472826</v>
      </c>
    </row>
    <row r="91137" spans="1:7" x14ac:dyDescent="0.3">
      <c r="A91137" s="13" t="s">
        <v>454</v>
      </c>
      <c r="B91137" s="14" t="s">
        <v>1</v>
      </c>
      <c r="C91137" s="14" t="s">
        <v>70</v>
      </c>
      <c r="D91137" s="14" t="s">
        <v>455</v>
      </c>
      <c r="E91137" s="15">
        <v>45628</v>
      </c>
      <c r="F91137" s="14" t="s">
        <v>15</v>
      </c>
      <c r="G91137" s="16">
        <v>2.8557751612705817</v>
      </c>
    </row>
    <row r="91138" spans="1:7" x14ac:dyDescent="0.3">
      <c r="A91138" s="13" t="s">
        <v>454</v>
      </c>
      <c r="B91138" s="14" t="s">
        <v>1</v>
      </c>
      <c r="C91138" s="14" t="s">
        <v>70</v>
      </c>
      <c r="D91138" s="14" t="s">
        <v>455</v>
      </c>
      <c r="E91138" s="15">
        <v>45629</v>
      </c>
      <c r="F91138" s="14" t="s">
        <v>15</v>
      </c>
      <c r="G91138" s="16">
        <v>2.8825147747005921</v>
      </c>
    </row>
    <row r="91139" spans="1:7" x14ac:dyDescent="0.3">
      <c r="A91139" s="13" t="s">
        <v>454</v>
      </c>
      <c r="B91139" s="14" t="s">
        <v>1</v>
      </c>
      <c r="C91139" s="14" t="s">
        <v>70</v>
      </c>
      <c r="D91139" s="14" t="s">
        <v>455</v>
      </c>
      <c r="E91139" s="15">
        <v>45630</v>
      </c>
      <c r="F91139" s="14" t="s">
        <v>15</v>
      </c>
      <c r="G91139" s="16">
        <v>2.8920971733655025</v>
      </c>
    </row>
    <row r="91140" spans="1:7" x14ac:dyDescent="0.3">
      <c r="A91140" s="13" t="s">
        <v>454</v>
      </c>
      <c r="B91140" s="14" t="s">
        <v>1</v>
      </c>
      <c r="C91140" s="14" t="s">
        <v>70</v>
      </c>
      <c r="D91140" s="14" t="s">
        <v>455</v>
      </c>
      <c r="E91140" s="15">
        <v>45631</v>
      </c>
      <c r="F91140" s="14" t="s">
        <v>15</v>
      </c>
      <c r="G91140" s="16">
        <v>2.8998230284062516</v>
      </c>
    </row>
    <row r="91141" spans="1:7" x14ac:dyDescent="0.3">
      <c r="A91141" s="13" t="s">
        <v>454</v>
      </c>
      <c r="B91141" s="14" t="s">
        <v>1</v>
      </c>
      <c r="C91141" s="14" t="s">
        <v>70</v>
      </c>
      <c r="D91141" s="14" t="s">
        <v>455</v>
      </c>
      <c r="E91141" s="15">
        <v>45632</v>
      </c>
      <c r="F91141" s="14" t="s">
        <v>15</v>
      </c>
      <c r="G91141" s="16">
        <v>2.9109738834470007</v>
      </c>
    </row>
    <row r="91142" spans="1:7" x14ac:dyDescent="0.3">
      <c r="A91142" s="13" t="s">
        <v>454</v>
      </c>
      <c r="B91142" s="14" t="s">
        <v>1</v>
      </c>
      <c r="C91142" s="14" t="s">
        <v>70</v>
      </c>
      <c r="D91142" s="14" t="s">
        <v>455</v>
      </c>
      <c r="E91142" s="15">
        <v>45633</v>
      </c>
      <c r="F91142" s="14" t="s">
        <v>15</v>
      </c>
      <c r="G91142" s="16">
        <v>2.9109738834470007</v>
      </c>
    </row>
    <row r="91143" spans="1:7" x14ac:dyDescent="0.3">
      <c r="A91143" s="13" t="s">
        <v>454</v>
      </c>
      <c r="B91143" s="14" t="s">
        <v>1</v>
      </c>
      <c r="C91143" s="14" t="s">
        <v>70</v>
      </c>
      <c r="D91143" s="14" t="s">
        <v>455</v>
      </c>
      <c r="E91143" s="15">
        <v>45634</v>
      </c>
      <c r="F91143" s="14" t="s">
        <v>15</v>
      </c>
      <c r="G91143" s="16">
        <v>2.9109738834470007</v>
      </c>
    </row>
    <row r="91144" spans="1:7" x14ac:dyDescent="0.3">
      <c r="A91144" s="13" t="s">
        <v>454</v>
      </c>
      <c r="B91144" s="14" t="s">
        <v>1</v>
      </c>
      <c r="C91144" s="14" t="s">
        <v>70</v>
      </c>
      <c r="D91144" s="14" t="s">
        <v>455</v>
      </c>
      <c r="E91144" s="15">
        <v>45635</v>
      </c>
      <c r="F91144" s="14" t="s">
        <v>15</v>
      </c>
      <c r="G91144" s="16">
        <v>2.9174991512394275</v>
      </c>
    </row>
    <row r="91145" spans="1:7" x14ac:dyDescent="0.3">
      <c r="A91145" s="13" t="s">
        <v>454</v>
      </c>
      <c r="B91145" s="14" t="s">
        <v>1</v>
      </c>
      <c r="C91145" s="14" t="s">
        <v>70</v>
      </c>
      <c r="D91145" s="14" t="s">
        <v>455</v>
      </c>
      <c r="E91145" s="15">
        <v>45636</v>
      </c>
      <c r="F91145" s="14" t="s">
        <v>15</v>
      </c>
      <c r="G91145" s="16">
        <v>2.9427708116493045</v>
      </c>
    </row>
    <row r="91146" spans="1:7" x14ac:dyDescent="0.3">
      <c r="A91146" s="13" t="s">
        <v>454</v>
      </c>
      <c r="B91146" s="14" t="s">
        <v>1</v>
      </c>
      <c r="C91146" s="14" t="s">
        <v>70</v>
      </c>
      <c r="D91146" s="14" t="s">
        <v>455</v>
      </c>
      <c r="E91146" s="15">
        <v>45637</v>
      </c>
      <c r="F91146" s="14" t="s">
        <v>15</v>
      </c>
      <c r="G91146" s="16">
        <v>2.9507053915222685</v>
      </c>
    </row>
    <row r="91147" spans="1:7" x14ac:dyDescent="0.3">
      <c r="A91147" s="13" t="s">
        <v>454</v>
      </c>
      <c r="B91147" s="14" t="s">
        <v>1</v>
      </c>
      <c r="C91147" s="14" t="s">
        <v>70</v>
      </c>
      <c r="D91147" s="14" t="s">
        <v>455</v>
      </c>
      <c r="E91147" s="15">
        <v>45638</v>
      </c>
      <c r="F91147" s="14" t="s">
        <v>15</v>
      </c>
      <c r="G91147" s="16">
        <v>2.9584827566301315</v>
      </c>
    </row>
    <row r="91148" spans="1:7" x14ac:dyDescent="0.3">
      <c r="A91148" s="13" t="s">
        <v>454</v>
      </c>
      <c r="B91148" s="14" t="s">
        <v>1</v>
      </c>
      <c r="C91148" s="14" t="s">
        <v>70</v>
      </c>
      <c r="D91148" s="14" t="s">
        <v>455</v>
      </c>
      <c r="E91148" s="15">
        <v>45639</v>
      </c>
      <c r="F91148" s="14" t="s">
        <v>15</v>
      </c>
      <c r="G91148" s="16">
        <v>2.9672197693890014</v>
      </c>
    </row>
    <row r="91149" spans="1:7" x14ac:dyDescent="0.3">
      <c r="A91149" s="13" t="s">
        <v>454</v>
      </c>
      <c r="B91149" s="14" t="s">
        <v>1</v>
      </c>
      <c r="C91149" s="14" t="s">
        <v>70</v>
      </c>
      <c r="D91149" s="14" t="s">
        <v>455</v>
      </c>
      <c r="E91149" s="15">
        <v>45640</v>
      </c>
      <c r="F91149" s="14" t="s">
        <v>15</v>
      </c>
      <c r="G91149" s="16">
        <v>2.9672197693890014</v>
      </c>
    </row>
    <row r="91150" spans="1:7" x14ac:dyDescent="0.3">
      <c r="A91150" s="13" t="s">
        <v>454</v>
      </c>
      <c r="B91150" s="14" t="s">
        <v>1</v>
      </c>
      <c r="C91150" s="14" t="s">
        <v>70</v>
      </c>
      <c r="D91150" s="14" t="s">
        <v>455</v>
      </c>
      <c r="E91150" s="15">
        <v>45641</v>
      </c>
      <c r="F91150" s="14" t="s">
        <v>15</v>
      </c>
      <c r="G91150" s="16">
        <v>2.9672197693890014</v>
      </c>
    </row>
    <row r="91151" spans="1:7" x14ac:dyDescent="0.3">
      <c r="A91151" s="13" t="s">
        <v>454</v>
      </c>
      <c r="B91151" s="14" t="s">
        <v>1</v>
      </c>
      <c r="C91151" s="14" t="s">
        <v>70</v>
      </c>
      <c r="D91151" s="14" t="s">
        <v>455</v>
      </c>
      <c r="E91151" s="15">
        <v>45642</v>
      </c>
      <c r="F91151" s="14" t="s">
        <v>15</v>
      </c>
      <c r="G91151" s="16">
        <v>2.9778051881881398</v>
      </c>
    </row>
    <row r="91152" spans="1:7" x14ac:dyDescent="0.3">
      <c r="A91152" s="13" t="s">
        <v>454</v>
      </c>
      <c r="B91152" s="14" t="s">
        <v>1</v>
      </c>
      <c r="C91152" s="14" t="s">
        <v>70</v>
      </c>
      <c r="D91152" s="14" t="s">
        <v>455</v>
      </c>
      <c r="E91152" s="15">
        <v>45643</v>
      </c>
      <c r="F91152" s="14" t="s">
        <v>15</v>
      </c>
      <c r="G91152" s="16">
        <v>3.0026124190678156</v>
      </c>
    </row>
    <row r="91153" spans="1:7" x14ac:dyDescent="0.3">
      <c r="A91153" s="13" t="s">
        <v>454</v>
      </c>
      <c r="B91153" s="14" t="s">
        <v>1</v>
      </c>
      <c r="C91153" s="14" t="s">
        <v>70</v>
      </c>
      <c r="D91153" s="14" t="s">
        <v>455</v>
      </c>
      <c r="E91153" s="15">
        <v>45644</v>
      </c>
      <c r="F91153" s="14" t="s">
        <v>15</v>
      </c>
      <c r="G91153" s="16">
        <v>3.0091478378669536</v>
      </c>
    </row>
    <row r="91154" spans="1:7" x14ac:dyDescent="0.3">
      <c r="A91154" s="13" t="s">
        <v>454</v>
      </c>
      <c r="B91154" s="14" t="s">
        <v>1</v>
      </c>
      <c r="C91154" s="14" t="s">
        <v>70</v>
      </c>
      <c r="D91154" s="14" t="s">
        <v>455</v>
      </c>
      <c r="E91154" s="15">
        <v>45645</v>
      </c>
      <c r="F91154" s="14" t="s">
        <v>15</v>
      </c>
      <c r="G91154" s="16">
        <v>3.0158958405587097</v>
      </c>
    </row>
    <row r="91155" spans="1:7" x14ac:dyDescent="0.3">
      <c r="A91155" s="13" t="s">
        <v>454</v>
      </c>
      <c r="B91155" s="14" t="s">
        <v>1</v>
      </c>
      <c r="C91155" s="14" t="s">
        <v>70</v>
      </c>
      <c r="D91155" s="14" t="s">
        <v>455</v>
      </c>
      <c r="E91155" s="15">
        <v>45646</v>
      </c>
      <c r="F91155" s="14" t="s">
        <v>15</v>
      </c>
      <c r="G91155" s="16">
        <v>3.0258971150625458</v>
      </c>
    </row>
    <row r="91156" spans="1:7" x14ac:dyDescent="0.3">
      <c r="A91156" s="13" t="s">
        <v>454</v>
      </c>
      <c r="B91156" s="14" t="s">
        <v>1</v>
      </c>
      <c r="C91156" s="14" t="s">
        <v>70</v>
      </c>
      <c r="D91156" s="14" t="s">
        <v>455</v>
      </c>
      <c r="E91156" s="15">
        <v>45647</v>
      </c>
      <c r="F91156" s="14" t="s">
        <v>15</v>
      </c>
      <c r="G91156" s="16">
        <v>3.0258971150625458</v>
      </c>
    </row>
    <row r="91157" spans="1:7" x14ac:dyDescent="0.3">
      <c r="A91157" s="13" t="s">
        <v>454</v>
      </c>
      <c r="B91157" s="14" t="s">
        <v>1</v>
      </c>
      <c r="C91157" s="14" t="s">
        <v>70</v>
      </c>
      <c r="D91157" s="14" t="s">
        <v>455</v>
      </c>
      <c r="E91157" s="15">
        <v>45648</v>
      </c>
      <c r="F91157" s="14" t="s">
        <v>15</v>
      </c>
      <c r="G91157" s="16">
        <v>3.0258971150625458</v>
      </c>
    </row>
    <row r="91158" spans="1:7" x14ac:dyDescent="0.3">
      <c r="A91158" s="13" t="s">
        <v>454</v>
      </c>
      <c r="B91158" s="14" t="s">
        <v>1</v>
      </c>
      <c r="C91158" s="14" t="s">
        <v>70</v>
      </c>
      <c r="D91158" s="14" t="s">
        <v>455</v>
      </c>
      <c r="E91158" s="15">
        <v>45649</v>
      </c>
      <c r="F91158" s="14" t="s">
        <v>15</v>
      </c>
      <c r="G91158" s="16">
        <v>3.0325195305059802</v>
      </c>
    </row>
    <row r="91159" spans="1:7" x14ac:dyDescent="0.3">
      <c r="A91159" s="13" t="s">
        <v>454</v>
      </c>
      <c r="B91159" s="14" t="s">
        <v>1</v>
      </c>
      <c r="C91159" s="14" t="s">
        <v>70</v>
      </c>
      <c r="D91159" s="14" t="s">
        <v>455</v>
      </c>
      <c r="E91159" s="15">
        <v>45650</v>
      </c>
      <c r="F91159" s="14" t="s">
        <v>15</v>
      </c>
      <c r="G91159" s="16">
        <v>3.0542125835333063</v>
      </c>
    </row>
    <row r="91160" spans="1:7" x14ac:dyDescent="0.3">
      <c r="A91160" s="13" t="s">
        <v>454</v>
      </c>
      <c r="B91160" s="14" t="s">
        <v>1</v>
      </c>
      <c r="C91160" s="14" t="s">
        <v>70</v>
      </c>
      <c r="D91160" s="14" t="s">
        <v>455</v>
      </c>
      <c r="E91160" s="15">
        <v>45651</v>
      </c>
      <c r="F91160" s="14" t="s">
        <v>15</v>
      </c>
      <c r="G91160" s="16">
        <v>3.0542125835333063</v>
      </c>
    </row>
    <row r="91161" spans="1:7" x14ac:dyDescent="0.3">
      <c r="A91161" s="13" t="s">
        <v>454</v>
      </c>
      <c r="B91161" s="14" t="s">
        <v>1</v>
      </c>
      <c r="C91161" s="14" t="s">
        <v>70</v>
      </c>
      <c r="D91161" s="14" t="s">
        <v>455</v>
      </c>
      <c r="E91161" s="15">
        <v>45652</v>
      </c>
      <c r="F91161" s="14" t="s">
        <v>15</v>
      </c>
      <c r="G91161" s="16">
        <v>3.0542125835333063</v>
      </c>
    </row>
    <row r="91162" spans="1:7" x14ac:dyDescent="0.3">
      <c r="A91162" s="13" t="s">
        <v>454</v>
      </c>
      <c r="B91162" s="14" t="s">
        <v>1</v>
      </c>
      <c r="C91162" s="14" t="s">
        <v>70</v>
      </c>
      <c r="D91162" s="14" t="s">
        <v>455</v>
      </c>
      <c r="E91162" s="15">
        <v>45653</v>
      </c>
      <c r="F91162" s="14" t="s">
        <v>15</v>
      </c>
      <c r="G91162" s="16">
        <v>3.0542125835333063</v>
      </c>
    </row>
    <row r="91163" spans="1:7" x14ac:dyDescent="0.3">
      <c r="A91163" s="13" t="s">
        <v>454</v>
      </c>
      <c r="B91163" s="14" t="s">
        <v>1</v>
      </c>
      <c r="C91163" s="14" t="s">
        <v>70</v>
      </c>
      <c r="D91163" s="14" t="s">
        <v>455</v>
      </c>
      <c r="E91163" s="15">
        <v>45654</v>
      </c>
      <c r="F91163" s="14" t="s">
        <v>15</v>
      </c>
      <c r="G91163" s="16">
        <v>3.0542125835333063</v>
      </c>
    </row>
    <row r="91164" spans="1:7" x14ac:dyDescent="0.3">
      <c r="A91164" s="13" t="s">
        <v>454</v>
      </c>
      <c r="B91164" s="14" t="s">
        <v>1</v>
      </c>
      <c r="C91164" s="14" t="s">
        <v>70</v>
      </c>
      <c r="D91164" s="14" t="s">
        <v>455</v>
      </c>
      <c r="E91164" s="15">
        <v>45655</v>
      </c>
      <c r="F91164" s="14" t="s">
        <v>15</v>
      </c>
      <c r="G91164" s="16">
        <v>3.0542125835333063</v>
      </c>
    </row>
    <row r="91165" spans="1:7" x14ac:dyDescent="0.3">
      <c r="A91165" s="13" t="s">
        <v>454</v>
      </c>
      <c r="B91165" s="14" t="s">
        <v>1</v>
      </c>
      <c r="C91165" s="14" t="s">
        <v>70</v>
      </c>
      <c r="D91165" s="14" t="s">
        <v>455</v>
      </c>
      <c r="E91165" s="15">
        <v>45656</v>
      </c>
      <c r="F91165" s="14" t="s">
        <v>15</v>
      </c>
      <c r="G91165" s="16">
        <v>3.0609917942787535</v>
      </c>
    </row>
    <row r="91166" spans="1:7" x14ac:dyDescent="0.3">
      <c r="A91166" s="13" t="s">
        <v>454</v>
      </c>
      <c r="B91166" s="14" t="s">
        <v>1</v>
      </c>
      <c r="C91166" s="14" t="s">
        <v>70</v>
      </c>
      <c r="D91166" s="14" t="s">
        <v>455</v>
      </c>
      <c r="E91166" s="15">
        <v>45657</v>
      </c>
      <c r="F91166" s="14" t="s">
        <v>15</v>
      </c>
      <c r="G91166" s="16">
        <v>3.1020323305275563</v>
      </c>
    </row>
    <row r="91167" spans="1:7" x14ac:dyDescent="0.3">
      <c r="A91167" s="13" t="s">
        <v>454</v>
      </c>
      <c r="B91167" s="14" t="s">
        <v>1</v>
      </c>
      <c r="C91167" s="14" t="s">
        <v>70</v>
      </c>
      <c r="D91167" s="14" t="s">
        <v>455</v>
      </c>
      <c r="E91167" s="15">
        <v>45658</v>
      </c>
      <c r="F91167" s="14" t="s">
        <v>15</v>
      </c>
      <c r="G91167" s="16">
        <v>3.1020323305275563</v>
      </c>
    </row>
    <row r="91168" spans="1:7" x14ac:dyDescent="0.3">
      <c r="A91168" s="13" t="s">
        <v>454</v>
      </c>
      <c r="B91168" s="14" t="s">
        <v>1</v>
      </c>
      <c r="C91168" s="14" t="s">
        <v>70</v>
      </c>
      <c r="D91168" s="14" t="s">
        <v>455</v>
      </c>
      <c r="E91168" s="15">
        <v>45659</v>
      </c>
      <c r="F91168" s="14" t="s">
        <v>15</v>
      </c>
      <c r="G91168" s="16">
        <v>3.1020323305275563</v>
      </c>
    </row>
    <row r="91169" spans="1:7" x14ac:dyDescent="0.3">
      <c r="A91169" s="13" t="s">
        <v>454</v>
      </c>
      <c r="B91169" s="14" t="s">
        <v>1</v>
      </c>
      <c r="C91169" s="14" t="s">
        <v>70</v>
      </c>
      <c r="D91169" s="14" t="s">
        <v>455</v>
      </c>
      <c r="E91169" s="15">
        <v>45660</v>
      </c>
      <c r="F91169" s="14" t="s">
        <v>15</v>
      </c>
      <c r="G91169" s="16">
        <v>3.1161721956354196</v>
      </c>
    </row>
    <row r="91170" spans="1:7" x14ac:dyDescent="0.3">
      <c r="A91170" s="13" t="s">
        <v>454</v>
      </c>
      <c r="B91170" s="14" t="s">
        <v>1</v>
      </c>
      <c r="C91170" s="14" t="s">
        <v>70</v>
      </c>
      <c r="D91170" s="14" t="s">
        <v>455</v>
      </c>
      <c r="E91170" s="15">
        <v>45661</v>
      </c>
      <c r="F91170" s="14" t="s">
        <v>15</v>
      </c>
      <c r="G91170" s="16">
        <v>3.1161721956354196</v>
      </c>
    </row>
    <row r="91171" spans="1:7" x14ac:dyDescent="0.3">
      <c r="A91171" s="13" t="s">
        <v>454</v>
      </c>
      <c r="B91171" s="14" t="s">
        <v>1</v>
      </c>
      <c r="C91171" s="14" t="s">
        <v>70</v>
      </c>
      <c r="D91171" s="14" t="s">
        <v>455</v>
      </c>
      <c r="E91171" s="15">
        <v>45662</v>
      </c>
      <c r="F91171" s="14" t="s">
        <v>15</v>
      </c>
      <c r="G91171" s="16">
        <v>3.1161721956354196</v>
      </c>
    </row>
    <row r="91172" spans="1:7" x14ac:dyDescent="0.3">
      <c r="A91172" s="13" t="s">
        <v>454</v>
      </c>
      <c r="B91172" s="14" t="s">
        <v>1</v>
      </c>
      <c r="C91172" s="14" t="s">
        <v>70</v>
      </c>
      <c r="D91172" s="14" t="s">
        <v>455</v>
      </c>
      <c r="E91172" s="15">
        <v>45663</v>
      </c>
      <c r="F91172" s="14" t="s">
        <v>15</v>
      </c>
      <c r="G91172" s="16">
        <v>3.1531941077231491</v>
      </c>
    </row>
    <row r="91173" spans="1:7" x14ac:dyDescent="0.3">
      <c r="A91173" s="13" t="s">
        <v>454</v>
      </c>
      <c r="B91173" s="14" t="s">
        <v>1</v>
      </c>
      <c r="C91173" s="14" t="s">
        <v>70</v>
      </c>
      <c r="D91173" s="14" t="s">
        <v>455</v>
      </c>
      <c r="E91173" s="15">
        <v>45664</v>
      </c>
      <c r="F91173" s="14" t="s">
        <v>15</v>
      </c>
      <c r="G91173" s="16">
        <v>3.1815323788712804</v>
      </c>
    </row>
    <row r="91174" spans="1:7" x14ac:dyDescent="0.3">
      <c r="A91174" s="13" t="s">
        <v>454</v>
      </c>
      <c r="B91174" s="14" t="s">
        <v>1</v>
      </c>
      <c r="C91174" s="14" t="s">
        <v>70</v>
      </c>
      <c r="D91174" s="14" t="s">
        <v>455</v>
      </c>
      <c r="E91174" s="15">
        <v>45665</v>
      </c>
      <c r="F91174" s="14" t="s">
        <v>15</v>
      </c>
      <c r="G91174" s="16">
        <v>3.1882813043818286</v>
      </c>
    </row>
    <row r="91175" spans="1:7" x14ac:dyDescent="0.3">
      <c r="A91175" s="13" t="s">
        <v>454</v>
      </c>
      <c r="B91175" s="14" t="s">
        <v>1</v>
      </c>
      <c r="C91175" s="14" t="s">
        <v>70</v>
      </c>
      <c r="D91175" s="14" t="s">
        <v>455</v>
      </c>
      <c r="E91175" s="15">
        <v>45666</v>
      </c>
      <c r="F91175" s="14" t="s">
        <v>15</v>
      </c>
      <c r="G91175" s="16">
        <v>3.2045257835836516</v>
      </c>
    </row>
    <row r="91176" spans="1:7" x14ac:dyDescent="0.3">
      <c r="A91176" s="13" t="s">
        <v>454</v>
      </c>
      <c r="B91176" s="14" t="s">
        <v>1</v>
      </c>
      <c r="C91176" s="14" t="s">
        <v>70</v>
      </c>
      <c r="D91176" s="14" t="s">
        <v>455</v>
      </c>
      <c r="E91176" s="15">
        <v>45667</v>
      </c>
      <c r="F91176" s="14" t="s">
        <v>15</v>
      </c>
      <c r="G91176" s="16">
        <v>3.2112893903022535</v>
      </c>
    </row>
    <row r="91177" spans="1:7" x14ac:dyDescent="0.3">
      <c r="A91177" s="13" t="s">
        <v>454</v>
      </c>
      <c r="B91177" s="14" t="s">
        <v>1</v>
      </c>
      <c r="C91177" s="14" t="s">
        <v>70</v>
      </c>
      <c r="D91177" s="14" t="s">
        <v>455</v>
      </c>
      <c r="E91177" s="15">
        <v>45668</v>
      </c>
      <c r="F91177" s="14" t="s">
        <v>15</v>
      </c>
      <c r="G91177" s="16">
        <v>3.2112893903022535</v>
      </c>
    </row>
    <row r="91178" spans="1:7" x14ac:dyDescent="0.3">
      <c r="A91178" s="13" t="s">
        <v>454</v>
      </c>
      <c r="B91178" s="14" t="s">
        <v>1</v>
      </c>
      <c r="C91178" s="14" t="s">
        <v>70</v>
      </c>
      <c r="D91178" s="14" t="s">
        <v>455</v>
      </c>
      <c r="E91178" s="15">
        <v>45669</v>
      </c>
      <c r="F91178" s="14" t="s">
        <v>15</v>
      </c>
      <c r="G91178" s="16">
        <v>3.2112893903022535</v>
      </c>
    </row>
    <row r="91179" spans="1:7" x14ac:dyDescent="0.3">
      <c r="A91179" s="13" t="s">
        <v>454</v>
      </c>
      <c r="B91179" s="14" t="s">
        <v>1</v>
      </c>
      <c r="C91179" s="14" t="s">
        <v>70</v>
      </c>
      <c r="D91179" s="14" t="s">
        <v>455</v>
      </c>
      <c r="E91179" s="15">
        <v>45670</v>
      </c>
      <c r="F91179" s="14" t="s">
        <v>15</v>
      </c>
      <c r="G91179" s="16">
        <v>3.2337616379604524</v>
      </c>
    </row>
    <row r="91180" spans="1:7" x14ac:dyDescent="0.3">
      <c r="A91180" s="13" t="s">
        <v>454</v>
      </c>
      <c r="B91180" s="14" t="s">
        <v>1</v>
      </c>
      <c r="C91180" s="14" t="s">
        <v>70</v>
      </c>
      <c r="D91180" s="14" t="s">
        <v>455</v>
      </c>
      <c r="E91180" s="15">
        <v>45671</v>
      </c>
      <c r="F91180" s="14" t="s">
        <v>15</v>
      </c>
      <c r="G91180" s="16">
        <v>3.254273818504557</v>
      </c>
    </row>
    <row r="91181" spans="1:7" x14ac:dyDescent="0.3">
      <c r="A91181" s="13" t="s">
        <v>454</v>
      </c>
      <c r="B91181" s="14" t="s">
        <v>1</v>
      </c>
      <c r="C91181" s="14" t="s">
        <v>70</v>
      </c>
      <c r="D91181" s="14" t="s">
        <v>455</v>
      </c>
      <c r="E91181" s="15">
        <v>45672</v>
      </c>
      <c r="F91181" s="14" t="s">
        <v>15</v>
      </c>
      <c r="G91181" s="16">
        <v>3.2611073916661115</v>
      </c>
    </row>
    <row r="91182" spans="1:7" x14ac:dyDescent="0.3">
      <c r="A91182" s="13" t="s">
        <v>454</v>
      </c>
      <c r="B91182" s="14" t="s">
        <v>1</v>
      </c>
      <c r="C91182" s="14" t="s">
        <v>70</v>
      </c>
      <c r="D91182" s="14" t="s">
        <v>455</v>
      </c>
      <c r="E91182" s="15">
        <v>45673</v>
      </c>
      <c r="F91182" s="14" t="s">
        <v>15</v>
      </c>
      <c r="G91182" s="16">
        <v>3.2720799748947798</v>
      </c>
    </row>
    <row r="91183" spans="1:7" x14ac:dyDescent="0.3">
      <c r="A91183" s="13" t="s">
        <v>454</v>
      </c>
      <c r="B91183" s="14" t="s">
        <v>1</v>
      </c>
      <c r="C91183" s="14" t="s">
        <v>70</v>
      </c>
      <c r="D91183" s="14" t="s">
        <v>455</v>
      </c>
      <c r="E91183" s="15">
        <v>45674</v>
      </c>
      <c r="F91183" s="14" t="s">
        <v>15</v>
      </c>
      <c r="G91183" s="16">
        <v>3.2784947561100264</v>
      </c>
    </row>
    <row r="91184" spans="1:7" x14ac:dyDescent="0.3">
      <c r="A91184" s="13" t="s">
        <v>454</v>
      </c>
      <c r="B91184" s="14" t="s">
        <v>1</v>
      </c>
      <c r="C91184" s="14" t="s">
        <v>70</v>
      </c>
      <c r="D91184" s="14" t="s">
        <v>455</v>
      </c>
      <c r="E91184" s="15">
        <v>45675</v>
      </c>
      <c r="F91184" s="14" t="s">
        <v>15</v>
      </c>
      <c r="G91184" s="16">
        <v>3.2784947561100264</v>
      </c>
    </row>
    <row r="91185" spans="1:7" x14ac:dyDescent="0.3">
      <c r="A91185" s="13" t="s">
        <v>454</v>
      </c>
      <c r="B91185" s="14" t="s">
        <v>1</v>
      </c>
      <c r="C91185" s="14" t="s">
        <v>70</v>
      </c>
      <c r="D91185" s="14" t="s">
        <v>455</v>
      </c>
      <c r="E91185" s="15">
        <v>45676</v>
      </c>
      <c r="F91185" s="14" t="s">
        <v>15</v>
      </c>
      <c r="G91185" s="16">
        <v>3.2784947561100264</v>
      </c>
    </row>
    <row r="91186" spans="1:7" x14ac:dyDescent="0.3">
      <c r="A91186" s="13" t="s">
        <v>454</v>
      </c>
      <c r="B91186" s="14" t="s">
        <v>1</v>
      </c>
      <c r="C91186" s="14" t="s">
        <v>70</v>
      </c>
      <c r="D91186" s="14" t="s">
        <v>455</v>
      </c>
      <c r="E91186" s="15">
        <v>45677</v>
      </c>
      <c r="F91186" s="14" t="s">
        <v>15</v>
      </c>
      <c r="G91186" s="16">
        <v>3.2906646547749361</v>
      </c>
    </row>
    <row r="91187" spans="1:7" x14ac:dyDescent="0.3">
      <c r="A91187" s="13" t="s">
        <v>454</v>
      </c>
      <c r="B91187" s="14" t="s">
        <v>1</v>
      </c>
      <c r="C91187" s="14" t="s">
        <v>70</v>
      </c>
      <c r="D91187" s="14" t="s">
        <v>455</v>
      </c>
      <c r="E91187" s="15">
        <v>45678</v>
      </c>
      <c r="F91187" s="14" t="s">
        <v>15</v>
      </c>
      <c r="G91187" s="16">
        <v>3.3300025064599805</v>
      </c>
    </row>
    <row r="91188" spans="1:7" x14ac:dyDescent="0.3">
      <c r="A91188" s="13" t="s">
        <v>454</v>
      </c>
      <c r="B91188" s="14" t="s">
        <v>1</v>
      </c>
      <c r="C91188" s="14" t="s">
        <v>70</v>
      </c>
      <c r="D91188" s="14" t="s">
        <v>455</v>
      </c>
      <c r="E91188" s="15">
        <v>45679</v>
      </c>
      <c r="F91188" s="14" t="s">
        <v>15</v>
      </c>
      <c r="G91188" s="16">
        <v>3.336735995728918</v>
      </c>
    </row>
    <row r="91189" spans="1:7" x14ac:dyDescent="0.3">
      <c r="A91189" s="13" t="s">
        <v>454</v>
      </c>
      <c r="B91189" s="14" t="s">
        <v>1</v>
      </c>
      <c r="C91189" s="14" t="s">
        <v>70</v>
      </c>
      <c r="D91189" s="14" t="s">
        <v>455</v>
      </c>
      <c r="E91189" s="15">
        <v>45680</v>
      </c>
      <c r="F91189" s="14" t="s">
        <v>15</v>
      </c>
      <c r="G91189" s="16">
        <v>3.3433984279508748</v>
      </c>
    </row>
    <row r="91190" spans="1:7" x14ac:dyDescent="0.3">
      <c r="A91190" s="13" t="s">
        <v>454</v>
      </c>
      <c r="B91190" s="14" t="s">
        <v>1</v>
      </c>
      <c r="C91190" s="14" t="s">
        <v>70</v>
      </c>
      <c r="D91190" s="14" t="s">
        <v>455</v>
      </c>
      <c r="E91190" s="15">
        <v>45681</v>
      </c>
      <c r="F91190" s="14" t="s">
        <v>15</v>
      </c>
      <c r="G91190" s="16">
        <v>3.3498179910453154</v>
      </c>
    </row>
    <row r="91191" spans="1:7" x14ac:dyDescent="0.3">
      <c r="A91191" s="13" t="s">
        <v>454</v>
      </c>
      <c r="B91191" s="14" t="s">
        <v>1</v>
      </c>
      <c r="C91191" s="14" t="s">
        <v>70</v>
      </c>
      <c r="D91191" s="14" t="s">
        <v>455</v>
      </c>
      <c r="E91191" s="15">
        <v>45682</v>
      </c>
      <c r="F91191" s="14" t="s">
        <v>15</v>
      </c>
      <c r="G91191" s="16">
        <v>3.3498179910453154</v>
      </c>
    </row>
    <row r="91192" spans="1:7" x14ac:dyDescent="0.3">
      <c r="A91192" s="13" t="s">
        <v>454</v>
      </c>
      <c r="B91192" s="14" t="s">
        <v>1</v>
      </c>
      <c r="C91192" s="14" t="s">
        <v>70</v>
      </c>
      <c r="D91192" s="14" t="s">
        <v>455</v>
      </c>
      <c r="E91192" s="15">
        <v>45683</v>
      </c>
      <c r="F91192" s="14" t="s">
        <v>15</v>
      </c>
      <c r="G91192" s="16">
        <v>3.3498179910453154</v>
      </c>
    </row>
    <row r="91193" spans="1:7" x14ac:dyDescent="0.3">
      <c r="A91193" s="13" t="s">
        <v>454</v>
      </c>
      <c r="B91193" s="14" t="s">
        <v>1</v>
      </c>
      <c r="C91193" s="14" t="s">
        <v>70</v>
      </c>
      <c r="D91193" s="14" t="s">
        <v>455</v>
      </c>
      <c r="E91193" s="15">
        <v>45684</v>
      </c>
      <c r="F91193" s="14" t="s">
        <v>15</v>
      </c>
      <c r="G91193" s="16">
        <v>3.3636138125290178</v>
      </c>
    </row>
    <row r="91194" spans="1:7" x14ac:dyDescent="0.3">
      <c r="A91194" s="13" t="s">
        <v>454</v>
      </c>
      <c r="B91194" s="14" t="s">
        <v>1</v>
      </c>
      <c r="C91194" s="14" t="s">
        <v>70</v>
      </c>
      <c r="D91194" s="14" t="s">
        <v>455</v>
      </c>
      <c r="E91194" s="15">
        <v>45685</v>
      </c>
      <c r="F91194" s="14" t="s">
        <v>15</v>
      </c>
      <c r="G91194" s="16">
        <v>3.3810078722677539</v>
      </c>
    </row>
    <row r="91195" spans="1:7" x14ac:dyDescent="0.3">
      <c r="A91195" s="13" t="s">
        <v>454</v>
      </c>
      <c r="B91195" s="14" t="s">
        <v>1</v>
      </c>
      <c r="C91195" s="14" t="s">
        <v>70</v>
      </c>
      <c r="D91195" s="14" t="s">
        <v>455</v>
      </c>
      <c r="E91195" s="15">
        <v>45686</v>
      </c>
      <c r="F91195" s="14" t="s">
        <v>15</v>
      </c>
      <c r="G91195" s="16">
        <v>3.3879284420736036</v>
      </c>
    </row>
    <row r="91196" spans="1:7" x14ac:dyDescent="0.3">
      <c r="A91196" s="13" t="s">
        <v>454</v>
      </c>
      <c r="B91196" s="14" t="s">
        <v>1</v>
      </c>
      <c r="C91196" s="14" t="s">
        <v>70</v>
      </c>
      <c r="D91196" s="14" t="s">
        <v>455</v>
      </c>
      <c r="E91196" s="15">
        <v>45687</v>
      </c>
      <c r="F91196" s="14" t="s">
        <v>15</v>
      </c>
      <c r="G91196" s="16">
        <v>3.395882904496903</v>
      </c>
    </row>
    <row r="91197" spans="1:7" x14ac:dyDescent="0.3">
      <c r="A91197" s="13" t="s">
        <v>454</v>
      </c>
      <c r="B91197" s="14" t="s">
        <v>1</v>
      </c>
      <c r="C91197" s="14" t="s">
        <v>70</v>
      </c>
      <c r="D91197" s="14" t="s">
        <v>455</v>
      </c>
      <c r="E91197" s="15">
        <v>45688</v>
      </c>
      <c r="F91197" s="14" t="s">
        <v>15</v>
      </c>
      <c r="G91197" s="16">
        <v>3.4028188266517465</v>
      </c>
    </row>
    <row r="91198" spans="1:7" x14ac:dyDescent="0.3">
      <c r="A91198" s="13" t="s">
        <v>454</v>
      </c>
      <c r="B91198" s="14" t="s">
        <v>1</v>
      </c>
      <c r="C91198" s="14" t="s">
        <v>70</v>
      </c>
      <c r="D91198" s="14" t="s">
        <v>455</v>
      </c>
      <c r="E91198" s="15">
        <v>45689</v>
      </c>
      <c r="F91198" s="14" t="s">
        <v>15</v>
      </c>
      <c r="G91198" s="16">
        <v>3.4028188266517465</v>
      </c>
    </row>
    <row r="91199" spans="1:7" x14ac:dyDescent="0.3">
      <c r="A91199" s="13" t="s">
        <v>454</v>
      </c>
      <c r="B91199" s="14" t="s">
        <v>1</v>
      </c>
      <c r="C91199" s="14" t="s">
        <v>70</v>
      </c>
      <c r="D91199" s="14" t="s">
        <v>455</v>
      </c>
      <c r="E91199" s="15">
        <v>45690</v>
      </c>
      <c r="F91199" s="14" t="s">
        <v>15</v>
      </c>
      <c r="G91199" s="16">
        <v>3.4028188266517465</v>
      </c>
    </row>
    <row r="91200" spans="1:7" x14ac:dyDescent="0.3">
      <c r="A91200" s="13" t="s">
        <v>454</v>
      </c>
      <c r="B91200" s="14" t="s">
        <v>1</v>
      </c>
      <c r="C91200" s="14" t="s">
        <v>70</v>
      </c>
      <c r="D91200" s="14" t="s">
        <v>455</v>
      </c>
      <c r="E91200" s="15">
        <v>45691</v>
      </c>
      <c r="F91200" s="14" t="s">
        <v>15</v>
      </c>
      <c r="G91200" s="16">
        <v>3.4028188266517465</v>
      </c>
    </row>
    <row r="91201" spans="1:7" x14ac:dyDescent="0.3">
      <c r="A91201" s="13" t="s">
        <v>454</v>
      </c>
      <c r="B91201" s="14" t="s">
        <v>1</v>
      </c>
      <c r="C91201" s="14" t="s">
        <v>70</v>
      </c>
      <c r="D91201" s="14" t="s">
        <v>455</v>
      </c>
      <c r="E91201" s="15">
        <v>45692</v>
      </c>
      <c r="F91201" s="14" t="s">
        <v>15</v>
      </c>
      <c r="G91201" s="16">
        <v>3.411713054175717</v>
      </c>
    </row>
    <row r="91202" spans="1:7" x14ac:dyDescent="0.3">
      <c r="A91202" s="13" t="s">
        <v>454</v>
      </c>
      <c r="B91202" s="14" t="s">
        <v>1</v>
      </c>
      <c r="C91202" s="14" t="s">
        <v>70</v>
      </c>
      <c r="D91202" s="14" t="s">
        <v>455</v>
      </c>
      <c r="E91202" s="15">
        <v>45693</v>
      </c>
      <c r="F91202" s="14" t="s">
        <v>15</v>
      </c>
      <c r="G91202" s="16">
        <v>3.4339109729748549</v>
      </c>
    </row>
    <row r="91203" spans="1:7" x14ac:dyDescent="0.3">
      <c r="A91203" s="13" t="s">
        <v>454</v>
      </c>
      <c r="B91203" s="14" t="s">
        <v>1</v>
      </c>
      <c r="C91203" s="14" t="s">
        <v>70</v>
      </c>
      <c r="D91203" s="14" t="s">
        <v>455</v>
      </c>
      <c r="E91203" s="15">
        <v>45694</v>
      </c>
      <c r="F91203" s="14" t="s">
        <v>15</v>
      </c>
      <c r="G91203" s="16">
        <v>3.4407955528478196</v>
      </c>
    </row>
    <row r="91204" spans="1:7" x14ac:dyDescent="0.3">
      <c r="A91204" s="13" t="s">
        <v>454</v>
      </c>
      <c r="B91204" s="14" t="s">
        <v>1</v>
      </c>
      <c r="C91204" s="14" t="s">
        <v>70</v>
      </c>
      <c r="D91204" s="14" t="s">
        <v>455</v>
      </c>
      <c r="E91204" s="15">
        <v>45695</v>
      </c>
      <c r="F91204" s="14" t="s">
        <v>15</v>
      </c>
      <c r="G91204" s="16">
        <v>3.4500098307073608</v>
      </c>
    </row>
    <row r="91205" spans="1:7" x14ac:dyDescent="0.3">
      <c r="A91205" s="13" t="s">
        <v>454</v>
      </c>
      <c r="B91205" s="14" t="s">
        <v>1</v>
      </c>
      <c r="C91205" s="14" t="s">
        <v>70</v>
      </c>
      <c r="D91205" s="14" t="s">
        <v>455</v>
      </c>
      <c r="E91205" s="15">
        <v>45696</v>
      </c>
      <c r="F91205" s="14" t="s">
        <v>15</v>
      </c>
      <c r="G91205" s="16">
        <v>3.4500098307073608</v>
      </c>
    </row>
    <row r="91206" spans="1:7" x14ac:dyDescent="0.3">
      <c r="A91206" s="13" t="s">
        <v>454</v>
      </c>
      <c r="B91206" s="14" t="s">
        <v>1</v>
      </c>
      <c r="C91206" s="14" t="s">
        <v>70</v>
      </c>
      <c r="D91206" s="14" t="s">
        <v>455</v>
      </c>
      <c r="E91206" s="15">
        <v>45697</v>
      </c>
      <c r="F91206" s="14" t="s">
        <v>15</v>
      </c>
      <c r="G91206" s="16">
        <v>3.4500098307073608</v>
      </c>
    </row>
    <row r="91207" spans="1:7" x14ac:dyDescent="0.3">
      <c r="A91207" s="13" t="s">
        <v>454</v>
      </c>
      <c r="B91207" s="14" t="s">
        <v>1</v>
      </c>
      <c r="C91207" s="14" t="s">
        <v>70</v>
      </c>
      <c r="D91207" s="14" t="s">
        <v>455</v>
      </c>
      <c r="E91207" s="15">
        <v>45698</v>
      </c>
      <c r="F91207" s="14" t="s">
        <v>15</v>
      </c>
      <c r="G91207" s="16">
        <v>3.4568911387682437</v>
      </c>
    </row>
    <row r="91208" spans="1:7" x14ac:dyDescent="0.3">
      <c r="A91208" s="13" t="s">
        <v>454</v>
      </c>
      <c r="B91208" s="14" t="s">
        <v>1</v>
      </c>
      <c r="C91208" s="14" t="s">
        <v>70</v>
      </c>
      <c r="D91208" s="14" t="s">
        <v>455</v>
      </c>
      <c r="E91208" s="15">
        <v>45699</v>
      </c>
      <c r="F91208" s="14" t="s">
        <v>15</v>
      </c>
      <c r="G91208" s="16">
        <v>3.4780919099163756</v>
      </c>
    </row>
    <row r="91209" spans="1:7" x14ac:dyDescent="0.3">
      <c r="A91209" s="13" t="s">
        <v>454</v>
      </c>
      <c r="B91209" s="14" t="s">
        <v>1</v>
      </c>
      <c r="C91209" s="14" t="s">
        <v>70</v>
      </c>
      <c r="D91209" s="14" t="s">
        <v>455</v>
      </c>
      <c r="E91209" s="15">
        <v>45700</v>
      </c>
      <c r="F91209" s="14" t="s">
        <v>15</v>
      </c>
      <c r="G91209" s="16">
        <v>3.484947127373232</v>
      </c>
    </row>
    <row r="91210" spans="1:7" x14ac:dyDescent="0.3">
      <c r="A91210" s="13" t="s">
        <v>454</v>
      </c>
      <c r="B91210" s="14" t="s">
        <v>1</v>
      </c>
      <c r="C91210" s="14" t="s">
        <v>70</v>
      </c>
      <c r="D91210" s="14" t="s">
        <v>455</v>
      </c>
      <c r="E91210" s="15">
        <v>45701</v>
      </c>
      <c r="F91210" s="14" t="s">
        <v>15</v>
      </c>
      <c r="G91210" s="16">
        <v>3.4991136703334447</v>
      </c>
    </row>
    <row r="91211" spans="1:7" x14ac:dyDescent="0.3">
      <c r="A91211" s="13" t="s">
        <v>454</v>
      </c>
      <c r="B91211" s="14" t="s">
        <v>1</v>
      </c>
      <c r="C91211" s="14" t="s">
        <v>70</v>
      </c>
      <c r="D91211" s="14" t="s">
        <v>455</v>
      </c>
      <c r="E91211" s="15">
        <v>45702</v>
      </c>
      <c r="F91211" s="14" t="s">
        <v>15</v>
      </c>
      <c r="G91211" s="16">
        <v>3.5168099112802338</v>
      </c>
    </row>
    <row r="91212" spans="1:7" x14ac:dyDescent="0.3">
      <c r="A91212" s="13" t="s">
        <v>454</v>
      </c>
      <c r="B91212" s="14" t="s">
        <v>1</v>
      </c>
      <c r="C91212" s="14" t="s">
        <v>70</v>
      </c>
      <c r="D91212" s="14" t="s">
        <v>455</v>
      </c>
      <c r="E91212" s="15">
        <v>45703</v>
      </c>
      <c r="F91212" s="14" t="s">
        <v>15</v>
      </c>
      <c r="G91212" s="16">
        <v>3.5168099112802338</v>
      </c>
    </row>
    <row r="91213" spans="1:7" x14ac:dyDescent="0.3">
      <c r="A91213" s="13" t="s">
        <v>454</v>
      </c>
      <c r="B91213" s="14" t="s">
        <v>1</v>
      </c>
      <c r="C91213" s="14" t="s">
        <v>70</v>
      </c>
      <c r="D91213" s="14" t="s">
        <v>455</v>
      </c>
      <c r="E91213" s="15">
        <v>45704</v>
      </c>
      <c r="F91213" s="14" t="s">
        <v>15</v>
      </c>
      <c r="G91213" s="16">
        <v>3.5168099112802338</v>
      </c>
    </row>
    <row r="91214" spans="1:7" x14ac:dyDescent="0.3">
      <c r="A91214" s="13" t="s">
        <v>454</v>
      </c>
      <c r="B91214" s="14" t="s">
        <v>1</v>
      </c>
      <c r="C91214" s="14" t="s">
        <v>70</v>
      </c>
      <c r="D91214" s="14" t="s">
        <v>455</v>
      </c>
      <c r="E91214" s="15">
        <v>45705</v>
      </c>
      <c r="F91214" s="14" t="s">
        <v>15</v>
      </c>
      <c r="G91214" s="16">
        <v>3.5691220918243389</v>
      </c>
    </row>
    <row r="91215" spans="1:7" x14ac:dyDescent="0.3">
      <c r="A91215" s="13" t="s">
        <v>454</v>
      </c>
      <c r="B91215" s="14" t="s">
        <v>1</v>
      </c>
      <c r="C91215" s="14" t="s">
        <v>70</v>
      </c>
      <c r="D91215" s="14" t="s">
        <v>455</v>
      </c>
      <c r="E91215" s="15">
        <v>45706</v>
      </c>
      <c r="F91215" s="14" t="s">
        <v>15</v>
      </c>
      <c r="G91215" s="16">
        <v>3.5895085173348864</v>
      </c>
    </row>
    <row r="91216" spans="1:7" x14ac:dyDescent="0.3">
      <c r="A91216" s="13" t="s">
        <v>454</v>
      </c>
      <c r="B91216" s="14" t="s">
        <v>1</v>
      </c>
      <c r="C91216" s="14" t="s">
        <v>70</v>
      </c>
      <c r="D91216" s="14" t="s">
        <v>455</v>
      </c>
      <c r="E91216" s="15">
        <v>45707</v>
      </c>
      <c r="F91216" s="14" t="s">
        <v>15</v>
      </c>
      <c r="G91216" s="16">
        <v>3.6098765703622124</v>
      </c>
    </row>
    <row r="91217" spans="1:7" x14ac:dyDescent="0.3">
      <c r="A91217" s="13" t="s">
        <v>454</v>
      </c>
      <c r="B91217" s="14" t="s">
        <v>1</v>
      </c>
      <c r="C91217" s="14" t="s">
        <v>70</v>
      </c>
      <c r="D91217" s="14" t="s">
        <v>455</v>
      </c>
      <c r="E91217" s="15">
        <v>45708</v>
      </c>
      <c r="F91217" s="14" t="s">
        <v>15</v>
      </c>
      <c r="G91217" s="16">
        <v>3.6163746569465856</v>
      </c>
    </row>
    <row r="91218" spans="1:7" x14ac:dyDescent="0.3">
      <c r="A91218" s="13" t="s">
        <v>454</v>
      </c>
      <c r="B91218" s="14" t="s">
        <v>1</v>
      </c>
      <c r="C91218" s="14" t="s">
        <v>70</v>
      </c>
      <c r="D91218" s="14" t="s">
        <v>455</v>
      </c>
      <c r="E91218" s="15">
        <v>45709</v>
      </c>
      <c r="F91218" s="14" t="s">
        <v>15</v>
      </c>
      <c r="G91218" s="16">
        <v>3.623699085812838</v>
      </c>
    </row>
    <row r="91219" spans="1:7" x14ac:dyDescent="0.3">
      <c r="A91219" s="13" t="s">
        <v>454</v>
      </c>
      <c r="B91219" s="14" t="s">
        <v>1</v>
      </c>
      <c r="C91219" s="14" t="s">
        <v>70</v>
      </c>
      <c r="D91219" s="14" t="s">
        <v>455</v>
      </c>
      <c r="E91219" s="15">
        <v>45710</v>
      </c>
      <c r="F91219" s="14" t="s">
        <v>15</v>
      </c>
      <c r="G91219" s="16">
        <v>3.623699085812838</v>
      </c>
    </row>
    <row r="91220" spans="1:7" x14ac:dyDescent="0.3">
      <c r="A91220" s="13" t="s">
        <v>454</v>
      </c>
      <c r="B91220" s="14" t="s">
        <v>1</v>
      </c>
      <c r="C91220" s="14" t="s">
        <v>70</v>
      </c>
      <c r="D91220" s="14" t="s">
        <v>455</v>
      </c>
      <c r="E91220" s="15">
        <v>45711</v>
      </c>
      <c r="F91220" s="14" t="s">
        <v>15</v>
      </c>
      <c r="G91220" s="16">
        <v>3.623699085812838</v>
      </c>
    </row>
    <row r="91221" spans="1:7" x14ac:dyDescent="0.3">
      <c r="A91221" s="13" t="s">
        <v>454</v>
      </c>
      <c r="B91221" s="14" t="s">
        <v>1</v>
      </c>
      <c r="C91221" s="14" t="s">
        <v>70</v>
      </c>
      <c r="D91221" s="14" t="s">
        <v>455</v>
      </c>
      <c r="E91221" s="15">
        <v>45712</v>
      </c>
      <c r="F91221" s="14" t="s">
        <v>15</v>
      </c>
      <c r="G91221" s="16">
        <v>3.6304632797797627</v>
      </c>
    </row>
    <row r="91222" spans="1:7" x14ac:dyDescent="0.3">
      <c r="A91222" s="13" t="s">
        <v>454</v>
      </c>
      <c r="B91222" s="14" t="s">
        <v>1</v>
      </c>
      <c r="C91222" s="14" t="s">
        <v>70</v>
      </c>
      <c r="D91222" s="14" t="s">
        <v>455</v>
      </c>
      <c r="E91222" s="15">
        <v>45713</v>
      </c>
      <c r="F91222" s="14" t="s">
        <v>15</v>
      </c>
      <c r="G91222" s="16">
        <v>3.6506736146862835</v>
      </c>
    </row>
    <row r="91223" spans="1:7" x14ac:dyDescent="0.3">
      <c r="A91223" s="13" t="s">
        <v>454</v>
      </c>
      <c r="B91223" s="14" t="s">
        <v>1</v>
      </c>
      <c r="C91223" s="14" t="s">
        <v>70</v>
      </c>
      <c r="D91223" s="14" t="s">
        <v>455</v>
      </c>
      <c r="E91223" s="15">
        <v>45714</v>
      </c>
      <c r="F91223" s="14" t="s">
        <v>15</v>
      </c>
      <c r="G91223" s="16">
        <v>3.6573536643579048</v>
      </c>
    </row>
    <row r="91224" spans="1:7" x14ac:dyDescent="0.3">
      <c r="A91224" s="13" t="s">
        <v>454</v>
      </c>
      <c r="B91224" s="14" t="s">
        <v>1</v>
      </c>
      <c r="C91224" s="14" t="s">
        <v>70</v>
      </c>
      <c r="D91224" s="14" t="s">
        <v>455</v>
      </c>
      <c r="E91224" s="15">
        <v>45715</v>
      </c>
      <c r="F91224" s="14" t="s">
        <v>15</v>
      </c>
      <c r="G91224" s="16">
        <v>3.6657907610093923</v>
      </c>
    </row>
    <row r="91225" spans="1:7" x14ac:dyDescent="0.3">
      <c r="A91225" s="13" t="s">
        <v>454</v>
      </c>
      <c r="B91225" s="14" t="s">
        <v>1</v>
      </c>
      <c r="C91225" s="14" t="s">
        <v>70</v>
      </c>
      <c r="D91225" s="14" t="s">
        <v>455</v>
      </c>
      <c r="E91225" s="15">
        <v>45716</v>
      </c>
      <c r="F91225" s="14" t="s">
        <v>15</v>
      </c>
      <c r="G91225" s="16">
        <v>3.6772333945736313</v>
      </c>
    </row>
    <row r="91226" spans="1:7" x14ac:dyDescent="0.3">
      <c r="A91226" s="13" t="s">
        <v>454</v>
      </c>
      <c r="B91226" s="14" t="s">
        <v>1</v>
      </c>
      <c r="C91226" s="14" t="s">
        <v>70</v>
      </c>
      <c r="D91226" s="14" t="s">
        <v>455</v>
      </c>
      <c r="E91226" s="15">
        <v>45717</v>
      </c>
      <c r="F91226" s="14" t="s">
        <v>15</v>
      </c>
      <c r="G91226" s="16">
        <v>3.6772333945736313</v>
      </c>
    </row>
    <row r="91227" spans="1:7" x14ac:dyDescent="0.3">
      <c r="A91227" s="13" t="s">
        <v>454</v>
      </c>
      <c r="B91227" s="14" t="s">
        <v>1</v>
      </c>
      <c r="C91227" s="14" t="s">
        <v>70</v>
      </c>
      <c r="D91227" s="14" t="s">
        <v>455</v>
      </c>
      <c r="E91227" s="15">
        <v>45718</v>
      </c>
      <c r="F91227" s="14" t="s">
        <v>15</v>
      </c>
      <c r="G91227" s="16">
        <v>3.6772333945736313</v>
      </c>
    </row>
    <row r="91228" spans="1:7" x14ac:dyDescent="0.3">
      <c r="A91228" s="13" t="s">
        <v>454</v>
      </c>
      <c r="B91228" s="14" t="s">
        <v>1</v>
      </c>
      <c r="C91228" s="14" t="s">
        <v>70</v>
      </c>
      <c r="D91228" s="14" t="s">
        <v>455</v>
      </c>
      <c r="E91228" s="15">
        <v>45719</v>
      </c>
      <c r="F91228" s="14" t="s">
        <v>15</v>
      </c>
      <c r="G91228" s="16">
        <v>3.7088789643794819</v>
      </c>
    </row>
    <row r="91229" spans="1:7" x14ac:dyDescent="0.3">
      <c r="A91229" s="13" t="s">
        <v>454</v>
      </c>
      <c r="B91229" s="14" t="s">
        <v>1</v>
      </c>
      <c r="C91229" s="14" t="s">
        <v>70</v>
      </c>
      <c r="D91229" s="14" t="s">
        <v>455</v>
      </c>
      <c r="E91229" s="15">
        <v>45720</v>
      </c>
      <c r="F91229" s="14" t="s">
        <v>15</v>
      </c>
      <c r="G91229" s="16">
        <v>3.7304529737826466</v>
      </c>
    </row>
    <row r="91230" spans="1:7" x14ac:dyDescent="0.3">
      <c r="A91230" s="13" t="s">
        <v>454</v>
      </c>
      <c r="B91230" s="14" t="s">
        <v>1</v>
      </c>
      <c r="C91230" s="14" t="s">
        <v>70</v>
      </c>
      <c r="D91230" s="14" t="s">
        <v>455</v>
      </c>
      <c r="E91230" s="15">
        <v>45721</v>
      </c>
      <c r="F91230" s="14" t="s">
        <v>15</v>
      </c>
      <c r="G91230" s="16">
        <v>3.7371789127160135</v>
      </c>
    </row>
    <row r="91231" spans="1:7" x14ac:dyDescent="0.3">
      <c r="A91231" s="13" t="s">
        <v>454</v>
      </c>
      <c r="B91231" s="14" t="s">
        <v>1</v>
      </c>
      <c r="C91231" s="14" t="s">
        <v>70</v>
      </c>
      <c r="D91231" s="14" t="s">
        <v>455</v>
      </c>
      <c r="E91231" s="15">
        <v>45722</v>
      </c>
      <c r="F91231" s="14" t="s">
        <v>15</v>
      </c>
      <c r="G91231" s="16">
        <v>3.7469311939312595</v>
      </c>
    </row>
    <row r="91232" spans="1:7" x14ac:dyDescent="0.3">
      <c r="A91232" s="13" t="s">
        <v>454</v>
      </c>
      <c r="B91232" s="14" t="s">
        <v>1</v>
      </c>
      <c r="C91232" s="14" t="s">
        <v>70</v>
      </c>
      <c r="D91232" s="14" t="s">
        <v>455</v>
      </c>
      <c r="E91232" s="15">
        <v>45723</v>
      </c>
      <c r="F91232" s="14" t="s">
        <v>15</v>
      </c>
      <c r="G91232" s="16">
        <v>3.7972463946095925</v>
      </c>
    </row>
    <row r="91233" spans="1:7" x14ac:dyDescent="0.3">
      <c r="A91233" s="13" t="s">
        <v>454</v>
      </c>
      <c r="B91233" s="14" t="s">
        <v>1</v>
      </c>
      <c r="C91233" s="14" t="s">
        <v>70</v>
      </c>
      <c r="D91233" s="14" t="s">
        <v>455</v>
      </c>
      <c r="E91233" s="15">
        <v>45724</v>
      </c>
      <c r="F91233" s="14" t="s">
        <v>15</v>
      </c>
      <c r="G91233" s="16">
        <v>3.7972463946095925</v>
      </c>
    </row>
    <row r="91234" spans="1:7" x14ac:dyDescent="0.3">
      <c r="A91234" s="13" t="s">
        <v>454</v>
      </c>
      <c r="B91234" s="14" t="s">
        <v>1</v>
      </c>
      <c r="C91234" s="14" t="s">
        <v>70</v>
      </c>
      <c r="D91234" s="14" t="s">
        <v>455</v>
      </c>
      <c r="E91234" s="15">
        <v>45725</v>
      </c>
      <c r="F91234" s="14" t="s">
        <v>15</v>
      </c>
      <c r="G91234" s="16">
        <v>3.7972463946095925</v>
      </c>
    </row>
    <row r="91235" spans="1:7" x14ac:dyDescent="0.3">
      <c r="A91235" s="13" t="s">
        <v>454</v>
      </c>
      <c r="B91235" s="14" t="s">
        <v>1</v>
      </c>
      <c r="C91235" s="14" t="s">
        <v>70</v>
      </c>
      <c r="D91235" s="14" t="s">
        <v>455</v>
      </c>
      <c r="E91235" s="15">
        <v>45726</v>
      </c>
      <c r="F91235" s="14" t="s">
        <v>15</v>
      </c>
      <c r="G91235" s="16">
        <v>3.8085222496503417</v>
      </c>
    </row>
    <row r="91236" spans="1:7" x14ac:dyDescent="0.3">
      <c r="A91236" s="13" t="s">
        <v>454</v>
      </c>
      <c r="B91236" s="14" t="s">
        <v>1</v>
      </c>
      <c r="C91236" s="14" t="s">
        <v>70</v>
      </c>
      <c r="D91236" s="14" t="s">
        <v>455</v>
      </c>
      <c r="E91236" s="15">
        <v>45727</v>
      </c>
      <c r="F91236" s="14" t="s">
        <v>15</v>
      </c>
      <c r="G91236" s="16">
        <v>3.8320184905971315</v>
      </c>
    </row>
    <row r="91237" spans="1:7" x14ac:dyDescent="0.3">
      <c r="A91237" s="13" t="s">
        <v>454</v>
      </c>
      <c r="B91237" s="14" t="s">
        <v>1</v>
      </c>
      <c r="C91237" s="14" t="s">
        <v>70</v>
      </c>
      <c r="D91237" s="14" t="s">
        <v>455</v>
      </c>
      <c r="E91237" s="15">
        <v>45728</v>
      </c>
      <c r="F91237" s="14" t="s">
        <v>15</v>
      </c>
      <c r="G91237" s="16">
        <v>3.8502943456378809</v>
      </c>
    </row>
    <row r="91238" spans="1:7" x14ac:dyDescent="0.3">
      <c r="A91238" s="13" t="s">
        <v>454</v>
      </c>
      <c r="B91238" s="14" t="s">
        <v>1</v>
      </c>
      <c r="C91238" s="14" t="s">
        <v>70</v>
      </c>
      <c r="D91238" s="14" t="s">
        <v>455</v>
      </c>
      <c r="E91238" s="15">
        <v>45729</v>
      </c>
      <c r="F91238" s="14" t="s">
        <v>15</v>
      </c>
      <c r="G91238" s="16">
        <v>3.857240670477287</v>
      </c>
    </row>
    <row r="91239" spans="1:7" x14ac:dyDescent="0.3">
      <c r="A91239" s="13" t="s">
        <v>454</v>
      </c>
      <c r="B91239" s="14" t="s">
        <v>1</v>
      </c>
      <c r="C91239" s="14" t="s">
        <v>70</v>
      </c>
      <c r="D91239" s="14" t="s">
        <v>455</v>
      </c>
      <c r="E91239" s="15">
        <v>45730</v>
      </c>
      <c r="F91239" s="14" t="s">
        <v>15</v>
      </c>
      <c r="G91239" s="16">
        <v>3.8737569617596472</v>
      </c>
    </row>
    <row r="91240" spans="1:7" x14ac:dyDescent="0.3">
      <c r="A91240" s="13" t="s">
        <v>454</v>
      </c>
      <c r="B91240" s="14" t="s">
        <v>1</v>
      </c>
      <c r="C91240" s="14" t="s">
        <v>70</v>
      </c>
      <c r="D91240" s="14" t="s">
        <v>455</v>
      </c>
      <c r="E91240" s="15">
        <v>45731</v>
      </c>
      <c r="F91240" s="14" t="s">
        <v>15</v>
      </c>
      <c r="G91240" s="16">
        <v>3.8737569617596472</v>
      </c>
    </row>
    <row r="91241" spans="1:7" x14ac:dyDescent="0.3">
      <c r="A91241" s="13" t="s">
        <v>454</v>
      </c>
      <c r="B91241" s="14" t="s">
        <v>1</v>
      </c>
      <c r="C91241" s="14" t="s">
        <v>70</v>
      </c>
      <c r="D91241" s="14" t="s">
        <v>455</v>
      </c>
      <c r="E91241" s="15">
        <v>45732</v>
      </c>
      <c r="F91241" s="14" t="s">
        <v>15</v>
      </c>
      <c r="G91241" s="16">
        <v>3.8737569617596472</v>
      </c>
    </row>
    <row r="91242" spans="1:7" x14ac:dyDescent="0.3">
      <c r="A91242" s="13" t="s">
        <v>454</v>
      </c>
      <c r="B91242" s="14" t="s">
        <v>1</v>
      </c>
      <c r="C91242" s="14" t="s">
        <v>70</v>
      </c>
      <c r="D91242" s="14" t="s">
        <v>455</v>
      </c>
      <c r="E91242" s="15">
        <v>45733</v>
      </c>
      <c r="F91242" s="14" t="s">
        <v>15</v>
      </c>
      <c r="G91242" s="16">
        <v>3.8737569617596472</v>
      </c>
    </row>
    <row r="91243" spans="1:7" x14ac:dyDescent="0.3">
      <c r="A91243" s="13" t="s">
        <v>454</v>
      </c>
      <c r="B91243" s="14" t="s">
        <v>1</v>
      </c>
      <c r="C91243" s="14" t="s">
        <v>70</v>
      </c>
      <c r="D91243" s="14" t="s">
        <v>455</v>
      </c>
      <c r="E91243" s="15">
        <v>45734</v>
      </c>
      <c r="F91243" s="14" t="s">
        <v>15</v>
      </c>
      <c r="G91243" s="16">
        <v>3.8866969107601279</v>
      </c>
    </row>
    <row r="91244" spans="1:7" x14ac:dyDescent="0.3">
      <c r="A91244" s="13" t="s">
        <v>454</v>
      </c>
      <c r="B91244" s="14" t="s">
        <v>1</v>
      </c>
      <c r="C91244" s="14" t="s">
        <v>70</v>
      </c>
      <c r="D91244" s="14" t="s">
        <v>455</v>
      </c>
      <c r="E91244" s="15">
        <v>45735</v>
      </c>
      <c r="F91244" s="14" t="s">
        <v>15</v>
      </c>
      <c r="G91244" s="16">
        <v>3.9223058194921525</v>
      </c>
    </row>
    <row r="91245" spans="1:7" x14ac:dyDescent="0.3">
      <c r="A91245" s="13" t="s">
        <v>454</v>
      </c>
      <c r="B91245" s="14" t="s">
        <v>1</v>
      </c>
      <c r="C91245" s="14" t="s">
        <v>70</v>
      </c>
      <c r="D91245" s="14" t="s">
        <v>455</v>
      </c>
      <c r="E91245" s="15">
        <v>45736</v>
      </c>
      <c r="F91245" s="14" t="s">
        <v>15</v>
      </c>
      <c r="G91245" s="16">
        <v>3.9291394765463243</v>
      </c>
    </row>
    <row r="91246" spans="1:7" x14ac:dyDescent="0.3">
      <c r="A91246" s="13" t="s">
        <v>454</v>
      </c>
      <c r="B91246" s="14" t="s">
        <v>1</v>
      </c>
      <c r="C91246" s="14" t="s">
        <v>70</v>
      </c>
      <c r="D91246" s="14" t="s">
        <v>455</v>
      </c>
      <c r="E91246" s="15">
        <v>45737</v>
      </c>
      <c r="F91246" s="14" t="s">
        <v>15</v>
      </c>
      <c r="G91246" s="16">
        <v>3.9356393248756638</v>
      </c>
    </row>
    <row r="91247" spans="1:7" x14ac:dyDescent="0.3">
      <c r="A91247" s="13" t="s">
        <v>454</v>
      </c>
      <c r="B91247" s="14" t="s">
        <v>1</v>
      </c>
      <c r="C91247" s="14" t="s">
        <v>70</v>
      </c>
      <c r="D91247" s="14" t="s">
        <v>455</v>
      </c>
      <c r="E91247" s="15">
        <v>45738</v>
      </c>
      <c r="F91247" s="14" t="s">
        <v>15</v>
      </c>
      <c r="G91247" s="16">
        <v>3.9356393248756638</v>
      </c>
    </row>
    <row r="91248" spans="1:7" x14ac:dyDescent="0.3">
      <c r="A91248" s="13" t="s">
        <v>454</v>
      </c>
      <c r="B91248" s="14" t="s">
        <v>1</v>
      </c>
      <c r="C91248" s="14" t="s">
        <v>70</v>
      </c>
      <c r="D91248" s="14" t="s">
        <v>455</v>
      </c>
      <c r="E91248" s="15">
        <v>45739</v>
      </c>
      <c r="F91248" s="14" t="s">
        <v>15</v>
      </c>
      <c r="G91248" s="16">
        <v>3.9356393248756638</v>
      </c>
    </row>
    <row r="91249" spans="1:7" x14ac:dyDescent="0.3">
      <c r="A91249" s="13" t="s">
        <v>454</v>
      </c>
      <c r="B91249" s="14" t="s">
        <v>1</v>
      </c>
      <c r="C91249" s="14" t="s">
        <v>70</v>
      </c>
      <c r="D91249" s="14" t="s">
        <v>455</v>
      </c>
      <c r="E91249" s="15">
        <v>45740</v>
      </c>
      <c r="F91249" s="14" t="s">
        <v>15</v>
      </c>
      <c r="G91249" s="16">
        <v>3.9425332168291654</v>
      </c>
    </row>
    <row r="91250" spans="1:7" x14ac:dyDescent="0.3">
      <c r="A91250" s="13" t="s">
        <v>454</v>
      </c>
      <c r="B91250" s="14" t="s">
        <v>1</v>
      </c>
      <c r="C91250" s="14" t="s">
        <v>70</v>
      </c>
      <c r="D91250" s="14" t="s">
        <v>455</v>
      </c>
      <c r="E91250" s="15">
        <v>45741</v>
      </c>
      <c r="F91250" s="14" t="s">
        <v>15</v>
      </c>
      <c r="G91250" s="16">
        <v>3.9631830651585052</v>
      </c>
    </row>
    <row r="91251" spans="1:7" x14ac:dyDescent="0.3">
      <c r="A91251" s="13" t="s">
        <v>454</v>
      </c>
      <c r="B91251" s="14" t="s">
        <v>1</v>
      </c>
      <c r="C91251" s="14" t="s">
        <v>70</v>
      </c>
      <c r="D91251" s="14" t="s">
        <v>455</v>
      </c>
      <c r="E91251" s="15">
        <v>45742</v>
      </c>
      <c r="F91251" s="14" t="s">
        <v>15</v>
      </c>
      <c r="G91251" s="16">
        <v>3.9700114369777775</v>
      </c>
    </row>
    <row r="91252" spans="1:7" x14ac:dyDescent="0.3">
      <c r="A91252" s="13" t="s">
        <v>454</v>
      </c>
      <c r="B91252" s="14" t="s">
        <v>1</v>
      </c>
      <c r="C91252" s="14" t="s">
        <v>70</v>
      </c>
      <c r="D91252" s="14" t="s">
        <v>455</v>
      </c>
      <c r="E91252" s="15">
        <v>45743</v>
      </c>
      <c r="F91252" s="14" t="s">
        <v>15</v>
      </c>
      <c r="G91252" s="16">
        <v>3.9845682483943654</v>
      </c>
    </row>
    <row r="91253" spans="1:7" x14ac:dyDescent="0.3">
      <c r="A91253" s="13" t="s">
        <v>454</v>
      </c>
      <c r="B91253" s="14" t="s">
        <v>1</v>
      </c>
      <c r="C91253" s="14" t="s">
        <v>70</v>
      </c>
      <c r="D91253" s="14" t="s">
        <v>455</v>
      </c>
      <c r="E91253" s="15">
        <v>45744</v>
      </c>
      <c r="F91253" s="14" t="s">
        <v>15</v>
      </c>
      <c r="G91253" s="16">
        <v>4.0939807645089408</v>
      </c>
    </row>
    <row r="91254" spans="1:7" x14ac:dyDescent="0.3">
      <c r="A91254" s="13" t="s">
        <v>454</v>
      </c>
      <c r="B91254" s="14" t="s">
        <v>1</v>
      </c>
      <c r="C91254" s="14" t="s">
        <v>70</v>
      </c>
      <c r="D91254" s="14" t="s">
        <v>455</v>
      </c>
      <c r="E91254" s="15">
        <v>45745</v>
      </c>
      <c r="F91254" s="14" t="s">
        <v>15</v>
      </c>
      <c r="G91254" s="16">
        <v>4.0939807645089408</v>
      </c>
    </row>
    <row r="91255" spans="1:7" x14ac:dyDescent="0.3">
      <c r="A91255" s="13" t="s">
        <v>454</v>
      </c>
      <c r="B91255" s="14" t="s">
        <v>1</v>
      </c>
      <c r="C91255" s="14" t="s">
        <v>70</v>
      </c>
      <c r="D91255" s="14" t="s">
        <v>455</v>
      </c>
      <c r="E91255" s="15">
        <v>45746</v>
      </c>
      <c r="F91255" s="14" t="s">
        <v>15</v>
      </c>
      <c r="G91255" s="16">
        <v>4.0939807645089408</v>
      </c>
    </row>
    <row r="91256" spans="1:7" x14ac:dyDescent="0.3">
      <c r="A91256" s="13" t="s">
        <v>454</v>
      </c>
      <c r="B91256" s="14" t="s">
        <v>1</v>
      </c>
      <c r="C91256" s="14" t="s">
        <v>70</v>
      </c>
      <c r="D91256" s="14" t="s">
        <v>455</v>
      </c>
      <c r="E91256" s="15">
        <v>45747</v>
      </c>
      <c r="F91256" s="14" t="s">
        <v>15</v>
      </c>
      <c r="G91256" s="16">
        <v>4.1475058645161322</v>
      </c>
    </row>
    <row r="91257" spans="1:7" x14ac:dyDescent="0.3">
      <c r="A91257" s="13" t="s">
        <v>456</v>
      </c>
      <c r="B91257" s="14" t="s">
        <v>1</v>
      </c>
      <c r="C91257" s="14" t="s">
        <v>23</v>
      </c>
      <c r="D91257" s="14" t="s">
        <v>457</v>
      </c>
      <c r="E91257" s="15">
        <v>45383</v>
      </c>
      <c r="F91257" s="14" t="s">
        <v>53</v>
      </c>
      <c r="G91257" s="16">
        <v>0</v>
      </c>
    </row>
    <row r="91258" spans="1:7" x14ac:dyDescent="0.3">
      <c r="A91258" s="13" t="s">
        <v>456</v>
      </c>
      <c r="B91258" s="14" t="s">
        <v>1</v>
      </c>
      <c r="C91258" s="14" t="s">
        <v>23</v>
      </c>
      <c r="D91258" s="14" t="s">
        <v>457</v>
      </c>
      <c r="E91258" s="15">
        <v>45384</v>
      </c>
      <c r="F91258" s="14" t="s">
        <v>53</v>
      </c>
      <c r="G91258" s="16">
        <v>0</v>
      </c>
    </row>
    <row r="91259" spans="1:7" x14ac:dyDescent="0.3">
      <c r="A91259" s="13" t="s">
        <v>456</v>
      </c>
      <c r="B91259" s="14" t="s">
        <v>1</v>
      </c>
      <c r="C91259" s="14" t="s">
        <v>23</v>
      </c>
      <c r="D91259" s="14" t="s">
        <v>457</v>
      </c>
      <c r="E91259" s="15">
        <v>45385</v>
      </c>
      <c r="F91259" s="14" t="s">
        <v>53</v>
      </c>
      <c r="G91259" s="16">
        <v>6.367514331745662E-2</v>
      </c>
    </row>
    <row r="91260" spans="1:7" x14ac:dyDescent="0.3">
      <c r="A91260" s="13" t="s">
        <v>456</v>
      </c>
      <c r="B91260" s="14" t="s">
        <v>1</v>
      </c>
      <c r="C91260" s="14" t="s">
        <v>23</v>
      </c>
      <c r="D91260" s="14" t="s">
        <v>457</v>
      </c>
      <c r="E91260" s="15">
        <v>45386</v>
      </c>
      <c r="F91260" s="14" t="s">
        <v>53</v>
      </c>
      <c r="G91260" s="16">
        <v>7.9554141518069665E-2</v>
      </c>
    </row>
    <row r="91261" spans="1:7" x14ac:dyDescent="0.3">
      <c r="A91261" s="13" t="s">
        <v>456</v>
      </c>
      <c r="B91261" s="14" t="s">
        <v>1</v>
      </c>
      <c r="C91261" s="14" t="s">
        <v>23</v>
      </c>
      <c r="D91261" s="14" t="s">
        <v>457</v>
      </c>
      <c r="E91261" s="15">
        <v>45387</v>
      </c>
      <c r="F91261" s="14" t="s">
        <v>53</v>
      </c>
      <c r="G91261" s="16">
        <v>0.10556173554863804</v>
      </c>
    </row>
    <row r="91262" spans="1:7" x14ac:dyDescent="0.3">
      <c r="A91262" s="13" t="s">
        <v>456</v>
      </c>
      <c r="B91262" s="14" t="s">
        <v>1</v>
      </c>
      <c r="C91262" s="14" t="s">
        <v>23</v>
      </c>
      <c r="D91262" s="14" t="s">
        <v>457</v>
      </c>
      <c r="E91262" s="15">
        <v>45388</v>
      </c>
      <c r="F91262" s="14" t="s">
        <v>53</v>
      </c>
      <c r="G91262" s="16">
        <v>0.10556173554863804</v>
      </c>
    </row>
    <row r="91263" spans="1:7" x14ac:dyDescent="0.3">
      <c r="A91263" s="13" t="s">
        <v>456</v>
      </c>
      <c r="B91263" s="14" t="s">
        <v>1</v>
      </c>
      <c r="C91263" s="14" t="s">
        <v>23</v>
      </c>
      <c r="D91263" s="14" t="s">
        <v>457</v>
      </c>
      <c r="E91263" s="15">
        <v>45389</v>
      </c>
      <c r="F91263" s="14" t="s">
        <v>53</v>
      </c>
      <c r="G91263" s="16">
        <v>0.10556173554863804</v>
      </c>
    </row>
    <row r="91264" spans="1:7" x14ac:dyDescent="0.3">
      <c r="A91264" s="13" t="s">
        <v>456</v>
      </c>
      <c r="B91264" s="14" t="s">
        <v>1</v>
      </c>
      <c r="C91264" s="14" t="s">
        <v>23</v>
      </c>
      <c r="D91264" s="14" t="s">
        <v>457</v>
      </c>
      <c r="E91264" s="15">
        <v>45390</v>
      </c>
      <c r="F91264" s="14" t="s">
        <v>53</v>
      </c>
      <c r="G91264" s="16">
        <v>0.11942052814970301</v>
      </c>
    </row>
    <row r="91265" spans="1:7" x14ac:dyDescent="0.3">
      <c r="A91265" s="13" t="s">
        <v>456</v>
      </c>
      <c r="B91265" s="14" t="s">
        <v>1</v>
      </c>
      <c r="C91265" s="14" t="s">
        <v>23</v>
      </c>
      <c r="D91265" s="14" t="s">
        <v>457</v>
      </c>
      <c r="E91265" s="15">
        <v>45391</v>
      </c>
      <c r="F91265" s="14" t="s">
        <v>53</v>
      </c>
      <c r="G91265" s="16">
        <v>0.16085301574947114</v>
      </c>
    </row>
    <row r="91266" spans="1:7" x14ac:dyDescent="0.3">
      <c r="A91266" s="13" t="s">
        <v>456</v>
      </c>
      <c r="B91266" s="14" t="s">
        <v>1</v>
      </c>
      <c r="C91266" s="14" t="s">
        <v>23</v>
      </c>
      <c r="D91266" s="14" t="s">
        <v>457</v>
      </c>
      <c r="E91266" s="15">
        <v>45392</v>
      </c>
      <c r="F91266" s="14" t="s">
        <v>53</v>
      </c>
      <c r="G91266" s="16">
        <v>0.17955419465025738</v>
      </c>
    </row>
    <row r="91267" spans="1:7" x14ac:dyDescent="0.3">
      <c r="A91267" s="13" t="s">
        <v>456</v>
      </c>
      <c r="B91267" s="14" t="s">
        <v>1</v>
      </c>
      <c r="C91267" s="14" t="s">
        <v>23</v>
      </c>
      <c r="D91267" s="14" t="s">
        <v>457</v>
      </c>
      <c r="E91267" s="15">
        <v>45393</v>
      </c>
      <c r="F91267" s="14" t="s">
        <v>53</v>
      </c>
      <c r="G91267" s="16">
        <v>0.19472705867275611</v>
      </c>
    </row>
    <row r="91268" spans="1:7" x14ac:dyDescent="0.3">
      <c r="A91268" s="13" t="s">
        <v>456</v>
      </c>
      <c r="B91268" s="14" t="s">
        <v>1</v>
      </c>
      <c r="C91268" s="14" t="s">
        <v>23</v>
      </c>
      <c r="D91268" s="14" t="s">
        <v>457</v>
      </c>
      <c r="E91268" s="15">
        <v>45394</v>
      </c>
      <c r="F91268" s="14" t="s">
        <v>53</v>
      </c>
      <c r="G91268" s="16">
        <v>0.21042846719461622</v>
      </c>
    </row>
    <row r="91269" spans="1:7" x14ac:dyDescent="0.3">
      <c r="A91269" s="13" t="s">
        <v>456</v>
      </c>
      <c r="B91269" s="14" t="s">
        <v>1</v>
      </c>
      <c r="C91269" s="14" t="s">
        <v>23</v>
      </c>
      <c r="D91269" s="14" t="s">
        <v>457</v>
      </c>
      <c r="E91269" s="15">
        <v>45395</v>
      </c>
      <c r="F91269" s="14" t="s">
        <v>53</v>
      </c>
      <c r="G91269" s="16">
        <v>0.21042846719461622</v>
      </c>
    </row>
    <row r="91270" spans="1:7" x14ac:dyDescent="0.3">
      <c r="A91270" s="13" t="s">
        <v>456</v>
      </c>
      <c r="B91270" s="14" t="s">
        <v>1</v>
      </c>
      <c r="C91270" s="14" t="s">
        <v>23</v>
      </c>
      <c r="D91270" s="14" t="s">
        <v>457</v>
      </c>
      <c r="E91270" s="15">
        <v>45396</v>
      </c>
      <c r="F91270" s="14" t="s">
        <v>53</v>
      </c>
      <c r="G91270" s="16">
        <v>0.21042846719461622</v>
      </c>
    </row>
    <row r="91271" spans="1:7" x14ac:dyDescent="0.3">
      <c r="A91271" s="13" t="s">
        <v>456</v>
      </c>
      <c r="B91271" s="14" t="s">
        <v>1</v>
      </c>
      <c r="C91271" s="14" t="s">
        <v>23</v>
      </c>
      <c r="D91271" s="14" t="s">
        <v>457</v>
      </c>
      <c r="E91271" s="15">
        <v>45397</v>
      </c>
      <c r="F91271" s="14" t="s">
        <v>53</v>
      </c>
      <c r="G91271" s="16">
        <v>0.22581991632596843</v>
      </c>
    </row>
    <row r="91272" spans="1:7" x14ac:dyDescent="0.3">
      <c r="A91272" s="13" t="s">
        <v>456</v>
      </c>
      <c r="B91272" s="14" t="s">
        <v>1</v>
      </c>
      <c r="C91272" s="14" t="s">
        <v>23</v>
      </c>
      <c r="D91272" s="14" t="s">
        <v>457</v>
      </c>
      <c r="E91272" s="15">
        <v>45398</v>
      </c>
      <c r="F91272" s="14" t="s">
        <v>53</v>
      </c>
      <c r="G91272" s="16">
        <v>0.26740495943787701</v>
      </c>
    </row>
    <row r="91273" spans="1:7" x14ac:dyDescent="0.3">
      <c r="A91273" s="13" t="s">
        <v>456</v>
      </c>
      <c r="B91273" s="14" t="s">
        <v>1</v>
      </c>
      <c r="C91273" s="14" t="s">
        <v>23</v>
      </c>
      <c r="D91273" s="14" t="s">
        <v>457</v>
      </c>
      <c r="E91273" s="15">
        <v>45399</v>
      </c>
      <c r="F91273" s="14" t="s">
        <v>53</v>
      </c>
      <c r="G91273" s="16">
        <v>0.28053621222547553</v>
      </c>
    </row>
    <row r="91274" spans="1:7" x14ac:dyDescent="0.3">
      <c r="A91274" s="13" t="s">
        <v>456</v>
      </c>
      <c r="B91274" s="14" t="s">
        <v>1</v>
      </c>
      <c r="C91274" s="14" t="s">
        <v>23</v>
      </c>
      <c r="D91274" s="14" t="s">
        <v>457</v>
      </c>
      <c r="E91274" s="15">
        <v>45400</v>
      </c>
      <c r="F91274" s="14" t="s">
        <v>53</v>
      </c>
      <c r="G91274" s="16">
        <v>0.29475700199713956</v>
      </c>
    </row>
    <row r="91275" spans="1:7" x14ac:dyDescent="0.3">
      <c r="A91275" s="13" t="s">
        <v>456</v>
      </c>
      <c r="B91275" s="14" t="s">
        <v>1</v>
      </c>
      <c r="C91275" s="14" t="s">
        <v>23</v>
      </c>
      <c r="D91275" s="14" t="s">
        <v>457</v>
      </c>
      <c r="E91275" s="15">
        <v>45401</v>
      </c>
      <c r="F91275" s="14" t="s">
        <v>53</v>
      </c>
      <c r="G91275" s="16">
        <v>0.31012148232939429</v>
      </c>
    </row>
    <row r="91276" spans="1:7" x14ac:dyDescent="0.3">
      <c r="A91276" s="13" t="s">
        <v>456</v>
      </c>
      <c r="B91276" s="14" t="s">
        <v>1</v>
      </c>
      <c r="C91276" s="14" t="s">
        <v>23</v>
      </c>
      <c r="D91276" s="14" t="s">
        <v>457</v>
      </c>
      <c r="E91276" s="15">
        <v>45402</v>
      </c>
      <c r="F91276" s="14" t="s">
        <v>53</v>
      </c>
      <c r="G91276" s="16">
        <v>0.31012148232939429</v>
      </c>
    </row>
    <row r="91277" spans="1:7" x14ac:dyDescent="0.3">
      <c r="A91277" s="13" t="s">
        <v>456</v>
      </c>
      <c r="B91277" s="14" t="s">
        <v>1</v>
      </c>
      <c r="C91277" s="14" t="s">
        <v>23</v>
      </c>
      <c r="D91277" s="14" t="s">
        <v>457</v>
      </c>
      <c r="E91277" s="15">
        <v>45403</v>
      </c>
      <c r="F91277" s="14" t="s">
        <v>53</v>
      </c>
      <c r="G91277" s="16">
        <v>0.31012148232939429</v>
      </c>
    </row>
    <row r="91278" spans="1:7" x14ac:dyDescent="0.3">
      <c r="A91278" s="13" t="s">
        <v>456</v>
      </c>
      <c r="B91278" s="14" t="s">
        <v>1</v>
      </c>
      <c r="C91278" s="14" t="s">
        <v>23</v>
      </c>
      <c r="D91278" s="14" t="s">
        <v>457</v>
      </c>
      <c r="E91278" s="15">
        <v>45404</v>
      </c>
      <c r="F91278" s="14" t="s">
        <v>53</v>
      </c>
      <c r="G91278" s="16">
        <v>0.33162174961709823</v>
      </c>
    </row>
    <row r="91279" spans="1:7" x14ac:dyDescent="0.3">
      <c r="A91279" s="13" t="s">
        <v>456</v>
      </c>
      <c r="B91279" s="14" t="s">
        <v>1</v>
      </c>
      <c r="C91279" s="14" t="s">
        <v>23</v>
      </c>
      <c r="D91279" s="14" t="s">
        <v>457</v>
      </c>
      <c r="E91279" s="15">
        <v>45405</v>
      </c>
      <c r="F91279" s="14" t="s">
        <v>53</v>
      </c>
      <c r="G91279" s="16">
        <v>0.36381177517196067</v>
      </c>
    </row>
    <row r="91280" spans="1:7" x14ac:dyDescent="0.3">
      <c r="A91280" s="13" t="s">
        <v>456</v>
      </c>
      <c r="B91280" s="14" t="s">
        <v>1</v>
      </c>
      <c r="C91280" s="14" t="s">
        <v>23</v>
      </c>
      <c r="D91280" s="14" t="s">
        <v>457</v>
      </c>
      <c r="E91280" s="15">
        <v>45406</v>
      </c>
      <c r="F91280" s="14" t="s">
        <v>53</v>
      </c>
      <c r="G91280" s="16">
        <v>0.37436929358255761</v>
      </c>
    </row>
    <row r="91281" spans="1:7" x14ac:dyDescent="0.3">
      <c r="A91281" s="13" t="s">
        <v>456</v>
      </c>
      <c r="B91281" s="14" t="s">
        <v>1</v>
      </c>
      <c r="C91281" s="14" t="s">
        <v>23</v>
      </c>
      <c r="D91281" s="14" t="s">
        <v>457</v>
      </c>
      <c r="E91281" s="15">
        <v>45407</v>
      </c>
      <c r="F91281" s="14" t="s">
        <v>53</v>
      </c>
      <c r="G91281" s="16">
        <v>0.33861511758156243</v>
      </c>
    </row>
    <row r="91282" spans="1:7" x14ac:dyDescent="0.3">
      <c r="A91282" s="13" t="s">
        <v>456</v>
      </c>
      <c r="B91282" s="14" t="s">
        <v>1</v>
      </c>
      <c r="C91282" s="14" t="s">
        <v>23</v>
      </c>
      <c r="D91282" s="14" t="s">
        <v>457</v>
      </c>
      <c r="E91282" s="15">
        <v>45408</v>
      </c>
      <c r="F91282" s="14" t="s">
        <v>53</v>
      </c>
      <c r="G91282" s="16">
        <v>0.35177343205060774</v>
      </c>
    </row>
    <row r="91283" spans="1:7" x14ac:dyDescent="0.3">
      <c r="A91283" s="13" t="s">
        <v>456</v>
      </c>
      <c r="B91283" s="14" t="s">
        <v>1</v>
      </c>
      <c r="C91283" s="14" t="s">
        <v>23</v>
      </c>
      <c r="D91283" s="14" t="s">
        <v>457</v>
      </c>
      <c r="E91283" s="15">
        <v>45409</v>
      </c>
      <c r="F91283" s="14" t="s">
        <v>53</v>
      </c>
      <c r="G91283" s="16">
        <v>0.35177343205060774</v>
      </c>
    </row>
    <row r="91284" spans="1:7" x14ac:dyDescent="0.3">
      <c r="A91284" s="13" t="s">
        <v>456</v>
      </c>
      <c r="B91284" s="14" t="s">
        <v>1</v>
      </c>
      <c r="C91284" s="14" t="s">
        <v>23</v>
      </c>
      <c r="D91284" s="14" t="s">
        <v>457</v>
      </c>
      <c r="E91284" s="15">
        <v>45410</v>
      </c>
      <c r="F91284" s="14" t="s">
        <v>53</v>
      </c>
      <c r="G91284" s="16">
        <v>0.35177343205060774</v>
      </c>
    </row>
    <row r="91285" spans="1:7" x14ac:dyDescent="0.3">
      <c r="A91285" s="13" t="s">
        <v>456</v>
      </c>
      <c r="B91285" s="14" t="s">
        <v>1</v>
      </c>
      <c r="C91285" s="14" t="s">
        <v>23</v>
      </c>
      <c r="D91285" s="14" t="s">
        <v>457</v>
      </c>
      <c r="E91285" s="15">
        <v>45411</v>
      </c>
      <c r="F91285" s="14" t="s">
        <v>53</v>
      </c>
      <c r="G91285" s="16">
        <v>0.36392360347905361</v>
      </c>
    </row>
    <row r="91286" spans="1:7" x14ac:dyDescent="0.3">
      <c r="A91286" s="13" t="s">
        <v>456</v>
      </c>
      <c r="B91286" s="14" t="s">
        <v>1</v>
      </c>
      <c r="C91286" s="14" t="s">
        <v>23</v>
      </c>
      <c r="D91286" s="14" t="s">
        <v>457</v>
      </c>
      <c r="E91286" s="15">
        <v>45412</v>
      </c>
      <c r="F91286" s="14" t="s">
        <v>53</v>
      </c>
      <c r="G91286" s="16">
        <v>0.40870527716577076</v>
      </c>
    </row>
    <row r="91287" spans="1:7" x14ac:dyDescent="0.3">
      <c r="A91287" s="13" t="s">
        <v>456</v>
      </c>
      <c r="B91287" s="14" t="s">
        <v>1</v>
      </c>
      <c r="C91287" s="14" t="s">
        <v>23</v>
      </c>
      <c r="D91287" s="14" t="s">
        <v>457</v>
      </c>
      <c r="E91287" s="15">
        <v>45413</v>
      </c>
      <c r="F91287" s="14" t="s">
        <v>53</v>
      </c>
      <c r="G91287" s="16">
        <v>0.42172683379154008</v>
      </c>
    </row>
    <row r="91288" spans="1:7" x14ac:dyDescent="0.3">
      <c r="A91288" s="13" t="s">
        <v>456</v>
      </c>
      <c r="B91288" s="14" t="s">
        <v>1</v>
      </c>
      <c r="C91288" s="14" t="s">
        <v>23</v>
      </c>
      <c r="D91288" s="14" t="s">
        <v>457</v>
      </c>
      <c r="E91288" s="15">
        <v>45414</v>
      </c>
      <c r="F91288" s="14" t="s">
        <v>53</v>
      </c>
      <c r="G91288" s="16">
        <v>0.43586014871966594</v>
      </c>
    </row>
    <row r="91289" spans="1:7" x14ac:dyDescent="0.3">
      <c r="A91289" s="13" t="s">
        <v>456</v>
      </c>
      <c r="B91289" s="14" t="s">
        <v>1</v>
      </c>
      <c r="C91289" s="14" t="s">
        <v>23</v>
      </c>
      <c r="D91289" s="14" t="s">
        <v>457</v>
      </c>
      <c r="E91289" s="15">
        <v>45415</v>
      </c>
      <c r="F91289" s="14" t="s">
        <v>53</v>
      </c>
      <c r="G91289" s="16">
        <v>0.44965262072966067</v>
      </c>
    </row>
    <row r="91290" spans="1:7" x14ac:dyDescent="0.3">
      <c r="A91290" s="13" t="s">
        <v>456</v>
      </c>
      <c r="B91290" s="14" t="s">
        <v>1</v>
      </c>
      <c r="C91290" s="14" t="s">
        <v>23</v>
      </c>
      <c r="D91290" s="14" t="s">
        <v>457</v>
      </c>
      <c r="E91290" s="15">
        <v>45416</v>
      </c>
      <c r="F91290" s="14" t="s">
        <v>53</v>
      </c>
      <c r="G91290" s="16">
        <v>0.44965262072966067</v>
      </c>
    </row>
    <row r="91291" spans="1:7" x14ac:dyDescent="0.3">
      <c r="A91291" s="13" t="s">
        <v>456</v>
      </c>
      <c r="B91291" s="14" t="s">
        <v>1</v>
      </c>
      <c r="C91291" s="14" t="s">
        <v>23</v>
      </c>
      <c r="D91291" s="14" t="s">
        <v>457</v>
      </c>
      <c r="E91291" s="15">
        <v>45417</v>
      </c>
      <c r="F91291" s="14" t="s">
        <v>53</v>
      </c>
      <c r="G91291" s="16">
        <v>0.44965262072966067</v>
      </c>
    </row>
    <row r="91292" spans="1:7" x14ac:dyDescent="0.3">
      <c r="A91292" s="13" t="s">
        <v>456</v>
      </c>
      <c r="B91292" s="14" t="s">
        <v>1</v>
      </c>
      <c r="C91292" s="14" t="s">
        <v>23</v>
      </c>
      <c r="D91292" s="14" t="s">
        <v>457</v>
      </c>
      <c r="E91292" s="15">
        <v>45418</v>
      </c>
      <c r="F91292" s="14" t="s">
        <v>53</v>
      </c>
      <c r="G91292" s="16">
        <v>0.44965262072966067</v>
      </c>
    </row>
    <row r="91293" spans="1:7" x14ac:dyDescent="0.3">
      <c r="A91293" s="13" t="s">
        <v>456</v>
      </c>
      <c r="B91293" s="14" t="s">
        <v>1</v>
      </c>
      <c r="C91293" s="14" t="s">
        <v>23</v>
      </c>
      <c r="D91293" s="14" t="s">
        <v>457</v>
      </c>
      <c r="E91293" s="15">
        <v>45419</v>
      </c>
      <c r="F91293" s="14" t="s">
        <v>53</v>
      </c>
      <c r="G91293" s="16">
        <v>0.46469043336382815</v>
      </c>
    </row>
    <row r="91294" spans="1:7" x14ac:dyDescent="0.3">
      <c r="A91294" s="13" t="s">
        <v>456</v>
      </c>
      <c r="B91294" s="14" t="s">
        <v>1</v>
      </c>
      <c r="C91294" s="14" t="s">
        <v>23</v>
      </c>
      <c r="D91294" s="14" t="s">
        <v>457</v>
      </c>
      <c r="E91294" s="15">
        <v>45420</v>
      </c>
      <c r="F91294" s="14" t="s">
        <v>53</v>
      </c>
      <c r="G91294" s="16">
        <v>0.53657709661795605</v>
      </c>
    </row>
    <row r="91295" spans="1:7" x14ac:dyDescent="0.3">
      <c r="A91295" s="13" t="s">
        <v>456</v>
      </c>
      <c r="B91295" s="14" t="s">
        <v>1</v>
      </c>
      <c r="C91295" s="14" t="s">
        <v>23</v>
      </c>
      <c r="D91295" s="14" t="s">
        <v>457</v>
      </c>
      <c r="E91295" s="15">
        <v>45421</v>
      </c>
      <c r="F91295" s="14" t="s">
        <v>53</v>
      </c>
      <c r="G91295" s="16">
        <v>0.5496212811245027</v>
      </c>
    </row>
    <row r="91296" spans="1:7" x14ac:dyDescent="0.3">
      <c r="A91296" s="13" t="s">
        <v>456</v>
      </c>
      <c r="B91296" s="14" t="s">
        <v>1</v>
      </c>
      <c r="C91296" s="14" t="s">
        <v>23</v>
      </c>
      <c r="D91296" s="14" t="s">
        <v>457</v>
      </c>
      <c r="E91296" s="15">
        <v>45422</v>
      </c>
      <c r="F91296" s="14" t="s">
        <v>53</v>
      </c>
      <c r="G91296" s="16">
        <v>0.56374116730563306</v>
      </c>
    </row>
    <row r="91297" spans="1:7" x14ac:dyDescent="0.3">
      <c r="A91297" s="13" t="s">
        <v>456</v>
      </c>
      <c r="B91297" s="14" t="s">
        <v>1</v>
      </c>
      <c r="C91297" s="14" t="s">
        <v>23</v>
      </c>
      <c r="D91297" s="14" t="s">
        <v>457</v>
      </c>
      <c r="E91297" s="15">
        <v>45423</v>
      </c>
      <c r="F91297" s="14" t="s">
        <v>53</v>
      </c>
      <c r="G91297" s="16">
        <v>0.56374116730563306</v>
      </c>
    </row>
    <row r="91298" spans="1:7" x14ac:dyDescent="0.3">
      <c r="A91298" s="13" t="s">
        <v>456</v>
      </c>
      <c r="B91298" s="14" t="s">
        <v>1</v>
      </c>
      <c r="C91298" s="14" t="s">
        <v>23</v>
      </c>
      <c r="D91298" s="14" t="s">
        <v>457</v>
      </c>
      <c r="E91298" s="15">
        <v>45424</v>
      </c>
      <c r="F91298" s="14" t="s">
        <v>53</v>
      </c>
      <c r="G91298" s="16">
        <v>0.56374116730563306</v>
      </c>
    </row>
    <row r="91299" spans="1:7" x14ac:dyDescent="0.3">
      <c r="A91299" s="13" t="s">
        <v>456</v>
      </c>
      <c r="B91299" s="14" t="s">
        <v>1</v>
      </c>
      <c r="C91299" s="14" t="s">
        <v>23</v>
      </c>
      <c r="D91299" s="14" t="s">
        <v>457</v>
      </c>
      <c r="E91299" s="15">
        <v>45425</v>
      </c>
      <c r="F91299" s="14" t="s">
        <v>53</v>
      </c>
      <c r="G91299" s="16">
        <v>0.57684863016069998</v>
      </c>
    </row>
    <row r="91300" spans="1:7" x14ac:dyDescent="0.3">
      <c r="A91300" s="13" t="s">
        <v>456</v>
      </c>
      <c r="B91300" s="14" t="s">
        <v>1</v>
      </c>
      <c r="C91300" s="14" t="s">
        <v>23</v>
      </c>
      <c r="D91300" s="14" t="s">
        <v>457</v>
      </c>
      <c r="E91300" s="15">
        <v>45426</v>
      </c>
      <c r="F91300" s="14" t="s">
        <v>53</v>
      </c>
      <c r="G91300" s="16">
        <v>0.61882398298814789</v>
      </c>
    </row>
    <row r="91301" spans="1:7" x14ac:dyDescent="0.3">
      <c r="A91301" s="13" t="s">
        <v>456</v>
      </c>
      <c r="B91301" s="14" t="s">
        <v>1</v>
      </c>
      <c r="C91301" s="14" t="s">
        <v>23</v>
      </c>
      <c r="D91301" s="14" t="s">
        <v>457</v>
      </c>
      <c r="E91301" s="15">
        <v>45427</v>
      </c>
      <c r="F91301" s="14" t="s">
        <v>53</v>
      </c>
      <c r="G91301" s="16">
        <v>0.62838663451724319</v>
      </c>
    </row>
    <row r="91302" spans="1:7" x14ac:dyDescent="0.3">
      <c r="A91302" s="13" t="s">
        <v>456</v>
      </c>
      <c r="B91302" s="14" t="s">
        <v>1</v>
      </c>
      <c r="C91302" s="14" t="s">
        <v>23</v>
      </c>
      <c r="D91302" s="14" t="s">
        <v>457</v>
      </c>
      <c r="E91302" s="15">
        <v>45428</v>
      </c>
      <c r="F91302" s="14" t="s">
        <v>53</v>
      </c>
      <c r="G91302" s="16">
        <v>0.64322764478597361</v>
      </c>
    </row>
    <row r="91303" spans="1:7" x14ac:dyDescent="0.3">
      <c r="A91303" s="13" t="s">
        <v>456</v>
      </c>
      <c r="B91303" s="14" t="s">
        <v>1</v>
      </c>
      <c r="C91303" s="14" t="s">
        <v>23</v>
      </c>
      <c r="D91303" s="14" t="s">
        <v>457</v>
      </c>
      <c r="E91303" s="15">
        <v>45429</v>
      </c>
      <c r="F91303" s="14" t="s">
        <v>53</v>
      </c>
      <c r="G91303" s="16">
        <v>0.65589506980022105</v>
      </c>
    </row>
    <row r="91304" spans="1:7" x14ac:dyDescent="0.3">
      <c r="A91304" s="13" t="s">
        <v>456</v>
      </c>
      <c r="B91304" s="14" t="s">
        <v>1</v>
      </c>
      <c r="C91304" s="14" t="s">
        <v>23</v>
      </c>
      <c r="D91304" s="14" t="s">
        <v>457</v>
      </c>
      <c r="E91304" s="15">
        <v>45430</v>
      </c>
      <c r="F91304" s="14" t="s">
        <v>53</v>
      </c>
      <c r="G91304" s="16">
        <v>0.65589506980022105</v>
      </c>
    </row>
    <row r="91305" spans="1:7" x14ac:dyDescent="0.3">
      <c r="A91305" s="13" t="s">
        <v>456</v>
      </c>
      <c r="B91305" s="14" t="s">
        <v>1</v>
      </c>
      <c r="C91305" s="14" t="s">
        <v>23</v>
      </c>
      <c r="D91305" s="14" t="s">
        <v>457</v>
      </c>
      <c r="E91305" s="15">
        <v>45431</v>
      </c>
      <c r="F91305" s="14" t="s">
        <v>53</v>
      </c>
      <c r="G91305" s="16">
        <v>0.65589506980022105</v>
      </c>
    </row>
    <row r="91306" spans="1:7" x14ac:dyDescent="0.3">
      <c r="A91306" s="13" t="s">
        <v>456</v>
      </c>
      <c r="B91306" s="14" t="s">
        <v>1</v>
      </c>
      <c r="C91306" s="14" t="s">
        <v>23</v>
      </c>
      <c r="D91306" s="14" t="s">
        <v>457</v>
      </c>
      <c r="E91306" s="15">
        <v>45432</v>
      </c>
      <c r="F91306" s="14" t="s">
        <v>53</v>
      </c>
      <c r="G91306" s="16">
        <v>0.67005867527395402</v>
      </c>
    </row>
    <row r="91307" spans="1:7" x14ac:dyDescent="0.3">
      <c r="A91307" s="13" t="s">
        <v>456</v>
      </c>
      <c r="B91307" s="14" t="s">
        <v>1</v>
      </c>
      <c r="C91307" s="14" t="s">
        <v>23</v>
      </c>
      <c r="D91307" s="14" t="s">
        <v>457</v>
      </c>
      <c r="E91307" s="15">
        <v>45433</v>
      </c>
      <c r="F91307" s="14" t="s">
        <v>53</v>
      </c>
      <c r="G91307" s="16">
        <v>0.71286638121809554</v>
      </c>
    </row>
    <row r="91308" spans="1:7" x14ac:dyDescent="0.3">
      <c r="A91308" s="13" t="s">
        <v>456</v>
      </c>
      <c r="B91308" s="14" t="s">
        <v>1</v>
      </c>
      <c r="C91308" s="14" t="s">
        <v>23</v>
      </c>
      <c r="D91308" s="14" t="s">
        <v>457</v>
      </c>
      <c r="E91308" s="15">
        <v>45434</v>
      </c>
      <c r="F91308" s="14" t="s">
        <v>53</v>
      </c>
      <c r="G91308" s="16">
        <v>0.72667656553118776</v>
      </c>
    </row>
    <row r="91309" spans="1:7" x14ac:dyDescent="0.3">
      <c r="A91309" s="13" t="s">
        <v>456</v>
      </c>
      <c r="B91309" s="14" t="s">
        <v>1</v>
      </c>
      <c r="C91309" s="14" t="s">
        <v>23</v>
      </c>
      <c r="D91309" s="14" t="s">
        <v>457</v>
      </c>
      <c r="E91309" s="15">
        <v>45435</v>
      </c>
      <c r="F91309" s="14" t="s">
        <v>53</v>
      </c>
      <c r="G91309" s="16">
        <v>0.7444220922340633</v>
      </c>
    </row>
    <row r="91310" spans="1:7" x14ac:dyDescent="0.3">
      <c r="A91310" s="13" t="s">
        <v>456</v>
      </c>
      <c r="B91310" s="14" t="s">
        <v>1</v>
      </c>
      <c r="C91310" s="14" t="s">
        <v>23</v>
      </c>
      <c r="D91310" s="14" t="s">
        <v>457</v>
      </c>
      <c r="E91310" s="15">
        <v>45436</v>
      </c>
      <c r="F91310" s="14" t="s">
        <v>53</v>
      </c>
      <c r="G91310" s="16">
        <v>0.75613601843141909</v>
      </c>
    </row>
    <row r="91311" spans="1:7" x14ac:dyDescent="0.3">
      <c r="A91311" s="13" t="s">
        <v>456</v>
      </c>
      <c r="B91311" s="14" t="s">
        <v>1</v>
      </c>
      <c r="C91311" s="14" t="s">
        <v>23</v>
      </c>
      <c r="D91311" s="14" t="s">
        <v>457</v>
      </c>
      <c r="E91311" s="15">
        <v>45437</v>
      </c>
      <c r="F91311" s="14" t="s">
        <v>53</v>
      </c>
      <c r="G91311" s="16">
        <v>0.75613601843141909</v>
      </c>
    </row>
    <row r="91312" spans="1:7" x14ac:dyDescent="0.3">
      <c r="A91312" s="13" t="s">
        <v>456</v>
      </c>
      <c r="B91312" s="14" t="s">
        <v>1</v>
      </c>
      <c r="C91312" s="14" t="s">
        <v>23</v>
      </c>
      <c r="D91312" s="14" t="s">
        <v>457</v>
      </c>
      <c r="E91312" s="15">
        <v>45438</v>
      </c>
      <c r="F91312" s="14" t="s">
        <v>53</v>
      </c>
      <c r="G91312" s="16">
        <v>0.75613601843141909</v>
      </c>
    </row>
    <row r="91313" spans="1:7" x14ac:dyDescent="0.3">
      <c r="A91313" s="13" t="s">
        <v>456</v>
      </c>
      <c r="B91313" s="14" t="s">
        <v>1</v>
      </c>
      <c r="C91313" s="14" t="s">
        <v>23</v>
      </c>
      <c r="D91313" s="14" t="s">
        <v>457</v>
      </c>
      <c r="E91313" s="15">
        <v>45439</v>
      </c>
      <c r="F91313" s="14" t="s">
        <v>53</v>
      </c>
      <c r="G91313" s="16">
        <v>0.75613601843141909</v>
      </c>
    </row>
    <row r="91314" spans="1:7" x14ac:dyDescent="0.3">
      <c r="A91314" s="13" t="s">
        <v>456</v>
      </c>
      <c r="B91314" s="14" t="s">
        <v>1</v>
      </c>
      <c r="C91314" s="14" t="s">
        <v>23</v>
      </c>
      <c r="D91314" s="14" t="s">
        <v>457</v>
      </c>
      <c r="E91314" s="15">
        <v>45440</v>
      </c>
      <c r="F91314" s="14" t="s">
        <v>53</v>
      </c>
      <c r="G91314" s="16">
        <v>0.76867348757417076</v>
      </c>
    </row>
    <row r="91315" spans="1:7" x14ac:dyDescent="0.3">
      <c r="A91315" s="13" t="s">
        <v>456</v>
      </c>
      <c r="B91315" s="14" t="s">
        <v>1</v>
      </c>
      <c r="C91315" s="14" t="s">
        <v>23</v>
      </c>
      <c r="D91315" s="14" t="s">
        <v>457</v>
      </c>
      <c r="E91315" s="15">
        <v>45441</v>
      </c>
      <c r="F91315" s="14" t="s">
        <v>53</v>
      </c>
      <c r="G91315" s="16">
        <v>0.82395604084732121</v>
      </c>
    </row>
    <row r="91316" spans="1:7" x14ac:dyDescent="0.3">
      <c r="A91316" s="13" t="s">
        <v>456</v>
      </c>
      <c r="B91316" s="14" t="s">
        <v>1</v>
      </c>
      <c r="C91316" s="14" t="s">
        <v>23</v>
      </c>
      <c r="D91316" s="14" t="s">
        <v>457</v>
      </c>
      <c r="E91316" s="15">
        <v>45442</v>
      </c>
      <c r="F91316" s="14" t="s">
        <v>53</v>
      </c>
      <c r="G91316" s="16">
        <v>0.83789659965934771</v>
      </c>
    </row>
    <row r="91317" spans="1:7" x14ac:dyDescent="0.3">
      <c r="A91317" s="13" t="s">
        <v>456</v>
      </c>
      <c r="B91317" s="14" t="s">
        <v>1</v>
      </c>
      <c r="C91317" s="14" t="s">
        <v>23</v>
      </c>
      <c r="D91317" s="14" t="s">
        <v>457</v>
      </c>
      <c r="E91317" s="15">
        <v>45443</v>
      </c>
      <c r="F91317" s="14" t="s">
        <v>53</v>
      </c>
      <c r="G91317" s="16">
        <v>0.8461501974974408</v>
      </c>
    </row>
    <row r="91318" spans="1:7" x14ac:dyDescent="0.3">
      <c r="A91318" s="13" t="s">
        <v>456</v>
      </c>
      <c r="B91318" s="14" t="s">
        <v>1</v>
      </c>
      <c r="C91318" s="14" t="s">
        <v>23</v>
      </c>
      <c r="D91318" s="14" t="s">
        <v>457</v>
      </c>
      <c r="E91318" s="15">
        <v>45444</v>
      </c>
      <c r="F91318" s="14" t="s">
        <v>53</v>
      </c>
      <c r="G91318" s="16">
        <v>0.8461501974974408</v>
      </c>
    </row>
    <row r="91319" spans="1:7" x14ac:dyDescent="0.3">
      <c r="A91319" s="13" t="s">
        <v>456</v>
      </c>
      <c r="B91319" s="14" t="s">
        <v>1</v>
      </c>
      <c r="C91319" s="14" t="s">
        <v>23</v>
      </c>
      <c r="D91319" s="14" t="s">
        <v>457</v>
      </c>
      <c r="E91319" s="15">
        <v>45445</v>
      </c>
      <c r="F91319" s="14" t="s">
        <v>53</v>
      </c>
      <c r="G91319" s="16">
        <v>0.8461501974974408</v>
      </c>
    </row>
    <row r="91320" spans="1:7" x14ac:dyDescent="0.3">
      <c r="A91320" s="13" t="s">
        <v>456</v>
      </c>
      <c r="B91320" s="14" t="s">
        <v>1</v>
      </c>
      <c r="C91320" s="14" t="s">
        <v>23</v>
      </c>
      <c r="D91320" s="14" t="s">
        <v>457</v>
      </c>
      <c r="E91320" s="15">
        <v>45446</v>
      </c>
      <c r="F91320" s="14" t="s">
        <v>53</v>
      </c>
      <c r="G91320" s="16">
        <v>0.8461501974974408</v>
      </c>
    </row>
    <row r="91321" spans="1:7" x14ac:dyDescent="0.3">
      <c r="A91321" s="13" t="s">
        <v>456</v>
      </c>
      <c r="B91321" s="14" t="s">
        <v>1</v>
      </c>
      <c r="C91321" s="14" t="s">
        <v>23</v>
      </c>
      <c r="D91321" s="14" t="s">
        <v>457</v>
      </c>
      <c r="E91321" s="15">
        <v>45447</v>
      </c>
      <c r="F91321" s="14" t="s">
        <v>53</v>
      </c>
      <c r="G91321" s="16">
        <v>0.86161552101404437</v>
      </c>
    </row>
    <row r="91322" spans="1:7" x14ac:dyDescent="0.3">
      <c r="A91322" s="13" t="s">
        <v>456</v>
      </c>
      <c r="B91322" s="14" t="s">
        <v>1</v>
      </c>
      <c r="C91322" s="14" t="s">
        <v>23</v>
      </c>
      <c r="D91322" s="14" t="s">
        <v>457</v>
      </c>
      <c r="E91322" s="15">
        <v>45448</v>
      </c>
      <c r="F91322" s="14" t="s">
        <v>53</v>
      </c>
      <c r="G91322" s="16">
        <v>0.92040836682977945</v>
      </c>
    </row>
    <row r="91323" spans="1:7" x14ac:dyDescent="0.3">
      <c r="A91323" s="13" t="s">
        <v>456</v>
      </c>
      <c r="B91323" s="14" t="s">
        <v>1</v>
      </c>
      <c r="C91323" s="14" t="s">
        <v>23</v>
      </c>
      <c r="D91323" s="14" t="s">
        <v>457</v>
      </c>
      <c r="E91323" s="15">
        <v>45449</v>
      </c>
      <c r="F91323" s="14" t="s">
        <v>53</v>
      </c>
      <c r="G91323" s="16">
        <v>0.93370703765864504</v>
      </c>
    </row>
    <row r="91324" spans="1:7" x14ac:dyDescent="0.3">
      <c r="A91324" s="13" t="s">
        <v>456</v>
      </c>
      <c r="B91324" s="14" t="s">
        <v>1</v>
      </c>
      <c r="C91324" s="14" t="s">
        <v>23</v>
      </c>
      <c r="D91324" s="14" t="s">
        <v>457</v>
      </c>
      <c r="E91324" s="15">
        <v>45450</v>
      </c>
      <c r="F91324" s="14" t="s">
        <v>53</v>
      </c>
      <c r="G91324" s="16">
        <v>0.97212093202085725</v>
      </c>
    </row>
    <row r="91325" spans="1:7" x14ac:dyDescent="0.3">
      <c r="A91325" s="13" t="s">
        <v>456</v>
      </c>
      <c r="B91325" s="14" t="s">
        <v>1</v>
      </c>
      <c r="C91325" s="14" t="s">
        <v>23</v>
      </c>
      <c r="D91325" s="14" t="s">
        <v>457</v>
      </c>
      <c r="E91325" s="15">
        <v>45451</v>
      </c>
      <c r="F91325" s="14" t="s">
        <v>53</v>
      </c>
      <c r="G91325" s="16">
        <v>0.97212093202085725</v>
      </c>
    </row>
    <row r="91326" spans="1:7" x14ac:dyDescent="0.3">
      <c r="A91326" s="13" t="s">
        <v>456</v>
      </c>
      <c r="B91326" s="14" t="s">
        <v>1</v>
      </c>
      <c r="C91326" s="14" t="s">
        <v>23</v>
      </c>
      <c r="D91326" s="14" t="s">
        <v>457</v>
      </c>
      <c r="E91326" s="15">
        <v>45452</v>
      </c>
      <c r="F91326" s="14" t="s">
        <v>53</v>
      </c>
      <c r="G91326" s="16">
        <v>0.97212093202085725</v>
      </c>
    </row>
    <row r="91327" spans="1:7" x14ac:dyDescent="0.3">
      <c r="A91327" s="13" t="s">
        <v>456</v>
      </c>
      <c r="B91327" s="14" t="s">
        <v>1</v>
      </c>
      <c r="C91327" s="14" t="s">
        <v>23</v>
      </c>
      <c r="D91327" s="14" t="s">
        <v>457</v>
      </c>
      <c r="E91327" s="15">
        <v>45453</v>
      </c>
      <c r="F91327" s="14" t="s">
        <v>53</v>
      </c>
      <c r="G91327" s="16">
        <v>0.98505001487286092</v>
      </c>
    </row>
    <row r="91328" spans="1:7" x14ac:dyDescent="0.3">
      <c r="A91328" s="13" t="s">
        <v>456</v>
      </c>
      <c r="B91328" s="14" t="s">
        <v>1</v>
      </c>
      <c r="C91328" s="14" t="s">
        <v>23</v>
      </c>
      <c r="D91328" s="14" t="s">
        <v>457</v>
      </c>
      <c r="E91328" s="15">
        <v>45454</v>
      </c>
      <c r="F91328" s="14" t="s">
        <v>53</v>
      </c>
      <c r="G91328" s="16">
        <v>1.0246719158579827</v>
      </c>
    </row>
    <row r="91329" spans="1:7" x14ac:dyDescent="0.3">
      <c r="A91329" s="13" t="s">
        <v>456</v>
      </c>
      <c r="B91329" s="14" t="s">
        <v>1</v>
      </c>
      <c r="C91329" s="14" t="s">
        <v>23</v>
      </c>
      <c r="D91329" s="14" t="s">
        <v>457</v>
      </c>
      <c r="E91329" s="15">
        <v>45455</v>
      </c>
      <c r="F91329" s="14" t="s">
        <v>53</v>
      </c>
      <c r="G91329" s="16">
        <v>1.0336982003800321</v>
      </c>
    </row>
    <row r="91330" spans="1:7" x14ac:dyDescent="0.3">
      <c r="A91330" s="13" t="s">
        <v>456</v>
      </c>
      <c r="B91330" s="14" t="s">
        <v>1</v>
      </c>
      <c r="C91330" s="14" t="s">
        <v>23</v>
      </c>
      <c r="D91330" s="14" t="s">
        <v>457</v>
      </c>
      <c r="E91330" s="15">
        <v>45456</v>
      </c>
      <c r="F91330" s="14" t="s">
        <v>53</v>
      </c>
      <c r="G91330" s="16">
        <v>1.0495431898228857</v>
      </c>
    </row>
    <row r="91331" spans="1:7" x14ac:dyDescent="0.3">
      <c r="A91331" s="13" t="s">
        <v>456</v>
      </c>
      <c r="B91331" s="14" t="s">
        <v>1</v>
      </c>
      <c r="C91331" s="14" t="s">
        <v>23</v>
      </c>
      <c r="D91331" s="14" t="s">
        <v>457</v>
      </c>
      <c r="E91331" s="15">
        <v>45457</v>
      </c>
      <c r="F91331" s="14" t="s">
        <v>53</v>
      </c>
      <c r="G91331" s="16">
        <v>1.0707483082300453</v>
      </c>
    </row>
    <row r="91332" spans="1:7" x14ac:dyDescent="0.3">
      <c r="A91332" s="13" t="s">
        <v>456</v>
      </c>
      <c r="B91332" s="14" t="s">
        <v>1</v>
      </c>
      <c r="C91332" s="14" t="s">
        <v>23</v>
      </c>
      <c r="D91332" s="14" t="s">
        <v>457</v>
      </c>
      <c r="E91332" s="15">
        <v>45458</v>
      </c>
      <c r="F91332" s="14" t="s">
        <v>53</v>
      </c>
      <c r="G91332" s="16">
        <v>1.0707483082300453</v>
      </c>
    </row>
    <row r="91333" spans="1:7" x14ac:dyDescent="0.3">
      <c r="A91333" s="13" t="s">
        <v>456</v>
      </c>
      <c r="B91333" s="14" t="s">
        <v>1</v>
      </c>
      <c r="C91333" s="14" t="s">
        <v>23</v>
      </c>
      <c r="D91333" s="14" t="s">
        <v>457</v>
      </c>
      <c r="E91333" s="15">
        <v>45459</v>
      </c>
      <c r="F91333" s="14" t="s">
        <v>53</v>
      </c>
      <c r="G91333" s="16">
        <v>1.0707483082300453</v>
      </c>
    </row>
    <row r="91334" spans="1:7" x14ac:dyDescent="0.3">
      <c r="A91334" s="13" t="s">
        <v>456</v>
      </c>
      <c r="B91334" s="14" t="s">
        <v>1</v>
      </c>
      <c r="C91334" s="14" t="s">
        <v>23</v>
      </c>
      <c r="D91334" s="14" t="s">
        <v>457</v>
      </c>
      <c r="E91334" s="15">
        <v>45460</v>
      </c>
      <c r="F91334" s="14" t="s">
        <v>53</v>
      </c>
      <c r="G91334" s="16">
        <v>1.0830914086934944</v>
      </c>
    </row>
    <row r="91335" spans="1:7" x14ac:dyDescent="0.3">
      <c r="A91335" s="13" t="s">
        <v>456</v>
      </c>
      <c r="B91335" s="14" t="s">
        <v>1</v>
      </c>
      <c r="C91335" s="14" t="s">
        <v>23</v>
      </c>
      <c r="D91335" s="14" t="s">
        <v>457</v>
      </c>
      <c r="E91335" s="15">
        <v>45461</v>
      </c>
      <c r="F91335" s="14" t="s">
        <v>53</v>
      </c>
      <c r="G91335" s="16">
        <v>1.1234771046279191</v>
      </c>
    </row>
    <row r="91336" spans="1:7" x14ac:dyDescent="0.3">
      <c r="A91336" s="13" t="s">
        <v>456</v>
      </c>
      <c r="B91336" s="14" t="s">
        <v>1</v>
      </c>
      <c r="C91336" s="14" t="s">
        <v>23</v>
      </c>
      <c r="D91336" s="14" t="s">
        <v>457</v>
      </c>
      <c r="E91336" s="15">
        <v>45462</v>
      </c>
      <c r="F91336" s="14" t="s">
        <v>53</v>
      </c>
      <c r="G91336" s="16">
        <v>1.1234771046279191</v>
      </c>
    </row>
    <row r="91337" spans="1:7" x14ac:dyDescent="0.3">
      <c r="A91337" s="13" t="s">
        <v>456</v>
      </c>
      <c r="B91337" s="14" t="s">
        <v>1</v>
      </c>
      <c r="C91337" s="14" t="s">
        <v>23</v>
      </c>
      <c r="D91337" s="14" t="s">
        <v>457</v>
      </c>
      <c r="E91337" s="15">
        <v>45463</v>
      </c>
      <c r="F91337" s="14" t="s">
        <v>53</v>
      </c>
      <c r="G91337" s="16">
        <v>1.1418785057562872</v>
      </c>
    </row>
    <row r="91338" spans="1:7" x14ac:dyDescent="0.3">
      <c r="A91338" s="13" t="s">
        <v>456</v>
      </c>
      <c r="B91338" s="14" t="s">
        <v>1</v>
      </c>
      <c r="C91338" s="14" t="s">
        <v>23</v>
      </c>
      <c r="D91338" s="14" t="s">
        <v>457</v>
      </c>
      <c r="E91338" s="15">
        <v>45464</v>
      </c>
      <c r="F91338" s="14" t="s">
        <v>53</v>
      </c>
      <c r="G91338" s="16">
        <v>1.1716492672077867</v>
      </c>
    </row>
    <row r="91339" spans="1:7" x14ac:dyDescent="0.3">
      <c r="A91339" s="13" t="s">
        <v>456</v>
      </c>
      <c r="B91339" s="14" t="s">
        <v>1</v>
      </c>
      <c r="C91339" s="14" t="s">
        <v>23</v>
      </c>
      <c r="D91339" s="14" t="s">
        <v>457</v>
      </c>
      <c r="E91339" s="15">
        <v>45465</v>
      </c>
      <c r="F91339" s="14" t="s">
        <v>53</v>
      </c>
      <c r="G91339" s="16">
        <v>1.1716492672077867</v>
      </c>
    </row>
    <row r="91340" spans="1:7" x14ac:dyDescent="0.3">
      <c r="A91340" s="13" t="s">
        <v>456</v>
      </c>
      <c r="B91340" s="14" t="s">
        <v>1</v>
      </c>
      <c r="C91340" s="14" t="s">
        <v>23</v>
      </c>
      <c r="D91340" s="14" t="s">
        <v>457</v>
      </c>
      <c r="E91340" s="15">
        <v>45466</v>
      </c>
      <c r="F91340" s="14" t="s">
        <v>53</v>
      </c>
      <c r="G91340" s="16">
        <v>1.1716492672077867</v>
      </c>
    </row>
    <row r="91341" spans="1:7" x14ac:dyDescent="0.3">
      <c r="A91341" s="13" t="s">
        <v>456</v>
      </c>
      <c r="B91341" s="14" t="s">
        <v>1</v>
      </c>
      <c r="C91341" s="14" t="s">
        <v>23</v>
      </c>
      <c r="D91341" s="14" t="s">
        <v>457</v>
      </c>
      <c r="E91341" s="15">
        <v>45467</v>
      </c>
      <c r="F91341" s="14" t="s">
        <v>53</v>
      </c>
      <c r="G91341" s="16">
        <v>1.1813704082661196</v>
      </c>
    </row>
    <row r="91342" spans="1:7" x14ac:dyDescent="0.3">
      <c r="A91342" s="13" t="s">
        <v>456</v>
      </c>
      <c r="B91342" s="14" t="s">
        <v>1</v>
      </c>
      <c r="C91342" s="14" t="s">
        <v>23</v>
      </c>
      <c r="D91342" s="14" t="s">
        <v>457</v>
      </c>
      <c r="E91342" s="15">
        <v>45468</v>
      </c>
      <c r="F91342" s="14" t="s">
        <v>53</v>
      </c>
      <c r="G91342" s="16">
        <v>1.2247773580887007</v>
      </c>
    </row>
    <row r="91343" spans="1:7" x14ac:dyDescent="0.3">
      <c r="A91343" s="13" t="s">
        <v>456</v>
      </c>
      <c r="B91343" s="14" t="s">
        <v>1</v>
      </c>
      <c r="C91343" s="14" t="s">
        <v>23</v>
      </c>
      <c r="D91343" s="14" t="s">
        <v>457</v>
      </c>
      <c r="E91343" s="15">
        <v>45469</v>
      </c>
      <c r="F91343" s="14" t="s">
        <v>53</v>
      </c>
      <c r="G91343" s="16">
        <v>1.2433560743928422</v>
      </c>
    </row>
    <row r="91344" spans="1:7" x14ac:dyDescent="0.3">
      <c r="A91344" s="13" t="s">
        <v>456</v>
      </c>
      <c r="B91344" s="14" t="s">
        <v>1</v>
      </c>
      <c r="C91344" s="14" t="s">
        <v>23</v>
      </c>
      <c r="D91344" s="14" t="s">
        <v>457</v>
      </c>
      <c r="E91344" s="15">
        <v>45470</v>
      </c>
      <c r="F91344" s="14" t="s">
        <v>53</v>
      </c>
      <c r="G91344" s="16">
        <v>1.25512431855113</v>
      </c>
    </row>
    <row r="91345" spans="1:7" x14ac:dyDescent="0.3">
      <c r="A91345" s="13" t="s">
        <v>456</v>
      </c>
      <c r="B91345" s="14" t="s">
        <v>1</v>
      </c>
      <c r="C91345" s="14" t="s">
        <v>23</v>
      </c>
      <c r="D91345" s="14" t="s">
        <v>457</v>
      </c>
      <c r="E91345" s="15">
        <v>45471</v>
      </c>
      <c r="F91345" s="14" t="s">
        <v>53</v>
      </c>
      <c r="G91345" s="16">
        <v>1.2683093823629366</v>
      </c>
    </row>
    <row r="91346" spans="1:7" x14ac:dyDescent="0.3">
      <c r="A91346" s="13" t="s">
        <v>456</v>
      </c>
      <c r="B91346" s="14" t="s">
        <v>1</v>
      </c>
      <c r="C91346" s="14" t="s">
        <v>23</v>
      </c>
      <c r="D91346" s="14" t="s">
        <v>457</v>
      </c>
      <c r="E91346" s="15">
        <v>45472</v>
      </c>
      <c r="F91346" s="14" t="s">
        <v>53</v>
      </c>
      <c r="G91346" s="16">
        <v>1.2683093823629366</v>
      </c>
    </row>
    <row r="91347" spans="1:7" x14ac:dyDescent="0.3">
      <c r="A91347" s="13" t="s">
        <v>456</v>
      </c>
      <c r="B91347" s="14" t="s">
        <v>1</v>
      </c>
      <c r="C91347" s="14" t="s">
        <v>23</v>
      </c>
      <c r="D91347" s="14" t="s">
        <v>457</v>
      </c>
      <c r="E91347" s="15">
        <v>45473</v>
      </c>
      <c r="F91347" s="14" t="s">
        <v>53</v>
      </c>
      <c r="G91347" s="16">
        <v>1.2683093823629366</v>
      </c>
    </row>
    <row r="91348" spans="1:7" x14ac:dyDescent="0.3">
      <c r="A91348" s="13" t="s">
        <v>456</v>
      </c>
      <c r="B91348" s="14" t="s">
        <v>1</v>
      </c>
      <c r="C91348" s="14" t="s">
        <v>23</v>
      </c>
      <c r="D91348" s="14" t="s">
        <v>457</v>
      </c>
      <c r="E91348" s="15">
        <v>45474</v>
      </c>
      <c r="F91348" s="14" t="s">
        <v>53</v>
      </c>
      <c r="G91348" s="16">
        <v>1.281319842204713</v>
      </c>
    </row>
    <row r="91349" spans="1:7" x14ac:dyDescent="0.3">
      <c r="A91349" s="13" t="s">
        <v>456</v>
      </c>
      <c r="B91349" s="14" t="s">
        <v>1</v>
      </c>
      <c r="C91349" s="14" t="s">
        <v>23</v>
      </c>
      <c r="D91349" s="14" t="s">
        <v>457</v>
      </c>
      <c r="E91349" s="15">
        <v>45475</v>
      </c>
      <c r="F91349" s="14" t="s">
        <v>53</v>
      </c>
      <c r="G91349" s="16">
        <v>1.3192173838565149</v>
      </c>
    </row>
    <row r="91350" spans="1:7" x14ac:dyDescent="0.3">
      <c r="A91350" s="13" t="s">
        <v>456</v>
      </c>
      <c r="B91350" s="14" t="s">
        <v>1</v>
      </c>
      <c r="C91350" s="14" t="s">
        <v>23</v>
      </c>
      <c r="D91350" s="14" t="s">
        <v>457</v>
      </c>
      <c r="E91350" s="15">
        <v>45476</v>
      </c>
      <c r="F91350" s="14" t="s">
        <v>53</v>
      </c>
      <c r="G91350" s="16">
        <v>1.3270140546933114</v>
      </c>
    </row>
    <row r="91351" spans="1:7" x14ac:dyDescent="0.3">
      <c r="A91351" s="13" t="s">
        <v>456</v>
      </c>
      <c r="B91351" s="14" t="s">
        <v>1</v>
      </c>
      <c r="C91351" s="14" t="s">
        <v>23</v>
      </c>
      <c r="D91351" s="14" t="s">
        <v>457</v>
      </c>
      <c r="E91351" s="15">
        <v>45477</v>
      </c>
      <c r="F91351" s="14" t="s">
        <v>53</v>
      </c>
      <c r="G91351" s="16">
        <v>1.3270140546933114</v>
      </c>
    </row>
    <row r="91352" spans="1:7" x14ac:dyDescent="0.3">
      <c r="A91352" s="13" t="s">
        <v>456</v>
      </c>
      <c r="B91352" s="14" t="s">
        <v>1</v>
      </c>
      <c r="C91352" s="14" t="s">
        <v>23</v>
      </c>
      <c r="D91352" s="14" t="s">
        <v>457</v>
      </c>
      <c r="E91352" s="15">
        <v>45478</v>
      </c>
      <c r="F91352" s="14" t="s">
        <v>53</v>
      </c>
      <c r="G91352" s="16">
        <v>1.3329746939931129</v>
      </c>
    </row>
    <row r="91353" spans="1:7" x14ac:dyDescent="0.3">
      <c r="A91353" s="13" t="s">
        <v>456</v>
      </c>
      <c r="B91353" s="14" t="s">
        <v>1</v>
      </c>
      <c r="C91353" s="14" t="s">
        <v>23</v>
      </c>
      <c r="D91353" s="14" t="s">
        <v>457</v>
      </c>
      <c r="E91353" s="15">
        <v>45479</v>
      </c>
      <c r="F91353" s="14" t="s">
        <v>53</v>
      </c>
      <c r="G91353" s="16">
        <v>1.3329746939931129</v>
      </c>
    </row>
    <row r="91354" spans="1:7" x14ac:dyDescent="0.3">
      <c r="A91354" s="13" t="s">
        <v>456</v>
      </c>
      <c r="B91354" s="14" t="s">
        <v>1</v>
      </c>
      <c r="C91354" s="14" t="s">
        <v>23</v>
      </c>
      <c r="D91354" s="14" t="s">
        <v>457</v>
      </c>
      <c r="E91354" s="15">
        <v>45480</v>
      </c>
      <c r="F91354" s="14" t="s">
        <v>53</v>
      </c>
      <c r="G91354" s="16">
        <v>1.3329746939931129</v>
      </c>
    </row>
    <row r="91355" spans="1:7" x14ac:dyDescent="0.3">
      <c r="A91355" s="13" t="s">
        <v>456</v>
      </c>
      <c r="B91355" s="14" t="s">
        <v>1</v>
      </c>
      <c r="C91355" s="14" t="s">
        <v>23</v>
      </c>
      <c r="D91355" s="14" t="s">
        <v>457</v>
      </c>
      <c r="E91355" s="15">
        <v>45481</v>
      </c>
      <c r="F91355" s="14" t="s">
        <v>53</v>
      </c>
      <c r="G91355" s="16">
        <v>1.3862052732378807</v>
      </c>
    </row>
    <row r="91356" spans="1:7" x14ac:dyDescent="0.3">
      <c r="A91356" s="13" t="s">
        <v>456</v>
      </c>
      <c r="B91356" s="14" t="s">
        <v>1</v>
      </c>
      <c r="C91356" s="14" t="s">
        <v>23</v>
      </c>
      <c r="D91356" s="14" t="s">
        <v>457</v>
      </c>
      <c r="E91356" s="15">
        <v>45482</v>
      </c>
      <c r="F91356" s="14" t="s">
        <v>53</v>
      </c>
      <c r="G91356" s="16">
        <v>1.4306539010784816</v>
      </c>
    </row>
    <row r="91357" spans="1:7" x14ac:dyDescent="0.3">
      <c r="A91357" s="13" t="s">
        <v>456</v>
      </c>
      <c r="B91357" s="14" t="s">
        <v>1</v>
      </c>
      <c r="C91357" s="14" t="s">
        <v>23</v>
      </c>
      <c r="D91357" s="14" t="s">
        <v>457</v>
      </c>
      <c r="E91357" s="15">
        <v>45483</v>
      </c>
      <c r="F91357" s="14" t="s">
        <v>53</v>
      </c>
      <c r="G91357" s="16">
        <v>1.4386516110941401</v>
      </c>
    </row>
    <row r="91358" spans="1:7" x14ac:dyDescent="0.3">
      <c r="A91358" s="13" t="s">
        <v>456</v>
      </c>
      <c r="B91358" s="14" t="s">
        <v>1</v>
      </c>
      <c r="C91358" s="14" t="s">
        <v>23</v>
      </c>
      <c r="D91358" s="14" t="s">
        <v>457</v>
      </c>
      <c r="E91358" s="15">
        <v>45484</v>
      </c>
      <c r="F91358" s="14" t="s">
        <v>53</v>
      </c>
      <c r="G91358" s="16">
        <v>1.4453723319724261</v>
      </c>
    </row>
    <row r="91359" spans="1:7" x14ac:dyDescent="0.3">
      <c r="A91359" s="13" t="s">
        <v>456</v>
      </c>
      <c r="B91359" s="14" t="s">
        <v>1</v>
      </c>
      <c r="C91359" s="14" t="s">
        <v>23</v>
      </c>
      <c r="D91359" s="14" t="s">
        <v>457</v>
      </c>
      <c r="E91359" s="15">
        <v>45485</v>
      </c>
      <c r="F91359" s="14" t="s">
        <v>53</v>
      </c>
      <c r="G91359" s="16">
        <v>1.4510857138459283</v>
      </c>
    </row>
    <row r="91360" spans="1:7" x14ac:dyDescent="0.3">
      <c r="A91360" s="13" t="s">
        <v>456</v>
      </c>
      <c r="B91360" s="14" t="s">
        <v>1</v>
      </c>
      <c r="C91360" s="14" t="s">
        <v>23</v>
      </c>
      <c r="D91360" s="14" t="s">
        <v>457</v>
      </c>
      <c r="E91360" s="15">
        <v>45486</v>
      </c>
      <c r="F91360" s="14" t="s">
        <v>53</v>
      </c>
      <c r="G91360" s="16">
        <v>1.4510857138459283</v>
      </c>
    </row>
    <row r="91361" spans="1:7" x14ac:dyDescent="0.3">
      <c r="A91361" s="13" t="s">
        <v>456</v>
      </c>
      <c r="B91361" s="14" t="s">
        <v>1</v>
      </c>
      <c r="C91361" s="14" t="s">
        <v>23</v>
      </c>
      <c r="D91361" s="14" t="s">
        <v>457</v>
      </c>
      <c r="E91361" s="15">
        <v>45487</v>
      </c>
      <c r="F91361" s="14" t="s">
        <v>53</v>
      </c>
      <c r="G91361" s="16">
        <v>1.4510857138459283</v>
      </c>
    </row>
    <row r="91362" spans="1:7" x14ac:dyDescent="0.3">
      <c r="A91362" s="13" t="s">
        <v>456</v>
      </c>
      <c r="B91362" s="14" t="s">
        <v>1</v>
      </c>
      <c r="C91362" s="14" t="s">
        <v>23</v>
      </c>
      <c r="D91362" s="14" t="s">
        <v>457</v>
      </c>
      <c r="E91362" s="15">
        <v>45488</v>
      </c>
      <c r="F91362" s="14" t="s">
        <v>53</v>
      </c>
      <c r="G91362" s="16">
        <v>1.467408655841641</v>
      </c>
    </row>
    <row r="91363" spans="1:7" x14ac:dyDescent="0.3">
      <c r="A91363" s="13" t="s">
        <v>456</v>
      </c>
      <c r="B91363" s="14" t="s">
        <v>1</v>
      </c>
      <c r="C91363" s="14" t="s">
        <v>23</v>
      </c>
      <c r="D91363" s="14" t="s">
        <v>457</v>
      </c>
      <c r="E91363" s="15">
        <v>45489</v>
      </c>
      <c r="F91363" s="14" t="s">
        <v>53</v>
      </c>
      <c r="G91363" s="16">
        <v>1.5086282488121754</v>
      </c>
    </row>
    <row r="91364" spans="1:7" x14ac:dyDescent="0.3">
      <c r="A91364" s="13" t="s">
        <v>456</v>
      </c>
      <c r="B91364" s="14" t="s">
        <v>1</v>
      </c>
      <c r="C91364" s="14" t="s">
        <v>23</v>
      </c>
      <c r="D91364" s="14" t="s">
        <v>457</v>
      </c>
      <c r="E91364" s="15">
        <v>45490</v>
      </c>
      <c r="F91364" s="14" t="s">
        <v>53</v>
      </c>
      <c r="G91364" s="16">
        <v>1.5173096612861476</v>
      </c>
    </row>
    <row r="91365" spans="1:7" x14ac:dyDescent="0.3">
      <c r="A91365" s="13" t="s">
        <v>456</v>
      </c>
      <c r="B91365" s="14" t="s">
        <v>1</v>
      </c>
      <c r="C91365" s="14" t="s">
        <v>23</v>
      </c>
      <c r="D91365" s="14" t="s">
        <v>457</v>
      </c>
      <c r="E91365" s="15">
        <v>45491</v>
      </c>
      <c r="F91365" s="14" t="s">
        <v>53</v>
      </c>
      <c r="G91365" s="16">
        <v>1.5386039577680379</v>
      </c>
    </row>
    <row r="91366" spans="1:7" x14ac:dyDescent="0.3">
      <c r="A91366" s="13" t="s">
        <v>456</v>
      </c>
      <c r="B91366" s="14" t="s">
        <v>1</v>
      </c>
      <c r="C91366" s="14" t="s">
        <v>23</v>
      </c>
      <c r="D91366" s="14" t="s">
        <v>457</v>
      </c>
      <c r="E91366" s="15">
        <v>45492</v>
      </c>
      <c r="F91366" s="14" t="s">
        <v>53</v>
      </c>
      <c r="G91366" s="16">
        <v>1.5548575888367393</v>
      </c>
    </row>
    <row r="91367" spans="1:7" x14ac:dyDescent="0.3">
      <c r="A91367" s="13" t="s">
        <v>456</v>
      </c>
      <c r="B91367" s="14" t="s">
        <v>1</v>
      </c>
      <c r="C91367" s="14" t="s">
        <v>23</v>
      </c>
      <c r="D91367" s="14" t="s">
        <v>457</v>
      </c>
      <c r="E91367" s="15">
        <v>45493</v>
      </c>
      <c r="F91367" s="14" t="s">
        <v>53</v>
      </c>
      <c r="G91367" s="16">
        <v>1.5548575888367393</v>
      </c>
    </row>
    <row r="91368" spans="1:7" x14ac:dyDescent="0.3">
      <c r="A91368" s="13" t="s">
        <v>456</v>
      </c>
      <c r="B91368" s="14" t="s">
        <v>1</v>
      </c>
      <c r="C91368" s="14" t="s">
        <v>23</v>
      </c>
      <c r="D91368" s="14" t="s">
        <v>457</v>
      </c>
      <c r="E91368" s="15">
        <v>45494</v>
      </c>
      <c r="F91368" s="14" t="s">
        <v>53</v>
      </c>
      <c r="G91368" s="16">
        <v>1.5548575888367393</v>
      </c>
    </row>
    <row r="91369" spans="1:7" x14ac:dyDescent="0.3">
      <c r="A91369" s="13" t="s">
        <v>456</v>
      </c>
      <c r="B91369" s="14" t="s">
        <v>1</v>
      </c>
      <c r="C91369" s="14" t="s">
        <v>23</v>
      </c>
      <c r="D91369" s="14" t="s">
        <v>457</v>
      </c>
      <c r="E91369" s="15">
        <v>45495</v>
      </c>
      <c r="F91369" s="14" t="s">
        <v>53</v>
      </c>
      <c r="G91369" s="16">
        <v>1.5672061306832821</v>
      </c>
    </row>
    <row r="91370" spans="1:7" x14ac:dyDescent="0.3">
      <c r="A91370" s="13" t="s">
        <v>456</v>
      </c>
      <c r="B91370" s="14" t="s">
        <v>1</v>
      </c>
      <c r="C91370" s="14" t="s">
        <v>23</v>
      </c>
      <c r="D91370" s="14" t="s">
        <v>457</v>
      </c>
      <c r="E91370" s="15">
        <v>45496</v>
      </c>
      <c r="F91370" s="14" t="s">
        <v>53</v>
      </c>
      <c r="G91370" s="16">
        <v>1.6104976015383587</v>
      </c>
    </row>
    <row r="91371" spans="1:7" x14ac:dyDescent="0.3">
      <c r="A91371" s="13" t="s">
        <v>456</v>
      </c>
      <c r="B91371" s="14" t="s">
        <v>1</v>
      </c>
      <c r="C91371" s="14" t="s">
        <v>23</v>
      </c>
      <c r="D91371" s="14" t="s">
        <v>457</v>
      </c>
      <c r="E91371" s="15">
        <v>45497</v>
      </c>
      <c r="F91371" s="14" t="s">
        <v>53</v>
      </c>
      <c r="G91371" s="16">
        <v>1.6257821919181275</v>
      </c>
    </row>
    <row r="91372" spans="1:7" x14ac:dyDescent="0.3">
      <c r="A91372" s="13" t="s">
        <v>456</v>
      </c>
      <c r="B91372" s="14" t="s">
        <v>1</v>
      </c>
      <c r="C91372" s="14" t="s">
        <v>23</v>
      </c>
      <c r="D91372" s="14" t="s">
        <v>457</v>
      </c>
      <c r="E91372" s="15">
        <v>45498</v>
      </c>
      <c r="F91372" s="14" t="s">
        <v>53</v>
      </c>
      <c r="G91372" s="16">
        <v>1.645844911900058</v>
      </c>
    </row>
    <row r="91373" spans="1:7" x14ac:dyDescent="0.3">
      <c r="A91373" s="13" t="s">
        <v>456</v>
      </c>
      <c r="B91373" s="14" t="s">
        <v>1</v>
      </c>
      <c r="C91373" s="14" t="s">
        <v>23</v>
      </c>
      <c r="D91373" s="14" t="s">
        <v>457</v>
      </c>
      <c r="E91373" s="15">
        <v>45499</v>
      </c>
      <c r="F91373" s="14" t="s">
        <v>53</v>
      </c>
      <c r="G91373" s="16">
        <v>1.6562821466059328</v>
      </c>
    </row>
    <row r="91374" spans="1:7" x14ac:dyDescent="0.3">
      <c r="A91374" s="13" t="s">
        <v>456</v>
      </c>
      <c r="B91374" s="14" t="s">
        <v>1</v>
      </c>
      <c r="C91374" s="14" t="s">
        <v>23</v>
      </c>
      <c r="D91374" s="14" t="s">
        <v>457</v>
      </c>
      <c r="E91374" s="15">
        <v>45500</v>
      </c>
      <c r="F91374" s="14" t="s">
        <v>53</v>
      </c>
      <c r="G91374" s="16">
        <v>1.6562821466059328</v>
      </c>
    </row>
    <row r="91375" spans="1:7" x14ac:dyDescent="0.3">
      <c r="A91375" s="13" t="s">
        <v>456</v>
      </c>
      <c r="B91375" s="14" t="s">
        <v>1</v>
      </c>
      <c r="C91375" s="14" t="s">
        <v>23</v>
      </c>
      <c r="D91375" s="14" t="s">
        <v>457</v>
      </c>
      <c r="E91375" s="15">
        <v>45501</v>
      </c>
      <c r="F91375" s="14" t="s">
        <v>53</v>
      </c>
      <c r="G91375" s="16">
        <v>1.6562821466059328</v>
      </c>
    </row>
    <row r="91376" spans="1:7" x14ac:dyDescent="0.3">
      <c r="A91376" s="13" t="s">
        <v>456</v>
      </c>
      <c r="B91376" s="14" t="s">
        <v>1</v>
      </c>
      <c r="C91376" s="14" t="s">
        <v>23</v>
      </c>
      <c r="D91376" s="14" t="s">
        <v>457</v>
      </c>
      <c r="E91376" s="15">
        <v>45502</v>
      </c>
      <c r="F91376" s="14" t="s">
        <v>53</v>
      </c>
      <c r="G91376" s="16">
        <v>1.67030331961269</v>
      </c>
    </row>
    <row r="91377" spans="1:7" x14ac:dyDescent="0.3">
      <c r="A91377" s="13" t="s">
        <v>456</v>
      </c>
      <c r="B91377" s="14" t="s">
        <v>1</v>
      </c>
      <c r="C91377" s="14" t="s">
        <v>23</v>
      </c>
      <c r="D91377" s="14" t="s">
        <v>457</v>
      </c>
      <c r="E91377" s="15">
        <v>45503</v>
      </c>
      <c r="F91377" s="14" t="s">
        <v>53</v>
      </c>
      <c r="G91377" s="16">
        <v>1.712598771837712</v>
      </c>
    </row>
    <row r="91378" spans="1:7" x14ac:dyDescent="0.3">
      <c r="A91378" s="13" t="s">
        <v>456</v>
      </c>
      <c r="B91378" s="14" t="s">
        <v>1</v>
      </c>
      <c r="C91378" s="14" t="s">
        <v>23</v>
      </c>
      <c r="D91378" s="14" t="s">
        <v>457</v>
      </c>
      <c r="E91378" s="15">
        <v>45504</v>
      </c>
      <c r="F91378" s="14" t="s">
        <v>53</v>
      </c>
      <c r="G91378" s="16">
        <v>1.7242218215179579</v>
      </c>
    </row>
    <row r="91379" spans="1:7" x14ac:dyDescent="0.3">
      <c r="A91379" s="13" t="s">
        <v>456</v>
      </c>
      <c r="B91379" s="14" t="s">
        <v>1</v>
      </c>
      <c r="C91379" s="14" t="s">
        <v>23</v>
      </c>
      <c r="D91379" s="14" t="s">
        <v>457</v>
      </c>
      <c r="E91379" s="15">
        <v>45505</v>
      </c>
      <c r="F91379" s="14" t="s">
        <v>53</v>
      </c>
      <c r="G91379" s="16">
        <v>1.7450188783500307</v>
      </c>
    </row>
    <row r="91380" spans="1:7" x14ac:dyDescent="0.3">
      <c r="A91380" s="13" t="s">
        <v>456</v>
      </c>
      <c r="B91380" s="14" t="s">
        <v>1</v>
      </c>
      <c r="C91380" s="14" t="s">
        <v>23</v>
      </c>
      <c r="D91380" s="14" t="s">
        <v>457</v>
      </c>
      <c r="E91380" s="15">
        <v>45506</v>
      </c>
      <c r="F91380" s="14" t="s">
        <v>53</v>
      </c>
      <c r="G91380" s="16">
        <v>1.7418448578625751</v>
      </c>
    </row>
    <row r="91381" spans="1:7" x14ac:dyDescent="0.3">
      <c r="A91381" s="13" t="s">
        <v>456</v>
      </c>
      <c r="B91381" s="14" t="s">
        <v>1</v>
      </c>
      <c r="C91381" s="14" t="s">
        <v>23</v>
      </c>
      <c r="D91381" s="14" t="s">
        <v>457</v>
      </c>
      <c r="E91381" s="15">
        <v>45507</v>
      </c>
      <c r="F91381" s="14" t="s">
        <v>53</v>
      </c>
      <c r="G91381" s="16">
        <v>1.7418448578625751</v>
      </c>
    </row>
    <row r="91382" spans="1:7" x14ac:dyDescent="0.3">
      <c r="A91382" s="13" t="s">
        <v>456</v>
      </c>
      <c r="B91382" s="14" t="s">
        <v>1</v>
      </c>
      <c r="C91382" s="14" t="s">
        <v>23</v>
      </c>
      <c r="D91382" s="14" t="s">
        <v>457</v>
      </c>
      <c r="E91382" s="15">
        <v>45508</v>
      </c>
      <c r="F91382" s="14" t="s">
        <v>53</v>
      </c>
      <c r="G91382" s="16">
        <v>1.7418448578625751</v>
      </c>
    </row>
    <row r="91383" spans="1:7" x14ac:dyDescent="0.3">
      <c r="A91383" s="13" t="s">
        <v>456</v>
      </c>
      <c r="B91383" s="14" t="s">
        <v>1</v>
      </c>
      <c r="C91383" s="14" t="s">
        <v>23</v>
      </c>
      <c r="D91383" s="14" t="s">
        <v>457</v>
      </c>
      <c r="E91383" s="15">
        <v>45509</v>
      </c>
      <c r="F91383" s="14" t="s">
        <v>53</v>
      </c>
      <c r="G91383" s="16">
        <v>1.7418448578625751</v>
      </c>
    </row>
    <row r="91384" spans="1:7" x14ac:dyDescent="0.3">
      <c r="A91384" s="13" t="s">
        <v>456</v>
      </c>
      <c r="B91384" s="14" t="s">
        <v>1</v>
      </c>
      <c r="C91384" s="14" t="s">
        <v>23</v>
      </c>
      <c r="D91384" s="14" t="s">
        <v>457</v>
      </c>
      <c r="E91384" s="15">
        <v>45510</v>
      </c>
      <c r="F91384" s="14" t="s">
        <v>53</v>
      </c>
      <c r="G91384" s="16">
        <v>1.7689208508162657</v>
      </c>
    </row>
    <row r="91385" spans="1:7" x14ac:dyDescent="0.3">
      <c r="A91385" s="13" t="s">
        <v>456</v>
      </c>
      <c r="B91385" s="14" t="s">
        <v>1</v>
      </c>
      <c r="C91385" s="14" t="s">
        <v>23</v>
      </c>
      <c r="D91385" s="14" t="s">
        <v>457</v>
      </c>
      <c r="E91385" s="15">
        <v>45511</v>
      </c>
      <c r="F91385" s="14" t="s">
        <v>53</v>
      </c>
      <c r="G91385" s="16">
        <v>1.8372581722064012</v>
      </c>
    </row>
    <row r="91386" spans="1:7" x14ac:dyDescent="0.3">
      <c r="A91386" s="13" t="s">
        <v>456</v>
      </c>
      <c r="B91386" s="14" t="s">
        <v>1</v>
      </c>
      <c r="C91386" s="14" t="s">
        <v>23</v>
      </c>
      <c r="D91386" s="14" t="s">
        <v>457</v>
      </c>
      <c r="E91386" s="15">
        <v>45512</v>
      </c>
      <c r="F91386" s="14" t="s">
        <v>53</v>
      </c>
      <c r="G91386" s="16">
        <v>1.8364728812668227</v>
      </c>
    </row>
    <row r="91387" spans="1:7" x14ac:dyDescent="0.3">
      <c r="A91387" s="13" t="s">
        <v>456</v>
      </c>
      <c r="B91387" s="14" t="s">
        <v>1</v>
      </c>
      <c r="C91387" s="14" t="s">
        <v>23</v>
      </c>
      <c r="D91387" s="14" t="s">
        <v>457</v>
      </c>
      <c r="E91387" s="15">
        <v>45513</v>
      </c>
      <c r="F91387" s="14" t="s">
        <v>53</v>
      </c>
      <c r="G91387" s="16">
        <v>1.8461719578838354</v>
      </c>
    </row>
    <row r="91388" spans="1:7" x14ac:dyDescent="0.3">
      <c r="A91388" s="13" t="s">
        <v>456</v>
      </c>
      <c r="B91388" s="14" t="s">
        <v>1</v>
      </c>
      <c r="C91388" s="14" t="s">
        <v>23</v>
      </c>
      <c r="D91388" s="14" t="s">
        <v>457</v>
      </c>
      <c r="E91388" s="15">
        <v>45514</v>
      </c>
      <c r="F91388" s="14" t="s">
        <v>53</v>
      </c>
      <c r="G91388" s="16">
        <v>1.8461719578838354</v>
      </c>
    </row>
    <row r="91389" spans="1:7" x14ac:dyDescent="0.3">
      <c r="A91389" s="13" t="s">
        <v>456</v>
      </c>
      <c r="B91389" s="14" t="s">
        <v>1</v>
      </c>
      <c r="C91389" s="14" t="s">
        <v>23</v>
      </c>
      <c r="D91389" s="14" t="s">
        <v>457</v>
      </c>
      <c r="E91389" s="15">
        <v>45515</v>
      </c>
      <c r="F91389" s="14" t="s">
        <v>53</v>
      </c>
      <c r="G91389" s="16">
        <v>1.8461719578838354</v>
      </c>
    </row>
    <row r="91390" spans="1:7" x14ac:dyDescent="0.3">
      <c r="A91390" s="13" t="s">
        <v>456</v>
      </c>
      <c r="B91390" s="14" t="s">
        <v>1</v>
      </c>
      <c r="C91390" s="14" t="s">
        <v>23</v>
      </c>
      <c r="D91390" s="14" t="s">
        <v>457</v>
      </c>
      <c r="E91390" s="15">
        <v>45516</v>
      </c>
      <c r="F91390" s="14" t="s">
        <v>53</v>
      </c>
      <c r="G91390" s="16">
        <v>1.8590596814847766</v>
      </c>
    </row>
    <row r="91391" spans="1:7" x14ac:dyDescent="0.3">
      <c r="A91391" s="13" t="s">
        <v>456</v>
      </c>
      <c r="B91391" s="14" t="s">
        <v>1</v>
      </c>
      <c r="C91391" s="14" t="s">
        <v>23</v>
      </c>
      <c r="D91391" s="14" t="s">
        <v>457</v>
      </c>
      <c r="E91391" s="15">
        <v>45517</v>
      </c>
      <c r="F91391" s="14" t="s">
        <v>53</v>
      </c>
      <c r="G91391" s="16">
        <v>1.883831148217977</v>
      </c>
    </row>
    <row r="91392" spans="1:7" x14ac:dyDescent="0.3">
      <c r="A91392" s="13" t="s">
        <v>456</v>
      </c>
      <c r="B91392" s="14" t="s">
        <v>1</v>
      </c>
      <c r="C91392" s="14" t="s">
        <v>23</v>
      </c>
      <c r="D91392" s="14" t="s">
        <v>457</v>
      </c>
      <c r="E91392" s="15">
        <v>45518</v>
      </c>
      <c r="F91392" s="14" t="s">
        <v>53</v>
      </c>
      <c r="G91392" s="16">
        <v>1.9017057065264369</v>
      </c>
    </row>
    <row r="91393" spans="1:7" x14ac:dyDescent="0.3">
      <c r="A91393" s="13" t="s">
        <v>456</v>
      </c>
      <c r="B91393" s="14" t="s">
        <v>1</v>
      </c>
      <c r="C91393" s="14" t="s">
        <v>23</v>
      </c>
      <c r="D91393" s="14" t="s">
        <v>457</v>
      </c>
      <c r="E91393" s="15">
        <v>45519</v>
      </c>
      <c r="F91393" s="14" t="s">
        <v>53</v>
      </c>
      <c r="G91393" s="16">
        <v>1.9053853143006154</v>
      </c>
    </row>
    <row r="91394" spans="1:7" x14ac:dyDescent="0.3">
      <c r="A91394" s="13" t="s">
        <v>456</v>
      </c>
      <c r="B91394" s="14" t="s">
        <v>1</v>
      </c>
      <c r="C91394" s="14" t="s">
        <v>23</v>
      </c>
      <c r="D91394" s="14" t="s">
        <v>457</v>
      </c>
      <c r="E91394" s="15">
        <v>45520</v>
      </c>
      <c r="F91394" s="14" t="s">
        <v>53</v>
      </c>
      <c r="G91394" s="16">
        <v>1.9049348186898061</v>
      </c>
    </row>
    <row r="91395" spans="1:7" x14ac:dyDescent="0.3">
      <c r="A91395" s="13" t="s">
        <v>456</v>
      </c>
      <c r="B91395" s="14" t="s">
        <v>1</v>
      </c>
      <c r="C91395" s="14" t="s">
        <v>23</v>
      </c>
      <c r="D91395" s="14" t="s">
        <v>457</v>
      </c>
      <c r="E91395" s="15">
        <v>45521</v>
      </c>
      <c r="F91395" s="14" t="s">
        <v>53</v>
      </c>
      <c r="G91395" s="16">
        <v>1.9049348186898061</v>
      </c>
    </row>
    <row r="91396" spans="1:7" x14ac:dyDescent="0.3">
      <c r="A91396" s="13" t="s">
        <v>456</v>
      </c>
      <c r="B91396" s="14" t="s">
        <v>1</v>
      </c>
      <c r="C91396" s="14" t="s">
        <v>23</v>
      </c>
      <c r="D91396" s="14" t="s">
        <v>457</v>
      </c>
      <c r="E91396" s="15">
        <v>45522</v>
      </c>
      <c r="F91396" s="14" t="s">
        <v>53</v>
      </c>
      <c r="G91396" s="16">
        <v>1.9049348186898061</v>
      </c>
    </row>
    <row r="91397" spans="1:7" x14ac:dyDescent="0.3">
      <c r="A91397" s="13" t="s">
        <v>456</v>
      </c>
      <c r="B91397" s="14" t="s">
        <v>1</v>
      </c>
      <c r="C91397" s="14" t="s">
        <v>23</v>
      </c>
      <c r="D91397" s="14" t="s">
        <v>457</v>
      </c>
      <c r="E91397" s="15">
        <v>45523</v>
      </c>
      <c r="F91397" s="14" t="s">
        <v>53</v>
      </c>
      <c r="G91397" s="16">
        <v>1.9110209958256443</v>
      </c>
    </row>
    <row r="91398" spans="1:7" x14ac:dyDescent="0.3">
      <c r="A91398" s="13" t="s">
        <v>456</v>
      </c>
      <c r="B91398" s="14" t="s">
        <v>1</v>
      </c>
      <c r="C91398" s="14" t="s">
        <v>23</v>
      </c>
      <c r="D91398" s="14" t="s">
        <v>457</v>
      </c>
      <c r="E91398" s="15">
        <v>45524</v>
      </c>
      <c r="F91398" s="14" t="s">
        <v>53</v>
      </c>
      <c r="G91398" s="16">
        <v>1.9441688041252805</v>
      </c>
    </row>
    <row r="91399" spans="1:7" x14ac:dyDescent="0.3">
      <c r="A91399" s="13" t="s">
        <v>456</v>
      </c>
      <c r="B91399" s="14" t="s">
        <v>1</v>
      </c>
      <c r="C91399" s="14" t="s">
        <v>23</v>
      </c>
      <c r="D91399" s="14" t="s">
        <v>457</v>
      </c>
      <c r="E91399" s="15">
        <v>45525</v>
      </c>
      <c r="F91399" s="14" t="s">
        <v>53</v>
      </c>
      <c r="G91399" s="16">
        <v>1.9444295546703994</v>
      </c>
    </row>
    <row r="91400" spans="1:7" x14ac:dyDescent="0.3">
      <c r="A91400" s="13" t="s">
        <v>456</v>
      </c>
      <c r="B91400" s="14" t="s">
        <v>1</v>
      </c>
      <c r="C91400" s="14" t="s">
        <v>23</v>
      </c>
      <c r="D91400" s="14" t="s">
        <v>457</v>
      </c>
      <c r="E91400" s="15">
        <v>45526</v>
      </c>
      <c r="F91400" s="14" t="s">
        <v>53</v>
      </c>
      <c r="G91400" s="16">
        <v>1.9574938556963823</v>
      </c>
    </row>
    <row r="91401" spans="1:7" x14ac:dyDescent="0.3">
      <c r="A91401" s="13" t="s">
        <v>456</v>
      </c>
      <c r="B91401" s="14" t="s">
        <v>1</v>
      </c>
      <c r="C91401" s="14" t="s">
        <v>23</v>
      </c>
      <c r="D91401" s="14" t="s">
        <v>457</v>
      </c>
      <c r="E91401" s="15">
        <v>45527</v>
      </c>
      <c r="F91401" s="14" t="s">
        <v>53</v>
      </c>
      <c r="G91401" s="16">
        <v>1.9524788007016673</v>
      </c>
    </row>
    <row r="91402" spans="1:7" x14ac:dyDescent="0.3">
      <c r="A91402" s="13" t="s">
        <v>456</v>
      </c>
      <c r="B91402" s="14" t="s">
        <v>1</v>
      </c>
      <c r="C91402" s="14" t="s">
        <v>23</v>
      </c>
      <c r="D91402" s="14" t="s">
        <v>457</v>
      </c>
      <c r="E91402" s="15">
        <v>45528</v>
      </c>
      <c r="F91402" s="14" t="s">
        <v>53</v>
      </c>
      <c r="G91402" s="16">
        <v>1.9524788007016673</v>
      </c>
    </row>
    <row r="91403" spans="1:7" x14ac:dyDescent="0.3">
      <c r="A91403" s="13" t="s">
        <v>456</v>
      </c>
      <c r="B91403" s="14" t="s">
        <v>1</v>
      </c>
      <c r="C91403" s="14" t="s">
        <v>23</v>
      </c>
      <c r="D91403" s="14" t="s">
        <v>457</v>
      </c>
      <c r="E91403" s="15">
        <v>45529</v>
      </c>
      <c r="F91403" s="14" t="s">
        <v>53</v>
      </c>
      <c r="G91403" s="16">
        <v>1.9524788007016673</v>
      </c>
    </row>
    <row r="91404" spans="1:7" x14ac:dyDescent="0.3">
      <c r="A91404" s="13" t="s">
        <v>456</v>
      </c>
      <c r="B91404" s="14" t="s">
        <v>1</v>
      </c>
      <c r="C91404" s="14" t="s">
        <v>23</v>
      </c>
      <c r="D91404" s="14" t="s">
        <v>457</v>
      </c>
      <c r="E91404" s="15">
        <v>45530</v>
      </c>
      <c r="F91404" s="14" t="s">
        <v>53</v>
      </c>
      <c r="G91404" s="16">
        <v>1.9694783085763385</v>
      </c>
    </row>
    <row r="91405" spans="1:7" x14ac:dyDescent="0.3">
      <c r="A91405" s="13" t="s">
        <v>456</v>
      </c>
      <c r="B91405" s="14" t="s">
        <v>1</v>
      </c>
      <c r="C91405" s="14" t="s">
        <v>23</v>
      </c>
      <c r="D91405" s="14" t="s">
        <v>457</v>
      </c>
      <c r="E91405" s="15">
        <v>45531</v>
      </c>
      <c r="F91405" s="14" t="s">
        <v>53</v>
      </c>
      <c r="G91405" s="16">
        <v>1.9981100251101098</v>
      </c>
    </row>
    <row r="91406" spans="1:7" x14ac:dyDescent="0.3">
      <c r="A91406" s="13" t="s">
        <v>456</v>
      </c>
      <c r="B91406" s="14" t="s">
        <v>1</v>
      </c>
      <c r="C91406" s="14" t="s">
        <v>23</v>
      </c>
      <c r="D91406" s="14" t="s">
        <v>457</v>
      </c>
      <c r="E91406" s="15">
        <v>45532</v>
      </c>
      <c r="F91406" s="14" t="s">
        <v>53</v>
      </c>
      <c r="G91406" s="16">
        <v>2.0224408018204358</v>
      </c>
    </row>
    <row r="91407" spans="1:7" x14ac:dyDescent="0.3">
      <c r="A91407" s="13" t="s">
        <v>456</v>
      </c>
      <c r="B91407" s="14" t="s">
        <v>1</v>
      </c>
      <c r="C91407" s="14" t="s">
        <v>23</v>
      </c>
      <c r="D91407" s="14" t="s">
        <v>457</v>
      </c>
      <c r="E91407" s="15">
        <v>45533</v>
      </c>
      <c r="F91407" s="14" t="s">
        <v>53</v>
      </c>
      <c r="G91407" s="16">
        <v>2.0389991773356444</v>
      </c>
    </row>
    <row r="91408" spans="1:7" x14ac:dyDescent="0.3">
      <c r="A91408" s="13" t="s">
        <v>456</v>
      </c>
      <c r="B91408" s="14" t="s">
        <v>1</v>
      </c>
      <c r="C91408" s="14" t="s">
        <v>23</v>
      </c>
      <c r="D91408" s="14" t="s">
        <v>457</v>
      </c>
      <c r="E91408" s="15">
        <v>45534</v>
      </c>
      <c r="F91408" s="14" t="s">
        <v>53</v>
      </c>
      <c r="G91408" s="16">
        <v>2.0575308125676144</v>
      </c>
    </row>
    <row r="91409" spans="1:7" x14ac:dyDescent="0.3">
      <c r="A91409" s="13" t="s">
        <v>456</v>
      </c>
      <c r="B91409" s="14" t="s">
        <v>1</v>
      </c>
      <c r="C91409" s="14" t="s">
        <v>23</v>
      </c>
      <c r="D91409" s="14" t="s">
        <v>457</v>
      </c>
      <c r="E91409" s="15">
        <v>45535</v>
      </c>
      <c r="F91409" s="14" t="s">
        <v>53</v>
      </c>
      <c r="G91409" s="16">
        <v>2.0575308125676144</v>
      </c>
    </row>
    <row r="91410" spans="1:7" x14ac:dyDescent="0.3">
      <c r="A91410" s="13" t="s">
        <v>456</v>
      </c>
      <c r="B91410" s="14" t="s">
        <v>1</v>
      </c>
      <c r="C91410" s="14" t="s">
        <v>23</v>
      </c>
      <c r="D91410" s="14" t="s">
        <v>457</v>
      </c>
      <c r="E91410" s="15">
        <v>45536</v>
      </c>
      <c r="F91410" s="14" t="s">
        <v>53</v>
      </c>
      <c r="G91410" s="16">
        <v>2.0575308125676144</v>
      </c>
    </row>
    <row r="91411" spans="1:7" x14ac:dyDescent="0.3">
      <c r="A91411" s="13" t="s">
        <v>456</v>
      </c>
      <c r="B91411" s="14" t="s">
        <v>1</v>
      </c>
      <c r="C91411" s="14" t="s">
        <v>23</v>
      </c>
      <c r="D91411" s="14" t="s">
        <v>457</v>
      </c>
      <c r="E91411" s="15">
        <v>45537</v>
      </c>
      <c r="F91411" s="14" t="s">
        <v>53</v>
      </c>
      <c r="G91411" s="16">
        <v>2.0575308125676144</v>
      </c>
    </row>
    <row r="91412" spans="1:7" x14ac:dyDescent="0.3">
      <c r="A91412" s="13" t="s">
        <v>456</v>
      </c>
      <c r="B91412" s="14" t="s">
        <v>1</v>
      </c>
      <c r="C91412" s="14" t="s">
        <v>23</v>
      </c>
      <c r="D91412" s="14" t="s">
        <v>457</v>
      </c>
      <c r="E91412" s="15">
        <v>45538</v>
      </c>
      <c r="F91412" s="14" t="s">
        <v>53</v>
      </c>
      <c r="G91412" s="16">
        <v>2.0735769066619891</v>
      </c>
    </row>
    <row r="91413" spans="1:7" x14ac:dyDescent="0.3">
      <c r="A91413" s="13" t="s">
        <v>456</v>
      </c>
      <c r="B91413" s="14" t="s">
        <v>1</v>
      </c>
      <c r="C91413" s="14" t="s">
        <v>23</v>
      </c>
      <c r="D91413" s="14" t="s">
        <v>457</v>
      </c>
      <c r="E91413" s="15">
        <v>45539</v>
      </c>
      <c r="F91413" s="14" t="s">
        <v>53</v>
      </c>
      <c r="G91413" s="16">
        <v>2.1121398233632807</v>
      </c>
    </row>
    <row r="91414" spans="1:7" x14ac:dyDescent="0.3">
      <c r="A91414" s="13" t="s">
        <v>456</v>
      </c>
      <c r="B91414" s="14" t="s">
        <v>1</v>
      </c>
      <c r="C91414" s="14" t="s">
        <v>23</v>
      </c>
      <c r="D91414" s="14" t="s">
        <v>457</v>
      </c>
      <c r="E91414" s="15">
        <v>45540</v>
      </c>
      <c r="F91414" s="14" t="s">
        <v>53</v>
      </c>
      <c r="G91414" s="16">
        <v>2.1203673394759734</v>
      </c>
    </row>
    <row r="91415" spans="1:7" x14ac:dyDescent="0.3">
      <c r="A91415" s="13" t="s">
        <v>456</v>
      </c>
      <c r="B91415" s="14" t="s">
        <v>1</v>
      </c>
      <c r="C91415" s="14" t="s">
        <v>23</v>
      </c>
      <c r="D91415" s="14" t="s">
        <v>457</v>
      </c>
      <c r="E91415" s="15">
        <v>45541</v>
      </c>
      <c r="F91415" s="14" t="s">
        <v>53</v>
      </c>
      <c r="G91415" s="16">
        <v>2.1425492988163213</v>
      </c>
    </row>
    <row r="91416" spans="1:7" x14ac:dyDescent="0.3">
      <c r="A91416" s="13" t="s">
        <v>456</v>
      </c>
      <c r="B91416" s="14" t="s">
        <v>1</v>
      </c>
      <c r="C91416" s="14" t="s">
        <v>23</v>
      </c>
      <c r="D91416" s="14" t="s">
        <v>457</v>
      </c>
      <c r="E91416" s="15">
        <v>45542</v>
      </c>
      <c r="F91416" s="14" t="s">
        <v>53</v>
      </c>
      <c r="G91416" s="16">
        <v>2.1425492988163213</v>
      </c>
    </row>
    <row r="91417" spans="1:7" x14ac:dyDescent="0.3">
      <c r="A91417" s="13" t="s">
        <v>456</v>
      </c>
      <c r="B91417" s="14" t="s">
        <v>1</v>
      </c>
      <c r="C91417" s="14" t="s">
        <v>23</v>
      </c>
      <c r="D91417" s="14" t="s">
        <v>457</v>
      </c>
      <c r="E91417" s="15">
        <v>45543</v>
      </c>
      <c r="F91417" s="14" t="s">
        <v>53</v>
      </c>
      <c r="G91417" s="16">
        <v>2.1425492988163213</v>
      </c>
    </row>
    <row r="91418" spans="1:7" x14ac:dyDescent="0.3">
      <c r="A91418" s="13" t="s">
        <v>456</v>
      </c>
      <c r="B91418" s="14" t="s">
        <v>1</v>
      </c>
      <c r="C91418" s="14" t="s">
        <v>23</v>
      </c>
      <c r="D91418" s="14" t="s">
        <v>457</v>
      </c>
      <c r="E91418" s="15">
        <v>45544</v>
      </c>
      <c r="F91418" s="14" t="s">
        <v>53</v>
      </c>
      <c r="G91418" s="16">
        <v>2.1923186675775992</v>
      </c>
    </row>
    <row r="91419" spans="1:7" x14ac:dyDescent="0.3">
      <c r="A91419" s="13" t="s">
        <v>456</v>
      </c>
      <c r="B91419" s="14" t="s">
        <v>1</v>
      </c>
      <c r="C91419" s="14" t="s">
        <v>23</v>
      </c>
      <c r="D91419" s="14" t="s">
        <v>457</v>
      </c>
      <c r="E91419" s="15">
        <v>45545</v>
      </c>
      <c r="F91419" s="14" t="s">
        <v>53</v>
      </c>
      <c r="G91419" s="16">
        <v>2.2279220229746302</v>
      </c>
    </row>
    <row r="91420" spans="1:7" x14ac:dyDescent="0.3">
      <c r="A91420" s="13" t="s">
        <v>456</v>
      </c>
      <c r="B91420" s="14" t="s">
        <v>1</v>
      </c>
      <c r="C91420" s="14" t="s">
        <v>23</v>
      </c>
      <c r="D91420" s="14" t="s">
        <v>457</v>
      </c>
      <c r="E91420" s="15">
        <v>45546</v>
      </c>
      <c r="F91420" s="14" t="s">
        <v>53</v>
      </c>
      <c r="G91420" s="16">
        <v>2.2456917430902266</v>
      </c>
    </row>
    <row r="91421" spans="1:7" x14ac:dyDescent="0.3">
      <c r="A91421" s="13" t="s">
        <v>456</v>
      </c>
      <c r="B91421" s="14" t="s">
        <v>1</v>
      </c>
      <c r="C91421" s="14" t="s">
        <v>23</v>
      </c>
      <c r="D91421" s="14" t="s">
        <v>457</v>
      </c>
      <c r="E91421" s="15">
        <v>45547</v>
      </c>
      <c r="F91421" s="14" t="s">
        <v>53</v>
      </c>
      <c r="G91421" s="16">
        <v>2.2452374852538881</v>
      </c>
    </row>
    <row r="91422" spans="1:7" x14ac:dyDescent="0.3">
      <c r="A91422" s="13" t="s">
        <v>456</v>
      </c>
      <c r="B91422" s="14" t="s">
        <v>1</v>
      </c>
      <c r="C91422" s="14" t="s">
        <v>23</v>
      </c>
      <c r="D91422" s="14" t="s">
        <v>457</v>
      </c>
      <c r="E91422" s="15">
        <v>45548</v>
      </c>
      <c r="F91422" s="14" t="s">
        <v>53</v>
      </c>
      <c r="G91422" s="16">
        <v>2.2584463050524772</v>
      </c>
    </row>
    <row r="91423" spans="1:7" x14ac:dyDescent="0.3">
      <c r="A91423" s="13" t="s">
        <v>456</v>
      </c>
      <c r="B91423" s="14" t="s">
        <v>1</v>
      </c>
      <c r="C91423" s="14" t="s">
        <v>23</v>
      </c>
      <c r="D91423" s="14" t="s">
        <v>457</v>
      </c>
      <c r="E91423" s="15">
        <v>45549</v>
      </c>
      <c r="F91423" s="14" t="s">
        <v>53</v>
      </c>
      <c r="G91423" s="16">
        <v>2.2584463050524772</v>
      </c>
    </row>
    <row r="91424" spans="1:7" x14ac:dyDescent="0.3">
      <c r="A91424" s="13" t="s">
        <v>456</v>
      </c>
      <c r="B91424" s="14" t="s">
        <v>1</v>
      </c>
      <c r="C91424" s="14" t="s">
        <v>23</v>
      </c>
      <c r="D91424" s="14" t="s">
        <v>457</v>
      </c>
      <c r="E91424" s="15">
        <v>45550</v>
      </c>
      <c r="F91424" s="14" t="s">
        <v>53</v>
      </c>
      <c r="G91424" s="16">
        <v>2.2584463050524772</v>
      </c>
    </row>
    <row r="91425" spans="1:7" x14ac:dyDescent="0.3">
      <c r="A91425" s="13" t="s">
        <v>456</v>
      </c>
      <c r="B91425" s="14" t="s">
        <v>1</v>
      </c>
      <c r="C91425" s="14" t="s">
        <v>23</v>
      </c>
      <c r="D91425" s="14" t="s">
        <v>457</v>
      </c>
      <c r="E91425" s="15">
        <v>45551</v>
      </c>
      <c r="F91425" s="14" t="s">
        <v>53</v>
      </c>
      <c r="G91425" s="16">
        <v>2.2560547708216405</v>
      </c>
    </row>
    <row r="91426" spans="1:7" x14ac:dyDescent="0.3">
      <c r="A91426" s="13" t="s">
        <v>456</v>
      </c>
      <c r="B91426" s="14" t="s">
        <v>1</v>
      </c>
      <c r="C91426" s="14" t="s">
        <v>23</v>
      </c>
      <c r="D91426" s="14" t="s">
        <v>457</v>
      </c>
      <c r="E91426" s="15">
        <v>45552</v>
      </c>
      <c r="F91426" s="14" t="s">
        <v>53</v>
      </c>
      <c r="G91426" s="16">
        <v>2.3068708095570334</v>
      </c>
    </row>
    <row r="91427" spans="1:7" x14ac:dyDescent="0.3">
      <c r="A91427" s="13" t="s">
        <v>456</v>
      </c>
      <c r="B91427" s="14" t="s">
        <v>1</v>
      </c>
      <c r="C91427" s="14" t="s">
        <v>23</v>
      </c>
      <c r="D91427" s="14" t="s">
        <v>457</v>
      </c>
      <c r="E91427" s="15">
        <v>45553</v>
      </c>
      <c r="F91427" s="14" t="s">
        <v>53</v>
      </c>
      <c r="G91427" s="16">
        <v>2.3115096400110233</v>
      </c>
    </row>
    <row r="91428" spans="1:7" x14ac:dyDescent="0.3">
      <c r="A91428" s="13" t="s">
        <v>456</v>
      </c>
      <c r="B91428" s="14" t="s">
        <v>1</v>
      </c>
      <c r="C91428" s="14" t="s">
        <v>23</v>
      </c>
      <c r="D91428" s="14" t="s">
        <v>457</v>
      </c>
      <c r="E91428" s="15">
        <v>45554</v>
      </c>
      <c r="F91428" s="14" t="s">
        <v>53</v>
      </c>
      <c r="G91428" s="16">
        <v>2.3123295572466294</v>
      </c>
    </row>
    <row r="91429" spans="1:7" x14ac:dyDescent="0.3">
      <c r="A91429" s="13" t="s">
        <v>456</v>
      </c>
      <c r="B91429" s="14" t="s">
        <v>1</v>
      </c>
      <c r="C91429" s="14" t="s">
        <v>23</v>
      </c>
      <c r="D91429" s="14" t="s">
        <v>457</v>
      </c>
      <c r="E91429" s="15">
        <v>45555</v>
      </c>
      <c r="F91429" s="14" t="s">
        <v>53</v>
      </c>
      <c r="G91429" s="16">
        <v>2.3195693176051928</v>
      </c>
    </row>
    <row r="91430" spans="1:7" x14ac:dyDescent="0.3">
      <c r="A91430" s="13" t="s">
        <v>456</v>
      </c>
      <c r="B91430" s="14" t="s">
        <v>1</v>
      </c>
      <c r="C91430" s="14" t="s">
        <v>23</v>
      </c>
      <c r="D91430" s="14" t="s">
        <v>457</v>
      </c>
      <c r="E91430" s="15">
        <v>45556</v>
      </c>
      <c r="F91430" s="14" t="s">
        <v>53</v>
      </c>
      <c r="G91430" s="16">
        <v>2.3195693176051928</v>
      </c>
    </row>
    <row r="91431" spans="1:7" x14ac:dyDescent="0.3">
      <c r="A91431" s="13" t="s">
        <v>456</v>
      </c>
      <c r="B91431" s="14" t="s">
        <v>1</v>
      </c>
      <c r="C91431" s="14" t="s">
        <v>23</v>
      </c>
      <c r="D91431" s="14" t="s">
        <v>457</v>
      </c>
      <c r="E91431" s="15">
        <v>45557</v>
      </c>
      <c r="F91431" s="14" t="s">
        <v>53</v>
      </c>
      <c r="G91431" s="16">
        <v>2.3195693176051928</v>
      </c>
    </row>
    <row r="91432" spans="1:7" x14ac:dyDescent="0.3">
      <c r="A91432" s="13" t="s">
        <v>456</v>
      </c>
      <c r="B91432" s="14" t="s">
        <v>1</v>
      </c>
      <c r="C91432" s="14" t="s">
        <v>23</v>
      </c>
      <c r="D91432" s="14" t="s">
        <v>457</v>
      </c>
      <c r="E91432" s="15">
        <v>45558</v>
      </c>
      <c r="F91432" s="14" t="s">
        <v>53</v>
      </c>
      <c r="G91432" s="16">
        <v>2.3292210693417141</v>
      </c>
    </row>
    <row r="91433" spans="1:7" x14ac:dyDescent="0.3">
      <c r="A91433" s="13" t="s">
        <v>456</v>
      </c>
      <c r="B91433" s="14" t="s">
        <v>1</v>
      </c>
      <c r="C91433" s="14" t="s">
        <v>23</v>
      </c>
      <c r="D91433" s="14" t="s">
        <v>457</v>
      </c>
      <c r="E91433" s="15">
        <v>45559</v>
      </c>
      <c r="F91433" s="14" t="s">
        <v>53</v>
      </c>
      <c r="G91433" s="16">
        <v>2.3713036148875442</v>
      </c>
    </row>
    <row r="91434" spans="1:7" x14ac:dyDescent="0.3">
      <c r="A91434" s="13" t="s">
        <v>456</v>
      </c>
      <c r="B91434" s="14" t="s">
        <v>1</v>
      </c>
      <c r="C91434" s="14" t="s">
        <v>23</v>
      </c>
      <c r="D91434" s="14" t="s">
        <v>457</v>
      </c>
      <c r="E91434" s="15">
        <v>45560</v>
      </c>
      <c r="F91434" s="14" t="s">
        <v>53</v>
      </c>
      <c r="G91434" s="16">
        <v>2.4015071609078911</v>
      </c>
    </row>
    <row r="91435" spans="1:7" x14ac:dyDescent="0.3">
      <c r="A91435" s="13" t="s">
        <v>456</v>
      </c>
      <c r="B91435" s="14" t="s">
        <v>1</v>
      </c>
      <c r="C91435" s="14" t="s">
        <v>23</v>
      </c>
      <c r="D91435" s="14" t="s">
        <v>457</v>
      </c>
      <c r="E91435" s="15">
        <v>45561</v>
      </c>
      <c r="F91435" s="14" t="s">
        <v>53</v>
      </c>
      <c r="G91435" s="16">
        <v>2.3993866207271672</v>
      </c>
    </row>
    <row r="91436" spans="1:7" x14ac:dyDescent="0.3">
      <c r="A91436" s="13" t="s">
        <v>456</v>
      </c>
      <c r="B91436" s="14" t="s">
        <v>1</v>
      </c>
      <c r="C91436" s="14" t="s">
        <v>23</v>
      </c>
      <c r="D91436" s="14" t="s">
        <v>457</v>
      </c>
      <c r="E91436" s="15">
        <v>45562</v>
      </c>
      <c r="F91436" s="14" t="s">
        <v>53</v>
      </c>
      <c r="G91436" s="16">
        <v>2.4233787456261444</v>
      </c>
    </row>
    <row r="91437" spans="1:7" x14ac:dyDescent="0.3">
      <c r="A91437" s="13" t="s">
        <v>456</v>
      </c>
      <c r="B91437" s="14" t="s">
        <v>1</v>
      </c>
      <c r="C91437" s="14" t="s">
        <v>23</v>
      </c>
      <c r="D91437" s="14" t="s">
        <v>457</v>
      </c>
      <c r="E91437" s="15">
        <v>45563</v>
      </c>
      <c r="F91437" s="14" t="s">
        <v>53</v>
      </c>
      <c r="G91437" s="16">
        <v>2.4233787456261444</v>
      </c>
    </row>
    <row r="91438" spans="1:7" x14ac:dyDescent="0.3">
      <c r="A91438" s="13" t="s">
        <v>456</v>
      </c>
      <c r="B91438" s="14" t="s">
        <v>1</v>
      </c>
      <c r="C91438" s="14" t="s">
        <v>23</v>
      </c>
      <c r="D91438" s="14" t="s">
        <v>457</v>
      </c>
      <c r="E91438" s="15">
        <v>45564</v>
      </c>
      <c r="F91438" s="14" t="s">
        <v>53</v>
      </c>
      <c r="G91438" s="16">
        <v>2.4233787456261444</v>
      </c>
    </row>
    <row r="91439" spans="1:7" x14ac:dyDescent="0.3">
      <c r="A91439" s="13" t="s">
        <v>456</v>
      </c>
      <c r="B91439" s="14" t="s">
        <v>1</v>
      </c>
      <c r="C91439" s="14" t="s">
        <v>23</v>
      </c>
      <c r="D91439" s="14" t="s">
        <v>457</v>
      </c>
      <c r="E91439" s="15">
        <v>45565</v>
      </c>
      <c r="F91439" s="14" t="s">
        <v>53</v>
      </c>
      <c r="G91439" s="16">
        <v>2.4369295285157428</v>
      </c>
    </row>
    <row r="91440" spans="1:7" x14ac:dyDescent="0.3">
      <c r="A91440" s="13" t="s">
        <v>456</v>
      </c>
      <c r="B91440" s="14" t="s">
        <v>1</v>
      </c>
      <c r="C91440" s="14" t="s">
        <v>23</v>
      </c>
      <c r="D91440" s="14" t="s">
        <v>457</v>
      </c>
      <c r="E91440" s="15">
        <v>45566</v>
      </c>
      <c r="F91440" s="14" t="s">
        <v>53</v>
      </c>
      <c r="G91440" s="16">
        <v>2.4969901641661667</v>
      </c>
    </row>
    <row r="91441" spans="1:7" x14ac:dyDescent="0.3">
      <c r="A91441" s="13" t="s">
        <v>456</v>
      </c>
      <c r="B91441" s="14" t="s">
        <v>1</v>
      </c>
      <c r="C91441" s="14" t="s">
        <v>23</v>
      </c>
      <c r="D91441" s="14" t="s">
        <v>457</v>
      </c>
      <c r="E91441" s="15">
        <v>45567</v>
      </c>
      <c r="F91441" s="14" t="s">
        <v>53</v>
      </c>
      <c r="G91441" s="16">
        <v>2.5140603262488028</v>
      </c>
    </row>
    <row r="91442" spans="1:7" x14ac:dyDescent="0.3">
      <c r="A91442" s="13" t="s">
        <v>456</v>
      </c>
      <c r="B91442" s="14" t="s">
        <v>1</v>
      </c>
      <c r="C91442" s="14" t="s">
        <v>23</v>
      </c>
      <c r="D91442" s="14" t="s">
        <v>457</v>
      </c>
      <c r="E91442" s="15">
        <v>45568</v>
      </c>
      <c r="F91442" s="14" t="s">
        <v>53</v>
      </c>
      <c r="G91442" s="16">
        <v>2.5467434485925917</v>
      </c>
    </row>
    <row r="91443" spans="1:7" x14ac:dyDescent="0.3">
      <c r="A91443" s="13" t="s">
        <v>456</v>
      </c>
      <c r="B91443" s="14" t="s">
        <v>1</v>
      </c>
      <c r="C91443" s="14" t="s">
        <v>23</v>
      </c>
      <c r="D91443" s="14" t="s">
        <v>457</v>
      </c>
      <c r="E91443" s="15">
        <v>45569</v>
      </c>
      <c r="F91443" s="14" t="s">
        <v>53</v>
      </c>
      <c r="G91443" s="16">
        <v>2.5616769066562015</v>
      </c>
    </row>
    <row r="91444" spans="1:7" x14ac:dyDescent="0.3">
      <c r="A91444" s="13" t="s">
        <v>456</v>
      </c>
      <c r="B91444" s="14" t="s">
        <v>1</v>
      </c>
      <c r="C91444" s="14" t="s">
        <v>23</v>
      </c>
      <c r="D91444" s="14" t="s">
        <v>457</v>
      </c>
      <c r="E91444" s="15">
        <v>45570</v>
      </c>
      <c r="F91444" s="14" t="s">
        <v>53</v>
      </c>
      <c r="G91444" s="16">
        <v>2.5616769066562015</v>
      </c>
    </row>
    <row r="91445" spans="1:7" x14ac:dyDescent="0.3">
      <c r="A91445" s="13" t="s">
        <v>456</v>
      </c>
      <c r="B91445" s="14" t="s">
        <v>1</v>
      </c>
      <c r="C91445" s="14" t="s">
        <v>23</v>
      </c>
      <c r="D91445" s="14" t="s">
        <v>457</v>
      </c>
      <c r="E91445" s="15">
        <v>45571</v>
      </c>
      <c r="F91445" s="14" t="s">
        <v>53</v>
      </c>
      <c r="G91445" s="16">
        <v>2.5616769066562015</v>
      </c>
    </row>
    <row r="91446" spans="1:7" x14ac:dyDescent="0.3">
      <c r="A91446" s="13" t="s">
        <v>456</v>
      </c>
      <c r="B91446" s="14" t="s">
        <v>1</v>
      </c>
      <c r="C91446" s="14" t="s">
        <v>23</v>
      </c>
      <c r="D91446" s="14" t="s">
        <v>457</v>
      </c>
      <c r="E91446" s="15">
        <v>45572</v>
      </c>
      <c r="F91446" s="14" t="s">
        <v>53</v>
      </c>
      <c r="G91446" s="16">
        <v>2.6063975110439523</v>
      </c>
    </row>
    <row r="91447" spans="1:7" x14ac:dyDescent="0.3">
      <c r="A91447" s="13" t="s">
        <v>456</v>
      </c>
      <c r="B91447" s="14" t="s">
        <v>1</v>
      </c>
      <c r="C91447" s="14" t="s">
        <v>23</v>
      </c>
      <c r="D91447" s="14" t="s">
        <v>457</v>
      </c>
      <c r="E91447" s="15">
        <v>45573</v>
      </c>
      <c r="F91447" s="14" t="s">
        <v>53</v>
      </c>
      <c r="G91447" s="16">
        <v>2.6484854209542368</v>
      </c>
    </row>
    <row r="91448" spans="1:7" x14ac:dyDescent="0.3">
      <c r="A91448" s="13" t="s">
        <v>456</v>
      </c>
      <c r="B91448" s="14" t="s">
        <v>1</v>
      </c>
      <c r="C91448" s="14" t="s">
        <v>23</v>
      </c>
      <c r="D91448" s="14" t="s">
        <v>457</v>
      </c>
      <c r="E91448" s="15">
        <v>45574</v>
      </c>
      <c r="F91448" s="14" t="s">
        <v>53</v>
      </c>
      <c r="G91448" s="16">
        <v>2.6700501854497025</v>
      </c>
    </row>
    <row r="91449" spans="1:7" x14ac:dyDescent="0.3">
      <c r="A91449" s="13" t="s">
        <v>456</v>
      </c>
      <c r="B91449" s="14" t="s">
        <v>1</v>
      </c>
      <c r="C91449" s="14" t="s">
        <v>23</v>
      </c>
      <c r="D91449" s="14" t="s">
        <v>457</v>
      </c>
      <c r="E91449" s="15">
        <v>45575</v>
      </c>
      <c r="F91449" s="14" t="s">
        <v>53</v>
      </c>
      <c r="G91449" s="16">
        <v>2.6867824398289351</v>
      </c>
    </row>
    <row r="91450" spans="1:7" x14ac:dyDescent="0.3">
      <c r="A91450" s="13" t="s">
        <v>456</v>
      </c>
      <c r="B91450" s="14" t="s">
        <v>1</v>
      </c>
      <c r="C91450" s="14" t="s">
        <v>23</v>
      </c>
      <c r="D91450" s="14" t="s">
        <v>457</v>
      </c>
      <c r="E91450" s="15">
        <v>45576</v>
      </c>
      <c r="F91450" s="14" t="s">
        <v>53</v>
      </c>
      <c r="G91450" s="16">
        <v>2.6994948061761384</v>
      </c>
    </row>
    <row r="91451" spans="1:7" x14ac:dyDescent="0.3">
      <c r="A91451" s="13" t="s">
        <v>456</v>
      </c>
      <c r="B91451" s="14" t="s">
        <v>1</v>
      </c>
      <c r="C91451" s="14" t="s">
        <v>23</v>
      </c>
      <c r="D91451" s="14" t="s">
        <v>457</v>
      </c>
      <c r="E91451" s="15">
        <v>45577</v>
      </c>
      <c r="F91451" s="14" t="s">
        <v>53</v>
      </c>
      <c r="G91451" s="16">
        <v>2.6994948061761384</v>
      </c>
    </row>
    <row r="91452" spans="1:7" x14ac:dyDescent="0.3">
      <c r="A91452" s="13" t="s">
        <v>456</v>
      </c>
      <c r="B91452" s="14" t="s">
        <v>1</v>
      </c>
      <c r="C91452" s="14" t="s">
        <v>23</v>
      </c>
      <c r="D91452" s="14" t="s">
        <v>457</v>
      </c>
      <c r="E91452" s="15">
        <v>45578</v>
      </c>
      <c r="F91452" s="14" t="s">
        <v>53</v>
      </c>
      <c r="G91452" s="16">
        <v>2.6994948061761384</v>
      </c>
    </row>
    <row r="91453" spans="1:7" x14ac:dyDescent="0.3">
      <c r="A91453" s="13" t="s">
        <v>456</v>
      </c>
      <c r="B91453" s="14" t="s">
        <v>1</v>
      </c>
      <c r="C91453" s="14" t="s">
        <v>23</v>
      </c>
      <c r="D91453" s="14" t="s">
        <v>457</v>
      </c>
      <c r="E91453" s="15">
        <v>45579</v>
      </c>
      <c r="F91453" s="14" t="s">
        <v>53</v>
      </c>
      <c r="G91453" s="16">
        <v>2.6994948061761384</v>
      </c>
    </row>
    <row r="91454" spans="1:7" x14ac:dyDescent="0.3">
      <c r="A91454" s="13" t="s">
        <v>456</v>
      </c>
      <c r="B91454" s="14" t="s">
        <v>1</v>
      </c>
      <c r="C91454" s="14" t="s">
        <v>23</v>
      </c>
      <c r="D91454" s="14" t="s">
        <v>457</v>
      </c>
      <c r="E91454" s="15">
        <v>45580</v>
      </c>
      <c r="F91454" s="14" t="s">
        <v>53</v>
      </c>
      <c r="G91454" s="16">
        <v>2.7129504138591889</v>
      </c>
    </row>
    <row r="91455" spans="1:7" x14ac:dyDescent="0.3">
      <c r="A91455" s="13" t="s">
        <v>456</v>
      </c>
      <c r="B91455" s="14" t="s">
        <v>1</v>
      </c>
      <c r="C91455" s="14" t="s">
        <v>23</v>
      </c>
      <c r="D91455" s="14" t="s">
        <v>457</v>
      </c>
      <c r="E91455" s="15">
        <v>45581</v>
      </c>
      <c r="F91455" s="14" t="s">
        <v>53</v>
      </c>
      <c r="G91455" s="16">
        <v>2.7888291034630055</v>
      </c>
    </row>
    <row r="91456" spans="1:7" x14ac:dyDescent="0.3">
      <c r="A91456" s="13" t="s">
        <v>456</v>
      </c>
      <c r="B91456" s="14" t="s">
        <v>1</v>
      </c>
      <c r="C91456" s="14" t="s">
        <v>23</v>
      </c>
      <c r="D91456" s="14" t="s">
        <v>457</v>
      </c>
      <c r="E91456" s="15">
        <v>45582</v>
      </c>
      <c r="F91456" s="14" t="s">
        <v>53</v>
      </c>
      <c r="G91456" s="16">
        <v>2.7984895385923578</v>
      </c>
    </row>
    <row r="91457" spans="1:7" x14ac:dyDescent="0.3">
      <c r="A91457" s="13" t="s">
        <v>456</v>
      </c>
      <c r="B91457" s="14" t="s">
        <v>1</v>
      </c>
      <c r="C91457" s="14" t="s">
        <v>23</v>
      </c>
      <c r="D91457" s="14" t="s">
        <v>457</v>
      </c>
      <c r="E91457" s="15">
        <v>45583</v>
      </c>
      <c r="F91457" s="14" t="s">
        <v>53</v>
      </c>
      <c r="G91457" s="16">
        <v>2.8036809224374815</v>
      </c>
    </row>
    <row r="91458" spans="1:7" x14ac:dyDescent="0.3">
      <c r="A91458" s="13" t="s">
        <v>456</v>
      </c>
      <c r="B91458" s="14" t="s">
        <v>1</v>
      </c>
      <c r="C91458" s="14" t="s">
        <v>23</v>
      </c>
      <c r="D91458" s="14" t="s">
        <v>457</v>
      </c>
      <c r="E91458" s="15">
        <v>45584</v>
      </c>
      <c r="F91458" s="14" t="s">
        <v>53</v>
      </c>
      <c r="G91458" s="16">
        <v>2.8036809224374815</v>
      </c>
    </row>
    <row r="91459" spans="1:7" x14ac:dyDescent="0.3">
      <c r="A91459" s="13" t="s">
        <v>456</v>
      </c>
      <c r="B91459" s="14" t="s">
        <v>1</v>
      </c>
      <c r="C91459" s="14" t="s">
        <v>23</v>
      </c>
      <c r="D91459" s="14" t="s">
        <v>457</v>
      </c>
      <c r="E91459" s="15">
        <v>45585</v>
      </c>
      <c r="F91459" s="14" t="s">
        <v>53</v>
      </c>
      <c r="G91459" s="16">
        <v>2.8036809224374815</v>
      </c>
    </row>
    <row r="91460" spans="1:7" x14ac:dyDescent="0.3">
      <c r="A91460" s="13" t="s">
        <v>456</v>
      </c>
      <c r="B91460" s="14" t="s">
        <v>1</v>
      </c>
      <c r="C91460" s="14" t="s">
        <v>23</v>
      </c>
      <c r="D91460" s="14" t="s">
        <v>457</v>
      </c>
      <c r="E91460" s="15">
        <v>45586</v>
      </c>
      <c r="F91460" s="14" t="s">
        <v>53</v>
      </c>
      <c r="G91460" s="16">
        <v>2.8320917095095117</v>
      </c>
    </row>
    <row r="91461" spans="1:7" x14ac:dyDescent="0.3">
      <c r="A91461" s="13" t="s">
        <v>456</v>
      </c>
      <c r="B91461" s="14" t="s">
        <v>1</v>
      </c>
      <c r="C91461" s="14" t="s">
        <v>23</v>
      </c>
      <c r="D91461" s="14" t="s">
        <v>457</v>
      </c>
      <c r="E91461" s="15">
        <v>45587</v>
      </c>
      <c r="F91461" s="14" t="s">
        <v>53</v>
      </c>
      <c r="G91461" s="16">
        <v>2.8756596454010817</v>
      </c>
    </row>
    <row r="91462" spans="1:7" x14ac:dyDescent="0.3">
      <c r="A91462" s="13" t="s">
        <v>456</v>
      </c>
      <c r="B91462" s="14" t="s">
        <v>1</v>
      </c>
      <c r="C91462" s="14" t="s">
        <v>23</v>
      </c>
      <c r="D91462" s="14" t="s">
        <v>457</v>
      </c>
      <c r="E91462" s="15">
        <v>45588</v>
      </c>
      <c r="F91462" s="14" t="s">
        <v>53</v>
      </c>
      <c r="G91462" s="16">
        <v>2.9039594527561201</v>
      </c>
    </row>
    <row r="91463" spans="1:7" x14ac:dyDescent="0.3">
      <c r="A91463" s="13" t="s">
        <v>456</v>
      </c>
      <c r="B91463" s="14" t="s">
        <v>1</v>
      </c>
      <c r="C91463" s="14" t="s">
        <v>23</v>
      </c>
      <c r="D91463" s="14" t="s">
        <v>457</v>
      </c>
      <c r="E91463" s="15">
        <v>45589</v>
      </c>
      <c r="F91463" s="14" t="s">
        <v>53</v>
      </c>
      <c r="G91463" s="16">
        <v>2.9060296854389329</v>
      </c>
    </row>
    <row r="91464" spans="1:7" x14ac:dyDescent="0.3">
      <c r="A91464" s="13" t="s">
        <v>456</v>
      </c>
      <c r="B91464" s="14" t="s">
        <v>1</v>
      </c>
      <c r="C91464" s="14" t="s">
        <v>23</v>
      </c>
      <c r="D91464" s="14" t="s">
        <v>457</v>
      </c>
      <c r="E91464" s="15">
        <v>45590</v>
      </c>
      <c r="F91464" s="14" t="s">
        <v>53</v>
      </c>
      <c r="G91464" s="16">
        <v>2.9224482851172073</v>
      </c>
    </row>
    <row r="91465" spans="1:7" x14ac:dyDescent="0.3">
      <c r="A91465" s="13" t="s">
        <v>456</v>
      </c>
      <c r="B91465" s="14" t="s">
        <v>1</v>
      </c>
      <c r="C91465" s="14" t="s">
        <v>23</v>
      </c>
      <c r="D91465" s="14" t="s">
        <v>457</v>
      </c>
      <c r="E91465" s="15">
        <v>45591</v>
      </c>
      <c r="F91465" s="14" t="s">
        <v>53</v>
      </c>
      <c r="G91465" s="16">
        <v>2.9224482851172073</v>
      </c>
    </row>
    <row r="91466" spans="1:7" x14ac:dyDescent="0.3">
      <c r="A91466" s="13" t="s">
        <v>456</v>
      </c>
      <c r="B91466" s="14" t="s">
        <v>1</v>
      </c>
      <c r="C91466" s="14" t="s">
        <v>23</v>
      </c>
      <c r="D91466" s="14" t="s">
        <v>457</v>
      </c>
      <c r="E91466" s="15">
        <v>45592</v>
      </c>
      <c r="F91466" s="14" t="s">
        <v>53</v>
      </c>
      <c r="G91466" s="16">
        <v>2.9224482851172073</v>
      </c>
    </row>
    <row r="91467" spans="1:7" x14ac:dyDescent="0.3">
      <c r="A91467" s="13" t="s">
        <v>456</v>
      </c>
      <c r="B91467" s="14" t="s">
        <v>1</v>
      </c>
      <c r="C91467" s="14" t="s">
        <v>23</v>
      </c>
      <c r="D91467" s="14" t="s">
        <v>457</v>
      </c>
      <c r="E91467" s="15">
        <v>45593</v>
      </c>
      <c r="F91467" s="14" t="s">
        <v>53</v>
      </c>
      <c r="G91467" s="16">
        <v>2.9224482851172073</v>
      </c>
    </row>
    <row r="91468" spans="1:7" x14ac:dyDescent="0.3">
      <c r="A91468" s="13" t="s">
        <v>456</v>
      </c>
      <c r="B91468" s="14" t="s">
        <v>1</v>
      </c>
      <c r="C91468" s="14" t="s">
        <v>23</v>
      </c>
      <c r="D91468" s="14" t="s">
        <v>457</v>
      </c>
      <c r="E91468" s="15">
        <v>45594</v>
      </c>
      <c r="F91468" s="14" t="s">
        <v>53</v>
      </c>
      <c r="G91468" s="16">
        <v>2.928042823464704</v>
      </c>
    </row>
    <row r="91469" spans="1:7" x14ac:dyDescent="0.3">
      <c r="A91469" s="13" t="s">
        <v>456</v>
      </c>
      <c r="B91469" s="14" t="s">
        <v>1</v>
      </c>
      <c r="C91469" s="14" t="s">
        <v>23</v>
      </c>
      <c r="D91469" s="14" t="s">
        <v>457</v>
      </c>
      <c r="E91469" s="15">
        <v>45595</v>
      </c>
      <c r="F91469" s="14" t="s">
        <v>53</v>
      </c>
      <c r="G91469" s="16">
        <v>2.9954286791080031</v>
      </c>
    </row>
    <row r="91470" spans="1:7" x14ac:dyDescent="0.3">
      <c r="A91470" s="13" t="s">
        <v>456</v>
      </c>
      <c r="B91470" s="14" t="s">
        <v>1</v>
      </c>
      <c r="C91470" s="14" t="s">
        <v>23</v>
      </c>
      <c r="D91470" s="14" t="s">
        <v>457</v>
      </c>
      <c r="E91470" s="15">
        <v>45596</v>
      </c>
      <c r="F91470" s="14" t="s">
        <v>53</v>
      </c>
      <c r="G91470" s="16">
        <v>3.0120583129298621</v>
      </c>
    </row>
    <row r="91471" spans="1:7" x14ac:dyDescent="0.3">
      <c r="A91471" s="13" t="s">
        <v>456</v>
      </c>
      <c r="B91471" s="14" t="s">
        <v>1</v>
      </c>
      <c r="C91471" s="14" t="s">
        <v>23</v>
      </c>
      <c r="D91471" s="14" t="s">
        <v>457</v>
      </c>
      <c r="E91471" s="15">
        <v>45597</v>
      </c>
      <c r="F91471" s="14" t="s">
        <v>53</v>
      </c>
      <c r="G91471" s="16">
        <v>3.0189518371054143</v>
      </c>
    </row>
    <row r="91472" spans="1:7" x14ac:dyDescent="0.3">
      <c r="A91472" s="13" t="s">
        <v>456</v>
      </c>
      <c r="B91472" s="14" t="s">
        <v>1</v>
      </c>
      <c r="C91472" s="14" t="s">
        <v>23</v>
      </c>
      <c r="D91472" s="14" t="s">
        <v>457</v>
      </c>
      <c r="E91472" s="15">
        <v>45598</v>
      </c>
      <c r="F91472" s="14" t="s">
        <v>53</v>
      </c>
      <c r="G91472" s="16">
        <v>3.0189518371054143</v>
      </c>
    </row>
    <row r="91473" spans="1:7" x14ac:dyDescent="0.3">
      <c r="A91473" s="13" t="s">
        <v>456</v>
      </c>
      <c r="B91473" s="14" t="s">
        <v>1</v>
      </c>
      <c r="C91473" s="14" t="s">
        <v>23</v>
      </c>
      <c r="D91473" s="14" t="s">
        <v>457</v>
      </c>
      <c r="E91473" s="15">
        <v>45599</v>
      </c>
      <c r="F91473" s="14" t="s">
        <v>53</v>
      </c>
      <c r="G91473" s="16">
        <v>3.0189518371054143</v>
      </c>
    </row>
    <row r="91474" spans="1:7" x14ac:dyDescent="0.3">
      <c r="A91474" s="13" t="s">
        <v>456</v>
      </c>
      <c r="B91474" s="14" t="s">
        <v>1</v>
      </c>
      <c r="C91474" s="14" t="s">
        <v>23</v>
      </c>
      <c r="D91474" s="14" t="s">
        <v>457</v>
      </c>
      <c r="E91474" s="15">
        <v>45600</v>
      </c>
      <c r="F91474" s="14" t="s">
        <v>53</v>
      </c>
      <c r="G91474" s="16">
        <v>3.0171833503238741</v>
      </c>
    </row>
    <row r="91475" spans="1:7" x14ac:dyDescent="0.3">
      <c r="A91475" s="13" t="s">
        <v>456</v>
      </c>
      <c r="B91475" s="14" t="s">
        <v>1</v>
      </c>
      <c r="C91475" s="14" t="s">
        <v>23</v>
      </c>
      <c r="D91475" s="14" t="s">
        <v>457</v>
      </c>
      <c r="E91475" s="15">
        <v>45601</v>
      </c>
      <c r="F91475" s="14" t="s">
        <v>53</v>
      </c>
      <c r="G91475" s="16">
        <v>3.0404795031303382</v>
      </c>
    </row>
    <row r="91476" spans="1:7" x14ac:dyDescent="0.3">
      <c r="A91476" s="13" t="s">
        <v>456</v>
      </c>
      <c r="B91476" s="14" t="s">
        <v>1</v>
      </c>
      <c r="C91476" s="14" t="s">
        <v>23</v>
      </c>
      <c r="D91476" s="14" t="s">
        <v>457</v>
      </c>
      <c r="E91476" s="15">
        <v>45602</v>
      </c>
      <c r="F91476" s="14" t="s">
        <v>53</v>
      </c>
      <c r="G91476" s="16">
        <v>3.0932892241629761</v>
      </c>
    </row>
    <row r="91477" spans="1:7" x14ac:dyDescent="0.3">
      <c r="A91477" s="13" t="s">
        <v>456</v>
      </c>
      <c r="B91477" s="14" t="s">
        <v>1</v>
      </c>
      <c r="C91477" s="14" t="s">
        <v>23</v>
      </c>
      <c r="D91477" s="14" t="s">
        <v>457</v>
      </c>
      <c r="E91477" s="15">
        <v>45603</v>
      </c>
      <c r="F91477" s="14" t="s">
        <v>53</v>
      </c>
      <c r="G91477" s="16">
        <v>3.0835885013585265</v>
      </c>
    </row>
    <row r="91478" spans="1:7" x14ac:dyDescent="0.3">
      <c r="A91478" s="13" t="s">
        <v>456</v>
      </c>
      <c r="B91478" s="14" t="s">
        <v>1</v>
      </c>
      <c r="C91478" s="14" t="s">
        <v>23</v>
      </c>
      <c r="D91478" s="14" t="s">
        <v>457</v>
      </c>
      <c r="E91478" s="15">
        <v>45604</v>
      </c>
      <c r="F91478" s="14" t="s">
        <v>53</v>
      </c>
      <c r="G91478" s="16">
        <v>3.1131685728232572</v>
      </c>
    </row>
    <row r="91479" spans="1:7" x14ac:dyDescent="0.3">
      <c r="A91479" s="13" t="s">
        <v>456</v>
      </c>
      <c r="B91479" s="14" t="s">
        <v>1</v>
      </c>
      <c r="C91479" s="14" t="s">
        <v>23</v>
      </c>
      <c r="D91479" s="14" t="s">
        <v>457</v>
      </c>
      <c r="E91479" s="15">
        <v>45605</v>
      </c>
      <c r="F91479" s="14" t="s">
        <v>53</v>
      </c>
      <c r="G91479" s="16">
        <v>3.1131685728232572</v>
      </c>
    </row>
    <row r="91480" spans="1:7" x14ac:dyDescent="0.3">
      <c r="A91480" s="13" t="s">
        <v>456</v>
      </c>
      <c r="B91480" s="14" t="s">
        <v>1</v>
      </c>
      <c r="C91480" s="14" t="s">
        <v>23</v>
      </c>
      <c r="D91480" s="14" t="s">
        <v>457</v>
      </c>
      <c r="E91480" s="15">
        <v>45606</v>
      </c>
      <c r="F91480" s="14" t="s">
        <v>53</v>
      </c>
      <c r="G91480" s="16">
        <v>3.1131685728232572</v>
      </c>
    </row>
    <row r="91481" spans="1:7" x14ac:dyDescent="0.3">
      <c r="A91481" s="13" t="s">
        <v>456</v>
      </c>
      <c r="B91481" s="14" t="s">
        <v>1</v>
      </c>
      <c r="C91481" s="14" t="s">
        <v>23</v>
      </c>
      <c r="D91481" s="14" t="s">
        <v>457</v>
      </c>
      <c r="E91481" s="15">
        <v>45607</v>
      </c>
      <c r="F91481" s="14" t="s">
        <v>53</v>
      </c>
      <c r="G91481" s="16">
        <v>3.1131685728232572</v>
      </c>
    </row>
    <row r="91482" spans="1:7" x14ac:dyDescent="0.3">
      <c r="A91482" s="13" t="s">
        <v>456</v>
      </c>
      <c r="B91482" s="14" t="s">
        <v>1</v>
      </c>
      <c r="C91482" s="14" t="s">
        <v>23</v>
      </c>
      <c r="D91482" s="14" t="s">
        <v>457</v>
      </c>
      <c r="E91482" s="15">
        <v>45608</v>
      </c>
      <c r="F91482" s="14" t="s">
        <v>53</v>
      </c>
      <c r="G91482" s="16">
        <v>3.1701752550453337</v>
      </c>
    </row>
    <row r="91483" spans="1:7" x14ac:dyDescent="0.3">
      <c r="A91483" s="13" t="s">
        <v>456</v>
      </c>
      <c r="B91483" s="14" t="s">
        <v>1</v>
      </c>
      <c r="C91483" s="14" t="s">
        <v>23</v>
      </c>
      <c r="D91483" s="14" t="s">
        <v>457</v>
      </c>
      <c r="E91483" s="15">
        <v>45609</v>
      </c>
      <c r="F91483" s="14" t="s">
        <v>53</v>
      </c>
      <c r="G91483" s="16">
        <v>3.2499923316562227</v>
      </c>
    </row>
    <row r="91484" spans="1:7" x14ac:dyDescent="0.3">
      <c r="A91484" s="13" t="s">
        <v>456</v>
      </c>
      <c r="B91484" s="14" t="s">
        <v>1</v>
      </c>
      <c r="C91484" s="14" t="s">
        <v>23</v>
      </c>
      <c r="D91484" s="14" t="s">
        <v>457</v>
      </c>
      <c r="E91484" s="15">
        <v>45610</v>
      </c>
      <c r="F91484" s="14" t="s">
        <v>53</v>
      </c>
      <c r="G91484" s="16">
        <v>3.2755012489365529</v>
      </c>
    </row>
    <row r="91485" spans="1:7" x14ac:dyDescent="0.3">
      <c r="A91485" s="13" t="s">
        <v>456</v>
      </c>
      <c r="B91485" s="14" t="s">
        <v>1</v>
      </c>
      <c r="C91485" s="14" t="s">
        <v>23</v>
      </c>
      <c r="D91485" s="14" t="s">
        <v>457</v>
      </c>
      <c r="E91485" s="15">
        <v>45611</v>
      </c>
      <c r="F91485" s="14" t="s">
        <v>53</v>
      </c>
      <c r="G91485" s="16">
        <v>3.300674178473586</v>
      </c>
    </row>
    <row r="91486" spans="1:7" x14ac:dyDescent="0.3">
      <c r="A91486" s="13" t="s">
        <v>456</v>
      </c>
      <c r="B91486" s="14" t="s">
        <v>1</v>
      </c>
      <c r="C91486" s="14" t="s">
        <v>23</v>
      </c>
      <c r="D91486" s="14" t="s">
        <v>457</v>
      </c>
      <c r="E91486" s="15">
        <v>45612</v>
      </c>
      <c r="F91486" s="14" t="s">
        <v>53</v>
      </c>
      <c r="G91486" s="16">
        <v>3.300674178473586</v>
      </c>
    </row>
    <row r="91487" spans="1:7" x14ac:dyDescent="0.3">
      <c r="A91487" s="13" t="s">
        <v>456</v>
      </c>
      <c r="B91487" s="14" t="s">
        <v>1</v>
      </c>
      <c r="C91487" s="14" t="s">
        <v>23</v>
      </c>
      <c r="D91487" s="14" t="s">
        <v>457</v>
      </c>
      <c r="E91487" s="15">
        <v>45613</v>
      </c>
      <c r="F91487" s="14" t="s">
        <v>53</v>
      </c>
      <c r="G91487" s="16">
        <v>3.300674178473586</v>
      </c>
    </row>
    <row r="91488" spans="1:7" x14ac:dyDescent="0.3">
      <c r="A91488" s="13" t="s">
        <v>456</v>
      </c>
      <c r="B91488" s="14" t="s">
        <v>1</v>
      </c>
      <c r="C91488" s="14" t="s">
        <v>23</v>
      </c>
      <c r="D91488" s="14" t="s">
        <v>457</v>
      </c>
      <c r="E91488" s="15">
        <v>45614</v>
      </c>
      <c r="F91488" s="14" t="s">
        <v>53</v>
      </c>
      <c r="G91488" s="16">
        <v>3.2991568340611215</v>
      </c>
    </row>
    <row r="91489" spans="1:7" x14ac:dyDescent="0.3">
      <c r="A91489" s="13" t="s">
        <v>456</v>
      </c>
      <c r="B91489" s="14" t="s">
        <v>1</v>
      </c>
      <c r="C91489" s="14" t="s">
        <v>23</v>
      </c>
      <c r="D91489" s="14" t="s">
        <v>457</v>
      </c>
      <c r="E91489" s="15">
        <v>45615</v>
      </c>
      <c r="F91489" s="14" t="s">
        <v>53</v>
      </c>
      <c r="G91489" s="16">
        <v>3.3399870604684905</v>
      </c>
    </row>
    <row r="91490" spans="1:7" x14ac:dyDescent="0.3">
      <c r="A91490" s="13" t="s">
        <v>456</v>
      </c>
      <c r="B91490" s="14" t="s">
        <v>1</v>
      </c>
      <c r="C91490" s="14" t="s">
        <v>23</v>
      </c>
      <c r="D91490" s="14" t="s">
        <v>457</v>
      </c>
      <c r="E91490" s="15">
        <v>45616</v>
      </c>
      <c r="F91490" s="14" t="s">
        <v>53</v>
      </c>
      <c r="G91490" s="16">
        <v>3.3616728700842544</v>
      </c>
    </row>
    <row r="91491" spans="1:7" x14ac:dyDescent="0.3">
      <c r="A91491" s="13" t="s">
        <v>456</v>
      </c>
      <c r="B91491" s="14" t="s">
        <v>1</v>
      </c>
      <c r="C91491" s="14" t="s">
        <v>23</v>
      </c>
      <c r="D91491" s="14" t="s">
        <v>457</v>
      </c>
      <c r="E91491" s="15">
        <v>45617</v>
      </c>
      <c r="F91491" s="14" t="s">
        <v>53</v>
      </c>
      <c r="G91491" s="16">
        <v>3.392703458624569</v>
      </c>
    </row>
    <row r="91492" spans="1:7" x14ac:dyDescent="0.3">
      <c r="A91492" s="13" t="s">
        <v>456</v>
      </c>
      <c r="B91492" s="14" t="s">
        <v>1</v>
      </c>
      <c r="C91492" s="14" t="s">
        <v>23</v>
      </c>
      <c r="D91492" s="14" t="s">
        <v>457</v>
      </c>
      <c r="E91492" s="15">
        <v>45618</v>
      </c>
      <c r="F91492" s="14" t="s">
        <v>53</v>
      </c>
      <c r="G91492" s="16">
        <v>3.4222400828037247</v>
      </c>
    </row>
    <row r="91493" spans="1:7" x14ac:dyDescent="0.3">
      <c r="A91493" s="13" t="s">
        <v>456</v>
      </c>
      <c r="B91493" s="14" t="s">
        <v>1</v>
      </c>
      <c r="C91493" s="14" t="s">
        <v>23</v>
      </c>
      <c r="D91493" s="14" t="s">
        <v>457</v>
      </c>
      <c r="E91493" s="15">
        <v>45619</v>
      </c>
      <c r="F91493" s="14" t="s">
        <v>53</v>
      </c>
      <c r="G91493" s="16">
        <v>3.4222400828037247</v>
      </c>
    </row>
    <row r="91494" spans="1:7" x14ac:dyDescent="0.3">
      <c r="A91494" s="13" t="s">
        <v>456</v>
      </c>
      <c r="B91494" s="14" t="s">
        <v>1</v>
      </c>
      <c r="C91494" s="14" t="s">
        <v>23</v>
      </c>
      <c r="D91494" s="14" t="s">
        <v>457</v>
      </c>
      <c r="E91494" s="15">
        <v>45620</v>
      </c>
      <c r="F91494" s="14" t="s">
        <v>53</v>
      </c>
      <c r="G91494" s="16">
        <v>3.4222400828037247</v>
      </c>
    </row>
    <row r="91495" spans="1:7" x14ac:dyDescent="0.3">
      <c r="A91495" s="13" t="s">
        <v>456</v>
      </c>
      <c r="B91495" s="14" t="s">
        <v>1</v>
      </c>
      <c r="C91495" s="14" t="s">
        <v>23</v>
      </c>
      <c r="D91495" s="14" t="s">
        <v>457</v>
      </c>
      <c r="E91495" s="15">
        <v>45621</v>
      </c>
      <c r="F91495" s="14" t="s">
        <v>53</v>
      </c>
      <c r="G91495" s="16">
        <v>3.4257531278251583</v>
      </c>
    </row>
    <row r="91496" spans="1:7" x14ac:dyDescent="0.3">
      <c r="A91496" s="13" t="s">
        <v>456</v>
      </c>
      <c r="B91496" s="14" t="s">
        <v>1</v>
      </c>
      <c r="C91496" s="14" t="s">
        <v>23</v>
      </c>
      <c r="D91496" s="14" t="s">
        <v>457</v>
      </c>
      <c r="E91496" s="15">
        <v>45622</v>
      </c>
      <c r="F91496" s="14" t="s">
        <v>53</v>
      </c>
      <c r="G91496" s="16">
        <v>3.4678506655875876</v>
      </c>
    </row>
    <row r="91497" spans="1:7" x14ac:dyDescent="0.3">
      <c r="A91497" s="13" t="s">
        <v>456</v>
      </c>
      <c r="B91497" s="14" t="s">
        <v>1</v>
      </c>
      <c r="C91497" s="14" t="s">
        <v>23</v>
      </c>
      <c r="D91497" s="14" t="s">
        <v>457</v>
      </c>
      <c r="E91497" s="15">
        <v>45623</v>
      </c>
      <c r="F91497" s="14" t="s">
        <v>53</v>
      </c>
      <c r="G91497" s="16">
        <v>3.4513367864366353</v>
      </c>
    </row>
    <row r="91498" spans="1:7" x14ac:dyDescent="0.3">
      <c r="A91498" s="13" t="s">
        <v>456</v>
      </c>
      <c r="B91498" s="14" t="s">
        <v>1</v>
      </c>
      <c r="C91498" s="14" t="s">
        <v>23</v>
      </c>
      <c r="D91498" s="14" t="s">
        <v>457</v>
      </c>
      <c r="E91498" s="15">
        <v>45624</v>
      </c>
      <c r="F91498" s="14" t="s">
        <v>53</v>
      </c>
      <c r="G91498" s="16">
        <v>3.4513367864366353</v>
      </c>
    </row>
    <row r="91499" spans="1:7" x14ac:dyDescent="0.3">
      <c r="A91499" s="13" t="s">
        <v>456</v>
      </c>
      <c r="B91499" s="14" t="s">
        <v>1</v>
      </c>
      <c r="C91499" s="14" t="s">
        <v>23</v>
      </c>
      <c r="D91499" s="14" t="s">
        <v>457</v>
      </c>
      <c r="E91499" s="15">
        <v>45625</v>
      </c>
      <c r="F91499" s="14" t="s">
        <v>53</v>
      </c>
      <c r="G91499" s="16">
        <v>3.4535227545959115</v>
      </c>
    </row>
    <row r="91500" spans="1:7" x14ac:dyDescent="0.3">
      <c r="A91500" s="13" t="s">
        <v>456</v>
      </c>
      <c r="B91500" s="14" t="s">
        <v>1</v>
      </c>
      <c r="C91500" s="14" t="s">
        <v>23</v>
      </c>
      <c r="D91500" s="14" t="s">
        <v>457</v>
      </c>
      <c r="E91500" s="15">
        <v>45626</v>
      </c>
      <c r="F91500" s="14" t="s">
        <v>53</v>
      </c>
      <c r="G91500" s="16">
        <v>3.4535227545959115</v>
      </c>
    </row>
    <row r="91501" spans="1:7" x14ac:dyDescent="0.3">
      <c r="A91501" s="13" t="s">
        <v>456</v>
      </c>
      <c r="B91501" s="14" t="s">
        <v>1</v>
      </c>
      <c r="C91501" s="14" t="s">
        <v>23</v>
      </c>
      <c r="D91501" s="14" t="s">
        <v>457</v>
      </c>
      <c r="E91501" s="15">
        <v>45627</v>
      </c>
      <c r="F91501" s="14" t="s">
        <v>53</v>
      </c>
      <c r="G91501" s="16">
        <v>3.4535227545959115</v>
      </c>
    </row>
    <row r="91502" spans="1:7" x14ac:dyDescent="0.3">
      <c r="A91502" s="13" t="s">
        <v>456</v>
      </c>
      <c r="B91502" s="14" t="s">
        <v>1</v>
      </c>
      <c r="C91502" s="14" t="s">
        <v>23</v>
      </c>
      <c r="D91502" s="14" t="s">
        <v>457</v>
      </c>
      <c r="E91502" s="15">
        <v>45628</v>
      </c>
      <c r="F91502" s="14" t="s">
        <v>53</v>
      </c>
      <c r="G91502" s="16">
        <v>3.5039774083296193</v>
      </c>
    </row>
    <row r="91503" spans="1:7" x14ac:dyDescent="0.3">
      <c r="A91503" s="13" t="s">
        <v>456</v>
      </c>
      <c r="B91503" s="14" t="s">
        <v>1</v>
      </c>
      <c r="C91503" s="14" t="s">
        <v>23</v>
      </c>
      <c r="D91503" s="14" t="s">
        <v>457</v>
      </c>
      <c r="E91503" s="15">
        <v>45629</v>
      </c>
      <c r="F91503" s="14" t="s">
        <v>53</v>
      </c>
      <c r="G91503" s="16">
        <v>3.5283980221466225</v>
      </c>
    </row>
    <row r="91504" spans="1:7" x14ac:dyDescent="0.3">
      <c r="A91504" s="13" t="s">
        <v>456</v>
      </c>
      <c r="B91504" s="14" t="s">
        <v>1</v>
      </c>
      <c r="C91504" s="14" t="s">
        <v>23</v>
      </c>
      <c r="D91504" s="14" t="s">
        <v>457</v>
      </c>
      <c r="E91504" s="15">
        <v>45630</v>
      </c>
      <c r="F91504" s="14" t="s">
        <v>53</v>
      </c>
      <c r="G91504" s="16">
        <v>3.5321028050827308</v>
      </c>
    </row>
    <row r="91505" spans="1:7" x14ac:dyDescent="0.3">
      <c r="A91505" s="13" t="s">
        <v>456</v>
      </c>
      <c r="B91505" s="14" t="s">
        <v>1</v>
      </c>
      <c r="C91505" s="14" t="s">
        <v>23</v>
      </c>
      <c r="D91505" s="14" t="s">
        <v>457</v>
      </c>
      <c r="E91505" s="15">
        <v>45631</v>
      </c>
      <c r="F91505" s="14" t="s">
        <v>53</v>
      </c>
      <c r="G91505" s="16">
        <v>3.5310830113764258</v>
      </c>
    </row>
    <row r="91506" spans="1:7" x14ac:dyDescent="0.3">
      <c r="A91506" s="13" t="s">
        <v>456</v>
      </c>
      <c r="B91506" s="14" t="s">
        <v>1</v>
      </c>
      <c r="C91506" s="14" t="s">
        <v>23</v>
      </c>
      <c r="D91506" s="14" t="s">
        <v>457</v>
      </c>
      <c r="E91506" s="15">
        <v>45632</v>
      </c>
      <c r="F91506" s="14" t="s">
        <v>53</v>
      </c>
      <c r="G91506" s="16">
        <v>3.5491649281694078</v>
      </c>
    </row>
    <row r="91507" spans="1:7" x14ac:dyDescent="0.3">
      <c r="A91507" s="13" t="s">
        <v>456</v>
      </c>
      <c r="B91507" s="14" t="s">
        <v>1</v>
      </c>
      <c r="C91507" s="14" t="s">
        <v>23</v>
      </c>
      <c r="D91507" s="14" t="s">
        <v>457</v>
      </c>
      <c r="E91507" s="15">
        <v>45633</v>
      </c>
      <c r="F91507" s="14" t="s">
        <v>53</v>
      </c>
      <c r="G91507" s="16">
        <v>3.5491649281694078</v>
      </c>
    </row>
    <row r="91508" spans="1:7" x14ac:dyDescent="0.3">
      <c r="A91508" s="13" t="s">
        <v>456</v>
      </c>
      <c r="B91508" s="14" t="s">
        <v>1</v>
      </c>
      <c r="C91508" s="14" t="s">
        <v>23</v>
      </c>
      <c r="D91508" s="14" t="s">
        <v>457</v>
      </c>
      <c r="E91508" s="15">
        <v>45634</v>
      </c>
      <c r="F91508" s="14" t="s">
        <v>53</v>
      </c>
      <c r="G91508" s="16">
        <v>3.5491649281694078</v>
      </c>
    </row>
    <row r="91509" spans="1:7" x14ac:dyDescent="0.3">
      <c r="A91509" s="13" t="s">
        <v>456</v>
      </c>
      <c r="B91509" s="14" t="s">
        <v>1</v>
      </c>
      <c r="C91509" s="14" t="s">
        <v>23</v>
      </c>
      <c r="D91509" s="14" t="s">
        <v>457</v>
      </c>
      <c r="E91509" s="15">
        <v>45635</v>
      </c>
      <c r="F91509" s="14" t="s">
        <v>53</v>
      </c>
      <c r="G91509" s="16">
        <v>3.568555685217679</v>
      </c>
    </row>
    <row r="91510" spans="1:7" x14ac:dyDescent="0.3">
      <c r="A91510" s="13" t="s">
        <v>456</v>
      </c>
      <c r="B91510" s="14" t="s">
        <v>1</v>
      </c>
      <c r="C91510" s="14" t="s">
        <v>23</v>
      </c>
      <c r="D91510" s="14" t="s">
        <v>457</v>
      </c>
      <c r="E91510" s="15">
        <v>45636</v>
      </c>
      <c r="F91510" s="14" t="s">
        <v>53</v>
      </c>
      <c r="G91510" s="16">
        <v>3.6040662262599179</v>
      </c>
    </row>
    <row r="91511" spans="1:7" x14ac:dyDescent="0.3">
      <c r="A91511" s="13" t="s">
        <v>456</v>
      </c>
      <c r="B91511" s="14" t="s">
        <v>1</v>
      </c>
      <c r="C91511" s="14" t="s">
        <v>23</v>
      </c>
      <c r="D91511" s="14" t="s">
        <v>457</v>
      </c>
      <c r="E91511" s="15">
        <v>45637</v>
      </c>
      <c r="F91511" s="14" t="s">
        <v>53</v>
      </c>
      <c r="G91511" s="16">
        <v>3.6239677014665439</v>
      </c>
    </row>
    <row r="91512" spans="1:7" x14ac:dyDescent="0.3">
      <c r="A91512" s="13" t="s">
        <v>456</v>
      </c>
      <c r="B91512" s="14" t="s">
        <v>1</v>
      </c>
      <c r="C91512" s="14" t="s">
        <v>23</v>
      </c>
      <c r="D91512" s="14" t="s">
        <v>457</v>
      </c>
      <c r="E91512" s="15">
        <v>45638</v>
      </c>
      <c r="F91512" s="14" t="s">
        <v>53</v>
      </c>
      <c r="G91512" s="16">
        <v>3.6588625054086052</v>
      </c>
    </row>
    <row r="91513" spans="1:7" x14ac:dyDescent="0.3">
      <c r="A91513" s="13" t="s">
        <v>456</v>
      </c>
      <c r="B91513" s="14" t="s">
        <v>1</v>
      </c>
      <c r="C91513" s="14" t="s">
        <v>23</v>
      </c>
      <c r="D91513" s="14" t="s">
        <v>457</v>
      </c>
      <c r="E91513" s="15">
        <v>45639</v>
      </c>
      <c r="F91513" s="14" t="s">
        <v>53</v>
      </c>
      <c r="G91513" s="16">
        <v>3.6894683434038651</v>
      </c>
    </row>
    <row r="91514" spans="1:7" x14ac:dyDescent="0.3">
      <c r="A91514" s="13" t="s">
        <v>456</v>
      </c>
      <c r="B91514" s="14" t="s">
        <v>1</v>
      </c>
      <c r="C91514" s="14" t="s">
        <v>23</v>
      </c>
      <c r="D91514" s="14" t="s">
        <v>457</v>
      </c>
      <c r="E91514" s="15">
        <v>45640</v>
      </c>
      <c r="F91514" s="14" t="s">
        <v>53</v>
      </c>
      <c r="G91514" s="16">
        <v>3.6894683434038651</v>
      </c>
    </row>
    <row r="91515" spans="1:7" x14ac:dyDescent="0.3">
      <c r="A91515" s="13" t="s">
        <v>456</v>
      </c>
      <c r="B91515" s="14" t="s">
        <v>1</v>
      </c>
      <c r="C91515" s="14" t="s">
        <v>23</v>
      </c>
      <c r="D91515" s="14" t="s">
        <v>457</v>
      </c>
      <c r="E91515" s="15">
        <v>45641</v>
      </c>
      <c r="F91515" s="14" t="s">
        <v>53</v>
      </c>
      <c r="G91515" s="16">
        <v>3.6894683434038651</v>
      </c>
    </row>
    <row r="91516" spans="1:7" x14ac:dyDescent="0.3">
      <c r="A91516" s="13" t="s">
        <v>456</v>
      </c>
      <c r="B91516" s="14" t="s">
        <v>1</v>
      </c>
      <c r="C91516" s="14" t="s">
        <v>23</v>
      </c>
      <c r="D91516" s="14" t="s">
        <v>457</v>
      </c>
      <c r="E91516" s="15">
        <v>45642</v>
      </c>
      <c r="F91516" s="14" t="s">
        <v>53</v>
      </c>
      <c r="G91516" s="16">
        <v>3.6857810774374618</v>
      </c>
    </row>
    <row r="91517" spans="1:7" x14ac:dyDescent="0.3">
      <c r="A91517" s="13" t="s">
        <v>456</v>
      </c>
      <c r="B91517" s="14" t="s">
        <v>1</v>
      </c>
      <c r="C91517" s="14" t="s">
        <v>23</v>
      </c>
      <c r="D91517" s="14" t="s">
        <v>457</v>
      </c>
      <c r="E91517" s="15">
        <v>45643</v>
      </c>
      <c r="F91517" s="14" t="s">
        <v>53</v>
      </c>
      <c r="G91517" s="16">
        <v>3.7186350133177157</v>
      </c>
    </row>
    <row r="91518" spans="1:7" x14ac:dyDescent="0.3">
      <c r="A91518" s="13" t="s">
        <v>456</v>
      </c>
      <c r="B91518" s="14" t="s">
        <v>1</v>
      </c>
      <c r="C91518" s="14" t="s">
        <v>23</v>
      </c>
      <c r="D91518" s="14" t="s">
        <v>457</v>
      </c>
      <c r="E91518" s="15">
        <v>45644</v>
      </c>
      <c r="F91518" s="14" t="s">
        <v>53</v>
      </c>
      <c r="G91518" s="16">
        <v>3.7735919675173846</v>
      </c>
    </row>
    <row r="91519" spans="1:7" x14ac:dyDescent="0.3">
      <c r="A91519" s="13" t="s">
        <v>456</v>
      </c>
      <c r="B91519" s="14" t="s">
        <v>1</v>
      </c>
      <c r="C91519" s="14" t="s">
        <v>23</v>
      </c>
      <c r="D91519" s="14" t="s">
        <v>457</v>
      </c>
      <c r="E91519" s="15">
        <v>45645</v>
      </c>
      <c r="F91519" s="14" t="s">
        <v>53</v>
      </c>
      <c r="G91519" s="16">
        <v>3.8076478443127386</v>
      </c>
    </row>
    <row r="91520" spans="1:7" x14ac:dyDescent="0.3">
      <c r="A91520" s="13" t="s">
        <v>456</v>
      </c>
      <c r="B91520" s="14" t="s">
        <v>1</v>
      </c>
      <c r="C91520" s="14" t="s">
        <v>23</v>
      </c>
      <c r="D91520" s="14" t="s">
        <v>457</v>
      </c>
      <c r="E91520" s="15">
        <v>45646</v>
      </c>
      <c r="F91520" s="14" t="s">
        <v>53</v>
      </c>
      <c r="G91520" s="16">
        <v>3.8010521980239886</v>
      </c>
    </row>
    <row r="91521" spans="1:7" x14ac:dyDescent="0.3">
      <c r="A91521" s="13" t="s">
        <v>456</v>
      </c>
      <c r="B91521" s="14" t="s">
        <v>1</v>
      </c>
      <c r="C91521" s="14" t="s">
        <v>23</v>
      </c>
      <c r="D91521" s="14" t="s">
        <v>457</v>
      </c>
      <c r="E91521" s="15">
        <v>45647</v>
      </c>
      <c r="F91521" s="14" t="s">
        <v>53</v>
      </c>
      <c r="G91521" s="16">
        <v>3.8010521980239886</v>
      </c>
    </row>
    <row r="91522" spans="1:7" x14ac:dyDescent="0.3">
      <c r="A91522" s="13" t="s">
        <v>456</v>
      </c>
      <c r="B91522" s="14" t="s">
        <v>1</v>
      </c>
      <c r="C91522" s="14" t="s">
        <v>23</v>
      </c>
      <c r="D91522" s="14" t="s">
        <v>457</v>
      </c>
      <c r="E91522" s="15">
        <v>45648</v>
      </c>
      <c r="F91522" s="14" t="s">
        <v>53</v>
      </c>
      <c r="G91522" s="16">
        <v>3.8010521980239886</v>
      </c>
    </row>
    <row r="91523" spans="1:7" x14ac:dyDescent="0.3">
      <c r="A91523" s="13" t="s">
        <v>456</v>
      </c>
      <c r="B91523" s="14" t="s">
        <v>1</v>
      </c>
      <c r="C91523" s="14" t="s">
        <v>23</v>
      </c>
      <c r="D91523" s="14" t="s">
        <v>457</v>
      </c>
      <c r="E91523" s="15">
        <v>45649</v>
      </c>
      <c r="F91523" s="14" t="s">
        <v>53</v>
      </c>
      <c r="G91523" s="16">
        <v>3.7873527832564742</v>
      </c>
    </row>
    <row r="91524" spans="1:7" x14ac:dyDescent="0.3">
      <c r="A91524" s="13" t="s">
        <v>456</v>
      </c>
      <c r="B91524" s="14" t="s">
        <v>1</v>
      </c>
      <c r="C91524" s="14" t="s">
        <v>23</v>
      </c>
      <c r="D91524" s="14" t="s">
        <v>457</v>
      </c>
      <c r="E91524" s="15">
        <v>45650</v>
      </c>
      <c r="F91524" s="14" t="s">
        <v>53</v>
      </c>
      <c r="G91524" s="16">
        <v>3.8205152551691857</v>
      </c>
    </row>
    <row r="91525" spans="1:7" x14ac:dyDescent="0.3">
      <c r="A91525" s="13" t="s">
        <v>456</v>
      </c>
      <c r="B91525" s="14" t="s">
        <v>1</v>
      </c>
      <c r="C91525" s="14" t="s">
        <v>23</v>
      </c>
      <c r="D91525" s="14" t="s">
        <v>457</v>
      </c>
      <c r="E91525" s="15">
        <v>45651</v>
      </c>
      <c r="F91525" s="14" t="s">
        <v>53</v>
      </c>
      <c r="G91525" s="16">
        <v>3.8205152551691857</v>
      </c>
    </row>
    <row r="91526" spans="1:7" x14ac:dyDescent="0.3">
      <c r="A91526" s="13" t="s">
        <v>456</v>
      </c>
      <c r="B91526" s="14" t="s">
        <v>1</v>
      </c>
      <c r="C91526" s="14" t="s">
        <v>23</v>
      </c>
      <c r="D91526" s="14" t="s">
        <v>457</v>
      </c>
      <c r="E91526" s="15">
        <v>45652</v>
      </c>
      <c r="F91526" s="14" t="s">
        <v>53</v>
      </c>
      <c r="G91526" s="16">
        <v>3.8205152551691857</v>
      </c>
    </row>
    <row r="91527" spans="1:7" x14ac:dyDescent="0.3">
      <c r="A91527" s="13" t="s">
        <v>456</v>
      </c>
      <c r="B91527" s="14" t="s">
        <v>1</v>
      </c>
      <c r="C91527" s="14" t="s">
        <v>23</v>
      </c>
      <c r="D91527" s="14" t="s">
        <v>457</v>
      </c>
      <c r="E91527" s="15">
        <v>45653</v>
      </c>
      <c r="F91527" s="14" t="s">
        <v>53</v>
      </c>
      <c r="G91527" s="16">
        <v>3.8205152551691857</v>
      </c>
    </row>
    <row r="91528" spans="1:7" x14ac:dyDescent="0.3">
      <c r="A91528" s="13" t="s">
        <v>456</v>
      </c>
      <c r="B91528" s="14" t="s">
        <v>1</v>
      </c>
      <c r="C91528" s="14" t="s">
        <v>23</v>
      </c>
      <c r="D91528" s="14" t="s">
        <v>457</v>
      </c>
      <c r="E91528" s="15">
        <v>45654</v>
      </c>
      <c r="F91528" s="14" t="s">
        <v>53</v>
      </c>
      <c r="G91528" s="16">
        <v>3.8205152551691857</v>
      </c>
    </row>
    <row r="91529" spans="1:7" x14ac:dyDescent="0.3">
      <c r="A91529" s="13" t="s">
        <v>456</v>
      </c>
      <c r="B91529" s="14" t="s">
        <v>1</v>
      </c>
      <c r="C91529" s="14" t="s">
        <v>23</v>
      </c>
      <c r="D91529" s="14" t="s">
        <v>457</v>
      </c>
      <c r="E91529" s="15">
        <v>45655</v>
      </c>
      <c r="F91529" s="14" t="s">
        <v>53</v>
      </c>
      <c r="G91529" s="16">
        <v>3.8205152551691857</v>
      </c>
    </row>
    <row r="91530" spans="1:7" x14ac:dyDescent="0.3">
      <c r="A91530" s="13" t="s">
        <v>456</v>
      </c>
      <c r="B91530" s="14" t="s">
        <v>1</v>
      </c>
      <c r="C91530" s="14" t="s">
        <v>23</v>
      </c>
      <c r="D91530" s="14" t="s">
        <v>457</v>
      </c>
      <c r="E91530" s="15">
        <v>45656</v>
      </c>
      <c r="F91530" s="14" t="s">
        <v>53</v>
      </c>
      <c r="G91530" s="16">
        <v>3.8337914405900388</v>
      </c>
    </row>
    <row r="91531" spans="1:7" x14ac:dyDescent="0.3">
      <c r="A91531" s="13" t="s">
        <v>456</v>
      </c>
      <c r="B91531" s="14" t="s">
        <v>1</v>
      </c>
      <c r="C91531" s="14" t="s">
        <v>23</v>
      </c>
      <c r="D91531" s="14" t="s">
        <v>457</v>
      </c>
      <c r="E91531" s="15">
        <v>45657</v>
      </c>
      <c r="F91531" s="14" t="s">
        <v>53</v>
      </c>
      <c r="G91531" s="16">
        <v>3.9343470781301506</v>
      </c>
    </row>
    <row r="91532" spans="1:7" x14ac:dyDescent="0.3">
      <c r="A91532" s="13" t="s">
        <v>456</v>
      </c>
      <c r="B91532" s="14" t="s">
        <v>1</v>
      </c>
      <c r="C91532" s="14" t="s">
        <v>23</v>
      </c>
      <c r="D91532" s="14" t="s">
        <v>457</v>
      </c>
      <c r="E91532" s="15">
        <v>45658</v>
      </c>
      <c r="F91532" s="14" t="s">
        <v>53</v>
      </c>
      <c r="G91532" s="16">
        <v>3.9343470781301506</v>
      </c>
    </row>
    <row r="91533" spans="1:7" x14ac:dyDescent="0.3">
      <c r="A91533" s="13" t="s">
        <v>456</v>
      </c>
      <c r="B91533" s="14" t="s">
        <v>1</v>
      </c>
      <c r="C91533" s="14" t="s">
        <v>23</v>
      </c>
      <c r="D91533" s="14" t="s">
        <v>457</v>
      </c>
      <c r="E91533" s="15">
        <v>45659</v>
      </c>
      <c r="F91533" s="14" t="s">
        <v>53</v>
      </c>
      <c r="G91533" s="16">
        <v>3.9901865831671963</v>
      </c>
    </row>
    <row r="91534" spans="1:7" x14ac:dyDescent="0.3">
      <c r="A91534" s="13" t="s">
        <v>456</v>
      </c>
      <c r="B91534" s="14" t="s">
        <v>1</v>
      </c>
      <c r="C91534" s="14" t="s">
        <v>23</v>
      </c>
      <c r="D91534" s="14" t="s">
        <v>457</v>
      </c>
      <c r="E91534" s="15">
        <v>45660</v>
      </c>
      <c r="F91534" s="14" t="s">
        <v>53</v>
      </c>
      <c r="G91534" s="16">
        <v>3.9957522266879764</v>
      </c>
    </row>
    <row r="91535" spans="1:7" x14ac:dyDescent="0.3">
      <c r="A91535" s="13" t="s">
        <v>456</v>
      </c>
      <c r="B91535" s="14" t="s">
        <v>1</v>
      </c>
      <c r="C91535" s="14" t="s">
        <v>23</v>
      </c>
      <c r="D91535" s="14" t="s">
        <v>457</v>
      </c>
      <c r="E91535" s="15">
        <v>45661</v>
      </c>
      <c r="F91535" s="14" t="s">
        <v>53</v>
      </c>
      <c r="G91535" s="16">
        <v>3.9957522266879764</v>
      </c>
    </row>
    <row r="91536" spans="1:7" x14ac:dyDescent="0.3">
      <c r="A91536" s="13" t="s">
        <v>456</v>
      </c>
      <c r="B91536" s="14" t="s">
        <v>1</v>
      </c>
      <c r="C91536" s="14" t="s">
        <v>23</v>
      </c>
      <c r="D91536" s="14" t="s">
        <v>457</v>
      </c>
      <c r="E91536" s="15">
        <v>45662</v>
      </c>
      <c r="F91536" s="14" t="s">
        <v>53</v>
      </c>
      <c r="G91536" s="16">
        <v>3.9957522266879764</v>
      </c>
    </row>
    <row r="91537" spans="1:7" x14ac:dyDescent="0.3">
      <c r="A91537" s="13" t="s">
        <v>456</v>
      </c>
      <c r="B91537" s="14" t="s">
        <v>1</v>
      </c>
      <c r="C91537" s="14" t="s">
        <v>23</v>
      </c>
      <c r="D91537" s="14" t="s">
        <v>457</v>
      </c>
      <c r="E91537" s="15">
        <v>45663</v>
      </c>
      <c r="F91537" s="14" t="s">
        <v>53</v>
      </c>
      <c r="G91537" s="16">
        <v>3.9774941599045155</v>
      </c>
    </row>
    <row r="91538" spans="1:7" x14ac:dyDescent="0.3">
      <c r="A91538" s="13" t="s">
        <v>456</v>
      </c>
      <c r="B91538" s="14" t="s">
        <v>1</v>
      </c>
      <c r="C91538" s="14" t="s">
        <v>23</v>
      </c>
      <c r="D91538" s="14" t="s">
        <v>457</v>
      </c>
      <c r="E91538" s="15">
        <v>45664</v>
      </c>
      <c r="F91538" s="14" t="s">
        <v>53</v>
      </c>
      <c r="G91538" s="16">
        <v>4.0345783284634695</v>
      </c>
    </row>
    <row r="91539" spans="1:7" x14ac:dyDescent="0.3">
      <c r="A91539" s="13" t="s">
        <v>456</v>
      </c>
      <c r="B91539" s="14" t="s">
        <v>1</v>
      </c>
      <c r="C91539" s="14" t="s">
        <v>23</v>
      </c>
      <c r="D91539" s="14" t="s">
        <v>457</v>
      </c>
      <c r="E91539" s="15">
        <v>45665</v>
      </c>
      <c r="F91539" s="14" t="s">
        <v>53</v>
      </c>
      <c r="G91539" s="16">
        <v>4.0892039432478731</v>
      </c>
    </row>
    <row r="91540" spans="1:7" x14ac:dyDescent="0.3">
      <c r="A91540" s="13" t="s">
        <v>456</v>
      </c>
      <c r="B91540" s="14" t="s">
        <v>1</v>
      </c>
      <c r="C91540" s="14" t="s">
        <v>23</v>
      </c>
      <c r="D91540" s="14" t="s">
        <v>457</v>
      </c>
      <c r="E91540" s="15">
        <v>45666</v>
      </c>
      <c r="F91540" s="14" t="s">
        <v>53</v>
      </c>
      <c r="G91540" s="16">
        <v>4.0892039432478731</v>
      </c>
    </row>
    <row r="91541" spans="1:7" x14ac:dyDescent="0.3">
      <c r="A91541" s="13" t="s">
        <v>456</v>
      </c>
      <c r="B91541" s="14" t="s">
        <v>1</v>
      </c>
      <c r="C91541" s="14" t="s">
        <v>23</v>
      </c>
      <c r="D91541" s="14" t="s">
        <v>457</v>
      </c>
      <c r="E91541" s="15">
        <v>45667</v>
      </c>
      <c r="F91541" s="14" t="s">
        <v>53</v>
      </c>
      <c r="G91541" s="16">
        <v>4.1595639190578462</v>
      </c>
    </row>
    <row r="91542" spans="1:7" x14ac:dyDescent="0.3">
      <c r="A91542" s="13" t="s">
        <v>456</v>
      </c>
      <c r="B91542" s="14" t="s">
        <v>1</v>
      </c>
      <c r="C91542" s="14" t="s">
        <v>23</v>
      </c>
      <c r="D91542" s="14" t="s">
        <v>457</v>
      </c>
      <c r="E91542" s="15">
        <v>45668</v>
      </c>
      <c r="F91542" s="14" t="s">
        <v>53</v>
      </c>
      <c r="G91542" s="16">
        <v>4.1595639190578462</v>
      </c>
    </row>
    <row r="91543" spans="1:7" x14ac:dyDescent="0.3">
      <c r="A91543" s="13" t="s">
        <v>456</v>
      </c>
      <c r="B91543" s="14" t="s">
        <v>1</v>
      </c>
      <c r="C91543" s="14" t="s">
        <v>23</v>
      </c>
      <c r="D91543" s="14" t="s">
        <v>457</v>
      </c>
      <c r="E91543" s="15">
        <v>45669</v>
      </c>
      <c r="F91543" s="14" t="s">
        <v>53</v>
      </c>
      <c r="G91543" s="16">
        <v>4.1595639190578462</v>
      </c>
    </row>
    <row r="91544" spans="1:7" x14ac:dyDescent="0.3">
      <c r="A91544" s="13" t="s">
        <v>456</v>
      </c>
      <c r="B91544" s="14" t="s">
        <v>1</v>
      </c>
      <c r="C91544" s="14" t="s">
        <v>23</v>
      </c>
      <c r="D91544" s="14" t="s">
        <v>457</v>
      </c>
      <c r="E91544" s="15">
        <v>45670</v>
      </c>
      <c r="F91544" s="14" t="s">
        <v>53</v>
      </c>
      <c r="G91544" s="16">
        <v>4.1936282447986306</v>
      </c>
    </row>
    <row r="91545" spans="1:7" x14ac:dyDescent="0.3">
      <c r="A91545" s="13" t="s">
        <v>456</v>
      </c>
      <c r="B91545" s="14" t="s">
        <v>1</v>
      </c>
      <c r="C91545" s="14" t="s">
        <v>23</v>
      </c>
      <c r="D91545" s="14" t="s">
        <v>457</v>
      </c>
      <c r="E91545" s="15">
        <v>45671</v>
      </c>
      <c r="F91545" s="14" t="s">
        <v>53</v>
      </c>
      <c r="G91545" s="16">
        <v>4.2269942656483437</v>
      </c>
    </row>
    <row r="91546" spans="1:7" x14ac:dyDescent="0.3">
      <c r="A91546" s="13" t="s">
        <v>456</v>
      </c>
      <c r="B91546" s="14" t="s">
        <v>1</v>
      </c>
      <c r="C91546" s="14" t="s">
        <v>23</v>
      </c>
      <c r="D91546" s="14" t="s">
        <v>457</v>
      </c>
      <c r="E91546" s="15">
        <v>45672</v>
      </c>
      <c r="F91546" s="14" t="s">
        <v>53</v>
      </c>
      <c r="G91546" s="16">
        <v>4.2305466160661984</v>
      </c>
    </row>
    <row r="91547" spans="1:7" x14ac:dyDescent="0.3">
      <c r="A91547" s="13" t="s">
        <v>456</v>
      </c>
      <c r="B91547" s="14" t="s">
        <v>1</v>
      </c>
      <c r="C91547" s="14" t="s">
        <v>23</v>
      </c>
      <c r="D91547" s="14" t="s">
        <v>457</v>
      </c>
      <c r="E91547" s="15">
        <v>45673</v>
      </c>
      <c r="F91547" s="14" t="s">
        <v>53</v>
      </c>
      <c r="G91547" s="16">
        <v>4.2465866739801088</v>
      </c>
    </row>
    <row r="91548" spans="1:7" x14ac:dyDescent="0.3">
      <c r="A91548" s="13" t="s">
        <v>456</v>
      </c>
      <c r="B91548" s="14" t="s">
        <v>1</v>
      </c>
      <c r="C91548" s="14" t="s">
        <v>23</v>
      </c>
      <c r="D91548" s="14" t="s">
        <v>457</v>
      </c>
      <c r="E91548" s="15">
        <v>45674</v>
      </c>
      <c r="F91548" s="14" t="s">
        <v>53</v>
      </c>
      <c r="G91548" s="16">
        <v>4.2775854752076832</v>
      </c>
    </row>
    <row r="91549" spans="1:7" x14ac:dyDescent="0.3">
      <c r="A91549" s="13" t="s">
        <v>456</v>
      </c>
      <c r="B91549" s="14" t="s">
        <v>1</v>
      </c>
      <c r="C91549" s="14" t="s">
        <v>23</v>
      </c>
      <c r="D91549" s="14" t="s">
        <v>457</v>
      </c>
      <c r="E91549" s="15">
        <v>45675</v>
      </c>
      <c r="F91549" s="14" t="s">
        <v>53</v>
      </c>
      <c r="G91549" s="16">
        <v>4.2775854752076832</v>
      </c>
    </row>
    <row r="91550" spans="1:7" x14ac:dyDescent="0.3">
      <c r="A91550" s="13" t="s">
        <v>456</v>
      </c>
      <c r="B91550" s="14" t="s">
        <v>1</v>
      </c>
      <c r="C91550" s="14" t="s">
        <v>23</v>
      </c>
      <c r="D91550" s="14" t="s">
        <v>457</v>
      </c>
      <c r="E91550" s="15">
        <v>45676</v>
      </c>
      <c r="F91550" s="14" t="s">
        <v>53</v>
      </c>
      <c r="G91550" s="16">
        <v>4.2775854752076832</v>
      </c>
    </row>
    <row r="91551" spans="1:7" x14ac:dyDescent="0.3">
      <c r="A91551" s="13" t="s">
        <v>456</v>
      </c>
      <c r="B91551" s="14" t="s">
        <v>1</v>
      </c>
      <c r="C91551" s="14" t="s">
        <v>23</v>
      </c>
      <c r="D91551" s="14" t="s">
        <v>457</v>
      </c>
      <c r="E91551" s="15">
        <v>45677</v>
      </c>
      <c r="F91551" s="14" t="s">
        <v>53</v>
      </c>
      <c r="G91551" s="16">
        <v>4.2775854752076832</v>
      </c>
    </row>
    <row r="91552" spans="1:7" x14ac:dyDescent="0.3">
      <c r="A91552" s="13" t="s">
        <v>456</v>
      </c>
      <c r="B91552" s="14" t="s">
        <v>1</v>
      </c>
      <c r="C91552" s="14" t="s">
        <v>23</v>
      </c>
      <c r="D91552" s="14" t="s">
        <v>457</v>
      </c>
      <c r="E91552" s="15">
        <v>45678</v>
      </c>
      <c r="F91552" s="14" t="s">
        <v>53</v>
      </c>
      <c r="G91552" s="16">
        <v>4.2282947343221409</v>
      </c>
    </row>
    <row r="91553" spans="1:7" x14ac:dyDescent="0.3">
      <c r="A91553" s="13" t="s">
        <v>456</v>
      </c>
      <c r="B91553" s="14" t="s">
        <v>1</v>
      </c>
      <c r="C91553" s="14" t="s">
        <v>23</v>
      </c>
      <c r="D91553" s="14" t="s">
        <v>457</v>
      </c>
      <c r="E91553" s="15">
        <v>45679</v>
      </c>
      <c r="F91553" s="14" t="s">
        <v>53</v>
      </c>
      <c r="G91553" s="16">
        <v>4.2940095565526155</v>
      </c>
    </row>
    <row r="91554" spans="1:7" x14ac:dyDescent="0.3">
      <c r="A91554" s="13" t="s">
        <v>456</v>
      </c>
      <c r="B91554" s="14" t="s">
        <v>1</v>
      </c>
      <c r="C91554" s="14" t="s">
        <v>23</v>
      </c>
      <c r="D91554" s="14" t="s">
        <v>457</v>
      </c>
      <c r="E91554" s="15">
        <v>45680</v>
      </c>
      <c r="F91554" s="14" t="s">
        <v>53</v>
      </c>
      <c r="G91554" s="16">
        <v>4.2954703072432912</v>
      </c>
    </row>
    <row r="91555" spans="1:7" x14ac:dyDescent="0.3">
      <c r="A91555" s="13" t="s">
        <v>456</v>
      </c>
      <c r="B91555" s="14" t="s">
        <v>1</v>
      </c>
      <c r="C91555" s="14" t="s">
        <v>23</v>
      </c>
      <c r="D91555" s="14" t="s">
        <v>457</v>
      </c>
      <c r="E91555" s="15">
        <v>45681</v>
      </c>
      <c r="F91555" s="14" t="s">
        <v>53</v>
      </c>
      <c r="G91555" s="16">
        <v>4.2632586951280622</v>
      </c>
    </row>
    <row r="91556" spans="1:7" x14ac:dyDescent="0.3">
      <c r="A91556" s="13" t="s">
        <v>456</v>
      </c>
      <c r="B91556" s="14" t="s">
        <v>1</v>
      </c>
      <c r="C91556" s="14" t="s">
        <v>23</v>
      </c>
      <c r="D91556" s="14" t="s">
        <v>457</v>
      </c>
      <c r="E91556" s="15">
        <v>45682</v>
      </c>
      <c r="F91556" s="14" t="s">
        <v>53</v>
      </c>
      <c r="G91556" s="16">
        <v>4.2632586951280622</v>
      </c>
    </row>
    <row r="91557" spans="1:7" x14ac:dyDescent="0.3">
      <c r="A91557" s="13" t="s">
        <v>456</v>
      </c>
      <c r="B91557" s="14" t="s">
        <v>1</v>
      </c>
      <c r="C91557" s="14" t="s">
        <v>23</v>
      </c>
      <c r="D91557" s="14" t="s">
        <v>457</v>
      </c>
      <c r="E91557" s="15">
        <v>45683</v>
      </c>
      <c r="F91557" s="14" t="s">
        <v>53</v>
      </c>
      <c r="G91557" s="16">
        <v>4.2632586951280622</v>
      </c>
    </row>
    <row r="91558" spans="1:7" x14ac:dyDescent="0.3">
      <c r="A91558" s="13" t="s">
        <v>456</v>
      </c>
      <c r="B91558" s="14" t="s">
        <v>1</v>
      </c>
      <c r="C91558" s="14" t="s">
        <v>23</v>
      </c>
      <c r="D91558" s="14" t="s">
        <v>457</v>
      </c>
      <c r="E91558" s="15">
        <v>45684</v>
      </c>
      <c r="F91558" s="14" t="s">
        <v>53</v>
      </c>
      <c r="G91558" s="16">
        <v>4.2735617714667171</v>
      </c>
    </row>
    <row r="91559" spans="1:7" x14ac:dyDescent="0.3">
      <c r="A91559" s="13" t="s">
        <v>456</v>
      </c>
      <c r="B91559" s="14" t="s">
        <v>1</v>
      </c>
      <c r="C91559" s="14" t="s">
        <v>23</v>
      </c>
      <c r="D91559" s="14" t="s">
        <v>457</v>
      </c>
      <c r="E91559" s="15">
        <v>45685</v>
      </c>
      <c r="F91559" s="14" t="s">
        <v>53</v>
      </c>
      <c r="G91559" s="16">
        <v>4.3329444191994497</v>
      </c>
    </row>
    <row r="91560" spans="1:7" x14ac:dyDescent="0.3">
      <c r="A91560" s="13" t="s">
        <v>456</v>
      </c>
      <c r="B91560" s="14" t="s">
        <v>1</v>
      </c>
      <c r="C91560" s="14" t="s">
        <v>23</v>
      </c>
      <c r="D91560" s="14" t="s">
        <v>457</v>
      </c>
      <c r="E91560" s="15">
        <v>45686</v>
      </c>
      <c r="F91560" s="14" t="s">
        <v>53</v>
      </c>
      <c r="G91560" s="16">
        <v>4.3419255180010827</v>
      </c>
    </row>
    <row r="91561" spans="1:7" x14ac:dyDescent="0.3">
      <c r="A91561" s="13" t="s">
        <v>456</v>
      </c>
      <c r="B91561" s="14" t="s">
        <v>1</v>
      </c>
      <c r="C91561" s="14" t="s">
        <v>23</v>
      </c>
      <c r="D91561" s="14" t="s">
        <v>457</v>
      </c>
      <c r="E91561" s="15">
        <v>45687</v>
      </c>
      <c r="F91561" s="14" t="s">
        <v>53</v>
      </c>
      <c r="G91561" s="16">
        <v>4.3678168180682047</v>
      </c>
    </row>
    <row r="91562" spans="1:7" x14ac:dyDescent="0.3">
      <c r="A91562" s="13" t="s">
        <v>456</v>
      </c>
      <c r="B91562" s="14" t="s">
        <v>1</v>
      </c>
      <c r="C91562" s="14" t="s">
        <v>23</v>
      </c>
      <c r="D91562" s="14" t="s">
        <v>457</v>
      </c>
      <c r="E91562" s="15">
        <v>45688</v>
      </c>
      <c r="F91562" s="14" t="s">
        <v>53</v>
      </c>
      <c r="G91562" s="16">
        <v>4.3907465428922512</v>
      </c>
    </row>
    <row r="91563" spans="1:7" x14ac:dyDescent="0.3">
      <c r="A91563" s="13" t="s">
        <v>456</v>
      </c>
      <c r="B91563" s="14" t="s">
        <v>1</v>
      </c>
      <c r="C91563" s="14" t="s">
        <v>23</v>
      </c>
      <c r="D91563" s="14" t="s">
        <v>457</v>
      </c>
      <c r="E91563" s="15">
        <v>45689</v>
      </c>
      <c r="F91563" s="14" t="s">
        <v>53</v>
      </c>
      <c r="G91563" s="16">
        <v>4.3907465428922512</v>
      </c>
    </row>
    <row r="91564" spans="1:7" x14ac:dyDescent="0.3">
      <c r="A91564" s="13" t="s">
        <v>456</v>
      </c>
      <c r="B91564" s="14" t="s">
        <v>1</v>
      </c>
      <c r="C91564" s="14" t="s">
        <v>23</v>
      </c>
      <c r="D91564" s="14" t="s">
        <v>457</v>
      </c>
      <c r="E91564" s="15">
        <v>45690</v>
      </c>
      <c r="F91564" s="14" t="s">
        <v>53</v>
      </c>
      <c r="G91564" s="16">
        <v>4.3907465428922512</v>
      </c>
    </row>
    <row r="91565" spans="1:7" x14ac:dyDescent="0.3">
      <c r="A91565" s="13" t="s">
        <v>456</v>
      </c>
      <c r="B91565" s="14" t="s">
        <v>1</v>
      </c>
      <c r="C91565" s="14" t="s">
        <v>23</v>
      </c>
      <c r="D91565" s="14" t="s">
        <v>457</v>
      </c>
      <c r="E91565" s="15">
        <v>45691</v>
      </c>
      <c r="F91565" s="14" t="s">
        <v>53</v>
      </c>
      <c r="G91565" s="16">
        <v>4.3907465428922512</v>
      </c>
    </row>
    <row r="91566" spans="1:7" x14ac:dyDescent="0.3">
      <c r="A91566" s="13" t="s">
        <v>456</v>
      </c>
      <c r="B91566" s="14" t="s">
        <v>1</v>
      </c>
      <c r="C91566" s="14" t="s">
        <v>23</v>
      </c>
      <c r="D91566" s="14" t="s">
        <v>457</v>
      </c>
      <c r="E91566" s="15">
        <v>45692</v>
      </c>
      <c r="F91566" s="14" t="s">
        <v>53</v>
      </c>
      <c r="G91566" s="16">
        <v>4.3734650950793101</v>
      </c>
    </row>
    <row r="91567" spans="1:7" x14ac:dyDescent="0.3">
      <c r="A91567" s="13" t="s">
        <v>456</v>
      </c>
      <c r="B91567" s="14" t="s">
        <v>1</v>
      </c>
      <c r="C91567" s="14" t="s">
        <v>23</v>
      </c>
      <c r="D91567" s="14" t="s">
        <v>457</v>
      </c>
      <c r="E91567" s="15">
        <v>45693</v>
      </c>
      <c r="F91567" s="14" t="s">
        <v>53</v>
      </c>
      <c r="G91567" s="16">
        <v>4.4080780395258738</v>
      </c>
    </row>
    <row r="91568" spans="1:7" x14ac:dyDescent="0.3">
      <c r="A91568" s="13" t="s">
        <v>456</v>
      </c>
      <c r="B91568" s="14" t="s">
        <v>1</v>
      </c>
      <c r="C91568" s="14" t="s">
        <v>23</v>
      </c>
      <c r="D91568" s="14" t="s">
        <v>457</v>
      </c>
      <c r="E91568" s="15">
        <v>45694</v>
      </c>
      <c r="F91568" s="14" t="s">
        <v>53</v>
      </c>
      <c r="G91568" s="16">
        <v>4.446497650239098</v>
      </c>
    </row>
    <row r="91569" spans="1:7" x14ac:dyDescent="0.3">
      <c r="A91569" s="13" t="s">
        <v>456</v>
      </c>
      <c r="B91569" s="14" t="s">
        <v>1</v>
      </c>
      <c r="C91569" s="14" t="s">
        <v>23</v>
      </c>
      <c r="D91569" s="14" t="s">
        <v>457</v>
      </c>
      <c r="E91569" s="15">
        <v>45695</v>
      </c>
      <c r="F91569" s="14" t="s">
        <v>53</v>
      </c>
      <c r="G91569" s="16">
        <v>4.4692127769384804</v>
      </c>
    </row>
    <row r="91570" spans="1:7" x14ac:dyDescent="0.3">
      <c r="A91570" s="13" t="s">
        <v>456</v>
      </c>
      <c r="B91570" s="14" t="s">
        <v>1</v>
      </c>
      <c r="C91570" s="14" t="s">
        <v>23</v>
      </c>
      <c r="D91570" s="14" t="s">
        <v>457</v>
      </c>
      <c r="E91570" s="15">
        <v>45696</v>
      </c>
      <c r="F91570" s="14" t="s">
        <v>53</v>
      </c>
      <c r="G91570" s="16">
        <v>4.4692127769384804</v>
      </c>
    </row>
    <row r="91571" spans="1:7" x14ac:dyDescent="0.3">
      <c r="A91571" s="13" t="s">
        <v>456</v>
      </c>
      <c r="B91571" s="14" t="s">
        <v>1</v>
      </c>
      <c r="C91571" s="14" t="s">
        <v>23</v>
      </c>
      <c r="D91571" s="14" t="s">
        <v>457</v>
      </c>
      <c r="E91571" s="15">
        <v>45697</v>
      </c>
      <c r="F91571" s="14" t="s">
        <v>53</v>
      </c>
      <c r="G91571" s="16">
        <v>4.4692127769384804</v>
      </c>
    </row>
    <row r="91572" spans="1:7" x14ac:dyDescent="0.3">
      <c r="A91572" s="13" t="s">
        <v>456</v>
      </c>
      <c r="B91572" s="14" t="s">
        <v>1</v>
      </c>
      <c r="C91572" s="14" t="s">
        <v>23</v>
      </c>
      <c r="D91572" s="14" t="s">
        <v>457</v>
      </c>
      <c r="E91572" s="15">
        <v>45698</v>
      </c>
      <c r="F91572" s="14" t="s">
        <v>53</v>
      </c>
      <c r="G91572" s="16">
        <v>4.5054466822353385</v>
      </c>
    </row>
    <row r="91573" spans="1:7" x14ac:dyDescent="0.3">
      <c r="A91573" s="13" t="s">
        <v>456</v>
      </c>
      <c r="B91573" s="14" t="s">
        <v>1</v>
      </c>
      <c r="C91573" s="14" t="s">
        <v>23</v>
      </c>
      <c r="D91573" s="14" t="s">
        <v>457</v>
      </c>
      <c r="E91573" s="15">
        <v>45699</v>
      </c>
      <c r="F91573" s="14" t="s">
        <v>53</v>
      </c>
      <c r="G91573" s="16">
        <v>4.518461337517361</v>
      </c>
    </row>
    <row r="91574" spans="1:7" x14ac:dyDescent="0.3">
      <c r="A91574" s="13" t="s">
        <v>456</v>
      </c>
      <c r="B91574" s="14" t="s">
        <v>1</v>
      </c>
      <c r="C91574" s="14" t="s">
        <v>23</v>
      </c>
      <c r="D91574" s="14" t="s">
        <v>457</v>
      </c>
      <c r="E91574" s="15">
        <v>45700</v>
      </c>
      <c r="F91574" s="14" t="s">
        <v>53</v>
      </c>
      <c r="G91574" s="16">
        <v>4.5333496660793484</v>
      </c>
    </row>
    <row r="91575" spans="1:7" x14ac:dyDescent="0.3">
      <c r="A91575" s="13" t="s">
        <v>456</v>
      </c>
      <c r="B91575" s="14" t="s">
        <v>1</v>
      </c>
      <c r="C91575" s="14" t="s">
        <v>23</v>
      </c>
      <c r="D91575" s="14" t="s">
        <v>457</v>
      </c>
      <c r="E91575" s="15">
        <v>45701</v>
      </c>
      <c r="F91575" s="14" t="s">
        <v>53</v>
      </c>
      <c r="G91575" s="16">
        <v>4.5031202529611827</v>
      </c>
    </row>
    <row r="91576" spans="1:7" x14ac:dyDescent="0.3">
      <c r="A91576" s="13" t="s">
        <v>456</v>
      </c>
      <c r="B91576" s="14" t="s">
        <v>1</v>
      </c>
      <c r="C91576" s="14" t="s">
        <v>23</v>
      </c>
      <c r="D91576" s="14" t="s">
        <v>457</v>
      </c>
      <c r="E91576" s="15">
        <v>45702</v>
      </c>
      <c r="F91576" s="14" t="s">
        <v>53</v>
      </c>
      <c r="G91576" s="16">
        <v>4.5098698029459037</v>
      </c>
    </row>
    <row r="91577" spans="1:7" x14ac:dyDescent="0.3">
      <c r="A91577" s="13" t="s">
        <v>456</v>
      </c>
      <c r="B91577" s="14" t="s">
        <v>1</v>
      </c>
      <c r="C91577" s="14" t="s">
        <v>23</v>
      </c>
      <c r="D91577" s="14" t="s">
        <v>457</v>
      </c>
      <c r="E91577" s="15">
        <v>45703</v>
      </c>
      <c r="F91577" s="14" t="s">
        <v>53</v>
      </c>
      <c r="G91577" s="16">
        <v>4.5098698029459037</v>
      </c>
    </row>
    <row r="91578" spans="1:7" x14ac:dyDescent="0.3">
      <c r="A91578" s="13" t="s">
        <v>456</v>
      </c>
      <c r="B91578" s="14" t="s">
        <v>1</v>
      </c>
      <c r="C91578" s="14" t="s">
        <v>23</v>
      </c>
      <c r="D91578" s="14" t="s">
        <v>457</v>
      </c>
      <c r="E91578" s="15">
        <v>45704</v>
      </c>
      <c r="F91578" s="14" t="s">
        <v>53</v>
      </c>
      <c r="G91578" s="16">
        <v>4.5098698029459037</v>
      </c>
    </row>
    <row r="91579" spans="1:7" x14ac:dyDescent="0.3">
      <c r="A91579" s="13" t="s">
        <v>456</v>
      </c>
      <c r="B91579" s="14" t="s">
        <v>1</v>
      </c>
      <c r="C91579" s="14" t="s">
        <v>23</v>
      </c>
      <c r="D91579" s="14" t="s">
        <v>457</v>
      </c>
      <c r="E91579" s="15">
        <v>45705</v>
      </c>
      <c r="F91579" s="14" t="s">
        <v>53</v>
      </c>
      <c r="G91579" s="16">
        <v>4.5098698029459037</v>
      </c>
    </row>
    <row r="91580" spans="1:7" x14ac:dyDescent="0.3">
      <c r="A91580" s="13" t="s">
        <v>456</v>
      </c>
      <c r="B91580" s="14" t="s">
        <v>1</v>
      </c>
      <c r="C91580" s="14" t="s">
        <v>23</v>
      </c>
      <c r="D91580" s="14" t="s">
        <v>457</v>
      </c>
      <c r="E91580" s="15">
        <v>45706</v>
      </c>
      <c r="F91580" s="14" t="s">
        <v>53</v>
      </c>
      <c r="G91580" s="16">
        <v>4.5140177066075351</v>
      </c>
    </row>
    <row r="91581" spans="1:7" x14ac:dyDescent="0.3">
      <c r="A91581" s="13" t="s">
        <v>456</v>
      </c>
      <c r="B91581" s="14" t="s">
        <v>1</v>
      </c>
      <c r="C91581" s="14" t="s">
        <v>23</v>
      </c>
      <c r="D91581" s="14" t="s">
        <v>457</v>
      </c>
      <c r="E91581" s="15">
        <v>45707</v>
      </c>
      <c r="F91581" s="14" t="s">
        <v>53</v>
      </c>
      <c r="G91581" s="16">
        <v>4.577567372700968</v>
      </c>
    </row>
    <row r="91582" spans="1:7" x14ac:dyDescent="0.3">
      <c r="A91582" s="13" t="s">
        <v>456</v>
      </c>
      <c r="B91582" s="14" t="s">
        <v>1</v>
      </c>
      <c r="C91582" s="14" t="s">
        <v>23</v>
      </c>
      <c r="D91582" s="14" t="s">
        <v>457</v>
      </c>
      <c r="E91582" s="15">
        <v>45708</v>
      </c>
      <c r="F91582" s="14" t="s">
        <v>53</v>
      </c>
      <c r="G91582" s="16">
        <v>4.5602388429396363</v>
      </c>
    </row>
    <row r="91583" spans="1:7" x14ac:dyDescent="0.3">
      <c r="A91583" s="13" t="s">
        <v>456</v>
      </c>
      <c r="B91583" s="14" t="s">
        <v>1</v>
      </c>
      <c r="C91583" s="14" t="s">
        <v>23</v>
      </c>
      <c r="D91583" s="14" t="s">
        <v>457</v>
      </c>
      <c r="E91583" s="15">
        <v>45709</v>
      </c>
      <c r="F91583" s="14" t="s">
        <v>53</v>
      </c>
      <c r="G91583" s="16">
        <v>4.5817028693666471</v>
      </c>
    </row>
    <row r="91584" spans="1:7" x14ac:dyDescent="0.3">
      <c r="A91584" s="13" t="s">
        <v>456</v>
      </c>
      <c r="B91584" s="14" t="s">
        <v>1</v>
      </c>
      <c r="C91584" s="14" t="s">
        <v>23</v>
      </c>
      <c r="D91584" s="14" t="s">
        <v>457</v>
      </c>
      <c r="E91584" s="15">
        <v>45710</v>
      </c>
      <c r="F91584" s="14" t="s">
        <v>53</v>
      </c>
      <c r="G91584" s="16">
        <v>4.5817028693666471</v>
      </c>
    </row>
    <row r="91585" spans="1:7" x14ac:dyDescent="0.3">
      <c r="A91585" s="13" t="s">
        <v>456</v>
      </c>
      <c r="B91585" s="14" t="s">
        <v>1</v>
      </c>
      <c r="C91585" s="14" t="s">
        <v>23</v>
      </c>
      <c r="D91585" s="14" t="s">
        <v>457</v>
      </c>
      <c r="E91585" s="15">
        <v>45711</v>
      </c>
      <c r="F91585" s="14" t="s">
        <v>53</v>
      </c>
      <c r="G91585" s="16">
        <v>4.5817028693666471</v>
      </c>
    </row>
    <row r="91586" spans="1:7" x14ac:dyDescent="0.3">
      <c r="A91586" s="13" t="s">
        <v>456</v>
      </c>
      <c r="B91586" s="14" t="s">
        <v>1</v>
      </c>
      <c r="C91586" s="14" t="s">
        <v>23</v>
      </c>
      <c r="D91586" s="14" t="s">
        <v>457</v>
      </c>
      <c r="E91586" s="15">
        <v>45712</v>
      </c>
      <c r="F91586" s="14" t="s">
        <v>53</v>
      </c>
      <c r="G91586" s="16">
        <v>4.5946922929163954</v>
      </c>
    </row>
    <row r="91587" spans="1:7" x14ac:dyDescent="0.3">
      <c r="A91587" s="13" t="s">
        <v>456</v>
      </c>
      <c r="B91587" s="14" t="s">
        <v>1</v>
      </c>
      <c r="C91587" s="14" t="s">
        <v>23</v>
      </c>
      <c r="D91587" s="14" t="s">
        <v>457</v>
      </c>
      <c r="E91587" s="15">
        <v>45713</v>
      </c>
      <c r="F91587" s="14" t="s">
        <v>53</v>
      </c>
      <c r="G91587" s="16">
        <v>4.6193577213779031</v>
      </c>
    </row>
    <row r="91588" spans="1:7" x14ac:dyDescent="0.3">
      <c r="A91588" s="13" t="s">
        <v>456</v>
      </c>
      <c r="B91588" s="14" t="s">
        <v>1</v>
      </c>
      <c r="C91588" s="14" t="s">
        <v>23</v>
      </c>
      <c r="D91588" s="14" t="s">
        <v>457</v>
      </c>
      <c r="E91588" s="15">
        <v>45714</v>
      </c>
      <c r="F91588" s="14" t="s">
        <v>53</v>
      </c>
      <c r="G91588" s="16">
        <v>4.6281441742550582</v>
      </c>
    </row>
    <row r="91589" spans="1:7" x14ac:dyDescent="0.3">
      <c r="A91589" s="13" t="s">
        <v>456</v>
      </c>
      <c r="B91589" s="14" t="s">
        <v>1</v>
      </c>
      <c r="C91589" s="14" t="s">
        <v>23</v>
      </c>
      <c r="D91589" s="14" t="s">
        <v>457</v>
      </c>
      <c r="E91589" s="15">
        <v>45715</v>
      </c>
      <c r="F91589" s="14" t="s">
        <v>53</v>
      </c>
      <c r="G91589" s="16">
        <v>4.6687680917025327</v>
      </c>
    </row>
    <row r="91590" spans="1:7" x14ac:dyDescent="0.3">
      <c r="A91590" s="13" t="s">
        <v>456</v>
      </c>
      <c r="B91590" s="14" t="s">
        <v>1</v>
      </c>
      <c r="C91590" s="14" t="s">
        <v>23</v>
      </c>
      <c r="D91590" s="14" t="s">
        <v>457</v>
      </c>
      <c r="E91590" s="15">
        <v>45716</v>
      </c>
      <c r="F91590" s="14" t="s">
        <v>53</v>
      </c>
      <c r="G91590" s="16">
        <v>4.6905803059373241</v>
      </c>
    </row>
    <row r="91591" spans="1:7" x14ac:dyDescent="0.3">
      <c r="A91591" s="13" t="s">
        <v>456</v>
      </c>
      <c r="B91591" s="14" t="s">
        <v>1</v>
      </c>
      <c r="C91591" s="14" t="s">
        <v>23</v>
      </c>
      <c r="D91591" s="14" t="s">
        <v>457</v>
      </c>
      <c r="E91591" s="15">
        <v>45717</v>
      </c>
      <c r="F91591" s="14" t="s">
        <v>53</v>
      </c>
      <c r="G91591" s="16">
        <v>4.6905803059373241</v>
      </c>
    </row>
    <row r="91592" spans="1:7" x14ac:dyDescent="0.3">
      <c r="A91592" s="13" t="s">
        <v>456</v>
      </c>
      <c r="B91592" s="14" t="s">
        <v>1</v>
      </c>
      <c r="C91592" s="14" t="s">
        <v>23</v>
      </c>
      <c r="D91592" s="14" t="s">
        <v>457</v>
      </c>
      <c r="E91592" s="15">
        <v>45718</v>
      </c>
      <c r="F91592" s="14" t="s">
        <v>53</v>
      </c>
      <c r="G91592" s="16">
        <v>4.6905803059373241</v>
      </c>
    </row>
    <row r="91593" spans="1:7" x14ac:dyDescent="0.3">
      <c r="A91593" s="13" t="s">
        <v>456</v>
      </c>
      <c r="B91593" s="14" t="s">
        <v>1</v>
      </c>
      <c r="C91593" s="14" t="s">
        <v>23</v>
      </c>
      <c r="D91593" s="14" t="s">
        <v>457</v>
      </c>
      <c r="E91593" s="15">
        <v>45719</v>
      </c>
      <c r="F91593" s="14" t="s">
        <v>53</v>
      </c>
      <c r="G91593" s="16">
        <v>4.6799465380307632</v>
      </c>
    </row>
    <row r="91594" spans="1:7" x14ac:dyDescent="0.3">
      <c r="A91594" s="13" t="s">
        <v>456</v>
      </c>
      <c r="B91594" s="14" t="s">
        <v>1</v>
      </c>
      <c r="C91594" s="14" t="s">
        <v>23</v>
      </c>
      <c r="D91594" s="14" t="s">
        <v>457</v>
      </c>
      <c r="E91594" s="15">
        <v>45720</v>
      </c>
      <c r="F91594" s="14" t="s">
        <v>53</v>
      </c>
      <c r="G91594" s="16">
        <v>4.6854124890529079</v>
      </c>
    </row>
    <row r="91595" spans="1:7" x14ac:dyDescent="0.3">
      <c r="A91595" s="13" t="s">
        <v>456</v>
      </c>
      <c r="B91595" s="14" t="s">
        <v>1</v>
      </c>
      <c r="C91595" s="14" t="s">
        <v>23</v>
      </c>
      <c r="D91595" s="14" t="s">
        <v>457</v>
      </c>
      <c r="E91595" s="15">
        <v>45721</v>
      </c>
      <c r="F91595" s="14" t="s">
        <v>53</v>
      </c>
      <c r="G91595" s="16">
        <v>4.6623283440604579</v>
      </c>
    </row>
    <row r="91596" spans="1:7" x14ac:dyDescent="0.3">
      <c r="A91596" s="13" t="s">
        <v>456</v>
      </c>
      <c r="B91596" s="14" t="s">
        <v>1</v>
      </c>
      <c r="C91596" s="14" t="s">
        <v>23</v>
      </c>
      <c r="D91596" s="14" t="s">
        <v>457</v>
      </c>
      <c r="E91596" s="15">
        <v>45722</v>
      </c>
      <c r="F91596" s="14" t="s">
        <v>53</v>
      </c>
      <c r="G91596" s="16">
        <v>4.680679001638353</v>
      </c>
    </row>
    <row r="91597" spans="1:7" x14ac:dyDescent="0.3">
      <c r="A91597" s="13" t="s">
        <v>456</v>
      </c>
      <c r="B91597" s="14" t="s">
        <v>1</v>
      </c>
      <c r="C91597" s="14" t="s">
        <v>23</v>
      </c>
      <c r="D91597" s="14" t="s">
        <v>457</v>
      </c>
      <c r="E91597" s="15">
        <v>45723</v>
      </c>
      <c r="F91597" s="14" t="s">
        <v>53</v>
      </c>
      <c r="G91597" s="16">
        <v>4.680091803099832</v>
      </c>
    </row>
    <row r="91598" spans="1:7" x14ac:dyDescent="0.3">
      <c r="A91598" s="13" t="s">
        <v>456</v>
      </c>
      <c r="B91598" s="14" t="s">
        <v>1</v>
      </c>
      <c r="C91598" s="14" t="s">
        <v>23</v>
      </c>
      <c r="D91598" s="14" t="s">
        <v>457</v>
      </c>
      <c r="E91598" s="15">
        <v>45724</v>
      </c>
      <c r="F91598" s="14" t="s">
        <v>53</v>
      </c>
      <c r="G91598" s="16">
        <v>4.680091803099832</v>
      </c>
    </row>
    <row r="91599" spans="1:7" x14ac:dyDescent="0.3">
      <c r="A91599" s="13" t="s">
        <v>456</v>
      </c>
      <c r="B91599" s="14" t="s">
        <v>1</v>
      </c>
      <c r="C91599" s="14" t="s">
        <v>23</v>
      </c>
      <c r="D91599" s="14" t="s">
        <v>457</v>
      </c>
      <c r="E91599" s="15">
        <v>45725</v>
      </c>
      <c r="F91599" s="14" t="s">
        <v>53</v>
      </c>
      <c r="G91599" s="16">
        <v>4.680091803099832</v>
      </c>
    </row>
    <row r="91600" spans="1:7" x14ac:dyDescent="0.3">
      <c r="A91600" s="13" t="s">
        <v>456</v>
      </c>
      <c r="B91600" s="14" t="s">
        <v>1</v>
      </c>
      <c r="C91600" s="14" t="s">
        <v>23</v>
      </c>
      <c r="D91600" s="14" t="s">
        <v>457</v>
      </c>
      <c r="E91600" s="15">
        <v>45726</v>
      </c>
      <c r="F91600" s="14" t="s">
        <v>53</v>
      </c>
      <c r="G91600" s="16">
        <v>4.7172273927448032</v>
      </c>
    </row>
    <row r="91601" spans="1:7" x14ac:dyDescent="0.3">
      <c r="A91601" s="13" t="s">
        <v>456</v>
      </c>
      <c r="B91601" s="14" t="s">
        <v>1</v>
      </c>
      <c r="C91601" s="14" t="s">
        <v>23</v>
      </c>
      <c r="D91601" s="14" t="s">
        <v>457</v>
      </c>
      <c r="E91601" s="15">
        <v>45727</v>
      </c>
      <c r="F91601" s="14" t="s">
        <v>53</v>
      </c>
      <c r="G91601" s="16">
        <v>4.7305828495122411</v>
      </c>
    </row>
    <row r="91602" spans="1:7" x14ac:dyDescent="0.3">
      <c r="A91602" s="13" t="s">
        <v>456</v>
      </c>
      <c r="B91602" s="14" t="s">
        <v>1</v>
      </c>
      <c r="C91602" s="14" t="s">
        <v>23</v>
      </c>
      <c r="D91602" s="14" t="s">
        <v>457</v>
      </c>
      <c r="E91602" s="15">
        <v>45728</v>
      </c>
      <c r="F91602" s="14" t="s">
        <v>53</v>
      </c>
      <c r="G91602" s="16">
        <v>4.7410152626331996</v>
      </c>
    </row>
    <row r="91603" spans="1:7" x14ac:dyDescent="0.3">
      <c r="A91603" s="13" t="s">
        <v>456</v>
      </c>
      <c r="B91603" s="14" t="s">
        <v>1</v>
      </c>
      <c r="C91603" s="14" t="s">
        <v>23</v>
      </c>
      <c r="D91603" s="14" t="s">
        <v>457</v>
      </c>
      <c r="E91603" s="15">
        <v>45729</v>
      </c>
      <c r="F91603" s="14" t="s">
        <v>53</v>
      </c>
      <c r="G91603" s="16">
        <v>4.7577823059981439</v>
      </c>
    </row>
    <row r="91604" spans="1:7" x14ac:dyDescent="0.3">
      <c r="A91604" s="13" t="s">
        <v>456</v>
      </c>
      <c r="B91604" s="14" t="s">
        <v>1</v>
      </c>
      <c r="C91604" s="14" t="s">
        <v>23</v>
      </c>
      <c r="D91604" s="14" t="s">
        <v>457</v>
      </c>
      <c r="E91604" s="15">
        <v>45730</v>
      </c>
      <c r="F91604" s="14" t="s">
        <v>53</v>
      </c>
      <c r="G91604" s="16">
        <v>4.6785040607143191</v>
      </c>
    </row>
    <row r="91605" spans="1:7" x14ac:dyDescent="0.3">
      <c r="A91605" s="13" t="s">
        <v>456</v>
      </c>
      <c r="B91605" s="14" t="s">
        <v>1</v>
      </c>
      <c r="C91605" s="14" t="s">
        <v>23</v>
      </c>
      <c r="D91605" s="14" t="s">
        <v>457</v>
      </c>
      <c r="E91605" s="15">
        <v>45731</v>
      </c>
      <c r="F91605" s="14" t="s">
        <v>53</v>
      </c>
      <c r="G91605" s="16">
        <v>4.6785040607143191</v>
      </c>
    </row>
    <row r="91606" spans="1:7" x14ac:dyDescent="0.3">
      <c r="A91606" s="13" t="s">
        <v>456</v>
      </c>
      <c r="B91606" s="14" t="s">
        <v>1</v>
      </c>
      <c r="C91606" s="14" t="s">
        <v>23</v>
      </c>
      <c r="D91606" s="14" t="s">
        <v>457</v>
      </c>
      <c r="E91606" s="15">
        <v>45732</v>
      </c>
      <c r="F91606" s="14" t="s">
        <v>53</v>
      </c>
      <c r="G91606" s="16">
        <v>4.6785040607143191</v>
      </c>
    </row>
    <row r="91607" spans="1:7" x14ac:dyDescent="0.3">
      <c r="A91607" s="13" t="s">
        <v>456</v>
      </c>
      <c r="B91607" s="14" t="s">
        <v>1</v>
      </c>
      <c r="C91607" s="14" t="s">
        <v>23</v>
      </c>
      <c r="D91607" s="14" t="s">
        <v>457</v>
      </c>
      <c r="E91607" s="15">
        <v>45733</v>
      </c>
      <c r="F91607" s="14" t="s">
        <v>53</v>
      </c>
      <c r="G91607" s="16">
        <v>4.6785040607143191</v>
      </c>
    </row>
    <row r="91608" spans="1:7" x14ac:dyDescent="0.3">
      <c r="A91608" s="13" t="s">
        <v>456</v>
      </c>
      <c r="B91608" s="14" t="s">
        <v>1</v>
      </c>
      <c r="C91608" s="14" t="s">
        <v>23</v>
      </c>
      <c r="D91608" s="14" t="s">
        <v>457</v>
      </c>
      <c r="E91608" s="15">
        <v>45734</v>
      </c>
      <c r="F91608" s="14" t="s">
        <v>53</v>
      </c>
      <c r="G91608" s="16">
        <v>4.6660575535533066</v>
      </c>
    </row>
    <row r="91609" spans="1:7" x14ac:dyDescent="0.3">
      <c r="A91609" s="13" t="s">
        <v>456</v>
      </c>
      <c r="B91609" s="14" t="s">
        <v>1</v>
      </c>
      <c r="C91609" s="14" t="s">
        <v>23</v>
      </c>
      <c r="D91609" s="14" t="s">
        <v>457</v>
      </c>
      <c r="E91609" s="15">
        <v>45735</v>
      </c>
      <c r="F91609" s="14" t="s">
        <v>53</v>
      </c>
      <c r="G91609" s="16">
        <v>4.7111195503863632</v>
      </c>
    </row>
    <row r="91610" spans="1:7" x14ac:dyDescent="0.3">
      <c r="A91610" s="13" t="s">
        <v>456</v>
      </c>
      <c r="B91610" s="14" t="s">
        <v>1</v>
      </c>
      <c r="C91610" s="14" t="s">
        <v>23</v>
      </c>
      <c r="D91610" s="14" t="s">
        <v>457</v>
      </c>
      <c r="E91610" s="15">
        <v>45736</v>
      </c>
      <c r="F91610" s="14" t="s">
        <v>53</v>
      </c>
      <c r="G91610" s="16">
        <v>4.7378883098391373</v>
      </c>
    </row>
    <row r="91611" spans="1:7" x14ac:dyDescent="0.3">
      <c r="A91611" s="13" t="s">
        <v>456</v>
      </c>
      <c r="B91611" s="14" t="s">
        <v>1</v>
      </c>
      <c r="C91611" s="14" t="s">
        <v>23</v>
      </c>
      <c r="D91611" s="14" t="s">
        <v>457</v>
      </c>
      <c r="E91611" s="15">
        <v>45737</v>
      </c>
      <c r="F91611" s="14" t="s">
        <v>53</v>
      </c>
      <c r="G91611" s="16">
        <v>4.7700738355793559</v>
      </c>
    </row>
    <row r="91612" spans="1:7" x14ac:dyDescent="0.3">
      <c r="A91612" s="13" t="s">
        <v>456</v>
      </c>
      <c r="B91612" s="14" t="s">
        <v>1</v>
      </c>
      <c r="C91612" s="14" t="s">
        <v>23</v>
      </c>
      <c r="D91612" s="14" t="s">
        <v>457</v>
      </c>
      <c r="E91612" s="15">
        <v>45738</v>
      </c>
      <c r="F91612" s="14" t="s">
        <v>53</v>
      </c>
      <c r="G91612" s="16">
        <v>4.7700738355793559</v>
      </c>
    </row>
    <row r="91613" spans="1:7" x14ac:dyDescent="0.3">
      <c r="A91613" s="13" t="s">
        <v>456</v>
      </c>
      <c r="B91613" s="14" t="s">
        <v>1</v>
      </c>
      <c r="C91613" s="14" t="s">
        <v>23</v>
      </c>
      <c r="D91613" s="14" t="s">
        <v>457</v>
      </c>
      <c r="E91613" s="15">
        <v>45739</v>
      </c>
      <c r="F91613" s="14" t="s">
        <v>53</v>
      </c>
      <c r="G91613" s="16">
        <v>4.7700738355793559</v>
      </c>
    </row>
    <row r="91614" spans="1:7" x14ac:dyDescent="0.3">
      <c r="A91614" s="13" t="s">
        <v>456</v>
      </c>
      <c r="B91614" s="14" t="s">
        <v>1</v>
      </c>
      <c r="C91614" s="14" t="s">
        <v>23</v>
      </c>
      <c r="D91614" s="14" t="s">
        <v>457</v>
      </c>
      <c r="E91614" s="15">
        <v>45740</v>
      </c>
      <c r="F91614" s="14" t="s">
        <v>53</v>
      </c>
      <c r="G91614" s="16">
        <v>4.7805268686462705</v>
      </c>
    </row>
    <row r="91615" spans="1:7" x14ac:dyDescent="0.3">
      <c r="A91615" s="13" t="s">
        <v>456</v>
      </c>
      <c r="B91615" s="14" t="s">
        <v>1</v>
      </c>
      <c r="C91615" s="14" t="s">
        <v>23</v>
      </c>
      <c r="D91615" s="14" t="s">
        <v>457</v>
      </c>
      <c r="E91615" s="15">
        <v>45741</v>
      </c>
      <c r="F91615" s="14" t="s">
        <v>53</v>
      </c>
      <c r="G91615" s="16">
        <v>4.8150202319304487</v>
      </c>
    </row>
    <row r="91616" spans="1:7" x14ac:dyDescent="0.3">
      <c r="A91616" s="13" t="s">
        <v>456</v>
      </c>
      <c r="B91616" s="14" t="s">
        <v>1</v>
      </c>
      <c r="C91616" s="14" t="s">
        <v>23</v>
      </c>
      <c r="D91616" s="14" t="s">
        <v>457</v>
      </c>
      <c r="E91616" s="15">
        <v>45742</v>
      </c>
      <c r="F91616" s="14" t="s">
        <v>53</v>
      </c>
      <c r="G91616" s="16">
        <v>4.8485388717229316</v>
      </c>
    </row>
    <row r="91617" spans="1:7" x14ac:dyDescent="0.3">
      <c r="A91617" s="13" t="s">
        <v>456</v>
      </c>
      <c r="B91617" s="14" t="s">
        <v>1</v>
      </c>
      <c r="C91617" s="14" t="s">
        <v>23</v>
      </c>
      <c r="D91617" s="14" t="s">
        <v>457</v>
      </c>
      <c r="E91617" s="15">
        <v>45743</v>
      </c>
      <c r="F91617" s="14" t="s">
        <v>53</v>
      </c>
      <c r="G91617" s="16">
        <v>4.8396079463150832</v>
      </c>
    </row>
    <row r="91618" spans="1:7" x14ac:dyDescent="0.3">
      <c r="A91618" s="13" t="s">
        <v>456</v>
      </c>
      <c r="B91618" s="14" t="s">
        <v>1</v>
      </c>
      <c r="C91618" s="14" t="s">
        <v>23</v>
      </c>
      <c r="D91618" s="14" t="s">
        <v>457</v>
      </c>
      <c r="E91618" s="15">
        <v>45744</v>
      </c>
      <c r="F91618" s="14" t="s">
        <v>53</v>
      </c>
      <c r="G91618" s="16">
        <v>4.8558374903773842</v>
      </c>
    </row>
    <row r="91619" spans="1:7" x14ac:dyDescent="0.3">
      <c r="A91619" s="13" t="s">
        <v>456</v>
      </c>
      <c r="B91619" s="14" t="s">
        <v>1</v>
      </c>
      <c r="C91619" s="14" t="s">
        <v>23</v>
      </c>
      <c r="D91619" s="14" t="s">
        <v>457</v>
      </c>
      <c r="E91619" s="15">
        <v>45745</v>
      </c>
      <c r="F91619" s="14" t="s">
        <v>53</v>
      </c>
      <c r="G91619" s="16">
        <v>4.8558374903773842</v>
      </c>
    </row>
    <row r="91620" spans="1:7" x14ac:dyDescent="0.3">
      <c r="A91620" s="13" t="s">
        <v>456</v>
      </c>
      <c r="B91620" s="14" t="s">
        <v>1</v>
      </c>
      <c r="C91620" s="14" t="s">
        <v>23</v>
      </c>
      <c r="D91620" s="14" t="s">
        <v>457</v>
      </c>
      <c r="E91620" s="15">
        <v>45746</v>
      </c>
      <c r="F91620" s="14" t="s">
        <v>53</v>
      </c>
      <c r="G91620" s="16">
        <v>4.8558374903773842</v>
      </c>
    </row>
    <row r="91621" spans="1:7" x14ac:dyDescent="0.3">
      <c r="A91621" s="13" t="s">
        <v>456</v>
      </c>
      <c r="B91621" s="14" t="s">
        <v>1</v>
      </c>
      <c r="C91621" s="14" t="s">
        <v>23</v>
      </c>
      <c r="D91621" s="14" t="s">
        <v>457</v>
      </c>
      <c r="E91621" s="15">
        <v>45747</v>
      </c>
      <c r="F91621" s="14" t="s">
        <v>53</v>
      </c>
      <c r="G91621" s="16">
        <v>4.8795983017260323</v>
      </c>
    </row>
    <row r="91622" spans="1:7" x14ac:dyDescent="0.3">
      <c r="A91622" s="13" t="s">
        <v>458</v>
      </c>
      <c r="B91622" s="14" t="s">
        <v>1</v>
      </c>
      <c r="C91622" s="14" t="s">
        <v>109</v>
      </c>
      <c r="D91622" s="14" t="s">
        <v>459</v>
      </c>
      <c r="E91622" s="15">
        <v>45383</v>
      </c>
      <c r="F91622" s="14" t="s">
        <v>15</v>
      </c>
      <c r="G91622" s="16">
        <v>0</v>
      </c>
    </row>
    <row r="91623" spans="1:7" x14ac:dyDescent="0.3">
      <c r="A91623" s="13" t="s">
        <v>458</v>
      </c>
      <c r="B91623" s="14" t="s">
        <v>1</v>
      </c>
      <c r="C91623" s="14" t="s">
        <v>109</v>
      </c>
      <c r="D91623" s="14" t="s">
        <v>459</v>
      </c>
      <c r="E91623" s="15">
        <v>45384</v>
      </c>
      <c r="F91623" s="14" t="s">
        <v>15</v>
      </c>
      <c r="G91623" s="16">
        <v>0</v>
      </c>
    </row>
    <row r="91624" spans="1:7" x14ac:dyDescent="0.3">
      <c r="A91624" s="13" t="s">
        <v>458</v>
      </c>
      <c r="B91624" s="14" t="s">
        <v>1</v>
      </c>
      <c r="C91624" s="14" t="s">
        <v>109</v>
      </c>
      <c r="D91624" s="14" t="s">
        <v>459</v>
      </c>
      <c r="E91624" s="15">
        <v>45385</v>
      </c>
      <c r="F91624" s="14" t="s">
        <v>15</v>
      </c>
      <c r="G91624" s="16">
        <v>0</v>
      </c>
    </row>
    <row r="91625" spans="1:7" x14ac:dyDescent="0.3">
      <c r="A91625" s="13" t="s">
        <v>458</v>
      </c>
      <c r="B91625" s="14" t="s">
        <v>1</v>
      </c>
      <c r="C91625" s="14" t="s">
        <v>109</v>
      </c>
      <c r="D91625" s="14" t="s">
        <v>459</v>
      </c>
      <c r="E91625" s="15">
        <v>45386</v>
      </c>
      <c r="F91625" s="14" t="s">
        <v>15</v>
      </c>
      <c r="G91625" s="16">
        <v>0</v>
      </c>
    </row>
    <row r="91626" spans="1:7" x14ac:dyDescent="0.3">
      <c r="A91626" s="13" t="s">
        <v>458</v>
      </c>
      <c r="B91626" s="14" t="s">
        <v>1</v>
      </c>
      <c r="C91626" s="14" t="s">
        <v>109</v>
      </c>
      <c r="D91626" s="14" t="s">
        <v>459</v>
      </c>
      <c r="E91626" s="15">
        <v>45387</v>
      </c>
      <c r="F91626" s="14" t="s">
        <v>15</v>
      </c>
      <c r="G91626" s="16">
        <v>0</v>
      </c>
    </row>
    <row r="91627" spans="1:7" x14ac:dyDescent="0.3">
      <c r="A91627" s="13" t="s">
        <v>458</v>
      </c>
      <c r="B91627" s="14" t="s">
        <v>1</v>
      </c>
      <c r="C91627" s="14" t="s">
        <v>109</v>
      </c>
      <c r="D91627" s="14" t="s">
        <v>459</v>
      </c>
      <c r="E91627" s="15">
        <v>45388</v>
      </c>
      <c r="F91627" s="14" t="s">
        <v>15</v>
      </c>
      <c r="G91627" s="16">
        <v>0</v>
      </c>
    </row>
    <row r="91628" spans="1:7" x14ac:dyDescent="0.3">
      <c r="A91628" s="13" t="s">
        <v>458</v>
      </c>
      <c r="B91628" s="14" t="s">
        <v>1</v>
      </c>
      <c r="C91628" s="14" t="s">
        <v>109</v>
      </c>
      <c r="D91628" s="14" t="s">
        <v>459</v>
      </c>
      <c r="E91628" s="15">
        <v>45389</v>
      </c>
      <c r="F91628" s="14" t="s">
        <v>15</v>
      </c>
      <c r="G91628" s="16">
        <v>0</v>
      </c>
    </row>
    <row r="91629" spans="1:7" x14ac:dyDescent="0.3">
      <c r="A91629" s="13" t="s">
        <v>458</v>
      </c>
      <c r="B91629" s="14" t="s">
        <v>1</v>
      </c>
      <c r="C91629" s="14" t="s">
        <v>109</v>
      </c>
      <c r="D91629" s="14" t="s">
        <v>459</v>
      </c>
      <c r="E91629" s="15">
        <v>45390</v>
      </c>
      <c r="F91629" s="14" t="s">
        <v>15</v>
      </c>
      <c r="G91629" s="16">
        <v>0</v>
      </c>
    </row>
    <row r="91630" spans="1:7" x14ac:dyDescent="0.3">
      <c r="A91630" s="13" t="s">
        <v>458</v>
      </c>
      <c r="B91630" s="14" t="s">
        <v>1</v>
      </c>
      <c r="C91630" s="14" t="s">
        <v>109</v>
      </c>
      <c r="D91630" s="14" t="s">
        <v>459</v>
      </c>
      <c r="E91630" s="15">
        <v>45391</v>
      </c>
      <c r="F91630" s="14" t="s">
        <v>15</v>
      </c>
      <c r="G91630" s="16">
        <v>0</v>
      </c>
    </row>
    <row r="91631" spans="1:7" x14ac:dyDescent="0.3">
      <c r="A91631" s="13" t="s">
        <v>458</v>
      </c>
      <c r="B91631" s="14" t="s">
        <v>1</v>
      </c>
      <c r="C91631" s="14" t="s">
        <v>109</v>
      </c>
      <c r="D91631" s="14" t="s">
        <v>459</v>
      </c>
      <c r="E91631" s="15">
        <v>45392</v>
      </c>
      <c r="F91631" s="14" t="s">
        <v>15</v>
      </c>
      <c r="G91631" s="16">
        <v>0</v>
      </c>
    </row>
    <row r="91632" spans="1:7" x14ac:dyDescent="0.3">
      <c r="A91632" s="13" t="s">
        <v>458</v>
      </c>
      <c r="B91632" s="14" t="s">
        <v>1</v>
      </c>
      <c r="C91632" s="14" t="s">
        <v>109</v>
      </c>
      <c r="D91632" s="14" t="s">
        <v>459</v>
      </c>
      <c r="E91632" s="15">
        <v>45393</v>
      </c>
      <c r="F91632" s="14" t="s">
        <v>15</v>
      </c>
      <c r="G91632" s="16">
        <v>0</v>
      </c>
    </row>
    <row r="91633" spans="1:7" x14ac:dyDescent="0.3">
      <c r="A91633" s="13" t="s">
        <v>458</v>
      </c>
      <c r="B91633" s="14" t="s">
        <v>1</v>
      </c>
      <c r="C91633" s="14" t="s">
        <v>109</v>
      </c>
      <c r="D91633" s="14" t="s">
        <v>459</v>
      </c>
      <c r="E91633" s="15">
        <v>45394</v>
      </c>
      <c r="F91633" s="14" t="s">
        <v>15</v>
      </c>
      <c r="G91633" s="16">
        <v>0</v>
      </c>
    </row>
    <row r="91634" spans="1:7" x14ac:dyDescent="0.3">
      <c r="A91634" s="13" t="s">
        <v>458</v>
      </c>
      <c r="B91634" s="14" t="s">
        <v>1</v>
      </c>
      <c r="C91634" s="14" t="s">
        <v>109</v>
      </c>
      <c r="D91634" s="14" t="s">
        <v>459</v>
      </c>
      <c r="E91634" s="15">
        <v>45395</v>
      </c>
      <c r="F91634" s="14" t="s">
        <v>15</v>
      </c>
      <c r="G91634" s="16">
        <v>0</v>
      </c>
    </row>
    <row r="91635" spans="1:7" x14ac:dyDescent="0.3">
      <c r="A91635" s="13" t="s">
        <v>458</v>
      </c>
      <c r="B91635" s="14" t="s">
        <v>1</v>
      </c>
      <c r="C91635" s="14" t="s">
        <v>109</v>
      </c>
      <c r="D91635" s="14" t="s">
        <v>459</v>
      </c>
      <c r="E91635" s="15">
        <v>45396</v>
      </c>
      <c r="F91635" s="14" t="s">
        <v>15</v>
      </c>
      <c r="G91635" s="16">
        <v>0</v>
      </c>
    </row>
    <row r="91636" spans="1:7" x14ac:dyDescent="0.3">
      <c r="A91636" s="13" t="s">
        <v>458</v>
      </c>
      <c r="B91636" s="14" t="s">
        <v>1</v>
      </c>
      <c r="C91636" s="14" t="s">
        <v>109</v>
      </c>
      <c r="D91636" s="14" t="s">
        <v>459</v>
      </c>
      <c r="E91636" s="15">
        <v>45397</v>
      </c>
      <c r="F91636" s="14" t="s">
        <v>15</v>
      </c>
      <c r="G91636" s="16">
        <v>4.496616260324428E-3</v>
      </c>
    </row>
    <row r="91637" spans="1:7" x14ac:dyDescent="0.3">
      <c r="A91637" s="13" t="s">
        <v>458</v>
      </c>
      <c r="B91637" s="14" t="s">
        <v>1</v>
      </c>
      <c r="C91637" s="14" t="s">
        <v>109</v>
      </c>
      <c r="D91637" s="14" t="s">
        <v>459</v>
      </c>
      <c r="E91637" s="15">
        <v>45398</v>
      </c>
      <c r="F91637" s="14" t="s">
        <v>15</v>
      </c>
      <c r="G91637" s="16">
        <v>0</v>
      </c>
    </row>
    <row r="91638" spans="1:7" x14ac:dyDescent="0.3">
      <c r="A91638" s="13" t="s">
        <v>458</v>
      </c>
      <c r="B91638" s="14" t="s">
        <v>1</v>
      </c>
      <c r="C91638" s="14" t="s">
        <v>109</v>
      </c>
      <c r="D91638" s="14" t="s">
        <v>459</v>
      </c>
      <c r="E91638" s="15">
        <v>45399</v>
      </c>
      <c r="F91638" s="14" t="s">
        <v>15</v>
      </c>
      <c r="G91638" s="16">
        <v>0</v>
      </c>
    </row>
    <row r="91639" spans="1:7" x14ac:dyDescent="0.3">
      <c r="A91639" s="13" t="s">
        <v>458</v>
      </c>
      <c r="B91639" s="14" t="s">
        <v>1</v>
      </c>
      <c r="C91639" s="14" t="s">
        <v>109</v>
      </c>
      <c r="D91639" s="14" t="s">
        <v>459</v>
      </c>
      <c r="E91639" s="15">
        <v>45400</v>
      </c>
      <c r="F91639" s="14" t="s">
        <v>15</v>
      </c>
      <c r="G91639" s="16">
        <v>0</v>
      </c>
    </row>
    <row r="91640" spans="1:7" x14ac:dyDescent="0.3">
      <c r="A91640" s="13" t="s">
        <v>458</v>
      </c>
      <c r="B91640" s="14" t="s">
        <v>1</v>
      </c>
      <c r="C91640" s="14" t="s">
        <v>109</v>
      </c>
      <c r="D91640" s="14" t="s">
        <v>459</v>
      </c>
      <c r="E91640" s="15">
        <v>45401</v>
      </c>
      <c r="F91640" s="14" t="s">
        <v>15</v>
      </c>
      <c r="G91640" s="16">
        <v>0</v>
      </c>
    </row>
    <row r="91641" spans="1:7" x14ac:dyDescent="0.3">
      <c r="A91641" s="13" t="s">
        <v>458</v>
      </c>
      <c r="B91641" s="14" t="s">
        <v>1</v>
      </c>
      <c r="C91641" s="14" t="s">
        <v>109</v>
      </c>
      <c r="D91641" s="14" t="s">
        <v>459</v>
      </c>
      <c r="E91641" s="15">
        <v>45402</v>
      </c>
      <c r="F91641" s="14" t="s">
        <v>15</v>
      </c>
      <c r="G91641" s="16">
        <v>0</v>
      </c>
    </row>
    <row r="91642" spans="1:7" x14ac:dyDescent="0.3">
      <c r="A91642" s="13" t="s">
        <v>458</v>
      </c>
      <c r="B91642" s="14" t="s">
        <v>1</v>
      </c>
      <c r="C91642" s="14" t="s">
        <v>109</v>
      </c>
      <c r="D91642" s="14" t="s">
        <v>459</v>
      </c>
      <c r="E91642" s="15">
        <v>45403</v>
      </c>
      <c r="F91642" s="14" t="s">
        <v>15</v>
      </c>
      <c r="G91642" s="16">
        <v>0</v>
      </c>
    </row>
    <row r="91643" spans="1:7" x14ac:dyDescent="0.3">
      <c r="A91643" s="13" t="s">
        <v>458</v>
      </c>
      <c r="B91643" s="14" t="s">
        <v>1</v>
      </c>
      <c r="C91643" s="14" t="s">
        <v>109</v>
      </c>
      <c r="D91643" s="14" t="s">
        <v>459</v>
      </c>
      <c r="E91643" s="15">
        <v>45404</v>
      </c>
      <c r="F91643" s="14" t="s">
        <v>15</v>
      </c>
      <c r="G91643" s="16">
        <v>0</v>
      </c>
    </row>
    <row r="91644" spans="1:7" x14ac:dyDescent="0.3">
      <c r="A91644" s="13" t="s">
        <v>458</v>
      </c>
      <c r="B91644" s="14" t="s">
        <v>1</v>
      </c>
      <c r="C91644" s="14" t="s">
        <v>109</v>
      </c>
      <c r="D91644" s="14" t="s">
        <v>459</v>
      </c>
      <c r="E91644" s="15">
        <v>45405</v>
      </c>
      <c r="F91644" s="14" t="s">
        <v>15</v>
      </c>
      <c r="G91644" s="16">
        <v>0</v>
      </c>
    </row>
    <row r="91645" spans="1:7" x14ac:dyDescent="0.3">
      <c r="A91645" s="13" t="s">
        <v>458</v>
      </c>
      <c r="B91645" s="14" t="s">
        <v>1</v>
      </c>
      <c r="C91645" s="14" t="s">
        <v>109</v>
      </c>
      <c r="D91645" s="14" t="s">
        <v>459</v>
      </c>
      <c r="E91645" s="15">
        <v>45406</v>
      </c>
      <c r="F91645" s="14" t="s">
        <v>15</v>
      </c>
      <c r="G91645" s="16">
        <v>0</v>
      </c>
    </row>
    <row r="91646" spans="1:7" x14ac:dyDescent="0.3">
      <c r="A91646" s="13" t="s">
        <v>458</v>
      </c>
      <c r="B91646" s="14" t="s">
        <v>1</v>
      </c>
      <c r="C91646" s="14" t="s">
        <v>109</v>
      </c>
      <c r="D91646" s="14" t="s">
        <v>459</v>
      </c>
      <c r="E91646" s="15">
        <v>45407</v>
      </c>
      <c r="F91646" s="14" t="s">
        <v>15</v>
      </c>
      <c r="G91646" s="16">
        <v>0</v>
      </c>
    </row>
    <row r="91647" spans="1:7" x14ac:dyDescent="0.3">
      <c r="A91647" s="13" t="s">
        <v>458</v>
      </c>
      <c r="B91647" s="14" t="s">
        <v>1</v>
      </c>
      <c r="C91647" s="14" t="s">
        <v>109</v>
      </c>
      <c r="D91647" s="14" t="s">
        <v>459</v>
      </c>
      <c r="E91647" s="15">
        <v>45408</v>
      </c>
      <c r="F91647" s="14" t="s">
        <v>15</v>
      </c>
      <c r="G91647" s="16">
        <v>0</v>
      </c>
    </row>
    <row r="91648" spans="1:7" x14ac:dyDescent="0.3">
      <c r="A91648" s="13" t="s">
        <v>458</v>
      </c>
      <c r="B91648" s="14" t="s">
        <v>1</v>
      </c>
      <c r="C91648" s="14" t="s">
        <v>109</v>
      </c>
      <c r="D91648" s="14" t="s">
        <v>459</v>
      </c>
      <c r="E91648" s="15">
        <v>45409</v>
      </c>
      <c r="F91648" s="14" t="s">
        <v>15</v>
      </c>
      <c r="G91648" s="16">
        <v>0</v>
      </c>
    </row>
    <row r="91649" spans="1:7" x14ac:dyDescent="0.3">
      <c r="A91649" s="13" t="s">
        <v>458</v>
      </c>
      <c r="B91649" s="14" t="s">
        <v>1</v>
      </c>
      <c r="C91649" s="14" t="s">
        <v>109</v>
      </c>
      <c r="D91649" s="14" t="s">
        <v>459</v>
      </c>
      <c r="E91649" s="15">
        <v>45410</v>
      </c>
      <c r="F91649" s="14" t="s">
        <v>15</v>
      </c>
      <c r="G91649" s="16">
        <v>0</v>
      </c>
    </row>
    <row r="91650" spans="1:7" x14ac:dyDescent="0.3">
      <c r="A91650" s="13" t="s">
        <v>458</v>
      </c>
      <c r="B91650" s="14" t="s">
        <v>1</v>
      </c>
      <c r="C91650" s="14" t="s">
        <v>109</v>
      </c>
      <c r="D91650" s="14" t="s">
        <v>459</v>
      </c>
      <c r="E91650" s="15">
        <v>45411</v>
      </c>
      <c r="F91650" s="14" t="s">
        <v>15</v>
      </c>
      <c r="G91650" s="16">
        <v>0</v>
      </c>
    </row>
    <row r="91651" spans="1:7" x14ac:dyDescent="0.3">
      <c r="A91651" s="13" t="s">
        <v>458</v>
      </c>
      <c r="B91651" s="14" t="s">
        <v>1</v>
      </c>
      <c r="C91651" s="14" t="s">
        <v>109</v>
      </c>
      <c r="D91651" s="14" t="s">
        <v>459</v>
      </c>
      <c r="E91651" s="15">
        <v>45412</v>
      </c>
      <c r="F91651" s="14" t="s">
        <v>15</v>
      </c>
      <c r="G91651" s="16">
        <v>0</v>
      </c>
    </row>
    <row r="91652" spans="1:7" x14ac:dyDescent="0.3">
      <c r="A91652" s="13" t="s">
        <v>458</v>
      </c>
      <c r="B91652" s="14" t="s">
        <v>1</v>
      </c>
      <c r="C91652" s="14" t="s">
        <v>109</v>
      </c>
      <c r="D91652" s="14" t="s">
        <v>459</v>
      </c>
      <c r="E91652" s="15">
        <v>45413</v>
      </c>
      <c r="F91652" s="14" t="s">
        <v>15</v>
      </c>
      <c r="G91652" s="16">
        <v>0</v>
      </c>
    </row>
    <row r="91653" spans="1:7" x14ac:dyDescent="0.3">
      <c r="A91653" s="13" t="s">
        <v>458</v>
      </c>
      <c r="B91653" s="14" t="s">
        <v>1</v>
      </c>
      <c r="C91653" s="14" t="s">
        <v>109</v>
      </c>
      <c r="D91653" s="14" t="s">
        <v>459</v>
      </c>
      <c r="E91653" s="15">
        <v>45414</v>
      </c>
      <c r="F91653" s="14" t="s">
        <v>15</v>
      </c>
      <c r="G91653" s="16">
        <v>0</v>
      </c>
    </row>
    <row r="91654" spans="1:7" x14ac:dyDescent="0.3">
      <c r="A91654" s="13" t="s">
        <v>458</v>
      </c>
      <c r="B91654" s="14" t="s">
        <v>1</v>
      </c>
      <c r="C91654" s="14" t="s">
        <v>109</v>
      </c>
      <c r="D91654" s="14" t="s">
        <v>459</v>
      </c>
      <c r="E91654" s="15">
        <v>45415</v>
      </c>
      <c r="F91654" s="14" t="s">
        <v>15</v>
      </c>
      <c r="G91654" s="16">
        <v>0</v>
      </c>
    </row>
    <row r="91655" spans="1:7" x14ac:dyDescent="0.3">
      <c r="A91655" s="13" t="s">
        <v>458</v>
      </c>
      <c r="B91655" s="14" t="s">
        <v>1</v>
      </c>
      <c r="C91655" s="14" t="s">
        <v>109</v>
      </c>
      <c r="D91655" s="14" t="s">
        <v>459</v>
      </c>
      <c r="E91655" s="15">
        <v>45416</v>
      </c>
      <c r="F91655" s="14" t="s">
        <v>15</v>
      </c>
      <c r="G91655" s="16">
        <v>0</v>
      </c>
    </row>
    <row r="91656" spans="1:7" x14ac:dyDescent="0.3">
      <c r="A91656" s="13" t="s">
        <v>458</v>
      </c>
      <c r="B91656" s="14" t="s">
        <v>1</v>
      </c>
      <c r="C91656" s="14" t="s">
        <v>109</v>
      </c>
      <c r="D91656" s="14" t="s">
        <v>459</v>
      </c>
      <c r="E91656" s="15">
        <v>45417</v>
      </c>
      <c r="F91656" s="14" t="s">
        <v>15</v>
      </c>
      <c r="G91656" s="16">
        <v>0</v>
      </c>
    </row>
    <row r="91657" spans="1:7" x14ac:dyDescent="0.3">
      <c r="A91657" s="13" t="s">
        <v>458</v>
      </c>
      <c r="B91657" s="14" t="s">
        <v>1</v>
      </c>
      <c r="C91657" s="14" t="s">
        <v>109</v>
      </c>
      <c r="D91657" s="14" t="s">
        <v>459</v>
      </c>
      <c r="E91657" s="15">
        <v>45418</v>
      </c>
      <c r="F91657" s="14" t="s">
        <v>15</v>
      </c>
      <c r="G91657" s="16">
        <v>0</v>
      </c>
    </row>
    <row r="91658" spans="1:7" x14ac:dyDescent="0.3">
      <c r="A91658" s="13" t="s">
        <v>458</v>
      </c>
      <c r="B91658" s="14" t="s">
        <v>1</v>
      </c>
      <c r="C91658" s="14" t="s">
        <v>109</v>
      </c>
      <c r="D91658" s="14" t="s">
        <v>459</v>
      </c>
      <c r="E91658" s="15">
        <v>45419</v>
      </c>
      <c r="F91658" s="14" t="s">
        <v>15</v>
      </c>
      <c r="G91658" s="16">
        <v>0</v>
      </c>
    </row>
    <row r="91659" spans="1:7" x14ac:dyDescent="0.3">
      <c r="A91659" s="13" t="s">
        <v>458</v>
      </c>
      <c r="B91659" s="14" t="s">
        <v>1</v>
      </c>
      <c r="C91659" s="14" t="s">
        <v>109</v>
      </c>
      <c r="D91659" s="14" t="s">
        <v>459</v>
      </c>
      <c r="E91659" s="15">
        <v>45420</v>
      </c>
      <c r="F91659" s="14" t="s">
        <v>15</v>
      </c>
      <c r="G91659" s="16">
        <v>7.5271566572517453E-3</v>
      </c>
    </row>
    <row r="91660" spans="1:7" x14ac:dyDescent="0.3">
      <c r="A91660" s="13" t="s">
        <v>458</v>
      </c>
      <c r="B91660" s="14" t="s">
        <v>1</v>
      </c>
      <c r="C91660" s="14" t="s">
        <v>109</v>
      </c>
      <c r="D91660" s="14" t="s">
        <v>459</v>
      </c>
      <c r="E91660" s="15">
        <v>45421</v>
      </c>
      <c r="F91660" s="14" t="s">
        <v>15</v>
      </c>
      <c r="G91660" s="16">
        <v>5.4606960751602132E-3</v>
      </c>
    </row>
    <row r="91661" spans="1:7" x14ac:dyDescent="0.3">
      <c r="A91661" s="13" t="s">
        <v>458</v>
      </c>
      <c r="B91661" s="14" t="s">
        <v>1</v>
      </c>
      <c r="C91661" s="14" t="s">
        <v>109</v>
      </c>
      <c r="D91661" s="14" t="s">
        <v>459</v>
      </c>
      <c r="E91661" s="15">
        <v>45422</v>
      </c>
      <c r="F91661" s="14" t="s">
        <v>15</v>
      </c>
      <c r="G91661" s="16">
        <v>3.4070123244145075E-3</v>
      </c>
    </row>
    <row r="91662" spans="1:7" x14ac:dyDescent="0.3">
      <c r="A91662" s="13" t="s">
        <v>458</v>
      </c>
      <c r="B91662" s="14" t="s">
        <v>1</v>
      </c>
      <c r="C91662" s="14" t="s">
        <v>109</v>
      </c>
      <c r="D91662" s="14" t="s">
        <v>459</v>
      </c>
      <c r="E91662" s="15">
        <v>45423</v>
      </c>
      <c r="F91662" s="14" t="s">
        <v>15</v>
      </c>
      <c r="G91662" s="16">
        <v>3.4070123244145075E-3</v>
      </c>
    </row>
    <row r="91663" spans="1:7" x14ac:dyDescent="0.3">
      <c r="A91663" s="13" t="s">
        <v>458</v>
      </c>
      <c r="B91663" s="14" t="s">
        <v>1</v>
      </c>
      <c r="C91663" s="14" t="s">
        <v>109</v>
      </c>
      <c r="D91663" s="14" t="s">
        <v>459</v>
      </c>
      <c r="E91663" s="15">
        <v>45424</v>
      </c>
      <c r="F91663" s="14" t="s">
        <v>15</v>
      </c>
      <c r="G91663" s="16">
        <v>3.4070123244145075E-3</v>
      </c>
    </row>
    <row r="91664" spans="1:7" x14ac:dyDescent="0.3">
      <c r="A91664" s="13" t="s">
        <v>458</v>
      </c>
      <c r="B91664" s="14" t="s">
        <v>1</v>
      </c>
      <c r="C91664" s="14" t="s">
        <v>109</v>
      </c>
      <c r="D91664" s="14" t="s">
        <v>459</v>
      </c>
      <c r="E91664" s="15">
        <v>45425</v>
      </c>
      <c r="F91664" s="14" t="s">
        <v>15</v>
      </c>
      <c r="G91664" s="16">
        <v>1.5620151401607475E-2</v>
      </c>
    </row>
    <row r="91665" spans="1:7" x14ac:dyDescent="0.3">
      <c r="A91665" s="13" t="s">
        <v>458</v>
      </c>
      <c r="B91665" s="14" t="s">
        <v>1</v>
      </c>
      <c r="C91665" s="14" t="s">
        <v>109</v>
      </c>
      <c r="D91665" s="14" t="s">
        <v>459</v>
      </c>
      <c r="E91665" s="15">
        <v>45426</v>
      </c>
      <c r="F91665" s="14" t="s">
        <v>15</v>
      </c>
      <c r="G91665" s="16">
        <v>1.7250454022241669E-2</v>
      </c>
    </row>
    <row r="91666" spans="1:7" x14ac:dyDescent="0.3">
      <c r="A91666" s="13" t="s">
        <v>458</v>
      </c>
      <c r="B91666" s="14" t="s">
        <v>1</v>
      </c>
      <c r="C91666" s="14" t="s">
        <v>109</v>
      </c>
      <c r="D91666" s="14" t="s">
        <v>459</v>
      </c>
      <c r="E91666" s="15">
        <v>45427</v>
      </c>
      <c r="F91666" s="14" t="s">
        <v>15</v>
      </c>
      <c r="G91666" s="16">
        <v>1.7714231941001926E-2</v>
      </c>
    </row>
    <row r="91667" spans="1:7" x14ac:dyDescent="0.3">
      <c r="A91667" s="13" t="s">
        <v>458</v>
      </c>
      <c r="B91667" s="14" t="s">
        <v>1</v>
      </c>
      <c r="C91667" s="14" t="s">
        <v>109</v>
      </c>
      <c r="D91667" s="14" t="s">
        <v>459</v>
      </c>
      <c r="E91667" s="15">
        <v>45428</v>
      </c>
      <c r="F91667" s="14" t="s">
        <v>15</v>
      </c>
      <c r="G91667" s="16">
        <v>2.7382013266917204E-2</v>
      </c>
    </row>
    <row r="91668" spans="1:7" x14ac:dyDescent="0.3">
      <c r="A91668" s="13" t="s">
        <v>458</v>
      </c>
      <c r="B91668" s="14" t="s">
        <v>1</v>
      </c>
      <c r="C91668" s="14" t="s">
        <v>109</v>
      </c>
      <c r="D91668" s="14" t="s">
        <v>459</v>
      </c>
      <c r="E91668" s="15">
        <v>45429</v>
      </c>
      <c r="F91668" s="14" t="s">
        <v>15</v>
      </c>
      <c r="G91668" s="16">
        <v>2.4861975172048845E-2</v>
      </c>
    </row>
    <row r="91669" spans="1:7" x14ac:dyDescent="0.3">
      <c r="A91669" s="13" t="s">
        <v>458</v>
      </c>
      <c r="B91669" s="14" t="s">
        <v>1</v>
      </c>
      <c r="C91669" s="14" t="s">
        <v>109</v>
      </c>
      <c r="D91669" s="14" t="s">
        <v>459</v>
      </c>
      <c r="E91669" s="15">
        <v>45430</v>
      </c>
      <c r="F91669" s="14" t="s">
        <v>15</v>
      </c>
      <c r="G91669" s="16">
        <v>2.4861975172048845E-2</v>
      </c>
    </row>
    <row r="91670" spans="1:7" x14ac:dyDescent="0.3">
      <c r="A91670" s="13" t="s">
        <v>458</v>
      </c>
      <c r="B91670" s="14" t="s">
        <v>1</v>
      </c>
      <c r="C91670" s="14" t="s">
        <v>109</v>
      </c>
      <c r="D91670" s="14" t="s">
        <v>459</v>
      </c>
      <c r="E91670" s="15">
        <v>45431</v>
      </c>
      <c r="F91670" s="14" t="s">
        <v>15</v>
      </c>
      <c r="G91670" s="16">
        <v>2.4861975172048845E-2</v>
      </c>
    </row>
    <row r="91671" spans="1:7" x14ac:dyDescent="0.3">
      <c r="A91671" s="13" t="s">
        <v>458</v>
      </c>
      <c r="B91671" s="14" t="s">
        <v>1</v>
      </c>
      <c r="C91671" s="14" t="s">
        <v>109</v>
      </c>
      <c r="D91671" s="14" t="s">
        <v>459</v>
      </c>
      <c r="E91671" s="15">
        <v>45432</v>
      </c>
      <c r="F91671" s="14" t="s">
        <v>15</v>
      </c>
      <c r="G91671" s="16">
        <v>2.2739935373602967E-2</v>
      </c>
    </row>
    <row r="91672" spans="1:7" x14ac:dyDescent="0.3">
      <c r="A91672" s="13" t="s">
        <v>458</v>
      </c>
      <c r="B91672" s="14" t="s">
        <v>1</v>
      </c>
      <c r="C91672" s="14" t="s">
        <v>109</v>
      </c>
      <c r="D91672" s="14" t="s">
        <v>459</v>
      </c>
      <c r="E91672" s="15">
        <v>45433</v>
      </c>
      <c r="F91672" s="14" t="s">
        <v>15</v>
      </c>
      <c r="G91672" s="16">
        <v>1.6339999493385372E-2</v>
      </c>
    </row>
    <row r="91673" spans="1:7" x14ac:dyDescent="0.3">
      <c r="A91673" s="13" t="s">
        <v>458</v>
      </c>
      <c r="B91673" s="14" t="s">
        <v>1</v>
      </c>
      <c r="C91673" s="14" t="s">
        <v>109</v>
      </c>
      <c r="D91673" s="14" t="s">
        <v>459</v>
      </c>
      <c r="E91673" s="15">
        <v>45434</v>
      </c>
      <c r="F91673" s="14" t="s">
        <v>15</v>
      </c>
      <c r="G91673" s="16">
        <v>1.4201136867000823E-2</v>
      </c>
    </row>
    <row r="91674" spans="1:7" x14ac:dyDescent="0.3">
      <c r="A91674" s="13" t="s">
        <v>458</v>
      </c>
      <c r="B91674" s="14" t="s">
        <v>1</v>
      </c>
      <c r="C91674" s="14" t="s">
        <v>109</v>
      </c>
      <c r="D91674" s="14" t="s">
        <v>459</v>
      </c>
      <c r="E91674" s="15">
        <v>45435</v>
      </c>
      <c r="F91674" s="14" t="s">
        <v>15</v>
      </c>
      <c r="G91674" s="16">
        <v>1.2067172025965509E-2</v>
      </c>
    </row>
    <row r="91675" spans="1:7" x14ac:dyDescent="0.3">
      <c r="A91675" s="13" t="s">
        <v>458</v>
      </c>
      <c r="B91675" s="14" t="s">
        <v>1</v>
      </c>
      <c r="C91675" s="14" t="s">
        <v>109</v>
      </c>
      <c r="D91675" s="14" t="s">
        <v>459</v>
      </c>
      <c r="E91675" s="15">
        <v>45436</v>
      </c>
      <c r="F91675" s="14" t="s">
        <v>15</v>
      </c>
      <c r="G91675" s="16">
        <v>3.7898283845918271E-2</v>
      </c>
    </row>
    <row r="91676" spans="1:7" x14ac:dyDescent="0.3">
      <c r="A91676" s="13" t="s">
        <v>458</v>
      </c>
      <c r="B91676" s="14" t="s">
        <v>1</v>
      </c>
      <c r="C91676" s="14" t="s">
        <v>109</v>
      </c>
      <c r="D91676" s="14" t="s">
        <v>459</v>
      </c>
      <c r="E91676" s="15">
        <v>45437</v>
      </c>
      <c r="F91676" s="14" t="s">
        <v>15</v>
      </c>
      <c r="G91676" s="16">
        <v>3.7898283845918271E-2</v>
      </c>
    </row>
    <row r="91677" spans="1:7" x14ac:dyDescent="0.3">
      <c r="A91677" s="13" t="s">
        <v>458</v>
      </c>
      <c r="B91677" s="14" t="s">
        <v>1</v>
      </c>
      <c r="C91677" s="14" t="s">
        <v>109</v>
      </c>
      <c r="D91677" s="14" t="s">
        <v>459</v>
      </c>
      <c r="E91677" s="15">
        <v>45438</v>
      </c>
      <c r="F91677" s="14" t="s">
        <v>15</v>
      </c>
      <c r="G91677" s="16">
        <v>3.7898283845918271E-2</v>
      </c>
    </row>
    <row r="91678" spans="1:7" x14ac:dyDescent="0.3">
      <c r="A91678" s="13" t="s">
        <v>458</v>
      </c>
      <c r="B91678" s="14" t="s">
        <v>1</v>
      </c>
      <c r="C91678" s="14" t="s">
        <v>109</v>
      </c>
      <c r="D91678" s="14" t="s">
        <v>459</v>
      </c>
      <c r="E91678" s="15">
        <v>45439</v>
      </c>
      <c r="F91678" s="14" t="s">
        <v>15</v>
      </c>
      <c r="G91678" s="16">
        <v>3.9258782377966435E-2</v>
      </c>
    </row>
    <row r="91679" spans="1:7" x14ac:dyDescent="0.3">
      <c r="A91679" s="13" t="s">
        <v>458</v>
      </c>
      <c r="B91679" s="14" t="s">
        <v>1</v>
      </c>
      <c r="C91679" s="14" t="s">
        <v>109</v>
      </c>
      <c r="D91679" s="14" t="s">
        <v>459</v>
      </c>
      <c r="E91679" s="15">
        <v>45440</v>
      </c>
      <c r="F91679" s="14" t="s">
        <v>15</v>
      </c>
      <c r="G91679" s="16">
        <v>3.2715320092297391E-2</v>
      </c>
    </row>
    <row r="91680" spans="1:7" x14ac:dyDescent="0.3">
      <c r="A91680" s="13" t="s">
        <v>458</v>
      </c>
      <c r="B91680" s="14" t="s">
        <v>1</v>
      </c>
      <c r="C91680" s="14" t="s">
        <v>109</v>
      </c>
      <c r="D91680" s="14" t="s">
        <v>459</v>
      </c>
      <c r="E91680" s="15">
        <v>45441</v>
      </c>
      <c r="F91680" s="14" t="s">
        <v>15</v>
      </c>
      <c r="G91680" s="16">
        <v>3.1416534126900916E-2</v>
      </c>
    </row>
    <row r="91681" spans="1:7" x14ac:dyDescent="0.3">
      <c r="A91681" s="13" t="s">
        <v>458</v>
      </c>
      <c r="B91681" s="14" t="s">
        <v>1</v>
      </c>
      <c r="C91681" s="14" t="s">
        <v>109</v>
      </c>
      <c r="D91681" s="14" t="s">
        <v>459</v>
      </c>
      <c r="E91681" s="15">
        <v>45442</v>
      </c>
      <c r="F91681" s="14" t="s">
        <v>15</v>
      </c>
      <c r="G91681" s="16">
        <v>3.6066427888932044E-2</v>
      </c>
    </row>
    <row r="91682" spans="1:7" x14ac:dyDescent="0.3">
      <c r="A91682" s="13" t="s">
        <v>458</v>
      </c>
      <c r="B91682" s="14" t="s">
        <v>1</v>
      </c>
      <c r="C91682" s="14" t="s">
        <v>109</v>
      </c>
      <c r="D91682" s="14" t="s">
        <v>459</v>
      </c>
      <c r="E91682" s="15">
        <v>45443</v>
      </c>
      <c r="F91682" s="14" t="s">
        <v>15</v>
      </c>
      <c r="G91682" s="16">
        <v>3.3942045671406101E-2</v>
      </c>
    </row>
    <row r="91683" spans="1:7" x14ac:dyDescent="0.3">
      <c r="A91683" s="13" t="s">
        <v>458</v>
      </c>
      <c r="B91683" s="14" t="s">
        <v>1</v>
      </c>
      <c r="C91683" s="14" t="s">
        <v>109</v>
      </c>
      <c r="D91683" s="14" t="s">
        <v>459</v>
      </c>
      <c r="E91683" s="15">
        <v>45444</v>
      </c>
      <c r="F91683" s="14" t="s">
        <v>15</v>
      </c>
      <c r="G91683" s="16">
        <v>3.3942045671406101E-2</v>
      </c>
    </row>
    <row r="91684" spans="1:7" x14ac:dyDescent="0.3">
      <c r="A91684" s="13" t="s">
        <v>458</v>
      </c>
      <c r="B91684" s="14" t="s">
        <v>1</v>
      </c>
      <c r="C91684" s="14" t="s">
        <v>109</v>
      </c>
      <c r="D91684" s="14" t="s">
        <v>459</v>
      </c>
      <c r="E91684" s="15">
        <v>45445</v>
      </c>
      <c r="F91684" s="14" t="s">
        <v>15</v>
      </c>
      <c r="G91684" s="16">
        <v>3.3942045671406101E-2</v>
      </c>
    </row>
    <row r="91685" spans="1:7" x14ac:dyDescent="0.3">
      <c r="A91685" s="13" t="s">
        <v>458</v>
      </c>
      <c r="B91685" s="14" t="s">
        <v>1</v>
      </c>
      <c r="C91685" s="14" t="s">
        <v>109</v>
      </c>
      <c r="D91685" s="14" t="s">
        <v>459</v>
      </c>
      <c r="E91685" s="15">
        <v>45446</v>
      </c>
      <c r="F91685" s="14" t="s">
        <v>15</v>
      </c>
      <c r="G91685" s="16">
        <v>3.3942045671406101E-2</v>
      </c>
    </row>
    <row r="91686" spans="1:7" x14ac:dyDescent="0.3">
      <c r="A91686" s="13" t="s">
        <v>458</v>
      </c>
      <c r="B91686" s="14" t="s">
        <v>1</v>
      </c>
      <c r="C91686" s="14" t="s">
        <v>109</v>
      </c>
      <c r="D91686" s="14" t="s">
        <v>459</v>
      </c>
      <c r="E91686" s="15">
        <v>45447</v>
      </c>
      <c r="F91686" s="14" t="s">
        <v>15</v>
      </c>
      <c r="G91686" s="16">
        <v>3.1346411324408262E-2</v>
      </c>
    </row>
    <row r="91687" spans="1:7" x14ac:dyDescent="0.3">
      <c r="A91687" s="13" t="s">
        <v>458</v>
      </c>
      <c r="B91687" s="14" t="s">
        <v>1</v>
      </c>
      <c r="C91687" s="14" t="s">
        <v>109</v>
      </c>
      <c r="D91687" s="14" t="s">
        <v>459</v>
      </c>
      <c r="E91687" s="15">
        <v>45448</v>
      </c>
      <c r="F91687" s="14" t="s">
        <v>15</v>
      </c>
      <c r="G91687" s="16">
        <v>2.7186892820681298E-2</v>
      </c>
    </row>
    <row r="91688" spans="1:7" x14ac:dyDescent="0.3">
      <c r="A91688" s="13" t="s">
        <v>458</v>
      </c>
      <c r="B91688" s="14" t="s">
        <v>1</v>
      </c>
      <c r="C91688" s="14" t="s">
        <v>109</v>
      </c>
      <c r="D91688" s="14" t="s">
        <v>459</v>
      </c>
      <c r="E91688" s="15">
        <v>45449</v>
      </c>
      <c r="F91688" s="14" t="s">
        <v>15</v>
      </c>
      <c r="G91688" s="16">
        <v>2.507912048390493E-2</v>
      </c>
    </row>
    <row r="91689" spans="1:7" x14ac:dyDescent="0.3">
      <c r="A91689" s="13" t="s">
        <v>458</v>
      </c>
      <c r="B91689" s="14" t="s">
        <v>1</v>
      </c>
      <c r="C91689" s="14" t="s">
        <v>109</v>
      </c>
      <c r="D91689" s="14" t="s">
        <v>459</v>
      </c>
      <c r="E91689" s="15">
        <v>45450</v>
      </c>
      <c r="F91689" s="14" t="s">
        <v>15</v>
      </c>
      <c r="G91689" s="16">
        <v>5.5292898402665193E-2</v>
      </c>
    </row>
    <row r="91690" spans="1:7" x14ac:dyDescent="0.3">
      <c r="A91690" s="13" t="s">
        <v>458</v>
      </c>
      <c r="B91690" s="14" t="s">
        <v>1</v>
      </c>
      <c r="C91690" s="14" t="s">
        <v>109</v>
      </c>
      <c r="D91690" s="14" t="s">
        <v>459</v>
      </c>
      <c r="E91690" s="15">
        <v>45451</v>
      </c>
      <c r="F91690" s="14" t="s">
        <v>15</v>
      </c>
      <c r="G91690" s="16">
        <v>5.5292898402665193E-2</v>
      </c>
    </row>
    <row r="91691" spans="1:7" x14ac:dyDescent="0.3">
      <c r="A91691" s="13" t="s">
        <v>458</v>
      </c>
      <c r="B91691" s="14" t="s">
        <v>1</v>
      </c>
      <c r="C91691" s="14" t="s">
        <v>109</v>
      </c>
      <c r="D91691" s="14" t="s">
        <v>459</v>
      </c>
      <c r="E91691" s="15">
        <v>45452</v>
      </c>
      <c r="F91691" s="14" t="s">
        <v>15</v>
      </c>
      <c r="G91691" s="16">
        <v>5.5292898402665193E-2</v>
      </c>
    </row>
    <row r="91692" spans="1:7" x14ac:dyDescent="0.3">
      <c r="A91692" s="13" t="s">
        <v>458</v>
      </c>
      <c r="B91692" s="14" t="s">
        <v>1</v>
      </c>
      <c r="C91692" s="14" t="s">
        <v>109</v>
      </c>
      <c r="D91692" s="14" t="s">
        <v>459</v>
      </c>
      <c r="E91692" s="15">
        <v>45453</v>
      </c>
      <c r="F91692" s="14" t="s">
        <v>15</v>
      </c>
      <c r="G91692" s="16">
        <v>5.3141258944934815E-2</v>
      </c>
    </row>
    <row r="91693" spans="1:7" x14ac:dyDescent="0.3">
      <c r="A91693" s="13" t="s">
        <v>458</v>
      </c>
      <c r="B91693" s="14" t="s">
        <v>1</v>
      </c>
      <c r="C91693" s="14" t="s">
        <v>109</v>
      </c>
      <c r="D91693" s="14" t="s">
        <v>459</v>
      </c>
      <c r="E91693" s="15">
        <v>45454</v>
      </c>
      <c r="F91693" s="14" t="s">
        <v>15</v>
      </c>
      <c r="G91693" s="16">
        <v>4.8603972127749591E-2</v>
      </c>
    </row>
    <row r="91694" spans="1:7" x14ac:dyDescent="0.3">
      <c r="A91694" s="13" t="s">
        <v>458</v>
      </c>
      <c r="B91694" s="14" t="s">
        <v>1</v>
      </c>
      <c r="C91694" s="14" t="s">
        <v>109</v>
      </c>
      <c r="D91694" s="14" t="s">
        <v>459</v>
      </c>
      <c r="E91694" s="15">
        <v>45455</v>
      </c>
      <c r="F91694" s="14" t="s">
        <v>15</v>
      </c>
      <c r="G91694" s="16">
        <v>6.3698073726237273E-2</v>
      </c>
    </row>
    <row r="91695" spans="1:7" x14ac:dyDescent="0.3">
      <c r="A91695" s="13" t="s">
        <v>458</v>
      </c>
      <c r="B91695" s="14" t="s">
        <v>1</v>
      </c>
      <c r="C91695" s="14" t="s">
        <v>109</v>
      </c>
      <c r="D91695" s="14" t="s">
        <v>459</v>
      </c>
      <c r="E91695" s="15">
        <v>45456</v>
      </c>
      <c r="F91695" s="14" t="s">
        <v>15</v>
      </c>
      <c r="G91695" s="16">
        <v>6.1530463229324615E-2</v>
      </c>
    </row>
    <row r="91696" spans="1:7" x14ac:dyDescent="0.3">
      <c r="A91696" s="13" t="s">
        <v>458</v>
      </c>
      <c r="B91696" s="14" t="s">
        <v>1</v>
      </c>
      <c r="C91696" s="14" t="s">
        <v>109</v>
      </c>
      <c r="D91696" s="14" t="s">
        <v>459</v>
      </c>
      <c r="E91696" s="15">
        <v>45457</v>
      </c>
      <c r="F91696" s="14" t="s">
        <v>15</v>
      </c>
      <c r="G91696" s="16">
        <v>5.9313236037352328E-2</v>
      </c>
    </row>
    <row r="91697" spans="1:7" x14ac:dyDescent="0.3">
      <c r="A91697" s="13" t="s">
        <v>458</v>
      </c>
      <c r="B91697" s="14" t="s">
        <v>1</v>
      </c>
      <c r="C91697" s="14" t="s">
        <v>109</v>
      </c>
      <c r="D91697" s="14" t="s">
        <v>459</v>
      </c>
      <c r="E91697" s="15">
        <v>45458</v>
      </c>
      <c r="F91697" s="14" t="s">
        <v>15</v>
      </c>
      <c r="G91697" s="16">
        <v>5.9313236037352328E-2</v>
      </c>
    </row>
    <row r="91698" spans="1:7" x14ac:dyDescent="0.3">
      <c r="A91698" s="13" t="s">
        <v>458</v>
      </c>
      <c r="B91698" s="14" t="s">
        <v>1</v>
      </c>
      <c r="C91698" s="14" t="s">
        <v>109</v>
      </c>
      <c r="D91698" s="14" t="s">
        <v>459</v>
      </c>
      <c r="E91698" s="15">
        <v>45459</v>
      </c>
      <c r="F91698" s="14" t="s">
        <v>15</v>
      </c>
      <c r="G91698" s="16">
        <v>5.9313236037352328E-2</v>
      </c>
    </row>
    <row r="91699" spans="1:7" x14ac:dyDescent="0.3">
      <c r="A91699" s="13" t="s">
        <v>458</v>
      </c>
      <c r="B91699" s="14" t="s">
        <v>1</v>
      </c>
      <c r="C91699" s="14" t="s">
        <v>109</v>
      </c>
      <c r="D91699" s="14" t="s">
        <v>459</v>
      </c>
      <c r="E91699" s="15">
        <v>45460</v>
      </c>
      <c r="F91699" s="14" t="s">
        <v>15</v>
      </c>
      <c r="G91699" s="16">
        <v>5.7087065063437969E-2</v>
      </c>
    </row>
    <row r="91700" spans="1:7" x14ac:dyDescent="0.3">
      <c r="A91700" s="13" t="s">
        <v>458</v>
      </c>
      <c r="B91700" s="14" t="s">
        <v>1</v>
      </c>
      <c r="C91700" s="14" t="s">
        <v>109</v>
      </c>
      <c r="D91700" s="14" t="s">
        <v>459</v>
      </c>
      <c r="E91700" s="15">
        <v>45461</v>
      </c>
      <c r="F91700" s="14" t="s">
        <v>15</v>
      </c>
      <c r="G91700" s="16">
        <v>5.0601311466014237E-2</v>
      </c>
    </row>
    <row r="91701" spans="1:7" x14ac:dyDescent="0.3">
      <c r="A91701" s="13" t="s">
        <v>458</v>
      </c>
      <c r="B91701" s="14" t="s">
        <v>1</v>
      </c>
      <c r="C91701" s="14" t="s">
        <v>109</v>
      </c>
      <c r="D91701" s="14" t="s">
        <v>459</v>
      </c>
      <c r="E91701" s="15">
        <v>45462</v>
      </c>
      <c r="F91701" s="14" t="s">
        <v>15</v>
      </c>
      <c r="G91701" s="16">
        <v>4.8374501650532593E-2</v>
      </c>
    </row>
    <row r="91702" spans="1:7" x14ac:dyDescent="0.3">
      <c r="A91702" s="13" t="s">
        <v>458</v>
      </c>
      <c r="B91702" s="14" t="s">
        <v>1</v>
      </c>
      <c r="C91702" s="14" t="s">
        <v>109</v>
      </c>
      <c r="D91702" s="14" t="s">
        <v>459</v>
      </c>
      <c r="E91702" s="15">
        <v>45463</v>
      </c>
      <c r="F91702" s="14" t="s">
        <v>15</v>
      </c>
      <c r="G91702" s="16">
        <v>4.6116388598253663E-2</v>
      </c>
    </row>
    <row r="91703" spans="1:7" x14ac:dyDescent="0.3">
      <c r="A91703" s="13" t="s">
        <v>458</v>
      </c>
      <c r="B91703" s="14" t="s">
        <v>1</v>
      </c>
      <c r="C91703" s="14" t="s">
        <v>109</v>
      </c>
      <c r="D91703" s="14" t="s">
        <v>459</v>
      </c>
      <c r="E91703" s="15">
        <v>45464</v>
      </c>
      <c r="F91703" s="14" t="s">
        <v>15</v>
      </c>
      <c r="G91703" s="16">
        <v>4.3857210810029253E-2</v>
      </c>
    </row>
    <row r="91704" spans="1:7" x14ac:dyDescent="0.3">
      <c r="A91704" s="13" t="s">
        <v>458</v>
      </c>
      <c r="B91704" s="14" t="s">
        <v>1</v>
      </c>
      <c r="C91704" s="14" t="s">
        <v>109</v>
      </c>
      <c r="D91704" s="14" t="s">
        <v>459</v>
      </c>
      <c r="E91704" s="15">
        <v>45465</v>
      </c>
      <c r="F91704" s="14" t="s">
        <v>15</v>
      </c>
      <c r="G91704" s="16">
        <v>4.3857210810029253E-2</v>
      </c>
    </row>
    <row r="91705" spans="1:7" x14ac:dyDescent="0.3">
      <c r="A91705" s="13" t="s">
        <v>458</v>
      </c>
      <c r="B91705" s="14" t="s">
        <v>1</v>
      </c>
      <c r="C91705" s="14" t="s">
        <v>109</v>
      </c>
      <c r="D91705" s="14" t="s">
        <v>459</v>
      </c>
      <c r="E91705" s="15">
        <v>45466</v>
      </c>
      <c r="F91705" s="14" t="s">
        <v>15</v>
      </c>
      <c r="G91705" s="16">
        <v>4.3857210810029253E-2</v>
      </c>
    </row>
    <row r="91706" spans="1:7" x14ac:dyDescent="0.3">
      <c r="A91706" s="13" t="s">
        <v>458</v>
      </c>
      <c r="B91706" s="14" t="s">
        <v>1</v>
      </c>
      <c r="C91706" s="14" t="s">
        <v>109</v>
      </c>
      <c r="D91706" s="14" t="s">
        <v>459</v>
      </c>
      <c r="E91706" s="15">
        <v>45467</v>
      </c>
      <c r="F91706" s="14" t="s">
        <v>15</v>
      </c>
      <c r="G91706" s="16">
        <v>4.1622521948551011E-2</v>
      </c>
    </row>
    <row r="91707" spans="1:7" x14ac:dyDescent="0.3">
      <c r="A91707" s="13" t="s">
        <v>458</v>
      </c>
      <c r="B91707" s="14" t="s">
        <v>1</v>
      </c>
      <c r="C91707" s="14" t="s">
        <v>109</v>
      </c>
      <c r="D91707" s="14" t="s">
        <v>459</v>
      </c>
      <c r="E91707" s="15">
        <v>45468</v>
      </c>
      <c r="F91707" s="14" t="s">
        <v>15</v>
      </c>
      <c r="G91707" s="16">
        <v>3.525814824891263E-2</v>
      </c>
    </row>
    <row r="91708" spans="1:7" x14ac:dyDescent="0.3">
      <c r="A91708" s="13" t="s">
        <v>458</v>
      </c>
      <c r="B91708" s="14" t="s">
        <v>1</v>
      </c>
      <c r="C91708" s="14" t="s">
        <v>109</v>
      </c>
      <c r="D91708" s="14" t="s">
        <v>459</v>
      </c>
      <c r="E91708" s="15">
        <v>45469</v>
      </c>
      <c r="F91708" s="14" t="s">
        <v>15</v>
      </c>
      <c r="G91708" s="16">
        <v>3.4306679148933532E-2</v>
      </c>
    </row>
    <row r="91709" spans="1:7" x14ac:dyDescent="0.3">
      <c r="A91709" s="13" t="s">
        <v>458</v>
      </c>
      <c r="B91709" s="14" t="s">
        <v>1</v>
      </c>
      <c r="C91709" s="14" t="s">
        <v>109</v>
      </c>
      <c r="D91709" s="14" t="s">
        <v>459</v>
      </c>
      <c r="E91709" s="15">
        <v>45470</v>
      </c>
      <c r="F91709" s="14" t="s">
        <v>15</v>
      </c>
      <c r="G91709" s="16">
        <v>3.8345840372634166E-2</v>
      </c>
    </row>
    <row r="91710" spans="1:7" x14ac:dyDescent="0.3">
      <c r="A91710" s="13" t="s">
        <v>458</v>
      </c>
      <c r="B91710" s="14" t="s">
        <v>1</v>
      </c>
      <c r="C91710" s="14" t="s">
        <v>109</v>
      </c>
      <c r="D91710" s="14" t="s">
        <v>459</v>
      </c>
      <c r="E91710" s="15">
        <v>45471</v>
      </c>
      <c r="F91710" s="14" t="s">
        <v>15</v>
      </c>
      <c r="G91710" s="16">
        <v>7.1763621698549454E-2</v>
      </c>
    </row>
    <row r="91711" spans="1:7" x14ac:dyDescent="0.3">
      <c r="A91711" s="13" t="s">
        <v>458</v>
      </c>
      <c r="B91711" s="14" t="s">
        <v>1</v>
      </c>
      <c r="C91711" s="14" t="s">
        <v>109</v>
      </c>
      <c r="D91711" s="14" t="s">
        <v>459</v>
      </c>
      <c r="E91711" s="15">
        <v>45472</v>
      </c>
      <c r="F91711" s="14" t="s">
        <v>15</v>
      </c>
      <c r="G91711" s="16">
        <v>7.1763621698549454E-2</v>
      </c>
    </row>
    <row r="91712" spans="1:7" x14ac:dyDescent="0.3">
      <c r="A91712" s="13" t="s">
        <v>458</v>
      </c>
      <c r="B91712" s="14" t="s">
        <v>1</v>
      </c>
      <c r="C91712" s="14" t="s">
        <v>109</v>
      </c>
      <c r="D91712" s="14" t="s">
        <v>459</v>
      </c>
      <c r="E91712" s="15">
        <v>45473</v>
      </c>
      <c r="F91712" s="14" t="s">
        <v>15</v>
      </c>
      <c r="G91712" s="16">
        <v>7.1763621698549454E-2</v>
      </c>
    </row>
    <row r="91713" spans="1:7" x14ac:dyDescent="0.3">
      <c r="A91713" s="13" t="s">
        <v>458</v>
      </c>
      <c r="B91713" s="14" t="s">
        <v>1</v>
      </c>
      <c r="C91713" s="14" t="s">
        <v>109</v>
      </c>
      <c r="D91713" s="14" t="s">
        <v>459</v>
      </c>
      <c r="E91713" s="15">
        <v>45474</v>
      </c>
      <c r="F91713" s="14" t="s">
        <v>15</v>
      </c>
      <c r="G91713" s="16">
        <v>7.1444818697377843E-2</v>
      </c>
    </row>
    <row r="91714" spans="1:7" x14ac:dyDescent="0.3">
      <c r="A91714" s="13" t="s">
        <v>458</v>
      </c>
      <c r="B91714" s="14" t="s">
        <v>1</v>
      </c>
      <c r="C91714" s="14" t="s">
        <v>109</v>
      </c>
      <c r="D91714" s="14" t="s">
        <v>459</v>
      </c>
      <c r="E91714" s="15">
        <v>45475</v>
      </c>
      <c r="F91714" s="14" t="s">
        <v>15</v>
      </c>
      <c r="G91714" s="16">
        <v>6.6908383668949009E-2</v>
      </c>
    </row>
    <row r="91715" spans="1:7" x14ac:dyDescent="0.3">
      <c r="A91715" s="13" t="s">
        <v>458</v>
      </c>
      <c r="B91715" s="14" t="s">
        <v>1</v>
      </c>
      <c r="C91715" s="14" t="s">
        <v>109</v>
      </c>
      <c r="D91715" s="14" t="s">
        <v>459</v>
      </c>
      <c r="E91715" s="15">
        <v>45476</v>
      </c>
      <c r="F91715" s="14" t="s">
        <v>15</v>
      </c>
      <c r="G91715" s="16">
        <v>6.4662834500826813E-2</v>
      </c>
    </row>
    <row r="91716" spans="1:7" x14ac:dyDescent="0.3">
      <c r="A91716" s="13" t="s">
        <v>458</v>
      </c>
      <c r="B91716" s="14" t="s">
        <v>1</v>
      </c>
      <c r="C91716" s="14" t="s">
        <v>109</v>
      </c>
      <c r="D91716" s="14" t="s">
        <v>459</v>
      </c>
      <c r="E91716" s="15">
        <v>45477</v>
      </c>
      <c r="F91716" s="14" t="s">
        <v>15</v>
      </c>
      <c r="G91716" s="16">
        <v>6.2399397768820454E-2</v>
      </c>
    </row>
    <row r="91717" spans="1:7" x14ac:dyDescent="0.3">
      <c r="A91717" s="13" t="s">
        <v>458</v>
      </c>
      <c r="B91717" s="14" t="s">
        <v>1</v>
      </c>
      <c r="C91717" s="14" t="s">
        <v>109</v>
      </c>
      <c r="D91717" s="14" t="s">
        <v>459</v>
      </c>
      <c r="E91717" s="15">
        <v>45478</v>
      </c>
      <c r="F91717" s="14" t="s">
        <v>15</v>
      </c>
      <c r="G91717" s="16">
        <v>6.4243499367308152E-2</v>
      </c>
    </row>
    <row r="91718" spans="1:7" x14ac:dyDescent="0.3">
      <c r="A91718" s="13" t="s">
        <v>458</v>
      </c>
      <c r="B91718" s="14" t="s">
        <v>1</v>
      </c>
      <c r="C91718" s="14" t="s">
        <v>109</v>
      </c>
      <c r="D91718" s="14" t="s">
        <v>459</v>
      </c>
      <c r="E91718" s="15">
        <v>45479</v>
      </c>
      <c r="F91718" s="14" t="s">
        <v>15</v>
      </c>
      <c r="G91718" s="16">
        <v>6.4243499367308152E-2</v>
      </c>
    </row>
    <row r="91719" spans="1:7" x14ac:dyDescent="0.3">
      <c r="A91719" s="13" t="s">
        <v>458</v>
      </c>
      <c r="B91719" s="14" t="s">
        <v>1</v>
      </c>
      <c r="C91719" s="14" t="s">
        <v>109</v>
      </c>
      <c r="D91719" s="14" t="s">
        <v>459</v>
      </c>
      <c r="E91719" s="15">
        <v>45480</v>
      </c>
      <c r="F91719" s="14" t="s">
        <v>15</v>
      </c>
      <c r="G91719" s="16">
        <v>6.4243499367308152E-2</v>
      </c>
    </row>
    <row r="91720" spans="1:7" x14ac:dyDescent="0.3">
      <c r="A91720" s="13" t="s">
        <v>458</v>
      </c>
      <c r="B91720" s="14" t="s">
        <v>1</v>
      </c>
      <c r="C91720" s="14" t="s">
        <v>109</v>
      </c>
      <c r="D91720" s="14" t="s">
        <v>459</v>
      </c>
      <c r="E91720" s="15">
        <v>45481</v>
      </c>
      <c r="F91720" s="14" t="s">
        <v>15</v>
      </c>
      <c r="G91720" s="16">
        <v>7.0177464679594806E-2</v>
      </c>
    </row>
    <row r="91721" spans="1:7" x14ac:dyDescent="0.3">
      <c r="A91721" s="13" t="s">
        <v>458</v>
      </c>
      <c r="B91721" s="14" t="s">
        <v>1</v>
      </c>
      <c r="C91721" s="14" t="s">
        <v>109</v>
      </c>
      <c r="D91721" s="14" t="s">
        <v>459</v>
      </c>
      <c r="E91721" s="15">
        <v>45482</v>
      </c>
      <c r="F91721" s="14" t="s">
        <v>15</v>
      </c>
      <c r="G91721" s="16">
        <v>6.3240263041285216E-2</v>
      </c>
    </row>
    <row r="91722" spans="1:7" x14ac:dyDescent="0.3">
      <c r="A91722" s="13" t="s">
        <v>458</v>
      </c>
      <c r="B91722" s="14" t="s">
        <v>1</v>
      </c>
      <c r="C91722" s="14" t="s">
        <v>109</v>
      </c>
      <c r="D91722" s="14" t="s">
        <v>459</v>
      </c>
      <c r="E91722" s="15">
        <v>45483</v>
      </c>
      <c r="F91722" s="14" t="s">
        <v>15</v>
      </c>
      <c r="G91722" s="16">
        <v>6.0927209614219234E-2</v>
      </c>
    </row>
    <row r="91723" spans="1:7" x14ac:dyDescent="0.3">
      <c r="A91723" s="13" t="s">
        <v>458</v>
      </c>
      <c r="B91723" s="14" t="s">
        <v>1</v>
      </c>
      <c r="C91723" s="14" t="s">
        <v>109</v>
      </c>
      <c r="D91723" s="14" t="s">
        <v>459</v>
      </c>
      <c r="E91723" s="15">
        <v>45484</v>
      </c>
      <c r="F91723" s="14" t="s">
        <v>15</v>
      </c>
      <c r="G91723" s="16">
        <v>5.8617776289367908E-2</v>
      </c>
    </row>
    <row r="91724" spans="1:7" x14ac:dyDescent="0.3">
      <c r="A91724" s="13" t="s">
        <v>458</v>
      </c>
      <c r="B91724" s="14" t="s">
        <v>1</v>
      </c>
      <c r="C91724" s="14" t="s">
        <v>109</v>
      </c>
      <c r="D91724" s="14" t="s">
        <v>459</v>
      </c>
      <c r="E91724" s="15">
        <v>45485</v>
      </c>
      <c r="F91724" s="14" t="s">
        <v>15</v>
      </c>
      <c r="G91724" s="16">
        <v>5.6294714344414368E-2</v>
      </c>
    </row>
    <row r="91725" spans="1:7" x14ac:dyDescent="0.3">
      <c r="A91725" s="13" t="s">
        <v>458</v>
      </c>
      <c r="B91725" s="14" t="s">
        <v>1</v>
      </c>
      <c r="C91725" s="14" t="s">
        <v>109</v>
      </c>
      <c r="D91725" s="14" t="s">
        <v>459</v>
      </c>
      <c r="E91725" s="15">
        <v>45486</v>
      </c>
      <c r="F91725" s="14" t="s">
        <v>15</v>
      </c>
      <c r="G91725" s="16">
        <v>5.6294714344414368E-2</v>
      </c>
    </row>
    <row r="91726" spans="1:7" x14ac:dyDescent="0.3">
      <c r="A91726" s="13" t="s">
        <v>458</v>
      </c>
      <c r="B91726" s="14" t="s">
        <v>1</v>
      </c>
      <c r="C91726" s="14" t="s">
        <v>109</v>
      </c>
      <c r="D91726" s="14" t="s">
        <v>459</v>
      </c>
      <c r="E91726" s="15">
        <v>45487</v>
      </c>
      <c r="F91726" s="14" t="s">
        <v>15</v>
      </c>
      <c r="G91726" s="16">
        <v>5.6294714344414368E-2</v>
      </c>
    </row>
    <row r="91727" spans="1:7" x14ac:dyDescent="0.3">
      <c r="A91727" s="13" t="s">
        <v>458</v>
      </c>
      <c r="B91727" s="14" t="s">
        <v>1</v>
      </c>
      <c r="C91727" s="14" t="s">
        <v>109</v>
      </c>
      <c r="D91727" s="14" t="s">
        <v>459</v>
      </c>
      <c r="E91727" s="15">
        <v>45488</v>
      </c>
      <c r="F91727" s="14" t="s">
        <v>15</v>
      </c>
      <c r="G91727" s="16">
        <v>5.4944395159256393E-2</v>
      </c>
    </row>
    <row r="91728" spans="1:7" x14ac:dyDescent="0.3">
      <c r="A91728" s="13" t="s">
        <v>458</v>
      </c>
      <c r="B91728" s="14" t="s">
        <v>1</v>
      </c>
      <c r="C91728" s="14" t="s">
        <v>109</v>
      </c>
      <c r="D91728" s="14" t="s">
        <v>459</v>
      </c>
      <c r="E91728" s="15">
        <v>45489</v>
      </c>
      <c r="F91728" s="14" t="s">
        <v>15</v>
      </c>
      <c r="G91728" s="16">
        <v>4.797567733696044E-2</v>
      </c>
    </row>
    <row r="91729" spans="1:7" x14ac:dyDescent="0.3">
      <c r="A91729" s="13" t="s">
        <v>458</v>
      </c>
      <c r="B91729" s="14" t="s">
        <v>1</v>
      </c>
      <c r="C91729" s="14" t="s">
        <v>109</v>
      </c>
      <c r="D91729" s="14" t="s">
        <v>459</v>
      </c>
      <c r="E91729" s="15">
        <v>45490</v>
      </c>
      <c r="F91729" s="14" t="s">
        <v>15</v>
      </c>
      <c r="G91729" s="16">
        <v>4.5660494438003491E-2</v>
      </c>
    </row>
    <row r="91730" spans="1:7" x14ac:dyDescent="0.3">
      <c r="A91730" s="13" t="s">
        <v>458</v>
      </c>
      <c r="B91730" s="14" t="s">
        <v>1</v>
      </c>
      <c r="C91730" s="14" t="s">
        <v>109</v>
      </c>
      <c r="D91730" s="14" t="s">
        <v>459</v>
      </c>
      <c r="E91730" s="15">
        <v>45491</v>
      </c>
      <c r="F91730" s="14" t="s">
        <v>15</v>
      </c>
      <c r="G91730" s="16">
        <v>4.333934901775182E-2</v>
      </c>
    </row>
    <row r="91731" spans="1:7" x14ac:dyDescent="0.3">
      <c r="A91731" s="13" t="s">
        <v>458</v>
      </c>
      <c r="B91731" s="14" t="s">
        <v>1</v>
      </c>
      <c r="C91731" s="14" t="s">
        <v>109</v>
      </c>
      <c r="D91731" s="14" t="s">
        <v>459</v>
      </c>
      <c r="E91731" s="15">
        <v>45492</v>
      </c>
      <c r="F91731" s="14" t="s">
        <v>15</v>
      </c>
      <c r="G91731" s="16">
        <v>4.1114029832593851E-2</v>
      </c>
    </row>
    <row r="91732" spans="1:7" x14ac:dyDescent="0.3">
      <c r="A91732" s="13" t="s">
        <v>458</v>
      </c>
      <c r="B91732" s="14" t="s">
        <v>1</v>
      </c>
      <c r="C91732" s="14" t="s">
        <v>109</v>
      </c>
      <c r="D91732" s="14" t="s">
        <v>459</v>
      </c>
      <c r="E91732" s="15">
        <v>45493</v>
      </c>
      <c r="F91732" s="14" t="s">
        <v>15</v>
      </c>
      <c r="G91732" s="16">
        <v>4.1114029832593851E-2</v>
      </c>
    </row>
    <row r="91733" spans="1:7" x14ac:dyDescent="0.3">
      <c r="A91733" s="13" t="s">
        <v>458</v>
      </c>
      <c r="B91733" s="14" t="s">
        <v>1</v>
      </c>
      <c r="C91733" s="14" t="s">
        <v>109</v>
      </c>
      <c r="D91733" s="14" t="s">
        <v>459</v>
      </c>
      <c r="E91733" s="15">
        <v>45494</v>
      </c>
      <c r="F91733" s="14" t="s">
        <v>15</v>
      </c>
      <c r="G91733" s="16">
        <v>4.1114029832593851E-2</v>
      </c>
    </row>
    <row r="91734" spans="1:7" x14ac:dyDescent="0.3">
      <c r="A91734" s="13" t="s">
        <v>458</v>
      </c>
      <c r="B91734" s="14" t="s">
        <v>1</v>
      </c>
      <c r="C91734" s="14" t="s">
        <v>109</v>
      </c>
      <c r="D91734" s="14" t="s">
        <v>459</v>
      </c>
      <c r="E91734" s="15">
        <v>45495</v>
      </c>
      <c r="F91734" s="14" t="s">
        <v>15</v>
      </c>
      <c r="G91734" s="16">
        <v>3.8909153577589201E-2</v>
      </c>
    </row>
    <row r="91735" spans="1:7" x14ac:dyDescent="0.3">
      <c r="A91735" s="13" t="s">
        <v>458</v>
      </c>
      <c r="B91735" s="14" t="s">
        <v>1</v>
      </c>
      <c r="C91735" s="14" t="s">
        <v>109</v>
      </c>
      <c r="D91735" s="14" t="s">
        <v>459</v>
      </c>
      <c r="E91735" s="15">
        <v>45496</v>
      </c>
      <c r="F91735" s="14" t="s">
        <v>15</v>
      </c>
      <c r="G91735" s="16">
        <v>3.2368033711000228E-2</v>
      </c>
    </row>
    <row r="91736" spans="1:7" x14ac:dyDescent="0.3">
      <c r="A91736" s="13" t="s">
        <v>458</v>
      </c>
      <c r="B91736" s="14" t="s">
        <v>1</v>
      </c>
      <c r="C91736" s="14" t="s">
        <v>109</v>
      </c>
      <c r="D91736" s="14" t="s">
        <v>459</v>
      </c>
      <c r="E91736" s="15">
        <v>45497</v>
      </c>
      <c r="F91736" s="14" t="s">
        <v>15</v>
      </c>
      <c r="G91736" s="16">
        <v>3.016954587166849E-2</v>
      </c>
    </row>
    <row r="91737" spans="1:7" x14ac:dyDescent="0.3">
      <c r="A91737" s="13" t="s">
        <v>458</v>
      </c>
      <c r="B91737" s="14" t="s">
        <v>1</v>
      </c>
      <c r="C91737" s="14" t="s">
        <v>109</v>
      </c>
      <c r="D91737" s="14" t="s">
        <v>459</v>
      </c>
      <c r="E91737" s="15">
        <v>45498</v>
      </c>
      <c r="F91737" s="14" t="s">
        <v>15</v>
      </c>
      <c r="G91737" s="16">
        <v>2.7955086993154472E-2</v>
      </c>
    </row>
    <row r="91738" spans="1:7" x14ac:dyDescent="0.3">
      <c r="A91738" s="13" t="s">
        <v>458</v>
      </c>
      <c r="B91738" s="14" t="s">
        <v>1</v>
      </c>
      <c r="C91738" s="14" t="s">
        <v>109</v>
      </c>
      <c r="D91738" s="14" t="s">
        <v>459</v>
      </c>
      <c r="E91738" s="15">
        <v>45499</v>
      </c>
      <c r="F91738" s="14" t="s">
        <v>15</v>
      </c>
      <c r="G91738" s="16">
        <v>2.5825168148712004E-2</v>
      </c>
    </row>
    <row r="91739" spans="1:7" x14ac:dyDescent="0.3">
      <c r="A91739" s="13" t="s">
        <v>458</v>
      </c>
      <c r="B91739" s="14" t="s">
        <v>1</v>
      </c>
      <c r="C91739" s="14" t="s">
        <v>109</v>
      </c>
      <c r="D91739" s="14" t="s">
        <v>459</v>
      </c>
      <c r="E91739" s="15">
        <v>45500</v>
      </c>
      <c r="F91739" s="14" t="s">
        <v>15</v>
      </c>
      <c r="G91739" s="16">
        <v>2.5825168148712004E-2</v>
      </c>
    </row>
    <row r="91740" spans="1:7" x14ac:dyDescent="0.3">
      <c r="A91740" s="13" t="s">
        <v>458</v>
      </c>
      <c r="B91740" s="14" t="s">
        <v>1</v>
      </c>
      <c r="C91740" s="14" t="s">
        <v>109</v>
      </c>
      <c r="D91740" s="14" t="s">
        <v>459</v>
      </c>
      <c r="E91740" s="15">
        <v>45501</v>
      </c>
      <c r="F91740" s="14" t="s">
        <v>15</v>
      </c>
      <c r="G91740" s="16">
        <v>2.5825168148712004E-2</v>
      </c>
    </row>
    <row r="91741" spans="1:7" x14ac:dyDescent="0.3">
      <c r="A91741" s="13" t="s">
        <v>458</v>
      </c>
      <c r="B91741" s="14" t="s">
        <v>1</v>
      </c>
      <c r="C91741" s="14" t="s">
        <v>109</v>
      </c>
      <c r="D91741" s="14" t="s">
        <v>459</v>
      </c>
      <c r="E91741" s="15">
        <v>45502</v>
      </c>
      <c r="F91741" s="14" t="s">
        <v>15</v>
      </c>
      <c r="G91741" s="16">
        <v>3.6823017617727799E-2</v>
      </c>
    </row>
    <row r="91742" spans="1:7" x14ac:dyDescent="0.3">
      <c r="A91742" s="13" t="s">
        <v>458</v>
      </c>
      <c r="B91742" s="14" t="s">
        <v>1</v>
      </c>
      <c r="C91742" s="14" t="s">
        <v>109</v>
      </c>
      <c r="D91742" s="14" t="s">
        <v>459</v>
      </c>
      <c r="E91742" s="15">
        <v>45503</v>
      </c>
      <c r="F91742" s="14" t="s">
        <v>15</v>
      </c>
      <c r="G91742" s="16">
        <v>3.0501020408719746E-2</v>
      </c>
    </row>
    <row r="91743" spans="1:7" x14ac:dyDescent="0.3">
      <c r="A91743" s="13" t="s">
        <v>458</v>
      </c>
      <c r="B91743" s="14" t="s">
        <v>1</v>
      </c>
      <c r="C91743" s="14" t="s">
        <v>109</v>
      </c>
      <c r="D91743" s="14" t="s">
        <v>459</v>
      </c>
      <c r="E91743" s="15">
        <v>45504</v>
      </c>
      <c r="F91743" s="14" t="s">
        <v>15</v>
      </c>
      <c r="G91743" s="16">
        <v>3.0042098157122252E-2</v>
      </c>
    </row>
    <row r="91744" spans="1:7" x14ac:dyDescent="0.3">
      <c r="A91744" s="13" t="s">
        <v>458</v>
      </c>
      <c r="B91744" s="14" t="s">
        <v>1</v>
      </c>
      <c r="C91744" s="14" t="s">
        <v>109</v>
      </c>
      <c r="D91744" s="14" t="s">
        <v>459</v>
      </c>
      <c r="E91744" s="15">
        <v>45505</v>
      </c>
      <c r="F91744" s="14" t="s">
        <v>15</v>
      </c>
      <c r="G91744" s="16">
        <v>4.5376617132100568E-2</v>
      </c>
    </row>
    <row r="91745" spans="1:7" x14ac:dyDescent="0.3">
      <c r="A91745" s="13" t="s">
        <v>458</v>
      </c>
      <c r="B91745" s="14" t="s">
        <v>1</v>
      </c>
      <c r="C91745" s="14" t="s">
        <v>109</v>
      </c>
      <c r="D91745" s="14" t="s">
        <v>459</v>
      </c>
      <c r="E91745" s="15">
        <v>45506</v>
      </c>
      <c r="F91745" s="14" t="s">
        <v>15</v>
      </c>
      <c r="G91745" s="16">
        <v>4.3260539854949404E-2</v>
      </c>
    </row>
    <row r="91746" spans="1:7" x14ac:dyDescent="0.3">
      <c r="A91746" s="13" t="s">
        <v>458</v>
      </c>
      <c r="B91746" s="14" t="s">
        <v>1</v>
      </c>
      <c r="C91746" s="14" t="s">
        <v>109</v>
      </c>
      <c r="D91746" s="14" t="s">
        <v>459</v>
      </c>
      <c r="E91746" s="15">
        <v>45507</v>
      </c>
      <c r="F91746" s="14" t="s">
        <v>15</v>
      </c>
      <c r="G91746" s="16">
        <v>4.3260539854949404E-2</v>
      </c>
    </row>
    <row r="91747" spans="1:7" x14ac:dyDescent="0.3">
      <c r="A91747" s="13" t="s">
        <v>458</v>
      </c>
      <c r="B91747" s="14" t="s">
        <v>1</v>
      </c>
      <c r="C91747" s="14" t="s">
        <v>109</v>
      </c>
      <c r="D91747" s="14" t="s">
        <v>459</v>
      </c>
      <c r="E91747" s="15">
        <v>45508</v>
      </c>
      <c r="F91747" s="14" t="s">
        <v>15</v>
      </c>
      <c r="G91747" s="16">
        <v>4.3260539854949404E-2</v>
      </c>
    </row>
    <row r="91748" spans="1:7" x14ac:dyDescent="0.3">
      <c r="A91748" s="13" t="s">
        <v>458</v>
      </c>
      <c r="B91748" s="14" t="s">
        <v>1</v>
      </c>
      <c r="C91748" s="14" t="s">
        <v>109</v>
      </c>
      <c r="D91748" s="14" t="s">
        <v>459</v>
      </c>
      <c r="E91748" s="15">
        <v>45509</v>
      </c>
      <c r="F91748" s="14" t="s">
        <v>15</v>
      </c>
      <c r="G91748" s="16">
        <v>4.3260539854949404E-2</v>
      </c>
    </row>
    <row r="91749" spans="1:7" x14ac:dyDescent="0.3">
      <c r="A91749" s="13" t="s">
        <v>458</v>
      </c>
      <c r="B91749" s="14" t="s">
        <v>1</v>
      </c>
      <c r="C91749" s="14" t="s">
        <v>109</v>
      </c>
      <c r="D91749" s="14" t="s">
        <v>459</v>
      </c>
      <c r="E91749" s="15">
        <v>45510</v>
      </c>
      <c r="F91749" s="14" t="s">
        <v>15</v>
      </c>
      <c r="G91749" s="16">
        <v>4.1212818625498415E-2</v>
      </c>
    </row>
    <row r="91750" spans="1:7" x14ac:dyDescent="0.3">
      <c r="A91750" s="13" t="s">
        <v>458</v>
      </c>
      <c r="B91750" s="14" t="s">
        <v>1</v>
      </c>
      <c r="C91750" s="14" t="s">
        <v>109</v>
      </c>
      <c r="D91750" s="14" t="s">
        <v>459</v>
      </c>
      <c r="E91750" s="15">
        <v>45511</v>
      </c>
      <c r="F91750" s="14" t="s">
        <v>15</v>
      </c>
      <c r="G91750" s="16">
        <v>3.7462584619216088E-2</v>
      </c>
    </row>
    <row r="91751" spans="1:7" x14ac:dyDescent="0.3">
      <c r="A91751" s="13" t="s">
        <v>458</v>
      </c>
      <c r="B91751" s="14" t="s">
        <v>1</v>
      </c>
      <c r="C91751" s="14" t="s">
        <v>109</v>
      </c>
      <c r="D91751" s="14" t="s">
        <v>459</v>
      </c>
      <c r="E91751" s="15">
        <v>45512</v>
      </c>
      <c r="F91751" s="14" t="s">
        <v>15</v>
      </c>
      <c r="G91751" s="16">
        <v>3.6547742435761692E-2</v>
      </c>
    </row>
    <row r="91752" spans="1:7" x14ac:dyDescent="0.3">
      <c r="A91752" s="13" t="s">
        <v>458</v>
      </c>
      <c r="B91752" s="14" t="s">
        <v>1</v>
      </c>
      <c r="C91752" s="14" t="s">
        <v>109</v>
      </c>
      <c r="D91752" s="14" t="s">
        <v>459</v>
      </c>
      <c r="E91752" s="15">
        <v>45513</v>
      </c>
      <c r="F91752" s="14" t="s">
        <v>15</v>
      </c>
      <c r="G91752" s="16">
        <v>4.9545804851966579E-2</v>
      </c>
    </row>
    <row r="91753" spans="1:7" x14ac:dyDescent="0.3">
      <c r="A91753" s="13" t="s">
        <v>458</v>
      </c>
      <c r="B91753" s="14" t="s">
        <v>1</v>
      </c>
      <c r="C91753" s="14" t="s">
        <v>109</v>
      </c>
      <c r="D91753" s="14" t="s">
        <v>459</v>
      </c>
      <c r="E91753" s="15">
        <v>45514</v>
      </c>
      <c r="F91753" s="14" t="s">
        <v>15</v>
      </c>
      <c r="G91753" s="16">
        <v>4.9545804851966579E-2</v>
      </c>
    </row>
    <row r="91754" spans="1:7" x14ac:dyDescent="0.3">
      <c r="A91754" s="13" t="s">
        <v>458</v>
      </c>
      <c r="B91754" s="14" t="s">
        <v>1</v>
      </c>
      <c r="C91754" s="14" t="s">
        <v>109</v>
      </c>
      <c r="D91754" s="14" t="s">
        <v>459</v>
      </c>
      <c r="E91754" s="15">
        <v>45515</v>
      </c>
      <c r="F91754" s="14" t="s">
        <v>15</v>
      </c>
      <c r="G91754" s="16">
        <v>4.9545804851966579E-2</v>
      </c>
    </row>
    <row r="91755" spans="1:7" x14ac:dyDescent="0.3">
      <c r="A91755" s="13" t="s">
        <v>458</v>
      </c>
      <c r="B91755" s="14" t="s">
        <v>1</v>
      </c>
      <c r="C91755" s="14" t="s">
        <v>109</v>
      </c>
      <c r="D91755" s="14" t="s">
        <v>459</v>
      </c>
      <c r="E91755" s="15">
        <v>45516</v>
      </c>
      <c r="F91755" s="14" t="s">
        <v>15</v>
      </c>
      <c r="G91755" s="16">
        <v>4.9065374934270274E-2</v>
      </c>
    </row>
    <row r="91756" spans="1:7" x14ac:dyDescent="0.3">
      <c r="A91756" s="13" t="s">
        <v>458</v>
      </c>
      <c r="B91756" s="14" t="s">
        <v>1</v>
      </c>
      <c r="C91756" s="14" t="s">
        <v>109</v>
      </c>
      <c r="D91756" s="14" t="s">
        <v>459</v>
      </c>
      <c r="E91756" s="15">
        <v>45517</v>
      </c>
      <c r="F91756" s="14" t="s">
        <v>15</v>
      </c>
      <c r="G91756" s="16">
        <v>4.7213991013166826E-2</v>
      </c>
    </row>
    <row r="91757" spans="1:7" x14ac:dyDescent="0.3">
      <c r="A91757" s="13" t="s">
        <v>458</v>
      </c>
      <c r="B91757" s="14" t="s">
        <v>1</v>
      </c>
      <c r="C91757" s="14" t="s">
        <v>109</v>
      </c>
      <c r="D91757" s="14" t="s">
        <v>459</v>
      </c>
      <c r="E91757" s="15">
        <v>45518</v>
      </c>
      <c r="F91757" s="14" t="s">
        <v>15</v>
      </c>
      <c r="G91757" s="16">
        <v>4.5217164161910038E-2</v>
      </c>
    </row>
    <row r="91758" spans="1:7" x14ac:dyDescent="0.3">
      <c r="A91758" s="13" t="s">
        <v>458</v>
      </c>
      <c r="B91758" s="14" t="s">
        <v>1</v>
      </c>
      <c r="C91758" s="14" t="s">
        <v>109</v>
      </c>
      <c r="D91758" s="14" t="s">
        <v>459</v>
      </c>
      <c r="E91758" s="15">
        <v>45519</v>
      </c>
      <c r="F91758" s="14" t="s">
        <v>15</v>
      </c>
      <c r="G91758" s="16">
        <v>4.3165396935866206E-2</v>
      </c>
    </row>
    <row r="91759" spans="1:7" x14ac:dyDescent="0.3">
      <c r="A91759" s="13" t="s">
        <v>458</v>
      </c>
      <c r="B91759" s="14" t="s">
        <v>1</v>
      </c>
      <c r="C91759" s="14" t="s">
        <v>109</v>
      </c>
      <c r="D91759" s="14" t="s">
        <v>459</v>
      </c>
      <c r="E91759" s="15">
        <v>45520</v>
      </c>
      <c r="F91759" s="14" t="s">
        <v>15</v>
      </c>
      <c r="G91759" s="16">
        <v>5.2993953389549805E-2</v>
      </c>
    </row>
    <row r="91760" spans="1:7" x14ac:dyDescent="0.3">
      <c r="A91760" s="13" t="s">
        <v>458</v>
      </c>
      <c r="B91760" s="14" t="s">
        <v>1</v>
      </c>
      <c r="C91760" s="14" t="s">
        <v>109</v>
      </c>
      <c r="D91760" s="14" t="s">
        <v>459</v>
      </c>
      <c r="E91760" s="15">
        <v>45521</v>
      </c>
      <c r="F91760" s="14" t="s">
        <v>15</v>
      </c>
      <c r="G91760" s="16">
        <v>5.2993953389549805E-2</v>
      </c>
    </row>
    <row r="91761" spans="1:7" x14ac:dyDescent="0.3">
      <c r="A91761" s="13" t="s">
        <v>458</v>
      </c>
      <c r="B91761" s="14" t="s">
        <v>1</v>
      </c>
      <c r="C91761" s="14" t="s">
        <v>109</v>
      </c>
      <c r="D91761" s="14" t="s">
        <v>459</v>
      </c>
      <c r="E91761" s="15">
        <v>45522</v>
      </c>
      <c r="F91761" s="14" t="s">
        <v>15</v>
      </c>
      <c r="G91761" s="16">
        <v>5.2993953389549805E-2</v>
      </c>
    </row>
    <row r="91762" spans="1:7" x14ac:dyDescent="0.3">
      <c r="A91762" s="13" t="s">
        <v>458</v>
      </c>
      <c r="B91762" s="14" t="s">
        <v>1</v>
      </c>
      <c r="C91762" s="14" t="s">
        <v>109</v>
      </c>
      <c r="D91762" s="14" t="s">
        <v>459</v>
      </c>
      <c r="E91762" s="15">
        <v>45523</v>
      </c>
      <c r="F91762" s="14" t="s">
        <v>15</v>
      </c>
      <c r="G91762" s="16">
        <v>5.0556751751240213E-2</v>
      </c>
    </row>
    <row r="91763" spans="1:7" x14ac:dyDescent="0.3">
      <c r="A91763" s="13" t="s">
        <v>458</v>
      </c>
      <c r="B91763" s="14" t="s">
        <v>1</v>
      </c>
      <c r="C91763" s="14" t="s">
        <v>109</v>
      </c>
      <c r="D91763" s="14" t="s">
        <v>459</v>
      </c>
      <c r="E91763" s="15">
        <v>45524</v>
      </c>
      <c r="F91763" s="14" t="s">
        <v>15</v>
      </c>
      <c r="G91763" s="16">
        <v>4.4103153179370143E-2</v>
      </c>
    </row>
    <row r="91764" spans="1:7" x14ac:dyDescent="0.3">
      <c r="A91764" s="13" t="s">
        <v>458</v>
      </c>
      <c r="B91764" s="14" t="s">
        <v>1</v>
      </c>
      <c r="C91764" s="14" t="s">
        <v>109</v>
      </c>
      <c r="D91764" s="14" t="s">
        <v>459</v>
      </c>
      <c r="E91764" s="15">
        <v>45525</v>
      </c>
      <c r="F91764" s="14" t="s">
        <v>15</v>
      </c>
      <c r="G91764" s="16">
        <v>4.1924682375813538E-2</v>
      </c>
    </row>
    <row r="91765" spans="1:7" x14ac:dyDescent="0.3">
      <c r="A91765" s="13" t="s">
        <v>458</v>
      </c>
      <c r="B91765" s="14" t="s">
        <v>1</v>
      </c>
      <c r="C91765" s="14" t="s">
        <v>109</v>
      </c>
      <c r="D91765" s="14" t="s">
        <v>459</v>
      </c>
      <c r="E91765" s="15">
        <v>45526</v>
      </c>
      <c r="F91765" s="14" t="s">
        <v>15</v>
      </c>
      <c r="G91765" s="16">
        <v>3.9756433037333588E-2</v>
      </c>
    </row>
    <row r="91766" spans="1:7" x14ac:dyDescent="0.3">
      <c r="A91766" s="13" t="s">
        <v>458</v>
      </c>
      <c r="B91766" s="14" t="s">
        <v>1</v>
      </c>
      <c r="C91766" s="14" t="s">
        <v>109</v>
      </c>
      <c r="D91766" s="14" t="s">
        <v>459</v>
      </c>
      <c r="E91766" s="15">
        <v>45527</v>
      </c>
      <c r="F91766" s="14" t="s">
        <v>15</v>
      </c>
      <c r="G91766" s="16">
        <v>6.3789418792550415E-2</v>
      </c>
    </row>
    <row r="91767" spans="1:7" x14ac:dyDescent="0.3">
      <c r="A91767" s="13" t="s">
        <v>458</v>
      </c>
      <c r="B91767" s="14" t="s">
        <v>1</v>
      </c>
      <c r="C91767" s="14" t="s">
        <v>109</v>
      </c>
      <c r="D91767" s="14" t="s">
        <v>459</v>
      </c>
      <c r="E91767" s="15">
        <v>45528</v>
      </c>
      <c r="F91767" s="14" t="s">
        <v>15</v>
      </c>
      <c r="G91767" s="16">
        <v>6.3789418792550415E-2</v>
      </c>
    </row>
    <row r="91768" spans="1:7" x14ac:dyDescent="0.3">
      <c r="A91768" s="13" t="s">
        <v>458</v>
      </c>
      <c r="B91768" s="14" t="s">
        <v>1</v>
      </c>
      <c r="C91768" s="14" t="s">
        <v>109</v>
      </c>
      <c r="D91768" s="14" t="s">
        <v>459</v>
      </c>
      <c r="E91768" s="15">
        <v>45529</v>
      </c>
      <c r="F91768" s="14" t="s">
        <v>15</v>
      </c>
      <c r="G91768" s="16">
        <v>6.3789418792550415E-2</v>
      </c>
    </row>
    <row r="91769" spans="1:7" x14ac:dyDescent="0.3">
      <c r="A91769" s="13" t="s">
        <v>458</v>
      </c>
      <c r="B91769" s="14" t="s">
        <v>1</v>
      </c>
      <c r="C91769" s="14" t="s">
        <v>109</v>
      </c>
      <c r="D91769" s="14" t="s">
        <v>459</v>
      </c>
      <c r="E91769" s="15">
        <v>45530</v>
      </c>
      <c r="F91769" s="14" t="s">
        <v>15</v>
      </c>
      <c r="G91769" s="16">
        <v>6.1637992282009141E-2</v>
      </c>
    </row>
    <row r="91770" spans="1:7" x14ac:dyDescent="0.3">
      <c r="A91770" s="13" t="s">
        <v>458</v>
      </c>
      <c r="B91770" s="14" t="s">
        <v>1</v>
      </c>
      <c r="C91770" s="14" t="s">
        <v>109</v>
      </c>
      <c r="D91770" s="14" t="s">
        <v>459</v>
      </c>
      <c r="E91770" s="15">
        <v>45531</v>
      </c>
      <c r="F91770" s="14" t="s">
        <v>15</v>
      </c>
      <c r="G91770" s="16">
        <v>5.5056838343869909E-2</v>
      </c>
    </row>
    <row r="91771" spans="1:7" x14ac:dyDescent="0.3">
      <c r="A91771" s="13" t="s">
        <v>458</v>
      </c>
      <c r="B91771" s="14" t="s">
        <v>1</v>
      </c>
      <c r="C91771" s="14" t="s">
        <v>109</v>
      </c>
      <c r="D91771" s="14" t="s">
        <v>459</v>
      </c>
      <c r="E91771" s="15">
        <v>45532</v>
      </c>
      <c r="F91771" s="14" t="s">
        <v>15</v>
      </c>
      <c r="G91771" s="16">
        <v>6.58198070633116E-2</v>
      </c>
    </row>
    <row r="91772" spans="1:7" x14ac:dyDescent="0.3">
      <c r="A91772" s="13" t="s">
        <v>458</v>
      </c>
      <c r="B91772" s="14" t="s">
        <v>1</v>
      </c>
      <c r="C91772" s="14" t="s">
        <v>109</v>
      </c>
      <c r="D91772" s="14" t="s">
        <v>459</v>
      </c>
      <c r="E91772" s="15">
        <v>45533</v>
      </c>
      <c r="F91772" s="14" t="s">
        <v>15</v>
      </c>
      <c r="G91772" s="16">
        <v>7.8236097758903195E-2</v>
      </c>
    </row>
    <row r="91773" spans="1:7" x14ac:dyDescent="0.3">
      <c r="A91773" s="13" t="s">
        <v>458</v>
      </c>
      <c r="B91773" s="14" t="s">
        <v>1</v>
      </c>
      <c r="C91773" s="14" t="s">
        <v>109</v>
      </c>
      <c r="D91773" s="14" t="s">
        <v>459</v>
      </c>
      <c r="E91773" s="15">
        <v>45534</v>
      </c>
      <c r="F91773" s="14" t="s">
        <v>15</v>
      </c>
      <c r="G91773" s="16">
        <v>7.611001196386448E-2</v>
      </c>
    </row>
    <row r="91774" spans="1:7" x14ac:dyDescent="0.3">
      <c r="A91774" s="13" t="s">
        <v>458</v>
      </c>
      <c r="B91774" s="14" t="s">
        <v>1</v>
      </c>
      <c r="C91774" s="14" t="s">
        <v>109</v>
      </c>
      <c r="D91774" s="14" t="s">
        <v>459</v>
      </c>
      <c r="E91774" s="15">
        <v>45535</v>
      </c>
      <c r="F91774" s="14" t="s">
        <v>15</v>
      </c>
      <c r="G91774" s="16">
        <v>7.611001196386448E-2</v>
      </c>
    </row>
    <row r="91775" spans="1:7" x14ac:dyDescent="0.3">
      <c r="A91775" s="13" t="s">
        <v>458</v>
      </c>
      <c r="B91775" s="14" t="s">
        <v>1</v>
      </c>
      <c r="C91775" s="14" t="s">
        <v>109</v>
      </c>
      <c r="D91775" s="14" t="s">
        <v>459</v>
      </c>
      <c r="E91775" s="15">
        <v>45536</v>
      </c>
      <c r="F91775" s="14" t="s">
        <v>15</v>
      </c>
      <c r="G91775" s="16">
        <v>7.611001196386448E-2</v>
      </c>
    </row>
    <row r="91776" spans="1:7" x14ac:dyDescent="0.3">
      <c r="A91776" s="13" t="s">
        <v>458</v>
      </c>
      <c r="B91776" s="14" t="s">
        <v>1</v>
      </c>
      <c r="C91776" s="14" t="s">
        <v>109</v>
      </c>
      <c r="D91776" s="14" t="s">
        <v>459</v>
      </c>
      <c r="E91776" s="15">
        <v>45537</v>
      </c>
      <c r="F91776" s="14" t="s">
        <v>15</v>
      </c>
      <c r="G91776" s="16">
        <v>7.3985416799149439E-2</v>
      </c>
    </row>
    <row r="91777" spans="1:7" x14ac:dyDescent="0.3">
      <c r="A91777" s="13" t="s">
        <v>458</v>
      </c>
      <c r="B91777" s="14" t="s">
        <v>1</v>
      </c>
      <c r="C91777" s="14" t="s">
        <v>109</v>
      </c>
      <c r="D91777" s="14" t="s">
        <v>459</v>
      </c>
      <c r="E91777" s="15">
        <v>45538</v>
      </c>
      <c r="F91777" s="14" t="s">
        <v>15</v>
      </c>
      <c r="G91777" s="16">
        <v>6.7532244121657564E-2</v>
      </c>
    </row>
    <row r="91778" spans="1:7" x14ac:dyDescent="0.3">
      <c r="A91778" s="13" t="s">
        <v>458</v>
      </c>
      <c r="B91778" s="14" t="s">
        <v>1</v>
      </c>
      <c r="C91778" s="14" t="s">
        <v>109</v>
      </c>
      <c r="D91778" s="14" t="s">
        <v>459</v>
      </c>
      <c r="E91778" s="15">
        <v>45539</v>
      </c>
      <c r="F91778" s="14" t="s">
        <v>15</v>
      </c>
      <c r="G91778" s="16">
        <v>6.6954497338543889E-2</v>
      </c>
    </row>
    <row r="91779" spans="1:7" x14ac:dyDescent="0.3">
      <c r="A91779" s="13" t="s">
        <v>458</v>
      </c>
      <c r="B91779" s="14" t="s">
        <v>1</v>
      </c>
      <c r="C91779" s="14" t="s">
        <v>109</v>
      </c>
      <c r="D91779" s="14" t="s">
        <v>459</v>
      </c>
      <c r="E91779" s="15">
        <v>45540</v>
      </c>
      <c r="F91779" s="14" t="s">
        <v>15</v>
      </c>
      <c r="G91779" s="16">
        <v>6.491124800006394E-2</v>
      </c>
    </row>
    <row r="91780" spans="1:7" x14ac:dyDescent="0.3">
      <c r="A91780" s="13" t="s">
        <v>458</v>
      </c>
      <c r="B91780" s="14" t="s">
        <v>1</v>
      </c>
      <c r="C91780" s="14" t="s">
        <v>109</v>
      </c>
      <c r="D91780" s="14" t="s">
        <v>459</v>
      </c>
      <c r="E91780" s="15">
        <v>45541</v>
      </c>
      <c r="F91780" s="14" t="s">
        <v>15</v>
      </c>
      <c r="G91780" s="16">
        <v>6.3302197980152977E-2</v>
      </c>
    </row>
    <row r="91781" spans="1:7" x14ac:dyDescent="0.3">
      <c r="A91781" s="13" t="s">
        <v>458</v>
      </c>
      <c r="B91781" s="14" t="s">
        <v>1</v>
      </c>
      <c r="C91781" s="14" t="s">
        <v>109</v>
      </c>
      <c r="D91781" s="14" t="s">
        <v>459</v>
      </c>
      <c r="E91781" s="15">
        <v>45542</v>
      </c>
      <c r="F91781" s="14" t="s">
        <v>15</v>
      </c>
      <c r="G91781" s="16">
        <v>6.3302197980152977E-2</v>
      </c>
    </row>
    <row r="91782" spans="1:7" x14ac:dyDescent="0.3">
      <c r="A91782" s="13" t="s">
        <v>458</v>
      </c>
      <c r="B91782" s="14" t="s">
        <v>1</v>
      </c>
      <c r="C91782" s="14" t="s">
        <v>109</v>
      </c>
      <c r="D91782" s="14" t="s">
        <v>459</v>
      </c>
      <c r="E91782" s="15">
        <v>45543</v>
      </c>
      <c r="F91782" s="14" t="s">
        <v>15</v>
      </c>
      <c r="G91782" s="16">
        <v>6.3302197980152977E-2</v>
      </c>
    </row>
    <row r="91783" spans="1:7" x14ac:dyDescent="0.3">
      <c r="A91783" s="13" t="s">
        <v>458</v>
      </c>
      <c r="B91783" s="14" t="s">
        <v>1</v>
      </c>
      <c r="C91783" s="14" t="s">
        <v>109</v>
      </c>
      <c r="D91783" s="14" t="s">
        <v>459</v>
      </c>
      <c r="E91783" s="15">
        <v>45544</v>
      </c>
      <c r="F91783" s="14" t="s">
        <v>15</v>
      </c>
      <c r="G91783" s="16">
        <v>6.6320277432132993E-2</v>
      </c>
    </row>
    <row r="91784" spans="1:7" x14ac:dyDescent="0.3">
      <c r="A91784" s="13" t="s">
        <v>458</v>
      </c>
      <c r="B91784" s="14" t="s">
        <v>1</v>
      </c>
      <c r="C91784" s="14" t="s">
        <v>109</v>
      </c>
      <c r="D91784" s="14" t="s">
        <v>459</v>
      </c>
      <c r="E91784" s="15">
        <v>45545</v>
      </c>
      <c r="F91784" s="14" t="s">
        <v>15</v>
      </c>
      <c r="G91784" s="16">
        <v>6.0376900325339586E-2</v>
      </c>
    </row>
    <row r="91785" spans="1:7" x14ac:dyDescent="0.3">
      <c r="A91785" s="13" t="s">
        <v>458</v>
      </c>
      <c r="B91785" s="14" t="s">
        <v>1</v>
      </c>
      <c r="C91785" s="14" t="s">
        <v>109</v>
      </c>
      <c r="D91785" s="14" t="s">
        <v>459</v>
      </c>
      <c r="E91785" s="15">
        <v>45546</v>
      </c>
      <c r="F91785" s="14" t="s">
        <v>15</v>
      </c>
      <c r="G91785" s="16">
        <v>5.7694170578001039E-2</v>
      </c>
    </row>
    <row r="91786" spans="1:7" x14ac:dyDescent="0.3">
      <c r="A91786" s="13" t="s">
        <v>458</v>
      </c>
      <c r="B91786" s="14" t="s">
        <v>1</v>
      </c>
      <c r="C91786" s="14" t="s">
        <v>109</v>
      </c>
      <c r="D91786" s="14" t="s">
        <v>459</v>
      </c>
      <c r="E91786" s="15">
        <v>45547</v>
      </c>
      <c r="F91786" s="14" t="s">
        <v>15</v>
      </c>
      <c r="G91786" s="16">
        <v>5.5705435719929954E-2</v>
      </c>
    </row>
    <row r="91787" spans="1:7" x14ac:dyDescent="0.3">
      <c r="A91787" s="13" t="s">
        <v>458</v>
      </c>
      <c r="B91787" s="14" t="s">
        <v>1</v>
      </c>
      <c r="C91787" s="14" t="s">
        <v>109</v>
      </c>
      <c r="D91787" s="14" t="s">
        <v>459</v>
      </c>
      <c r="E91787" s="15">
        <v>45548</v>
      </c>
      <c r="F91787" s="14" t="s">
        <v>15</v>
      </c>
      <c r="G91787" s="16">
        <v>5.4249707676168914E-2</v>
      </c>
    </row>
    <row r="91788" spans="1:7" x14ac:dyDescent="0.3">
      <c r="A91788" s="13" t="s">
        <v>458</v>
      </c>
      <c r="B91788" s="14" t="s">
        <v>1</v>
      </c>
      <c r="C91788" s="14" t="s">
        <v>109</v>
      </c>
      <c r="D91788" s="14" t="s">
        <v>459</v>
      </c>
      <c r="E91788" s="15">
        <v>45549</v>
      </c>
      <c r="F91788" s="14" t="s">
        <v>15</v>
      </c>
      <c r="G91788" s="16">
        <v>5.4249707676168914E-2</v>
      </c>
    </row>
    <row r="91789" spans="1:7" x14ac:dyDescent="0.3">
      <c r="A91789" s="13" t="s">
        <v>458</v>
      </c>
      <c r="B91789" s="14" t="s">
        <v>1</v>
      </c>
      <c r="C91789" s="14" t="s">
        <v>109</v>
      </c>
      <c r="D91789" s="14" t="s">
        <v>459</v>
      </c>
      <c r="E91789" s="15">
        <v>45550</v>
      </c>
      <c r="F91789" s="14" t="s">
        <v>15</v>
      </c>
      <c r="G91789" s="16">
        <v>5.4249707676168914E-2</v>
      </c>
    </row>
    <row r="91790" spans="1:7" x14ac:dyDescent="0.3">
      <c r="A91790" s="13" t="s">
        <v>458</v>
      </c>
      <c r="B91790" s="14" t="s">
        <v>1</v>
      </c>
      <c r="C91790" s="14" t="s">
        <v>109</v>
      </c>
      <c r="D91790" s="14" t="s">
        <v>459</v>
      </c>
      <c r="E91790" s="15">
        <v>45551</v>
      </c>
      <c r="F91790" s="14" t="s">
        <v>15</v>
      </c>
      <c r="G91790" s="16">
        <v>5.2543979632407874E-2</v>
      </c>
    </row>
    <row r="91791" spans="1:7" x14ac:dyDescent="0.3">
      <c r="A91791" s="13" t="s">
        <v>458</v>
      </c>
      <c r="B91791" s="14" t="s">
        <v>1</v>
      </c>
      <c r="C91791" s="14" t="s">
        <v>109</v>
      </c>
      <c r="D91791" s="14" t="s">
        <v>459</v>
      </c>
      <c r="E91791" s="15">
        <v>45552</v>
      </c>
      <c r="F91791" s="14" t="s">
        <v>15</v>
      </c>
      <c r="G91791" s="16">
        <v>4.6250730293927927E-2</v>
      </c>
    </row>
    <row r="91792" spans="1:7" x14ac:dyDescent="0.3">
      <c r="A91792" s="13" t="s">
        <v>458</v>
      </c>
      <c r="B91792" s="14" t="s">
        <v>1</v>
      </c>
      <c r="C91792" s="14" t="s">
        <v>109</v>
      </c>
      <c r="D91792" s="14" t="s">
        <v>459</v>
      </c>
      <c r="E91792" s="15">
        <v>45553</v>
      </c>
      <c r="F91792" s="14" t="s">
        <v>15</v>
      </c>
      <c r="G91792" s="16">
        <v>4.4406799524442875E-2</v>
      </c>
    </row>
    <row r="91793" spans="1:7" x14ac:dyDescent="0.3">
      <c r="A91793" s="13" t="s">
        <v>458</v>
      </c>
      <c r="B91793" s="14" t="s">
        <v>1</v>
      </c>
      <c r="C91793" s="14" t="s">
        <v>109</v>
      </c>
      <c r="D91793" s="14" t="s">
        <v>459</v>
      </c>
      <c r="E91793" s="15">
        <v>45554</v>
      </c>
      <c r="F91793" s="14" t="s">
        <v>15</v>
      </c>
      <c r="G91793" s="16">
        <v>4.23141464380924E-2</v>
      </c>
    </row>
    <row r="91794" spans="1:7" x14ac:dyDescent="0.3">
      <c r="A91794" s="13" t="s">
        <v>458</v>
      </c>
      <c r="B91794" s="14" t="s">
        <v>1</v>
      </c>
      <c r="C91794" s="14" t="s">
        <v>109</v>
      </c>
      <c r="D91794" s="14" t="s">
        <v>459</v>
      </c>
      <c r="E91794" s="15">
        <v>45555</v>
      </c>
      <c r="F91794" s="14" t="s">
        <v>15</v>
      </c>
      <c r="G91794" s="16">
        <v>4.0246195225677184E-2</v>
      </c>
    </row>
    <row r="91795" spans="1:7" x14ac:dyDescent="0.3">
      <c r="A91795" s="13" t="s">
        <v>458</v>
      </c>
      <c r="B91795" s="14" t="s">
        <v>1</v>
      </c>
      <c r="C91795" s="14" t="s">
        <v>109</v>
      </c>
      <c r="D91795" s="14" t="s">
        <v>459</v>
      </c>
      <c r="E91795" s="15">
        <v>45556</v>
      </c>
      <c r="F91795" s="14" t="s">
        <v>15</v>
      </c>
      <c r="G91795" s="16">
        <v>4.0246195225677184E-2</v>
      </c>
    </row>
    <row r="91796" spans="1:7" x14ac:dyDescent="0.3">
      <c r="A91796" s="13" t="s">
        <v>458</v>
      </c>
      <c r="B91796" s="14" t="s">
        <v>1</v>
      </c>
      <c r="C91796" s="14" t="s">
        <v>109</v>
      </c>
      <c r="D91796" s="14" t="s">
        <v>459</v>
      </c>
      <c r="E91796" s="15">
        <v>45557</v>
      </c>
      <c r="F91796" s="14" t="s">
        <v>15</v>
      </c>
      <c r="G91796" s="16">
        <v>4.0246195225677184E-2</v>
      </c>
    </row>
    <row r="91797" spans="1:7" x14ac:dyDescent="0.3">
      <c r="A91797" s="13" t="s">
        <v>458</v>
      </c>
      <c r="B91797" s="14" t="s">
        <v>1</v>
      </c>
      <c r="C91797" s="14" t="s">
        <v>109</v>
      </c>
      <c r="D91797" s="14" t="s">
        <v>459</v>
      </c>
      <c r="E91797" s="15">
        <v>45558</v>
      </c>
      <c r="F91797" s="14" t="s">
        <v>15</v>
      </c>
      <c r="G91797" s="16">
        <v>3.8126923740689572E-2</v>
      </c>
    </row>
    <row r="91798" spans="1:7" x14ac:dyDescent="0.3">
      <c r="A91798" s="13" t="s">
        <v>458</v>
      </c>
      <c r="B91798" s="14" t="s">
        <v>1</v>
      </c>
      <c r="C91798" s="14" t="s">
        <v>109</v>
      </c>
      <c r="D91798" s="14" t="s">
        <v>459</v>
      </c>
      <c r="E91798" s="15">
        <v>45559</v>
      </c>
      <c r="F91798" s="14" t="s">
        <v>15</v>
      </c>
      <c r="G91798" s="16">
        <v>3.1760846463538411E-2</v>
      </c>
    </row>
    <row r="91799" spans="1:7" x14ac:dyDescent="0.3">
      <c r="A91799" s="13" t="s">
        <v>458</v>
      </c>
      <c r="B91799" s="14" t="s">
        <v>1</v>
      </c>
      <c r="C91799" s="14" t="s">
        <v>109</v>
      </c>
      <c r="D91799" s="14" t="s">
        <v>459</v>
      </c>
      <c r="E91799" s="15">
        <v>45560</v>
      </c>
      <c r="F91799" s="14" t="s">
        <v>15</v>
      </c>
      <c r="G91799" s="16">
        <v>2.9638380770714342E-2</v>
      </c>
    </row>
    <row r="91800" spans="1:7" x14ac:dyDescent="0.3">
      <c r="A91800" s="13" t="s">
        <v>458</v>
      </c>
      <c r="B91800" s="14" t="s">
        <v>1</v>
      </c>
      <c r="C91800" s="14" t="s">
        <v>109</v>
      </c>
      <c r="D91800" s="14" t="s">
        <v>459</v>
      </c>
      <c r="E91800" s="15">
        <v>45561</v>
      </c>
      <c r="F91800" s="14" t="s">
        <v>15</v>
      </c>
      <c r="G91800" s="16">
        <v>2.7494194464602367E-2</v>
      </c>
    </row>
    <row r="91801" spans="1:7" x14ac:dyDescent="0.3">
      <c r="A91801" s="13" t="s">
        <v>458</v>
      </c>
      <c r="B91801" s="14" t="s">
        <v>1</v>
      </c>
      <c r="C91801" s="14" t="s">
        <v>109</v>
      </c>
      <c r="D91801" s="14" t="s">
        <v>459</v>
      </c>
      <c r="E91801" s="15">
        <v>45562</v>
      </c>
      <c r="F91801" s="14" t="s">
        <v>15</v>
      </c>
      <c r="G91801" s="16">
        <v>2.625588550090947E-2</v>
      </c>
    </row>
    <row r="91802" spans="1:7" x14ac:dyDescent="0.3">
      <c r="A91802" s="13" t="s">
        <v>458</v>
      </c>
      <c r="B91802" s="14" t="s">
        <v>1</v>
      </c>
      <c r="C91802" s="14" t="s">
        <v>109</v>
      </c>
      <c r="D91802" s="14" t="s">
        <v>459</v>
      </c>
      <c r="E91802" s="15">
        <v>45563</v>
      </c>
      <c r="F91802" s="14" t="s">
        <v>15</v>
      </c>
      <c r="G91802" s="16">
        <v>2.625588550090947E-2</v>
      </c>
    </row>
    <row r="91803" spans="1:7" x14ac:dyDescent="0.3">
      <c r="A91803" s="13" t="s">
        <v>458</v>
      </c>
      <c r="B91803" s="14" t="s">
        <v>1</v>
      </c>
      <c r="C91803" s="14" t="s">
        <v>109</v>
      </c>
      <c r="D91803" s="14" t="s">
        <v>459</v>
      </c>
      <c r="E91803" s="15">
        <v>45564</v>
      </c>
      <c r="F91803" s="14" t="s">
        <v>15</v>
      </c>
      <c r="G91803" s="16">
        <v>2.625588550090947E-2</v>
      </c>
    </row>
    <row r="91804" spans="1:7" x14ac:dyDescent="0.3">
      <c r="A91804" s="13" t="s">
        <v>458</v>
      </c>
      <c r="B91804" s="14" t="s">
        <v>1</v>
      </c>
      <c r="C91804" s="14" t="s">
        <v>109</v>
      </c>
      <c r="D91804" s="14" t="s">
        <v>459</v>
      </c>
      <c r="E91804" s="15">
        <v>45565</v>
      </c>
      <c r="F91804" s="14" t="s">
        <v>15</v>
      </c>
      <c r="G91804" s="16">
        <v>4.9069748598545362E-2</v>
      </c>
    </row>
    <row r="91805" spans="1:7" x14ac:dyDescent="0.3">
      <c r="A91805" s="13" t="s">
        <v>458</v>
      </c>
      <c r="B91805" s="14" t="s">
        <v>1</v>
      </c>
      <c r="C91805" s="14" t="s">
        <v>109</v>
      </c>
      <c r="D91805" s="14" t="s">
        <v>459</v>
      </c>
      <c r="E91805" s="15">
        <v>45566</v>
      </c>
      <c r="F91805" s="14" t="s">
        <v>15</v>
      </c>
      <c r="G91805" s="16">
        <v>4.4904267573523685E-2</v>
      </c>
    </row>
    <row r="91806" spans="1:7" x14ac:dyDescent="0.3">
      <c r="A91806" s="13" t="s">
        <v>458</v>
      </c>
      <c r="B91806" s="14" t="s">
        <v>1</v>
      </c>
      <c r="C91806" s="14" t="s">
        <v>109</v>
      </c>
      <c r="D91806" s="14" t="s">
        <v>459</v>
      </c>
      <c r="E91806" s="15">
        <v>45567</v>
      </c>
      <c r="F91806" s="14" t="s">
        <v>15</v>
      </c>
      <c r="G91806" s="16">
        <v>4.2941725219711534E-2</v>
      </c>
    </row>
    <row r="91807" spans="1:7" x14ac:dyDescent="0.3">
      <c r="A91807" s="13" t="s">
        <v>458</v>
      </c>
      <c r="B91807" s="14" t="s">
        <v>1</v>
      </c>
      <c r="C91807" s="14" t="s">
        <v>109</v>
      </c>
      <c r="D91807" s="14" t="s">
        <v>459</v>
      </c>
      <c r="E91807" s="15">
        <v>45568</v>
      </c>
      <c r="F91807" s="14" t="s">
        <v>15</v>
      </c>
      <c r="G91807" s="16">
        <v>4.0810528692134487E-2</v>
      </c>
    </row>
    <row r="91808" spans="1:7" x14ac:dyDescent="0.3">
      <c r="A91808" s="13" t="s">
        <v>458</v>
      </c>
      <c r="B91808" s="14" t="s">
        <v>1</v>
      </c>
      <c r="C91808" s="14" t="s">
        <v>109</v>
      </c>
      <c r="D91808" s="14" t="s">
        <v>459</v>
      </c>
      <c r="E91808" s="15">
        <v>45569</v>
      </c>
      <c r="F91808" s="14" t="s">
        <v>15</v>
      </c>
      <c r="G91808" s="16">
        <v>3.8673582590451817E-2</v>
      </c>
    </row>
    <row r="91809" spans="1:7" x14ac:dyDescent="0.3">
      <c r="A91809" s="13" t="s">
        <v>458</v>
      </c>
      <c r="B91809" s="14" t="s">
        <v>1</v>
      </c>
      <c r="C91809" s="14" t="s">
        <v>109</v>
      </c>
      <c r="D91809" s="14" t="s">
        <v>459</v>
      </c>
      <c r="E91809" s="15">
        <v>45570</v>
      </c>
      <c r="F91809" s="14" t="s">
        <v>15</v>
      </c>
      <c r="G91809" s="16">
        <v>3.8673582590451817E-2</v>
      </c>
    </row>
    <row r="91810" spans="1:7" x14ac:dyDescent="0.3">
      <c r="A91810" s="13" t="s">
        <v>458</v>
      </c>
      <c r="B91810" s="14" t="s">
        <v>1</v>
      </c>
      <c r="C91810" s="14" t="s">
        <v>109</v>
      </c>
      <c r="D91810" s="14" t="s">
        <v>459</v>
      </c>
      <c r="E91810" s="15">
        <v>45571</v>
      </c>
      <c r="F91810" s="14" t="s">
        <v>15</v>
      </c>
      <c r="G91810" s="16">
        <v>3.8673582590451817E-2</v>
      </c>
    </row>
    <row r="91811" spans="1:7" x14ac:dyDescent="0.3">
      <c r="A91811" s="13" t="s">
        <v>458</v>
      </c>
      <c r="B91811" s="14" t="s">
        <v>1</v>
      </c>
      <c r="C91811" s="14" t="s">
        <v>109</v>
      </c>
      <c r="D91811" s="14" t="s">
        <v>459</v>
      </c>
      <c r="E91811" s="15">
        <v>45572</v>
      </c>
      <c r="F91811" s="14" t="s">
        <v>15</v>
      </c>
      <c r="G91811" s="16">
        <v>4.0600733592687371E-2</v>
      </c>
    </row>
    <row r="91812" spans="1:7" x14ac:dyDescent="0.3">
      <c r="A91812" s="13" t="s">
        <v>458</v>
      </c>
      <c r="B91812" s="14" t="s">
        <v>1</v>
      </c>
      <c r="C91812" s="14" t="s">
        <v>109</v>
      </c>
      <c r="D91812" s="14" t="s">
        <v>459</v>
      </c>
      <c r="E91812" s="15">
        <v>45573</v>
      </c>
      <c r="F91812" s="14" t="s">
        <v>15</v>
      </c>
      <c r="G91812" s="16">
        <v>3.4062169092367561E-2</v>
      </c>
    </row>
    <row r="91813" spans="1:7" x14ac:dyDescent="0.3">
      <c r="A91813" s="13" t="s">
        <v>458</v>
      </c>
      <c r="B91813" s="14" t="s">
        <v>1</v>
      </c>
      <c r="C91813" s="14" t="s">
        <v>109</v>
      </c>
      <c r="D91813" s="14" t="s">
        <v>459</v>
      </c>
      <c r="E91813" s="15">
        <v>45574</v>
      </c>
      <c r="F91813" s="14" t="s">
        <v>15</v>
      </c>
      <c r="G91813" s="16">
        <v>3.1890299651672963E-2</v>
      </c>
    </row>
    <row r="91814" spans="1:7" x14ac:dyDescent="0.3">
      <c r="A91814" s="13" t="s">
        <v>458</v>
      </c>
      <c r="B91814" s="14" t="s">
        <v>1</v>
      </c>
      <c r="C91814" s="14" t="s">
        <v>109</v>
      </c>
      <c r="D91814" s="14" t="s">
        <v>459</v>
      </c>
      <c r="E91814" s="15">
        <v>45575</v>
      </c>
      <c r="F91814" s="14" t="s">
        <v>15</v>
      </c>
      <c r="G91814" s="16">
        <v>2.9698413175203237E-2</v>
      </c>
    </row>
    <row r="91815" spans="1:7" x14ac:dyDescent="0.3">
      <c r="A91815" s="13" t="s">
        <v>458</v>
      </c>
      <c r="B91815" s="14" t="s">
        <v>1</v>
      </c>
      <c r="C91815" s="14" t="s">
        <v>109</v>
      </c>
      <c r="D91815" s="14" t="s">
        <v>459</v>
      </c>
      <c r="E91815" s="15">
        <v>45576</v>
      </c>
      <c r="F91815" s="14" t="s">
        <v>15</v>
      </c>
      <c r="G91815" s="16">
        <v>2.7475223461936236E-2</v>
      </c>
    </row>
    <row r="91816" spans="1:7" x14ac:dyDescent="0.3">
      <c r="A91816" s="13" t="s">
        <v>458</v>
      </c>
      <c r="B91816" s="14" t="s">
        <v>1</v>
      </c>
      <c r="C91816" s="14" t="s">
        <v>109</v>
      </c>
      <c r="D91816" s="14" t="s">
        <v>459</v>
      </c>
      <c r="E91816" s="15">
        <v>45577</v>
      </c>
      <c r="F91816" s="14" t="s">
        <v>15</v>
      </c>
      <c r="G91816" s="16">
        <v>2.7475223461936236E-2</v>
      </c>
    </row>
    <row r="91817" spans="1:7" x14ac:dyDescent="0.3">
      <c r="A91817" s="13" t="s">
        <v>458</v>
      </c>
      <c r="B91817" s="14" t="s">
        <v>1</v>
      </c>
      <c r="C91817" s="14" t="s">
        <v>109</v>
      </c>
      <c r="D91817" s="14" t="s">
        <v>459</v>
      </c>
      <c r="E91817" s="15">
        <v>45578</v>
      </c>
      <c r="F91817" s="14" t="s">
        <v>15</v>
      </c>
      <c r="G91817" s="16">
        <v>2.7475223461936236E-2</v>
      </c>
    </row>
    <row r="91818" spans="1:7" x14ac:dyDescent="0.3">
      <c r="A91818" s="13" t="s">
        <v>458</v>
      </c>
      <c r="B91818" s="14" t="s">
        <v>1</v>
      </c>
      <c r="C91818" s="14" t="s">
        <v>109</v>
      </c>
      <c r="D91818" s="14" t="s">
        <v>459</v>
      </c>
      <c r="E91818" s="15">
        <v>45579</v>
      </c>
      <c r="F91818" s="14" t="s">
        <v>15</v>
      </c>
      <c r="G91818" s="16">
        <v>2.6090193884955436E-2</v>
      </c>
    </row>
    <row r="91819" spans="1:7" x14ac:dyDescent="0.3">
      <c r="A91819" s="13" t="s">
        <v>458</v>
      </c>
      <c r="B91819" s="14" t="s">
        <v>1</v>
      </c>
      <c r="C91819" s="14" t="s">
        <v>109</v>
      </c>
      <c r="D91819" s="14" t="s">
        <v>459</v>
      </c>
      <c r="E91819" s="15">
        <v>45580</v>
      </c>
      <c r="F91819" s="14" t="s">
        <v>15</v>
      </c>
      <c r="G91819" s="16">
        <v>1.9257549316492525E-2</v>
      </c>
    </row>
    <row r="91820" spans="1:7" x14ac:dyDescent="0.3">
      <c r="A91820" s="13" t="s">
        <v>458</v>
      </c>
      <c r="B91820" s="14" t="s">
        <v>1</v>
      </c>
      <c r="C91820" s="14" t="s">
        <v>109</v>
      </c>
      <c r="D91820" s="14" t="s">
        <v>459</v>
      </c>
      <c r="E91820" s="15">
        <v>45581</v>
      </c>
      <c r="F91820" s="14" t="s">
        <v>15</v>
      </c>
      <c r="G91820" s="16">
        <v>1.6972604918387365E-2</v>
      </c>
    </row>
    <row r="91821" spans="1:7" x14ac:dyDescent="0.3">
      <c r="A91821" s="13" t="s">
        <v>458</v>
      </c>
      <c r="B91821" s="14" t="s">
        <v>1</v>
      </c>
      <c r="C91821" s="14" t="s">
        <v>109</v>
      </c>
      <c r="D91821" s="14" t="s">
        <v>459</v>
      </c>
      <c r="E91821" s="15">
        <v>45582</v>
      </c>
      <c r="F91821" s="14" t="s">
        <v>15</v>
      </c>
      <c r="G91821" s="16">
        <v>1.4729611116534333E-2</v>
      </c>
    </row>
    <row r="91822" spans="1:7" x14ac:dyDescent="0.3">
      <c r="A91822" s="13" t="s">
        <v>458</v>
      </c>
      <c r="B91822" s="14" t="s">
        <v>1</v>
      </c>
      <c r="C91822" s="14" t="s">
        <v>109</v>
      </c>
      <c r="D91822" s="14" t="s">
        <v>459</v>
      </c>
      <c r="E91822" s="15">
        <v>45583</v>
      </c>
      <c r="F91822" s="14" t="s">
        <v>15</v>
      </c>
      <c r="G91822" s="16">
        <v>1.7107358370899359E-2</v>
      </c>
    </row>
    <row r="91823" spans="1:7" x14ac:dyDescent="0.3">
      <c r="A91823" s="13" t="s">
        <v>458</v>
      </c>
      <c r="B91823" s="14" t="s">
        <v>1</v>
      </c>
      <c r="C91823" s="14" t="s">
        <v>109</v>
      </c>
      <c r="D91823" s="14" t="s">
        <v>459</v>
      </c>
      <c r="E91823" s="15">
        <v>45584</v>
      </c>
      <c r="F91823" s="14" t="s">
        <v>15</v>
      </c>
      <c r="G91823" s="16">
        <v>1.7107358370899359E-2</v>
      </c>
    </row>
    <row r="91824" spans="1:7" x14ac:dyDescent="0.3">
      <c r="A91824" s="13" t="s">
        <v>458</v>
      </c>
      <c r="B91824" s="14" t="s">
        <v>1</v>
      </c>
      <c r="C91824" s="14" t="s">
        <v>109</v>
      </c>
      <c r="D91824" s="14" t="s">
        <v>459</v>
      </c>
      <c r="E91824" s="15">
        <v>45585</v>
      </c>
      <c r="F91824" s="14" t="s">
        <v>15</v>
      </c>
      <c r="G91824" s="16">
        <v>1.7107358370899359E-2</v>
      </c>
    </row>
    <row r="91825" spans="1:7" x14ac:dyDescent="0.3">
      <c r="A91825" s="13" t="s">
        <v>458</v>
      </c>
      <c r="B91825" s="14" t="s">
        <v>1</v>
      </c>
      <c r="C91825" s="14" t="s">
        <v>109</v>
      </c>
      <c r="D91825" s="14" t="s">
        <v>459</v>
      </c>
      <c r="E91825" s="15">
        <v>45586</v>
      </c>
      <c r="F91825" s="14" t="s">
        <v>15</v>
      </c>
      <c r="G91825" s="16">
        <v>1.4853078368024181E-2</v>
      </c>
    </row>
    <row r="91826" spans="1:7" x14ac:dyDescent="0.3">
      <c r="A91826" s="13" t="s">
        <v>458</v>
      </c>
      <c r="B91826" s="14" t="s">
        <v>1</v>
      </c>
      <c r="C91826" s="14" t="s">
        <v>109</v>
      </c>
      <c r="D91826" s="14" t="s">
        <v>459</v>
      </c>
      <c r="E91826" s="15">
        <v>45587</v>
      </c>
      <c r="F91826" s="14" t="s">
        <v>15</v>
      </c>
      <c r="G91826" s="16">
        <v>8.034914208419874E-3</v>
      </c>
    </row>
    <row r="91827" spans="1:7" x14ac:dyDescent="0.3">
      <c r="A91827" s="13" t="s">
        <v>458</v>
      </c>
      <c r="B91827" s="14" t="s">
        <v>1</v>
      </c>
      <c r="C91827" s="14" t="s">
        <v>109</v>
      </c>
      <c r="D91827" s="14" t="s">
        <v>459</v>
      </c>
      <c r="E91827" s="15">
        <v>45588</v>
      </c>
      <c r="F91827" s="14" t="s">
        <v>15</v>
      </c>
      <c r="G91827" s="16">
        <v>5.7625336944714415E-3</v>
      </c>
    </row>
    <row r="91828" spans="1:7" x14ac:dyDescent="0.3">
      <c r="A91828" s="13" t="s">
        <v>458</v>
      </c>
      <c r="B91828" s="14" t="s">
        <v>1</v>
      </c>
      <c r="C91828" s="14" t="s">
        <v>109</v>
      </c>
      <c r="D91828" s="14" t="s">
        <v>459</v>
      </c>
      <c r="E91828" s="15">
        <v>45589</v>
      </c>
      <c r="F91828" s="14" t="s">
        <v>15</v>
      </c>
      <c r="G91828" s="16">
        <v>3.5074019028398756E-3</v>
      </c>
    </row>
    <row r="91829" spans="1:7" x14ac:dyDescent="0.3">
      <c r="A91829" s="13" t="s">
        <v>458</v>
      </c>
      <c r="B91829" s="14" t="s">
        <v>1</v>
      </c>
      <c r="C91829" s="14" t="s">
        <v>109</v>
      </c>
      <c r="D91829" s="14" t="s">
        <v>459</v>
      </c>
      <c r="E91829" s="15">
        <v>45590</v>
      </c>
      <c r="F91829" s="14" t="s">
        <v>15</v>
      </c>
      <c r="G91829" s="16">
        <v>1.2801264049446988E-3</v>
      </c>
    </row>
    <row r="91830" spans="1:7" x14ac:dyDescent="0.3">
      <c r="A91830" s="13" t="s">
        <v>458</v>
      </c>
      <c r="B91830" s="14" t="s">
        <v>1</v>
      </c>
      <c r="C91830" s="14" t="s">
        <v>109</v>
      </c>
      <c r="D91830" s="14" t="s">
        <v>459</v>
      </c>
      <c r="E91830" s="15">
        <v>45591</v>
      </c>
      <c r="F91830" s="14" t="s">
        <v>15</v>
      </c>
      <c r="G91830" s="16">
        <v>1.2801264049446988E-3</v>
      </c>
    </row>
    <row r="91831" spans="1:7" x14ac:dyDescent="0.3">
      <c r="A91831" s="13" t="s">
        <v>458</v>
      </c>
      <c r="B91831" s="14" t="s">
        <v>1</v>
      </c>
      <c r="C91831" s="14" t="s">
        <v>109</v>
      </c>
      <c r="D91831" s="14" t="s">
        <v>459</v>
      </c>
      <c r="E91831" s="15">
        <v>45592</v>
      </c>
      <c r="F91831" s="14" t="s">
        <v>15</v>
      </c>
      <c r="G91831" s="16">
        <v>1.2801264049446988E-3</v>
      </c>
    </row>
    <row r="91832" spans="1:7" x14ac:dyDescent="0.3">
      <c r="A91832" s="13" t="s">
        <v>458</v>
      </c>
      <c r="B91832" s="14" t="s">
        <v>1</v>
      </c>
      <c r="C91832" s="14" t="s">
        <v>109</v>
      </c>
      <c r="D91832" s="14" t="s">
        <v>459</v>
      </c>
      <c r="E91832" s="15">
        <v>45593</v>
      </c>
      <c r="F91832" s="14" t="s">
        <v>15</v>
      </c>
      <c r="G91832" s="16">
        <v>1.2801264049446988E-3</v>
      </c>
    </row>
    <row r="91833" spans="1:7" x14ac:dyDescent="0.3">
      <c r="A91833" s="13" t="s">
        <v>458</v>
      </c>
      <c r="B91833" s="14" t="s">
        <v>1</v>
      </c>
      <c r="C91833" s="14" t="s">
        <v>109</v>
      </c>
      <c r="D91833" s="14" t="s">
        <v>459</v>
      </c>
      <c r="E91833" s="15">
        <v>45594</v>
      </c>
      <c r="F91833" s="14" t="s">
        <v>15</v>
      </c>
      <c r="G91833" s="16">
        <v>0</v>
      </c>
    </row>
    <row r="91834" spans="1:7" x14ac:dyDescent="0.3">
      <c r="A91834" s="13" t="s">
        <v>458</v>
      </c>
      <c r="B91834" s="14" t="s">
        <v>1</v>
      </c>
      <c r="C91834" s="14" t="s">
        <v>109</v>
      </c>
      <c r="D91834" s="14" t="s">
        <v>459</v>
      </c>
      <c r="E91834" s="15">
        <v>45595</v>
      </c>
      <c r="F91834" s="14" t="s">
        <v>15</v>
      </c>
      <c r="G91834" s="16">
        <v>0</v>
      </c>
    </row>
    <row r="91835" spans="1:7" x14ac:dyDescent="0.3">
      <c r="A91835" s="13" t="s">
        <v>458</v>
      </c>
      <c r="B91835" s="14" t="s">
        <v>1</v>
      </c>
      <c r="C91835" s="14" t="s">
        <v>109</v>
      </c>
      <c r="D91835" s="14" t="s">
        <v>459</v>
      </c>
      <c r="E91835" s="15">
        <v>45596</v>
      </c>
      <c r="F91835" s="14" t="s">
        <v>15</v>
      </c>
      <c r="G91835" s="16">
        <v>0</v>
      </c>
    </row>
    <row r="91836" spans="1:7" x14ac:dyDescent="0.3">
      <c r="A91836" s="13" t="s">
        <v>458</v>
      </c>
      <c r="B91836" s="14" t="s">
        <v>1</v>
      </c>
      <c r="C91836" s="14" t="s">
        <v>109</v>
      </c>
      <c r="D91836" s="14" t="s">
        <v>459</v>
      </c>
      <c r="E91836" s="15">
        <v>45597</v>
      </c>
      <c r="F91836" s="14" t="s">
        <v>15</v>
      </c>
      <c r="G91836" s="16">
        <v>0</v>
      </c>
    </row>
    <row r="91837" spans="1:7" x14ac:dyDescent="0.3">
      <c r="A91837" s="13" t="s">
        <v>458</v>
      </c>
      <c r="B91837" s="14" t="s">
        <v>1</v>
      </c>
      <c r="C91837" s="14" t="s">
        <v>109</v>
      </c>
      <c r="D91837" s="14" t="s">
        <v>459</v>
      </c>
      <c r="E91837" s="15">
        <v>45598</v>
      </c>
      <c r="F91837" s="14" t="s">
        <v>15</v>
      </c>
      <c r="G91837" s="16">
        <v>0</v>
      </c>
    </row>
    <row r="91838" spans="1:7" x14ac:dyDescent="0.3">
      <c r="A91838" s="13" t="s">
        <v>458</v>
      </c>
      <c r="B91838" s="14" t="s">
        <v>1</v>
      </c>
      <c r="C91838" s="14" t="s">
        <v>109</v>
      </c>
      <c r="D91838" s="14" t="s">
        <v>459</v>
      </c>
      <c r="E91838" s="15">
        <v>45599</v>
      </c>
      <c r="F91838" s="14" t="s">
        <v>15</v>
      </c>
      <c r="G91838" s="16">
        <v>0</v>
      </c>
    </row>
    <row r="91839" spans="1:7" x14ac:dyDescent="0.3">
      <c r="A91839" s="13" t="s">
        <v>458</v>
      </c>
      <c r="B91839" s="14" t="s">
        <v>1</v>
      </c>
      <c r="C91839" s="14" t="s">
        <v>109</v>
      </c>
      <c r="D91839" s="14" t="s">
        <v>459</v>
      </c>
      <c r="E91839" s="15">
        <v>45600</v>
      </c>
      <c r="F91839" s="14" t="s">
        <v>15</v>
      </c>
      <c r="G91839" s="16">
        <v>0</v>
      </c>
    </row>
    <row r="91840" spans="1:7" x14ac:dyDescent="0.3">
      <c r="A91840" s="13" t="s">
        <v>458</v>
      </c>
      <c r="B91840" s="14" t="s">
        <v>1</v>
      </c>
      <c r="C91840" s="14" t="s">
        <v>109</v>
      </c>
      <c r="D91840" s="14" t="s">
        <v>459</v>
      </c>
      <c r="E91840" s="15">
        <v>45601</v>
      </c>
      <c r="F91840" s="14" t="s">
        <v>15</v>
      </c>
      <c r="G91840" s="16">
        <v>0</v>
      </c>
    </row>
    <row r="91841" spans="1:7" x14ac:dyDescent="0.3">
      <c r="A91841" s="13" t="s">
        <v>458</v>
      </c>
      <c r="B91841" s="14" t="s">
        <v>1</v>
      </c>
      <c r="C91841" s="14" t="s">
        <v>109</v>
      </c>
      <c r="D91841" s="14" t="s">
        <v>459</v>
      </c>
      <c r="E91841" s="15">
        <v>45602</v>
      </c>
      <c r="F91841" s="14" t="s">
        <v>15</v>
      </c>
      <c r="G91841" s="16">
        <v>0</v>
      </c>
    </row>
    <row r="91842" spans="1:7" x14ac:dyDescent="0.3">
      <c r="A91842" s="13" t="s">
        <v>458</v>
      </c>
      <c r="B91842" s="14" t="s">
        <v>1</v>
      </c>
      <c r="C91842" s="14" t="s">
        <v>109</v>
      </c>
      <c r="D91842" s="14" t="s">
        <v>459</v>
      </c>
      <c r="E91842" s="15">
        <v>45603</v>
      </c>
      <c r="F91842" s="14" t="s">
        <v>15</v>
      </c>
      <c r="G91842" s="16">
        <v>0</v>
      </c>
    </row>
    <row r="91843" spans="1:7" x14ac:dyDescent="0.3">
      <c r="A91843" s="13" t="s">
        <v>458</v>
      </c>
      <c r="B91843" s="14" t="s">
        <v>1</v>
      </c>
      <c r="C91843" s="14" t="s">
        <v>109</v>
      </c>
      <c r="D91843" s="14" t="s">
        <v>459</v>
      </c>
      <c r="E91843" s="15">
        <v>45604</v>
      </c>
      <c r="F91843" s="14" t="s">
        <v>15</v>
      </c>
      <c r="G91843" s="16">
        <v>0</v>
      </c>
    </row>
    <row r="91844" spans="1:7" x14ac:dyDescent="0.3">
      <c r="A91844" s="13" t="s">
        <v>458</v>
      </c>
      <c r="B91844" s="14" t="s">
        <v>1</v>
      </c>
      <c r="C91844" s="14" t="s">
        <v>109</v>
      </c>
      <c r="D91844" s="14" t="s">
        <v>459</v>
      </c>
      <c r="E91844" s="15">
        <v>45605</v>
      </c>
      <c r="F91844" s="14" t="s">
        <v>15</v>
      </c>
      <c r="G91844" s="16">
        <v>0</v>
      </c>
    </row>
    <row r="91845" spans="1:7" x14ac:dyDescent="0.3">
      <c r="A91845" s="13" t="s">
        <v>458</v>
      </c>
      <c r="B91845" s="14" t="s">
        <v>1</v>
      </c>
      <c r="C91845" s="14" t="s">
        <v>109</v>
      </c>
      <c r="D91845" s="14" t="s">
        <v>459</v>
      </c>
      <c r="E91845" s="15">
        <v>45606</v>
      </c>
      <c r="F91845" s="14" t="s">
        <v>15</v>
      </c>
      <c r="G91845" s="16">
        <v>0</v>
      </c>
    </row>
    <row r="91846" spans="1:7" x14ac:dyDescent="0.3">
      <c r="A91846" s="13" t="s">
        <v>458</v>
      </c>
      <c r="B91846" s="14" t="s">
        <v>1</v>
      </c>
      <c r="C91846" s="14" t="s">
        <v>109</v>
      </c>
      <c r="D91846" s="14" t="s">
        <v>459</v>
      </c>
      <c r="E91846" s="15">
        <v>45607</v>
      </c>
      <c r="F91846" s="14" t="s">
        <v>15</v>
      </c>
      <c r="G91846" s="16">
        <v>0</v>
      </c>
    </row>
    <row r="91847" spans="1:7" x14ac:dyDescent="0.3">
      <c r="A91847" s="13" t="s">
        <v>458</v>
      </c>
      <c r="B91847" s="14" t="s">
        <v>1</v>
      </c>
      <c r="C91847" s="14" t="s">
        <v>109</v>
      </c>
      <c r="D91847" s="14" t="s">
        <v>459</v>
      </c>
      <c r="E91847" s="15">
        <v>45608</v>
      </c>
      <c r="F91847" s="14" t="s">
        <v>15</v>
      </c>
      <c r="G91847" s="16">
        <v>0</v>
      </c>
    </row>
    <row r="91848" spans="1:7" x14ac:dyDescent="0.3">
      <c r="A91848" s="13" t="s">
        <v>458</v>
      </c>
      <c r="B91848" s="14" t="s">
        <v>1</v>
      </c>
      <c r="C91848" s="14" t="s">
        <v>109</v>
      </c>
      <c r="D91848" s="14" t="s">
        <v>459</v>
      </c>
      <c r="E91848" s="15">
        <v>45609</v>
      </c>
      <c r="F91848" s="14" t="s">
        <v>15</v>
      </c>
      <c r="G91848" s="16">
        <v>0</v>
      </c>
    </row>
    <row r="91849" spans="1:7" x14ac:dyDescent="0.3">
      <c r="A91849" s="13" t="s">
        <v>458</v>
      </c>
      <c r="B91849" s="14" t="s">
        <v>1</v>
      </c>
      <c r="C91849" s="14" t="s">
        <v>109</v>
      </c>
      <c r="D91849" s="14" t="s">
        <v>459</v>
      </c>
      <c r="E91849" s="15">
        <v>45610</v>
      </c>
      <c r="F91849" s="14" t="s">
        <v>15</v>
      </c>
      <c r="G91849" s="16">
        <v>0</v>
      </c>
    </row>
    <row r="91850" spans="1:7" x14ac:dyDescent="0.3">
      <c r="A91850" s="13" t="s">
        <v>458</v>
      </c>
      <c r="B91850" s="14" t="s">
        <v>1</v>
      </c>
      <c r="C91850" s="14" t="s">
        <v>109</v>
      </c>
      <c r="D91850" s="14" t="s">
        <v>459</v>
      </c>
      <c r="E91850" s="15">
        <v>45611</v>
      </c>
      <c r="F91850" s="14" t="s">
        <v>15</v>
      </c>
      <c r="G91850" s="16">
        <v>0</v>
      </c>
    </row>
    <row r="91851" spans="1:7" x14ac:dyDescent="0.3">
      <c r="A91851" s="13" t="s">
        <v>458</v>
      </c>
      <c r="B91851" s="14" t="s">
        <v>1</v>
      </c>
      <c r="C91851" s="14" t="s">
        <v>109</v>
      </c>
      <c r="D91851" s="14" t="s">
        <v>459</v>
      </c>
      <c r="E91851" s="15">
        <v>45612</v>
      </c>
      <c r="F91851" s="14" t="s">
        <v>15</v>
      </c>
      <c r="G91851" s="16">
        <v>0</v>
      </c>
    </row>
    <row r="91852" spans="1:7" x14ac:dyDescent="0.3">
      <c r="A91852" s="13" t="s">
        <v>458</v>
      </c>
      <c r="B91852" s="14" t="s">
        <v>1</v>
      </c>
      <c r="C91852" s="14" t="s">
        <v>109</v>
      </c>
      <c r="D91852" s="14" t="s">
        <v>459</v>
      </c>
      <c r="E91852" s="15">
        <v>45613</v>
      </c>
      <c r="F91852" s="14" t="s">
        <v>15</v>
      </c>
      <c r="G91852" s="16">
        <v>0</v>
      </c>
    </row>
    <row r="91853" spans="1:7" x14ac:dyDescent="0.3">
      <c r="A91853" s="13" t="s">
        <v>458</v>
      </c>
      <c r="B91853" s="14" t="s">
        <v>1</v>
      </c>
      <c r="C91853" s="14" t="s">
        <v>109</v>
      </c>
      <c r="D91853" s="14" t="s">
        <v>459</v>
      </c>
      <c r="E91853" s="15">
        <v>45614</v>
      </c>
      <c r="F91853" s="14" t="s">
        <v>15</v>
      </c>
      <c r="G91853" s="16">
        <v>0</v>
      </c>
    </row>
    <row r="91854" spans="1:7" x14ac:dyDescent="0.3">
      <c r="A91854" s="13" t="s">
        <v>458</v>
      </c>
      <c r="B91854" s="14" t="s">
        <v>1</v>
      </c>
      <c r="C91854" s="14" t="s">
        <v>109</v>
      </c>
      <c r="D91854" s="14" t="s">
        <v>459</v>
      </c>
      <c r="E91854" s="15">
        <v>45615</v>
      </c>
      <c r="F91854" s="14" t="s">
        <v>15</v>
      </c>
      <c r="G91854" s="16">
        <v>0</v>
      </c>
    </row>
    <row r="91855" spans="1:7" x14ac:dyDescent="0.3">
      <c r="A91855" s="13" t="s">
        <v>458</v>
      </c>
      <c r="B91855" s="14" t="s">
        <v>1</v>
      </c>
      <c r="C91855" s="14" t="s">
        <v>109</v>
      </c>
      <c r="D91855" s="14" t="s">
        <v>459</v>
      </c>
      <c r="E91855" s="15">
        <v>45616</v>
      </c>
      <c r="F91855" s="14" t="s">
        <v>15</v>
      </c>
      <c r="G91855" s="16">
        <v>0</v>
      </c>
    </row>
    <row r="91856" spans="1:7" x14ac:dyDescent="0.3">
      <c r="A91856" s="13" t="s">
        <v>458</v>
      </c>
      <c r="B91856" s="14" t="s">
        <v>1</v>
      </c>
      <c r="C91856" s="14" t="s">
        <v>109</v>
      </c>
      <c r="D91856" s="14" t="s">
        <v>459</v>
      </c>
      <c r="E91856" s="15">
        <v>45617</v>
      </c>
      <c r="F91856" s="14" t="s">
        <v>15</v>
      </c>
      <c r="G91856" s="16">
        <v>0</v>
      </c>
    </row>
    <row r="91857" spans="1:7" x14ac:dyDescent="0.3">
      <c r="A91857" s="13" t="s">
        <v>458</v>
      </c>
      <c r="B91857" s="14" t="s">
        <v>1</v>
      </c>
      <c r="C91857" s="14" t="s">
        <v>109</v>
      </c>
      <c r="D91857" s="14" t="s">
        <v>459</v>
      </c>
      <c r="E91857" s="15">
        <v>45618</v>
      </c>
      <c r="F91857" s="14" t="s">
        <v>15</v>
      </c>
      <c r="G91857" s="16">
        <v>0</v>
      </c>
    </row>
    <row r="91858" spans="1:7" x14ac:dyDescent="0.3">
      <c r="A91858" s="13" t="s">
        <v>458</v>
      </c>
      <c r="B91858" s="14" t="s">
        <v>1</v>
      </c>
      <c r="C91858" s="14" t="s">
        <v>109</v>
      </c>
      <c r="D91858" s="14" t="s">
        <v>459</v>
      </c>
      <c r="E91858" s="15">
        <v>45619</v>
      </c>
      <c r="F91858" s="14" t="s">
        <v>15</v>
      </c>
      <c r="G91858" s="16">
        <v>0</v>
      </c>
    </row>
    <row r="91859" spans="1:7" x14ac:dyDescent="0.3">
      <c r="A91859" s="13" t="s">
        <v>458</v>
      </c>
      <c r="B91859" s="14" t="s">
        <v>1</v>
      </c>
      <c r="C91859" s="14" t="s">
        <v>109</v>
      </c>
      <c r="D91859" s="14" t="s">
        <v>459</v>
      </c>
      <c r="E91859" s="15">
        <v>45620</v>
      </c>
      <c r="F91859" s="14" t="s">
        <v>15</v>
      </c>
      <c r="G91859" s="16">
        <v>0</v>
      </c>
    </row>
    <row r="91860" spans="1:7" x14ac:dyDescent="0.3">
      <c r="A91860" s="13" t="s">
        <v>458</v>
      </c>
      <c r="B91860" s="14" t="s">
        <v>1</v>
      </c>
      <c r="C91860" s="14" t="s">
        <v>109</v>
      </c>
      <c r="D91860" s="14" t="s">
        <v>459</v>
      </c>
      <c r="E91860" s="15">
        <v>45621</v>
      </c>
      <c r="F91860" s="14" t="s">
        <v>15</v>
      </c>
      <c r="G91860" s="16">
        <v>0</v>
      </c>
    </row>
    <row r="91861" spans="1:7" x14ac:dyDescent="0.3">
      <c r="A91861" s="13" t="s">
        <v>458</v>
      </c>
      <c r="B91861" s="14" t="s">
        <v>1</v>
      </c>
      <c r="C91861" s="14" t="s">
        <v>109</v>
      </c>
      <c r="D91861" s="14" t="s">
        <v>459</v>
      </c>
      <c r="E91861" s="15">
        <v>45622</v>
      </c>
      <c r="F91861" s="14" t="s">
        <v>15</v>
      </c>
      <c r="G91861" s="16">
        <v>0</v>
      </c>
    </row>
    <row r="91862" spans="1:7" x14ac:dyDescent="0.3">
      <c r="A91862" s="13" t="s">
        <v>458</v>
      </c>
      <c r="B91862" s="14" t="s">
        <v>1</v>
      </c>
      <c r="C91862" s="14" t="s">
        <v>109</v>
      </c>
      <c r="D91862" s="14" t="s">
        <v>459</v>
      </c>
      <c r="E91862" s="15">
        <v>45623</v>
      </c>
      <c r="F91862" s="14" t="s">
        <v>15</v>
      </c>
      <c r="G91862" s="16">
        <v>0</v>
      </c>
    </row>
    <row r="91863" spans="1:7" x14ac:dyDescent="0.3">
      <c r="A91863" s="13" t="s">
        <v>458</v>
      </c>
      <c r="B91863" s="14" t="s">
        <v>1</v>
      </c>
      <c r="C91863" s="14" t="s">
        <v>109</v>
      </c>
      <c r="D91863" s="14" t="s">
        <v>459</v>
      </c>
      <c r="E91863" s="15">
        <v>45624</v>
      </c>
      <c r="F91863" s="14" t="s">
        <v>15</v>
      </c>
      <c r="G91863" s="16">
        <v>0</v>
      </c>
    </row>
    <row r="91864" spans="1:7" x14ac:dyDescent="0.3">
      <c r="A91864" s="13" t="s">
        <v>458</v>
      </c>
      <c r="B91864" s="14" t="s">
        <v>1</v>
      </c>
      <c r="C91864" s="14" t="s">
        <v>109</v>
      </c>
      <c r="D91864" s="14" t="s">
        <v>459</v>
      </c>
      <c r="E91864" s="15">
        <v>45625</v>
      </c>
      <c r="F91864" s="14" t="s">
        <v>15</v>
      </c>
      <c r="G91864" s="16">
        <v>0</v>
      </c>
    </row>
    <row r="91865" spans="1:7" x14ac:dyDescent="0.3">
      <c r="A91865" s="13" t="s">
        <v>458</v>
      </c>
      <c r="B91865" s="14" t="s">
        <v>1</v>
      </c>
      <c r="C91865" s="14" t="s">
        <v>109</v>
      </c>
      <c r="D91865" s="14" t="s">
        <v>459</v>
      </c>
      <c r="E91865" s="15">
        <v>45626</v>
      </c>
      <c r="F91865" s="14" t="s">
        <v>15</v>
      </c>
      <c r="G91865" s="16">
        <v>0</v>
      </c>
    </row>
    <row r="91866" spans="1:7" x14ac:dyDescent="0.3">
      <c r="A91866" s="13" t="s">
        <v>458</v>
      </c>
      <c r="B91866" s="14" t="s">
        <v>1</v>
      </c>
      <c r="C91866" s="14" t="s">
        <v>109</v>
      </c>
      <c r="D91866" s="14" t="s">
        <v>459</v>
      </c>
      <c r="E91866" s="15">
        <v>45627</v>
      </c>
      <c r="F91866" s="14" t="s">
        <v>15</v>
      </c>
      <c r="G91866" s="16">
        <v>0</v>
      </c>
    </row>
    <row r="91867" spans="1:7" x14ac:dyDescent="0.3">
      <c r="A91867" s="13" t="s">
        <v>458</v>
      </c>
      <c r="B91867" s="14" t="s">
        <v>1</v>
      </c>
      <c r="C91867" s="14" t="s">
        <v>109</v>
      </c>
      <c r="D91867" s="14" t="s">
        <v>459</v>
      </c>
      <c r="E91867" s="15">
        <v>45628</v>
      </c>
      <c r="F91867" s="14" t="s">
        <v>15</v>
      </c>
      <c r="G91867" s="16">
        <v>0</v>
      </c>
    </row>
    <row r="91868" spans="1:7" x14ac:dyDescent="0.3">
      <c r="A91868" s="13" t="s">
        <v>458</v>
      </c>
      <c r="B91868" s="14" t="s">
        <v>1</v>
      </c>
      <c r="C91868" s="14" t="s">
        <v>109</v>
      </c>
      <c r="D91868" s="14" t="s">
        <v>459</v>
      </c>
      <c r="E91868" s="15">
        <v>45629</v>
      </c>
      <c r="F91868" s="14" t="s">
        <v>15</v>
      </c>
      <c r="G91868" s="16">
        <v>0</v>
      </c>
    </row>
    <row r="91869" spans="1:7" x14ac:dyDescent="0.3">
      <c r="A91869" s="13" t="s">
        <v>458</v>
      </c>
      <c r="B91869" s="14" t="s">
        <v>1</v>
      </c>
      <c r="C91869" s="14" t="s">
        <v>109</v>
      </c>
      <c r="D91869" s="14" t="s">
        <v>459</v>
      </c>
      <c r="E91869" s="15">
        <v>45630</v>
      </c>
      <c r="F91869" s="14" t="s">
        <v>15</v>
      </c>
      <c r="G91869" s="16">
        <v>0</v>
      </c>
    </row>
    <row r="91870" spans="1:7" x14ac:dyDescent="0.3">
      <c r="A91870" s="13" t="s">
        <v>458</v>
      </c>
      <c r="B91870" s="14" t="s">
        <v>1</v>
      </c>
      <c r="C91870" s="14" t="s">
        <v>109</v>
      </c>
      <c r="D91870" s="14" t="s">
        <v>459</v>
      </c>
      <c r="E91870" s="15">
        <v>45631</v>
      </c>
      <c r="F91870" s="14" t="s">
        <v>15</v>
      </c>
      <c r="G91870" s="16">
        <v>0</v>
      </c>
    </row>
    <row r="91871" spans="1:7" x14ac:dyDescent="0.3">
      <c r="A91871" s="13" t="s">
        <v>458</v>
      </c>
      <c r="B91871" s="14" t="s">
        <v>1</v>
      </c>
      <c r="C91871" s="14" t="s">
        <v>109</v>
      </c>
      <c r="D91871" s="14" t="s">
        <v>459</v>
      </c>
      <c r="E91871" s="15">
        <v>45632</v>
      </c>
      <c r="F91871" s="14" t="s">
        <v>15</v>
      </c>
      <c r="G91871" s="16">
        <v>0</v>
      </c>
    </row>
    <row r="91872" spans="1:7" x14ac:dyDescent="0.3">
      <c r="A91872" s="13" t="s">
        <v>458</v>
      </c>
      <c r="B91872" s="14" t="s">
        <v>1</v>
      </c>
      <c r="C91872" s="14" t="s">
        <v>109</v>
      </c>
      <c r="D91872" s="14" t="s">
        <v>459</v>
      </c>
      <c r="E91872" s="15">
        <v>45633</v>
      </c>
      <c r="F91872" s="14" t="s">
        <v>15</v>
      </c>
      <c r="G91872" s="16">
        <v>0</v>
      </c>
    </row>
    <row r="91873" spans="1:7" x14ac:dyDescent="0.3">
      <c r="A91873" s="13" t="s">
        <v>458</v>
      </c>
      <c r="B91873" s="14" t="s">
        <v>1</v>
      </c>
      <c r="C91873" s="14" t="s">
        <v>109</v>
      </c>
      <c r="D91873" s="14" t="s">
        <v>459</v>
      </c>
      <c r="E91873" s="15">
        <v>45634</v>
      </c>
      <c r="F91873" s="14" t="s">
        <v>15</v>
      </c>
      <c r="G91873" s="16">
        <v>0</v>
      </c>
    </row>
    <row r="91874" spans="1:7" x14ac:dyDescent="0.3">
      <c r="A91874" s="13" t="s">
        <v>458</v>
      </c>
      <c r="B91874" s="14" t="s">
        <v>1</v>
      </c>
      <c r="C91874" s="14" t="s">
        <v>109</v>
      </c>
      <c r="D91874" s="14" t="s">
        <v>459</v>
      </c>
      <c r="E91874" s="15">
        <v>45635</v>
      </c>
      <c r="F91874" s="14" t="s">
        <v>15</v>
      </c>
      <c r="G91874" s="16">
        <v>0</v>
      </c>
    </row>
    <row r="91875" spans="1:7" x14ac:dyDescent="0.3">
      <c r="A91875" s="13" t="s">
        <v>458</v>
      </c>
      <c r="B91875" s="14" t="s">
        <v>1</v>
      </c>
      <c r="C91875" s="14" t="s">
        <v>109</v>
      </c>
      <c r="D91875" s="14" t="s">
        <v>459</v>
      </c>
      <c r="E91875" s="15">
        <v>45636</v>
      </c>
      <c r="F91875" s="14" t="s">
        <v>15</v>
      </c>
      <c r="G91875" s="16">
        <v>0</v>
      </c>
    </row>
    <row r="91876" spans="1:7" x14ac:dyDescent="0.3">
      <c r="A91876" s="13" t="s">
        <v>458</v>
      </c>
      <c r="B91876" s="14" t="s">
        <v>1</v>
      </c>
      <c r="C91876" s="14" t="s">
        <v>109</v>
      </c>
      <c r="D91876" s="14" t="s">
        <v>459</v>
      </c>
      <c r="E91876" s="15">
        <v>45637</v>
      </c>
      <c r="F91876" s="14" t="s">
        <v>15</v>
      </c>
      <c r="G91876" s="16">
        <v>0</v>
      </c>
    </row>
    <row r="91877" spans="1:7" x14ac:dyDescent="0.3">
      <c r="A91877" s="13" t="s">
        <v>458</v>
      </c>
      <c r="B91877" s="14" t="s">
        <v>1</v>
      </c>
      <c r="C91877" s="14" t="s">
        <v>109</v>
      </c>
      <c r="D91877" s="14" t="s">
        <v>459</v>
      </c>
      <c r="E91877" s="15">
        <v>45638</v>
      </c>
      <c r="F91877" s="14" t="s">
        <v>15</v>
      </c>
      <c r="G91877" s="16">
        <v>0</v>
      </c>
    </row>
    <row r="91878" spans="1:7" x14ac:dyDescent="0.3">
      <c r="A91878" s="13" t="s">
        <v>458</v>
      </c>
      <c r="B91878" s="14" t="s">
        <v>1</v>
      </c>
      <c r="C91878" s="14" t="s">
        <v>109</v>
      </c>
      <c r="D91878" s="14" t="s">
        <v>459</v>
      </c>
      <c r="E91878" s="15">
        <v>45639</v>
      </c>
      <c r="F91878" s="14" t="s">
        <v>15</v>
      </c>
      <c r="G91878" s="16">
        <v>0</v>
      </c>
    </row>
    <row r="91879" spans="1:7" x14ac:dyDescent="0.3">
      <c r="A91879" s="13" t="s">
        <v>458</v>
      </c>
      <c r="B91879" s="14" t="s">
        <v>1</v>
      </c>
      <c r="C91879" s="14" t="s">
        <v>109</v>
      </c>
      <c r="D91879" s="14" t="s">
        <v>459</v>
      </c>
      <c r="E91879" s="15">
        <v>45640</v>
      </c>
      <c r="F91879" s="14" t="s">
        <v>15</v>
      </c>
      <c r="G91879" s="16">
        <v>0</v>
      </c>
    </row>
    <row r="91880" spans="1:7" x14ac:dyDescent="0.3">
      <c r="A91880" s="13" t="s">
        <v>458</v>
      </c>
      <c r="B91880" s="14" t="s">
        <v>1</v>
      </c>
      <c r="C91880" s="14" t="s">
        <v>109</v>
      </c>
      <c r="D91880" s="14" t="s">
        <v>459</v>
      </c>
      <c r="E91880" s="15">
        <v>45641</v>
      </c>
      <c r="F91880" s="14" t="s">
        <v>15</v>
      </c>
      <c r="G91880" s="16">
        <v>0</v>
      </c>
    </row>
    <row r="91881" spans="1:7" x14ac:dyDescent="0.3">
      <c r="A91881" s="13" t="s">
        <v>458</v>
      </c>
      <c r="B91881" s="14" t="s">
        <v>1</v>
      </c>
      <c r="C91881" s="14" t="s">
        <v>109</v>
      </c>
      <c r="D91881" s="14" t="s">
        <v>459</v>
      </c>
      <c r="E91881" s="15">
        <v>45642</v>
      </c>
      <c r="F91881" s="14" t="s">
        <v>15</v>
      </c>
      <c r="G91881" s="16">
        <v>0</v>
      </c>
    </row>
    <row r="91882" spans="1:7" x14ac:dyDescent="0.3">
      <c r="A91882" s="13" t="s">
        <v>458</v>
      </c>
      <c r="B91882" s="14" t="s">
        <v>1</v>
      </c>
      <c r="C91882" s="14" t="s">
        <v>109</v>
      </c>
      <c r="D91882" s="14" t="s">
        <v>459</v>
      </c>
      <c r="E91882" s="15">
        <v>45643</v>
      </c>
      <c r="F91882" s="14" t="s">
        <v>15</v>
      </c>
      <c r="G91882" s="16">
        <v>0</v>
      </c>
    </row>
    <row r="91883" spans="1:7" x14ac:dyDescent="0.3">
      <c r="A91883" s="13" t="s">
        <v>458</v>
      </c>
      <c r="B91883" s="14" t="s">
        <v>1</v>
      </c>
      <c r="C91883" s="14" t="s">
        <v>109</v>
      </c>
      <c r="D91883" s="14" t="s">
        <v>459</v>
      </c>
      <c r="E91883" s="15">
        <v>45644</v>
      </c>
      <c r="F91883" s="14" t="s">
        <v>15</v>
      </c>
      <c r="G91883" s="16">
        <v>0</v>
      </c>
    </row>
    <row r="91884" spans="1:7" x14ac:dyDescent="0.3">
      <c r="A91884" s="13" t="s">
        <v>458</v>
      </c>
      <c r="B91884" s="14" t="s">
        <v>1</v>
      </c>
      <c r="C91884" s="14" t="s">
        <v>109</v>
      </c>
      <c r="D91884" s="14" t="s">
        <v>459</v>
      </c>
      <c r="E91884" s="15">
        <v>45645</v>
      </c>
      <c r="F91884" s="14" t="s">
        <v>15</v>
      </c>
      <c r="G91884" s="16">
        <v>0</v>
      </c>
    </row>
    <row r="91885" spans="1:7" x14ac:dyDescent="0.3">
      <c r="A91885" s="13" t="s">
        <v>458</v>
      </c>
      <c r="B91885" s="14" t="s">
        <v>1</v>
      </c>
      <c r="C91885" s="14" t="s">
        <v>109</v>
      </c>
      <c r="D91885" s="14" t="s">
        <v>459</v>
      </c>
      <c r="E91885" s="15">
        <v>45646</v>
      </c>
      <c r="F91885" s="14" t="s">
        <v>15</v>
      </c>
      <c r="G91885" s="16">
        <v>0</v>
      </c>
    </row>
    <row r="91886" spans="1:7" x14ac:dyDescent="0.3">
      <c r="A91886" s="13" t="s">
        <v>458</v>
      </c>
      <c r="B91886" s="14" t="s">
        <v>1</v>
      </c>
      <c r="C91886" s="14" t="s">
        <v>109</v>
      </c>
      <c r="D91886" s="14" t="s">
        <v>459</v>
      </c>
      <c r="E91886" s="15">
        <v>45647</v>
      </c>
      <c r="F91886" s="14" t="s">
        <v>15</v>
      </c>
      <c r="G91886" s="16">
        <v>0</v>
      </c>
    </row>
    <row r="91887" spans="1:7" x14ac:dyDescent="0.3">
      <c r="A91887" s="13" t="s">
        <v>458</v>
      </c>
      <c r="B91887" s="14" t="s">
        <v>1</v>
      </c>
      <c r="C91887" s="14" t="s">
        <v>109</v>
      </c>
      <c r="D91887" s="14" t="s">
        <v>459</v>
      </c>
      <c r="E91887" s="15">
        <v>45648</v>
      </c>
      <c r="F91887" s="14" t="s">
        <v>15</v>
      </c>
      <c r="G91887" s="16">
        <v>0</v>
      </c>
    </row>
    <row r="91888" spans="1:7" x14ac:dyDescent="0.3">
      <c r="A91888" s="13" t="s">
        <v>458</v>
      </c>
      <c r="B91888" s="14" t="s">
        <v>1</v>
      </c>
      <c r="C91888" s="14" t="s">
        <v>109</v>
      </c>
      <c r="D91888" s="14" t="s">
        <v>459</v>
      </c>
      <c r="E91888" s="15">
        <v>45649</v>
      </c>
      <c r="F91888" s="14" t="s">
        <v>15</v>
      </c>
      <c r="G91888" s="16">
        <v>0</v>
      </c>
    </row>
    <row r="91889" spans="1:7" x14ac:dyDescent="0.3">
      <c r="A91889" s="13" t="s">
        <v>458</v>
      </c>
      <c r="B91889" s="14" t="s">
        <v>1</v>
      </c>
      <c r="C91889" s="14" t="s">
        <v>109</v>
      </c>
      <c r="D91889" s="14" t="s">
        <v>459</v>
      </c>
      <c r="E91889" s="15">
        <v>45650</v>
      </c>
      <c r="F91889" s="14" t="s">
        <v>15</v>
      </c>
      <c r="G91889" s="16">
        <v>0</v>
      </c>
    </row>
    <row r="91890" spans="1:7" x14ac:dyDescent="0.3">
      <c r="A91890" s="13" t="s">
        <v>458</v>
      </c>
      <c r="B91890" s="14" t="s">
        <v>1</v>
      </c>
      <c r="C91890" s="14" t="s">
        <v>109</v>
      </c>
      <c r="D91890" s="14" t="s">
        <v>459</v>
      </c>
      <c r="E91890" s="15">
        <v>45651</v>
      </c>
      <c r="F91890" s="14" t="s">
        <v>15</v>
      </c>
      <c r="G91890" s="16">
        <v>0</v>
      </c>
    </row>
    <row r="91891" spans="1:7" x14ac:dyDescent="0.3">
      <c r="A91891" s="13" t="s">
        <v>458</v>
      </c>
      <c r="B91891" s="14" t="s">
        <v>1</v>
      </c>
      <c r="C91891" s="14" t="s">
        <v>109</v>
      </c>
      <c r="D91891" s="14" t="s">
        <v>459</v>
      </c>
      <c r="E91891" s="15">
        <v>45652</v>
      </c>
      <c r="F91891" s="14" t="s">
        <v>15</v>
      </c>
      <c r="G91891" s="16">
        <v>0</v>
      </c>
    </row>
    <row r="91892" spans="1:7" x14ac:dyDescent="0.3">
      <c r="A91892" s="13" t="s">
        <v>458</v>
      </c>
      <c r="B91892" s="14" t="s">
        <v>1</v>
      </c>
      <c r="C91892" s="14" t="s">
        <v>109</v>
      </c>
      <c r="D91892" s="14" t="s">
        <v>459</v>
      </c>
      <c r="E91892" s="15">
        <v>45653</v>
      </c>
      <c r="F91892" s="14" t="s">
        <v>15</v>
      </c>
      <c r="G91892" s="16">
        <v>0</v>
      </c>
    </row>
    <row r="91893" spans="1:7" x14ac:dyDescent="0.3">
      <c r="A91893" s="13" t="s">
        <v>458</v>
      </c>
      <c r="B91893" s="14" t="s">
        <v>1</v>
      </c>
      <c r="C91893" s="14" t="s">
        <v>109</v>
      </c>
      <c r="D91893" s="14" t="s">
        <v>459</v>
      </c>
      <c r="E91893" s="15">
        <v>45654</v>
      </c>
      <c r="F91893" s="14" t="s">
        <v>15</v>
      </c>
      <c r="G91893" s="16">
        <v>0</v>
      </c>
    </row>
    <row r="91894" spans="1:7" x14ac:dyDescent="0.3">
      <c r="A91894" s="13" t="s">
        <v>458</v>
      </c>
      <c r="B91894" s="14" t="s">
        <v>1</v>
      </c>
      <c r="C91894" s="14" t="s">
        <v>109</v>
      </c>
      <c r="D91894" s="14" t="s">
        <v>459</v>
      </c>
      <c r="E91894" s="15">
        <v>45655</v>
      </c>
      <c r="F91894" s="14" t="s">
        <v>15</v>
      </c>
      <c r="G91894" s="16">
        <v>0</v>
      </c>
    </row>
    <row r="91895" spans="1:7" x14ac:dyDescent="0.3">
      <c r="A91895" s="13" t="s">
        <v>458</v>
      </c>
      <c r="B91895" s="14" t="s">
        <v>1</v>
      </c>
      <c r="C91895" s="14" t="s">
        <v>109</v>
      </c>
      <c r="D91895" s="14" t="s">
        <v>459</v>
      </c>
      <c r="E91895" s="15">
        <v>45656</v>
      </c>
      <c r="F91895" s="14" t="s">
        <v>15</v>
      </c>
      <c r="G91895" s="16">
        <v>0</v>
      </c>
    </row>
    <row r="91896" spans="1:7" x14ac:dyDescent="0.3">
      <c r="A91896" s="13" t="s">
        <v>458</v>
      </c>
      <c r="B91896" s="14" t="s">
        <v>1</v>
      </c>
      <c r="C91896" s="14" t="s">
        <v>109</v>
      </c>
      <c r="D91896" s="14" t="s">
        <v>459</v>
      </c>
      <c r="E91896" s="15">
        <v>45657</v>
      </c>
      <c r="F91896" s="14" t="s">
        <v>15</v>
      </c>
      <c r="G91896" s="16">
        <v>0</v>
      </c>
    </row>
    <row r="91897" spans="1:7" x14ac:dyDescent="0.3">
      <c r="A91897" s="13" t="s">
        <v>458</v>
      </c>
      <c r="B91897" s="14" t="s">
        <v>1</v>
      </c>
      <c r="C91897" s="14" t="s">
        <v>109</v>
      </c>
      <c r="D91897" s="14" t="s">
        <v>459</v>
      </c>
      <c r="E91897" s="15">
        <v>45658</v>
      </c>
      <c r="F91897" s="14" t="s">
        <v>15</v>
      </c>
      <c r="G91897" s="16">
        <v>0</v>
      </c>
    </row>
    <row r="91898" spans="1:7" x14ac:dyDescent="0.3">
      <c r="A91898" s="13" t="s">
        <v>458</v>
      </c>
      <c r="B91898" s="14" t="s">
        <v>1</v>
      </c>
      <c r="C91898" s="14" t="s">
        <v>109</v>
      </c>
      <c r="D91898" s="14" t="s">
        <v>459</v>
      </c>
      <c r="E91898" s="15">
        <v>45659</v>
      </c>
      <c r="F91898" s="14" t="s">
        <v>15</v>
      </c>
      <c r="G91898" s="16">
        <v>0</v>
      </c>
    </row>
    <row r="91899" spans="1:7" x14ac:dyDescent="0.3">
      <c r="A91899" s="13" t="s">
        <v>458</v>
      </c>
      <c r="B91899" s="14" t="s">
        <v>1</v>
      </c>
      <c r="C91899" s="14" t="s">
        <v>109</v>
      </c>
      <c r="D91899" s="14" t="s">
        <v>459</v>
      </c>
      <c r="E91899" s="15">
        <v>45660</v>
      </c>
      <c r="F91899" s="14" t="s">
        <v>15</v>
      </c>
      <c r="G91899" s="16">
        <v>0</v>
      </c>
    </row>
    <row r="91900" spans="1:7" x14ac:dyDescent="0.3">
      <c r="A91900" s="13" t="s">
        <v>458</v>
      </c>
      <c r="B91900" s="14" t="s">
        <v>1</v>
      </c>
      <c r="C91900" s="14" t="s">
        <v>109</v>
      </c>
      <c r="D91900" s="14" t="s">
        <v>459</v>
      </c>
      <c r="E91900" s="15">
        <v>45661</v>
      </c>
      <c r="F91900" s="14" t="s">
        <v>15</v>
      </c>
      <c r="G91900" s="16">
        <v>0</v>
      </c>
    </row>
    <row r="91901" spans="1:7" x14ac:dyDescent="0.3">
      <c r="A91901" s="13" t="s">
        <v>458</v>
      </c>
      <c r="B91901" s="14" t="s">
        <v>1</v>
      </c>
      <c r="C91901" s="14" t="s">
        <v>109</v>
      </c>
      <c r="D91901" s="14" t="s">
        <v>459</v>
      </c>
      <c r="E91901" s="15">
        <v>45662</v>
      </c>
      <c r="F91901" s="14" t="s">
        <v>15</v>
      </c>
      <c r="G91901" s="16">
        <v>0</v>
      </c>
    </row>
    <row r="91902" spans="1:7" x14ac:dyDescent="0.3">
      <c r="A91902" s="13" t="s">
        <v>458</v>
      </c>
      <c r="B91902" s="14" t="s">
        <v>1</v>
      </c>
      <c r="C91902" s="14" t="s">
        <v>109</v>
      </c>
      <c r="D91902" s="14" t="s">
        <v>459</v>
      </c>
      <c r="E91902" s="15">
        <v>45663</v>
      </c>
      <c r="F91902" s="14" t="s">
        <v>15</v>
      </c>
      <c r="G91902" s="16">
        <v>0</v>
      </c>
    </row>
    <row r="91903" spans="1:7" x14ac:dyDescent="0.3">
      <c r="A91903" s="13" t="s">
        <v>458</v>
      </c>
      <c r="B91903" s="14" t="s">
        <v>1</v>
      </c>
      <c r="C91903" s="14" t="s">
        <v>109</v>
      </c>
      <c r="D91903" s="14" t="s">
        <v>459</v>
      </c>
      <c r="E91903" s="15">
        <v>45664</v>
      </c>
      <c r="F91903" s="14" t="s">
        <v>15</v>
      </c>
      <c r="G91903" s="16">
        <v>0</v>
      </c>
    </row>
    <row r="91904" spans="1:7" x14ac:dyDescent="0.3">
      <c r="A91904" s="13" t="s">
        <v>458</v>
      </c>
      <c r="B91904" s="14" t="s">
        <v>1</v>
      </c>
      <c r="C91904" s="14" t="s">
        <v>109</v>
      </c>
      <c r="D91904" s="14" t="s">
        <v>459</v>
      </c>
      <c r="E91904" s="15">
        <v>45665</v>
      </c>
      <c r="F91904" s="14" t="s">
        <v>15</v>
      </c>
      <c r="G91904" s="16">
        <v>0</v>
      </c>
    </row>
    <row r="91905" spans="1:7" x14ac:dyDescent="0.3">
      <c r="A91905" s="13" t="s">
        <v>458</v>
      </c>
      <c r="B91905" s="14" t="s">
        <v>1</v>
      </c>
      <c r="C91905" s="14" t="s">
        <v>109</v>
      </c>
      <c r="D91905" s="14" t="s">
        <v>459</v>
      </c>
      <c r="E91905" s="15">
        <v>45666</v>
      </c>
      <c r="F91905" s="14" t="s">
        <v>15</v>
      </c>
      <c r="G91905" s="16">
        <v>0</v>
      </c>
    </row>
    <row r="91906" spans="1:7" x14ac:dyDescent="0.3">
      <c r="A91906" s="13" t="s">
        <v>458</v>
      </c>
      <c r="B91906" s="14" t="s">
        <v>1</v>
      </c>
      <c r="C91906" s="14" t="s">
        <v>109</v>
      </c>
      <c r="D91906" s="14" t="s">
        <v>459</v>
      </c>
      <c r="E91906" s="15">
        <v>45667</v>
      </c>
      <c r="F91906" s="14" t="s">
        <v>15</v>
      </c>
      <c r="G91906" s="16">
        <v>0</v>
      </c>
    </row>
    <row r="91907" spans="1:7" x14ac:dyDescent="0.3">
      <c r="A91907" s="13" t="s">
        <v>458</v>
      </c>
      <c r="B91907" s="14" t="s">
        <v>1</v>
      </c>
      <c r="C91907" s="14" t="s">
        <v>109</v>
      </c>
      <c r="D91907" s="14" t="s">
        <v>459</v>
      </c>
      <c r="E91907" s="15">
        <v>45668</v>
      </c>
      <c r="F91907" s="14" t="s">
        <v>15</v>
      </c>
      <c r="G91907" s="16">
        <v>0</v>
      </c>
    </row>
    <row r="91908" spans="1:7" x14ac:dyDescent="0.3">
      <c r="A91908" s="13" t="s">
        <v>458</v>
      </c>
      <c r="B91908" s="14" t="s">
        <v>1</v>
      </c>
      <c r="C91908" s="14" t="s">
        <v>109</v>
      </c>
      <c r="D91908" s="14" t="s">
        <v>459</v>
      </c>
      <c r="E91908" s="15">
        <v>45669</v>
      </c>
      <c r="F91908" s="14" t="s">
        <v>15</v>
      </c>
      <c r="G91908" s="16">
        <v>0</v>
      </c>
    </row>
    <row r="91909" spans="1:7" x14ac:dyDescent="0.3">
      <c r="A91909" s="13" t="s">
        <v>458</v>
      </c>
      <c r="B91909" s="14" t="s">
        <v>1</v>
      </c>
      <c r="C91909" s="14" t="s">
        <v>109</v>
      </c>
      <c r="D91909" s="14" t="s">
        <v>459</v>
      </c>
      <c r="E91909" s="15">
        <v>45670</v>
      </c>
      <c r="F91909" s="14" t="s">
        <v>15</v>
      </c>
      <c r="G91909" s="16">
        <v>0</v>
      </c>
    </row>
    <row r="91910" spans="1:7" x14ac:dyDescent="0.3">
      <c r="A91910" s="13" t="s">
        <v>458</v>
      </c>
      <c r="B91910" s="14" t="s">
        <v>1</v>
      </c>
      <c r="C91910" s="14" t="s">
        <v>109</v>
      </c>
      <c r="D91910" s="14" t="s">
        <v>459</v>
      </c>
      <c r="E91910" s="15">
        <v>45671</v>
      </c>
      <c r="F91910" s="14" t="s">
        <v>15</v>
      </c>
      <c r="G91910" s="16">
        <v>0</v>
      </c>
    </row>
    <row r="91911" spans="1:7" x14ac:dyDescent="0.3">
      <c r="A91911" s="13" t="s">
        <v>458</v>
      </c>
      <c r="B91911" s="14" t="s">
        <v>1</v>
      </c>
      <c r="C91911" s="14" t="s">
        <v>109</v>
      </c>
      <c r="D91911" s="14" t="s">
        <v>459</v>
      </c>
      <c r="E91911" s="15">
        <v>45672</v>
      </c>
      <c r="F91911" s="14" t="s">
        <v>15</v>
      </c>
      <c r="G91911" s="16">
        <v>0</v>
      </c>
    </row>
    <row r="91912" spans="1:7" x14ac:dyDescent="0.3">
      <c r="A91912" s="13" t="s">
        <v>458</v>
      </c>
      <c r="B91912" s="14" t="s">
        <v>1</v>
      </c>
      <c r="C91912" s="14" t="s">
        <v>109</v>
      </c>
      <c r="D91912" s="14" t="s">
        <v>459</v>
      </c>
      <c r="E91912" s="15">
        <v>45673</v>
      </c>
      <c r="F91912" s="14" t="s">
        <v>15</v>
      </c>
      <c r="G91912" s="16">
        <v>0</v>
      </c>
    </row>
    <row r="91913" spans="1:7" x14ac:dyDescent="0.3">
      <c r="A91913" s="13" t="s">
        <v>458</v>
      </c>
      <c r="B91913" s="14" t="s">
        <v>1</v>
      </c>
      <c r="C91913" s="14" t="s">
        <v>109</v>
      </c>
      <c r="D91913" s="14" t="s">
        <v>459</v>
      </c>
      <c r="E91913" s="15">
        <v>45674</v>
      </c>
      <c r="F91913" s="14" t="s">
        <v>15</v>
      </c>
      <c r="G91913" s="16">
        <v>0</v>
      </c>
    </row>
    <row r="91914" spans="1:7" x14ac:dyDescent="0.3">
      <c r="A91914" s="13" t="s">
        <v>458</v>
      </c>
      <c r="B91914" s="14" t="s">
        <v>1</v>
      </c>
      <c r="C91914" s="14" t="s">
        <v>109</v>
      </c>
      <c r="D91914" s="14" t="s">
        <v>459</v>
      </c>
      <c r="E91914" s="15">
        <v>45675</v>
      </c>
      <c r="F91914" s="14" t="s">
        <v>15</v>
      </c>
      <c r="G91914" s="16">
        <v>0</v>
      </c>
    </row>
    <row r="91915" spans="1:7" x14ac:dyDescent="0.3">
      <c r="A91915" s="13" t="s">
        <v>458</v>
      </c>
      <c r="B91915" s="14" t="s">
        <v>1</v>
      </c>
      <c r="C91915" s="14" t="s">
        <v>109</v>
      </c>
      <c r="D91915" s="14" t="s">
        <v>459</v>
      </c>
      <c r="E91915" s="15">
        <v>45676</v>
      </c>
      <c r="F91915" s="14" t="s">
        <v>15</v>
      </c>
      <c r="G91915" s="16">
        <v>0</v>
      </c>
    </row>
    <row r="91916" spans="1:7" x14ac:dyDescent="0.3">
      <c r="A91916" s="13" t="s">
        <v>458</v>
      </c>
      <c r="B91916" s="14" t="s">
        <v>1</v>
      </c>
      <c r="C91916" s="14" t="s">
        <v>109</v>
      </c>
      <c r="D91916" s="14" t="s">
        <v>459</v>
      </c>
      <c r="E91916" s="15">
        <v>45677</v>
      </c>
      <c r="F91916" s="14" t="s">
        <v>15</v>
      </c>
      <c r="G91916" s="16">
        <v>0</v>
      </c>
    </row>
    <row r="91917" spans="1:7" x14ac:dyDescent="0.3">
      <c r="A91917" s="13" t="s">
        <v>458</v>
      </c>
      <c r="B91917" s="14" t="s">
        <v>1</v>
      </c>
      <c r="C91917" s="14" t="s">
        <v>109</v>
      </c>
      <c r="D91917" s="14" t="s">
        <v>459</v>
      </c>
      <c r="E91917" s="15">
        <v>45678</v>
      </c>
      <c r="F91917" s="14" t="s">
        <v>15</v>
      </c>
      <c r="G91917" s="16">
        <v>0</v>
      </c>
    </row>
    <row r="91918" spans="1:7" x14ac:dyDescent="0.3">
      <c r="A91918" s="13" t="s">
        <v>458</v>
      </c>
      <c r="B91918" s="14" t="s">
        <v>1</v>
      </c>
      <c r="C91918" s="14" t="s">
        <v>109</v>
      </c>
      <c r="D91918" s="14" t="s">
        <v>459</v>
      </c>
      <c r="E91918" s="15">
        <v>45679</v>
      </c>
      <c r="F91918" s="14" t="s">
        <v>15</v>
      </c>
      <c r="G91918" s="16">
        <v>0</v>
      </c>
    </row>
    <row r="91919" spans="1:7" x14ac:dyDescent="0.3">
      <c r="A91919" s="13" t="s">
        <v>458</v>
      </c>
      <c r="B91919" s="14" t="s">
        <v>1</v>
      </c>
      <c r="C91919" s="14" t="s">
        <v>109</v>
      </c>
      <c r="D91919" s="14" t="s">
        <v>459</v>
      </c>
      <c r="E91919" s="15">
        <v>45680</v>
      </c>
      <c r="F91919" s="14" t="s">
        <v>15</v>
      </c>
      <c r="G91919" s="16">
        <v>0</v>
      </c>
    </row>
    <row r="91920" spans="1:7" x14ac:dyDescent="0.3">
      <c r="A91920" s="13" t="s">
        <v>458</v>
      </c>
      <c r="B91920" s="14" t="s">
        <v>1</v>
      </c>
      <c r="C91920" s="14" t="s">
        <v>109</v>
      </c>
      <c r="D91920" s="14" t="s">
        <v>459</v>
      </c>
      <c r="E91920" s="15">
        <v>45681</v>
      </c>
      <c r="F91920" s="14" t="s">
        <v>15</v>
      </c>
      <c r="G91920" s="16">
        <v>0</v>
      </c>
    </row>
    <row r="91921" spans="1:7" x14ac:dyDescent="0.3">
      <c r="A91921" s="13" t="s">
        <v>458</v>
      </c>
      <c r="B91921" s="14" t="s">
        <v>1</v>
      </c>
      <c r="C91921" s="14" t="s">
        <v>109</v>
      </c>
      <c r="D91921" s="14" t="s">
        <v>459</v>
      </c>
      <c r="E91921" s="15">
        <v>45682</v>
      </c>
      <c r="F91921" s="14" t="s">
        <v>15</v>
      </c>
      <c r="G91921" s="16">
        <v>0</v>
      </c>
    </row>
    <row r="91922" spans="1:7" x14ac:dyDescent="0.3">
      <c r="A91922" s="13" t="s">
        <v>458</v>
      </c>
      <c r="B91922" s="14" t="s">
        <v>1</v>
      </c>
      <c r="C91922" s="14" t="s">
        <v>109</v>
      </c>
      <c r="D91922" s="14" t="s">
        <v>459</v>
      </c>
      <c r="E91922" s="15">
        <v>45683</v>
      </c>
      <c r="F91922" s="14" t="s">
        <v>15</v>
      </c>
      <c r="G91922" s="16">
        <v>0</v>
      </c>
    </row>
    <row r="91923" spans="1:7" x14ac:dyDescent="0.3">
      <c r="A91923" s="13" t="s">
        <v>458</v>
      </c>
      <c r="B91923" s="14" t="s">
        <v>1</v>
      </c>
      <c r="C91923" s="14" t="s">
        <v>109</v>
      </c>
      <c r="D91923" s="14" t="s">
        <v>459</v>
      </c>
      <c r="E91923" s="15">
        <v>45684</v>
      </c>
      <c r="F91923" s="14" t="s">
        <v>15</v>
      </c>
      <c r="G91923" s="16">
        <v>0</v>
      </c>
    </row>
    <row r="91924" spans="1:7" x14ac:dyDescent="0.3">
      <c r="A91924" s="13" t="s">
        <v>458</v>
      </c>
      <c r="B91924" s="14" t="s">
        <v>1</v>
      </c>
      <c r="C91924" s="14" t="s">
        <v>109</v>
      </c>
      <c r="D91924" s="14" t="s">
        <v>459</v>
      </c>
      <c r="E91924" s="15">
        <v>45685</v>
      </c>
      <c r="F91924" s="14" t="s">
        <v>15</v>
      </c>
      <c r="G91924" s="16">
        <v>0</v>
      </c>
    </row>
    <row r="91925" spans="1:7" x14ac:dyDescent="0.3">
      <c r="A91925" s="13" t="s">
        <v>458</v>
      </c>
      <c r="B91925" s="14" t="s">
        <v>1</v>
      </c>
      <c r="C91925" s="14" t="s">
        <v>109</v>
      </c>
      <c r="D91925" s="14" t="s">
        <v>459</v>
      </c>
      <c r="E91925" s="15">
        <v>45686</v>
      </c>
      <c r="F91925" s="14" t="s">
        <v>15</v>
      </c>
      <c r="G91925" s="16">
        <v>0</v>
      </c>
    </row>
    <row r="91926" spans="1:7" x14ac:dyDescent="0.3">
      <c r="A91926" s="13" t="s">
        <v>458</v>
      </c>
      <c r="B91926" s="14" t="s">
        <v>1</v>
      </c>
      <c r="C91926" s="14" t="s">
        <v>109</v>
      </c>
      <c r="D91926" s="14" t="s">
        <v>459</v>
      </c>
      <c r="E91926" s="15">
        <v>45687</v>
      </c>
      <c r="F91926" s="14" t="s">
        <v>15</v>
      </c>
      <c r="G91926" s="16">
        <v>0</v>
      </c>
    </row>
    <row r="91927" spans="1:7" x14ac:dyDescent="0.3">
      <c r="A91927" s="13" t="s">
        <v>458</v>
      </c>
      <c r="B91927" s="14" t="s">
        <v>1</v>
      </c>
      <c r="C91927" s="14" t="s">
        <v>109</v>
      </c>
      <c r="D91927" s="14" t="s">
        <v>459</v>
      </c>
      <c r="E91927" s="15">
        <v>45688</v>
      </c>
      <c r="F91927" s="14" t="s">
        <v>15</v>
      </c>
      <c r="G91927" s="16">
        <v>0</v>
      </c>
    </row>
    <row r="91928" spans="1:7" x14ac:dyDescent="0.3">
      <c r="A91928" s="13" t="s">
        <v>458</v>
      </c>
      <c r="B91928" s="14" t="s">
        <v>1</v>
      </c>
      <c r="C91928" s="14" t="s">
        <v>109</v>
      </c>
      <c r="D91928" s="14" t="s">
        <v>459</v>
      </c>
      <c r="E91928" s="15">
        <v>45689</v>
      </c>
      <c r="F91928" s="14" t="s">
        <v>15</v>
      </c>
      <c r="G91928" s="16">
        <v>0</v>
      </c>
    </row>
    <row r="91929" spans="1:7" x14ac:dyDescent="0.3">
      <c r="A91929" s="13" t="s">
        <v>458</v>
      </c>
      <c r="B91929" s="14" t="s">
        <v>1</v>
      </c>
      <c r="C91929" s="14" t="s">
        <v>109</v>
      </c>
      <c r="D91929" s="14" t="s">
        <v>459</v>
      </c>
      <c r="E91929" s="15">
        <v>45690</v>
      </c>
      <c r="F91929" s="14" t="s">
        <v>15</v>
      </c>
      <c r="G91929" s="16">
        <v>0</v>
      </c>
    </row>
    <row r="91930" spans="1:7" x14ac:dyDescent="0.3">
      <c r="A91930" s="13" t="s">
        <v>458</v>
      </c>
      <c r="B91930" s="14" t="s">
        <v>1</v>
      </c>
      <c r="C91930" s="14" t="s">
        <v>109</v>
      </c>
      <c r="D91930" s="14" t="s">
        <v>459</v>
      </c>
      <c r="E91930" s="15">
        <v>45691</v>
      </c>
      <c r="F91930" s="14" t="s">
        <v>15</v>
      </c>
      <c r="G91930" s="16">
        <v>0</v>
      </c>
    </row>
    <row r="91931" spans="1:7" x14ac:dyDescent="0.3">
      <c r="A91931" s="13" t="s">
        <v>458</v>
      </c>
      <c r="B91931" s="14" t="s">
        <v>1</v>
      </c>
      <c r="C91931" s="14" t="s">
        <v>109</v>
      </c>
      <c r="D91931" s="14" t="s">
        <v>459</v>
      </c>
      <c r="E91931" s="15">
        <v>45692</v>
      </c>
      <c r="F91931" s="14" t="s">
        <v>15</v>
      </c>
      <c r="G91931" s="16">
        <v>0</v>
      </c>
    </row>
    <row r="91932" spans="1:7" x14ac:dyDescent="0.3">
      <c r="A91932" s="13" t="s">
        <v>458</v>
      </c>
      <c r="B91932" s="14" t="s">
        <v>1</v>
      </c>
      <c r="C91932" s="14" t="s">
        <v>109</v>
      </c>
      <c r="D91932" s="14" t="s">
        <v>459</v>
      </c>
      <c r="E91932" s="15">
        <v>45693</v>
      </c>
      <c r="F91932" s="14" t="s">
        <v>15</v>
      </c>
      <c r="G91932" s="16">
        <v>0</v>
      </c>
    </row>
    <row r="91933" spans="1:7" x14ac:dyDescent="0.3">
      <c r="A91933" s="13" t="s">
        <v>458</v>
      </c>
      <c r="B91933" s="14" t="s">
        <v>1</v>
      </c>
      <c r="C91933" s="14" t="s">
        <v>109</v>
      </c>
      <c r="D91933" s="14" t="s">
        <v>459</v>
      </c>
      <c r="E91933" s="15">
        <v>45694</v>
      </c>
      <c r="F91933" s="14" t="s">
        <v>15</v>
      </c>
      <c r="G91933" s="16">
        <v>0</v>
      </c>
    </row>
    <row r="91934" spans="1:7" x14ac:dyDescent="0.3">
      <c r="A91934" s="13" t="s">
        <v>458</v>
      </c>
      <c r="B91934" s="14" t="s">
        <v>1</v>
      </c>
      <c r="C91934" s="14" t="s">
        <v>109</v>
      </c>
      <c r="D91934" s="14" t="s">
        <v>459</v>
      </c>
      <c r="E91934" s="15">
        <v>45695</v>
      </c>
      <c r="F91934" s="14" t="s">
        <v>15</v>
      </c>
      <c r="G91934" s="16">
        <v>0</v>
      </c>
    </row>
    <row r="91935" spans="1:7" x14ac:dyDescent="0.3">
      <c r="A91935" s="13" t="s">
        <v>458</v>
      </c>
      <c r="B91935" s="14" t="s">
        <v>1</v>
      </c>
      <c r="C91935" s="14" t="s">
        <v>109</v>
      </c>
      <c r="D91935" s="14" t="s">
        <v>459</v>
      </c>
      <c r="E91935" s="15">
        <v>45696</v>
      </c>
      <c r="F91935" s="14" t="s">
        <v>15</v>
      </c>
      <c r="G91935" s="16">
        <v>0</v>
      </c>
    </row>
    <row r="91936" spans="1:7" x14ac:dyDescent="0.3">
      <c r="A91936" s="13" t="s">
        <v>458</v>
      </c>
      <c r="B91936" s="14" t="s">
        <v>1</v>
      </c>
      <c r="C91936" s="14" t="s">
        <v>109</v>
      </c>
      <c r="D91936" s="14" t="s">
        <v>459</v>
      </c>
      <c r="E91936" s="15">
        <v>45697</v>
      </c>
      <c r="F91936" s="14" t="s">
        <v>15</v>
      </c>
      <c r="G91936" s="16">
        <v>0</v>
      </c>
    </row>
    <row r="91937" spans="1:7" x14ac:dyDescent="0.3">
      <c r="A91937" s="13" t="s">
        <v>458</v>
      </c>
      <c r="B91937" s="14" t="s">
        <v>1</v>
      </c>
      <c r="C91937" s="14" t="s">
        <v>109</v>
      </c>
      <c r="D91937" s="14" t="s">
        <v>459</v>
      </c>
      <c r="E91937" s="15">
        <v>45698</v>
      </c>
      <c r="F91937" s="14" t="s">
        <v>15</v>
      </c>
      <c r="G91937" s="16">
        <v>0</v>
      </c>
    </row>
    <row r="91938" spans="1:7" x14ac:dyDescent="0.3">
      <c r="A91938" s="13" t="s">
        <v>458</v>
      </c>
      <c r="B91938" s="14" t="s">
        <v>1</v>
      </c>
      <c r="C91938" s="14" t="s">
        <v>109</v>
      </c>
      <c r="D91938" s="14" t="s">
        <v>459</v>
      </c>
      <c r="E91938" s="15">
        <v>45699</v>
      </c>
      <c r="F91938" s="14" t="s">
        <v>15</v>
      </c>
      <c r="G91938" s="16">
        <v>0</v>
      </c>
    </row>
    <row r="91939" spans="1:7" x14ac:dyDescent="0.3">
      <c r="A91939" s="13" t="s">
        <v>458</v>
      </c>
      <c r="B91939" s="14" t="s">
        <v>1</v>
      </c>
      <c r="C91939" s="14" t="s">
        <v>109</v>
      </c>
      <c r="D91939" s="14" t="s">
        <v>459</v>
      </c>
      <c r="E91939" s="15">
        <v>45700</v>
      </c>
      <c r="F91939" s="14" t="s">
        <v>15</v>
      </c>
      <c r="G91939" s="16">
        <v>0</v>
      </c>
    </row>
    <row r="91940" spans="1:7" x14ac:dyDescent="0.3">
      <c r="A91940" s="13" t="s">
        <v>458</v>
      </c>
      <c r="B91940" s="14" t="s">
        <v>1</v>
      </c>
      <c r="C91940" s="14" t="s">
        <v>109</v>
      </c>
      <c r="D91940" s="14" t="s">
        <v>459</v>
      </c>
      <c r="E91940" s="15">
        <v>45701</v>
      </c>
      <c r="F91940" s="14" t="s">
        <v>15</v>
      </c>
      <c r="G91940" s="16">
        <v>0</v>
      </c>
    </row>
    <row r="91941" spans="1:7" x14ac:dyDescent="0.3">
      <c r="A91941" s="13" t="s">
        <v>458</v>
      </c>
      <c r="B91941" s="14" t="s">
        <v>1</v>
      </c>
      <c r="C91941" s="14" t="s">
        <v>109</v>
      </c>
      <c r="D91941" s="14" t="s">
        <v>459</v>
      </c>
      <c r="E91941" s="15">
        <v>45702</v>
      </c>
      <c r="F91941" s="14" t="s">
        <v>15</v>
      </c>
      <c r="G91941" s="16">
        <v>0</v>
      </c>
    </row>
    <row r="91942" spans="1:7" x14ac:dyDescent="0.3">
      <c r="A91942" s="13" t="s">
        <v>458</v>
      </c>
      <c r="B91942" s="14" t="s">
        <v>1</v>
      </c>
      <c r="C91942" s="14" t="s">
        <v>109</v>
      </c>
      <c r="D91942" s="14" t="s">
        <v>459</v>
      </c>
      <c r="E91942" s="15">
        <v>45703</v>
      </c>
      <c r="F91942" s="14" t="s">
        <v>15</v>
      </c>
      <c r="G91942" s="16">
        <v>0</v>
      </c>
    </row>
    <row r="91943" spans="1:7" x14ac:dyDescent="0.3">
      <c r="A91943" s="13" t="s">
        <v>458</v>
      </c>
      <c r="B91943" s="14" t="s">
        <v>1</v>
      </c>
      <c r="C91943" s="14" t="s">
        <v>109</v>
      </c>
      <c r="D91943" s="14" t="s">
        <v>459</v>
      </c>
      <c r="E91943" s="15">
        <v>45704</v>
      </c>
      <c r="F91943" s="14" t="s">
        <v>15</v>
      </c>
      <c r="G91943" s="16">
        <v>0</v>
      </c>
    </row>
    <row r="91944" spans="1:7" x14ac:dyDescent="0.3">
      <c r="A91944" s="13" t="s">
        <v>458</v>
      </c>
      <c r="B91944" s="14" t="s">
        <v>1</v>
      </c>
      <c r="C91944" s="14" t="s">
        <v>109</v>
      </c>
      <c r="D91944" s="14" t="s">
        <v>459</v>
      </c>
      <c r="E91944" s="15">
        <v>45705</v>
      </c>
      <c r="F91944" s="14" t="s">
        <v>15</v>
      </c>
      <c r="G91944" s="16">
        <v>0</v>
      </c>
    </row>
    <row r="91945" spans="1:7" x14ac:dyDescent="0.3">
      <c r="A91945" s="13" t="s">
        <v>458</v>
      </c>
      <c r="B91945" s="14" t="s">
        <v>1</v>
      </c>
      <c r="C91945" s="14" t="s">
        <v>109</v>
      </c>
      <c r="D91945" s="14" t="s">
        <v>459</v>
      </c>
      <c r="E91945" s="15">
        <v>45706</v>
      </c>
      <c r="F91945" s="14" t="s">
        <v>15</v>
      </c>
      <c r="G91945" s="16">
        <v>0</v>
      </c>
    </row>
    <row r="91946" spans="1:7" x14ac:dyDescent="0.3">
      <c r="A91946" s="13" t="s">
        <v>458</v>
      </c>
      <c r="B91946" s="14" t="s">
        <v>1</v>
      </c>
      <c r="C91946" s="14" t="s">
        <v>109</v>
      </c>
      <c r="D91946" s="14" t="s">
        <v>459</v>
      </c>
      <c r="E91946" s="15">
        <v>45707</v>
      </c>
      <c r="F91946" s="14" t="s">
        <v>15</v>
      </c>
      <c r="G91946" s="16">
        <v>0</v>
      </c>
    </row>
    <row r="91947" spans="1:7" x14ac:dyDescent="0.3">
      <c r="A91947" s="13" t="s">
        <v>458</v>
      </c>
      <c r="B91947" s="14" t="s">
        <v>1</v>
      </c>
      <c r="C91947" s="14" t="s">
        <v>109</v>
      </c>
      <c r="D91947" s="14" t="s">
        <v>459</v>
      </c>
      <c r="E91947" s="15">
        <v>45708</v>
      </c>
      <c r="F91947" s="14" t="s">
        <v>15</v>
      </c>
      <c r="G91947" s="16">
        <v>0</v>
      </c>
    </row>
    <row r="91948" spans="1:7" x14ac:dyDescent="0.3">
      <c r="A91948" s="13" t="s">
        <v>458</v>
      </c>
      <c r="B91948" s="14" t="s">
        <v>1</v>
      </c>
      <c r="C91948" s="14" t="s">
        <v>109</v>
      </c>
      <c r="D91948" s="14" t="s">
        <v>459</v>
      </c>
      <c r="E91948" s="15">
        <v>45709</v>
      </c>
      <c r="F91948" s="14" t="s">
        <v>15</v>
      </c>
      <c r="G91948" s="16">
        <v>0</v>
      </c>
    </row>
    <row r="91949" spans="1:7" x14ac:dyDescent="0.3">
      <c r="A91949" s="13" t="s">
        <v>458</v>
      </c>
      <c r="B91949" s="14" t="s">
        <v>1</v>
      </c>
      <c r="C91949" s="14" t="s">
        <v>109</v>
      </c>
      <c r="D91949" s="14" t="s">
        <v>459</v>
      </c>
      <c r="E91949" s="15">
        <v>45710</v>
      </c>
      <c r="F91949" s="14" t="s">
        <v>15</v>
      </c>
      <c r="G91949" s="16">
        <v>0</v>
      </c>
    </row>
    <row r="91950" spans="1:7" x14ac:dyDescent="0.3">
      <c r="A91950" s="13" t="s">
        <v>458</v>
      </c>
      <c r="B91950" s="14" t="s">
        <v>1</v>
      </c>
      <c r="C91950" s="14" t="s">
        <v>109</v>
      </c>
      <c r="D91950" s="14" t="s">
        <v>459</v>
      </c>
      <c r="E91950" s="15">
        <v>45711</v>
      </c>
      <c r="F91950" s="14" t="s">
        <v>15</v>
      </c>
      <c r="G91950" s="16">
        <v>0</v>
      </c>
    </row>
    <row r="91951" spans="1:7" x14ac:dyDescent="0.3">
      <c r="A91951" s="13" t="s">
        <v>458</v>
      </c>
      <c r="B91951" s="14" t="s">
        <v>1</v>
      </c>
      <c r="C91951" s="14" t="s">
        <v>109</v>
      </c>
      <c r="D91951" s="14" t="s">
        <v>459</v>
      </c>
      <c r="E91951" s="15">
        <v>45712</v>
      </c>
      <c r="F91951" s="14" t="s">
        <v>15</v>
      </c>
      <c r="G91951" s="16">
        <v>0</v>
      </c>
    </row>
    <row r="91952" spans="1:7" x14ac:dyDescent="0.3">
      <c r="A91952" s="13" t="s">
        <v>458</v>
      </c>
      <c r="B91952" s="14" t="s">
        <v>1</v>
      </c>
      <c r="C91952" s="14" t="s">
        <v>109</v>
      </c>
      <c r="D91952" s="14" t="s">
        <v>459</v>
      </c>
      <c r="E91952" s="15">
        <v>45713</v>
      </c>
      <c r="F91952" s="14" t="s">
        <v>15</v>
      </c>
      <c r="G91952" s="16">
        <v>0</v>
      </c>
    </row>
    <row r="91953" spans="1:7" x14ac:dyDescent="0.3">
      <c r="A91953" s="13" t="s">
        <v>458</v>
      </c>
      <c r="B91953" s="14" t="s">
        <v>1</v>
      </c>
      <c r="C91953" s="14" t="s">
        <v>109</v>
      </c>
      <c r="D91953" s="14" t="s">
        <v>459</v>
      </c>
      <c r="E91953" s="15">
        <v>45714</v>
      </c>
      <c r="F91953" s="14" t="s">
        <v>15</v>
      </c>
      <c r="G91953" s="16">
        <v>0</v>
      </c>
    </row>
    <row r="91954" spans="1:7" x14ac:dyDescent="0.3">
      <c r="A91954" s="13" t="s">
        <v>458</v>
      </c>
      <c r="B91954" s="14" t="s">
        <v>1</v>
      </c>
      <c r="C91954" s="14" t="s">
        <v>109</v>
      </c>
      <c r="D91954" s="14" t="s">
        <v>459</v>
      </c>
      <c r="E91954" s="15">
        <v>45715</v>
      </c>
      <c r="F91954" s="14" t="s">
        <v>15</v>
      </c>
      <c r="G91954" s="16">
        <v>0</v>
      </c>
    </row>
    <row r="91955" spans="1:7" x14ac:dyDescent="0.3">
      <c r="A91955" s="13" t="s">
        <v>458</v>
      </c>
      <c r="B91955" s="14" t="s">
        <v>1</v>
      </c>
      <c r="C91955" s="14" t="s">
        <v>109</v>
      </c>
      <c r="D91955" s="14" t="s">
        <v>459</v>
      </c>
      <c r="E91955" s="15">
        <v>45716</v>
      </c>
      <c r="F91955" s="14" t="s">
        <v>15</v>
      </c>
      <c r="G91955" s="16">
        <v>0</v>
      </c>
    </row>
    <row r="91956" spans="1:7" x14ac:dyDescent="0.3">
      <c r="A91956" s="13" t="s">
        <v>458</v>
      </c>
      <c r="B91956" s="14" t="s">
        <v>1</v>
      </c>
      <c r="C91956" s="14" t="s">
        <v>109</v>
      </c>
      <c r="D91956" s="14" t="s">
        <v>459</v>
      </c>
      <c r="E91956" s="15">
        <v>45717</v>
      </c>
      <c r="F91956" s="14" t="s">
        <v>15</v>
      </c>
      <c r="G91956" s="16">
        <v>0</v>
      </c>
    </row>
    <row r="91957" spans="1:7" x14ac:dyDescent="0.3">
      <c r="A91957" s="13" t="s">
        <v>458</v>
      </c>
      <c r="B91957" s="14" t="s">
        <v>1</v>
      </c>
      <c r="C91957" s="14" t="s">
        <v>109</v>
      </c>
      <c r="D91957" s="14" t="s">
        <v>459</v>
      </c>
      <c r="E91957" s="15">
        <v>45718</v>
      </c>
      <c r="F91957" s="14" t="s">
        <v>15</v>
      </c>
      <c r="G91957" s="16">
        <v>0</v>
      </c>
    </row>
    <row r="91958" spans="1:7" x14ac:dyDescent="0.3">
      <c r="A91958" s="13" t="s">
        <v>458</v>
      </c>
      <c r="B91958" s="14" t="s">
        <v>1</v>
      </c>
      <c r="C91958" s="14" t="s">
        <v>109</v>
      </c>
      <c r="D91958" s="14" t="s">
        <v>459</v>
      </c>
      <c r="E91958" s="15">
        <v>45719</v>
      </c>
      <c r="F91958" s="14" t="s">
        <v>15</v>
      </c>
      <c r="G91958" s="16">
        <v>0</v>
      </c>
    </row>
    <row r="91959" spans="1:7" x14ac:dyDescent="0.3">
      <c r="A91959" s="13" t="s">
        <v>458</v>
      </c>
      <c r="B91959" s="14" t="s">
        <v>1</v>
      </c>
      <c r="C91959" s="14" t="s">
        <v>109</v>
      </c>
      <c r="D91959" s="14" t="s">
        <v>459</v>
      </c>
      <c r="E91959" s="15">
        <v>45720</v>
      </c>
      <c r="F91959" s="14" t="s">
        <v>15</v>
      </c>
      <c r="G91959" s="16">
        <v>0</v>
      </c>
    </row>
    <row r="91960" spans="1:7" x14ac:dyDescent="0.3">
      <c r="A91960" s="13" t="s">
        <v>458</v>
      </c>
      <c r="B91960" s="14" t="s">
        <v>1</v>
      </c>
      <c r="C91960" s="14" t="s">
        <v>109</v>
      </c>
      <c r="D91960" s="14" t="s">
        <v>459</v>
      </c>
      <c r="E91960" s="15">
        <v>45721</v>
      </c>
      <c r="F91960" s="14" t="s">
        <v>15</v>
      </c>
      <c r="G91960" s="16">
        <v>0</v>
      </c>
    </row>
    <row r="91961" spans="1:7" x14ac:dyDescent="0.3">
      <c r="A91961" s="13" t="s">
        <v>458</v>
      </c>
      <c r="B91961" s="14" t="s">
        <v>1</v>
      </c>
      <c r="C91961" s="14" t="s">
        <v>109</v>
      </c>
      <c r="D91961" s="14" t="s">
        <v>459</v>
      </c>
      <c r="E91961" s="15">
        <v>45722</v>
      </c>
      <c r="F91961" s="14" t="s">
        <v>15</v>
      </c>
      <c r="G91961" s="16">
        <v>0</v>
      </c>
    </row>
    <row r="91962" spans="1:7" x14ac:dyDescent="0.3">
      <c r="A91962" s="13" t="s">
        <v>458</v>
      </c>
      <c r="B91962" s="14" t="s">
        <v>1</v>
      </c>
      <c r="C91962" s="14" t="s">
        <v>109</v>
      </c>
      <c r="D91962" s="14" t="s">
        <v>459</v>
      </c>
      <c r="E91962" s="15">
        <v>45723</v>
      </c>
      <c r="F91962" s="14" t="s">
        <v>15</v>
      </c>
      <c r="G91962" s="16">
        <v>0</v>
      </c>
    </row>
    <row r="91963" spans="1:7" x14ac:dyDescent="0.3">
      <c r="A91963" s="13" t="s">
        <v>458</v>
      </c>
      <c r="B91963" s="14" t="s">
        <v>1</v>
      </c>
      <c r="C91963" s="14" t="s">
        <v>109</v>
      </c>
      <c r="D91963" s="14" t="s">
        <v>459</v>
      </c>
      <c r="E91963" s="15">
        <v>45724</v>
      </c>
      <c r="F91963" s="14" t="s">
        <v>15</v>
      </c>
      <c r="G91963" s="16">
        <v>0</v>
      </c>
    </row>
    <row r="91964" spans="1:7" x14ac:dyDescent="0.3">
      <c r="A91964" s="13" t="s">
        <v>458</v>
      </c>
      <c r="B91964" s="14" t="s">
        <v>1</v>
      </c>
      <c r="C91964" s="14" t="s">
        <v>109</v>
      </c>
      <c r="D91964" s="14" t="s">
        <v>459</v>
      </c>
      <c r="E91964" s="15">
        <v>45725</v>
      </c>
      <c r="F91964" s="14" t="s">
        <v>15</v>
      </c>
      <c r="G91964" s="16">
        <v>0</v>
      </c>
    </row>
    <row r="91965" spans="1:7" x14ac:dyDescent="0.3">
      <c r="A91965" s="13" t="s">
        <v>458</v>
      </c>
      <c r="B91965" s="14" t="s">
        <v>1</v>
      </c>
      <c r="C91965" s="14" t="s">
        <v>109</v>
      </c>
      <c r="D91965" s="14" t="s">
        <v>459</v>
      </c>
      <c r="E91965" s="15">
        <v>45726</v>
      </c>
      <c r="F91965" s="14" t="s">
        <v>15</v>
      </c>
      <c r="G91965" s="16">
        <v>0</v>
      </c>
    </row>
    <row r="91966" spans="1:7" x14ac:dyDescent="0.3">
      <c r="A91966" s="13" t="s">
        <v>458</v>
      </c>
      <c r="B91966" s="14" t="s">
        <v>1</v>
      </c>
      <c r="C91966" s="14" t="s">
        <v>109</v>
      </c>
      <c r="D91966" s="14" t="s">
        <v>459</v>
      </c>
      <c r="E91966" s="15">
        <v>45727</v>
      </c>
      <c r="F91966" s="14" t="s">
        <v>15</v>
      </c>
      <c r="G91966" s="16">
        <v>0</v>
      </c>
    </row>
    <row r="91967" spans="1:7" x14ac:dyDescent="0.3">
      <c r="A91967" s="13" t="s">
        <v>458</v>
      </c>
      <c r="B91967" s="14" t="s">
        <v>1</v>
      </c>
      <c r="C91967" s="14" t="s">
        <v>109</v>
      </c>
      <c r="D91967" s="14" t="s">
        <v>459</v>
      </c>
      <c r="E91967" s="15">
        <v>45728</v>
      </c>
      <c r="F91967" s="14" t="s">
        <v>15</v>
      </c>
      <c r="G91967" s="16">
        <v>0</v>
      </c>
    </row>
    <row r="91968" spans="1:7" x14ac:dyDescent="0.3">
      <c r="A91968" s="13" t="s">
        <v>458</v>
      </c>
      <c r="B91968" s="14" t="s">
        <v>1</v>
      </c>
      <c r="C91968" s="14" t="s">
        <v>109</v>
      </c>
      <c r="D91968" s="14" t="s">
        <v>459</v>
      </c>
      <c r="E91968" s="15">
        <v>45729</v>
      </c>
      <c r="F91968" s="14" t="s">
        <v>15</v>
      </c>
      <c r="G91968" s="16">
        <v>0</v>
      </c>
    </row>
    <row r="91969" spans="1:7" x14ac:dyDescent="0.3">
      <c r="A91969" s="13" t="s">
        <v>458</v>
      </c>
      <c r="B91969" s="14" t="s">
        <v>1</v>
      </c>
      <c r="C91969" s="14" t="s">
        <v>109</v>
      </c>
      <c r="D91969" s="14" t="s">
        <v>459</v>
      </c>
      <c r="E91969" s="15">
        <v>45730</v>
      </c>
      <c r="F91969" s="14" t="s">
        <v>15</v>
      </c>
      <c r="G91969" s="16">
        <v>0</v>
      </c>
    </row>
    <row r="91970" spans="1:7" x14ac:dyDescent="0.3">
      <c r="A91970" s="13" t="s">
        <v>458</v>
      </c>
      <c r="B91970" s="14" t="s">
        <v>1</v>
      </c>
      <c r="C91970" s="14" t="s">
        <v>109</v>
      </c>
      <c r="D91970" s="14" t="s">
        <v>459</v>
      </c>
      <c r="E91970" s="15">
        <v>45731</v>
      </c>
      <c r="F91970" s="14" t="s">
        <v>15</v>
      </c>
      <c r="G91970" s="16">
        <v>0</v>
      </c>
    </row>
    <row r="91971" spans="1:7" x14ac:dyDescent="0.3">
      <c r="A91971" s="13" t="s">
        <v>458</v>
      </c>
      <c r="B91971" s="14" t="s">
        <v>1</v>
      </c>
      <c r="C91971" s="14" t="s">
        <v>109</v>
      </c>
      <c r="D91971" s="14" t="s">
        <v>459</v>
      </c>
      <c r="E91971" s="15">
        <v>45732</v>
      </c>
      <c r="F91971" s="14" t="s">
        <v>15</v>
      </c>
      <c r="G91971" s="16">
        <v>0</v>
      </c>
    </row>
    <row r="91972" spans="1:7" x14ac:dyDescent="0.3">
      <c r="A91972" s="13" t="s">
        <v>458</v>
      </c>
      <c r="B91972" s="14" t="s">
        <v>1</v>
      </c>
      <c r="C91972" s="14" t="s">
        <v>109</v>
      </c>
      <c r="D91972" s="14" t="s">
        <v>459</v>
      </c>
      <c r="E91972" s="15">
        <v>45733</v>
      </c>
      <c r="F91972" s="14" t="s">
        <v>15</v>
      </c>
      <c r="G91972" s="16">
        <v>0</v>
      </c>
    </row>
    <row r="91973" spans="1:7" x14ac:dyDescent="0.3">
      <c r="A91973" s="13" t="s">
        <v>458</v>
      </c>
      <c r="B91973" s="14" t="s">
        <v>1</v>
      </c>
      <c r="C91973" s="14" t="s">
        <v>109</v>
      </c>
      <c r="D91973" s="14" t="s">
        <v>459</v>
      </c>
      <c r="E91973" s="15">
        <v>45734</v>
      </c>
      <c r="F91973" s="14" t="s">
        <v>15</v>
      </c>
      <c r="G91973" s="16">
        <v>0</v>
      </c>
    </row>
    <row r="91974" spans="1:7" x14ac:dyDescent="0.3">
      <c r="A91974" s="13" t="s">
        <v>458</v>
      </c>
      <c r="B91974" s="14" t="s">
        <v>1</v>
      </c>
      <c r="C91974" s="14" t="s">
        <v>109</v>
      </c>
      <c r="D91974" s="14" t="s">
        <v>459</v>
      </c>
      <c r="E91974" s="15">
        <v>45735</v>
      </c>
      <c r="F91974" s="14" t="s">
        <v>15</v>
      </c>
      <c r="G91974" s="16">
        <v>0</v>
      </c>
    </row>
    <row r="91975" spans="1:7" x14ac:dyDescent="0.3">
      <c r="A91975" s="13" t="s">
        <v>458</v>
      </c>
      <c r="B91975" s="14" t="s">
        <v>1</v>
      </c>
      <c r="C91975" s="14" t="s">
        <v>109</v>
      </c>
      <c r="D91975" s="14" t="s">
        <v>459</v>
      </c>
      <c r="E91975" s="15">
        <v>45736</v>
      </c>
      <c r="F91975" s="14" t="s">
        <v>15</v>
      </c>
      <c r="G91975" s="16">
        <v>0</v>
      </c>
    </row>
    <row r="91976" spans="1:7" x14ac:dyDescent="0.3">
      <c r="A91976" s="13" t="s">
        <v>458</v>
      </c>
      <c r="B91976" s="14" t="s">
        <v>1</v>
      </c>
      <c r="C91976" s="14" t="s">
        <v>109</v>
      </c>
      <c r="D91976" s="14" t="s">
        <v>459</v>
      </c>
      <c r="E91976" s="15">
        <v>45737</v>
      </c>
      <c r="F91976" s="14" t="s">
        <v>15</v>
      </c>
      <c r="G91976" s="16">
        <v>0</v>
      </c>
    </row>
    <row r="91977" spans="1:7" x14ac:dyDescent="0.3">
      <c r="A91977" s="13" t="s">
        <v>458</v>
      </c>
      <c r="B91977" s="14" t="s">
        <v>1</v>
      </c>
      <c r="C91977" s="14" t="s">
        <v>109</v>
      </c>
      <c r="D91977" s="14" t="s">
        <v>459</v>
      </c>
      <c r="E91977" s="15">
        <v>45738</v>
      </c>
      <c r="F91977" s="14" t="s">
        <v>15</v>
      </c>
      <c r="G91977" s="16">
        <v>0</v>
      </c>
    </row>
    <row r="91978" spans="1:7" x14ac:dyDescent="0.3">
      <c r="A91978" s="13" t="s">
        <v>458</v>
      </c>
      <c r="B91978" s="14" t="s">
        <v>1</v>
      </c>
      <c r="C91978" s="14" t="s">
        <v>109</v>
      </c>
      <c r="D91978" s="14" t="s">
        <v>459</v>
      </c>
      <c r="E91978" s="15">
        <v>45739</v>
      </c>
      <c r="F91978" s="14" t="s">
        <v>15</v>
      </c>
      <c r="G91978" s="16">
        <v>0</v>
      </c>
    </row>
    <row r="91979" spans="1:7" x14ac:dyDescent="0.3">
      <c r="A91979" s="13" t="s">
        <v>458</v>
      </c>
      <c r="B91979" s="14" t="s">
        <v>1</v>
      </c>
      <c r="C91979" s="14" t="s">
        <v>109</v>
      </c>
      <c r="D91979" s="14" t="s">
        <v>459</v>
      </c>
      <c r="E91979" s="15">
        <v>45740</v>
      </c>
      <c r="F91979" s="14" t="s">
        <v>15</v>
      </c>
      <c r="G91979" s="16">
        <v>0</v>
      </c>
    </row>
    <row r="91980" spans="1:7" x14ac:dyDescent="0.3">
      <c r="A91980" s="13" t="s">
        <v>458</v>
      </c>
      <c r="B91980" s="14" t="s">
        <v>1</v>
      </c>
      <c r="C91980" s="14" t="s">
        <v>109</v>
      </c>
      <c r="D91980" s="14" t="s">
        <v>459</v>
      </c>
      <c r="E91980" s="15">
        <v>45741</v>
      </c>
      <c r="F91980" s="14" t="s">
        <v>15</v>
      </c>
      <c r="G91980" s="16">
        <v>0</v>
      </c>
    </row>
    <row r="91981" spans="1:7" x14ac:dyDescent="0.3">
      <c r="A91981" s="13" t="s">
        <v>458</v>
      </c>
      <c r="B91981" s="14" t="s">
        <v>1</v>
      </c>
      <c r="C91981" s="14" t="s">
        <v>109</v>
      </c>
      <c r="D91981" s="14" t="s">
        <v>459</v>
      </c>
      <c r="E91981" s="15">
        <v>45742</v>
      </c>
      <c r="F91981" s="14" t="s">
        <v>15</v>
      </c>
      <c r="G91981" s="16">
        <v>0</v>
      </c>
    </row>
    <row r="91982" spans="1:7" x14ac:dyDescent="0.3">
      <c r="A91982" s="13" t="s">
        <v>458</v>
      </c>
      <c r="B91982" s="14" t="s">
        <v>1</v>
      </c>
      <c r="C91982" s="14" t="s">
        <v>109</v>
      </c>
      <c r="D91982" s="14" t="s">
        <v>459</v>
      </c>
      <c r="E91982" s="15">
        <v>45743</v>
      </c>
      <c r="F91982" s="14" t="s">
        <v>15</v>
      </c>
      <c r="G91982" s="16">
        <v>0</v>
      </c>
    </row>
    <row r="91983" spans="1:7" x14ac:dyDescent="0.3">
      <c r="A91983" s="13" t="s">
        <v>458</v>
      </c>
      <c r="B91983" s="14" t="s">
        <v>1</v>
      </c>
      <c r="C91983" s="14" t="s">
        <v>109</v>
      </c>
      <c r="D91983" s="14" t="s">
        <v>459</v>
      </c>
      <c r="E91983" s="15">
        <v>45744</v>
      </c>
      <c r="F91983" s="14" t="s">
        <v>15</v>
      </c>
      <c r="G91983" s="16">
        <v>0</v>
      </c>
    </row>
    <row r="91984" spans="1:7" x14ac:dyDescent="0.3">
      <c r="A91984" s="13" t="s">
        <v>458</v>
      </c>
      <c r="B91984" s="14" t="s">
        <v>1</v>
      </c>
      <c r="C91984" s="14" t="s">
        <v>109</v>
      </c>
      <c r="D91984" s="14" t="s">
        <v>459</v>
      </c>
      <c r="E91984" s="15">
        <v>45745</v>
      </c>
      <c r="F91984" s="14" t="s">
        <v>15</v>
      </c>
      <c r="G91984" s="16">
        <v>0</v>
      </c>
    </row>
    <row r="91985" spans="1:7" x14ac:dyDescent="0.3">
      <c r="A91985" s="13" t="s">
        <v>458</v>
      </c>
      <c r="B91985" s="14" t="s">
        <v>1</v>
      </c>
      <c r="C91985" s="14" t="s">
        <v>109</v>
      </c>
      <c r="D91985" s="14" t="s">
        <v>459</v>
      </c>
      <c r="E91985" s="15">
        <v>45746</v>
      </c>
      <c r="F91985" s="14" t="s">
        <v>15</v>
      </c>
      <c r="G91985" s="16">
        <v>0</v>
      </c>
    </row>
    <row r="91986" spans="1:7" x14ac:dyDescent="0.3">
      <c r="A91986" s="13" t="s">
        <v>458</v>
      </c>
      <c r="B91986" s="14" t="s">
        <v>1</v>
      </c>
      <c r="C91986" s="14" t="s">
        <v>109</v>
      </c>
      <c r="D91986" s="14" t="s">
        <v>459</v>
      </c>
      <c r="E91986" s="15">
        <v>45747</v>
      </c>
      <c r="F91986" s="14" t="s">
        <v>15</v>
      </c>
      <c r="G91986" s="16">
        <v>0</v>
      </c>
    </row>
    <row r="91987" spans="1:7" x14ac:dyDescent="0.3">
      <c r="A91987" s="13" t="s">
        <v>460</v>
      </c>
      <c r="B91987" s="14" t="s">
        <v>1</v>
      </c>
      <c r="C91987" s="14" t="s">
        <v>137</v>
      </c>
      <c r="D91987" s="14" t="s">
        <v>193</v>
      </c>
      <c r="E91987" s="15">
        <v>45383</v>
      </c>
      <c r="F91987" s="14" t="s">
        <v>15</v>
      </c>
      <c r="G91987" s="16">
        <v>0</v>
      </c>
    </row>
    <row r="91988" spans="1:7" x14ac:dyDescent="0.3">
      <c r="A91988" s="13" t="s">
        <v>460</v>
      </c>
      <c r="B91988" s="14" t="s">
        <v>1</v>
      </c>
      <c r="C91988" s="14" t="s">
        <v>137</v>
      </c>
      <c r="D91988" s="14" t="s">
        <v>193</v>
      </c>
      <c r="E91988" s="15">
        <v>45384</v>
      </c>
      <c r="F91988" s="14" t="s">
        <v>15</v>
      </c>
      <c r="G91988" s="16">
        <v>0</v>
      </c>
    </row>
    <row r="91989" spans="1:7" x14ac:dyDescent="0.3">
      <c r="A91989" s="13" t="s">
        <v>460</v>
      </c>
      <c r="B91989" s="14" t="s">
        <v>1</v>
      </c>
      <c r="C91989" s="14" t="s">
        <v>137</v>
      </c>
      <c r="D91989" s="14" t="s">
        <v>193</v>
      </c>
      <c r="E91989" s="15">
        <v>45385</v>
      </c>
      <c r="F91989" s="14" t="s">
        <v>15</v>
      </c>
      <c r="G91989" s="16">
        <v>8.1607857047038809E-2</v>
      </c>
    </row>
    <row r="91990" spans="1:7" x14ac:dyDescent="0.3">
      <c r="A91990" s="13" t="s">
        <v>460</v>
      </c>
      <c r="B91990" s="14" t="s">
        <v>1</v>
      </c>
      <c r="C91990" s="14" t="s">
        <v>137</v>
      </c>
      <c r="D91990" s="14" t="s">
        <v>193</v>
      </c>
      <c r="E91990" s="15">
        <v>45386</v>
      </c>
      <c r="F91990" s="14" t="s">
        <v>15</v>
      </c>
      <c r="G91990" s="16">
        <v>0.10172756450927757</v>
      </c>
    </row>
    <row r="91991" spans="1:7" x14ac:dyDescent="0.3">
      <c r="A91991" s="13" t="s">
        <v>460</v>
      </c>
      <c r="B91991" s="14" t="s">
        <v>1</v>
      </c>
      <c r="C91991" s="14" t="s">
        <v>137</v>
      </c>
      <c r="D91991" s="14" t="s">
        <v>193</v>
      </c>
      <c r="E91991" s="15">
        <v>45387</v>
      </c>
      <c r="F91991" s="14" t="s">
        <v>15</v>
      </c>
      <c r="G91991" s="16">
        <v>0.12354838901312092</v>
      </c>
    </row>
    <row r="91992" spans="1:7" x14ac:dyDescent="0.3">
      <c r="A91992" s="13" t="s">
        <v>460</v>
      </c>
      <c r="B91992" s="14" t="s">
        <v>1</v>
      </c>
      <c r="C91992" s="14" t="s">
        <v>137</v>
      </c>
      <c r="D91992" s="14" t="s">
        <v>193</v>
      </c>
      <c r="E91992" s="15">
        <v>45388</v>
      </c>
      <c r="F91992" s="14" t="s">
        <v>15</v>
      </c>
      <c r="G91992" s="16">
        <v>0.12354838901312092</v>
      </c>
    </row>
    <row r="91993" spans="1:7" x14ac:dyDescent="0.3">
      <c r="A91993" s="13" t="s">
        <v>460</v>
      </c>
      <c r="B91993" s="14" t="s">
        <v>1</v>
      </c>
      <c r="C91993" s="14" t="s">
        <v>137</v>
      </c>
      <c r="D91993" s="14" t="s">
        <v>193</v>
      </c>
      <c r="E91993" s="15">
        <v>45389</v>
      </c>
      <c r="F91993" s="14" t="s">
        <v>15</v>
      </c>
      <c r="G91993" s="16">
        <v>0.12354838901312092</v>
      </c>
    </row>
    <row r="91994" spans="1:7" x14ac:dyDescent="0.3">
      <c r="A91994" s="13" t="s">
        <v>460</v>
      </c>
      <c r="B91994" s="14" t="s">
        <v>1</v>
      </c>
      <c r="C91994" s="14" t="s">
        <v>137</v>
      </c>
      <c r="D91994" s="14" t="s">
        <v>193</v>
      </c>
      <c r="E91994" s="15">
        <v>45390</v>
      </c>
      <c r="F91994" s="14" t="s">
        <v>15</v>
      </c>
      <c r="G91994" s="16">
        <v>0.14285738482568811</v>
      </c>
    </row>
    <row r="91995" spans="1:7" x14ac:dyDescent="0.3">
      <c r="A91995" s="13" t="s">
        <v>460</v>
      </c>
      <c r="B91995" s="14" t="s">
        <v>1</v>
      </c>
      <c r="C91995" s="14" t="s">
        <v>137</v>
      </c>
      <c r="D91995" s="14" t="s">
        <v>193</v>
      </c>
      <c r="E91995" s="15">
        <v>45391</v>
      </c>
      <c r="F91995" s="14" t="s">
        <v>15</v>
      </c>
      <c r="G91995" s="16">
        <v>0.18800584672481449</v>
      </c>
    </row>
    <row r="91996" spans="1:7" x14ac:dyDescent="0.3">
      <c r="A91996" s="13" t="s">
        <v>460</v>
      </c>
      <c r="B91996" s="14" t="s">
        <v>1</v>
      </c>
      <c r="C91996" s="14" t="s">
        <v>137</v>
      </c>
      <c r="D91996" s="14" t="s">
        <v>193</v>
      </c>
      <c r="E91996" s="15">
        <v>45392</v>
      </c>
      <c r="F91996" s="14" t="s">
        <v>15</v>
      </c>
      <c r="G91996" s="16">
        <v>0.20479514285921552</v>
      </c>
    </row>
    <row r="91997" spans="1:7" x14ac:dyDescent="0.3">
      <c r="A91997" s="13" t="s">
        <v>460</v>
      </c>
      <c r="B91997" s="14" t="s">
        <v>1</v>
      </c>
      <c r="C91997" s="14" t="s">
        <v>137</v>
      </c>
      <c r="D91997" s="14" t="s">
        <v>193</v>
      </c>
      <c r="E91997" s="15">
        <v>45393</v>
      </c>
      <c r="F91997" s="14" t="s">
        <v>15</v>
      </c>
      <c r="G91997" s="16">
        <v>0.21917198151182685</v>
      </c>
    </row>
    <row r="91998" spans="1:7" x14ac:dyDescent="0.3">
      <c r="A91998" s="13" t="s">
        <v>460</v>
      </c>
      <c r="B91998" s="14" t="s">
        <v>1</v>
      </c>
      <c r="C91998" s="14" t="s">
        <v>137</v>
      </c>
      <c r="D91998" s="14" t="s">
        <v>193</v>
      </c>
      <c r="E91998" s="15">
        <v>45394</v>
      </c>
      <c r="F91998" s="14" t="s">
        <v>15</v>
      </c>
      <c r="G91998" s="16">
        <v>0.23622298796032087</v>
      </c>
    </row>
    <row r="91999" spans="1:7" x14ac:dyDescent="0.3">
      <c r="A91999" s="13" t="s">
        <v>460</v>
      </c>
      <c r="B91999" s="14" t="s">
        <v>1</v>
      </c>
      <c r="C91999" s="14" t="s">
        <v>137</v>
      </c>
      <c r="D91999" s="14" t="s">
        <v>193</v>
      </c>
      <c r="E91999" s="15">
        <v>45395</v>
      </c>
      <c r="F91999" s="14" t="s">
        <v>15</v>
      </c>
      <c r="G91999" s="16">
        <v>0.23622298796032087</v>
      </c>
    </row>
    <row r="92000" spans="1:7" x14ac:dyDescent="0.3">
      <c r="A92000" s="13" t="s">
        <v>460</v>
      </c>
      <c r="B92000" s="14" t="s">
        <v>1</v>
      </c>
      <c r="C92000" s="14" t="s">
        <v>137</v>
      </c>
      <c r="D92000" s="14" t="s">
        <v>193</v>
      </c>
      <c r="E92000" s="15">
        <v>45396</v>
      </c>
      <c r="F92000" s="14" t="s">
        <v>15</v>
      </c>
      <c r="G92000" s="16">
        <v>0.23622298796032087</v>
      </c>
    </row>
    <row r="92001" spans="1:7" x14ac:dyDescent="0.3">
      <c r="A92001" s="13" t="s">
        <v>460</v>
      </c>
      <c r="B92001" s="14" t="s">
        <v>1</v>
      </c>
      <c r="C92001" s="14" t="s">
        <v>137</v>
      </c>
      <c r="D92001" s="14" t="s">
        <v>193</v>
      </c>
      <c r="E92001" s="15">
        <v>45397</v>
      </c>
      <c r="F92001" s="14" t="s">
        <v>15</v>
      </c>
      <c r="G92001" s="16">
        <v>0.2533861559719976</v>
      </c>
    </row>
    <row r="92002" spans="1:7" x14ac:dyDescent="0.3">
      <c r="A92002" s="13" t="s">
        <v>460</v>
      </c>
      <c r="B92002" s="14" t="s">
        <v>1</v>
      </c>
      <c r="C92002" s="14" t="s">
        <v>137</v>
      </c>
      <c r="D92002" s="14" t="s">
        <v>193</v>
      </c>
      <c r="E92002" s="15">
        <v>45398</v>
      </c>
      <c r="F92002" s="14" t="s">
        <v>15</v>
      </c>
      <c r="G92002" s="16">
        <v>0.3081116411695502</v>
      </c>
    </row>
    <row r="92003" spans="1:7" x14ac:dyDescent="0.3">
      <c r="A92003" s="13" t="s">
        <v>460</v>
      </c>
      <c r="B92003" s="14" t="s">
        <v>1</v>
      </c>
      <c r="C92003" s="14" t="s">
        <v>137</v>
      </c>
      <c r="D92003" s="14" t="s">
        <v>193</v>
      </c>
      <c r="E92003" s="15">
        <v>45399</v>
      </c>
      <c r="F92003" s="14" t="s">
        <v>15</v>
      </c>
      <c r="G92003" s="16">
        <v>0.32630098909701272</v>
      </c>
    </row>
    <row r="92004" spans="1:7" x14ac:dyDescent="0.3">
      <c r="A92004" s="13" t="s">
        <v>460</v>
      </c>
      <c r="B92004" s="14" t="s">
        <v>1</v>
      </c>
      <c r="C92004" s="14" t="s">
        <v>137</v>
      </c>
      <c r="D92004" s="14" t="s">
        <v>193</v>
      </c>
      <c r="E92004" s="15">
        <v>45400</v>
      </c>
      <c r="F92004" s="14" t="s">
        <v>15</v>
      </c>
      <c r="G92004" s="16">
        <v>0.30974878476530865</v>
      </c>
    </row>
    <row r="92005" spans="1:7" x14ac:dyDescent="0.3">
      <c r="A92005" s="13" t="s">
        <v>460</v>
      </c>
      <c r="B92005" s="14" t="s">
        <v>1</v>
      </c>
      <c r="C92005" s="14" t="s">
        <v>137</v>
      </c>
      <c r="D92005" s="14" t="s">
        <v>193</v>
      </c>
      <c r="E92005" s="15">
        <v>45401</v>
      </c>
      <c r="F92005" s="14" t="s">
        <v>15</v>
      </c>
      <c r="G92005" s="16">
        <v>0.32787024543084475</v>
      </c>
    </row>
    <row r="92006" spans="1:7" x14ac:dyDescent="0.3">
      <c r="A92006" s="13" t="s">
        <v>460</v>
      </c>
      <c r="B92006" s="14" t="s">
        <v>1</v>
      </c>
      <c r="C92006" s="14" t="s">
        <v>137</v>
      </c>
      <c r="D92006" s="14" t="s">
        <v>193</v>
      </c>
      <c r="E92006" s="15">
        <v>45402</v>
      </c>
      <c r="F92006" s="14" t="s">
        <v>15</v>
      </c>
      <c r="G92006" s="16">
        <v>0.32787024543084475</v>
      </c>
    </row>
    <row r="92007" spans="1:7" x14ac:dyDescent="0.3">
      <c r="A92007" s="13" t="s">
        <v>460</v>
      </c>
      <c r="B92007" s="14" t="s">
        <v>1</v>
      </c>
      <c r="C92007" s="14" t="s">
        <v>137</v>
      </c>
      <c r="D92007" s="14" t="s">
        <v>193</v>
      </c>
      <c r="E92007" s="15">
        <v>45403</v>
      </c>
      <c r="F92007" s="14" t="s">
        <v>15</v>
      </c>
      <c r="G92007" s="16">
        <v>0.32787024543084475</v>
      </c>
    </row>
    <row r="92008" spans="1:7" x14ac:dyDescent="0.3">
      <c r="A92008" s="13" t="s">
        <v>460</v>
      </c>
      <c r="B92008" s="14" t="s">
        <v>1</v>
      </c>
      <c r="C92008" s="14" t="s">
        <v>137</v>
      </c>
      <c r="D92008" s="14" t="s">
        <v>193</v>
      </c>
      <c r="E92008" s="15">
        <v>45404</v>
      </c>
      <c r="F92008" s="14" t="s">
        <v>15</v>
      </c>
      <c r="G92008" s="16">
        <v>0.34530201087014328</v>
      </c>
    </row>
    <row r="92009" spans="1:7" x14ac:dyDescent="0.3">
      <c r="A92009" s="13" t="s">
        <v>460</v>
      </c>
      <c r="B92009" s="14" t="s">
        <v>1</v>
      </c>
      <c r="C92009" s="14" t="s">
        <v>137</v>
      </c>
      <c r="D92009" s="14" t="s">
        <v>193</v>
      </c>
      <c r="E92009" s="15">
        <v>45405</v>
      </c>
      <c r="F92009" s="14" t="s">
        <v>15</v>
      </c>
      <c r="G92009" s="16">
        <v>0.40168729042812784</v>
      </c>
    </row>
    <row r="92010" spans="1:7" x14ac:dyDescent="0.3">
      <c r="A92010" s="13" t="s">
        <v>460</v>
      </c>
      <c r="B92010" s="14" t="s">
        <v>1</v>
      </c>
      <c r="C92010" s="14" t="s">
        <v>137</v>
      </c>
      <c r="D92010" s="14" t="s">
        <v>193</v>
      </c>
      <c r="E92010" s="15">
        <v>45406</v>
      </c>
      <c r="F92010" s="14" t="s">
        <v>15</v>
      </c>
      <c r="G92010" s="16">
        <v>0.42243470909484532</v>
      </c>
    </row>
    <row r="92011" spans="1:7" x14ac:dyDescent="0.3">
      <c r="A92011" s="13" t="s">
        <v>460</v>
      </c>
      <c r="B92011" s="14" t="s">
        <v>1</v>
      </c>
      <c r="C92011" s="14" t="s">
        <v>137</v>
      </c>
      <c r="D92011" s="14" t="s">
        <v>193</v>
      </c>
      <c r="E92011" s="15">
        <v>45407</v>
      </c>
      <c r="F92011" s="14" t="s">
        <v>15</v>
      </c>
      <c r="G92011" s="16">
        <v>0.44509379370247532</v>
      </c>
    </row>
    <row r="92012" spans="1:7" x14ac:dyDescent="0.3">
      <c r="A92012" s="13" t="s">
        <v>460</v>
      </c>
      <c r="B92012" s="14" t="s">
        <v>1</v>
      </c>
      <c r="C92012" s="14" t="s">
        <v>137</v>
      </c>
      <c r="D92012" s="14" t="s">
        <v>193</v>
      </c>
      <c r="E92012" s="15">
        <v>45408</v>
      </c>
      <c r="F92012" s="14" t="s">
        <v>15</v>
      </c>
      <c r="G92012" s="16">
        <v>0.46695003764732373</v>
      </c>
    </row>
    <row r="92013" spans="1:7" x14ac:dyDescent="0.3">
      <c r="A92013" s="13" t="s">
        <v>460</v>
      </c>
      <c r="B92013" s="14" t="s">
        <v>1</v>
      </c>
      <c r="C92013" s="14" t="s">
        <v>137</v>
      </c>
      <c r="D92013" s="14" t="s">
        <v>193</v>
      </c>
      <c r="E92013" s="15">
        <v>45409</v>
      </c>
      <c r="F92013" s="14" t="s">
        <v>15</v>
      </c>
      <c r="G92013" s="16">
        <v>0.46695003764732373</v>
      </c>
    </row>
    <row r="92014" spans="1:7" x14ac:dyDescent="0.3">
      <c r="A92014" s="13" t="s">
        <v>460</v>
      </c>
      <c r="B92014" s="14" t="s">
        <v>1</v>
      </c>
      <c r="C92014" s="14" t="s">
        <v>137</v>
      </c>
      <c r="D92014" s="14" t="s">
        <v>193</v>
      </c>
      <c r="E92014" s="15">
        <v>45410</v>
      </c>
      <c r="F92014" s="14" t="s">
        <v>15</v>
      </c>
      <c r="G92014" s="16">
        <v>0.46695003764732373</v>
      </c>
    </row>
    <row r="92015" spans="1:7" x14ac:dyDescent="0.3">
      <c r="A92015" s="13" t="s">
        <v>460</v>
      </c>
      <c r="B92015" s="14" t="s">
        <v>1</v>
      </c>
      <c r="C92015" s="14" t="s">
        <v>137</v>
      </c>
      <c r="D92015" s="14" t="s">
        <v>193</v>
      </c>
      <c r="E92015" s="15">
        <v>45411</v>
      </c>
      <c r="F92015" s="14" t="s">
        <v>15</v>
      </c>
      <c r="G92015" s="16">
        <v>0.49419889148519391</v>
      </c>
    </row>
    <row r="92016" spans="1:7" x14ac:dyDescent="0.3">
      <c r="A92016" s="13" t="s">
        <v>460</v>
      </c>
      <c r="B92016" s="14" t="s">
        <v>1</v>
      </c>
      <c r="C92016" s="14" t="s">
        <v>137</v>
      </c>
      <c r="D92016" s="14" t="s">
        <v>193</v>
      </c>
      <c r="E92016" s="15">
        <v>45412</v>
      </c>
      <c r="F92016" s="14" t="s">
        <v>15</v>
      </c>
      <c r="G92016" s="16">
        <v>0.54697138806066148</v>
      </c>
    </row>
    <row r="92017" spans="1:7" x14ac:dyDescent="0.3">
      <c r="A92017" s="13" t="s">
        <v>460</v>
      </c>
      <c r="B92017" s="14" t="s">
        <v>1</v>
      </c>
      <c r="C92017" s="14" t="s">
        <v>137</v>
      </c>
      <c r="D92017" s="14" t="s">
        <v>193</v>
      </c>
      <c r="E92017" s="15">
        <v>45413</v>
      </c>
      <c r="F92017" s="14" t="s">
        <v>15</v>
      </c>
      <c r="G92017" s="16">
        <v>0.56719538609919296</v>
      </c>
    </row>
    <row r="92018" spans="1:7" x14ac:dyDescent="0.3">
      <c r="A92018" s="13" t="s">
        <v>460</v>
      </c>
      <c r="B92018" s="14" t="s">
        <v>1</v>
      </c>
      <c r="C92018" s="14" t="s">
        <v>137</v>
      </c>
      <c r="D92018" s="14" t="s">
        <v>193</v>
      </c>
      <c r="E92018" s="15">
        <v>45414</v>
      </c>
      <c r="F92018" s="14" t="s">
        <v>15</v>
      </c>
      <c r="G92018" s="16">
        <v>0.5923210412234815</v>
      </c>
    </row>
    <row r="92019" spans="1:7" x14ac:dyDescent="0.3">
      <c r="A92019" s="13" t="s">
        <v>460</v>
      </c>
      <c r="B92019" s="14" t="s">
        <v>1</v>
      </c>
      <c r="C92019" s="14" t="s">
        <v>137</v>
      </c>
      <c r="D92019" s="14" t="s">
        <v>193</v>
      </c>
      <c r="E92019" s="15">
        <v>45415</v>
      </c>
      <c r="F92019" s="14" t="s">
        <v>15</v>
      </c>
      <c r="G92019" s="16">
        <v>0.61150410124580845</v>
      </c>
    </row>
    <row r="92020" spans="1:7" x14ac:dyDescent="0.3">
      <c r="A92020" s="13" t="s">
        <v>460</v>
      </c>
      <c r="B92020" s="14" t="s">
        <v>1</v>
      </c>
      <c r="C92020" s="14" t="s">
        <v>137</v>
      </c>
      <c r="D92020" s="14" t="s">
        <v>193</v>
      </c>
      <c r="E92020" s="15">
        <v>45416</v>
      </c>
      <c r="F92020" s="14" t="s">
        <v>15</v>
      </c>
      <c r="G92020" s="16">
        <v>0.61150410124580845</v>
      </c>
    </row>
    <row r="92021" spans="1:7" x14ac:dyDescent="0.3">
      <c r="A92021" s="13" t="s">
        <v>460</v>
      </c>
      <c r="B92021" s="14" t="s">
        <v>1</v>
      </c>
      <c r="C92021" s="14" t="s">
        <v>137</v>
      </c>
      <c r="D92021" s="14" t="s">
        <v>193</v>
      </c>
      <c r="E92021" s="15">
        <v>45417</v>
      </c>
      <c r="F92021" s="14" t="s">
        <v>15</v>
      </c>
      <c r="G92021" s="16">
        <v>0.61150410124580845</v>
      </c>
    </row>
    <row r="92022" spans="1:7" x14ac:dyDescent="0.3">
      <c r="A92022" s="13" t="s">
        <v>460</v>
      </c>
      <c r="B92022" s="14" t="s">
        <v>1</v>
      </c>
      <c r="C92022" s="14" t="s">
        <v>137</v>
      </c>
      <c r="D92022" s="14" t="s">
        <v>193</v>
      </c>
      <c r="E92022" s="15">
        <v>45418</v>
      </c>
      <c r="F92022" s="14" t="s">
        <v>15</v>
      </c>
      <c r="G92022" s="16">
        <v>0.61150410124580845</v>
      </c>
    </row>
    <row r="92023" spans="1:7" x14ac:dyDescent="0.3">
      <c r="A92023" s="13" t="s">
        <v>460</v>
      </c>
      <c r="B92023" s="14" t="s">
        <v>1</v>
      </c>
      <c r="C92023" s="14" t="s">
        <v>137</v>
      </c>
      <c r="D92023" s="14" t="s">
        <v>193</v>
      </c>
      <c r="E92023" s="15">
        <v>45419</v>
      </c>
      <c r="F92023" s="14" t="s">
        <v>15</v>
      </c>
      <c r="G92023" s="16">
        <v>0.63058779005864896</v>
      </c>
    </row>
    <row r="92024" spans="1:7" x14ac:dyDescent="0.3">
      <c r="A92024" s="13" t="s">
        <v>460</v>
      </c>
      <c r="B92024" s="14" t="s">
        <v>1</v>
      </c>
      <c r="C92024" s="14" t="s">
        <v>137</v>
      </c>
      <c r="D92024" s="14" t="s">
        <v>193</v>
      </c>
      <c r="E92024" s="15">
        <v>45420</v>
      </c>
      <c r="F92024" s="14" t="s">
        <v>15</v>
      </c>
      <c r="G92024" s="16">
        <v>0.70269930142288428</v>
      </c>
    </row>
    <row r="92025" spans="1:7" x14ac:dyDescent="0.3">
      <c r="A92025" s="13" t="s">
        <v>460</v>
      </c>
      <c r="B92025" s="14" t="s">
        <v>1</v>
      </c>
      <c r="C92025" s="14" t="s">
        <v>137</v>
      </c>
      <c r="D92025" s="14" t="s">
        <v>193</v>
      </c>
      <c r="E92025" s="15">
        <v>45421</v>
      </c>
      <c r="F92025" s="14" t="s">
        <v>15</v>
      </c>
      <c r="G92025" s="16">
        <v>0.72199452300839384</v>
      </c>
    </row>
    <row r="92026" spans="1:7" x14ac:dyDescent="0.3">
      <c r="A92026" s="13" t="s">
        <v>460</v>
      </c>
      <c r="B92026" s="14" t="s">
        <v>1</v>
      </c>
      <c r="C92026" s="14" t="s">
        <v>137</v>
      </c>
      <c r="D92026" s="14" t="s">
        <v>193</v>
      </c>
      <c r="E92026" s="15">
        <v>45422</v>
      </c>
      <c r="F92026" s="14" t="s">
        <v>15</v>
      </c>
      <c r="G92026" s="16">
        <v>0.74081846925386385</v>
      </c>
    </row>
    <row r="92027" spans="1:7" x14ac:dyDescent="0.3">
      <c r="A92027" s="13" t="s">
        <v>460</v>
      </c>
      <c r="B92027" s="14" t="s">
        <v>1</v>
      </c>
      <c r="C92027" s="14" t="s">
        <v>137</v>
      </c>
      <c r="D92027" s="14" t="s">
        <v>193</v>
      </c>
      <c r="E92027" s="15">
        <v>45423</v>
      </c>
      <c r="F92027" s="14" t="s">
        <v>15</v>
      </c>
      <c r="G92027" s="16">
        <v>0.74081846925386385</v>
      </c>
    </row>
    <row r="92028" spans="1:7" x14ac:dyDescent="0.3">
      <c r="A92028" s="13" t="s">
        <v>460</v>
      </c>
      <c r="B92028" s="14" t="s">
        <v>1</v>
      </c>
      <c r="C92028" s="14" t="s">
        <v>137</v>
      </c>
      <c r="D92028" s="14" t="s">
        <v>193</v>
      </c>
      <c r="E92028" s="15">
        <v>45424</v>
      </c>
      <c r="F92028" s="14" t="s">
        <v>15</v>
      </c>
      <c r="G92028" s="16">
        <v>0.74081846925386385</v>
      </c>
    </row>
    <row r="92029" spans="1:7" x14ac:dyDescent="0.3">
      <c r="A92029" s="13" t="s">
        <v>460</v>
      </c>
      <c r="B92029" s="14" t="s">
        <v>1</v>
      </c>
      <c r="C92029" s="14" t="s">
        <v>137</v>
      </c>
      <c r="D92029" s="14" t="s">
        <v>193</v>
      </c>
      <c r="E92029" s="15">
        <v>45425</v>
      </c>
      <c r="F92029" s="14" t="s">
        <v>15</v>
      </c>
      <c r="G92029" s="16">
        <v>0.76506946095999939</v>
      </c>
    </row>
    <row r="92030" spans="1:7" x14ac:dyDescent="0.3">
      <c r="A92030" s="13" t="s">
        <v>460</v>
      </c>
      <c r="B92030" s="14" t="s">
        <v>1</v>
      </c>
      <c r="C92030" s="14" t="s">
        <v>137</v>
      </c>
      <c r="D92030" s="14" t="s">
        <v>193</v>
      </c>
      <c r="E92030" s="15">
        <v>45426</v>
      </c>
      <c r="F92030" s="14" t="s">
        <v>15</v>
      </c>
      <c r="G92030" s="16">
        <v>0.82330442243713764</v>
      </c>
    </row>
    <row r="92031" spans="1:7" x14ac:dyDescent="0.3">
      <c r="A92031" s="13" t="s">
        <v>460</v>
      </c>
      <c r="B92031" s="14" t="s">
        <v>1</v>
      </c>
      <c r="C92031" s="14" t="s">
        <v>137</v>
      </c>
      <c r="D92031" s="14" t="s">
        <v>193</v>
      </c>
      <c r="E92031" s="15">
        <v>45427</v>
      </c>
      <c r="F92031" s="14" t="s">
        <v>15</v>
      </c>
      <c r="G92031" s="16">
        <v>0.84207720726782254</v>
      </c>
    </row>
    <row r="92032" spans="1:7" x14ac:dyDescent="0.3">
      <c r="A92032" s="13" t="s">
        <v>460</v>
      </c>
      <c r="B92032" s="14" t="s">
        <v>1</v>
      </c>
      <c r="C92032" s="14" t="s">
        <v>137</v>
      </c>
      <c r="D92032" s="14" t="s">
        <v>193</v>
      </c>
      <c r="E92032" s="15">
        <v>45428</v>
      </c>
      <c r="F92032" s="14" t="s">
        <v>15</v>
      </c>
      <c r="G92032" s="16">
        <v>0.86091000837354381</v>
      </c>
    </row>
    <row r="92033" spans="1:7" x14ac:dyDescent="0.3">
      <c r="A92033" s="13" t="s">
        <v>460</v>
      </c>
      <c r="B92033" s="14" t="s">
        <v>1</v>
      </c>
      <c r="C92033" s="14" t="s">
        <v>137</v>
      </c>
      <c r="D92033" s="14" t="s">
        <v>193</v>
      </c>
      <c r="E92033" s="15">
        <v>45429</v>
      </c>
      <c r="F92033" s="14" t="s">
        <v>15</v>
      </c>
      <c r="G92033" s="16">
        <v>0.87841654818829751</v>
      </c>
    </row>
    <row r="92034" spans="1:7" x14ac:dyDescent="0.3">
      <c r="A92034" s="13" t="s">
        <v>460</v>
      </c>
      <c r="B92034" s="14" t="s">
        <v>1</v>
      </c>
      <c r="C92034" s="14" t="s">
        <v>137</v>
      </c>
      <c r="D92034" s="14" t="s">
        <v>193</v>
      </c>
      <c r="E92034" s="15">
        <v>45430</v>
      </c>
      <c r="F92034" s="14" t="s">
        <v>15</v>
      </c>
      <c r="G92034" s="16">
        <v>0.87841654818829751</v>
      </c>
    </row>
    <row r="92035" spans="1:7" x14ac:dyDescent="0.3">
      <c r="A92035" s="13" t="s">
        <v>460</v>
      </c>
      <c r="B92035" s="14" t="s">
        <v>1</v>
      </c>
      <c r="C92035" s="14" t="s">
        <v>137</v>
      </c>
      <c r="D92035" s="14" t="s">
        <v>193</v>
      </c>
      <c r="E92035" s="15">
        <v>45431</v>
      </c>
      <c r="F92035" s="14" t="s">
        <v>15</v>
      </c>
      <c r="G92035" s="16">
        <v>0.87841654818829751</v>
      </c>
    </row>
    <row r="92036" spans="1:7" x14ac:dyDescent="0.3">
      <c r="A92036" s="13" t="s">
        <v>460</v>
      </c>
      <c r="B92036" s="14" t="s">
        <v>1</v>
      </c>
      <c r="C92036" s="14" t="s">
        <v>137</v>
      </c>
      <c r="D92036" s="14" t="s">
        <v>193</v>
      </c>
      <c r="E92036" s="15">
        <v>45432</v>
      </c>
      <c r="F92036" s="14" t="s">
        <v>15</v>
      </c>
      <c r="G92036" s="16">
        <v>0.89714309097100353</v>
      </c>
    </row>
    <row r="92037" spans="1:7" x14ac:dyDescent="0.3">
      <c r="A92037" s="13" t="s">
        <v>460</v>
      </c>
      <c r="B92037" s="14" t="s">
        <v>1</v>
      </c>
      <c r="C92037" s="14" t="s">
        <v>137</v>
      </c>
      <c r="D92037" s="14" t="s">
        <v>193</v>
      </c>
      <c r="E92037" s="15">
        <v>45433</v>
      </c>
      <c r="F92037" s="14" t="s">
        <v>15</v>
      </c>
      <c r="G92037" s="16">
        <v>0.9531938535861626</v>
      </c>
    </row>
    <row r="92038" spans="1:7" x14ac:dyDescent="0.3">
      <c r="A92038" s="13" t="s">
        <v>460</v>
      </c>
      <c r="B92038" s="14" t="s">
        <v>1</v>
      </c>
      <c r="C92038" s="14" t="s">
        <v>137</v>
      </c>
      <c r="D92038" s="14" t="s">
        <v>193</v>
      </c>
      <c r="E92038" s="15">
        <v>45434</v>
      </c>
      <c r="F92038" s="14" t="s">
        <v>15</v>
      </c>
      <c r="G92038" s="16">
        <v>0.97188399305450224</v>
      </c>
    </row>
    <row r="92039" spans="1:7" x14ac:dyDescent="0.3">
      <c r="A92039" s="13" t="s">
        <v>460</v>
      </c>
      <c r="B92039" s="14" t="s">
        <v>1</v>
      </c>
      <c r="C92039" s="14" t="s">
        <v>137</v>
      </c>
      <c r="D92039" s="14" t="s">
        <v>193</v>
      </c>
      <c r="E92039" s="15">
        <v>45435</v>
      </c>
      <c r="F92039" s="14" t="s">
        <v>15</v>
      </c>
      <c r="G92039" s="16">
        <v>0.99317254206990824</v>
      </c>
    </row>
    <row r="92040" spans="1:7" x14ac:dyDescent="0.3">
      <c r="A92040" s="13" t="s">
        <v>460</v>
      </c>
      <c r="B92040" s="14" t="s">
        <v>1</v>
      </c>
      <c r="C92040" s="14" t="s">
        <v>137</v>
      </c>
      <c r="D92040" s="14" t="s">
        <v>193</v>
      </c>
      <c r="E92040" s="15">
        <v>45436</v>
      </c>
      <c r="F92040" s="14" t="s">
        <v>15</v>
      </c>
      <c r="G92040" s="16">
        <v>1.0133916207416334</v>
      </c>
    </row>
    <row r="92041" spans="1:7" x14ac:dyDescent="0.3">
      <c r="A92041" s="13" t="s">
        <v>460</v>
      </c>
      <c r="B92041" s="14" t="s">
        <v>1</v>
      </c>
      <c r="C92041" s="14" t="s">
        <v>137</v>
      </c>
      <c r="D92041" s="14" t="s">
        <v>193</v>
      </c>
      <c r="E92041" s="15">
        <v>45437</v>
      </c>
      <c r="F92041" s="14" t="s">
        <v>15</v>
      </c>
      <c r="G92041" s="16">
        <v>1.0133916207416334</v>
      </c>
    </row>
    <row r="92042" spans="1:7" x14ac:dyDescent="0.3">
      <c r="A92042" s="13" t="s">
        <v>460</v>
      </c>
      <c r="B92042" s="14" t="s">
        <v>1</v>
      </c>
      <c r="C92042" s="14" t="s">
        <v>137</v>
      </c>
      <c r="D92042" s="14" t="s">
        <v>193</v>
      </c>
      <c r="E92042" s="15">
        <v>45438</v>
      </c>
      <c r="F92042" s="14" t="s">
        <v>15</v>
      </c>
      <c r="G92042" s="16">
        <v>1.0133916207416334</v>
      </c>
    </row>
    <row r="92043" spans="1:7" x14ac:dyDescent="0.3">
      <c r="A92043" s="13" t="s">
        <v>460</v>
      </c>
      <c r="B92043" s="14" t="s">
        <v>1</v>
      </c>
      <c r="C92043" s="14" t="s">
        <v>137</v>
      </c>
      <c r="D92043" s="14" t="s">
        <v>193</v>
      </c>
      <c r="E92043" s="15">
        <v>45439</v>
      </c>
      <c r="F92043" s="14" t="s">
        <v>15</v>
      </c>
      <c r="G92043" s="16">
        <v>1.0345001209319302</v>
      </c>
    </row>
    <row r="92044" spans="1:7" x14ac:dyDescent="0.3">
      <c r="A92044" s="13" t="s">
        <v>460</v>
      </c>
      <c r="B92044" s="14" t="s">
        <v>1</v>
      </c>
      <c r="C92044" s="14" t="s">
        <v>137</v>
      </c>
      <c r="D92044" s="14" t="s">
        <v>193</v>
      </c>
      <c r="E92044" s="15">
        <v>45440</v>
      </c>
      <c r="F92044" s="14" t="s">
        <v>15</v>
      </c>
      <c r="G92044" s="16">
        <v>1.0923946622260754</v>
      </c>
    </row>
    <row r="92045" spans="1:7" x14ac:dyDescent="0.3">
      <c r="A92045" s="13" t="s">
        <v>460</v>
      </c>
      <c r="B92045" s="14" t="s">
        <v>1</v>
      </c>
      <c r="C92045" s="14" t="s">
        <v>137</v>
      </c>
      <c r="D92045" s="14" t="s">
        <v>193</v>
      </c>
      <c r="E92045" s="15">
        <v>45441</v>
      </c>
      <c r="F92045" s="14" t="s">
        <v>15</v>
      </c>
      <c r="G92045" s="16">
        <v>1.1116515127504962</v>
      </c>
    </row>
    <row r="92046" spans="1:7" x14ac:dyDescent="0.3">
      <c r="A92046" s="13" t="s">
        <v>460</v>
      </c>
      <c r="B92046" s="14" t="s">
        <v>1</v>
      </c>
      <c r="C92046" s="14" t="s">
        <v>137</v>
      </c>
      <c r="D92046" s="14" t="s">
        <v>193</v>
      </c>
      <c r="E92046" s="15">
        <v>45442</v>
      </c>
      <c r="F92046" s="14" t="s">
        <v>15</v>
      </c>
      <c r="G92046" s="16">
        <v>1.1312782996587476</v>
      </c>
    </row>
    <row r="92047" spans="1:7" x14ac:dyDescent="0.3">
      <c r="A92047" s="13" t="s">
        <v>460</v>
      </c>
      <c r="B92047" s="14" t="s">
        <v>1</v>
      </c>
      <c r="C92047" s="14" t="s">
        <v>137</v>
      </c>
      <c r="D92047" s="14" t="s">
        <v>193</v>
      </c>
      <c r="E92047" s="15">
        <v>45443</v>
      </c>
      <c r="F92047" s="14" t="s">
        <v>15</v>
      </c>
      <c r="G92047" s="16">
        <v>1.1506561666066024</v>
      </c>
    </row>
    <row r="92048" spans="1:7" x14ac:dyDescent="0.3">
      <c r="A92048" s="13" t="s">
        <v>460</v>
      </c>
      <c r="B92048" s="14" t="s">
        <v>1</v>
      </c>
      <c r="C92048" s="14" t="s">
        <v>137</v>
      </c>
      <c r="D92048" s="14" t="s">
        <v>193</v>
      </c>
      <c r="E92048" s="15">
        <v>45444</v>
      </c>
      <c r="F92048" s="14" t="s">
        <v>15</v>
      </c>
      <c r="G92048" s="16">
        <v>1.1506561666066024</v>
      </c>
    </row>
    <row r="92049" spans="1:7" x14ac:dyDescent="0.3">
      <c r="A92049" s="13" t="s">
        <v>460</v>
      </c>
      <c r="B92049" s="14" t="s">
        <v>1</v>
      </c>
      <c r="C92049" s="14" t="s">
        <v>137</v>
      </c>
      <c r="D92049" s="14" t="s">
        <v>193</v>
      </c>
      <c r="E92049" s="15">
        <v>45445</v>
      </c>
      <c r="F92049" s="14" t="s">
        <v>15</v>
      </c>
      <c r="G92049" s="16">
        <v>1.1506561666066024</v>
      </c>
    </row>
    <row r="92050" spans="1:7" x14ac:dyDescent="0.3">
      <c r="A92050" s="13" t="s">
        <v>460</v>
      </c>
      <c r="B92050" s="14" t="s">
        <v>1</v>
      </c>
      <c r="C92050" s="14" t="s">
        <v>137</v>
      </c>
      <c r="D92050" s="14" t="s">
        <v>193</v>
      </c>
      <c r="E92050" s="15">
        <v>45446</v>
      </c>
      <c r="F92050" s="14" t="s">
        <v>15</v>
      </c>
      <c r="G92050" s="16">
        <v>1.1506561666066024</v>
      </c>
    </row>
    <row r="92051" spans="1:7" x14ac:dyDescent="0.3">
      <c r="A92051" s="13" t="s">
        <v>460</v>
      </c>
      <c r="B92051" s="14" t="s">
        <v>1</v>
      </c>
      <c r="C92051" s="14" t="s">
        <v>137</v>
      </c>
      <c r="D92051" s="14" t="s">
        <v>193</v>
      </c>
      <c r="E92051" s="15">
        <v>45447</v>
      </c>
      <c r="F92051" s="14" t="s">
        <v>15</v>
      </c>
      <c r="G92051" s="16">
        <v>1.1689084824291851</v>
      </c>
    </row>
    <row r="92052" spans="1:7" x14ac:dyDescent="0.3">
      <c r="A92052" s="13" t="s">
        <v>460</v>
      </c>
      <c r="B92052" s="14" t="s">
        <v>1</v>
      </c>
      <c r="C92052" s="14" t="s">
        <v>137</v>
      </c>
      <c r="D92052" s="14" t="s">
        <v>193</v>
      </c>
      <c r="E92052" s="15">
        <v>45448</v>
      </c>
      <c r="F92052" s="14" t="s">
        <v>15</v>
      </c>
      <c r="G92052" s="16">
        <v>1.2347763334429156</v>
      </c>
    </row>
    <row r="92053" spans="1:7" x14ac:dyDescent="0.3">
      <c r="A92053" s="13" t="s">
        <v>460</v>
      </c>
      <c r="B92053" s="14" t="s">
        <v>1</v>
      </c>
      <c r="C92053" s="14" t="s">
        <v>137</v>
      </c>
      <c r="D92053" s="14" t="s">
        <v>193</v>
      </c>
      <c r="E92053" s="15">
        <v>45449</v>
      </c>
      <c r="F92053" s="14" t="s">
        <v>15</v>
      </c>
      <c r="G92053" s="16">
        <v>1.254707137219794</v>
      </c>
    </row>
    <row r="92054" spans="1:7" x14ac:dyDescent="0.3">
      <c r="A92054" s="13" t="s">
        <v>460</v>
      </c>
      <c r="B92054" s="14" t="s">
        <v>1</v>
      </c>
      <c r="C92054" s="14" t="s">
        <v>137</v>
      </c>
      <c r="D92054" s="14" t="s">
        <v>193</v>
      </c>
      <c r="E92054" s="15">
        <v>45450</v>
      </c>
      <c r="F92054" s="14" t="s">
        <v>15</v>
      </c>
      <c r="G92054" s="16">
        <v>1.2746556507171749</v>
      </c>
    </row>
    <row r="92055" spans="1:7" x14ac:dyDescent="0.3">
      <c r="A92055" s="13" t="s">
        <v>460</v>
      </c>
      <c r="B92055" s="14" t="s">
        <v>1</v>
      </c>
      <c r="C92055" s="14" t="s">
        <v>137</v>
      </c>
      <c r="D92055" s="14" t="s">
        <v>193</v>
      </c>
      <c r="E92055" s="15">
        <v>45451</v>
      </c>
      <c r="F92055" s="14" t="s">
        <v>15</v>
      </c>
      <c r="G92055" s="16">
        <v>1.2746556507171749</v>
      </c>
    </row>
    <row r="92056" spans="1:7" x14ac:dyDescent="0.3">
      <c r="A92056" s="13" t="s">
        <v>460</v>
      </c>
      <c r="B92056" s="14" t="s">
        <v>1</v>
      </c>
      <c r="C92056" s="14" t="s">
        <v>137</v>
      </c>
      <c r="D92056" s="14" t="s">
        <v>193</v>
      </c>
      <c r="E92056" s="15">
        <v>45452</v>
      </c>
      <c r="F92056" s="14" t="s">
        <v>15</v>
      </c>
      <c r="G92056" s="16">
        <v>1.2746556507171749</v>
      </c>
    </row>
    <row r="92057" spans="1:7" x14ac:dyDescent="0.3">
      <c r="A92057" s="13" t="s">
        <v>460</v>
      </c>
      <c r="B92057" s="14" t="s">
        <v>1</v>
      </c>
      <c r="C92057" s="14" t="s">
        <v>137</v>
      </c>
      <c r="D92057" s="14" t="s">
        <v>193</v>
      </c>
      <c r="E92057" s="15">
        <v>45453</v>
      </c>
      <c r="F92057" s="14" t="s">
        <v>15</v>
      </c>
      <c r="G92057" s="16">
        <v>1.3014578260490368</v>
      </c>
    </row>
    <row r="92058" spans="1:7" x14ac:dyDescent="0.3">
      <c r="A92058" s="13" t="s">
        <v>460</v>
      </c>
      <c r="B92058" s="14" t="s">
        <v>1</v>
      </c>
      <c r="C92058" s="14" t="s">
        <v>137</v>
      </c>
      <c r="D92058" s="14" t="s">
        <v>193</v>
      </c>
      <c r="E92058" s="15">
        <v>45454</v>
      </c>
      <c r="F92058" s="14" t="s">
        <v>15</v>
      </c>
      <c r="G92058" s="16">
        <v>1.3613830819608057</v>
      </c>
    </row>
    <row r="92059" spans="1:7" x14ac:dyDescent="0.3">
      <c r="A92059" s="13" t="s">
        <v>460</v>
      </c>
      <c r="B92059" s="14" t="s">
        <v>1</v>
      </c>
      <c r="C92059" s="14" t="s">
        <v>137</v>
      </c>
      <c r="D92059" s="14" t="s">
        <v>193</v>
      </c>
      <c r="E92059" s="15">
        <v>45455</v>
      </c>
      <c r="F92059" s="14" t="s">
        <v>15</v>
      </c>
      <c r="G92059" s="16">
        <v>1.3813620955323855</v>
      </c>
    </row>
    <row r="92060" spans="1:7" x14ac:dyDescent="0.3">
      <c r="A92060" s="13" t="s">
        <v>460</v>
      </c>
      <c r="B92060" s="14" t="s">
        <v>1</v>
      </c>
      <c r="C92060" s="14" t="s">
        <v>137</v>
      </c>
      <c r="D92060" s="14" t="s">
        <v>193</v>
      </c>
      <c r="E92060" s="15">
        <v>45456</v>
      </c>
      <c r="F92060" s="14" t="s">
        <v>15</v>
      </c>
      <c r="G92060" s="16">
        <v>1.4013509478375779</v>
      </c>
    </row>
    <row r="92061" spans="1:7" x14ac:dyDescent="0.3">
      <c r="A92061" s="13" t="s">
        <v>460</v>
      </c>
      <c r="B92061" s="14" t="s">
        <v>1</v>
      </c>
      <c r="C92061" s="14" t="s">
        <v>137</v>
      </c>
      <c r="D92061" s="14" t="s">
        <v>193</v>
      </c>
      <c r="E92061" s="15">
        <v>45457</v>
      </c>
      <c r="F92061" s="14" t="s">
        <v>15</v>
      </c>
      <c r="G92061" s="16">
        <v>1.4211400738504358</v>
      </c>
    </row>
    <row r="92062" spans="1:7" x14ac:dyDescent="0.3">
      <c r="A92062" s="13" t="s">
        <v>460</v>
      </c>
      <c r="B92062" s="14" t="s">
        <v>1</v>
      </c>
      <c r="C92062" s="14" t="s">
        <v>137</v>
      </c>
      <c r="D92062" s="14" t="s">
        <v>193</v>
      </c>
      <c r="E92062" s="15">
        <v>45458</v>
      </c>
      <c r="F92062" s="14" t="s">
        <v>15</v>
      </c>
      <c r="G92062" s="16">
        <v>1.4211400738504358</v>
      </c>
    </row>
    <row r="92063" spans="1:7" x14ac:dyDescent="0.3">
      <c r="A92063" s="13" t="s">
        <v>460</v>
      </c>
      <c r="B92063" s="14" t="s">
        <v>1</v>
      </c>
      <c r="C92063" s="14" t="s">
        <v>137</v>
      </c>
      <c r="D92063" s="14" t="s">
        <v>193</v>
      </c>
      <c r="E92063" s="15">
        <v>45459</v>
      </c>
      <c r="F92063" s="14" t="s">
        <v>15</v>
      </c>
      <c r="G92063" s="16">
        <v>1.4211400738504358</v>
      </c>
    </row>
    <row r="92064" spans="1:7" x14ac:dyDescent="0.3">
      <c r="A92064" s="13" t="s">
        <v>460</v>
      </c>
      <c r="B92064" s="14" t="s">
        <v>1</v>
      </c>
      <c r="C92064" s="14" t="s">
        <v>137</v>
      </c>
      <c r="D92064" s="14" t="s">
        <v>193</v>
      </c>
      <c r="E92064" s="15">
        <v>45460</v>
      </c>
      <c r="F92064" s="14" t="s">
        <v>15</v>
      </c>
      <c r="G92064" s="16">
        <v>1.4410315226928643</v>
      </c>
    </row>
    <row r="92065" spans="1:7" x14ac:dyDescent="0.3">
      <c r="A92065" s="13" t="s">
        <v>460</v>
      </c>
      <c r="B92065" s="14" t="s">
        <v>1</v>
      </c>
      <c r="C92065" s="14" t="s">
        <v>137</v>
      </c>
      <c r="D92065" s="14" t="s">
        <v>193</v>
      </c>
      <c r="E92065" s="15">
        <v>45461</v>
      </c>
      <c r="F92065" s="14" t="s">
        <v>15</v>
      </c>
      <c r="G92065" s="16">
        <v>1.5010197464997532</v>
      </c>
    </row>
    <row r="92066" spans="1:7" x14ac:dyDescent="0.3">
      <c r="A92066" s="13" t="s">
        <v>460</v>
      </c>
      <c r="B92066" s="14" t="s">
        <v>1</v>
      </c>
      <c r="C92066" s="14" t="s">
        <v>137</v>
      </c>
      <c r="D92066" s="14" t="s">
        <v>193</v>
      </c>
      <c r="E92066" s="15">
        <v>45462</v>
      </c>
      <c r="F92066" s="14" t="s">
        <v>15</v>
      </c>
      <c r="G92066" s="16">
        <v>1.5210036794381394</v>
      </c>
    </row>
    <row r="92067" spans="1:7" x14ac:dyDescent="0.3">
      <c r="A92067" s="13" t="s">
        <v>460</v>
      </c>
      <c r="B92067" s="14" t="s">
        <v>1</v>
      </c>
      <c r="C92067" s="14" t="s">
        <v>137</v>
      </c>
      <c r="D92067" s="14" t="s">
        <v>193</v>
      </c>
      <c r="E92067" s="15">
        <v>45463</v>
      </c>
      <c r="F92067" s="14" t="s">
        <v>15</v>
      </c>
      <c r="G92067" s="16">
        <v>1.5409689187826616</v>
      </c>
    </row>
    <row r="92068" spans="1:7" x14ac:dyDescent="0.3">
      <c r="A92068" s="13" t="s">
        <v>460</v>
      </c>
      <c r="B92068" s="14" t="s">
        <v>1</v>
      </c>
      <c r="C92068" s="14" t="s">
        <v>137</v>
      </c>
      <c r="D92068" s="14" t="s">
        <v>193</v>
      </c>
      <c r="E92068" s="15">
        <v>45464</v>
      </c>
      <c r="F92068" s="14" t="s">
        <v>15</v>
      </c>
      <c r="G92068" s="16">
        <v>1.5614585626287312</v>
      </c>
    </row>
    <row r="92069" spans="1:7" x14ac:dyDescent="0.3">
      <c r="A92069" s="13" t="s">
        <v>460</v>
      </c>
      <c r="B92069" s="14" t="s">
        <v>1</v>
      </c>
      <c r="C92069" s="14" t="s">
        <v>137</v>
      </c>
      <c r="D92069" s="14" t="s">
        <v>193</v>
      </c>
      <c r="E92069" s="15">
        <v>45465</v>
      </c>
      <c r="F92069" s="14" t="s">
        <v>15</v>
      </c>
      <c r="G92069" s="16">
        <v>1.5614585626287312</v>
      </c>
    </row>
    <row r="92070" spans="1:7" x14ac:dyDescent="0.3">
      <c r="A92070" s="13" t="s">
        <v>460</v>
      </c>
      <c r="B92070" s="14" t="s">
        <v>1</v>
      </c>
      <c r="C92070" s="14" t="s">
        <v>137</v>
      </c>
      <c r="D92070" s="14" t="s">
        <v>193</v>
      </c>
      <c r="E92070" s="15">
        <v>45466</v>
      </c>
      <c r="F92070" s="14" t="s">
        <v>15</v>
      </c>
      <c r="G92070" s="16">
        <v>1.5614585626287312</v>
      </c>
    </row>
    <row r="92071" spans="1:7" x14ac:dyDescent="0.3">
      <c r="A92071" s="13" t="s">
        <v>460</v>
      </c>
      <c r="B92071" s="14" t="s">
        <v>1</v>
      </c>
      <c r="C92071" s="14" t="s">
        <v>137</v>
      </c>
      <c r="D92071" s="14" t="s">
        <v>193</v>
      </c>
      <c r="E92071" s="15">
        <v>45467</v>
      </c>
      <c r="F92071" s="14" t="s">
        <v>15</v>
      </c>
      <c r="G92071" s="16">
        <v>1.5823860301205577</v>
      </c>
    </row>
    <row r="92072" spans="1:7" x14ac:dyDescent="0.3">
      <c r="A92072" s="13" t="s">
        <v>460</v>
      </c>
      <c r="B92072" s="14" t="s">
        <v>1</v>
      </c>
      <c r="C92072" s="14" t="s">
        <v>137</v>
      </c>
      <c r="D92072" s="14" t="s">
        <v>193</v>
      </c>
      <c r="E92072" s="15">
        <v>45468</v>
      </c>
      <c r="F92072" s="14" t="s">
        <v>15</v>
      </c>
      <c r="G92072" s="16">
        <v>1.6438392413623506</v>
      </c>
    </row>
    <row r="92073" spans="1:7" x14ac:dyDescent="0.3">
      <c r="A92073" s="13" t="s">
        <v>460</v>
      </c>
      <c r="B92073" s="14" t="s">
        <v>1</v>
      </c>
      <c r="C92073" s="14" t="s">
        <v>137</v>
      </c>
      <c r="D92073" s="14" t="s">
        <v>193</v>
      </c>
      <c r="E92073" s="15">
        <v>45469</v>
      </c>
      <c r="F92073" s="14" t="s">
        <v>15</v>
      </c>
      <c r="G92073" s="16">
        <v>1.663906416232301</v>
      </c>
    </row>
    <row r="92074" spans="1:7" x14ac:dyDescent="0.3">
      <c r="A92074" s="13" t="s">
        <v>460</v>
      </c>
      <c r="B92074" s="14" t="s">
        <v>1</v>
      </c>
      <c r="C92074" s="14" t="s">
        <v>137</v>
      </c>
      <c r="D92074" s="14" t="s">
        <v>193</v>
      </c>
      <c r="E92074" s="15">
        <v>45470</v>
      </c>
      <c r="F92074" s="14" t="s">
        <v>15</v>
      </c>
      <c r="G92074" s="16">
        <v>1.6839886401248185</v>
      </c>
    </row>
    <row r="92075" spans="1:7" x14ac:dyDescent="0.3">
      <c r="A92075" s="13" t="s">
        <v>460</v>
      </c>
      <c r="B92075" s="14" t="s">
        <v>1</v>
      </c>
      <c r="C92075" s="14" t="s">
        <v>137</v>
      </c>
      <c r="D92075" s="14" t="s">
        <v>193</v>
      </c>
      <c r="E92075" s="15">
        <v>45471</v>
      </c>
      <c r="F92075" s="14" t="s">
        <v>15</v>
      </c>
      <c r="G92075" s="16">
        <v>1.7041402567325072</v>
      </c>
    </row>
    <row r="92076" spans="1:7" x14ac:dyDescent="0.3">
      <c r="A92076" s="13" t="s">
        <v>460</v>
      </c>
      <c r="B92076" s="14" t="s">
        <v>1</v>
      </c>
      <c r="C92076" s="14" t="s">
        <v>137</v>
      </c>
      <c r="D92076" s="14" t="s">
        <v>193</v>
      </c>
      <c r="E92076" s="15">
        <v>45472</v>
      </c>
      <c r="F92076" s="14" t="s">
        <v>15</v>
      </c>
      <c r="G92076" s="16">
        <v>1.7041402567325072</v>
      </c>
    </row>
    <row r="92077" spans="1:7" x14ac:dyDescent="0.3">
      <c r="A92077" s="13" t="s">
        <v>460</v>
      </c>
      <c r="B92077" s="14" t="s">
        <v>1</v>
      </c>
      <c r="C92077" s="14" t="s">
        <v>137</v>
      </c>
      <c r="D92077" s="14" t="s">
        <v>193</v>
      </c>
      <c r="E92077" s="15">
        <v>45473</v>
      </c>
      <c r="F92077" s="14" t="s">
        <v>15</v>
      </c>
      <c r="G92077" s="16">
        <v>1.7041402567325072</v>
      </c>
    </row>
    <row r="92078" spans="1:7" x14ac:dyDescent="0.3">
      <c r="A92078" s="13" t="s">
        <v>460</v>
      </c>
      <c r="B92078" s="14" t="s">
        <v>1</v>
      </c>
      <c r="C92078" s="14" t="s">
        <v>137</v>
      </c>
      <c r="D92078" s="14" t="s">
        <v>193</v>
      </c>
      <c r="E92078" s="15">
        <v>45474</v>
      </c>
      <c r="F92078" s="14" t="s">
        <v>15</v>
      </c>
      <c r="G92078" s="16">
        <v>1.7246990330063208</v>
      </c>
    </row>
    <row r="92079" spans="1:7" x14ac:dyDescent="0.3">
      <c r="A92079" s="13" t="s">
        <v>460</v>
      </c>
      <c r="B92079" s="14" t="s">
        <v>1</v>
      </c>
      <c r="C92079" s="14" t="s">
        <v>137</v>
      </c>
      <c r="D92079" s="14" t="s">
        <v>193</v>
      </c>
      <c r="E92079" s="15">
        <v>45475</v>
      </c>
      <c r="F92079" s="14" t="s">
        <v>15</v>
      </c>
      <c r="G92079" s="16">
        <v>1.7873064504466167</v>
      </c>
    </row>
    <row r="92080" spans="1:7" x14ac:dyDescent="0.3">
      <c r="A92080" s="13" t="s">
        <v>460</v>
      </c>
      <c r="B92080" s="14" t="s">
        <v>1</v>
      </c>
      <c r="C92080" s="14" t="s">
        <v>137</v>
      </c>
      <c r="D92080" s="14" t="s">
        <v>193</v>
      </c>
      <c r="E92080" s="15">
        <v>45476</v>
      </c>
      <c r="F92080" s="14" t="s">
        <v>15</v>
      </c>
      <c r="G92080" s="16">
        <v>1.8076946711313346</v>
      </c>
    </row>
    <row r="92081" spans="1:7" x14ac:dyDescent="0.3">
      <c r="A92081" s="13" t="s">
        <v>460</v>
      </c>
      <c r="B92081" s="14" t="s">
        <v>1</v>
      </c>
      <c r="C92081" s="14" t="s">
        <v>137</v>
      </c>
      <c r="D92081" s="14" t="s">
        <v>193</v>
      </c>
      <c r="E92081" s="15">
        <v>45477</v>
      </c>
      <c r="F92081" s="14" t="s">
        <v>15</v>
      </c>
      <c r="G92081" s="16">
        <v>1.8280076467032167</v>
      </c>
    </row>
    <row r="92082" spans="1:7" x14ac:dyDescent="0.3">
      <c r="A92082" s="13" t="s">
        <v>460</v>
      </c>
      <c r="B92082" s="14" t="s">
        <v>1</v>
      </c>
      <c r="C92082" s="14" t="s">
        <v>137</v>
      </c>
      <c r="D92082" s="14" t="s">
        <v>193</v>
      </c>
      <c r="E92082" s="15">
        <v>45478</v>
      </c>
      <c r="F92082" s="14" t="s">
        <v>15</v>
      </c>
      <c r="G92082" s="16">
        <v>1.8482520656167369</v>
      </c>
    </row>
    <row r="92083" spans="1:7" x14ac:dyDescent="0.3">
      <c r="A92083" s="13" t="s">
        <v>460</v>
      </c>
      <c r="B92083" s="14" t="s">
        <v>1</v>
      </c>
      <c r="C92083" s="14" t="s">
        <v>137</v>
      </c>
      <c r="D92083" s="14" t="s">
        <v>193</v>
      </c>
      <c r="E92083" s="15">
        <v>45479</v>
      </c>
      <c r="F92083" s="14" t="s">
        <v>15</v>
      </c>
      <c r="G92083" s="16">
        <v>1.8482520656167369</v>
      </c>
    </row>
    <row r="92084" spans="1:7" x14ac:dyDescent="0.3">
      <c r="A92084" s="13" t="s">
        <v>460</v>
      </c>
      <c r="B92084" s="14" t="s">
        <v>1</v>
      </c>
      <c r="C92084" s="14" t="s">
        <v>137</v>
      </c>
      <c r="D92084" s="14" t="s">
        <v>193</v>
      </c>
      <c r="E92084" s="15">
        <v>45480</v>
      </c>
      <c r="F92084" s="14" t="s">
        <v>15</v>
      </c>
      <c r="G92084" s="16">
        <v>1.8482520656167369</v>
      </c>
    </row>
    <row r="92085" spans="1:7" x14ac:dyDescent="0.3">
      <c r="A92085" s="13" t="s">
        <v>460</v>
      </c>
      <c r="B92085" s="14" t="s">
        <v>1</v>
      </c>
      <c r="C92085" s="14" t="s">
        <v>137</v>
      </c>
      <c r="D92085" s="14" t="s">
        <v>193</v>
      </c>
      <c r="E92085" s="15">
        <v>45481</v>
      </c>
      <c r="F92085" s="14" t="s">
        <v>15</v>
      </c>
      <c r="G92085" s="16">
        <v>1.8684688946555503</v>
      </c>
    </row>
    <row r="92086" spans="1:7" x14ac:dyDescent="0.3">
      <c r="A92086" s="13" t="s">
        <v>460</v>
      </c>
      <c r="B92086" s="14" t="s">
        <v>1</v>
      </c>
      <c r="C92086" s="14" t="s">
        <v>137</v>
      </c>
      <c r="D92086" s="14" t="s">
        <v>193</v>
      </c>
      <c r="E92086" s="15">
        <v>45482</v>
      </c>
      <c r="F92086" s="14" t="s">
        <v>15</v>
      </c>
      <c r="G92086" s="16">
        <v>1.9294192474998315</v>
      </c>
    </row>
    <row r="92087" spans="1:7" x14ac:dyDescent="0.3">
      <c r="A92087" s="13" t="s">
        <v>460</v>
      </c>
      <c r="B92087" s="14" t="s">
        <v>1</v>
      </c>
      <c r="C92087" s="14" t="s">
        <v>137</v>
      </c>
      <c r="D92087" s="14" t="s">
        <v>193</v>
      </c>
      <c r="E92087" s="15">
        <v>45483</v>
      </c>
      <c r="F92087" s="14" t="s">
        <v>15</v>
      </c>
      <c r="G92087" s="16">
        <v>1.9563270391834009</v>
      </c>
    </row>
    <row r="92088" spans="1:7" x14ac:dyDescent="0.3">
      <c r="A92088" s="13" t="s">
        <v>460</v>
      </c>
      <c r="B92088" s="14" t="s">
        <v>1</v>
      </c>
      <c r="C92088" s="14" t="s">
        <v>137</v>
      </c>
      <c r="D92088" s="14" t="s">
        <v>193</v>
      </c>
      <c r="E92088" s="15">
        <v>45484</v>
      </c>
      <c r="F92088" s="14" t="s">
        <v>15</v>
      </c>
      <c r="G92088" s="16">
        <v>1.9764945408704662</v>
      </c>
    </row>
    <row r="92089" spans="1:7" x14ac:dyDescent="0.3">
      <c r="A92089" s="13" t="s">
        <v>460</v>
      </c>
      <c r="B92089" s="14" t="s">
        <v>1</v>
      </c>
      <c r="C92089" s="14" t="s">
        <v>137</v>
      </c>
      <c r="D92089" s="14" t="s">
        <v>193</v>
      </c>
      <c r="E92089" s="15">
        <v>45485</v>
      </c>
      <c r="F92089" s="14" t="s">
        <v>15</v>
      </c>
      <c r="G92089" s="16">
        <v>2.0002085955425439</v>
      </c>
    </row>
    <row r="92090" spans="1:7" x14ac:dyDescent="0.3">
      <c r="A92090" s="13" t="s">
        <v>460</v>
      </c>
      <c r="B92090" s="14" t="s">
        <v>1</v>
      </c>
      <c r="C92090" s="14" t="s">
        <v>137</v>
      </c>
      <c r="D92090" s="14" t="s">
        <v>193</v>
      </c>
      <c r="E92090" s="15">
        <v>45486</v>
      </c>
      <c r="F92090" s="14" t="s">
        <v>15</v>
      </c>
      <c r="G92090" s="16">
        <v>2.0002085955425439</v>
      </c>
    </row>
    <row r="92091" spans="1:7" x14ac:dyDescent="0.3">
      <c r="A92091" s="13" t="s">
        <v>460</v>
      </c>
      <c r="B92091" s="14" t="s">
        <v>1</v>
      </c>
      <c r="C92091" s="14" t="s">
        <v>137</v>
      </c>
      <c r="D92091" s="14" t="s">
        <v>193</v>
      </c>
      <c r="E92091" s="15">
        <v>45487</v>
      </c>
      <c r="F92091" s="14" t="s">
        <v>15</v>
      </c>
      <c r="G92091" s="16">
        <v>2.0002085955425439</v>
      </c>
    </row>
    <row r="92092" spans="1:7" x14ac:dyDescent="0.3">
      <c r="A92092" s="13" t="s">
        <v>460</v>
      </c>
      <c r="B92092" s="14" t="s">
        <v>1</v>
      </c>
      <c r="C92092" s="14" t="s">
        <v>137</v>
      </c>
      <c r="D92092" s="14" t="s">
        <v>193</v>
      </c>
      <c r="E92092" s="15">
        <v>45488</v>
      </c>
      <c r="F92092" s="14" t="s">
        <v>15</v>
      </c>
      <c r="G92092" s="16">
        <v>2.0199572327681548</v>
      </c>
    </row>
    <row r="92093" spans="1:7" x14ac:dyDescent="0.3">
      <c r="A92093" s="13" t="s">
        <v>460</v>
      </c>
      <c r="B92093" s="14" t="s">
        <v>1</v>
      </c>
      <c r="C92093" s="14" t="s">
        <v>137</v>
      </c>
      <c r="D92093" s="14" t="s">
        <v>193</v>
      </c>
      <c r="E92093" s="15">
        <v>45489</v>
      </c>
      <c r="F92093" s="14" t="s">
        <v>15</v>
      </c>
      <c r="G92093" s="16">
        <v>2.0789052295541839</v>
      </c>
    </row>
    <row r="92094" spans="1:7" x14ac:dyDescent="0.3">
      <c r="A92094" s="13" t="s">
        <v>460</v>
      </c>
      <c r="B92094" s="14" t="s">
        <v>1</v>
      </c>
      <c r="C92094" s="14" t="s">
        <v>137</v>
      </c>
      <c r="D92094" s="14" t="s">
        <v>193</v>
      </c>
      <c r="E92094" s="15">
        <v>45490</v>
      </c>
      <c r="F92094" s="14" t="s">
        <v>15</v>
      </c>
      <c r="G92094" s="16">
        <v>2.0985343106560657</v>
      </c>
    </row>
    <row r="92095" spans="1:7" x14ac:dyDescent="0.3">
      <c r="A92095" s="13" t="s">
        <v>460</v>
      </c>
      <c r="B92095" s="14" t="s">
        <v>1</v>
      </c>
      <c r="C92095" s="14" t="s">
        <v>137</v>
      </c>
      <c r="D92095" s="14" t="s">
        <v>193</v>
      </c>
      <c r="E92095" s="15">
        <v>45491</v>
      </c>
      <c r="F92095" s="14" t="s">
        <v>15</v>
      </c>
      <c r="G92095" s="16">
        <v>2.1182102109392678</v>
      </c>
    </row>
    <row r="92096" spans="1:7" x14ac:dyDescent="0.3">
      <c r="A92096" s="13" t="s">
        <v>460</v>
      </c>
      <c r="B92096" s="14" t="s">
        <v>1</v>
      </c>
      <c r="C92096" s="14" t="s">
        <v>137</v>
      </c>
      <c r="D92096" s="14" t="s">
        <v>193</v>
      </c>
      <c r="E92096" s="15">
        <v>45492</v>
      </c>
      <c r="F92096" s="14" t="s">
        <v>15</v>
      </c>
      <c r="G92096" s="16">
        <v>2.1377749156668342</v>
      </c>
    </row>
    <row r="92097" spans="1:7" x14ac:dyDescent="0.3">
      <c r="A92097" s="13" t="s">
        <v>460</v>
      </c>
      <c r="B92097" s="14" t="s">
        <v>1</v>
      </c>
      <c r="C92097" s="14" t="s">
        <v>137</v>
      </c>
      <c r="D92097" s="14" t="s">
        <v>193</v>
      </c>
      <c r="E92097" s="15">
        <v>45493</v>
      </c>
      <c r="F92097" s="14" t="s">
        <v>15</v>
      </c>
      <c r="G92097" s="16">
        <v>2.1377749156668342</v>
      </c>
    </row>
    <row r="92098" spans="1:7" x14ac:dyDescent="0.3">
      <c r="A92098" s="13" t="s">
        <v>460</v>
      </c>
      <c r="B92098" s="14" t="s">
        <v>1</v>
      </c>
      <c r="C92098" s="14" t="s">
        <v>137</v>
      </c>
      <c r="D92098" s="14" t="s">
        <v>193</v>
      </c>
      <c r="E92098" s="15">
        <v>45494</v>
      </c>
      <c r="F92098" s="14" t="s">
        <v>15</v>
      </c>
      <c r="G92098" s="16">
        <v>2.1377749156668342</v>
      </c>
    </row>
    <row r="92099" spans="1:7" x14ac:dyDescent="0.3">
      <c r="A92099" s="13" t="s">
        <v>460</v>
      </c>
      <c r="B92099" s="14" t="s">
        <v>1</v>
      </c>
      <c r="C92099" s="14" t="s">
        <v>137</v>
      </c>
      <c r="D92099" s="14" t="s">
        <v>193</v>
      </c>
      <c r="E92099" s="15">
        <v>45495</v>
      </c>
      <c r="F92099" s="14" t="s">
        <v>15</v>
      </c>
      <c r="G92099" s="16">
        <v>2.1574742255406965</v>
      </c>
    </row>
    <row r="92100" spans="1:7" x14ac:dyDescent="0.3">
      <c r="A92100" s="13" t="s">
        <v>460</v>
      </c>
      <c r="B92100" s="14" t="s">
        <v>1</v>
      </c>
      <c r="C92100" s="14" t="s">
        <v>137</v>
      </c>
      <c r="D92100" s="14" t="s">
        <v>193</v>
      </c>
      <c r="E92100" s="15">
        <v>45496</v>
      </c>
      <c r="F92100" s="14" t="s">
        <v>15</v>
      </c>
      <c r="G92100" s="16">
        <v>2.2167482844823492</v>
      </c>
    </row>
    <row r="92101" spans="1:7" x14ac:dyDescent="0.3">
      <c r="A92101" s="13" t="s">
        <v>460</v>
      </c>
      <c r="B92101" s="14" t="s">
        <v>1</v>
      </c>
      <c r="C92101" s="14" t="s">
        <v>137</v>
      </c>
      <c r="D92101" s="14" t="s">
        <v>193</v>
      </c>
      <c r="E92101" s="15">
        <v>45497</v>
      </c>
      <c r="F92101" s="14" t="s">
        <v>15</v>
      </c>
      <c r="G92101" s="16">
        <v>2.236514478900955</v>
      </c>
    </row>
    <row r="92102" spans="1:7" x14ac:dyDescent="0.3">
      <c r="A92102" s="13" t="s">
        <v>460</v>
      </c>
      <c r="B92102" s="14" t="s">
        <v>1</v>
      </c>
      <c r="C92102" s="14" t="s">
        <v>137</v>
      </c>
      <c r="D92102" s="14" t="s">
        <v>193</v>
      </c>
      <c r="E92102" s="15">
        <v>45498</v>
      </c>
      <c r="F92102" s="14" t="s">
        <v>15</v>
      </c>
      <c r="G92102" s="16">
        <v>2.2563241482736438</v>
      </c>
    </row>
    <row r="92103" spans="1:7" x14ac:dyDescent="0.3">
      <c r="A92103" s="13" t="s">
        <v>460</v>
      </c>
      <c r="B92103" s="14" t="s">
        <v>1</v>
      </c>
      <c r="C92103" s="14" t="s">
        <v>137</v>
      </c>
      <c r="D92103" s="14" t="s">
        <v>193</v>
      </c>
      <c r="E92103" s="15">
        <v>45499</v>
      </c>
      <c r="F92103" s="14" t="s">
        <v>15</v>
      </c>
      <c r="G92103" s="16">
        <v>2.276484961506235</v>
      </c>
    </row>
    <row r="92104" spans="1:7" x14ac:dyDescent="0.3">
      <c r="A92104" s="13" t="s">
        <v>460</v>
      </c>
      <c r="B92104" s="14" t="s">
        <v>1</v>
      </c>
      <c r="C92104" s="14" t="s">
        <v>137</v>
      </c>
      <c r="D92104" s="14" t="s">
        <v>193</v>
      </c>
      <c r="E92104" s="15">
        <v>45500</v>
      </c>
      <c r="F92104" s="14" t="s">
        <v>15</v>
      </c>
      <c r="G92104" s="16">
        <v>2.276484961506235</v>
      </c>
    </row>
    <row r="92105" spans="1:7" x14ac:dyDescent="0.3">
      <c r="A92105" s="13" t="s">
        <v>460</v>
      </c>
      <c r="B92105" s="14" t="s">
        <v>1</v>
      </c>
      <c r="C92105" s="14" t="s">
        <v>137</v>
      </c>
      <c r="D92105" s="14" t="s">
        <v>193</v>
      </c>
      <c r="E92105" s="15">
        <v>45501</v>
      </c>
      <c r="F92105" s="14" t="s">
        <v>15</v>
      </c>
      <c r="G92105" s="16">
        <v>2.276484961506235</v>
      </c>
    </row>
    <row r="92106" spans="1:7" x14ac:dyDescent="0.3">
      <c r="A92106" s="13" t="s">
        <v>460</v>
      </c>
      <c r="B92106" s="14" t="s">
        <v>1</v>
      </c>
      <c r="C92106" s="14" t="s">
        <v>137</v>
      </c>
      <c r="D92106" s="14" t="s">
        <v>193</v>
      </c>
      <c r="E92106" s="15">
        <v>45502</v>
      </c>
      <c r="F92106" s="14" t="s">
        <v>15</v>
      </c>
      <c r="G92106" s="16">
        <v>2.291584286815378</v>
      </c>
    </row>
    <row r="92107" spans="1:7" x14ac:dyDescent="0.3">
      <c r="A92107" s="13" t="s">
        <v>460</v>
      </c>
      <c r="B92107" s="14" t="s">
        <v>1</v>
      </c>
      <c r="C92107" s="14" t="s">
        <v>137</v>
      </c>
      <c r="D92107" s="14" t="s">
        <v>193</v>
      </c>
      <c r="E92107" s="15">
        <v>45503</v>
      </c>
      <c r="F92107" s="14" t="s">
        <v>15</v>
      </c>
      <c r="G92107" s="16">
        <v>2.352022136835564</v>
      </c>
    </row>
    <row r="92108" spans="1:7" x14ac:dyDescent="0.3">
      <c r="A92108" s="13" t="s">
        <v>460</v>
      </c>
      <c r="B92108" s="14" t="s">
        <v>1</v>
      </c>
      <c r="C92108" s="14" t="s">
        <v>137</v>
      </c>
      <c r="D92108" s="14" t="s">
        <v>193</v>
      </c>
      <c r="E92108" s="15">
        <v>45504</v>
      </c>
      <c r="F92108" s="14" t="s">
        <v>15</v>
      </c>
      <c r="G92108" s="16">
        <v>2.3721896385226291</v>
      </c>
    </row>
    <row r="92109" spans="1:7" x14ac:dyDescent="0.3">
      <c r="A92109" s="13" t="s">
        <v>460</v>
      </c>
      <c r="B92109" s="14" t="s">
        <v>1</v>
      </c>
      <c r="C92109" s="14" t="s">
        <v>137</v>
      </c>
      <c r="D92109" s="14" t="s">
        <v>193</v>
      </c>
      <c r="E92109" s="15">
        <v>45505</v>
      </c>
      <c r="F92109" s="14" t="s">
        <v>15</v>
      </c>
      <c r="G92109" s="16">
        <v>2.3976727894031669</v>
      </c>
    </row>
    <row r="92110" spans="1:7" x14ac:dyDescent="0.3">
      <c r="A92110" s="13" t="s">
        <v>460</v>
      </c>
      <c r="B92110" s="14" t="s">
        <v>1</v>
      </c>
      <c r="C92110" s="14" t="s">
        <v>137</v>
      </c>
      <c r="D92110" s="14" t="s">
        <v>193</v>
      </c>
      <c r="E92110" s="15">
        <v>45506</v>
      </c>
      <c r="F92110" s="14" t="s">
        <v>15</v>
      </c>
      <c r="G92110" s="16">
        <v>2.4040219441462702</v>
      </c>
    </row>
    <row r="92111" spans="1:7" x14ac:dyDescent="0.3">
      <c r="A92111" s="13" t="s">
        <v>460</v>
      </c>
      <c r="B92111" s="14" t="s">
        <v>1</v>
      </c>
      <c r="C92111" s="14" t="s">
        <v>137</v>
      </c>
      <c r="D92111" s="14" t="s">
        <v>193</v>
      </c>
      <c r="E92111" s="15">
        <v>45507</v>
      </c>
      <c r="F92111" s="14" t="s">
        <v>15</v>
      </c>
      <c r="G92111" s="16">
        <v>2.4040219441462702</v>
      </c>
    </row>
    <row r="92112" spans="1:7" x14ac:dyDescent="0.3">
      <c r="A92112" s="13" t="s">
        <v>460</v>
      </c>
      <c r="B92112" s="14" t="s">
        <v>1</v>
      </c>
      <c r="C92112" s="14" t="s">
        <v>137</v>
      </c>
      <c r="D92112" s="14" t="s">
        <v>193</v>
      </c>
      <c r="E92112" s="15">
        <v>45508</v>
      </c>
      <c r="F92112" s="14" t="s">
        <v>15</v>
      </c>
      <c r="G92112" s="16">
        <v>2.4040219441462702</v>
      </c>
    </row>
    <row r="92113" spans="1:7" x14ac:dyDescent="0.3">
      <c r="A92113" s="13" t="s">
        <v>460</v>
      </c>
      <c r="B92113" s="14" t="s">
        <v>1</v>
      </c>
      <c r="C92113" s="14" t="s">
        <v>137</v>
      </c>
      <c r="D92113" s="14" t="s">
        <v>193</v>
      </c>
      <c r="E92113" s="15">
        <v>45509</v>
      </c>
      <c r="F92113" s="14" t="s">
        <v>15</v>
      </c>
      <c r="G92113" s="16">
        <v>2.4040219441462702</v>
      </c>
    </row>
    <row r="92114" spans="1:7" x14ac:dyDescent="0.3">
      <c r="A92114" s="13" t="s">
        <v>460</v>
      </c>
      <c r="B92114" s="14" t="s">
        <v>1</v>
      </c>
      <c r="C92114" s="14" t="s">
        <v>137</v>
      </c>
      <c r="D92114" s="14" t="s">
        <v>193</v>
      </c>
      <c r="E92114" s="15">
        <v>45510</v>
      </c>
      <c r="F92114" s="14" t="s">
        <v>15</v>
      </c>
      <c r="G92114" s="16">
        <v>2.4263774065032502</v>
      </c>
    </row>
    <row r="92115" spans="1:7" x14ac:dyDescent="0.3">
      <c r="A92115" s="13" t="s">
        <v>460</v>
      </c>
      <c r="B92115" s="14" t="s">
        <v>1</v>
      </c>
      <c r="C92115" s="14" t="s">
        <v>137</v>
      </c>
      <c r="D92115" s="14" t="s">
        <v>193</v>
      </c>
      <c r="E92115" s="15">
        <v>45511</v>
      </c>
      <c r="F92115" s="14" t="s">
        <v>15</v>
      </c>
      <c r="G92115" s="16">
        <v>2.5084682918272643</v>
      </c>
    </row>
    <row r="92116" spans="1:7" x14ac:dyDescent="0.3">
      <c r="A92116" s="13" t="s">
        <v>460</v>
      </c>
      <c r="B92116" s="14" t="s">
        <v>1</v>
      </c>
      <c r="C92116" s="14" t="s">
        <v>137</v>
      </c>
      <c r="D92116" s="14" t="s">
        <v>193</v>
      </c>
      <c r="E92116" s="15">
        <v>45512</v>
      </c>
      <c r="F92116" s="14" t="s">
        <v>15</v>
      </c>
      <c r="G92116" s="16">
        <v>2.5283055510746593</v>
      </c>
    </row>
    <row r="92117" spans="1:7" x14ac:dyDescent="0.3">
      <c r="A92117" s="13" t="s">
        <v>460</v>
      </c>
      <c r="B92117" s="14" t="s">
        <v>1</v>
      </c>
      <c r="C92117" s="14" t="s">
        <v>137</v>
      </c>
      <c r="D92117" s="14" t="s">
        <v>193</v>
      </c>
      <c r="E92117" s="15">
        <v>45513</v>
      </c>
      <c r="F92117" s="14" t="s">
        <v>15</v>
      </c>
      <c r="G92117" s="16">
        <v>2.5556765182305763</v>
      </c>
    </row>
    <row r="92118" spans="1:7" x14ac:dyDescent="0.3">
      <c r="A92118" s="13" t="s">
        <v>460</v>
      </c>
      <c r="B92118" s="14" t="s">
        <v>1</v>
      </c>
      <c r="C92118" s="14" t="s">
        <v>137</v>
      </c>
      <c r="D92118" s="14" t="s">
        <v>193</v>
      </c>
      <c r="E92118" s="15">
        <v>45514</v>
      </c>
      <c r="F92118" s="14" t="s">
        <v>15</v>
      </c>
      <c r="G92118" s="16">
        <v>2.5556765182305763</v>
      </c>
    </row>
    <row r="92119" spans="1:7" x14ac:dyDescent="0.3">
      <c r="A92119" s="13" t="s">
        <v>460</v>
      </c>
      <c r="B92119" s="14" t="s">
        <v>1</v>
      </c>
      <c r="C92119" s="14" t="s">
        <v>137</v>
      </c>
      <c r="D92119" s="14" t="s">
        <v>193</v>
      </c>
      <c r="E92119" s="15">
        <v>45515</v>
      </c>
      <c r="F92119" s="14" t="s">
        <v>15</v>
      </c>
      <c r="G92119" s="16">
        <v>2.5556765182305763</v>
      </c>
    </row>
    <row r="92120" spans="1:7" x14ac:dyDescent="0.3">
      <c r="A92120" s="13" t="s">
        <v>460</v>
      </c>
      <c r="B92120" s="14" t="s">
        <v>1</v>
      </c>
      <c r="C92120" s="14" t="s">
        <v>137</v>
      </c>
      <c r="D92120" s="14" t="s">
        <v>193</v>
      </c>
      <c r="E92120" s="15">
        <v>45516</v>
      </c>
      <c r="F92120" s="14" t="s">
        <v>15</v>
      </c>
      <c r="G92120" s="16">
        <v>2.575797200736321</v>
      </c>
    </row>
    <row r="92121" spans="1:7" x14ac:dyDescent="0.3">
      <c r="A92121" s="13" t="s">
        <v>460</v>
      </c>
      <c r="B92121" s="14" t="s">
        <v>1</v>
      </c>
      <c r="C92121" s="14" t="s">
        <v>137</v>
      </c>
      <c r="D92121" s="14" t="s">
        <v>193</v>
      </c>
      <c r="E92121" s="15">
        <v>45517</v>
      </c>
      <c r="F92121" s="14" t="s">
        <v>15</v>
      </c>
      <c r="G92121" s="16">
        <v>2.6363997539479369</v>
      </c>
    </row>
    <row r="92122" spans="1:7" x14ac:dyDescent="0.3">
      <c r="A92122" s="13" t="s">
        <v>460</v>
      </c>
      <c r="B92122" s="14" t="s">
        <v>1</v>
      </c>
      <c r="C92122" s="14" t="s">
        <v>137</v>
      </c>
      <c r="D92122" s="14" t="s">
        <v>193</v>
      </c>
      <c r="E92122" s="15">
        <v>45518</v>
      </c>
      <c r="F92122" s="14" t="s">
        <v>15</v>
      </c>
      <c r="G92122" s="16">
        <v>2.6565371575898675</v>
      </c>
    </row>
    <row r="92123" spans="1:7" x14ac:dyDescent="0.3">
      <c r="A92123" s="13" t="s">
        <v>460</v>
      </c>
      <c r="B92123" s="14" t="s">
        <v>1</v>
      </c>
      <c r="C92123" s="14" t="s">
        <v>137</v>
      </c>
      <c r="D92123" s="14" t="s">
        <v>193</v>
      </c>
      <c r="E92123" s="15">
        <v>45519</v>
      </c>
      <c r="F92123" s="14" t="s">
        <v>15</v>
      </c>
      <c r="G92123" s="16">
        <v>2.6766310862777152</v>
      </c>
    </row>
    <row r="92124" spans="1:7" x14ac:dyDescent="0.3">
      <c r="A92124" s="13" t="s">
        <v>460</v>
      </c>
      <c r="B92124" s="14" t="s">
        <v>1</v>
      </c>
      <c r="C92124" s="14" t="s">
        <v>137</v>
      </c>
      <c r="D92124" s="14" t="s">
        <v>193</v>
      </c>
      <c r="E92124" s="15">
        <v>45520</v>
      </c>
      <c r="F92124" s="14" t="s">
        <v>15</v>
      </c>
      <c r="G92124" s="16">
        <v>2.6977893152837904</v>
      </c>
    </row>
    <row r="92125" spans="1:7" x14ac:dyDescent="0.3">
      <c r="A92125" s="13" t="s">
        <v>460</v>
      </c>
      <c r="B92125" s="14" t="s">
        <v>1</v>
      </c>
      <c r="C92125" s="14" t="s">
        <v>137</v>
      </c>
      <c r="D92125" s="14" t="s">
        <v>193</v>
      </c>
      <c r="E92125" s="15">
        <v>45521</v>
      </c>
      <c r="F92125" s="14" t="s">
        <v>15</v>
      </c>
      <c r="G92125" s="16">
        <v>2.6977893152837904</v>
      </c>
    </row>
    <row r="92126" spans="1:7" x14ac:dyDescent="0.3">
      <c r="A92126" s="13" t="s">
        <v>460</v>
      </c>
      <c r="B92126" s="14" t="s">
        <v>1</v>
      </c>
      <c r="C92126" s="14" t="s">
        <v>137</v>
      </c>
      <c r="D92126" s="14" t="s">
        <v>193</v>
      </c>
      <c r="E92126" s="15">
        <v>45522</v>
      </c>
      <c r="F92126" s="14" t="s">
        <v>15</v>
      </c>
      <c r="G92126" s="16">
        <v>2.6977893152837904</v>
      </c>
    </row>
    <row r="92127" spans="1:7" x14ac:dyDescent="0.3">
      <c r="A92127" s="13" t="s">
        <v>460</v>
      </c>
      <c r="B92127" s="14" t="s">
        <v>1</v>
      </c>
      <c r="C92127" s="14" t="s">
        <v>137</v>
      </c>
      <c r="D92127" s="14" t="s">
        <v>193</v>
      </c>
      <c r="E92127" s="15">
        <v>45523</v>
      </c>
      <c r="F92127" s="14" t="s">
        <v>15</v>
      </c>
      <c r="G92127" s="16">
        <v>2.7186524162361856</v>
      </c>
    </row>
    <row r="92128" spans="1:7" x14ac:dyDescent="0.3">
      <c r="A92128" s="13" t="s">
        <v>460</v>
      </c>
      <c r="B92128" s="14" t="s">
        <v>1</v>
      </c>
      <c r="C92128" s="14" t="s">
        <v>137</v>
      </c>
      <c r="D92128" s="14" t="s">
        <v>193</v>
      </c>
      <c r="E92128" s="15">
        <v>45524</v>
      </c>
      <c r="F92128" s="14" t="s">
        <v>15</v>
      </c>
      <c r="G92128" s="16">
        <v>2.7784364698315058</v>
      </c>
    </row>
    <row r="92129" spans="1:7" x14ac:dyDescent="0.3">
      <c r="A92129" s="13" t="s">
        <v>460</v>
      </c>
      <c r="B92129" s="14" t="s">
        <v>1</v>
      </c>
      <c r="C92129" s="14" t="s">
        <v>137</v>
      </c>
      <c r="D92129" s="14" t="s">
        <v>193</v>
      </c>
      <c r="E92129" s="15">
        <v>45525</v>
      </c>
      <c r="F92129" s="14" t="s">
        <v>15</v>
      </c>
      <c r="G92129" s="16">
        <v>2.7989200009924828</v>
      </c>
    </row>
    <row r="92130" spans="1:7" x14ac:dyDescent="0.3">
      <c r="A92130" s="13" t="s">
        <v>460</v>
      </c>
      <c r="B92130" s="14" t="s">
        <v>1</v>
      </c>
      <c r="C92130" s="14" t="s">
        <v>137</v>
      </c>
      <c r="D92130" s="14" t="s">
        <v>193</v>
      </c>
      <c r="E92130" s="15">
        <v>45526</v>
      </c>
      <c r="F92130" s="14" t="s">
        <v>15</v>
      </c>
      <c r="G92130" s="16">
        <v>2.8185942291620667</v>
      </c>
    </row>
    <row r="92131" spans="1:7" x14ac:dyDescent="0.3">
      <c r="A92131" s="13" t="s">
        <v>460</v>
      </c>
      <c r="B92131" s="14" t="s">
        <v>1</v>
      </c>
      <c r="C92131" s="14" t="s">
        <v>137</v>
      </c>
      <c r="D92131" s="14" t="s">
        <v>193</v>
      </c>
      <c r="E92131" s="15">
        <v>45527</v>
      </c>
      <c r="F92131" s="14" t="s">
        <v>15</v>
      </c>
      <c r="G92131" s="16">
        <v>2.8385343233970044</v>
      </c>
    </row>
    <row r="92132" spans="1:7" x14ac:dyDescent="0.3">
      <c r="A92132" s="13" t="s">
        <v>460</v>
      </c>
      <c r="B92132" s="14" t="s">
        <v>1</v>
      </c>
      <c r="C92132" s="14" t="s">
        <v>137</v>
      </c>
      <c r="D92132" s="14" t="s">
        <v>193</v>
      </c>
      <c r="E92132" s="15">
        <v>45528</v>
      </c>
      <c r="F92132" s="14" t="s">
        <v>15</v>
      </c>
      <c r="G92132" s="16">
        <v>2.8385343233970044</v>
      </c>
    </row>
    <row r="92133" spans="1:7" x14ac:dyDescent="0.3">
      <c r="A92133" s="13" t="s">
        <v>460</v>
      </c>
      <c r="B92133" s="14" t="s">
        <v>1</v>
      </c>
      <c r="C92133" s="14" t="s">
        <v>137</v>
      </c>
      <c r="D92133" s="14" t="s">
        <v>193</v>
      </c>
      <c r="E92133" s="15">
        <v>45529</v>
      </c>
      <c r="F92133" s="14" t="s">
        <v>15</v>
      </c>
      <c r="G92133" s="16">
        <v>2.8385343233970044</v>
      </c>
    </row>
    <row r="92134" spans="1:7" x14ac:dyDescent="0.3">
      <c r="A92134" s="13" t="s">
        <v>460</v>
      </c>
      <c r="B92134" s="14" t="s">
        <v>1</v>
      </c>
      <c r="C92134" s="14" t="s">
        <v>137</v>
      </c>
      <c r="D92134" s="14" t="s">
        <v>193</v>
      </c>
      <c r="E92134" s="15">
        <v>45530</v>
      </c>
      <c r="F92134" s="14" t="s">
        <v>15</v>
      </c>
      <c r="G92134" s="16">
        <v>2.8581082247494733</v>
      </c>
    </row>
    <row r="92135" spans="1:7" x14ac:dyDescent="0.3">
      <c r="A92135" s="13" t="s">
        <v>460</v>
      </c>
      <c r="B92135" s="14" t="s">
        <v>1</v>
      </c>
      <c r="C92135" s="14" t="s">
        <v>137</v>
      </c>
      <c r="D92135" s="14" t="s">
        <v>193</v>
      </c>
      <c r="E92135" s="15">
        <v>45531</v>
      </c>
      <c r="F92135" s="14" t="s">
        <v>15</v>
      </c>
      <c r="G92135" s="16">
        <v>2.9164994077005146</v>
      </c>
    </row>
    <row r="92136" spans="1:7" x14ac:dyDescent="0.3">
      <c r="A92136" s="13" t="s">
        <v>460</v>
      </c>
      <c r="B92136" s="14" t="s">
        <v>1</v>
      </c>
      <c r="C92136" s="14" t="s">
        <v>137</v>
      </c>
      <c r="D92136" s="14" t="s">
        <v>193</v>
      </c>
      <c r="E92136" s="15">
        <v>45532</v>
      </c>
      <c r="F92136" s="14" t="s">
        <v>15</v>
      </c>
      <c r="G92136" s="16">
        <v>2.9356084614670177</v>
      </c>
    </row>
    <row r="92137" spans="1:7" x14ac:dyDescent="0.3">
      <c r="A92137" s="13" t="s">
        <v>460</v>
      </c>
      <c r="B92137" s="14" t="s">
        <v>1</v>
      </c>
      <c r="C92137" s="14" t="s">
        <v>137</v>
      </c>
      <c r="D92137" s="14" t="s">
        <v>193</v>
      </c>
      <c r="E92137" s="15">
        <v>45533</v>
      </c>
      <c r="F92137" s="14" t="s">
        <v>15</v>
      </c>
      <c r="G92137" s="16">
        <v>2.9549858894693029</v>
      </c>
    </row>
    <row r="92138" spans="1:7" x14ac:dyDescent="0.3">
      <c r="A92138" s="13" t="s">
        <v>460</v>
      </c>
      <c r="B92138" s="14" t="s">
        <v>1</v>
      </c>
      <c r="C92138" s="14" t="s">
        <v>137</v>
      </c>
      <c r="D92138" s="14" t="s">
        <v>193</v>
      </c>
      <c r="E92138" s="15">
        <v>45534</v>
      </c>
      <c r="F92138" s="14" t="s">
        <v>15</v>
      </c>
      <c r="G92138" s="16">
        <v>2.9737864382731769</v>
      </c>
    </row>
    <row r="92139" spans="1:7" x14ac:dyDescent="0.3">
      <c r="A92139" s="13" t="s">
        <v>460</v>
      </c>
      <c r="B92139" s="14" t="s">
        <v>1</v>
      </c>
      <c r="C92139" s="14" t="s">
        <v>137</v>
      </c>
      <c r="D92139" s="14" t="s">
        <v>193</v>
      </c>
      <c r="E92139" s="15">
        <v>45535</v>
      </c>
      <c r="F92139" s="14" t="s">
        <v>15</v>
      </c>
      <c r="G92139" s="16">
        <v>2.9737864382731769</v>
      </c>
    </row>
    <row r="92140" spans="1:7" x14ac:dyDescent="0.3">
      <c r="A92140" s="13" t="s">
        <v>460</v>
      </c>
      <c r="B92140" s="14" t="s">
        <v>1</v>
      </c>
      <c r="C92140" s="14" t="s">
        <v>137</v>
      </c>
      <c r="D92140" s="14" t="s">
        <v>193</v>
      </c>
      <c r="E92140" s="15">
        <v>45536</v>
      </c>
      <c r="F92140" s="14" t="s">
        <v>15</v>
      </c>
      <c r="G92140" s="16">
        <v>2.9737864382731769</v>
      </c>
    </row>
    <row r="92141" spans="1:7" x14ac:dyDescent="0.3">
      <c r="A92141" s="13" t="s">
        <v>460</v>
      </c>
      <c r="B92141" s="14" t="s">
        <v>1</v>
      </c>
      <c r="C92141" s="14" t="s">
        <v>137</v>
      </c>
      <c r="D92141" s="14" t="s">
        <v>193</v>
      </c>
      <c r="E92141" s="15">
        <v>45537</v>
      </c>
      <c r="F92141" s="14" t="s">
        <v>15</v>
      </c>
      <c r="G92141" s="16">
        <v>2.9934718480138121</v>
      </c>
    </row>
    <row r="92142" spans="1:7" x14ac:dyDescent="0.3">
      <c r="A92142" s="13" t="s">
        <v>460</v>
      </c>
      <c r="B92142" s="14" t="s">
        <v>1</v>
      </c>
      <c r="C92142" s="14" t="s">
        <v>137</v>
      </c>
      <c r="D92142" s="14" t="s">
        <v>193</v>
      </c>
      <c r="E92142" s="15">
        <v>45538</v>
      </c>
      <c r="F92142" s="14" t="s">
        <v>15</v>
      </c>
      <c r="G92142" s="16">
        <v>3.0385943120824987</v>
      </c>
    </row>
    <row r="92143" spans="1:7" x14ac:dyDescent="0.3">
      <c r="A92143" s="13" t="s">
        <v>460</v>
      </c>
      <c r="B92143" s="14" t="s">
        <v>1</v>
      </c>
      <c r="C92143" s="14" t="s">
        <v>137</v>
      </c>
      <c r="D92143" s="14" t="s">
        <v>193</v>
      </c>
      <c r="E92143" s="15">
        <v>45539</v>
      </c>
      <c r="F92143" s="14" t="s">
        <v>15</v>
      </c>
      <c r="G92143" s="16">
        <v>3.0579906055882717</v>
      </c>
    </row>
    <row r="92144" spans="1:7" x14ac:dyDescent="0.3">
      <c r="A92144" s="13" t="s">
        <v>460</v>
      </c>
      <c r="B92144" s="14" t="s">
        <v>1</v>
      </c>
      <c r="C92144" s="14" t="s">
        <v>137</v>
      </c>
      <c r="D92144" s="14" t="s">
        <v>193</v>
      </c>
      <c r="E92144" s="15">
        <v>45540</v>
      </c>
      <c r="F92144" s="14" t="s">
        <v>15</v>
      </c>
      <c r="G92144" s="16">
        <v>3.0775123768335604</v>
      </c>
    </row>
    <row r="92145" spans="1:7" x14ac:dyDescent="0.3">
      <c r="A92145" s="13" t="s">
        <v>460</v>
      </c>
      <c r="B92145" s="14" t="s">
        <v>1</v>
      </c>
      <c r="C92145" s="14" t="s">
        <v>137</v>
      </c>
      <c r="D92145" s="14" t="s">
        <v>193</v>
      </c>
      <c r="E92145" s="15">
        <v>45541</v>
      </c>
      <c r="F92145" s="14" t="s">
        <v>15</v>
      </c>
      <c r="G92145" s="16">
        <v>3.0968038899589141</v>
      </c>
    </row>
    <row r="92146" spans="1:7" x14ac:dyDescent="0.3">
      <c r="A92146" s="13" t="s">
        <v>460</v>
      </c>
      <c r="B92146" s="14" t="s">
        <v>1</v>
      </c>
      <c r="C92146" s="14" t="s">
        <v>137</v>
      </c>
      <c r="D92146" s="14" t="s">
        <v>193</v>
      </c>
      <c r="E92146" s="15">
        <v>45542</v>
      </c>
      <c r="F92146" s="14" t="s">
        <v>15</v>
      </c>
      <c r="G92146" s="16">
        <v>3.0968038899589141</v>
      </c>
    </row>
    <row r="92147" spans="1:7" x14ac:dyDescent="0.3">
      <c r="A92147" s="13" t="s">
        <v>460</v>
      </c>
      <c r="B92147" s="14" t="s">
        <v>1</v>
      </c>
      <c r="C92147" s="14" t="s">
        <v>137</v>
      </c>
      <c r="D92147" s="14" t="s">
        <v>193</v>
      </c>
      <c r="E92147" s="15">
        <v>45543</v>
      </c>
      <c r="F92147" s="14" t="s">
        <v>15</v>
      </c>
      <c r="G92147" s="16">
        <v>3.0968038899589141</v>
      </c>
    </row>
    <row r="92148" spans="1:7" x14ac:dyDescent="0.3">
      <c r="A92148" s="13" t="s">
        <v>460</v>
      </c>
      <c r="B92148" s="14" t="s">
        <v>1</v>
      </c>
      <c r="C92148" s="14" t="s">
        <v>137</v>
      </c>
      <c r="D92148" s="14" t="s">
        <v>193</v>
      </c>
      <c r="E92148" s="15">
        <v>45544</v>
      </c>
      <c r="F92148" s="14" t="s">
        <v>15</v>
      </c>
      <c r="G92148" s="16">
        <v>3.1227864712042761</v>
      </c>
    </row>
    <row r="92149" spans="1:7" x14ac:dyDescent="0.3">
      <c r="A92149" s="13" t="s">
        <v>460</v>
      </c>
      <c r="B92149" s="14" t="s">
        <v>1</v>
      </c>
      <c r="C92149" s="14" t="s">
        <v>137</v>
      </c>
      <c r="D92149" s="14" t="s">
        <v>193</v>
      </c>
      <c r="E92149" s="15">
        <v>45545</v>
      </c>
      <c r="F92149" s="14" t="s">
        <v>15</v>
      </c>
      <c r="G92149" s="16">
        <v>3.1760649883414311</v>
      </c>
    </row>
    <row r="92150" spans="1:7" x14ac:dyDescent="0.3">
      <c r="A92150" s="13" t="s">
        <v>460</v>
      </c>
      <c r="B92150" s="14" t="s">
        <v>1</v>
      </c>
      <c r="C92150" s="14" t="s">
        <v>137</v>
      </c>
      <c r="D92150" s="14" t="s">
        <v>193</v>
      </c>
      <c r="E92150" s="15">
        <v>45546</v>
      </c>
      <c r="F92150" s="14" t="s">
        <v>15</v>
      </c>
      <c r="G92150" s="16">
        <v>3.1958435361979949</v>
      </c>
    </row>
    <row r="92151" spans="1:7" x14ac:dyDescent="0.3">
      <c r="A92151" s="13" t="s">
        <v>460</v>
      </c>
      <c r="B92151" s="14" t="s">
        <v>1</v>
      </c>
      <c r="C92151" s="14" t="s">
        <v>137</v>
      </c>
      <c r="D92151" s="14" t="s">
        <v>193</v>
      </c>
      <c r="E92151" s="15">
        <v>45547</v>
      </c>
      <c r="F92151" s="14" t="s">
        <v>15</v>
      </c>
      <c r="G92151" s="16">
        <v>3.2153374953669993</v>
      </c>
    </row>
    <row r="92152" spans="1:7" x14ac:dyDescent="0.3">
      <c r="A92152" s="13" t="s">
        <v>460</v>
      </c>
      <c r="B92152" s="14" t="s">
        <v>1</v>
      </c>
      <c r="C92152" s="14" t="s">
        <v>137</v>
      </c>
      <c r="D92152" s="14" t="s">
        <v>193</v>
      </c>
      <c r="E92152" s="15">
        <v>45548</v>
      </c>
      <c r="F92152" s="14" t="s">
        <v>15</v>
      </c>
      <c r="G92152" s="16">
        <v>3.2361683745750618</v>
      </c>
    </row>
    <row r="92153" spans="1:7" x14ac:dyDescent="0.3">
      <c r="A92153" s="13" t="s">
        <v>460</v>
      </c>
      <c r="B92153" s="14" t="s">
        <v>1</v>
      </c>
      <c r="C92153" s="14" t="s">
        <v>137</v>
      </c>
      <c r="D92153" s="14" t="s">
        <v>193</v>
      </c>
      <c r="E92153" s="15">
        <v>45549</v>
      </c>
      <c r="F92153" s="14" t="s">
        <v>15</v>
      </c>
      <c r="G92153" s="16">
        <v>3.2361683745750618</v>
      </c>
    </row>
    <row r="92154" spans="1:7" x14ac:dyDescent="0.3">
      <c r="A92154" s="13" t="s">
        <v>460</v>
      </c>
      <c r="B92154" s="14" t="s">
        <v>1</v>
      </c>
      <c r="C92154" s="14" t="s">
        <v>137</v>
      </c>
      <c r="D92154" s="14" t="s">
        <v>193</v>
      </c>
      <c r="E92154" s="15">
        <v>45550</v>
      </c>
      <c r="F92154" s="14" t="s">
        <v>15</v>
      </c>
      <c r="G92154" s="16">
        <v>3.2361683745750618</v>
      </c>
    </row>
    <row r="92155" spans="1:7" x14ac:dyDescent="0.3">
      <c r="A92155" s="13" t="s">
        <v>460</v>
      </c>
      <c r="B92155" s="14" t="s">
        <v>1</v>
      </c>
      <c r="C92155" s="14" t="s">
        <v>137</v>
      </c>
      <c r="D92155" s="14" t="s">
        <v>193</v>
      </c>
      <c r="E92155" s="15">
        <v>45551</v>
      </c>
      <c r="F92155" s="14" t="s">
        <v>15</v>
      </c>
      <c r="G92155" s="16">
        <v>3.2561441941355018</v>
      </c>
    </row>
    <row r="92156" spans="1:7" x14ac:dyDescent="0.3">
      <c r="A92156" s="13" t="s">
        <v>460</v>
      </c>
      <c r="B92156" s="14" t="s">
        <v>1</v>
      </c>
      <c r="C92156" s="14" t="s">
        <v>137</v>
      </c>
      <c r="D92156" s="14" t="s">
        <v>193</v>
      </c>
      <c r="E92156" s="15">
        <v>45552</v>
      </c>
      <c r="F92156" s="14" t="s">
        <v>15</v>
      </c>
      <c r="G92156" s="16">
        <v>3.3157548095708571</v>
      </c>
    </row>
    <row r="92157" spans="1:7" x14ac:dyDescent="0.3">
      <c r="A92157" s="13" t="s">
        <v>460</v>
      </c>
      <c r="B92157" s="14" t="s">
        <v>1</v>
      </c>
      <c r="C92157" s="14" t="s">
        <v>137</v>
      </c>
      <c r="D92157" s="14" t="s">
        <v>193</v>
      </c>
      <c r="E92157" s="15">
        <v>45553</v>
      </c>
      <c r="F92157" s="14" t="s">
        <v>15</v>
      </c>
      <c r="G92157" s="16">
        <v>3.3349667672221885</v>
      </c>
    </row>
    <row r="92158" spans="1:7" x14ac:dyDescent="0.3">
      <c r="A92158" s="13" t="s">
        <v>460</v>
      </c>
      <c r="B92158" s="14" t="s">
        <v>1</v>
      </c>
      <c r="C92158" s="14" t="s">
        <v>137</v>
      </c>
      <c r="D92158" s="14" t="s">
        <v>193</v>
      </c>
      <c r="E92158" s="15">
        <v>45554</v>
      </c>
      <c r="F92158" s="14" t="s">
        <v>15</v>
      </c>
      <c r="G92158" s="16">
        <v>3.3545946124328401</v>
      </c>
    </row>
    <row r="92159" spans="1:7" x14ac:dyDescent="0.3">
      <c r="A92159" s="13" t="s">
        <v>460</v>
      </c>
      <c r="B92159" s="14" t="s">
        <v>1</v>
      </c>
      <c r="C92159" s="14" t="s">
        <v>137</v>
      </c>
      <c r="D92159" s="14" t="s">
        <v>193</v>
      </c>
      <c r="E92159" s="15">
        <v>45555</v>
      </c>
      <c r="F92159" s="14" t="s">
        <v>15</v>
      </c>
      <c r="G92159" s="16">
        <v>3.3797053174263154</v>
      </c>
    </row>
    <row r="92160" spans="1:7" x14ac:dyDescent="0.3">
      <c r="A92160" s="13" t="s">
        <v>460</v>
      </c>
      <c r="B92160" s="14" t="s">
        <v>1</v>
      </c>
      <c r="C92160" s="14" t="s">
        <v>137</v>
      </c>
      <c r="D92160" s="14" t="s">
        <v>193</v>
      </c>
      <c r="E92160" s="15">
        <v>45556</v>
      </c>
      <c r="F92160" s="14" t="s">
        <v>15</v>
      </c>
      <c r="G92160" s="16">
        <v>3.3797053174263154</v>
      </c>
    </row>
    <row r="92161" spans="1:7" x14ac:dyDescent="0.3">
      <c r="A92161" s="13" t="s">
        <v>460</v>
      </c>
      <c r="B92161" s="14" t="s">
        <v>1</v>
      </c>
      <c r="C92161" s="14" t="s">
        <v>137</v>
      </c>
      <c r="D92161" s="14" t="s">
        <v>193</v>
      </c>
      <c r="E92161" s="15">
        <v>45557</v>
      </c>
      <c r="F92161" s="14" t="s">
        <v>15</v>
      </c>
      <c r="G92161" s="16">
        <v>3.3797053174263154</v>
      </c>
    </row>
    <row r="92162" spans="1:7" x14ac:dyDescent="0.3">
      <c r="A92162" s="13" t="s">
        <v>460</v>
      </c>
      <c r="B92162" s="14" t="s">
        <v>1</v>
      </c>
      <c r="C92162" s="14" t="s">
        <v>137</v>
      </c>
      <c r="D92162" s="14" t="s">
        <v>193</v>
      </c>
      <c r="E92162" s="15">
        <v>45558</v>
      </c>
      <c r="F92162" s="14" t="s">
        <v>15</v>
      </c>
      <c r="G92162" s="16">
        <v>3.3996992471759637</v>
      </c>
    </row>
    <row r="92163" spans="1:7" x14ac:dyDescent="0.3">
      <c r="A92163" s="13" t="s">
        <v>460</v>
      </c>
      <c r="B92163" s="14" t="s">
        <v>1</v>
      </c>
      <c r="C92163" s="14" t="s">
        <v>137</v>
      </c>
      <c r="D92163" s="14" t="s">
        <v>193</v>
      </c>
      <c r="E92163" s="15">
        <v>45559</v>
      </c>
      <c r="F92163" s="14" t="s">
        <v>15</v>
      </c>
      <c r="G92163" s="16">
        <v>3.4552117855104614</v>
      </c>
    </row>
    <row r="92164" spans="1:7" x14ac:dyDescent="0.3">
      <c r="A92164" s="13" t="s">
        <v>460</v>
      </c>
      <c r="B92164" s="14" t="s">
        <v>1</v>
      </c>
      <c r="C92164" s="14" t="s">
        <v>137</v>
      </c>
      <c r="D92164" s="14" t="s">
        <v>193</v>
      </c>
      <c r="E92164" s="15">
        <v>45560</v>
      </c>
      <c r="F92164" s="14" t="s">
        <v>15</v>
      </c>
      <c r="G92164" s="16">
        <v>3.4741941318343299</v>
      </c>
    </row>
    <row r="92165" spans="1:7" x14ac:dyDescent="0.3">
      <c r="A92165" s="13" t="s">
        <v>460</v>
      </c>
      <c r="B92165" s="14" t="s">
        <v>1</v>
      </c>
      <c r="C92165" s="14" t="s">
        <v>137</v>
      </c>
      <c r="D92165" s="14" t="s">
        <v>193</v>
      </c>
      <c r="E92165" s="15">
        <v>45561</v>
      </c>
      <c r="F92165" s="14" t="s">
        <v>15</v>
      </c>
      <c r="G92165" s="16">
        <v>3.4937993393084708</v>
      </c>
    </row>
    <row r="92166" spans="1:7" x14ac:dyDescent="0.3">
      <c r="A92166" s="13" t="s">
        <v>460</v>
      </c>
      <c r="B92166" s="14" t="s">
        <v>1</v>
      </c>
      <c r="C92166" s="14" t="s">
        <v>137</v>
      </c>
      <c r="D92166" s="14" t="s">
        <v>193</v>
      </c>
      <c r="E92166" s="15">
        <v>45562</v>
      </c>
      <c r="F92166" s="14" t="s">
        <v>15</v>
      </c>
      <c r="G92166" s="16">
        <v>3.5141304497919408</v>
      </c>
    </row>
    <row r="92167" spans="1:7" x14ac:dyDescent="0.3">
      <c r="A92167" s="13" t="s">
        <v>460</v>
      </c>
      <c r="B92167" s="14" t="s">
        <v>1</v>
      </c>
      <c r="C92167" s="14" t="s">
        <v>137</v>
      </c>
      <c r="D92167" s="14" t="s">
        <v>193</v>
      </c>
      <c r="E92167" s="15">
        <v>45563</v>
      </c>
      <c r="F92167" s="14" t="s">
        <v>15</v>
      </c>
      <c r="G92167" s="16">
        <v>3.5141304497919408</v>
      </c>
    </row>
    <row r="92168" spans="1:7" x14ac:dyDescent="0.3">
      <c r="A92168" s="13" t="s">
        <v>460</v>
      </c>
      <c r="B92168" s="14" t="s">
        <v>1</v>
      </c>
      <c r="C92168" s="14" t="s">
        <v>137</v>
      </c>
      <c r="D92168" s="14" t="s">
        <v>193</v>
      </c>
      <c r="E92168" s="15">
        <v>45564</v>
      </c>
      <c r="F92168" s="14" t="s">
        <v>15</v>
      </c>
      <c r="G92168" s="16">
        <v>3.5141304497919408</v>
      </c>
    </row>
    <row r="92169" spans="1:7" x14ac:dyDescent="0.3">
      <c r="A92169" s="13" t="s">
        <v>460</v>
      </c>
      <c r="B92169" s="14" t="s">
        <v>1</v>
      </c>
      <c r="C92169" s="14" t="s">
        <v>137</v>
      </c>
      <c r="D92169" s="14" t="s">
        <v>193</v>
      </c>
      <c r="E92169" s="15">
        <v>45565</v>
      </c>
      <c r="F92169" s="14" t="s">
        <v>15</v>
      </c>
      <c r="G92169" s="16">
        <v>3.5336059199941618</v>
      </c>
    </row>
    <row r="92170" spans="1:7" x14ac:dyDescent="0.3">
      <c r="A92170" s="13" t="s">
        <v>460</v>
      </c>
      <c r="B92170" s="14" t="s">
        <v>1</v>
      </c>
      <c r="C92170" s="14" t="s">
        <v>137</v>
      </c>
      <c r="D92170" s="14" t="s">
        <v>193</v>
      </c>
      <c r="E92170" s="15">
        <v>45566</v>
      </c>
      <c r="F92170" s="14" t="s">
        <v>15</v>
      </c>
      <c r="G92170" s="16">
        <v>3.5931267538793241</v>
      </c>
    </row>
    <row r="92171" spans="1:7" x14ac:dyDescent="0.3">
      <c r="A92171" s="13" t="s">
        <v>460</v>
      </c>
      <c r="B92171" s="14" t="s">
        <v>1</v>
      </c>
      <c r="C92171" s="14" t="s">
        <v>137</v>
      </c>
      <c r="D92171" s="14" t="s">
        <v>193</v>
      </c>
      <c r="E92171" s="15">
        <v>45567</v>
      </c>
      <c r="F92171" s="14" t="s">
        <v>15</v>
      </c>
      <c r="G92171" s="16">
        <v>3.612926426565525</v>
      </c>
    </row>
    <row r="92172" spans="1:7" x14ac:dyDescent="0.3">
      <c r="A92172" s="13" t="s">
        <v>460</v>
      </c>
      <c r="B92172" s="14" t="s">
        <v>1</v>
      </c>
      <c r="C92172" s="14" t="s">
        <v>137</v>
      </c>
      <c r="D92172" s="14" t="s">
        <v>193</v>
      </c>
      <c r="E92172" s="15">
        <v>45568</v>
      </c>
      <c r="F92172" s="14" t="s">
        <v>15</v>
      </c>
      <c r="G92172" s="16">
        <v>3.632536663290499</v>
      </c>
    </row>
    <row r="92173" spans="1:7" x14ac:dyDescent="0.3">
      <c r="A92173" s="13" t="s">
        <v>460</v>
      </c>
      <c r="B92173" s="14" t="s">
        <v>1</v>
      </c>
      <c r="C92173" s="14" t="s">
        <v>137</v>
      </c>
      <c r="D92173" s="14" t="s">
        <v>193</v>
      </c>
      <c r="E92173" s="15">
        <v>45569</v>
      </c>
      <c r="F92173" s="14" t="s">
        <v>15</v>
      </c>
      <c r="G92173" s="16">
        <v>3.6504775750685496</v>
      </c>
    </row>
    <row r="92174" spans="1:7" x14ac:dyDescent="0.3">
      <c r="A92174" s="13" t="s">
        <v>460</v>
      </c>
      <c r="B92174" s="14" t="s">
        <v>1</v>
      </c>
      <c r="C92174" s="14" t="s">
        <v>137</v>
      </c>
      <c r="D92174" s="14" t="s">
        <v>193</v>
      </c>
      <c r="E92174" s="15">
        <v>45570</v>
      </c>
      <c r="F92174" s="14" t="s">
        <v>15</v>
      </c>
      <c r="G92174" s="16">
        <v>3.6504775750685496</v>
      </c>
    </row>
    <row r="92175" spans="1:7" x14ac:dyDescent="0.3">
      <c r="A92175" s="13" t="s">
        <v>460</v>
      </c>
      <c r="B92175" s="14" t="s">
        <v>1</v>
      </c>
      <c r="C92175" s="14" t="s">
        <v>137</v>
      </c>
      <c r="D92175" s="14" t="s">
        <v>193</v>
      </c>
      <c r="E92175" s="15">
        <v>45571</v>
      </c>
      <c r="F92175" s="14" t="s">
        <v>15</v>
      </c>
      <c r="G92175" s="16">
        <v>3.6504775750685496</v>
      </c>
    </row>
    <row r="92176" spans="1:7" x14ac:dyDescent="0.3">
      <c r="A92176" s="13" t="s">
        <v>460</v>
      </c>
      <c r="B92176" s="14" t="s">
        <v>1</v>
      </c>
      <c r="C92176" s="14" t="s">
        <v>137</v>
      </c>
      <c r="D92176" s="14" t="s">
        <v>193</v>
      </c>
      <c r="E92176" s="15">
        <v>45572</v>
      </c>
      <c r="F92176" s="14" t="s">
        <v>15</v>
      </c>
      <c r="G92176" s="16">
        <v>3.6746825873900044</v>
      </c>
    </row>
    <row r="92177" spans="1:7" x14ac:dyDescent="0.3">
      <c r="A92177" s="13" t="s">
        <v>460</v>
      </c>
      <c r="B92177" s="14" t="s">
        <v>1</v>
      </c>
      <c r="C92177" s="14" t="s">
        <v>137</v>
      </c>
      <c r="D92177" s="14" t="s">
        <v>193</v>
      </c>
      <c r="E92177" s="15">
        <v>45573</v>
      </c>
      <c r="F92177" s="14" t="s">
        <v>15</v>
      </c>
      <c r="G92177" s="16">
        <v>3.7349281091805326</v>
      </c>
    </row>
    <row r="92178" spans="1:7" x14ac:dyDescent="0.3">
      <c r="A92178" s="13" t="s">
        <v>460</v>
      </c>
      <c r="B92178" s="14" t="s">
        <v>1</v>
      </c>
      <c r="C92178" s="14" t="s">
        <v>137</v>
      </c>
      <c r="D92178" s="14" t="s">
        <v>193</v>
      </c>
      <c r="E92178" s="15">
        <v>45574</v>
      </c>
      <c r="F92178" s="14" t="s">
        <v>15</v>
      </c>
      <c r="G92178" s="16">
        <v>3.7613936392138139</v>
      </c>
    </row>
    <row r="92179" spans="1:7" x14ac:dyDescent="0.3">
      <c r="A92179" s="13" t="s">
        <v>460</v>
      </c>
      <c r="B92179" s="14" t="s">
        <v>1</v>
      </c>
      <c r="C92179" s="14" t="s">
        <v>137</v>
      </c>
      <c r="D92179" s="14" t="s">
        <v>193</v>
      </c>
      <c r="E92179" s="15">
        <v>45575</v>
      </c>
      <c r="F92179" s="14" t="s">
        <v>15</v>
      </c>
      <c r="G92179" s="16">
        <v>3.7814069041247542</v>
      </c>
    </row>
    <row r="92180" spans="1:7" x14ac:dyDescent="0.3">
      <c r="A92180" s="13" t="s">
        <v>460</v>
      </c>
      <c r="B92180" s="14" t="s">
        <v>1</v>
      </c>
      <c r="C92180" s="14" t="s">
        <v>137</v>
      </c>
      <c r="D92180" s="14" t="s">
        <v>193</v>
      </c>
      <c r="E92180" s="15">
        <v>45576</v>
      </c>
      <c r="F92180" s="14" t="s">
        <v>15</v>
      </c>
      <c r="G92180" s="16">
        <v>3.8017990409581497</v>
      </c>
    </row>
    <row r="92181" spans="1:7" x14ac:dyDescent="0.3">
      <c r="A92181" s="13" t="s">
        <v>460</v>
      </c>
      <c r="B92181" s="14" t="s">
        <v>1</v>
      </c>
      <c r="C92181" s="14" t="s">
        <v>137</v>
      </c>
      <c r="D92181" s="14" t="s">
        <v>193</v>
      </c>
      <c r="E92181" s="15">
        <v>45577</v>
      </c>
      <c r="F92181" s="14" t="s">
        <v>15</v>
      </c>
      <c r="G92181" s="16">
        <v>3.8017990409581497</v>
      </c>
    </row>
    <row r="92182" spans="1:7" x14ac:dyDescent="0.3">
      <c r="A92182" s="13" t="s">
        <v>460</v>
      </c>
      <c r="B92182" s="14" t="s">
        <v>1</v>
      </c>
      <c r="C92182" s="14" t="s">
        <v>137</v>
      </c>
      <c r="D92182" s="14" t="s">
        <v>193</v>
      </c>
      <c r="E92182" s="15">
        <v>45578</v>
      </c>
      <c r="F92182" s="14" t="s">
        <v>15</v>
      </c>
      <c r="G92182" s="16">
        <v>3.8017990409581497</v>
      </c>
    </row>
    <row r="92183" spans="1:7" x14ac:dyDescent="0.3">
      <c r="A92183" s="13" t="s">
        <v>460</v>
      </c>
      <c r="B92183" s="14" t="s">
        <v>1</v>
      </c>
      <c r="C92183" s="14" t="s">
        <v>137</v>
      </c>
      <c r="D92183" s="14" t="s">
        <v>193</v>
      </c>
      <c r="E92183" s="15">
        <v>45579</v>
      </c>
      <c r="F92183" s="14" t="s">
        <v>15</v>
      </c>
      <c r="G92183" s="16">
        <v>3.8217875139144328</v>
      </c>
    </row>
    <row r="92184" spans="1:7" x14ac:dyDescent="0.3">
      <c r="A92184" s="13" t="s">
        <v>460</v>
      </c>
      <c r="B92184" s="14" t="s">
        <v>1</v>
      </c>
      <c r="C92184" s="14" t="s">
        <v>137</v>
      </c>
      <c r="D92184" s="14" t="s">
        <v>193</v>
      </c>
      <c r="E92184" s="15">
        <v>45580</v>
      </c>
      <c r="F92184" s="14" t="s">
        <v>15</v>
      </c>
      <c r="G92184" s="16">
        <v>3.8815848734476956</v>
      </c>
    </row>
    <row r="92185" spans="1:7" x14ac:dyDescent="0.3">
      <c r="A92185" s="13" t="s">
        <v>460</v>
      </c>
      <c r="B92185" s="14" t="s">
        <v>1</v>
      </c>
      <c r="C92185" s="14" t="s">
        <v>137</v>
      </c>
      <c r="D92185" s="14" t="s">
        <v>193</v>
      </c>
      <c r="E92185" s="15">
        <v>45581</v>
      </c>
      <c r="F92185" s="14" t="s">
        <v>15</v>
      </c>
      <c r="G92185" s="16">
        <v>3.9015377476998556</v>
      </c>
    </row>
    <row r="92186" spans="1:7" x14ac:dyDescent="0.3">
      <c r="A92186" s="13" t="s">
        <v>460</v>
      </c>
      <c r="B92186" s="14" t="s">
        <v>1</v>
      </c>
      <c r="C92186" s="14" t="s">
        <v>137</v>
      </c>
      <c r="D92186" s="14" t="s">
        <v>193</v>
      </c>
      <c r="E92186" s="15">
        <v>45582</v>
      </c>
      <c r="F92186" s="14" t="s">
        <v>15</v>
      </c>
      <c r="G92186" s="16">
        <v>3.9226482155271669</v>
      </c>
    </row>
    <row r="92187" spans="1:7" x14ac:dyDescent="0.3">
      <c r="A92187" s="13" t="s">
        <v>460</v>
      </c>
      <c r="B92187" s="14" t="s">
        <v>1</v>
      </c>
      <c r="C92187" s="14" t="s">
        <v>137</v>
      </c>
      <c r="D92187" s="14" t="s">
        <v>193</v>
      </c>
      <c r="E92187" s="15">
        <v>45583</v>
      </c>
      <c r="F92187" s="14" t="s">
        <v>15</v>
      </c>
      <c r="G92187" s="16">
        <v>3.942534977900241</v>
      </c>
    </row>
    <row r="92188" spans="1:7" x14ac:dyDescent="0.3">
      <c r="A92188" s="13" t="s">
        <v>460</v>
      </c>
      <c r="B92188" s="14" t="s">
        <v>1</v>
      </c>
      <c r="C92188" s="14" t="s">
        <v>137</v>
      </c>
      <c r="D92188" s="14" t="s">
        <v>193</v>
      </c>
      <c r="E92188" s="15">
        <v>45584</v>
      </c>
      <c r="F92188" s="14" t="s">
        <v>15</v>
      </c>
      <c r="G92188" s="16">
        <v>3.942534977900241</v>
      </c>
    </row>
    <row r="92189" spans="1:7" x14ac:dyDescent="0.3">
      <c r="A92189" s="13" t="s">
        <v>460</v>
      </c>
      <c r="B92189" s="14" t="s">
        <v>1</v>
      </c>
      <c r="C92189" s="14" t="s">
        <v>137</v>
      </c>
      <c r="D92189" s="14" t="s">
        <v>193</v>
      </c>
      <c r="E92189" s="15">
        <v>45585</v>
      </c>
      <c r="F92189" s="14" t="s">
        <v>15</v>
      </c>
      <c r="G92189" s="16">
        <v>3.942534977900241</v>
      </c>
    </row>
    <row r="92190" spans="1:7" x14ac:dyDescent="0.3">
      <c r="A92190" s="13" t="s">
        <v>460</v>
      </c>
      <c r="B92190" s="14" t="s">
        <v>1</v>
      </c>
      <c r="C92190" s="14" t="s">
        <v>137</v>
      </c>
      <c r="D92190" s="14" t="s">
        <v>193</v>
      </c>
      <c r="E92190" s="15">
        <v>45586</v>
      </c>
      <c r="F92190" s="14" t="s">
        <v>15</v>
      </c>
      <c r="G92190" s="16">
        <v>3.9638628520991617</v>
      </c>
    </row>
    <row r="92191" spans="1:7" x14ac:dyDescent="0.3">
      <c r="A92191" s="13" t="s">
        <v>460</v>
      </c>
      <c r="B92191" s="14" t="s">
        <v>1</v>
      </c>
      <c r="C92191" s="14" t="s">
        <v>137</v>
      </c>
      <c r="D92191" s="14" t="s">
        <v>193</v>
      </c>
      <c r="E92191" s="15">
        <v>45587</v>
      </c>
      <c r="F92191" s="14" t="s">
        <v>15</v>
      </c>
      <c r="G92191" s="16">
        <v>4.0247021094191746</v>
      </c>
    </row>
    <row r="92192" spans="1:7" x14ac:dyDescent="0.3">
      <c r="A92192" s="13" t="s">
        <v>460</v>
      </c>
      <c r="B92192" s="14" t="s">
        <v>1</v>
      </c>
      <c r="C92192" s="14" t="s">
        <v>137</v>
      </c>
      <c r="D92192" s="14" t="s">
        <v>193</v>
      </c>
      <c r="E92192" s="15">
        <v>45588</v>
      </c>
      <c r="F92192" s="14" t="s">
        <v>15</v>
      </c>
      <c r="G92192" s="16">
        <v>4.04957205467836</v>
      </c>
    </row>
    <row r="92193" spans="1:7" x14ac:dyDescent="0.3">
      <c r="A92193" s="13" t="s">
        <v>460</v>
      </c>
      <c r="B92193" s="14" t="s">
        <v>1</v>
      </c>
      <c r="C92193" s="14" t="s">
        <v>137</v>
      </c>
      <c r="D92193" s="14" t="s">
        <v>193</v>
      </c>
      <c r="E92193" s="15">
        <v>45589</v>
      </c>
      <c r="F92193" s="14" t="s">
        <v>15</v>
      </c>
      <c r="G92193" s="16">
        <v>4.0702597878942077</v>
      </c>
    </row>
    <row r="92194" spans="1:7" x14ac:dyDescent="0.3">
      <c r="A92194" s="13" t="s">
        <v>460</v>
      </c>
      <c r="B92194" s="14" t="s">
        <v>1</v>
      </c>
      <c r="C92194" s="14" t="s">
        <v>137</v>
      </c>
      <c r="D92194" s="14" t="s">
        <v>193</v>
      </c>
      <c r="E92194" s="15">
        <v>45590</v>
      </c>
      <c r="F92194" s="14" t="s">
        <v>15</v>
      </c>
      <c r="G92194" s="16">
        <v>4.0902902164660651</v>
      </c>
    </row>
    <row r="92195" spans="1:7" x14ac:dyDescent="0.3">
      <c r="A92195" s="13" t="s">
        <v>460</v>
      </c>
      <c r="B92195" s="14" t="s">
        <v>1</v>
      </c>
      <c r="C92195" s="14" t="s">
        <v>137</v>
      </c>
      <c r="D92195" s="14" t="s">
        <v>193</v>
      </c>
      <c r="E92195" s="15">
        <v>45591</v>
      </c>
      <c r="F92195" s="14" t="s">
        <v>15</v>
      </c>
      <c r="G92195" s="16">
        <v>4.0902902164660651</v>
      </c>
    </row>
    <row r="92196" spans="1:7" x14ac:dyDescent="0.3">
      <c r="A92196" s="13" t="s">
        <v>460</v>
      </c>
      <c r="B92196" s="14" t="s">
        <v>1</v>
      </c>
      <c r="C92196" s="14" t="s">
        <v>137</v>
      </c>
      <c r="D92196" s="14" t="s">
        <v>193</v>
      </c>
      <c r="E92196" s="15">
        <v>45592</v>
      </c>
      <c r="F92196" s="14" t="s">
        <v>15</v>
      </c>
      <c r="G92196" s="16">
        <v>4.0902902164660651</v>
      </c>
    </row>
    <row r="92197" spans="1:7" x14ac:dyDescent="0.3">
      <c r="A92197" s="13" t="s">
        <v>460</v>
      </c>
      <c r="B92197" s="14" t="s">
        <v>1</v>
      </c>
      <c r="C92197" s="14" t="s">
        <v>137</v>
      </c>
      <c r="D92197" s="14" t="s">
        <v>193</v>
      </c>
      <c r="E92197" s="15">
        <v>45593</v>
      </c>
      <c r="F92197" s="14" t="s">
        <v>15</v>
      </c>
      <c r="G92197" s="16">
        <v>4.0902902164660651</v>
      </c>
    </row>
    <row r="92198" spans="1:7" x14ac:dyDescent="0.3">
      <c r="A92198" s="13" t="s">
        <v>460</v>
      </c>
      <c r="B92198" s="14" t="s">
        <v>1</v>
      </c>
      <c r="C92198" s="14" t="s">
        <v>137</v>
      </c>
      <c r="D92198" s="14" t="s">
        <v>193</v>
      </c>
      <c r="E92198" s="15">
        <v>45594</v>
      </c>
      <c r="F92198" s="14" t="s">
        <v>15</v>
      </c>
      <c r="G92198" s="16">
        <v>4.1110802959562669</v>
      </c>
    </row>
    <row r="92199" spans="1:7" x14ac:dyDescent="0.3">
      <c r="A92199" s="13" t="s">
        <v>460</v>
      </c>
      <c r="B92199" s="14" t="s">
        <v>1</v>
      </c>
      <c r="C92199" s="14" t="s">
        <v>137</v>
      </c>
      <c r="D92199" s="14" t="s">
        <v>193</v>
      </c>
      <c r="E92199" s="15">
        <v>45595</v>
      </c>
      <c r="F92199" s="14" t="s">
        <v>15</v>
      </c>
      <c r="G92199" s="16">
        <v>4.192805185847166</v>
      </c>
    </row>
    <row r="92200" spans="1:7" x14ac:dyDescent="0.3">
      <c r="A92200" s="13" t="s">
        <v>460</v>
      </c>
      <c r="B92200" s="14" t="s">
        <v>1</v>
      </c>
      <c r="C92200" s="14" t="s">
        <v>137</v>
      </c>
      <c r="D92200" s="14" t="s">
        <v>193</v>
      </c>
      <c r="E92200" s="15">
        <v>45596</v>
      </c>
      <c r="F92200" s="14" t="s">
        <v>15</v>
      </c>
      <c r="G92200" s="16">
        <v>4.2130917979504821</v>
      </c>
    </row>
    <row r="92201" spans="1:7" x14ac:dyDescent="0.3">
      <c r="A92201" s="13" t="s">
        <v>460</v>
      </c>
      <c r="B92201" s="14" t="s">
        <v>1</v>
      </c>
      <c r="C92201" s="14" t="s">
        <v>137</v>
      </c>
      <c r="D92201" s="14" t="s">
        <v>193</v>
      </c>
      <c r="E92201" s="15">
        <v>45597</v>
      </c>
      <c r="F92201" s="14" t="s">
        <v>15</v>
      </c>
      <c r="G92201" s="16">
        <v>4.2319716255497832</v>
      </c>
    </row>
    <row r="92202" spans="1:7" x14ac:dyDescent="0.3">
      <c r="A92202" s="13" t="s">
        <v>460</v>
      </c>
      <c r="B92202" s="14" t="s">
        <v>1</v>
      </c>
      <c r="C92202" s="14" t="s">
        <v>137</v>
      </c>
      <c r="D92202" s="14" t="s">
        <v>193</v>
      </c>
      <c r="E92202" s="15">
        <v>45598</v>
      </c>
      <c r="F92202" s="14" t="s">
        <v>15</v>
      </c>
      <c r="G92202" s="16">
        <v>4.2319716255497832</v>
      </c>
    </row>
    <row r="92203" spans="1:7" x14ac:dyDescent="0.3">
      <c r="A92203" s="13" t="s">
        <v>460</v>
      </c>
      <c r="B92203" s="14" t="s">
        <v>1</v>
      </c>
      <c r="C92203" s="14" t="s">
        <v>137</v>
      </c>
      <c r="D92203" s="14" t="s">
        <v>193</v>
      </c>
      <c r="E92203" s="15">
        <v>45599</v>
      </c>
      <c r="F92203" s="14" t="s">
        <v>15</v>
      </c>
      <c r="G92203" s="16">
        <v>4.2319716255497832</v>
      </c>
    </row>
    <row r="92204" spans="1:7" x14ac:dyDescent="0.3">
      <c r="A92204" s="13" t="s">
        <v>460</v>
      </c>
      <c r="B92204" s="14" t="s">
        <v>1</v>
      </c>
      <c r="C92204" s="14" t="s">
        <v>137</v>
      </c>
      <c r="D92204" s="14" t="s">
        <v>193</v>
      </c>
      <c r="E92204" s="15">
        <v>45600</v>
      </c>
      <c r="F92204" s="14" t="s">
        <v>15</v>
      </c>
      <c r="G92204" s="16">
        <v>4.2361027828925906</v>
      </c>
    </row>
    <row r="92205" spans="1:7" x14ac:dyDescent="0.3">
      <c r="A92205" s="13" t="s">
        <v>460</v>
      </c>
      <c r="B92205" s="14" t="s">
        <v>1</v>
      </c>
      <c r="C92205" s="14" t="s">
        <v>137</v>
      </c>
      <c r="D92205" s="14" t="s">
        <v>193</v>
      </c>
      <c r="E92205" s="15">
        <v>45601</v>
      </c>
      <c r="F92205" s="14" t="s">
        <v>15</v>
      </c>
      <c r="G92205" s="16">
        <v>4.2968187161304625</v>
      </c>
    </row>
    <row r="92206" spans="1:7" x14ac:dyDescent="0.3">
      <c r="A92206" s="13" t="s">
        <v>460</v>
      </c>
      <c r="B92206" s="14" t="s">
        <v>1</v>
      </c>
      <c r="C92206" s="14" t="s">
        <v>137</v>
      </c>
      <c r="D92206" s="14" t="s">
        <v>193</v>
      </c>
      <c r="E92206" s="15">
        <v>45602</v>
      </c>
      <c r="F92206" s="14" t="s">
        <v>15</v>
      </c>
      <c r="G92206" s="16">
        <v>4.3170093388708741</v>
      </c>
    </row>
    <row r="92207" spans="1:7" x14ac:dyDescent="0.3">
      <c r="A92207" s="13" t="s">
        <v>460</v>
      </c>
      <c r="B92207" s="14" t="s">
        <v>1</v>
      </c>
      <c r="C92207" s="14" t="s">
        <v>137</v>
      </c>
      <c r="D92207" s="14" t="s">
        <v>193</v>
      </c>
      <c r="E92207" s="15">
        <v>45603</v>
      </c>
      <c r="F92207" s="14" t="s">
        <v>15</v>
      </c>
      <c r="G92207" s="16">
        <v>4.337123678673878</v>
      </c>
    </row>
    <row r="92208" spans="1:7" x14ac:dyDescent="0.3">
      <c r="A92208" s="13" t="s">
        <v>460</v>
      </c>
      <c r="B92208" s="14" t="s">
        <v>1</v>
      </c>
      <c r="C92208" s="14" t="s">
        <v>137</v>
      </c>
      <c r="D92208" s="14" t="s">
        <v>193</v>
      </c>
      <c r="E92208" s="15">
        <v>45604</v>
      </c>
      <c r="F92208" s="14" t="s">
        <v>15</v>
      </c>
      <c r="G92208" s="16">
        <v>4.3567301012519817</v>
      </c>
    </row>
    <row r="92209" spans="1:7" x14ac:dyDescent="0.3">
      <c r="A92209" s="13" t="s">
        <v>460</v>
      </c>
      <c r="B92209" s="14" t="s">
        <v>1</v>
      </c>
      <c r="C92209" s="14" t="s">
        <v>137</v>
      </c>
      <c r="D92209" s="14" t="s">
        <v>193</v>
      </c>
      <c r="E92209" s="15">
        <v>45605</v>
      </c>
      <c r="F92209" s="14" t="s">
        <v>15</v>
      </c>
      <c r="G92209" s="16">
        <v>4.3567301012519817</v>
      </c>
    </row>
    <row r="92210" spans="1:7" x14ac:dyDescent="0.3">
      <c r="A92210" s="13" t="s">
        <v>460</v>
      </c>
      <c r="B92210" s="14" t="s">
        <v>1</v>
      </c>
      <c r="C92210" s="14" t="s">
        <v>137</v>
      </c>
      <c r="D92210" s="14" t="s">
        <v>193</v>
      </c>
      <c r="E92210" s="15">
        <v>45606</v>
      </c>
      <c r="F92210" s="14" t="s">
        <v>15</v>
      </c>
      <c r="G92210" s="16">
        <v>4.3567301012519817</v>
      </c>
    </row>
    <row r="92211" spans="1:7" x14ac:dyDescent="0.3">
      <c r="A92211" s="13" t="s">
        <v>460</v>
      </c>
      <c r="B92211" s="14" t="s">
        <v>1</v>
      </c>
      <c r="C92211" s="14" t="s">
        <v>137</v>
      </c>
      <c r="D92211" s="14" t="s">
        <v>193</v>
      </c>
      <c r="E92211" s="15">
        <v>45607</v>
      </c>
      <c r="F92211" s="14" t="s">
        <v>15</v>
      </c>
      <c r="G92211" s="16">
        <v>4.3767535372212443</v>
      </c>
    </row>
    <row r="92212" spans="1:7" x14ac:dyDescent="0.3">
      <c r="A92212" s="13" t="s">
        <v>460</v>
      </c>
      <c r="B92212" s="14" t="s">
        <v>1</v>
      </c>
      <c r="C92212" s="14" t="s">
        <v>137</v>
      </c>
      <c r="D92212" s="14" t="s">
        <v>193</v>
      </c>
      <c r="E92212" s="15">
        <v>45608</v>
      </c>
      <c r="F92212" s="14" t="s">
        <v>15</v>
      </c>
      <c r="G92212" s="16">
        <v>4.4369615532342133</v>
      </c>
    </row>
    <row r="92213" spans="1:7" x14ac:dyDescent="0.3">
      <c r="A92213" s="13" t="s">
        <v>460</v>
      </c>
      <c r="B92213" s="14" t="s">
        <v>1</v>
      </c>
      <c r="C92213" s="14" t="s">
        <v>137</v>
      </c>
      <c r="D92213" s="14" t="s">
        <v>193</v>
      </c>
      <c r="E92213" s="15">
        <v>45609</v>
      </c>
      <c r="F92213" s="14" t="s">
        <v>15</v>
      </c>
      <c r="G92213" s="16">
        <v>4.4630107055674815</v>
      </c>
    </row>
    <row r="92214" spans="1:7" x14ac:dyDescent="0.3">
      <c r="A92214" s="13" t="s">
        <v>460</v>
      </c>
      <c r="B92214" s="14" t="s">
        <v>1</v>
      </c>
      <c r="C92214" s="14" t="s">
        <v>137</v>
      </c>
      <c r="D92214" s="14" t="s">
        <v>193</v>
      </c>
      <c r="E92214" s="15">
        <v>45610</v>
      </c>
      <c r="F92214" s="14" t="s">
        <v>15</v>
      </c>
      <c r="G92214" s="16">
        <v>4.4833348234483568</v>
      </c>
    </row>
    <row r="92215" spans="1:7" x14ac:dyDescent="0.3">
      <c r="A92215" s="13" t="s">
        <v>460</v>
      </c>
      <c r="B92215" s="14" t="s">
        <v>1</v>
      </c>
      <c r="C92215" s="14" t="s">
        <v>137</v>
      </c>
      <c r="D92215" s="14" t="s">
        <v>193</v>
      </c>
      <c r="E92215" s="15">
        <v>45611</v>
      </c>
      <c r="F92215" s="14" t="s">
        <v>15</v>
      </c>
      <c r="G92215" s="16">
        <v>4.5035820227006784</v>
      </c>
    </row>
    <row r="92216" spans="1:7" x14ac:dyDescent="0.3">
      <c r="A92216" s="13" t="s">
        <v>460</v>
      </c>
      <c r="B92216" s="14" t="s">
        <v>1</v>
      </c>
      <c r="C92216" s="14" t="s">
        <v>137</v>
      </c>
      <c r="D92216" s="14" t="s">
        <v>193</v>
      </c>
      <c r="E92216" s="15">
        <v>45612</v>
      </c>
      <c r="F92216" s="14" t="s">
        <v>15</v>
      </c>
      <c r="G92216" s="16">
        <v>4.5035820227006784</v>
      </c>
    </row>
    <row r="92217" spans="1:7" x14ac:dyDescent="0.3">
      <c r="A92217" s="13" t="s">
        <v>460</v>
      </c>
      <c r="B92217" s="14" t="s">
        <v>1</v>
      </c>
      <c r="C92217" s="14" t="s">
        <v>137</v>
      </c>
      <c r="D92217" s="14" t="s">
        <v>193</v>
      </c>
      <c r="E92217" s="15">
        <v>45613</v>
      </c>
      <c r="F92217" s="14" t="s">
        <v>15</v>
      </c>
      <c r="G92217" s="16">
        <v>4.5035820227006784</v>
      </c>
    </row>
    <row r="92218" spans="1:7" x14ac:dyDescent="0.3">
      <c r="A92218" s="13" t="s">
        <v>460</v>
      </c>
      <c r="B92218" s="14" t="s">
        <v>1</v>
      </c>
      <c r="C92218" s="14" t="s">
        <v>137</v>
      </c>
      <c r="D92218" s="14" t="s">
        <v>193</v>
      </c>
      <c r="E92218" s="15">
        <v>45614</v>
      </c>
      <c r="F92218" s="14" t="s">
        <v>15</v>
      </c>
      <c r="G92218" s="16">
        <v>4.5238762630977343</v>
      </c>
    </row>
    <row r="92219" spans="1:7" x14ac:dyDescent="0.3">
      <c r="A92219" s="13" t="s">
        <v>460</v>
      </c>
      <c r="B92219" s="14" t="s">
        <v>1</v>
      </c>
      <c r="C92219" s="14" t="s">
        <v>137</v>
      </c>
      <c r="D92219" s="14" t="s">
        <v>193</v>
      </c>
      <c r="E92219" s="15">
        <v>45615</v>
      </c>
      <c r="F92219" s="14" t="s">
        <v>15</v>
      </c>
      <c r="G92219" s="16">
        <v>4.5849469119945487</v>
      </c>
    </row>
    <row r="92220" spans="1:7" x14ac:dyDescent="0.3">
      <c r="A92220" s="13" t="s">
        <v>460</v>
      </c>
      <c r="B92220" s="14" t="s">
        <v>1</v>
      </c>
      <c r="C92220" s="14" t="s">
        <v>137</v>
      </c>
      <c r="D92220" s="14" t="s">
        <v>193</v>
      </c>
      <c r="E92220" s="15">
        <v>45616</v>
      </c>
      <c r="F92220" s="14" t="s">
        <v>15</v>
      </c>
      <c r="G92220" s="16">
        <v>4.6052773867868728</v>
      </c>
    </row>
    <row r="92221" spans="1:7" x14ac:dyDescent="0.3">
      <c r="A92221" s="13" t="s">
        <v>460</v>
      </c>
      <c r="B92221" s="14" t="s">
        <v>1</v>
      </c>
      <c r="C92221" s="14" t="s">
        <v>137</v>
      </c>
      <c r="D92221" s="14" t="s">
        <v>193</v>
      </c>
      <c r="E92221" s="15">
        <v>45617</v>
      </c>
      <c r="F92221" s="14" t="s">
        <v>15</v>
      </c>
      <c r="G92221" s="16">
        <v>4.6276388947876583</v>
      </c>
    </row>
    <row r="92222" spans="1:7" x14ac:dyDescent="0.3">
      <c r="A92222" s="13" t="s">
        <v>460</v>
      </c>
      <c r="B92222" s="14" t="s">
        <v>1</v>
      </c>
      <c r="C92222" s="14" t="s">
        <v>137</v>
      </c>
      <c r="D92222" s="14" t="s">
        <v>193</v>
      </c>
      <c r="E92222" s="15">
        <v>45618</v>
      </c>
      <c r="F92222" s="14" t="s">
        <v>15</v>
      </c>
      <c r="G92222" s="16">
        <v>4.6480990505735758</v>
      </c>
    </row>
    <row r="92223" spans="1:7" x14ac:dyDescent="0.3">
      <c r="A92223" s="13" t="s">
        <v>460</v>
      </c>
      <c r="B92223" s="14" t="s">
        <v>1</v>
      </c>
      <c r="C92223" s="14" t="s">
        <v>137</v>
      </c>
      <c r="D92223" s="14" t="s">
        <v>193</v>
      </c>
      <c r="E92223" s="15">
        <v>45619</v>
      </c>
      <c r="F92223" s="14" t="s">
        <v>15</v>
      </c>
      <c r="G92223" s="16">
        <v>4.6480990505735758</v>
      </c>
    </row>
    <row r="92224" spans="1:7" x14ac:dyDescent="0.3">
      <c r="A92224" s="13" t="s">
        <v>460</v>
      </c>
      <c r="B92224" s="14" t="s">
        <v>1</v>
      </c>
      <c r="C92224" s="14" t="s">
        <v>137</v>
      </c>
      <c r="D92224" s="14" t="s">
        <v>193</v>
      </c>
      <c r="E92224" s="15">
        <v>45620</v>
      </c>
      <c r="F92224" s="14" t="s">
        <v>15</v>
      </c>
      <c r="G92224" s="16">
        <v>4.6480990505735758</v>
      </c>
    </row>
    <row r="92225" spans="1:7" x14ac:dyDescent="0.3">
      <c r="A92225" s="13" t="s">
        <v>460</v>
      </c>
      <c r="B92225" s="14" t="s">
        <v>1</v>
      </c>
      <c r="C92225" s="14" t="s">
        <v>137</v>
      </c>
      <c r="D92225" s="14" t="s">
        <v>193</v>
      </c>
      <c r="E92225" s="15">
        <v>45621</v>
      </c>
      <c r="F92225" s="14" t="s">
        <v>15</v>
      </c>
      <c r="G92225" s="16">
        <v>4.6682833164025368</v>
      </c>
    </row>
    <row r="92226" spans="1:7" x14ac:dyDescent="0.3">
      <c r="A92226" s="13" t="s">
        <v>460</v>
      </c>
      <c r="B92226" s="14" t="s">
        <v>1</v>
      </c>
      <c r="C92226" s="14" t="s">
        <v>137</v>
      </c>
      <c r="D92226" s="14" t="s">
        <v>193</v>
      </c>
      <c r="E92226" s="15">
        <v>45622</v>
      </c>
      <c r="F92226" s="14" t="s">
        <v>15</v>
      </c>
      <c r="G92226" s="16">
        <v>4.728347666216723</v>
      </c>
    </row>
    <row r="92227" spans="1:7" x14ac:dyDescent="0.3">
      <c r="A92227" s="13" t="s">
        <v>460</v>
      </c>
      <c r="B92227" s="14" t="s">
        <v>1</v>
      </c>
      <c r="C92227" s="14" t="s">
        <v>137</v>
      </c>
      <c r="D92227" s="14" t="s">
        <v>193</v>
      </c>
      <c r="E92227" s="15">
        <v>45623</v>
      </c>
      <c r="F92227" s="14" t="s">
        <v>15</v>
      </c>
      <c r="G92227" s="16">
        <v>4.783234947345556</v>
      </c>
    </row>
    <row r="92228" spans="1:7" x14ac:dyDescent="0.3">
      <c r="A92228" s="13" t="s">
        <v>460</v>
      </c>
      <c r="B92228" s="14" t="s">
        <v>1</v>
      </c>
      <c r="C92228" s="14" t="s">
        <v>137</v>
      </c>
      <c r="D92228" s="14" t="s">
        <v>193</v>
      </c>
      <c r="E92228" s="15">
        <v>45624</v>
      </c>
      <c r="F92228" s="14" t="s">
        <v>15</v>
      </c>
      <c r="G92228" s="16">
        <v>4.8031185312629052</v>
      </c>
    </row>
    <row r="92229" spans="1:7" x14ac:dyDescent="0.3">
      <c r="A92229" s="13" t="s">
        <v>460</v>
      </c>
      <c r="B92229" s="14" t="s">
        <v>1</v>
      </c>
      <c r="C92229" s="14" t="s">
        <v>137</v>
      </c>
      <c r="D92229" s="14" t="s">
        <v>193</v>
      </c>
      <c r="E92229" s="15">
        <v>45625</v>
      </c>
      <c r="F92229" s="14" t="s">
        <v>15</v>
      </c>
      <c r="G92229" s="16">
        <v>4.8228285714976531</v>
      </c>
    </row>
    <row r="92230" spans="1:7" x14ac:dyDescent="0.3">
      <c r="A92230" s="13" t="s">
        <v>460</v>
      </c>
      <c r="B92230" s="14" t="s">
        <v>1</v>
      </c>
      <c r="C92230" s="14" t="s">
        <v>137</v>
      </c>
      <c r="D92230" s="14" t="s">
        <v>193</v>
      </c>
      <c r="E92230" s="15">
        <v>45626</v>
      </c>
      <c r="F92230" s="14" t="s">
        <v>15</v>
      </c>
      <c r="G92230" s="16">
        <v>4.8228285714976531</v>
      </c>
    </row>
    <row r="92231" spans="1:7" x14ac:dyDescent="0.3">
      <c r="A92231" s="13" t="s">
        <v>460</v>
      </c>
      <c r="B92231" s="14" t="s">
        <v>1</v>
      </c>
      <c r="C92231" s="14" t="s">
        <v>137</v>
      </c>
      <c r="D92231" s="14" t="s">
        <v>193</v>
      </c>
      <c r="E92231" s="15">
        <v>45627</v>
      </c>
      <c r="F92231" s="14" t="s">
        <v>15</v>
      </c>
      <c r="G92231" s="16">
        <v>4.8228285714976531</v>
      </c>
    </row>
    <row r="92232" spans="1:7" x14ac:dyDescent="0.3">
      <c r="A92232" s="13" t="s">
        <v>460</v>
      </c>
      <c r="B92232" s="14" t="s">
        <v>1</v>
      </c>
      <c r="C92232" s="14" t="s">
        <v>137</v>
      </c>
      <c r="D92232" s="14" t="s">
        <v>193</v>
      </c>
      <c r="E92232" s="15">
        <v>45628</v>
      </c>
      <c r="F92232" s="14" t="s">
        <v>15</v>
      </c>
      <c r="G92232" s="16">
        <v>4.8425920097885857</v>
      </c>
    </row>
    <row r="92233" spans="1:7" x14ac:dyDescent="0.3">
      <c r="A92233" s="13" t="s">
        <v>460</v>
      </c>
      <c r="B92233" s="14" t="s">
        <v>1</v>
      </c>
      <c r="C92233" s="14" t="s">
        <v>137</v>
      </c>
      <c r="D92233" s="14" t="s">
        <v>193</v>
      </c>
      <c r="E92233" s="15">
        <v>45629</v>
      </c>
      <c r="F92233" s="14" t="s">
        <v>15</v>
      </c>
      <c r="G92233" s="16">
        <v>4.9013239509627304</v>
      </c>
    </row>
    <row r="92234" spans="1:7" x14ac:dyDescent="0.3">
      <c r="A92234" s="13" t="s">
        <v>460</v>
      </c>
      <c r="B92234" s="14" t="s">
        <v>1</v>
      </c>
      <c r="C92234" s="14" t="s">
        <v>137</v>
      </c>
      <c r="D92234" s="14" t="s">
        <v>193</v>
      </c>
      <c r="E92234" s="15">
        <v>45630</v>
      </c>
      <c r="F92234" s="14" t="s">
        <v>15</v>
      </c>
      <c r="G92234" s="16">
        <v>4.9210244558303025</v>
      </c>
    </row>
    <row r="92235" spans="1:7" x14ac:dyDescent="0.3">
      <c r="A92235" s="13" t="s">
        <v>460</v>
      </c>
      <c r="B92235" s="14" t="s">
        <v>1</v>
      </c>
      <c r="C92235" s="14" t="s">
        <v>137</v>
      </c>
      <c r="D92235" s="14" t="s">
        <v>193</v>
      </c>
      <c r="E92235" s="15">
        <v>45631</v>
      </c>
      <c r="F92235" s="14" t="s">
        <v>15</v>
      </c>
      <c r="G92235" s="16">
        <v>4.9411674017348348</v>
      </c>
    </row>
    <row r="92236" spans="1:7" x14ac:dyDescent="0.3">
      <c r="A92236" s="13" t="s">
        <v>460</v>
      </c>
      <c r="B92236" s="14" t="s">
        <v>1</v>
      </c>
      <c r="C92236" s="14" t="s">
        <v>137</v>
      </c>
      <c r="D92236" s="14" t="s">
        <v>193</v>
      </c>
      <c r="E92236" s="15">
        <v>45632</v>
      </c>
      <c r="F92236" s="14" t="s">
        <v>15</v>
      </c>
      <c r="G92236" s="16">
        <v>4.9608622736971864</v>
      </c>
    </row>
    <row r="92237" spans="1:7" x14ac:dyDescent="0.3">
      <c r="A92237" s="13" t="s">
        <v>460</v>
      </c>
      <c r="B92237" s="14" t="s">
        <v>1</v>
      </c>
      <c r="C92237" s="14" t="s">
        <v>137</v>
      </c>
      <c r="D92237" s="14" t="s">
        <v>193</v>
      </c>
      <c r="E92237" s="15">
        <v>45633</v>
      </c>
      <c r="F92237" s="14" t="s">
        <v>15</v>
      </c>
      <c r="G92237" s="16">
        <v>4.9608622736971864</v>
      </c>
    </row>
    <row r="92238" spans="1:7" x14ac:dyDescent="0.3">
      <c r="A92238" s="13" t="s">
        <v>460</v>
      </c>
      <c r="B92238" s="14" t="s">
        <v>1</v>
      </c>
      <c r="C92238" s="14" t="s">
        <v>137</v>
      </c>
      <c r="D92238" s="14" t="s">
        <v>193</v>
      </c>
      <c r="E92238" s="15">
        <v>45634</v>
      </c>
      <c r="F92238" s="14" t="s">
        <v>15</v>
      </c>
      <c r="G92238" s="16">
        <v>4.9608622736971864</v>
      </c>
    </row>
    <row r="92239" spans="1:7" x14ac:dyDescent="0.3">
      <c r="A92239" s="13" t="s">
        <v>460</v>
      </c>
      <c r="B92239" s="14" t="s">
        <v>1</v>
      </c>
      <c r="C92239" s="14" t="s">
        <v>137</v>
      </c>
      <c r="D92239" s="14" t="s">
        <v>193</v>
      </c>
      <c r="E92239" s="15">
        <v>45635</v>
      </c>
      <c r="F92239" s="14" t="s">
        <v>15</v>
      </c>
      <c r="G92239" s="16">
        <v>4.9856356273901401</v>
      </c>
    </row>
    <row r="92240" spans="1:7" x14ac:dyDescent="0.3">
      <c r="A92240" s="13" t="s">
        <v>460</v>
      </c>
      <c r="B92240" s="14" t="s">
        <v>1</v>
      </c>
      <c r="C92240" s="14" t="s">
        <v>137</v>
      </c>
      <c r="D92240" s="14" t="s">
        <v>193</v>
      </c>
      <c r="E92240" s="15">
        <v>45636</v>
      </c>
      <c r="F92240" s="14" t="s">
        <v>15</v>
      </c>
      <c r="G92240" s="16">
        <v>5.0442524539287348</v>
      </c>
    </row>
    <row r="92241" spans="1:7" x14ac:dyDescent="0.3">
      <c r="A92241" s="13" t="s">
        <v>460</v>
      </c>
      <c r="B92241" s="14" t="s">
        <v>1</v>
      </c>
      <c r="C92241" s="14" t="s">
        <v>137</v>
      </c>
      <c r="D92241" s="14" t="s">
        <v>193</v>
      </c>
      <c r="E92241" s="15">
        <v>45637</v>
      </c>
      <c r="F92241" s="14" t="s">
        <v>15</v>
      </c>
      <c r="G92241" s="16">
        <v>5.0637120294402465</v>
      </c>
    </row>
    <row r="92242" spans="1:7" x14ac:dyDescent="0.3">
      <c r="A92242" s="13" t="s">
        <v>460</v>
      </c>
      <c r="B92242" s="14" t="s">
        <v>1</v>
      </c>
      <c r="C92242" s="14" t="s">
        <v>137</v>
      </c>
      <c r="D92242" s="14" t="s">
        <v>193</v>
      </c>
      <c r="E92242" s="15">
        <v>45638</v>
      </c>
      <c r="F92242" s="14" t="s">
        <v>15</v>
      </c>
      <c r="G92242" s="16">
        <v>5.0832575068306367</v>
      </c>
    </row>
    <row r="92243" spans="1:7" x14ac:dyDescent="0.3">
      <c r="A92243" s="13" t="s">
        <v>460</v>
      </c>
      <c r="B92243" s="14" t="s">
        <v>1</v>
      </c>
      <c r="C92243" s="14" t="s">
        <v>137</v>
      </c>
      <c r="D92243" s="14" t="s">
        <v>193</v>
      </c>
      <c r="E92243" s="15">
        <v>45639</v>
      </c>
      <c r="F92243" s="14" t="s">
        <v>15</v>
      </c>
      <c r="G92243" s="16">
        <v>5.1035154095860653</v>
      </c>
    </row>
    <row r="92244" spans="1:7" x14ac:dyDescent="0.3">
      <c r="A92244" s="13" t="s">
        <v>460</v>
      </c>
      <c r="B92244" s="14" t="s">
        <v>1</v>
      </c>
      <c r="C92244" s="14" t="s">
        <v>137</v>
      </c>
      <c r="D92244" s="14" t="s">
        <v>193</v>
      </c>
      <c r="E92244" s="15">
        <v>45640</v>
      </c>
      <c r="F92244" s="14" t="s">
        <v>15</v>
      </c>
      <c r="G92244" s="16">
        <v>5.1035154095860653</v>
      </c>
    </row>
    <row r="92245" spans="1:7" x14ac:dyDescent="0.3">
      <c r="A92245" s="13" t="s">
        <v>460</v>
      </c>
      <c r="B92245" s="14" t="s">
        <v>1</v>
      </c>
      <c r="C92245" s="14" t="s">
        <v>137</v>
      </c>
      <c r="D92245" s="14" t="s">
        <v>193</v>
      </c>
      <c r="E92245" s="15">
        <v>45641</v>
      </c>
      <c r="F92245" s="14" t="s">
        <v>15</v>
      </c>
      <c r="G92245" s="16">
        <v>5.1035154095860653</v>
      </c>
    </row>
    <row r="92246" spans="1:7" x14ac:dyDescent="0.3">
      <c r="A92246" s="13" t="s">
        <v>460</v>
      </c>
      <c r="B92246" s="14" t="s">
        <v>1</v>
      </c>
      <c r="C92246" s="14" t="s">
        <v>137</v>
      </c>
      <c r="D92246" s="14" t="s">
        <v>193</v>
      </c>
      <c r="E92246" s="15">
        <v>45642</v>
      </c>
      <c r="F92246" s="14" t="s">
        <v>15</v>
      </c>
      <c r="G92246" s="16">
        <v>5.1231141087927163</v>
      </c>
    </row>
    <row r="92247" spans="1:7" x14ac:dyDescent="0.3">
      <c r="A92247" s="13" t="s">
        <v>460</v>
      </c>
      <c r="B92247" s="14" t="s">
        <v>1</v>
      </c>
      <c r="C92247" s="14" t="s">
        <v>137</v>
      </c>
      <c r="D92247" s="14" t="s">
        <v>193</v>
      </c>
      <c r="E92247" s="15">
        <v>45643</v>
      </c>
      <c r="F92247" s="14" t="s">
        <v>15</v>
      </c>
      <c r="G92247" s="16">
        <v>5.1821875224918683</v>
      </c>
    </row>
    <row r="92248" spans="1:7" x14ac:dyDescent="0.3">
      <c r="A92248" s="13" t="s">
        <v>460</v>
      </c>
      <c r="B92248" s="14" t="s">
        <v>1</v>
      </c>
      <c r="C92248" s="14" t="s">
        <v>137</v>
      </c>
      <c r="D92248" s="14" t="s">
        <v>193</v>
      </c>
      <c r="E92248" s="15">
        <v>45644</v>
      </c>
      <c r="F92248" s="14" t="s">
        <v>15</v>
      </c>
      <c r="G92248" s="16">
        <v>5.2017778182538459</v>
      </c>
    </row>
    <row r="92249" spans="1:7" x14ac:dyDescent="0.3">
      <c r="A92249" s="13" t="s">
        <v>460</v>
      </c>
      <c r="B92249" s="14" t="s">
        <v>1</v>
      </c>
      <c r="C92249" s="14" t="s">
        <v>137</v>
      </c>
      <c r="D92249" s="14" t="s">
        <v>193</v>
      </c>
      <c r="E92249" s="15">
        <v>45645</v>
      </c>
      <c r="F92249" s="14" t="s">
        <v>15</v>
      </c>
      <c r="G92249" s="16">
        <v>5.222532457961047</v>
      </c>
    </row>
    <row r="92250" spans="1:7" x14ac:dyDescent="0.3">
      <c r="A92250" s="13" t="s">
        <v>460</v>
      </c>
      <c r="B92250" s="14" t="s">
        <v>1</v>
      </c>
      <c r="C92250" s="14" t="s">
        <v>137</v>
      </c>
      <c r="D92250" s="14" t="s">
        <v>193</v>
      </c>
      <c r="E92250" s="15">
        <v>45646</v>
      </c>
      <c r="F92250" s="14" t="s">
        <v>15</v>
      </c>
      <c r="G92250" s="16">
        <v>5.2425363899441413</v>
      </c>
    </row>
    <row r="92251" spans="1:7" x14ac:dyDescent="0.3">
      <c r="A92251" s="13" t="s">
        <v>460</v>
      </c>
      <c r="B92251" s="14" t="s">
        <v>1</v>
      </c>
      <c r="C92251" s="14" t="s">
        <v>137</v>
      </c>
      <c r="D92251" s="14" t="s">
        <v>193</v>
      </c>
      <c r="E92251" s="15">
        <v>45647</v>
      </c>
      <c r="F92251" s="14" t="s">
        <v>15</v>
      </c>
      <c r="G92251" s="16">
        <v>5.2425363899441413</v>
      </c>
    </row>
    <row r="92252" spans="1:7" x14ac:dyDescent="0.3">
      <c r="A92252" s="13" t="s">
        <v>460</v>
      </c>
      <c r="B92252" s="14" t="s">
        <v>1</v>
      </c>
      <c r="C92252" s="14" t="s">
        <v>137</v>
      </c>
      <c r="D92252" s="14" t="s">
        <v>193</v>
      </c>
      <c r="E92252" s="15">
        <v>45648</v>
      </c>
      <c r="F92252" s="14" t="s">
        <v>15</v>
      </c>
      <c r="G92252" s="16">
        <v>5.2425363899441413</v>
      </c>
    </row>
    <row r="92253" spans="1:7" x14ac:dyDescent="0.3">
      <c r="A92253" s="13" t="s">
        <v>460</v>
      </c>
      <c r="B92253" s="14" t="s">
        <v>1</v>
      </c>
      <c r="C92253" s="14" t="s">
        <v>137</v>
      </c>
      <c r="D92253" s="14" t="s">
        <v>193</v>
      </c>
      <c r="E92253" s="15">
        <v>45649</v>
      </c>
      <c r="F92253" s="14" t="s">
        <v>15</v>
      </c>
      <c r="G92253" s="16">
        <v>5.2622882185870523</v>
      </c>
    </row>
    <row r="92254" spans="1:7" x14ac:dyDescent="0.3">
      <c r="A92254" s="13" t="s">
        <v>460</v>
      </c>
      <c r="B92254" s="14" t="s">
        <v>1</v>
      </c>
      <c r="C92254" s="14" t="s">
        <v>137</v>
      </c>
      <c r="D92254" s="14" t="s">
        <v>193</v>
      </c>
      <c r="E92254" s="15">
        <v>45650</v>
      </c>
      <c r="F92254" s="14" t="s">
        <v>15</v>
      </c>
      <c r="G92254" s="16">
        <v>5.322629618715724</v>
      </c>
    </row>
    <row r="92255" spans="1:7" x14ac:dyDescent="0.3">
      <c r="A92255" s="13" t="s">
        <v>460</v>
      </c>
      <c r="B92255" s="14" t="s">
        <v>1</v>
      </c>
      <c r="C92255" s="14" t="s">
        <v>137</v>
      </c>
      <c r="D92255" s="14" t="s">
        <v>193</v>
      </c>
      <c r="E92255" s="15">
        <v>45651</v>
      </c>
      <c r="F92255" s="14" t="s">
        <v>15</v>
      </c>
      <c r="G92255" s="16">
        <v>5.322629618715724</v>
      </c>
    </row>
    <row r="92256" spans="1:7" x14ac:dyDescent="0.3">
      <c r="A92256" s="13" t="s">
        <v>460</v>
      </c>
      <c r="B92256" s="14" t="s">
        <v>1</v>
      </c>
      <c r="C92256" s="14" t="s">
        <v>137</v>
      </c>
      <c r="D92256" s="14" t="s">
        <v>193</v>
      </c>
      <c r="E92256" s="15">
        <v>45652</v>
      </c>
      <c r="F92256" s="14" t="s">
        <v>15</v>
      </c>
      <c r="G92256" s="16">
        <v>5.322629618715724</v>
      </c>
    </row>
    <row r="92257" spans="1:7" x14ac:dyDescent="0.3">
      <c r="A92257" s="13" t="s">
        <v>460</v>
      </c>
      <c r="B92257" s="14" t="s">
        <v>1</v>
      </c>
      <c r="C92257" s="14" t="s">
        <v>137</v>
      </c>
      <c r="D92257" s="14" t="s">
        <v>193</v>
      </c>
      <c r="E92257" s="15">
        <v>45653</v>
      </c>
      <c r="F92257" s="14" t="s">
        <v>15</v>
      </c>
      <c r="G92257" s="16">
        <v>5.322629618715724</v>
      </c>
    </row>
    <row r="92258" spans="1:7" x14ac:dyDescent="0.3">
      <c r="A92258" s="13" t="s">
        <v>460</v>
      </c>
      <c r="B92258" s="14" t="s">
        <v>1</v>
      </c>
      <c r="C92258" s="14" t="s">
        <v>137</v>
      </c>
      <c r="D92258" s="14" t="s">
        <v>193</v>
      </c>
      <c r="E92258" s="15">
        <v>45654</v>
      </c>
      <c r="F92258" s="14" t="s">
        <v>15</v>
      </c>
      <c r="G92258" s="16">
        <v>5.322629618715724</v>
      </c>
    </row>
    <row r="92259" spans="1:7" x14ac:dyDescent="0.3">
      <c r="A92259" s="13" t="s">
        <v>460</v>
      </c>
      <c r="B92259" s="14" t="s">
        <v>1</v>
      </c>
      <c r="C92259" s="14" t="s">
        <v>137</v>
      </c>
      <c r="D92259" s="14" t="s">
        <v>193</v>
      </c>
      <c r="E92259" s="15">
        <v>45655</v>
      </c>
      <c r="F92259" s="14" t="s">
        <v>15</v>
      </c>
      <c r="G92259" s="16">
        <v>5.322629618715724</v>
      </c>
    </row>
    <row r="92260" spans="1:7" x14ac:dyDescent="0.3">
      <c r="A92260" s="13" t="s">
        <v>460</v>
      </c>
      <c r="B92260" s="14" t="s">
        <v>1</v>
      </c>
      <c r="C92260" s="14" t="s">
        <v>137</v>
      </c>
      <c r="D92260" s="14" t="s">
        <v>193</v>
      </c>
      <c r="E92260" s="15">
        <v>45656</v>
      </c>
      <c r="F92260" s="14" t="s">
        <v>15</v>
      </c>
      <c r="G92260" s="16">
        <v>5.3424057239765785</v>
      </c>
    </row>
    <row r="92261" spans="1:7" x14ac:dyDescent="0.3">
      <c r="A92261" s="13" t="s">
        <v>460</v>
      </c>
      <c r="B92261" s="14" t="s">
        <v>1</v>
      </c>
      <c r="C92261" s="14" t="s">
        <v>137</v>
      </c>
      <c r="D92261" s="14" t="s">
        <v>193</v>
      </c>
      <c r="E92261" s="15">
        <v>45657</v>
      </c>
      <c r="F92261" s="14" t="s">
        <v>15</v>
      </c>
      <c r="G92261" s="16">
        <v>5.461168805186718</v>
      </c>
    </row>
    <row r="92262" spans="1:7" x14ac:dyDescent="0.3">
      <c r="A92262" s="13" t="s">
        <v>460</v>
      </c>
      <c r="B92262" s="14" t="s">
        <v>1</v>
      </c>
      <c r="C92262" s="14" t="s">
        <v>137</v>
      </c>
      <c r="D92262" s="14" t="s">
        <v>193</v>
      </c>
      <c r="E92262" s="15">
        <v>45658</v>
      </c>
      <c r="F92262" s="14" t="s">
        <v>15</v>
      </c>
      <c r="G92262" s="16">
        <v>5.461168805186718</v>
      </c>
    </row>
    <row r="92263" spans="1:7" x14ac:dyDescent="0.3">
      <c r="A92263" s="13" t="s">
        <v>460</v>
      </c>
      <c r="B92263" s="14" t="s">
        <v>1</v>
      </c>
      <c r="C92263" s="14" t="s">
        <v>137</v>
      </c>
      <c r="D92263" s="14" t="s">
        <v>193</v>
      </c>
      <c r="E92263" s="15">
        <v>45659</v>
      </c>
      <c r="F92263" s="14" t="s">
        <v>15</v>
      </c>
      <c r="G92263" s="16">
        <v>5.4794528321601108</v>
      </c>
    </row>
    <row r="92264" spans="1:7" x14ac:dyDescent="0.3">
      <c r="A92264" s="13" t="s">
        <v>460</v>
      </c>
      <c r="B92264" s="14" t="s">
        <v>1</v>
      </c>
      <c r="C92264" s="14" t="s">
        <v>137</v>
      </c>
      <c r="D92264" s="14" t="s">
        <v>193</v>
      </c>
      <c r="E92264" s="15">
        <v>45660</v>
      </c>
      <c r="F92264" s="14" t="s">
        <v>15</v>
      </c>
      <c r="G92264" s="16">
        <v>5.5043018168551194</v>
      </c>
    </row>
    <row r="92265" spans="1:7" x14ac:dyDescent="0.3">
      <c r="A92265" s="13" t="s">
        <v>460</v>
      </c>
      <c r="B92265" s="14" t="s">
        <v>1</v>
      </c>
      <c r="C92265" s="14" t="s">
        <v>137</v>
      </c>
      <c r="D92265" s="14" t="s">
        <v>193</v>
      </c>
      <c r="E92265" s="15">
        <v>45661</v>
      </c>
      <c r="F92265" s="14" t="s">
        <v>15</v>
      </c>
      <c r="G92265" s="16">
        <v>5.5043018168551194</v>
      </c>
    </row>
    <row r="92266" spans="1:7" x14ac:dyDescent="0.3">
      <c r="A92266" s="13" t="s">
        <v>460</v>
      </c>
      <c r="B92266" s="14" t="s">
        <v>1</v>
      </c>
      <c r="C92266" s="14" t="s">
        <v>137</v>
      </c>
      <c r="D92266" s="14" t="s">
        <v>193</v>
      </c>
      <c r="E92266" s="15">
        <v>45662</v>
      </c>
      <c r="F92266" s="14" t="s">
        <v>15</v>
      </c>
      <c r="G92266" s="16">
        <v>5.5043018168551194</v>
      </c>
    </row>
    <row r="92267" spans="1:7" x14ac:dyDescent="0.3">
      <c r="A92267" s="13" t="s">
        <v>460</v>
      </c>
      <c r="B92267" s="14" t="s">
        <v>1</v>
      </c>
      <c r="C92267" s="14" t="s">
        <v>137</v>
      </c>
      <c r="D92267" s="14" t="s">
        <v>193</v>
      </c>
      <c r="E92267" s="15">
        <v>45663</v>
      </c>
      <c r="F92267" s="14" t="s">
        <v>15</v>
      </c>
      <c r="G92267" s="16">
        <v>5.5243664403830746</v>
      </c>
    </row>
    <row r="92268" spans="1:7" x14ac:dyDescent="0.3">
      <c r="A92268" s="13" t="s">
        <v>460</v>
      </c>
      <c r="B92268" s="14" t="s">
        <v>1</v>
      </c>
      <c r="C92268" s="14" t="s">
        <v>137</v>
      </c>
      <c r="D92268" s="14" t="s">
        <v>193</v>
      </c>
      <c r="E92268" s="15">
        <v>45664</v>
      </c>
      <c r="F92268" s="14" t="s">
        <v>15</v>
      </c>
      <c r="G92268" s="16">
        <v>5.587589288318445</v>
      </c>
    </row>
    <row r="92269" spans="1:7" x14ac:dyDescent="0.3">
      <c r="A92269" s="13" t="s">
        <v>460</v>
      </c>
      <c r="B92269" s="14" t="s">
        <v>1</v>
      </c>
      <c r="C92269" s="14" t="s">
        <v>137</v>
      </c>
      <c r="D92269" s="14" t="s">
        <v>193</v>
      </c>
      <c r="E92269" s="15">
        <v>45665</v>
      </c>
      <c r="F92269" s="14" t="s">
        <v>15</v>
      </c>
      <c r="G92269" s="16">
        <v>5.6074456931617283</v>
      </c>
    </row>
    <row r="92270" spans="1:7" x14ac:dyDescent="0.3">
      <c r="A92270" s="13" t="s">
        <v>460</v>
      </c>
      <c r="B92270" s="14" t="s">
        <v>1</v>
      </c>
      <c r="C92270" s="14" t="s">
        <v>137</v>
      </c>
      <c r="D92270" s="14" t="s">
        <v>193</v>
      </c>
      <c r="E92270" s="15">
        <v>45666</v>
      </c>
      <c r="F92270" s="14" t="s">
        <v>15</v>
      </c>
      <c r="G92270" s="16">
        <v>5.6283021079210771</v>
      </c>
    </row>
    <row r="92271" spans="1:7" x14ac:dyDescent="0.3">
      <c r="A92271" s="13" t="s">
        <v>460</v>
      </c>
      <c r="B92271" s="14" t="s">
        <v>1</v>
      </c>
      <c r="C92271" s="14" t="s">
        <v>137</v>
      </c>
      <c r="D92271" s="14" t="s">
        <v>193</v>
      </c>
      <c r="E92271" s="15">
        <v>45667</v>
      </c>
      <c r="F92271" s="14" t="s">
        <v>15</v>
      </c>
      <c r="G92271" s="16">
        <v>5.6531053405284233</v>
      </c>
    </row>
    <row r="92272" spans="1:7" x14ac:dyDescent="0.3">
      <c r="A92272" s="13" t="s">
        <v>460</v>
      </c>
      <c r="B92272" s="14" t="s">
        <v>1</v>
      </c>
      <c r="C92272" s="14" t="s">
        <v>137</v>
      </c>
      <c r="D92272" s="14" t="s">
        <v>193</v>
      </c>
      <c r="E92272" s="15">
        <v>45668</v>
      </c>
      <c r="F92272" s="14" t="s">
        <v>15</v>
      </c>
      <c r="G92272" s="16">
        <v>5.6531053405284233</v>
      </c>
    </row>
    <row r="92273" spans="1:7" x14ac:dyDescent="0.3">
      <c r="A92273" s="13" t="s">
        <v>460</v>
      </c>
      <c r="B92273" s="14" t="s">
        <v>1</v>
      </c>
      <c r="C92273" s="14" t="s">
        <v>137</v>
      </c>
      <c r="D92273" s="14" t="s">
        <v>193</v>
      </c>
      <c r="E92273" s="15">
        <v>45669</v>
      </c>
      <c r="F92273" s="14" t="s">
        <v>15</v>
      </c>
      <c r="G92273" s="16">
        <v>5.6531053405284233</v>
      </c>
    </row>
    <row r="92274" spans="1:7" x14ac:dyDescent="0.3">
      <c r="A92274" s="13" t="s">
        <v>460</v>
      </c>
      <c r="B92274" s="14" t="s">
        <v>1</v>
      </c>
      <c r="C92274" s="14" t="s">
        <v>137</v>
      </c>
      <c r="D92274" s="14" t="s">
        <v>193</v>
      </c>
      <c r="E92274" s="15">
        <v>45670</v>
      </c>
      <c r="F92274" s="14" t="s">
        <v>15</v>
      </c>
      <c r="G92274" s="16">
        <v>5.6732007766868442</v>
      </c>
    </row>
    <row r="92275" spans="1:7" x14ac:dyDescent="0.3">
      <c r="A92275" s="13" t="s">
        <v>460</v>
      </c>
      <c r="B92275" s="14" t="s">
        <v>1</v>
      </c>
      <c r="C92275" s="14" t="s">
        <v>137</v>
      </c>
      <c r="D92275" s="14" t="s">
        <v>193</v>
      </c>
      <c r="E92275" s="15">
        <v>45671</v>
      </c>
      <c r="F92275" s="14" t="s">
        <v>15</v>
      </c>
      <c r="G92275" s="16">
        <v>5.7361061611567976</v>
      </c>
    </row>
    <row r="92276" spans="1:7" x14ac:dyDescent="0.3">
      <c r="A92276" s="13" t="s">
        <v>460</v>
      </c>
      <c r="B92276" s="14" t="s">
        <v>1</v>
      </c>
      <c r="C92276" s="14" t="s">
        <v>137</v>
      </c>
      <c r="D92276" s="14" t="s">
        <v>193</v>
      </c>
      <c r="E92276" s="15">
        <v>45672</v>
      </c>
      <c r="F92276" s="14" t="s">
        <v>15</v>
      </c>
      <c r="G92276" s="16">
        <v>5.7570550138075465</v>
      </c>
    </row>
    <row r="92277" spans="1:7" x14ac:dyDescent="0.3">
      <c r="A92277" s="13" t="s">
        <v>460</v>
      </c>
      <c r="B92277" s="14" t="s">
        <v>1</v>
      </c>
      <c r="C92277" s="14" t="s">
        <v>137</v>
      </c>
      <c r="D92277" s="14" t="s">
        <v>193</v>
      </c>
      <c r="E92277" s="15">
        <v>45673</v>
      </c>
      <c r="F92277" s="14" t="s">
        <v>15</v>
      </c>
      <c r="G92277" s="16">
        <v>5.7769095512186812</v>
      </c>
    </row>
    <row r="92278" spans="1:7" x14ac:dyDescent="0.3">
      <c r="A92278" s="13" t="s">
        <v>460</v>
      </c>
      <c r="B92278" s="14" t="s">
        <v>1</v>
      </c>
      <c r="C92278" s="14" t="s">
        <v>137</v>
      </c>
      <c r="D92278" s="14" t="s">
        <v>193</v>
      </c>
      <c r="E92278" s="15">
        <v>45674</v>
      </c>
      <c r="F92278" s="14" t="s">
        <v>15</v>
      </c>
      <c r="G92278" s="16">
        <v>5.7960918130559902</v>
      </c>
    </row>
    <row r="92279" spans="1:7" x14ac:dyDescent="0.3">
      <c r="A92279" s="13" t="s">
        <v>460</v>
      </c>
      <c r="B92279" s="14" t="s">
        <v>1</v>
      </c>
      <c r="C92279" s="14" t="s">
        <v>137</v>
      </c>
      <c r="D92279" s="14" t="s">
        <v>193</v>
      </c>
      <c r="E92279" s="15">
        <v>45675</v>
      </c>
      <c r="F92279" s="14" t="s">
        <v>15</v>
      </c>
      <c r="G92279" s="16">
        <v>5.7960918130559902</v>
      </c>
    </row>
    <row r="92280" spans="1:7" x14ac:dyDescent="0.3">
      <c r="A92280" s="13" t="s">
        <v>460</v>
      </c>
      <c r="B92280" s="14" t="s">
        <v>1</v>
      </c>
      <c r="C92280" s="14" t="s">
        <v>137</v>
      </c>
      <c r="D92280" s="14" t="s">
        <v>193</v>
      </c>
      <c r="E92280" s="15">
        <v>45676</v>
      </c>
      <c r="F92280" s="14" t="s">
        <v>15</v>
      </c>
      <c r="G92280" s="16">
        <v>5.7960918130559902</v>
      </c>
    </row>
    <row r="92281" spans="1:7" x14ac:dyDescent="0.3">
      <c r="A92281" s="13" t="s">
        <v>460</v>
      </c>
      <c r="B92281" s="14" t="s">
        <v>1</v>
      </c>
      <c r="C92281" s="14" t="s">
        <v>137</v>
      </c>
      <c r="D92281" s="14" t="s">
        <v>193</v>
      </c>
      <c r="E92281" s="15">
        <v>45677</v>
      </c>
      <c r="F92281" s="14" t="s">
        <v>15</v>
      </c>
      <c r="G92281" s="16">
        <v>5.8170341296942158</v>
      </c>
    </row>
    <row r="92282" spans="1:7" x14ac:dyDescent="0.3">
      <c r="A92282" s="13" t="s">
        <v>460</v>
      </c>
      <c r="B92282" s="14" t="s">
        <v>1</v>
      </c>
      <c r="C92282" s="14" t="s">
        <v>137</v>
      </c>
      <c r="D92282" s="14" t="s">
        <v>193</v>
      </c>
      <c r="E92282" s="15">
        <v>45678</v>
      </c>
      <c r="F92282" s="14" t="s">
        <v>15</v>
      </c>
      <c r="G92282" s="16">
        <v>5.8775277255430725</v>
      </c>
    </row>
    <row r="92283" spans="1:7" x14ac:dyDescent="0.3">
      <c r="A92283" s="13" t="s">
        <v>460</v>
      </c>
      <c r="B92283" s="14" t="s">
        <v>1</v>
      </c>
      <c r="C92283" s="14" t="s">
        <v>137</v>
      </c>
      <c r="D92283" s="14" t="s">
        <v>193</v>
      </c>
      <c r="E92283" s="15">
        <v>45679</v>
      </c>
      <c r="F92283" s="14" t="s">
        <v>15</v>
      </c>
      <c r="G92283" s="16">
        <v>5.8985008548117657</v>
      </c>
    </row>
    <row r="92284" spans="1:7" x14ac:dyDescent="0.3">
      <c r="A92284" s="13" t="s">
        <v>460</v>
      </c>
      <c r="B92284" s="14" t="s">
        <v>1</v>
      </c>
      <c r="C92284" s="14" t="s">
        <v>137</v>
      </c>
      <c r="D92284" s="14" t="s">
        <v>193</v>
      </c>
      <c r="E92284" s="15">
        <v>45680</v>
      </c>
      <c r="F92284" s="14" t="s">
        <v>15</v>
      </c>
      <c r="G92284" s="16">
        <v>5.9182321417010311</v>
      </c>
    </row>
    <row r="92285" spans="1:7" x14ac:dyDescent="0.3">
      <c r="A92285" s="13" t="s">
        <v>460</v>
      </c>
      <c r="B92285" s="14" t="s">
        <v>1</v>
      </c>
      <c r="C92285" s="14" t="s">
        <v>137</v>
      </c>
      <c r="D92285" s="14" t="s">
        <v>193</v>
      </c>
      <c r="E92285" s="15">
        <v>45681</v>
      </c>
      <c r="F92285" s="14" t="s">
        <v>15</v>
      </c>
      <c r="G92285" s="16">
        <v>5.9385273930994504</v>
      </c>
    </row>
    <row r="92286" spans="1:7" x14ac:dyDescent="0.3">
      <c r="A92286" s="13" t="s">
        <v>460</v>
      </c>
      <c r="B92286" s="14" t="s">
        <v>1</v>
      </c>
      <c r="C92286" s="14" t="s">
        <v>137</v>
      </c>
      <c r="D92286" s="14" t="s">
        <v>193</v>
      </c>
      <c r="E92286" s="15">
        <v>45682</v>
      </c>
      <c r="F92286" s="14" t="s">
        <v>15</v>
      </c>
      <c r="G92286" s="16">
        <v>5.9385273930994504</v>
      </c>
    </row>
    <row r="92287" spans="1:7" x14ac:dyDescent="0.3">
      <c r="A92287" s="13" t="s">
        <v>460</v>
      </c>
      <c r="B92287" s="14" t="s">
        <v>1</v>
      </c>
      <c r="C92287" s="14" t="s">
        <v>137</v>
      </c>
      <c r="D92287" s="14" t="s">
        <v>193</v>
      </c>
      <c r="E92287" s="15">
        <v>45683</v>
      </c>
      <c r="F92287" s="14" t="s">
        <v>15</v>
      </c>
      <c r="G92287" s="16">
        <v>5.9385273930994504</v>
      </c>
    </row>
    <row r="92288" spans="1:7" x14ac:dyDescent="0.3">
      <c r="A92288" s="13" t="s">
        <v>460</v>
      </c>
      <c r="B92288" s="14" t="s">
        <v>1</v>
      </c>
      <c r="C92288" s="14" t="s">
        <v>137</v>
      </c>
      <c r="D92288" s="14" t="s">
        <v>193</v>
      </c>
      <c r="E92288" s="15">
        <v>45684</v>
      </c>
      <c r="F92288" s="14" t="s">
        <v>15</v>
      </c>
      <c r="G92288" s="16">
        <v>5.9582185301975024</v>
      </c>
    </row>
    <row r="92289" spans="1:7" x14ac:dyDescent="0.3">
      <c r="A92289" s="13" t="s">
        <v>460</v>
      </c>
      <c r="B92289" s="14" t="s">
        <v>1</v>
      </c>
      <c r="C92289" s="14" t="s">
        <v>137</v>
      </c>
      <c r="D92289" s="14" t="s">
        <v>193</v>
      </c>
      <c r="E92289" s="15">
        <v>45685</v>
      </c>
      <c r="F92289" s="14" t="s">
        <v>15</v>
      </c>
      <c r="G92289" s="16">
        <v>6.0171836328319817</v>
      </c>
    </row>
    <row r="92290" spans="1:7" x14ac:dyDescent="0.3">
      <c r="A92290" s="13" t="s">
        <v>460</v>
      </c>
      <c r="B92290" s="14" t="s">
        <v>1</v>
      </c>
      <c r="C92290" s="14" t="s">
        <v>137</v>
      </c>
      <c r="D92290" s="14" t="s">
        <v>193</v>
      </c>
      <c r="E92290" s="15">
        <v>45686</v>
      </c>
      <c r="F92290" s="14" t="s">
        <v>15</v>
      </c>
      <c r="G92290" s="16">
        <v>6.0401754562542989</v>
      </c>
    </row>
    <row r="92291" spans="1:7" x14ac:dyDescent="0.3">
      <c r="A92291" s="13" t="s">
        <v>460</v>
      </c>
      <c r="B92291" s="14" t="s">
        <v>1</v>
      </c>
      <c r="C92291" s="14" t="s">
        <v>137</v>
      </c>
      <c r="D92291" s="14" t="s">
        <v>193</v>
      </c>
      <c r="E92291" s="15">
        <v>45687</v>
      </c>
      <c r="F92291" s="14" t="s">
        <v>15</v>
      </c>
      <c r="G92291" s="16">
        <v>6.0643577676719316</v>
      </c>
    </row>
    <row r="92292" spans="1:7" x14ac:dyDescent="0.3">
      <c r="A92292" s="13" t="s">
        <v>460</v>
      </c>
      <c r="B92292" s="14" t="s">
        <v>1</v>
      </c>
      <c r="C92292" s="14" t="s">
        <v>137</v>
      </c>
      <c r="D92292" s="14" t="s">
        <v>193</v>
      </c>
      <c r="E92292" s="15">
        <v>45688</v>
      </c>
      <c r="F92292" s="14" t="s">
        <v>15</v>
      </c>
      <c r="G92292" s="16">
        <v>6.0843729042479238</v>
      </c>
    </row>
    <row r="92293" spans="1:7" x14ac:dyDescent="0.3">
      <c r="A92293" s="13" t="s">
        <v>460</v>
      </c>
      <c r="B92293" s="14" t="s">
        <v>1</v>
      </c>
      <c r="C92293" s="14" t="s">
        <v>137</v>
      </c>
      <c r="D92293" s="14" t="s">
        <v>193</v>
      </c>
      <c r="E92293" s="15">
        <v>45689</v>
      </c>
      <c r="F92293" s="14" t="s">
        <v>15</v>
      </c>
      <c r="G92293" s="16">
        <v>6.0843729042479238</v>
      </c>
    </row>
    <row r="92294" spans="1:7" x14ac:dyDescent="0.3">
      <c r="A92294" s="13" t="s">
        <v>460</v>
      </c>
      <c r="B92294" s="14" t="s">
        <v>1</v>
      </c>
      <c r="C92294" s="14" t="s">
        <v>137</v>
      </c>
      <c r="D92294" s="14" t="s">
        <v>193</v>
      </c>
      <c r="E92294" s="15">
        <v>45690</v>
      </c>
      <c r="F92294" s="14" t="s">
        <v>15</v>
      </c>
      <c r="G92294" s="16">
        <v>6.0843729042479238</v>
      </c>
    </row>
    <row r="92295" spans="1:7" x14ac:dyDescent="0.3">
      <c r="A92295" s="13" t="s">
        <v>460</v>
      </c>
      <c r="B92295" s="14" t="s">
        <v>1</v>
      </c>
      <c r="C92295" s="14" t="s">
        <v>137</v>
      </c>
      <c r="D92295" s="14" t="s">
        <v>193</v>
      </c>
      <c r="E92295" s="15">
        <v>45691</v>
      </c>
      <c r="F92295" s="14" t="s">
        <v>15</v>
      </c>
      <c r="G92295" s="16">
        <v>6.0843729042479238</v>
      </c>
    </row>
    <row r="92296" spans="1:7" x14ac:dyDescent="0.3">
      <c r="A92296" s="13" t="s">
        <v>460</v>
      </c>
      <c r="B92296" s="14" t="s">
        <v>1</v>
      </c>
      <c r="C92296" s="14" t="s">
        <v>137</v>
      </c>
      <c r="D92296" s="14" t="s">
        <v>193</v>
      </c>
      <c r="E92296" s="15">
        <v>45692</v>
      </c>
      <c r="F92296" s="14" t="s">
        <v>15</v>
      </c>
      <c r="G92296" s="16">
        <v>6.1031181869622468</v>
      </c>
    </row>
    <row r="92297" spans="1:7" x14ac:dyDescent="0.3">
      <c r="A92297" s="13" t="s">
        <v>460</v>
      </c>
      <c r="B92297" s="14" t="s">
        <v>1</v>
      </c>
      <c r="C92297" s="14" t="s">
        <v>137</v>
      </c>
      <c r="D92297" s="14" t="s">
        <v>193</v>
      </c>
      <c r="E92297" s="15">
        <v>45693</v>
      </c>
      <c r="F92297" s="14" t="s">
        <v>15</v>
      </c>
      <c r="G92297" s="16">
        <v>6.1686108986753512</v>
      </c>
    </row>
    <row r="92298" spans="1:7" x14ac:dyDescent="0.3">
      <c r="A92298" s="13" t="s">
        <v>460</v>
      </c>
      <c r="B92298" s="14" t="s">
        <v>1</v>
      </c>
      <c r="C92298" s="14" t="s">
        <v>137</v>
      </c>
      <c r="D92298" s="14" t="s">
        <v>193</v>
      </c>
      <c r="E92298" s="15">
        <v>45694</v>
      </c>
      <c r="F92298" s="14" t="s">
        <v>15</v>
      </c>
      <c r="G92298" s="16">
        <v>6.1887399486124632</v>
      </c>
    </row>
    <row r="92299" spans="1:7" x14ac:dyDescent="0.3">
      <c r="A92299" s="13" t="s">
        <v>460</v>
      </c>
      <c r="B92299" s="14" t="s">
        <v>1</v>
      </c>
      <c r="C92299" s="14" t="s">
        <v>137</v>
      </c>
      <c r="D92299" s="14" t="s">
        <v>193</v>
      </c>
      <c r="E92299" s="15">
        <v>45695</v>
      </c>
      <c r="F92299" s="14" t="s">
        <v>15</v>
      </c>
      <c r="G92299" s="16">
        <v>6.2097438905116249</v>
      </c>
    </row>
    <row r="92300" spans="1:7" x14ac:dyDescent="0.3">
      <c r="A92300" s="13" t="s">
        <v>460</v>
      </c>
      <c r="B92300" s="14" t="s">
        <v>1</v>
      </c>
      <c r="C92300" s="14" t="s">
        <v>137</v>
      </c>
      <c r="D92300" s="14" t="s">
        <v>193</v>
      </c>
      <c r="E92300" s="15">
        <v>45696</v>
      </c>
      <c r="F92300" s="14" t="s">
        <v>15</v>
      </c>
      <c r="G92300" s="16">
        <v>6.2097438905116249</v>
      </c>
    </row>
    <row r="92301" spans="1:7" x14ac:dyDescent="0.3">
      <c r="A92301" s="13" t="s">
        <v>460</v>
      </c>
      <c r="B92301" s="14" t="s">
        <v>1</v>
      </c>
      <c r="C92301" s="14" t="s">
        <v>137</v>
      </c>
      <c r="D92301" s="14" t="s">
        <v>193</v>
      </c>
      <c r="E92301" s="15">
        <v>45697</v>
      </c>
      <c r="F92301" s="14" t="s">
        <v>15</v>
      </c>
      <c r="G92301" s="16">
        <v>6.2097438905116249</v>
      </c>
    </row>
    <row r="92302" spans="1:7" x14ac:dyDescent="0.3">
      <c r="A92302" s="13" t="s">
        <v>460</v>
      </c>
      <c r="B92302" s="14" t="s">
        <v>1</v>
      </c>
      <c r="C92302" s="14" t="s">
        <v>137</v>
      </c>
      <c r="D92302" s="14" t="s">
        <v>193</v>
      </c>
      <c r="E92302" s="15">
        <v>45698</v>
      </c>
      <c r="F92302" s="14" t="s">
        <v>15</v>
      </c>
      <c r="G92302" s="16">
        <v>6.2367656325125944</v>
      </c>
    </row>
    <row r="92303" spans="1:7" x14ac:dyDescent="0.3">
      <c r="A92303" s="13" t="s">
        <v>460</v>
      </c>
      <c r="B92303" s="14" t="s">
        <v>1</v>
      </c>
      <c r="C92303" s="14" t="s">
        <v>137</v>
      </c>
      <c r="D92303" s="14" t="s">
        <v>193</v>
      </c>
      <c r="E92303" s="15">
        <v>45699</v>
      </c>
      <c r="F92303" s="14" t="s">
        <v>15</v>
      </c>
      <c r="G92303" s="16">
        <v>6.2973554011171489</v>
      </c>
    </row>
    <row r="92304" spans="1:7" x14ac:dyDescent="0.3">
      <c r="A92304" s="13" t="s">
        <v>460</v>
      </c>
      <c r="B92304" s="14" t="s">
        <v>1</v>
      </c>
      <c r="C92304" s="14" t="s">
        <v>137</v>
      </c>
      <c r="D92304" s="14" t="s">
        <v>193</v>
      </c>
      <c r="E92304" s="15">
        <v>45700</v>
      </c>
      <c r="F92304" s="14" t="s">
        <v>15</v>
      </c>
      <c r="G92304" s="16">
        <v>6.3177888424946325</v>
      </c>
    </row>
    <row r="92305" spans="1:7" x14ac:dyDescent="0.3">
      <c r="A92305" s="13" t="s">
        <v>460</v>
      </c>
      <c r="B92305" s="14" t="s">
        <v>1</v>
      </c>
      <c r="C92305" s="14" t="s">
        <v>137</v>
      </c>
      <c r="D92305" s="14" t="s">
        <v>193</v>
      </c>
      <c r="E92305" s="15">
        <v>45701</v>
      </c>
      <c r="F92305" s="14" t="s">
        <v>15</v>
      </c>
      <c r="G92305" s="16">
        <v>6.3377330166489445</v>
      </c>
    </row>
    <row r="92306" spans="1:7" x14ac:dyDescent="0.3">
      <c r="A92306" s="13" t="s">
        <v>460</v>
      </c>
      <c r="B92306" s="14" t="s">
        <v>1</v>
      </c>
      <c r="C92306" s="14" t="s">
        <v>137</v>
      </c>
      <c r="D92306" s="14" t="s">
        <v>193</v>
      </c>
      <c r="E92306" s="15">
        <v>45702</v>
      </c>
      <c r="F92306" s="14" t="s">
        <v>15</v>
      </c>
      <c r="G92306" s="16">
        <v>6.223954109440859</v>
      </c>
    </row>
    <row r="92307" spans="1:7" x14ac:dyDescent="0.3">
      <c r="A92307" s="13" t="s">
        <v>460</v>
      </c>
      <c r="B92307" s="14" t="s">
        <v>1</v>
      </c>
      <c r="C92307" s="14" t="s">
        <v>137</v>
      </c>
      <c r="D92307" s="14" t="s">
        <v>193</v>
      </c>
      <c r="E92307" s="15">
        <v>45703</v>
      </c>
      <c r="F92307" s="14" t="s">
        <v>15</v>
      </c>
      <c r="G92307" s="16">
        <v>6.223954109440859</v>
      </c>
    </row>
    <row r="92308" spans="1:7" x14ac:dyDescent="0.3">
      <c r="A92308" s="13" t="s">
        <v>460</v>
      </c>
      <c r="B92308" s="14" t="s">
        <v>1</v>
      </c>
      <c r="C92308" s="14" t="s">
        <v>137</v>
      </c>
      <c r="D92308" s="14" t="s">
        <v>193</v>
      </c>
      <c r="E92308" s="15">
        <v>45704</v>
      </c>
      <c r="F92308" s="14" t="s">
        <v>15</v>
      </c>
      <c r="G92308" s="16">
        <v>6.223954109440859</v>
      </c>
    </row>
    <row r="92309" spans="1:7" x14ac:dyDescent="0.3">
      <c r="A92309" s="13" t="s">
        <v>460</v>
      </c>
      <c r="B92309" s="14" t="s">
        <v>1</v>
      </c>
      <c r="C92309" s="14" t="s">
        <v>137</v>
      </c>
      <c r="D92309" s="14" t="s">
        <v>193</v>
      </c>
      <c r="E92309" s="15">
        <v>45705</v>
      </c>
      <c r="F92309" s="14" t="s">
        <v>15</v>
      </c>
      <c r="G92309" s="16">
        <v>6.3839594296730162</v>
      </c>
    </row>
    <row r="92310" spans="1:7" x14ac:dyDescent="0.3">
      <c r="A92310" s="13" t="s">
        <v>460</v>
      </c>
      <c r="B92310" s="14" t="s">
        <v>1</v>
      </c>
      <c r="C92310" s="14" t="s">
        <v>137</v>
      </c>
      <c r="D92310" s="14" t="s">
        <v>193</v>
      </c>
      <c r="E92310" s="15">
        <v>45706</v>
      </c>
      <c r="F92310" s="14" t="s">
        <v>15</v>
      </c>
      <c r="G92310" s="16">
        <v>6.4445165182149564</v>
      </c>
    </row>
    <row r="92311" spans="1:7" x14ac:dyDescent="0.3">
      <c r="A92311" s="13" t="s">
        <v>460</v>
      </c>
      <c r="B92311" s="14" t="s">
        <v>1</v>
      </c>
      <c r="C92311" s="14" t="s">
        <v>137</v>
      </c>
      <c r="D92311" s="14" t="s">
        <v>193</v>
      </c>
      <c r="E92311" s="15">
        <v>45707</v>
      </c>
      <c r="F92311" s="14" t="s">
        <v>15</v>
      </c>
      <c r="G92311" s="16">
        <v>6.4656250363144885</v>
      </c>
    </row>
    <row r="92312" spans="1:7" x14ac:dyDescent="0.3">
      <c r="A92312" s="13" t="s">
        <v>460</v>
      </c>
      <c r="B92312" s="14" t="s">
        <v>1</v>
      </c>
      <c r="C92312" s="14" t="s">
        <v>137</v>
      </c>
      <c r="D92312" s="14" t="s">
        <v>193</v>
      </c>
      <c r="E92312" s="15">
        <v>45708</v>
      </c>
      <c r="F92312" s="14" t="s">
        <v>15</v>
      </c>
      <c r="G92312" s="16">
        <v>6.4868698769609363</v>
      </c>
    </row>
    <row r="92313" spans="1:7" x14ac:dyDescent="0.3">
      <c r="A92313" s="13" t="s">
        <v>460</v>
      </c>
      <c r="B92313" s="14" t="s">
        <v>1</v>
      </c>
      <c r="C92313" s="14" t="s">
        <v>137</v>
      </c>
      <c r="D92313" s="14" t="s">
        <v>193</v>
      </c>
      <c r="E92313" s="15">
        <v>45709</v>
      </c>
      <c r="F92313" s="14" t="s">
        <v>15</v>
      </c>
      <c r="G92313" s="16">
        <v>6.5070512149982367</v>
      </c>
    </row>
    <row r="92314" spans="1:7" x14ac:dyDescent="0.3">
      <c r="A92314" s="13" t="s">
        <v>460</v>
      </c>
      <c r="B92314" s="14" t="s">
        <v>1</v>
      </c>
      <c r="C92314" s="14" t="s">
        <v>137</v>
      </c>
      <c r="D92314" s="14" t="s">
        <v>193</v>
      </c>
      <c r="E92314" s="15">
        <v>45710</v>
      </c>
      <c r="F92314" s="14" t="s">
        <v>15</v>
      </c>
      <c r="G92314" s="16">
        <v>6.5070512149982367</v>
      </c>
    </row>
    <row r="92315" spans="1:7" x14ac:dyDescent="0.3">
      <c r="A92315" s="13" t="s">
        <v>460</v>
      </c>
      <c r="B92315" s="14" t="s">
        <v>1</v>
      </c>
      <c r="C92315" s="14" t="s">
        <v>137</v>
      </c>
      <c r="D92315" s="14" t="s">
        <v>193</v>
      </c>
      <c r="E92315" s="15">
        <v>45711</v>
      </c>
      <c r="F92315" s="14" t="s">
        <v>15</v>
      </c>
      <c r="G92315" s="16">
        <v>6.5070512149982367</v>
      </c>
    </row>
    <row r="92316" spans="1:7" x14ac:dyDescent="0.3">
      <c r="A92316" s="13" t="s">
        <v>460</v>
      </c>
      <c r="B92316" s="14" t="s">
        <v>1</v>
      </c>
      <c r="C92316" s="14" t="s">
        <v>137</v>
      </c>
      <c r="D92316" s="14" t="s">
        <v>193</v>
      </c>
      <c r="E92316" s="15">
        <v>45712</v>
      </c>
      <c r="F92316" s="14" t="s">
        <v>15</v>
      </c>
      <c r="G92316" s="16">
        <v>6.5271559883174044</v>
      </c>
    </row>
    <row r="92317" spans="1:7" x14ac:dyDescent="0.3">
      <c r="A92317" s="13" t="s">
        <v>460</v>
      </c>
      <c r="B92317" s="14" t="s">
        <v>1</v>
      </c>
      <c r="C92317" s="14" t="s">
        <v>137</v>
      </c>
      <c r="D92317" s="14" t="s">
        <v>193</v>
      </c>
      <c r="E92317" s="15">
        <v>45713</v>
      </c>
      <c r="F92317" s="14" t="s">
        <v>15</v>
      </c>
      <c r="G92317" s="16">
        <v>6.5998112360399714</v>
      </c>
    </row>
    <row r="92318" spans="1:7" x14ac:dyDescent="0.3">
      <c r="A92318" s="13" t="s">
        <v>460</v>
      </c>
      <c r="B92318" s="14" t="s">
        <v>1</v>
      </c>
      <c r="C92318" s="14" t="s">
        <v>137</v>
      </c>
      <c r="D92318" s="14" t="s">
        <v>193</v>
      </c>
      <c r="E92318" s="15">
        <v>45714</v>
      </c>
      <c r="F92318" s="14" t="s">
        <v>15</v>
      </c>
      <c r="G92318" s="16">
        <v>6.6209365610288504</v>
      </c>
    </row>
    <row r="92319" spans="1:7" x14ac:dyDescent="0.3">
      <c r="A92319" s="13" t="s">
        <v>460</v>
      </c>
      <c r="B92319" s="14" t="s">
        <v>1</v>
      </c>
      <c r="C92319" s="14" t="s">
        <v>137</v>
      </c>
      <c r="D92319" s="14" t="s">
        <v>193</v>
      </c>
      <c r="E92319" s="15">
        <v>45715</v>
      </c>
      <c r="F92319" s="14" t="s">
        <v>15</v>
      </c>
      <c r="G92319" s="16">
        <v>6.6417556271452067</v>
      </c>
    </row>
    <row r="92320" spans="1:7" x14ac:dyDescent="0.3">
      <c r="A92320" s="13" t="s">
        <v>460</v>
      </c>
      <c r="B92320" s="14" t="s">
        <v>1</v>
      </c>
      <c r="C92320" s="14" t="s">
        <v>137</v>
      </c>
      <c r="D92320" s="14" t="s">
        <v>193</v>
      </c>
      <c r="E92320" s="15">
        <v>45716</v>
      </c>
      <c r="F92320" s="14" t="s">
        <v>15</v>
      </c>
      <c r="G92320" s="16">
        <v>6.6646083268723864</v>
      </c>
    </row>
    <row r="92321" spans="1:7" x14ac:dyDescent="0.3">
      <c r="A92321" s="13" t="s">
        <v>460</v>
      </c>
      <c r="B92321" s="14" t="s">
        <v>1</v>
      </c>
      <c r="C92321" s="14" t="s">
        <v>137</v>
      </c>
      <c r="D92321" s="14" t="s">
        <v>193</v>
      </c>
      <c r="E92321" s="15">
        <v>45717</v>
      </c>
      <c r="F92321" s="14" t="s">
        <v>15</v>
      </c>
      <c r="G92321" s="16">
        <v>6.6646083268723864</v>
      </c>
    </row>
    <row r="92322" spans="1:7" x14ac:dyDescent="0.3">
      <c r="A92322" s="13" t="s">
        <v>460</v>
      </c>
      <c r="B92322" s="14" t="s">
        <v>1</v>
      </c>
      <c r="C92322" s="14" t="s">
        <v>137</v>
      </c>
      <c r="D92322" s="14" t="s">
        <v>193</v>
      </c>
      <c r="E92322" s="15">
        <v>45718</v>
      </c>
      <c r="F92322" s="14" t="s">
        <v>15</v>
      </c>
      <c r="G92322" s="16">
        <v>6.6646083268723864</v>
      </c>
    </row>
    <row r="92323" spans="1:7" x14ac:dyDescent="0.3">
      <c r="A92323" s="13" t="s">
        <v>460</v>
      </c>
      <c r="B92323" s="14" t="s">
        <v>1</v>
      </c>
      <c r="C92323" s="14" t="s">
        <v>137</v>
      </c>
      <c r="D92323" s="14" t="s">
        <v>193</v>
      </c>
      <c r="E92323" s="15">
        <v>45719</v>
      </c>
      <c r="F92323" s="14" t="s">
        <v>15</v>
      </c>
      <c r="G92323" s="16">
        <v>6.7284539634296205</v>
      </c>
    </row>
    <row r="92324" spans="1:7" x14ac:dyDescent="0.3">
      <c r="A92324" s="13" t="s">
        <v>460</v>
      </c>
      <c r="B92324" s="14" t="s">
        <v>1</v>
      </c>
      <c r="C92324" s="14" t="s">
        <v>137</v>
      </c>
      <c r="D92324" s="14" t="s">
        <v>193</v>
      </c>
      <c r="E92324" s="15">
        <v>45720</v>
      </c>
      <c r="F92324" s="14" t="s">
        <v>15</v>
      </c>
      <c r="G92324" s="16">
        <v>6.7892276741009052</v>
      </c>
    </row>
    <row r="92325" spans="1:7" x14ac:dyDescent="0.3">
      <c r="A92325" s="13" t="s">
        <v>460</v>
      </c>
      <c r="B92325" s="14" t="s">
        <v>1</v>
      </c>
      <c r="C92325" s="14" t="s">
        <v>137</v>
      </c>
      <c r="D92325" s="14" t="s">
        <v>193</v>
      </c>
      <c r="E92325" s="15">
        <v>45721</v>
      </c>
      <c r="F92325" s="14" t="s">
        <v>15</v>
      </c>
      <c r="G92325" s="16">
        <v>6.8119935382331303</v>
      </c>
    </row>
    <row r="92326" spans="1:7" x14ac:dyDescent="0.3">
      <c r="A92326" s="13" t="s">
        <v>460</v>
      </c>
      <c r="B92326" s="14" t="s">
        <v>1</v>
      </c>
      <c r="C92326" s="14" t="s">
        <v>137</v>
      </c>
      <c r="D92326" s="14" t="s">
        <v>193</v>
      </c>
      <c r="E92326" s="15">
        <v>45722</v>
      </c>
      <c r="F92326" s="14" t="s">
        <v>15</v>
      </c>
      <c r="G92326" s="16">
        <v>6.8315418167717432</v>
      </c>
    </row>
    <row r="92327" spans="1:7" x14ac:dyDescent="0.3">
      <c r="A92327" s="13" t="s">
        <v>460</v>
      </c>
      <c r="B92327" s="14" t="s">
        <v>1</v>
      </c>
      <c r="C92327" s="14" t="s">
        <v>137</v>
      </c>
      <c r="D92327" s="14" t="s">
        <v>193</v>
      </c>
      <c r="E92327" s="15">
        <v>45723</v>
      </c>
      <c r="F92327" s="14" t="s">
        <v>15</v>
      </c>
      <c r="G92327" s="16">
        <v>6.851297380278953</v>
      </c>
    </row>
    <row r="92328" spans="1:7" x14ac:dyDescent="0.3">
      <c r="A92328" s="13" t="s">
        <v>460</v>
      </c>
      <c r="B92328" s="14" t="s">
        <v>1</v>
      </c>
      <c r="C92328" s="14" t="s">
        <v>137</v>
      </c>
      <c r="D92328" s="14" t="s">
        <v>193</v>
      </c>
      <c r="E92328" s="15">
        <v>45724</v>
      </c>
      <c r="F92328" s="14" t="s">
        <v>15</v>
      </c>
      <c r="G92328" s="16">
        <v>6.851297380278953</v>
      </c>
    </row>
    <row r="92329" spans="1:7" x14ac:dyDescent="0.3">
      <c r="A92329" s="13" t="s">
        <v>460</v>
      </c>
      <c r="B92329" s="14" t="s">
        <v>1</v>
      </c>
      <c r="C92329" s="14" t="s">
        <v>137</v>
      </c>
      <c r="D92329" s="14" t="s">
        <v>193</v>
      </c>
      <c r="E92329" s="15">
        <v>45725</v>
      </c>
      <c r="F92329" s="14" t="s">
        <v>15</v>
      </c>
      <c r="G92329" s="16">
        <v>6.851297380278953</v>
      </c>
    </row>
    <row r="92330" spans="1:7" x14ac:dyDescent="0.3">
      <c r="A92330" s="13" t="s">
        <v>460</v>
      </c>
      <c r="B92330" s="14" t="s">
        <v>1</v>
      </c>
      <c r="C92330" s="14" t="s">
        <v>137</v>
      </c>
      <c r="D92330" s="14" t="s">
        <v>193</v>
      </c>
      <c r="E92330" s="15">
        <v>45726</v>
      </c>
      <c r="F92330" s="14" t="s">
        <v>15</v>
      </c>
      <c r="G92330" s="16">
        <v>6.8735637063111845</v>
      </c>
    </row>
    <row r="92331" spans="1:7" x14ac:dyDescent="0.3">
      <c r="A92331" s="13" t="s">
        <v>460</v>
      </c>
      <c r="B92331" s="14" t="s">
        <v>1</v>
      </c>
      <c r="C92331" s="14" t="s">
        <v>137</v>
      </c>
      <c r="D92331" s="14" t="s">
        <v>193</v>
      </c>
      <c r="E92331" s="15">
        <v>45727</v>
      </c>
      <c r="F92331" s="14" t="s">
        <v>15</v>
      </c>
      <c r="G92331" s="16">
        <v>6.9322785730376291</v>
      </c>
    </row>
    <row r="92332" spans="1:7" x14ac:dyDescent="0.3">
      <c r="A92332" s="13" t="s">
        <v>460</v>
      </c>
      <c r="B92332" s="14" t="s">
        <v>1</v>
      </c>
      <c r="C92332" s="14" t="s">
        <v>137</v>
      </c>
      <c r="D92332" s="14" t="s">
        <v>193</v>
      </c>
      <c r="E92332" s="15">
        <v>45728</v>
      </c>
      <c r="F92332" s="14" t="s">
        <v>15</v>
      </c>
      <c r="G92332" s="16">
        <v>6.9519015488622218</v>
      </c>
    </row>
    <row r="92333" spans="1:7" x14ac:dyDescent="0.3">
      <c r="A92333" s="13" t="s">
        <v>460</v>
      </c>
      <c r="B92333" s="14" t="s">
        <v>1</v>
      </c>
      <c r="C92333" s="14" t="s">
        <v>137</v>
      </c>
      <c r="D92333" s="14" t="s">
        <v>193</v>
      </c>
      <c r="E92333" s="15">
        <v>45729</v>
      </c>
      <c r="F92333" s="14" t="s">
        <v>15</v>
      </c>
      <c r="G92333" s="16">
        <v>6.9714507611169099</v>
      </c>
    </row>
    <row r="92334" spans="1:7" x14ac:dyDescent="0.3">
      <c r="A92334" s="13" t="s">
        <v>460</v>
      </c>
      <c r="B92334" s="14" t="s">
        <v>1</v>
      </c>
      <c r="C92334" s="14" t="s">
        <v>137</v>
      </c>
      <c r="D92334" s="14" t="s">
        <v>193</v>
      </c>
      <c r="E92334" s="15">
        <v>45730</v>
      </c>
      <c r="F92334" s="14" t="s">
        <v>15</v>
      </c>
      <c r="G92334" s="16">
        <v>6.9917702891332736</v>
      </c>
    </row>
    <row r="92335" spans="1:7" x14ac:dyDescent="0.3">
      <c r="A92335" s="13" t="s">
        <v>460</v>
      </c>
      <c r="B92335" s="14" t="s">
        <v>1</v>
      </c>
      <c r="C92335" s="14" t="s">
        <v>137</v>
      </c>
      <c r="D92335" s="14" t="s">
        <v>193</v>
      </c>
      <c r="E92335" s="15">
        <v>45731</v>
      </c>
      <c r="F92335" s="14" t="s">
        <v>15</v>
      </c>
      <c r="G92335" s="16">
        <v>6.9917702891332736</v>
      </c>
    </row>
    <row r="92336" spans="1:7" x14ac:dyDescent="0.3">
      <c r="A92336" s="13" t="s">
        <v>460</v>
      </c>
      <c r="B92336" s="14" t="s">
        <v>1</v>
      </c>
      <c r="C92336" s="14" t="s">
        <v>137</v>
      </c>
      <c r="D92336" s="14" t="s">
        <v>193</v>
      </c>
      <c r="E92336" s="15">
        <v>45732</v>
      </c>
      <c r="F92336" s="14" t="s">
        <v>15</v>
      </c>
      <c r="G92336" s="16">
        <v>6.9917702891332736</v>
      </c>
    </row>
    <row r="92337" spans="1:7" x14ac:dyDescent="0.3">
      <c r="A92337" s="13" t="s">
        <v>460</v>
      </c>
      <c r="B92337" s="14" t="s">
        <v>1</v>
      </c>
      <c r="C92337" s="14" t="s">
        <v>137</v>
      </c>
      <c r="D92337" s="14" t="s">
        <v>193</v>
      </c>
      <c r="E92337" s="15">
        <v>45733</v>
      </c>
      <c r="F92337" s="14" t="s">
        <v>15</v>
      </c>
      <c r="G92337" s="16">
        <v>6.9917702891332736</v>
      </c>
    </row>
    <row r="92338" spans="1:7" x14ac:dyDescent="0.3">
      <c r="A92338" s="13" t="s">
        <v>460</v>
      </c>
      <c r="B92338" s="14" t="s">
        <v>1</v>
      </c>
      <c r="C92338" s="14" t="s">
        <v>137</v>
      </c>
      <c r="D92338" s="14" t="s">
        <v>193</v>
      </c>
      <c r="E92338" s="15">
        <v>45734</v>
      </c>
      <c r="F92338" s="14" t="s">
        <v>15</v>
      </c>
      <c r="G92338" s="16">
        <v>7.012323246168326</v>
      </c>
    </row>
    <row r="92339" spans="1:7" x14ac:dyDescent="0.3">
      <c r="A92339" s="13" t="s">
        <v>460</v>
      </c>
      <c r="B92339" s="14" t="s">
        <v>1</v>
      </c>
      <c r="C92339" s="14" t="s">
        <v>137</v>
      </c>
      <c r="D92339" s="14" t="s">
        <v>193</v>
      </c>
      <c r="E92339" s="15">
        <v>45735</v>
      </c>
      <c r="F92339" s="14" t="s">
        <v>15</v>
      </c>
      <c r="G92339" s="16">
        <v>7.09130255286522</v>
      </c>
    </row>
    <row r="92340" spans="1:7" x14ac:dyDescent="0.3">
      <c r="A92340" s="13" t="s">
        <v>460</v>
      </c>
      <c r="B92340" s="14" t="s">
        <v>1</v>
      </c>
      <c r="C92340" s="14" t="s">
        <v>137</v>
      </c>
      <c r="D92340" s="14" t="s">
        <v>193</v>
      </c>
      <c r="E92340" s="15">
        <v>45736</v>
      </c>
      <c r="F92340" s="14" t="s">
        <v>15</v>
      </c>
      <c r="G92340" s="16">
        <v>7.110841494243088</v>
      </c>
    </row>
    <row r="92341" spans="1:7" x14ac:dyDescent="0.3">
      <c r="A92341" s="13" t="s">
        <v>460</v>
      </c>
      <c r="B92341" s="14" t="s">
        <v>1</v>
      </c>
      <c r="C92341" s="14" t="s">
        <v>137</v>
      </c>
      <c r="D92341" s="14" t="s">
        <v>193</v>
      </c>
      <c r="E92341" s="15">
        <v>45737</v>
      </c>
      <c r="F92341" s="14" t="s">
        <v>15</v>
      </c>
      <c r="G92341" s="16">
        <v>7.134789442925956</v>
      </c>
    </row>
    <row r="92342" spans="1:7" x14ac:dyDescent="0.3">
      <c r="A92342" s="13" t="s">
        <v>460</v>
      </c>
      <c r="B92342" s="14" t="s">
        <v>1</v>
      </c>
      <c r="C92342" s="14" t="s">
        <v>137</v>
      </c>
      <c r="D92342" s="14" t="s">
        <v>193</v>
      </c>
      <c r="E92342" s="15">
        <v>45738</v>
      </c>
      <c r="F92342" s="14" t="s">
        <v>15</v>
      </c>
      <c r="G92342" s="16">
        <v>7.134789442925956</v>
      </c>
    </row>
    <row r="92343" spans="1:7" x14ac:dyDescent="0.3">
      <c r="A92343" s="13" t="s">
        <v>460</v>
      </c>
      <c r="B92343" s="14" t="s">
        <v>1</v>
      </c>
      <c r="C92343" s="14" t="s">
        <v>137</v>
      </c>
      <c r="D92343" s="14" t="s">
        <v>193</v>
      </c>
      <c r="E92343" s="15">
        <v>45739</v>
      </c>
      <c r="F92343" s="14" t="s">
        <v>15</v>
      </c>
      <c r="G92343" s="16">
        <v>7.134789442925956</v>
      </c>
    </row>
    <row r="92344" spans="1:7" x14ac:dyDescent="0.3">
      <c r="A92344" s="13" t="s">
        <v>460</v>
      </c>
      <c r="B92344" s="14" t="s">
        <v>1</v>
      </c>
      <c r="C92344" s="14" t="s">
        <v>137</v>
      </c>
      <c r="D92344" s="14" t="s">
        <v>193</v>
      </c>
      <c r="E92344" s="15">
        <v>45740</v>
      </c>
      <c r="F92344" s="14" t="s">
        <v>15</v>
      </c>
      <c r="G92344" s="16">
        <v>7.1543274505877479</v>
      </c>
    </row>
    <row r="92345" spans="1:7" x14ac:dyDescent="0.3">
      <c r="A92345" s="13" t="s">
        <v>460</v>
      </c>
      <c r="B92345" s="14" t="s">
        <v>1</v>
      </c>
      <c r="C92345" s="14" t="s">
        <v>137</v>
      </c>
      <c r="D92345" s="14" t="s">
        <v>193</v>
      </c>
      <c r="E92345" s="15">
        <v>45741</v>
      </c>
      <c r="F92345" s="14" t="s">
        <v>15</v>
      </c>
      <c r="G92345" s="16">
        <v>7.2129050610512024</v>
      </c>
    </row>
    <row r="92346" spans="1:7" x14ac:dyDescent="0.3">
      <c r="A92346" s="13" t="s">
        <v>460</v>
      </c>
      <c r="B92346" s="14" t="s">
        <v>1</v>
      </c>
      <c r="C92346" s="14" t="s">
        <v>137</v>
      </c>
      <c r="D92346" s="14" t="s">
        <v>193</v>
      </c>
      <c r="E92346" s="15">
        <v>45742</v>
      </c>
      <c r="F92346" s="14" t="s">
        <v>15</v>
      </c>
      <c r="G92346" s="16">
        <v>7.2318576287341232</v>
      </c>
    </row>
    <row r="92347" spans="1:7" x14ac:dyDescent="0.3">
      <c r="A92347" s="13" t="s">
        <v>460</v>
      </c>
      <c r="B92347" s="14" t="s">
        <v>1</v>
      </c>
      <c r="C92347" s="14" t="s">
        <v>137</v>
      </c>
      <c r="D92347" s="14" t="s">
        <v>193</v>
      </c>
      <c r="E92347" s="15">
        <v>45743</v>
      </c>
      <c r="F92347" s="14" t="s">
        <v>15</v>
      </c>
      <c r="G92347" s="16">
        <v>7.2518167423456283</v>
      </c>
    </row>
    <row r="92348" spans="1:7" x14ac:dyDescent="0.3">
      <c r="A92348" s="13" t="s">
        <v>460</v>
      </c>
      <c r="B92348" s="14" t="s">
        <v>1</v>
      </c>
      <c r="C92348" s="14" t="s">
        <v>137</v>
      </c>
      <c r="D92348" s="14" t="s">
        <v>193</v>
      </c>
      <c r="E92348" s="15">
        <v>45744</v>
      </c>
      <c r="F92348" s="14" t="s">
        <v>15</v>
      </c>
      <c r="G92348" s="16">
        <v>7.2713659546003173</v>
      </c>
    </row>
    <row r="92349" spans="1:7" x14ac:dyDescent="0.3">
      <c r="A92349" s="13" t="s">
        <v>460</v>
      </c>
      <c r="B92349" s="14" t="s">
        <v>1</v>
      </c>
      <c r="C92349" s="14" t="s">
        <v>137</v>
      </c>
      <c r="D92349" s="14" t="s">
        <v>193</v>
      </c>
      <c r="E92349" s="15">
        <v>45745</v>
      </c>
      <c r="F92349" s="14" t="s">
        <v>15</v>
      </c>
      <c r="G92349" s="16">
        <v>7.2713659546003173</v>
      </c>
    </row>
    <row r="92350" spans="1:7" x14ac:dyDescent="0.3">
      <c r="A92350" s="13" t="s">
        <v>460</v>
      </c>
      <c r="B92350" s="14" t="s">
        <v>1</v>
      </c>
      <c r="C92350" s="14" t="s">
        <v>137</v>
      </c>
      <c r="D92350" s="14" t="s">
        <v>193</v>
      </c>
      <c r="E92350" s="15">
        <v>45746</v>
      </c>
      <c r="F92350" s="14" t="s">
        <v>15</v>
      </c>
      <c r="G92350" s="16">
        <v>7.2713659546003173</v>
      </c>
    </row>
    <row r="92351" spans="1:7" x14ac:dyDescent="0.3">
      <c r="A92351" s="13" t="s">
        <v>460</v>
      </c>
      <c r="B92351" s="14" t="s">
        <v>1</v>
      </c>
      <c r="C92351" s="14" t="s">
        <v>137</v>
      </c>
      <c r="D92351" s="14" t="s">
        <v>193</v>
      </c>
      <c r="E92351" s="15">
        <v>45747</v>
      </c>
      <c r="F92351" s="14" t="s">
        <v>15</v>
      </c>
      <c r="G92351" s="16">
        <v>7.2923092049546181</v>
      </c>
    </row>
    <row r="92352" spans="1:7" x14ac:dyDescent="0.3">
      <c r="A92352" s="13" t="s">
        <v>461</v>
      </c>
      <c r="B92352" s="14" t="s">
        <v>1</v>
      </c>
      <c r="C92352" s="14" t="s">
        <v>157</v>
      </c>
      <c r="D92352" s="14" t="s">
        <v>31</v>
      </c>
      <c r="E92352" s="15">
        <v>45383</v>
      </c>
      <c r="F92352" s="14" t="s">
        <v>15</v>
      </c>
      <c r="G92352" s="16">
        <v>0</v>
      </c>
    </row>
    <row r="92353" spans="1:7" x14ac:dyDescent="0.3">
      <c r="A92353" s="13" t="s">
        <v>461</v>
      </c>
      <c r="B92353" s="14" t="s">
        <v>1</v>
      </c>
      <c r="C92353" s="14" t="s">
        <v>157</v>
      </c>
      <c r="D92353" s="14" t="s">
        <v>31</v>
      </c>
      <c r="E92353" s="15">
        <v>45384</v>
      </c>
      <c r="F92353" s="14" t="s">
        <v>15</v>
      </c>
      <c r="G92353" s="16">
        <v>0</v>
      </c>
    </row>
    <row r="92354" spans="1:7" x14ac:dyDescent="0.3">
      <c r="A92354" s="13" t="s">
        <v>461</v>
      </c>
      <c r="B92354" s="14" t="s">
        <v>1</v>
      </c>
      <c r="C92354" s="14" t="s">
        <v>157</v>
      </c>
      <c r="D92354" s="14" t="s">
        <v>31</v>
      </c>
      <c r="E92354" s="15">
        <v>45385</v>
      </c>
      <c r="F92354" s="14" t="s">
        <v>15</v>
      </c>
      <c r="G92354" s="16">
        <v>0</v>
      </c>
    </row>
    <row r="92355" spans="1:7" x14ac:dyDescent="0.3">
      <c r="A92355" s="13" t="s">
        <v>461</v>
      </c>
      <c r="B92355" s="14" t="s">
        <v>1</v>
      </c>
      <c r="C92355" s="14" t="s">
        <v>157</v>
      </c>
      <c r="D92355" s="14" t="s">
        <v>31</v>
      </c>
      <c r="E92355" s="15">
        <v>45386</v>
      </c>
      <c r="F92355" s="14" t="s">
        <v>15</v>
      </c>
      <c r="G92355" s="16">
        <v>0</v>
      </c>
    </row>
    <row r="92356" spans="1:7" x14ac:dyDescent="0.3">
      <c r="A92356" s="13" t="s">
        <v>461</v>
      </c>
      <c r="B92356" s="14" t="s">
        <v>1</v>
      </c>
      <c r="C92356" s="14" t="s">
        <v>157</v>
      </c>
      <c r="D92356" s="14" t="s">
        <v>31</v>
      </c>
      <c r="E92356" s="15">
        <v>45387</v>
      </c>
      <c r="F92356" s="14" t="s">
        <v>15</v>
      </c>
      <c r="G92356" s="16">
        <v>0</v>
      </c>
    </row>
    <row r="92357" spans="1:7" x14ac:dyDescent="0.3">
      <c r="A92357" s="13" t="s">
        <v>461</v>
      </c>
      <c r="B92357" s="14" t="s">
        <v>1</v>
      </c>
      <c r="C92357" s="14" t="s">
        <v>157</v>
      </c>
      <c r="D92357" s="14" t="s">
        <v>31</v>
      </c>
      <c r="E92357" s="15">
        <v>45388</v>
      </c>
      <c r="F92357" s="14" t="s">
        <v>15</v>
      </c>
      <c r="G92357" s="16">
        <v>0</v>
      </c>
    </row>
    <row r="92358" spans="1:7" x14ac:dyDescent="0.3">
      <c r="A92358" s="13" t="s">
        <v>461</v>
      </c>
      <c r="B92358" s="14" t="s">
        <v>1</v>
      </c>
      <c r="C92358" s="14" t="s">
        <v>157</v>
      </c>
      <c r="D92358" s="14" t="s">
        <v>31</v>
      </c>
      <c r="E92358" s="15">
        <v>45389</v>
      </c>
      <c r="F92358" s="14" t="s">
        <v>15</v>
      </c>
      <c r="G92358" s="16">
        <v>0</v>
      </c>
    </row>
    <row r="92359" spans="1:7" x14ac:dyDescent="0.3">
      <c r="A92359" s="13" t="s">
        <v>461</v>
      </c>
      <c r="B92359" s="14" t="s">
        <v>1</v>
      </c>
      <c r="C92359" s="14" t="s">
        <v>157</v>
      </c>
      <c r="D92359" s="14" t="s">
        <v>31</v>
      </c>
      <c r="E92359" s="15">
        <v>45390</v>
      </c>
      <c r="F92359" s="14" t="s">
        <v>15</v>
      </c>
      <c r="G92359" s="16">
        <v>8.6284077826858693E-2</v>
      </c>
    </row>
    <row r="92360" spans="1:7" x14ac:dyDescent="0.3">
      <c r="A92360" s="13" t="s">
        <v>461</v>
      </c>
      <c r="B92360" s="14" t="s">
        <v>1</v>
      </c>
      <c r="C92360" s="14" t="s">
        <v>157</v>
      </c>
      <c r="D92360" s="14" t="s">
        <v>31</v>
      </c>
      <c r="E92360" s="15">
        <v>45391</v>
      </c>
      <c r="F92360" s="14" t="s">
        <v>15</v>
      </c>
      <c r="G92360" s="16">
        <v>7.6299819463868046E-2</v>
      </c>
    </row>
    <row r="92361" spans="1:7" x14ac:dyDescent="0.3">
      <c r="A92361" s="13" t="s">
        <v>461</v>
      </c>
      <c r="B92361" s="14" t="s">
        <v>1</v>
      </c>
      <c r="C92361" s="14" t="s">
        <v>157</v>
      </c>
      <c r="D92361" s="14" t="s">
        <v>31</v>
      </c>
      <c r="E92361" s="15">
        <v>45392</v>
      </c>
      <c r="F92361" s="14" t="s">
        <v>15</v>
      </c>
      <c r="G92361" s="16">
        <v>7.6299819463868046E-2</v>
      </c>
    </row>
    <row r="92362" spans="1:7" x14ac:dyDescent="0.3">
      <c r="A92362" s="13" t="s">
        <v>461</v>
      </c>
      <c r="B92362" s="14" t="s">
        <v>1</v>
      </c>
      <c r="C92362" s="14" t="s">
        <v>157</v>
      </c>
      <c r="D92362" s="14" t="s">
        <v>31</v>
      </c>
      <c r="E92362" s="15">
        <v>45393</v>
      </c>
      <c r="F92362" s="14" t="s">
        <v>15</v>
      </c>
      <c r="G92362" s="16">
        <v>7.2958125649795105E-2</v>
      </c>
    </row>
    <row r="92363" spans="1:7" x14ac:dyDescent="0.3">
      <c r="A92363" s="13" t="s">
        <v>461</v>
      </c>
      <c r="B92363" s="14" t="s">
        <v>1</v>
      </c>
      <c r="C92363" s="14" t="s">
        <v>157</v>
      </c>
      <c r="D92363" s="14" t="s">
        <v>31</v>
      </c>
      <c r="E92363" s="15">
        <v>45394</v>
      </c>
      <c r="F92363" s="14" t="s">
        <v>15</v>
      </c>
      <c r="G92363" s="16">
        <v>0.19465590792558396</v>
      </c>
    </row>
    <row r="92364" spans="1:7" x14ac:dyDescent="0.3">
      <c r="A92364" s="13" t="s">
        <v>461</v>
      </c>
      <c r="B92364" s="14" t="s">
        <v>1</v>
      </c>
      <c r="C92364" s="14" t="s">
        <v>157</v>
      </c>
      <c r="D92364" s="14" t="s">
        <v>31</v>
      </c>
      <c r="E92364" s="15">
        <v>45395</v>
      </c>
      <c r="F92364" s="14" t="s">
        <v>15</v>
      </c>
      <c r="G92364" s="16">
        <v>0.19465590792558396</v>
      </c>
    </row>
    <row r="92365" spans="1:7" x14ac:dyDescent="0.3">
      <c r="A92365" s="13" t="s">
        <v>461</v>
      </c>
      <c r="B92365" s="14" t="s">
        <v>1</v>
      </c>
      <c r="C92365" s="14" t="s">
        <v>157</v>
      </c>
      <c r="D92365" s="14" t="s">
        <v>31</v>
      </c>
      <c r="E92365" s="15">
        <v>45396</v>
      </c>
      <c r="F92365" s="14" t="s">
        <v>15</v>
      </c>
      <c r="G92365" s="16">
        <v>0.19465590792558396</v>
      </c>
    </row>
    <row r="92366" spans="1:7" x14ac:dyDescent="0.3">
      <c r="A92366" s="13" t="s">
        <v>461</v>
      </c>
      <c r="B92366" s="14" t="s">
        <v>1</v>
      </c>
      <c r="C92366" s="14" t="s">
        <v>157</v>
      </c>
      <c r="D92366" s="14" t="s">
        <v>31</v>
      </c>
      <c r="E92366" s="15">
        <v>45397</v>
      </c>
      <c r="F92366" s="14" t="s">
        <v>15</v>
      </c>
      <c r="G92366" s="16">
        <v>0.19128483470549545</v>
      </c>
    </row>
    <row r="92367" spans="1:7" x14ac:dyDescent="0.3">
      <c r="A92367" s="13" t="s">
        <v>461</v>
      </c>
      <c r="B92367" s="14" t="s">
        <v>1</v>
      </c>
      <c r="C92367" s="14" t="s">
        <v>157</v>
      </c>
      <c r="D92367" s="14" t="s">
        <v>31</v>
      </c>
      <c r="E92367" s="15">
        <v>45398</v>
      </c>
      <c r="F92367" s="14" t="s">
        <v>15</v>
      </c>
      <c r="G92367" s="16">
        <v>0.18127207145582824</v>
      </c>
    </row>
    <row r="92368" spans="1:7" x14ac:dyDescent="0.3">
      <c r="A92368" s="13" t="s">
        <v>461</v>
      </c>
      <c r="B92368" s="14" t="s">
        <v>1</v>
      </c>
      <c r="C92368" s="14" t="s">
        <v>157</v>
      </c>
      <c r="D92368" s="14" t="s">
        <v>31</v>
      </c>
      <c r="E92368" s="15">
        <v>45399</v>
      </c>
      <c r="F92368" s="14" t="s">
        <v>15</v>
      </c>
      <c r="G92368" s="16">
        <v>0.17798777905020449</v>
      </c>
    </row>
    <row r="92369" spans="1:7" x14ac:dyDescent="0.3">
      <c r="A92369" s="13" t="s">
        <v>461</v>
      </c>
      <c r="B92369" s="14" t="s">
        <v>1</v>
      </c>
      <c r="C92369" s="14" t="s">
        <v>157</v>
      </c>
      <c r="D92369" s="14" t="s">
        <v>31</v>
      </c>
      <c r="E92369" s="15">
        <v>45400</v>
      </c>
      <c r="F92369" s="14" t="s">
        <v>15</v>
      </c>
      <c r="G92369" s="16">
        <v>0.17479488003800825</v>
      </c>
    </row>
    <row r="92370" spans="1:7" x14ac:dyDescent="0.3">
      <c r="A92370" s="13" t="s">
        <v>461</v>
      </c>
      <c r="B92370" s="14" t="s">
        <v>1</v>
      </c>
      <c r="C92370" s="14" t="s">
        <v>157</v>
      </c>
      <c r="D92370" s="14" t="s">
        <v>31</v>
      </c>
      <c r="E92370" s="15">
        <v>45401</v>
      </c>
      <c r="F92370" s="14" t="s">
        <v>15</v>
      </c>
      <c r="G92370" s="16">
        <v>0.15120105521125363</v>
      </c>
    </row>
    <row r="92371" spans="1:7" x14ac:dyDescent="0.3">
      <c r="A92371" s="13" t="s">
        <v>461</v>
      </c>
      <c r="B92371" s="14" t="s">
        <v>1</v>
      </c>
      <c r="C92371" s="14" t="s">
        <v>157</v>
      </c>
      <c r="D92371" s="14" t="s">
        <v>31</v>
      </c>
      <c r="E92371" s="15">
        <v>45402</v>
      </c>
      <c r="F92371" s="14" t="s">
        <v>15</v>
      </c>
      <c r="G92371" s="16">
        <v>0.15120105521125363</v>
      </c>
    </row>
    <row r="92372" spans="1:7" x14ac:dyDescent="0.3">
      <c r="A92372" s="13" t="s">
        <v>461</v>
      </c>
      <c r="B92372" s="14" t="s">
        <v>1</v>
      </c>
      <c r="C92372" s="14" t="s">
        <v>157</v>
      </c>
      <c r="D92372" s="14" t="s">
        <v>31</v>
      </c>
      <c r="E92372" s="15">
        <v>45403</v>
      </c>
      <c r="F92372" s="14" t="s">
        <v>15</v>
      </c>
      <c r="G92372" s="16">
        <v>0.15120105521125363</v>
      </c>
    </row>
    <row r="92373" spans="1:7" x14ac:dyDescent="0.3">
      <c r="A92373" s="13" t="s">
        <v>461</v>
      </c>
      <c r="B92373" s="14" t="s">
        <v>1</v>
      </c>
      <c r="C92373" s="14" t="s">
        <v>157</v>
      </c>
      <c r="D92373" s="14" t="s">
        <v>31</v>
      </c>
      <c r="E92373" s="15">
        <v>45404</v>
      </c>
      <c r="F92373" s="14" t="s">
        <v>15</v>
      </c>
      <c r="G92373" s="16">
        <v>0.14795175126336971</v>
      </c>
    </row>
    <row r="92374" spans="1:7" x14ac:dyDescent="0.3">
      <c r="A92374" s="13" t="s">
        <v>461</v>
      </c>
      <c r="B92374" s="14" t="s">
        <v>1</v>
      </c>
      <c r="C92374" s="14" t="s">
        <v>157</v>
      </c>
      <c r="D92374" s="14" t="s">
        <v>31</v>
      </c>
      <c r="E92374" s="15">
        <v>45405</v>
      </c>
      <c r="F92374" s="14" t="s">
        <v>15</v>
      </c>
      <c r="G92374" s="16">
        <v>0.17933902592574091</v>
      </c>
    </row>
    <row r="92375" spans="1:7" x14ac:dyDescent="0.3">
      <c r="A92375" s="13" t="s">
        <v>461</v>
      </c>
      <c r="B92375" s="14" t="s">
        <v>1</v>
      </c>
      <c r="C92375" s="14" t="s">
        <v>157</v>
      </c>
      <c r="D92375" s="14" t="s">
        <v>31</v>
      </c>
      <c r="E92375" s="15">
        <v>45406</v>
      </c>
      <c r="F92375" s="14" t="s">
        <v>15</v>
      </c>
      <c r="G92375" s="16">
        <v>0.17536191444518484</v>
      </c>
    </row>
    <row r="92376" spans="1:7" x14ac:dyDescent="0.3">
      <c r="A92376" s="13" t="s">
        <v>461</v>
      </c>
      <c r="B92376" s="14" t="s">
        <v>1</v>
      </c>
      <c r="C92376" s="14" t="s">
        <v>157</v>
      </c>
      <c r="D92376" s="14" t="s">
        <v>31</v>
      </c>
      <c r="E92376" s="15">
        <v>45407</v>
      </c>
      <c r="F92376" s="14" t="s">
        <v>15</v>
      </c>
      <c r="G92376" s="16">
        <v>0.1721858085178237</v>
      </c>
    </row>
    <row r="92377" spans="1:7" x14ac:dyDescent="0.3">
      <c r="A92377" s="13" t="s">
        <v>461</v>
      </c>
      <c r="B92377" s="14" t="s">
        <v>1</v>
      </c>
      <c r="C92377" s="14" t="s">
        <v>157</v>
      </c>
      <c r="D92377" s="14" t="s">
        <v>31</v>
      </c>
      <c r="E92377" s="15">
        <v>45408</v>
      </c>
      <c r="F92377" s="14" t="s">
        <v>15</v>
      </c>
      <c r="G92377" s="16">
        <v>0.26292942669908159</v>
      </c>
    </row>
    <row r="92378" spans="1:7" x14ac:dyDescent="0.3">
      <c r="A92378" s="13" t="s">
        <v>461</v>
      </c>
      <c r="B92378" s="14" t="s">
        <v>1</v>
      </c>
      <c r="C92378" s="14" t="s">
        <v>157</v>
      </c>
      <c r="D92378" s="14" t="s">
        <v>31</v>
      </c>
      <c r="E92378" s="15">
        <v>45409</v>
      </c>
      <c r="F92378" s="14" t="s">
        <v>15</v>
      </c>
      <c r="G92378" s="16">
        <v>0.26292942669908159</v>
      </c>
    </row>
    <row r="92379" spans="1:7" x14ac:dyDescent="0.3">
      <c r="A92379" s="13" t="s">
        <v>461</v>
      </c>
      <c r="B92379" s="14" t="s">
        <v>1</v>
      </c>
      <c r="C92379" s="14" t="s">
        <v>157</v>
      </c>
      <c r="D92379" s="14" t="s">
        <v>31</v>
      </c>
      <c r="E92379" s="15">
        <v>45410</v>
      </c>
      <c r="F92379" s="14" t="s">
        <v>15</v>
      </c>
      <c r="G92379" s="16">
        <v>0.26292942669908159</v>
      </c>
    </row>
    <row r="92380" spans="1:7" x14ac:dyDescent="0.3">
      <c r="A92380" s="13" t="s">
        <v>461</v>
      </c>
      <c r="B92380" s="14" t="s">
        <v>1</v>
      </c>
      <c r="C92380" s="14" t="s">
        <v>157</v>
      </c>
      <c r="D92380" s="14" t="s">
        <v>31</v>
      </c>
      <c r="E92380" s="15">
        <v>45411</v>
      </c>
      <c r="F92380" s="14" t="s">
        <v>15</v>
      </c>
      <c r="G92380" s="16">
        <v>0.28631503080335091</v>
      </c>
    </row>
    <row r="92381" spans="1:7" x14ac:dyDescent="0.3">
      <c r="A92381" s="13" t="s">
        <v>461</v>
      </c>
      <c r="B92381" s="14" t="s">
        <v>1</v>
      </c>
      <c r="C92381" s="14" t="s">
        <v>157</v>
      </c>
      <c r="D92381" s="14" t="s">
        <v>31</v>
      </c>
      <c r="E92381" s="15">
        <v>45412</v>
      </c>
      <c r="F92381" s="14" t="s">
        <v>15</v>
      </c>
      <c r="G92381" s="16">
        <v>0.37074510374909092</v>
      </c>
    </row>
    <row r="92382" spans="1:7" x14ac:dyDescent="0.3">
      <c r="A92382" s="13" t="s">
        <v>461</v>
      </c>
      <c r="B92382" s="14" t="s">
        <v>1</v>
      </c>
      <c r="C92382" s="14" t="s">
        <v>157</v>
      </c>
      <c r="D92382" s="14" t="s">
        <v>31</v>
      </c>
      <c r="E92382" s="15">
        <v>45413</v>
      </c>
      <c r="F92382" s="14" t="s">
        <v>15</v>
      </c>
      <c r="G92382" s="16">
        <v>0.37074510374909092</v>
      </c>
    </row>
    <row r="92383" spans="1:7" x14ac:dyDescent="0.3">
      <c r="A92383" s="13" t="s">
        <v>461</v>
      </c>
      <c r="B92383" s="14" t="s">
        <v>1</v>
      </c>
      <c r="C92383" s="14" t="s">
        <v>157</v>
      </c>
      <c r="D92383" s="14" t="s">
        <v>31</v>
      </c>
      <c r="E92383" s="15">
        <v>45414</v>
      </c>
      <c r="F92383" s="14" t="s">
        <v>15</v>
      </c>
      <c r="G92383" s="16">
        <v>0.36687358549970184</v>
      </c>
    </row>
    <row r="92384" spans="1:7" x14ac:dyDescent="0.3">
      <c r="A92384" s="13" t="s">
        <v>461</v>
      </c>
      <c r="B92384" s="14" t="s">
        <v>1</v>
      </c>
      <c r="C92384" s="14" t="s">
        <v>157</v>
      </c>
      <c r="D92384" s="14" t="s">
        <v>31</v>
      </c>
      <c r="E92384" s="15">
        <v>45415</v>
      </c>
      <c r="F92384" s="14" t="s">
        <v>15</v>
      </c>
      <c r="G92384" s="16">
        <v>0.36210959839635404</v>
      </c>
    </row>
    <row r="92385" spans="1:7" x14ac:dyDescent="0.3">
      <c r="A92385" s="13" t="s">
        <v>461</v>
      </c>
      <c r="B92385" s="14" t="s">
        <v>1</v>
      </c>
      <c r="C92385" s="14" t="s">
        <v>157</v>
      </c>
      <c r="D92385" s="14" t="s">
        <v>31</v>
      </c>
      <c r="E92385" s="15">
        <v>45416</v>
      </c>
      <c r="F92385" s="14" t="s">
        <v>15</v>
      </c>
      <c r="G92385" s="16">
        <v>0.36210959839635404</v>
      </c>
    </row>
    <row r="92386" spans="1:7" x14ac:dyDescent="0.3">
      <c r="A92386" s="13" t="s">
        <v>461</v>
      </c>
      <c r="B92386" s="14" t="s">
        <v>1</v>
      </c>
      <c r="C92386" s="14" t="s">
        <v>157</v>
      </c>
      <c r="D92386" s="14" t="s">
        <v>31</v>
      </c>
      <c r="E92386" s="15">
        <v>45417</v>
      </c>
      <c r="F92386" s="14" t="s">
        <v>15</v>
      </c>
      <c r="G92386" s="16">
        <v>0.36210959839635404</v>
      </c>
    </row>
    <row r="92387" spans="1:7" x14ac:dyDescent="0.3">
      <c r="A92387" s="13" t="s">
        <v>461</v>
      </c>
      <c r="B92387" s="14" t="s">
        <v>1</v>
      </c>
      <c r="C92387" s="14" t="s">
        <v>157</v>
      </c>
      <c r="D92387" s="14" t="s">
        <v>31</v>
      </c>
      <c r="E92387" s="15">
        <v>45418</v>
      </c>
      <c r="F92387" s="14" t="s">
        <v>15</v>
      </c>
      <c r="G92387" s="16">
        <v>0.36210959839635404</v>
      </c>
    </row>
    <row r="92388" spans="1:7" x14ac:dyDescent="0.3">
      <c r="A92388" s="13" t="s">
        <v>461</v>
      </c>
      <c r="B92388" s="14" t="s">
        <v>1</v>
      </c>
      <c r="C92388" s="14" t="s">
        <v>157</v>
      </c>
      <c r="D92388" s="14" t="s">
        <v>31</v>
      </c>
      <c r="E92388" s="15">
        <v>45419</v>
      </c>
      <c r="F92388" s="14" t="s">
        <v>15</v>
      </c>
      <c r="G92388" s="16">
        <v>0.35883175085504326</v>
      </c>
    </row>
    <row r="92389" spans="1:7" x14ac:dyDescent="0.3">
      <c r="A92389" s="13" t="s">
        <v>461</v>
      </c>
      <c r="B92389" s="14" t="s">
        <v>1</v>
      </c>
      <c r="C92389" s="14" t="s">
        <v>157</v>
      </c>
      <c r="D92389" s="14" t="s">
        <v>31</v>
      </c>
      <c r="E92389" s="15">
        <v>45420</v>
      </c>
      <c r="F92389" s="14" t="s">
        <v>15</v>
      </c>
      <c r="G92389" s="16">
        <v>0.34564596451409546</v>
      </c>
    </row>
    <row r="92390" spans="1:7" x14ac:dyDescent="0.3">
      <c r="A92390" s="13" t="s">
        <v>461</v>
      </c>
      <c r="B92390" s="14" t="s">
        <v>1</v>
      </c>
      <c r="C92390" s="14" t="s">
        <v>157</v>
      </c>
      <c r="D92390" s="14" t="s">
        <v>31</v>
      </c>
      <c r="E92390" s="15">
        <v>45421</v>
      </c>
      <c r="F92390" s="14" t="s">
        <v>15</v>
      </c>
      <c r="G92390" s="16">
        <v>0.45393453684020041</v>
      </c>
    </row>
    <row r="92391" spans="1:7" x14ac:dyDescent="0.3">
      <c r="A92391" s="13" t="s">
        <v>461</v>
      </c>
      <c r="B92391" s="14" t="s">
        <v>1</v>
      </c>
      <c r="C92391" s="14" t="s">
        <v>157</v>
      </c>
      <c r="D92391" s="14" t="s">
        <v>31</v>
      </c>
      <c r="E92391" s="15">
        <v>45422</v>
      </c>
      <c r="F92391" s="14" t="s">
        <v>15</v>
      </c>
      <c r="G92391" s="16">
        <v>0.70401905019682076</v>
      </c>
    </row>
    <row r="92392" spans="1:7" x14ac:dyDescent="0.3">
      <c r="A92392" s="13" t="s">
        <v>461</v>
      </c>
      <c r="B92392" s="14" t="s">
        <v>1</v>
      </c>
      <c r="C92392" s="14" t="s">
        <v>157</v>
      </c>
      <c r="D92392" s="14" t="s">
        <v>31</v>
      </c>
      <c r="E92392" s="15">
        <v>45423</v>
      </c>
      <c r="F92392" s="14" t="s">
        <v>15</v>
      </c>
      <c r="G92392" s="16">
        <v>0.70401905019682076</v>
      </c>
    </row>
    <row r="92393" spans="1:7" x14ac:dyDescent="0.3">
      <c r="A92393" s="13" t="s">
        <v>461</v>
      </c>
      <c r="B92393" s="14" t="s">
        <v>1</v>
      </c>
      <c r="C92393" s="14" t="s">
        <v>157</v>
      </c>
      <c r="D92393" s="14" t="s">
        <v>31</v>
      </c>
      <c r="E92393" s="15">
        <v>45424</v>
      </c>
      <c r="F92393" s="14" t="s">
        <v>15</v>
      </c>
      <c r="G92393" s="16">
        <v>0.70401905019682076</v>
      </c>
    </row>
    <row r="92394" spans="1:7" x14ac:dyDescent="0.3">
      <c r="A92394" s="13" t="s">
        <v>461</v>
      </c>
      <c r="B92394" s="14" t="s">
        <v>1</v>
      </c>
      <c r="C92394" s="14" t="s">
        <v>157</v>
      </c>
      <c r="D92394" s="14" t="s">
        <v>31</v>
      </c>
      <c r="E92394" s="15">
        <v>45425</v>
      </c>
      <c r="F92394" s="14" t="s">
        <v>15</v>
      </c>
      <c r="G92394" s="16">
        <v>0.70072869136373261</v>
      </c>
    </row>
    <row r="92395" spans="1:7" x14ac:dyDescent="0.3">
      <c r="A92395" s="13" t="s">
        <v>461</v>
      </c>
      <c r="B92395" s="14" t="s">
        <v>1</v>
      </c>
      <c r="C92395" s="14" t="s">
        <v>157</v>
      </c>
      <c r="D92395" s="14" t="s">
        <v>31</v>
      </c>
      <c r="E92395" s="15">
        <v>45426</v>
      </c>
      <c r="F92395" s="14" t="s">
        <v>15</v>
      </c>
      <c r="G92395" s="16">
        <v>0.72683729951326903</v>
      </c>
    </row>
    <row r="92396" spans="1:7" x14ac:dyDescent="0.3">
      <c r="A92396" s="13" t="s">
        <v>461</v>
      </c>
      <c r="B92396" s="14" t="s">
        <v>1</v>
      </c>
      <c r="C92396" s="14" t="s">
        <v>157</v>
      </c>
      <c r="D92396" s="14" t="s">
        <v>31</v>
      </c>
      <c r="E92396" s="15">
        <v>45427</v>
      </c>
      <c r="F92396" s="14" t="s">
        <v>15</v>
      </c>
      <c r="G92396" s="16">
        <v>0.85989431082301349</v>
      </c>
    </row>
    <row r="92397" spans="1:7" x14ac:dyDescent="0.3">
      <c r="A92397" s="13" t="s">
        <v>461</v>
      </c>
      <c r="B92397" s="14" t="s">
        <v>1</v>
      </c>
      <c r="C92397" s="14" t="s">
        <v>157</v>
      </c>
      <c r="D92397" s="14" t="s">
        <v>31</v>
      </c>
      <c r="E92397" s="15">
        <v>45428</v>
      </c>
      <c r="F92397" s="14" t="s">
        <v>15</v>
      </c>
      <c r="G92397" s="16">
        <v>0.85656026394578511</v>
      </c>
    </row>
    <row r="92398" spans="1:7" x14ac:dyDescent="0.3">
      <c r="A92398" s="13" t="s">
        <v>461</v>
      </c>
      <c r="B92398" s="14" t="s">
        <v>1</v>
      </c>
      <c r="C92398" s="14" t="s">
        <v>157</v>
      </c>
      <c r="D92398" s="14" t="s">
        <v>31</v>
      </c>
      <c r="E92398" s="15">
        <v>45429</v>
      </c>
      <c r="F92398" s="14" t="s">
        <v>15</v>
      </c>
      <c r="G92398" s="16">
        <v>0.84966837739230039</v>
      </c>
    </row>
    <row r="92399" spans="1:7" x14ac:dyDescent="0.3">
      <c r="A92399" s="13" t="s">
        <v>461</v>
      </c>
      <c r="B92399" s="14" t="s">
        <v>1</v>
      </c>
      <c r="C92399" s="14" t="s">
        <v>157</v>
      </c>
      <c r="D92399" s="14" t="s">
        <v>31</v>
      </c>
      <c r="E92399" s="15">
        <v>45430</v>
      </c>
      <c r="F92399" s="14" t="s">
        <v>15</v>
      </c>
      <c r="G92399" s="16">
        <v>0.84966837739230039</v>
      </c>
    </row>
    <row r="92400" spans="1:7" x14ac:dyDescent="0.3">
      <c r="A92400" s="13" t="s">
        <v>461</v>
      </c>
      <c r="B92400" s="14" t="s">
        <v>1</v>
      </c>
      <c r="C92400" s="14" t="s">
        <v>157</v>
      </c>
      <c r="D92400" s="14" t="s">
        <v>31</v>
      </c>
      <c r="E92400" s="15">
        <v>45431</v>
      </c>
      <c r="F92400" s="14" t="s">
        <v>15</v>
      </c>
      <c r="G92400" s="16">
        <v>0.84966837739230039</v>
      </c>
    </row>
    <row r="92401" spans="1:7" x14ac:dyDescent="0.3">
      <c r="A92401" s="13" t="s">
        <v>461</v>
      </c>
      <c r="B92401" s="14" t="s">
        <v>1</v>
      </c>
      <c r="C92401" s="14" t="s">
        <v>157</v>
      </c>
      <c r="D92401" s="14" t="s">
        <v>31</v>
      </c>
      <c r="E92401" s="15">
        <v>45432</v>
      </c>
      <c r="F92401" s="14" t="s">
        <v>15</v>
      </c>
      <c r="G92401" s="16">
        <v>0.84628537497558476</v>
      </c>
    </row>
    <row r="92402" spans="1:7" x14ac:dyDescent="0.3">
      <c r="A92402" s="13" t="s">
        <v>461</v>
      </c>
      <c r="B92402" s="14" t="s">
        <v>1</v>
      </c>
      <c r="C92402" s="14" t="s">
        <v>157</v>
      </c>
      <c r="D92402" s="14" t="s">
        <v>31</v>
      </c>
      <c r="E92402" s="15">
        <v>45433</v>
      </c>
      <c r="F92402" s="14" t="s">
        <v>15</v>
      </c>
      <c r="G92402" s="16">
        <v>0.83615648946165211</v>
      </c>
    </row>
    <row r="92403" spans="1:7" x14ac:dyDescent="0.3">
      <c r="A92403" s="13" t="s">
        <v>461</v>
      </c>
      <c r="B92403" s="14" t="s">
        <v>1</v>
      </c>
      <c r="C92403" s="14" t="s">
        <v>157</v>
      </c>
      <c r="D92403" s="14" t="s">
        <v>31</v>
      </c>
      <c r="E92403" s="15">
        <v>45434</v>
      </c>
      <c r="F92403" s="14" t="s">
        <v>15</v>
      </c>
      <c r="G92403" s="16">
        <v>0.83615648946165211</v>
      </c>
    </row>
    <row r="92404" spans="1:7" x14ac:dyDescent="0.3">
      <c r="A92404" s="13" t="s">
        <v>461</v>
      </c>
      <c r="B92404" s="14" t="s">
        <v>1</v>
      </c>
      <c r="C92404" s="14" t="s">
        <v>157</v>
      </c>
      <c r="D92404" s="14" t="s">
        <v>31</v>
      </c>
      <c r="E92404" s="15">
        <v>45435</v>
      </c>
      <c r="F92404" s="14" t="s">
        <v>15</v>
      </c>
      <c r="G92404" s="16">
        <v>0.83276841986813321</v>
      </c>
    </row>
    <row r="92405" spans="1:7" x14ac:dyDescent="0.3">
      <c r="A92405" s="13" t="s">
        <v>461</v>
      </c>
      <c r="B92405" s="14" t="s">
        <v>1</v>
      </c>
      <c r="C92405" s="14" t="s">
        <v>157</v>
      </c>
      <c r="D92405" s="14" t="s">
        <v>31</v>
      </c>
      <c r="E92405" s="15">
        <v>45436</v>
      </c>
      <c r="F92405" s="14" t="s">
        <v>15</v>
      </c>
      <c r="G92405" s="16">
        <v>0.89199267124895532</v>
      </c>
    </row>
    <row r="92406" spans="1:7" x14ac:dyDescent="0.3">
      <c r="A92406" s="13" t="s">
        <v>461</v>
      </c>
      <c r="B92406" s="14" t="s">
        <v>1</v>
      </c>
      <c r="C92406" s="14" t="s">
        <v>157</v>
      </c>
      <c r="D92406" s="14" t="s">
        <v>31</v>
      </c>
      <c r="E92406" s="15">
        <v>45437</v>
      </c>
      <c r="F92406" s="14" t="s">
        <v>15</v>
      </c>
      <c r="G92406" s="16">
        <v>0.89199267124895532</v>
      </c>
    </row>
    <row r="92407" spans="1:7" x14ac:dyDescent="0.3">
      <c r="A92407" s="13" t="s">
        <v>461</v>
      </c>
      <c r="B92407" s="14" t="s">
        <v>1</v>
      </c>
      <c r="C92407" s="14" t="s">
        <v>157</v>
      </c>
      <c r="D92407" s="14" t="s">
        <v>31</v>
      </c>
      <c r="E92407" s="15">
        <v>45438</v>
      </c>
      <c r="F92407" s="14" t="s">
        <v>15</v>
      </c>
      <c r="G92407" s="16">
        <v>0.89199267124895532</v>
      </c>
    </row>
    <row r="92408" spans="1:7" x14ac:dyDescent="0.3">
      <c r="A92408" s="13" t="s">
        <v>461</v>
      </c>
      <c r="B92408" s="14" t="s">
        <v>1</v>
      </c>
      <c r="C92408" s="14" t="s">
        <v>157</v>
      </c>
      <c r="D92408" s="14" t="s">
        <v>31</v>
      </c>
      <c r="E92408" s="15">
        <v>45439</v>
      </c>
      <c r="F92408" s="14" t="s">
        <v>15</v>
      </c>
      <c r="G92408" s="16">
        <v>0.88862664404073932</v>
      </c>
    </row>
    <row r="92409" spans="1:7" x14ac:dyDescent="0.3">
      <c r="A92409" s="13" t="s">
        <v>461</v>
      </c>
      <c r="B92409" s="14" t="s">
        <v>1</v>
      </c>
      <c r="C92409" s="14" t="s">
        <v>157</v>
      </c>
      <c r="D92409" s="14" t="s">
        <v>31</v>
      </c>
      <c r="E92409" s="15">
        <v>45440</v>
      </c>
      <c r="F92409" s="14" t="s">
        <v>15</v>
      </c>
      <c r="G92409" s="16">
        <v>0.87862157204130775</v>
      </c>
    </row>
    <row r="92410" spans="1:7" x14ac:dyDescent="0.3">
      <c r="A92410" s="13" t="s">
        <v>461</v>
      </c>
      <c r="B92410" s="14" t="s">
        <v>1</v>
      </c>
      <c r="C92410" s="14" t="s">
        <v>157</v>
      </c>
      <c r="D92410" s="14" t="s">
        <v>31</v>
      </c>
      <c r="E92410" s="15">
        <v>45441</v>
      </c>
      <c r="F92410" s="14" t="s">
        <v>15</v>
      </c>
      <c r="G92410" s="16">
        <v>0.98368841900217785</v>
      </c>
    </row>
    <row r="92411" spans="1:7" x14ac:dyDescent="0.3">
      <c r="A92411" s="13" t="s">
        <v>461</v>
      </c>
      <c r="B92411" s="14" t="s">
        <v>1</v>
      </c>
      <c r="C92411" s="14" t="s">
        <v>157</v>
      </c>
      <c r="D92411" s="14" t="s">
        <v>31</v>
      </c>
      <c r="E92411" s="15">
        <v>45442</v>
      </c>
      <c r="F92411" s="14" t="s">
        <v>15</v>
      </c>
      <c r="G92411" s="16">
        <v>1.0356462478525494</v>
      </c>
    </row>
    <row r="92412" spans="1:7" x14ac:dyDescent="0.3">
      <c r="A92412" s="13" t="s">
        <v>461</v>
      </c>
      <c r="B92412" s="14" t="s">
        <v>1</v>
      </c>
      <c r="C92412" s="14" t="s">
        <v>157</v>
      </c>
      <c r="D92412" s="14" t="s">
        <v>31</v>
      </c>
      <c r="E92412" s="15">
        <v>45443</v>
      </c>
      <c r="F92412" s="14" t="s">
        <v>15</v>
      </c>
      <c r="G92412" s="16">
        <v>1.0323155344799115</v>
      </c>
    </row>
    <row r="92413" spans="1:7" x14ac:dyDescent="0.3">
      <c r="A92413" s="13" t="s">
        <v>461</v>
      </c>
      <c r="B92413" s="14" t="s">
        <v>1</v>
      </c>
      <c r="C92413" s="14" t="s">
        <v>157</v>
      </c>
      <c r="D92413" s="14" t="s">
        <v>31</v>
      </c>
      <c r="E92413" s="15">
        <v>45444</v>
      </c>
      <c r="F92413" s="14" t="s">
        <v>15</v>
      </c>
      <c r="G92413" s="16">
        <v>1.0323155344799115</v>
      </c>
    </row>
    <row r="92414" spans="1:7" x14ac:dyDescent="0.3">
      <c r="A92414" s="13" t="s">
        <v>461</v>
      </c>
      <c r="B92414" s="14" t="s">
        <v>1</v>
      </c>
      <c r="C92414" s="14" t="s">
        <v>157</v>
      </c>
      <c r="D92414" s="14" t="s">
        <v>31</v>
      </c>
      <c r="E92414" s="15">
        <v>45445</v>
      </c>
      <c r="F92414" s="14" t="s">
        <v>15</v>
      </c>
      <c r="G92414" s="16">
        <v>1.0323155344799115</v>
      </c>
    </row>
    <row r="92415" spans="1:7" x14ac:dyDescent="0.3">
      <c r="A92415" s="13" t="s">
        <v>461</v>
      </c>
      <c r="B92415" s="14" t="s">
        <v>1</v>
      </c>
      <c r="C92415" s="14" t="s">
        <v>157</v>
      </c>
      <c r="D92415" s="14" t="s">
        <v>31</v>
      </c>
      <c r="E92415" s="15">
        <v>45446</v>
      </c>
      <c r="F92415" s="14" t="s">
        <v>15</v>
      </c>
      <c r="G92415" s="16">
        <v>1.0323155344799115</v>
      </c>
    </row>
    <row r="92416" spans="1:7" x14ac:dyDescent="0.3">
      <c r="A92416" s="13" t="s">
        <v>461</v>
      </c>
      <c r="B92416" s="14" t="s">
        <v>1</v>
      </c>
      <c r="C92416" s="14" t="s">
        <v>157</v>
      </c>
      <c r="D92416" s="14" t="s">
        <v>31</v>
      </c>
      <c r="E92416" s="15">
        <v>45447</v>
      </c>
      <c r="F92416" s="14" t="s">
        <v>15</v>
      </c>
      <c r="G92416" s="16">
        <v>1.0284628080424576</v>
      </c>
    </row>
    <row r="92417" spans="1:7" x14ac:dyDescent="0.3">
      <c r="A92417" s="13" t="s">
        <v>461</v>
      </c>
      <c r="B92417" s="14" t="s">
        <v>1</v>
      </c>
      <c r="C92417" s="14" t="s">
        <v>157</v>
      </c>
      <c r="D92417" s="14" t="s">
        <v>31</v>
      </c>
      <c r="E92417" s="15">
        <v>45448</v>
      </c>
      <c r="F92417" s="14" t="s">
        <v>15</v>
      </c>
      <c r="G92417" s="16">
        <v>1.0162146964189493</v>
      </c>
    </row>
    <row r="92418" spans="1:7" x14ac:dyDescent="0.3">
      <c r="A92418" s="13" t="s">
        <v>461</v>
      </c>
      <c r="B92418" s="14" t="s">
        <v>1</v>
      </c>
      <c r="C92418" s="14" t="s">
        <v>157</v>
      </c>
      <c r="D92418" s="14" t="s">
        <v>31</v>
      </c>
      <c r="E92418" s="15">
        <v>45449</v>
      </c>
      <c r="F92418" s="14" t="s">
        <v>15</v>
      </c>
      <c r="G92418" s="16">
        <v>1.0905567774233211</v>
      </c>
    </row>
    <row r="92419" spans="1:7" x14ac:dyDescent="0.3">
      <c r="A92419" s="13" t="s">
        <v>461</v>
      </c>
      <c r="B92419" s="14" t="s">
        <v>1</v>
      </c>
      <c r="C92419" s="14" t="s">
        <v>157</v>
      </c>
      <c r="D92419" s="14" t="s">
        <v>31</v>
      </c>
      <c r="E92419" s="15">
        <v>45450</v>
      </c>
      <c r="F92419" s="14" t="s">
        <v>15</v>
      </c>
      <c r="G92419" s="16">
        <v>1.0872380804780568</v>
      </c>
    </row>
    <row r="92420" spans="1:7" x14ac:dyDescent="0.3">
      <c r="A92420" s="13" t="s">
        <v>461</v>
      </c>
      <c r="B92420" s="14" t="s">
        <v>1</v>
      </c>
      <c r="C92420" s="14" t="s">
        <v>157</v>
      </c>
      <c r="D92420" s="14" t="s">
        <v>31</v>
      </c>
      <c r="E92420" s="15">
        <v>45451</v>
      </c>
      <c r="F92420" s="14" t="s">
        <v>15</v>
      </c>
      <c r="G92420" s="16">
        <v>1.0872380804780568</v>
      </c>
    </row>
    <row r="92421" spans="1:7" x14ac:dyDescent="0.3">
      <c r="A92421" s="13" t="s">
        <v>461</v>
      </c>
      <c r="B92421" s="14" t="s">
        <v>1</v>
      </c>
      <c r="C92421" s="14" t="s">
        <v>157</v>
      </c>
      <c r="D92421" s="14" t="s">
        <v>31</v>
      </c>
      <c r="E92421" s="15">
        <v>45452</v>
      </c>
      <c r="F92421" s="14" t="s">
        <v>15</v>
      </c>
      <c r="G92421" s="16">
        <v>1.0872380804780568</v>
      </c>
    </row>
    <row r="92422" spans="1:7" x14ac:dyDescent="0.3">
      <c r="A92422" s="13" t="s">
        <v>461</v>
      </c>
      <c r="B92422" s="14" t="s">
        <v>1</v>
      </c>
      <c r="C92422" s="14" t="s">
        <v>157</v>
      </c>
      <c r="D92422" s="14" t="s">
        <v>31</v>
      </c>
      <c r="E92422" s="15">
        <v>45453</v>
      </c>
      <c r="F92422" s="14" t="s">
        <v>15</v>
      </c>
      <c r="G92422" s="16">
        <v>1.0896752755982784</v>
      </c>
    </row>
    <row r="92423" spans="1:7" x14ac:dyDescent="0.3">
      <c r="A92423" s="13" t="s">
        <v>461</v>
      </c>
      <c r="B92423" s="14" t="s">
        <v>1</v>
      </c>
      <c r="C92423" s="14" t="s">
        <v>157</v>
      </c>
      <c r="D92423" s="14" t="s">
        <v>31</v>
      </c>
      <c r="E92423" s="15">
        <v>45454</v>
      </c>
      <c r="F92423" s="14" t="s">
        <v>15</v>
      </c>
      <c r="G92423" s="16">
        <v>1.0796346503708421</v>
      </c>
    </row>
    <row r="92424" spans="1:7" x14ac:dyDescent="0.3">
      <c r="A92424" s="13" t="s">
        <v>461</v>
      </c>
      <c r="B92424" s="14" t="s">
        <v>1</v>
      </c>
      <c r="C92424" s="14" t="s">
        <v>157</v>
      </c>
      <c r="D92424" s="14" t="s">
        <v>31</v>
      </c>
      <c r="E92424" s="15">
        <v>45455</v>
      </c>
      <c r="F92424" s="14" t="s">
        <v>15</v>
      </c>
      <c r="G92424" s="16">
        <v>1.1330251635111672</v>
      </c>
    </row>
    <row r="92425" spans="1:7" x14ac:dyDescent="0.3">
      <c r="A92425" s="13" t="s">
        <v>461</v>
      </c>
      <c r="B92425" s="14" t="s">
        <v>1</v>
      </c>
      <c r="C92425" s="14" t="s">
        <v>157</v>
      </c>
      <c r="D92425" s="14" t="s">
        <v>31</v>
      </c>
      <c r="E92425" s="15">
        <v>45456</v>
      </c>
      <c r="F92425" s="14" t="s">
        <v>15</v>
      </c>
      <c r="G92425" s="16">
        <v>1.1297025036988566</v>
      </c>
    </row>
    <row r="92426" spans="1:7" x14ac:dyDescent="0.3">
      <c r="A92426" s="13" t="s">
        <v>461</v>
      </c>
      <c r="B92426" s="14" t="s">
        <v>1</v>
      </c>
      <c r="C92426" s="14" t="s">
        <v>157</v>
      </c>
      <c r="D92426" s="14" t="s">
        <v>31</v>
      </c>
      <c r="E92426" s="15">
        <v>45457</v>
      </c>
      <c r="F92426" s="14" t="s">
        <v>15</v>
      </c>
      <c r="G92426" s="16">
        <v>1.1526421849127941</v>
      </c>
    </row>
    <row r="92427" spans="1:7" x14ac:dyDescent="0.3">
      <c r="A92427" s="13" t="s">
        <v>461</v>
      </c>
      <c r="B92427" s="14" t="s">
        <v>1</v>
      </c>
      <c r="C92427" s="14" t="s">
        <v>157</v>
      </c>
      <c r="D92427" s="14" t="s">
        <v>31</v>
      </c>
      <c r="E92427" s="15">
        <v>45458</v>
      </c>
      <c r="F92427" s="14" t="s">
        <v>15</v>
      </c>
      <c r="G92427" s="16">
        <v>1.1526421849127941</v>
      </c>
    </row>
    <row r="92428" spans="1:7" x14ac:dyDescent="0.3">
      <c r="A92428" s="13" t="s">
        <v>461</v>
      </c>
      <c r="B92428" s="14" t="s">
        <v>1</v>
      </c>
      <c r="C92428" s="14" t="s">
        <v>157</v>
      </c>
      <c r="D92428" s="14" t="s">
        <v>31</v>
      </c>
      <c r="E92428" s="15">
        <v>45459</v>
      </c>
      <c r="F92428" s="14" t="s">
        <v>15</v>
      </c>
      <c r="G92428" s="16">
        <v>1.1526421849127941</v>
      </c>
    </row>
    <row r="92429" spans="1:7" x14ac:dyDescent="0.3">
      <c r="A92429" s="13" t="s">
        <v>461</v>
      </c>
      <c r="B92429" s="14" t="s">
        <v>1</v>
      </c>
      <c r="C92429" s="14" t="s">
        <v>157</v>
      </c>
      <c r="D92429" s="14" t="s">
        <v>31</v>
      </c>
      <c r="E92429" s="15">
        <v>45460</v>
      </c>
      <c r="F92429" s="14" t="s">
        <v>15</v>
      </c>
      <c r="G92429" s="16">
        <v>1.1526421849127941</v>
      </c>
    </row>
    <row r="92430" spans="1:7" x14ac:dyDescent="0.3">
      <c r="A92430" s="13" t="s">
        <v>461</v>
      </c>
      <c r="B92430" s="14" t="s">
        <v>1</v>
      </c>
      <c r="C92430" s="14" t="s">
        <v>157</v>
      </c>
      <c r="D92430" s="14" t="s">
        <v>31</v>
      </c>
      <c r="E92430" s="15">
        <v>45461</v>
      </c>
      <c r="F92430" s="14" t="s">
        <v>15</v>
      </c>
      <c r="G92430" s="16">
        <v>1.1492510152638094</v>
      </c>
    </row>
    <row r="92431" spans="1:7" x14ac:dyDescent="0.3">
      <c r="A92431" s="13" t="s">
        <v>461</v>
      </c>
      <c r="B92431" s="14" t="s">
        <v>1</v>
      </c>
      <c r="C92431" s="14" t="s">
        <v>157</v>
      </c>
      <c r="D92431" s="14" t="s">
        <v>31</v>
      </c>
      <c r="E92431" s="15">
        <v>45462</v>
      </c>
      <c r="F92431" s="14" t="s">
        <v>15</v>
      </c>
      <c r="G92431" s="16">
        <v>1.1929400540843995</v>
      </c>
    </row>
    <row r="92432" spans="1:7" x14ac:dyDescent="0.3">
      <c r="A92432" s="13" t="s">
        <v>461</v>
      </c>
      <c r="B92432" s="14" t="s">
        <v>1</v>
      </c>
      <c r="C92432" s="14" t="s">
        <v>157</v>
      </c>
      <c r="D92432" s="14" t="s">
        <v>31</v>
      </c>
      <c r="E92432" s="15">
        <v>45463</v>
      </c>
      <c r="F92432" s="14" t="s">
        <v>15</v>
      </c>
      <c r="G92432" s="16">
        <v>1.1895428980570428</v>
      </c>
    </row>
    <row r="92433" spans="1:7" x14ac:dyDescent="0.3">
      <c r="A92433" s="13" t="s">
        <v>461</v>
      </c>
      <c r="B92433" s="14" t="s">
        <v>1</v>
      </c>
      <c r="C92433" s="14" t="s">
        <v>157</v>
      </c>
      <c r="D92433" s="14" t="s">
        <v>31</v>
      </c>
      <c r="E92433" s="15">
        <v>45464</v>
      </c>
      <c r="F92433" s="14" t="s">
        <v>15</v>
      </c>
      <c r="G92433" s="16">
        <v>1.1860824143187116</v>
      </c>
    </row>
    <row r="92434" spans="1:7" x14ac:dyDescent="0.3">
      <c r="A92434" s="13" t="s">
        <v>461</v>
      </c>
      <c r="B92434" s="14" t="s">
        <v>1</v>
      </c>
      <c r="C92434" s="14" t="s">
        <v>157</v>
      </c>
      <c r="D92434" s="14" t="s">
        <v>31</v>
      </c>
      <c r="E92434" s="15">
        <v>45465</v>
      </c>
      <c r="F92434" s="14" t="s">
        <v>15</v>
      </c>
      <c r="G92434" s="16">
        <v>1.1860824143187116</v>
      </c>
    </row>
    <row r="92435" spans="1:7" x14ac:dyDescent="0.3">
      <c r="A92435" s="13" t="s">
        <v>461</v>
      </c>
      <c r="B92435" s="14" t="s">
        <v>1</v>
      </c>
      <c r="C92435" s="14" t="s">
        <v>157</v>
      </c>
      <c r="D92435" s="14" t="s">
        <v>31</v>
      </c>
      <c r="E92435" s="15">
        <v>45466</v>
      </c>
      <c r="F92435" s="14" t="s">
        <v>15</v>
      </c>
      <c r="G92435" s="16">
        <v>1.1860824143187116</v>
      </c>
    </row>
    <row r="92436" spans="1:7" x14ac:dyDescent="0.3">
      <c r="A92436" s="13" t="s">
        <v>461</v>
      </c>
      <c r="B92436" s="14" t="s">
        <v>1</v>
      </c>
      <c r="C92436" s="14" t="s">
        <v>157</v>
      </c>
      <c r="D92436" s="14" t="s">
        <v>31</v>
      </c>
      <c r="E92436" s="15">
        <v>45467</v>
      </c>
      <c r="F92436" s="14" t="s">
        <v>15</v>
      </c>
      <c r="G92436" s="16">
        <v>1.1826224780652246</v>
      </c>
    </row>
    <row r="92437" spans="1:7" x14ac:dyDescent="0.3">
      <c r="A92437" s="13" t="s">
        <v>461</v>
      </c>
      <c r="B92437" s="14" t="s">
        <v>1</v>
      </c>
      <c r="C92437" s="14" t="s">
        <v>157</v>
      </c>
      <c r="D92437" s="14" t="s">
        <v>31</v>
      </c>
      <c r="E92437" s="15">
        <v>45468</v>
      </c>
      <c r="F92437" s="14" t="s">
        <v>15</v>
      </c>
      <c r="G92437" s="16">
        <v>1.1723384292255095</v>
      </c>
    </row>
    <row r="92438" spans="1:7" x14ac:dyDescent="0.3">
      <c r="A92438" s="13" t="s">
        <v>461</v>
      </c>
      <c r="B92438" s="14" t="s">
        <v>1</v>
      </c>
      <c r="C92438" s="14" t="s">
        <v>157</v>
      </c>
      <c r="D92438" s="14" t="s">
        <v>31</v>
      </c>
      <c r="E92438" s="15">
        <v>45469</v>
      </c>
      <c r="F92438" s="14" t="s">
        <v>15</v>
      </c>
      <c r="G92438" s="16">
        <v>1.168937043255377</v>
      </c>
    </row>
    <row r="92439" spans="1:7" x14ac:dyDescent="0.3">
      <c r="A92439" s="13" t="s">
        <v>461</v>
      </c>
      <c r="B92439" s="14" t="s">
        <v>1</v>
      </c>
      <c r="C92439" s="14" t="s">
        <v>157</v>
      </c>
      <c r="D92439" s="14" t="s">
        <v>31</v>
      </c>
      <c r="E92439" s="15">
        <v>45470</v>
      </c>
      <c r="F92439" s="14" t="s">
        <v>15</v>
      </c>
      <c r="G92439" s="16">
        <v>1.1655302548976192</v>
      </c>
    </row>
    <row r="92440" spans="1:7" x14ac:dyDescent="0.3">
      <c r="A92440" s="13" t="s">
        <v>461</v>
      </c>
      <c r="B92440" s="14" t="s">
        <v>1</v>
      </c>
      <c r="C92440" s="14" t="s">
        <v>157</v>
      </c>
      <c r="D92440" s="14" t="s">
        <v>31</v>
      </c>
      <c r="E92440" s="15">
        <v>45471</v>
      </c>
      <c r="F92440" s="14" t="s">
        <v>15</v>
      </c>
      <c r="G92440" s="16">
        <v>1.1853335249735528</v>
      </c>
    </row>
    <row r="92441" spans="1:7" x14ac:dyDescent="0.3">
      <c r="A92441" s="13" t="s">
        <v>461</v>
      </c>
      <c r="B92441" s="14" t="s">
        <v>1</v>
      </c>
      <c r="C92441" s="14" t="s">
        <v>157</v>
      </c>
      <c r="D92441" s="14" t="s">
        <v>31</v>
      </c>
      <c r="E92441" s="15">
        <v>45472</v>
      </c>
      <c r="F92441" s="14" t="s">
        <v>15</v>
      </c>
      <c r="G92441" s="16">
        <v>1.1853335249735528</v>
      </c>
    </row>
    <row r="92442" spans="1:7" x14ac:dyDescent="0.3">
      <c r="A92442" s="13" t="s">
        <v>461</v>
      </c>
      <c r="B92442" s="14" t="s">
        <v>1</v>
      </c>
      <c r="C92442" s="14" t="s">
        <v>157</v>
      </c>
      <c r="D92442" s="14" t="s">
        <v>31</v>
      </c>
      <c r="E92442" s="15">
        <v>45473</v>
      </c>
      <c r="F92442" s="14" t="s">
        <v>15</v>
      </c>
      <c r="G92442" s="16">
        <v>1.1853335249735528</v>
      </c>
    </row>
    <row r="92443" spans="1:7" x14ac:dyDescent="0.3">
      <c r="A92443" s="13" t="s">
        <v>461</v>
      </c>
      <c r="B92443" s="14" t="s">
        <v>1</v>
      </c>
      <c r="C92443" s="14" t="s">
        <v>157</v>
      </c>
      <c r="D92443" s="14" t="s">
        <v>31</v>
      </c>
      <c r="E92443" s="15">
        <v>45474</v>
      </c>
      <c r="F92443" s="14" t="s">
        <v>15</v>
      </c>
      <c r="G92443" s="16">
        <v>1.1818996249226272</v>
      </c>
    </row>
    <row r="92444" spans="1:7" x14ac:dyDescent="0.3">
      <c r="A92444" s="13" t="s">
        <v>461</v>
      </c>
      <c r="B92444" s="14" t="s">
        <v>1</v>
      </c>
      <c r="C92444" s="14" t="s">
        <v>157</v>
      </c>
      <c r="D92444" s="14" t="s">
        <v>31</v>
      </c>
      <c r="E92444" s="15">
        <v>45475</v>
      </c>
      <c r="F92444" s="14" t="s">
        <v>15</v>
      </c>
      <c r="G92444" s="16">
        <v>1.1716346355862874</v>
      </c>
    </row>
    <row r="92445" spans="1:7" x14ac:dyDescent="0.3">
      <c r="A92445" s="13" t="s">
        <v>461</v>
      </c>
      <c r="B92445" s="14" t="s">
        <v>1</v>
      </c>
      <c r="C92445" s="14" t="s">
        <v>157</v>
      </c>
      <c r="D92445" s="14" t="s">
        <v>31</v>
      </c>
      <c r="E92445" s="15">
        <v>45476</v>
      </c>
      <c r="F92445" s="14" t="s">
        <v>15</v>
      </c>
      <c r="G92445" s="16">
        <v>1.1681845845666243</v>
      </c>
    </row>
    <row r="92446" spans="1:7" x14ac:dyDescent="0.3">
      <c r="A92446" s="13" t="s">
        <v>461</v>
      </c>
      <c r="B92446" s="14" t="s">
        <v>1</v>
      </c>
      <c r="C92446" s="14" t="s">
        <v>157</v>
      </c>
      <c r="D92446" s="14" t="s">
        <v>31</v>
      </c>
      <c r="E92446" s="15">
        <v>45477</v>
      </c>
      <c r="F92446" s="14" t="s">
        <v>15</v>
      </c>
      <c r="G92446" s="16">
        <v>1.1647602457063599</v>
      </c>
    </row>
    <row r="92447" spans="1:7" x14ac:dyDescent="0.3">
      <c r="A92447" s="13" t="s">
        <v>461</v>
      </c>
      <c r="B92447" s="14" t="s">
        <v>1</v>
      </c>
      <c r="C92447" s="14" t="s">
        <v>157</v>
      </c>
      <c r="D92447" s="14" t="s">
        <v>31</v>
      </c>
      <c r="E92447" s="15">
        <v>45478</v>
      </c>
      <c r="F92447" s="14" t="s">
        <v>15</v>
      </c>
      <c r="G92447" s="16">
        <v>1.2782956618290031</v>
      </c>
    </row>
    <row r="92448" spans="1:7" x14ac:dyDescent="0.3">
      <c r="A92448" s="13" t="s">
        <v>461</v>
      </c>
      <c r="B92448" s="14" t="s">
        <v>1</v>
      </c>
      <c r="C92448" s="14" t="s">
        <v>157</v>
      </c>
      <c r="D92448" s="14" t="s">
        <v>31</v>
      </c>
      <c r="E92448" s="15">
        <v>45479</v>
      </c>
      <c r="F92448" s="14" t="s">
        <v>15</v>
      </c>
      <c r="G92448" s="16">
        <v>1.2782956618290031</v>
      </c>
    </row>
    <row r="92449" spans="1:7" x14ac:dyDescent="0.3">
      <c r="A92449" s="13" t="s">
        <v>461</v>
      </c>
      <c r="B92449" s="14" t="s">
        <v>1</v>
      </c>
      <c r="C92449" s="14" t="s">
        <v>157</v>
      </c>
      <c r="D92449" s="14" t="s">
        <v>31</v>
      </c>
      <c r="E92449" s="15">
        <v>45480</v>
      </c>
      <c r="F92449" s="14" t="s">
        <v>15</v>
      </c>
      <c r="G92449" s="16">
        <v>1.2782956618290031</v>
      </c>
    </row>
    <row r="92450" spans="1:7" x14ac:dyDescent="0.3">
      <c r="A92450" s="13" t="s">
        <v>461</v>
      </c>
      <c r="B92450" s="14" t="s">
        <v>1</v>
      </c>
      <c r="C92450" s="14" t="s">
        <v>157</v>
      </c>
      <c r="D92450" s="14" t="s">
        <v>31</v>
      </c>
      <c r="E92450" s="15">
        <v>45481</v>
      </c>
      <c r="F92450" s="14" t="s">
        <v>15</v>
      </c>
      <c r="G92450" s="16">
        <v>1.2747870075343302</v>
      </c>
    </row>
    <row r="92451" spans="1:7" x14ac:dyDescent="0.3">
      <c r="A92451" s="13" t="s">
        <v>461</v>
      </c>
      <c r="B92451" s="14" t="s">
        <v>1</v>
      </c>
      <c r="C92451" s="14" t="s">
        <v>157</v>
      </c>
      <c r="D92451" s="14" t="s">
        <v>31</v>
      </c>
      <c r="E92451" s="15">
        <v>45482</v>
      </c>
      <c r="F92451" s="14" t="s">
        <v>15</v>
      </c>
      <c r="G92451" s="16">
        <v>1.2642834480435219</v>
      </c>
    </row>
    <row r="92452" spans="1:7" x14ac:dyDescent="0.3">
      <c r="A92452" s="13" t="s">
        <v>461</v>
      </c>
      <c r="B92452" s="14" t="s">
        <v>1</v>
      </c>
      <c r="C92452" s="14" t="s">
        <v>157</v>
      </c>
      <c r="D92452" s="14" t="s">
        <v>31</v>
      </c>
      <c r="E92452" s="15">
        <v>45483</v>
      </c>
      <c r="F92452" s="14" t="s">
        <v>15</v>
      </c>
      <c r="G92452" s="16">
        <v>1.2668820287224027</v>
      </c>
    </row>
    <row r="92453" spans="1:7" x14ac:dyDescent="0.3">
      <c r="A92453" s="13" t="s">
        <v>461</v>
      </c>
      <c r="B92453" s="14" t="s">
        <v>1</v>
      </c>
      <c r="C92453" s="14" t="s">
        <v>157</v>
      </c>
      <c r="D92453" s="14" t="s">
        <v>31</v>
      </c>
      <c r="E92453" s="15">
        <v>45484</v>
      </c>
      <c r="F92453" s="14" t="s">
        <v>15</v>
      </c>
      <c r="G92453" s="16">
        <v>1.3968808379452686</v>
      </c>
    </row>
    <row r="92454" spans="1:7" x14ac:dyDescent="0.3">
      <c r="A92454" s="13" t="s">
        <v>461</v>
      </c>
      <c r="B92454" s="14" t="s">
        <v>1</v>
      </c>
      <c r="C92454" s="14" t="s">
        <v>157</v>
      </c>
      <c r="D92454" s="14" t="s">
        <v>31</v>
      </c>
      <c r="E92454" s="15">
        <v>45485</v>
      </c>
      <c r="F92454" s="14" t="s">
        <v>15</v>
      </c>
      <c r="G92454" s="16">
        <v>1.4255170963535897</v>
      </c>
    </row>
    <row r="92455" spans="1:7" x14ac:dyDescent="0.3">
      <c r="A92455" s="13" t="s">
        <v>461</v>
      </c>
      <c r="B92455" s="14" t="s">
        <v>1</v>
      </c>
      <c r="C92455" s="14" t="s">
        <v>157</v>
      </c>
      <c r="D92455" s="14" t="s">
        <v>31</v>
      </c>
      <c r="E92455" s="15">
        <v>45486</v>
      </c>
      <c r="F92455" s="14" t="s">
        <v>15</v>
      </c>
      <c r="G92455" s="16">
        <v>1.4255170963535897</v>
      </c>
    </row>
    <row r="92456" spans="1:7" x14ac:dyDescent="0.3">
      <c r="A92456" s="13" t="s">
        <v>461</v>
      </c>
      <c r="B92456" s="14" t="s">
        <v>1</v>
      </c>
      <c r="C92456" s="14" t="s">
        <v>157</v>
      </c>
      <c r="D92456" s="14" t="s">
        <v>31</v>
      </c>
      <c r="E92456" s="15">
        <v>45487</v>
      </c>
      <c r="F92456" s="14" t="s">
        <v>15</v>
      </c>
      <c r="G92456" s="16">
        <v>1.4255170963535897</v>
      </c>
    </row>
    <row r="92457" spans="1:7" x14ac:dyDescent="0.3">
      <c r="A92457" s="13" t="s">
        <v>461</v>
      </c>
      <c r="B92457" s="14" t="s">
        <v>1</v>
      </c>
      <c r="C92457" s="14" t="s">
        <v>157</v>
      </c>
      <c r="D92457" s="14" t="s">
        <v>31</v>
      </c>
      <c r="E92457" s="15">
        <v>45488</v>
      </c>
      <c r="F92457" s="14" t="s">
        <v>15</v>
      </c>
      <c r="G92457" s="16">
        <v>1.4219605799469175</v>
      </c>
    </row>
    <row r="92458" spans="1:7" x14ac:dyDescent="0.3">
      <c r="A92458" s="13" t="s">
        <v>461</v>
      </c>
      <c r="B92458" s="14" t="s">
        <v>1</v>
      </c>
      <c r="C92458" s="14" t="s">
        <v>157</v>
      </c>
      <c r="D92458" s="14" t="s">
        <v>31</v>
      </c>
      <c r="E92458" s="15">
        <v>45489</v>
      </c>
      <c r="F92458" s="14" t="s">
        <v>15</v>
      </c>
      <c r="G92458" s="16">
        <v>1.4113562191603166</v>
      </c>
    </row>
    <row r="92459" spans="1:7" x14ac:dyDescent="0.3">
      <c r="A92459" s="13" t="s">
        <v>461</v>
      </c>
      <c r="B92459" s="14" t="s">
        <v>1</v>
      </c>
      <c r="C92459" s="14" t="s">
        <v>157</v>
      </c>
      <c r="D92459" s="14" t="s">
        <v>31</v>
      </c>
      <c r="E92459" s="15">
        <v>45490</v>
      </c>
      <c r="F92459" s="14" t="s">
        <v>15</v>
      </c>
      <c r="G92459" s="16">
        <v>1.4818369893283883</v>
      </c>
    </row>
    <row r="92460" spans="1:7" x14ac:dyDescent="0.3">
      <c r="A92460" s="13" t="s">
        <v>461</v>
      </c>
      <c r="B92460" s="14" t="s">
        <v>1</v>
      </c>
      <c r="C92460" s="14" t="s">
        <v>157</v>
      </c>
      <c r="D92460" s="14" t="s">
        <v>31</v>
      </c>
      <c r="E92460" s="15">
        <v>45491</v>
      </c>
      <c r="F92460" s="14" t="s">
        <v>15</v>
      </c>
      <c r="G92460" s="16">
        <v>1.4783148329189491</v>
      </c>
    </row>
    <row r="92461" spans="1:7" x14ac:dyDescent="0.3">
      <c r="A92461" s="13" t="s">
        <v>461</v>
      </c>
      <c r="B92461" s="14" t="s">
        <v>1</v>
      </c>
      <c r="C92461" s="14" t="s">
        <v>157</v>
      </c>
      <c r="D92461" s="14" t="s">
        <v>31</v>
      </c>
      <c r="E92461" s="15">
        <v>45492</v>
      </c>
      <c r="F92461" s="14" t="s">
        <v>15</v>
      </c>
      <c r="G92461" s="16">
        <v>1.4748006397797628</v>
      </c>
    </row>
    <row r="92462" spans="1:7" x14ac:dyDescent="0.3">
      <c r="A92462" s="13" t="s">
        <v>461</v>
      </c>
      <c r="B92462" s="14" t="s">
        <v>1</v>
      </c>
      <c r="C92462" s="14" t="s">
        <v>157</v>
      </c>
      <c r="D92462" s="14" t="s">
        <v>31</v>
      </c>
      <c r="E92462" s="15">
        <v>45493</v>
      </c>
      <c r="F92462" s="14" t="s">
        <v>15</v>
      </c>
      <c r="G92462" s="16">
        <v>1.4748006397797628</v>
      </c>
    </row>
    <row r="92463" spans="1:7" x14ac:dyDescent="0.3">
      <c r="A92463" s="13" t="s">
        <v>461</v>
      </c>
      <c r="B92463" s="14" t="s">
        <v>1</v>
      </c>
      <c r="C92463" s="14" t="s">
        <v>157</v>
      </c>
      <c r="D92463" s="14" t="s">
        <v>31</v>
      </c>
      <c r="E92463" s="15">
        <v>45494</v>
      </c>
      <c r="F92463" s="14" t="s">
        <v>15</v>
      </c>
      <c r="G92463" s="16">
        <v>1.4748006397797628</v>
      </c>
    </row>
    <row r="92464" spans="1:7" x14ac:dyDescent="0.3">
      <c r="A92464" s="13" t="s">
        <v>461</v>
      </c>
      <c r="B92464" s="14" t="s">
        <v>1</v>
      </c>
      <c r="C92464" s="14" t="s">
        <v>157</v>
      </c>
      <c r="D92464" s="14" t="s">
        <v>31</v>
      </c>
      <c r="E92464" s="15">
        <v>45495</v>
      </c>
      <c r="F92464" s="14" t="s">
        <v>15</v>
      </c>
      <c r="G92464" s="16">
        <v>1.4713178478311466</v>
      </c>
    </row>
    <row r="92465" spans="1:7" x14ac:dyDescent="0.3">
      <c r="A92465" s="13" t="s">
        <v>461</v>
      </c>
      <c r="B92465" s="14" t="s">
        <v>1</v>
      </c>
      <c r="C92465" s="14" t="s">
        <v>157</v>
      </c>
      <c r="D92465" s="14" t="s">
        <v>31</v>
      </c>
      <c r="E92465" s="15">
        <v>45496</v>
      </c>
      <c r="F92465" s="14" t="s">
        <v>15</v>
      </c>
      <c r="G92465" s="16">
        <v>1.461067163846292</v>
      </c>
    </row>
    <row r="92466" spans="1:7" x14ac:dyDescent="0.3">
      <c r="A92466" s="13" t="s">
        <v>461</v>
      </c>
      <c r="B92466" s="14" t="s">
        <v>1</v>
      </c>
      <c r="C92466" s="14" t="s">
        <v>157</v>
      </c>
      <c r="D92466" s="14" t="s">
        <v>31</v>
      </c>
      <c r="E92466" s="15">
        <v>45497</v>
      </c>
      <c r="F92466" s="14" t="s">
        <v>15</v>
      </c>
      <c r="G92466" s="16">
        <v>1.4577044194265605</v>
      </c>
    </row>
    <row r="92467" spans="1:7" x14ac:dyDescent="0.3">
      <c r="A92467" s="13" t="s">
        <v>461</v>
      </c>
      <c r="B92467" s="14" t="s">
        <v>1</v>
      </c>
      <c r="C92467" s="14" t="s">
        <v>157</v>
      </c>
      <c r="D92467" s="14" t="s">
        <v>31</v>
      </c>
      <c r="E92467" s="15">
        <v>45498</v>
      </c>
      <c r="F92467" s="14" t="s">
        <v>15</v>
      </c>
      <c r="G92467" s="16">
        <v>1.4542976729408239</v>
      </c>
    </row>
    <row r="92468" spans="1:7" x14ac:dyDescent="0.3">
      <c r="A92468" s="13" t="s">
        <v>461</v>
      </c>
      <c r="B92468" s="14" t="s">
        <v>1</v>
      </c>
      <c r="C92468" s="14" t="s">
        <v>157</v>
      </c>
      <c r="D92468" s="14" t="s">
        <v>31</v>
      </c>
      <c r="E92468" s="15">
        <v>45499</v>
      </c>
      <c r="F92468" s="14" t="s">
        <v>15</v>
      </c>
      <c r="G92468" s="16">
        <v>1.4509417978938592</v>
      </c>
    </row>
    <row r="92469" spans="1:7" x14ac:dyDescent="0.3">
      <c r="A92469" s="13" t="s">
        <v>461</v>
      </c>
      <c r="B92469" s="14" t="s">
        <v>1</v>
      </c>
      <c r="C92469" s="14" t="s">
        <v>157</v>
      </c>
      <c r="D92469" s="14" t="s">
        <v>31</v>
      </c>
      <c r="E92469" s="15">
        <v>45500</v>
      </c>
      <c r="F92469" s="14" t="s">
        <v>15</v>
      </c>
      <c r="G92469" s="16">
        <v>1.4509417978938592</v>
      </c>
    </row>
    <row r="92470" spans="1:7" x14ac:dyDescent="0.3">
      <c r="A92470" s="13" t="s">
        <v>461</v>
      </c>
      <c r="B92470" s="14" t="s">
        <v>1</v>
      </c>
      <c r="C92470" s="14" t="s">
        <v>157</v>
      </c>
      <c r="D92470" s="14" t="s">
        <v>31</v>
      </c>
      <c r="E92470" s="15">
        <v>45501</v>
      </c>
      <c r="F92470" s="14" t="s">
        <v>15</v>
      </c>
      <c r="G92470" s="16">
        <v>1.4509417978938592</v>
      </c>
    </row>
    <row r="92471" spans="1:7" x14ac:dyDescent="0.3">
      <c r="A92471" s="13" t="s">
        <v>461</v>
      </c>
      <c r="B92471" s="14" t="s">
        <v>1</v>
      </c>
      <c r="C92471" s="14" t="s">
        <v>157</v>
      </c>
      <c r="D92471" s="14" t="s">
        <v>31</v>
      </c>
      <c r="E92471" s="15">
        <v>45502</v>
      </c>
      <c r="F92471" s="14" t="s">
        <v>15</v>
      </c>
      <c r="G92471" s="16">
        <v>1.4909400936734296</v>
      </c>
    </row>
    <row r="92472" spans="1:7" x14ac:dyDescent="0.3">
      <c r="A92472" s="13" t="s">
        <v>461</v>
      </c>
      <c r="B92472" s="14" t="s">
        <v>1</v>
      </c>
      <c r="C92472" s="14" t="s">
        <v>157</v>
      </c>
      <c r="D92472" s="14" t="s">
        <v>31</v>
      </c>
      <c r="E92472" s="15">
        <v>45503</v>
      </c>
      <c r="F92472" s="14" t="s">
        <v>15</v>
      </c>
      <c r="G92472" s="16">
        <v>1.4811223922471219</v>
      </c>
    </row>
    <row r="92473" spans="1:7" x14ac:dyDescent="0.3">
      <c r="A92473" s="13" t="s">
        <v>461</v>
      </c>
      <c r="B92473" s="14" t="s">
        <v>1</v>
      </c>
      <c r="C92473" s="14" t="s">
        <v>157</v>
      </c>
      <c r="D92473" s="14" t="s">
        <v>31</v>
      </c>
      <c r="E92473" s="15">
        <v>45504</v>
      </c>
      <c r="F92473" s="14" t="s">
        <v>15</v>
      </c>
      <c r="G92473" s="16">
        <v>1.4778528162780127</v>
      </c>
    </row>
    <row r="92474" spans="1:7" x14ac:dyDescent="0.3">
      <c r="A92474" s="13" t="s">
        <v>461</v>
      </c>
      <c r="B92474" s="14" t="s">
        <v>1</v>
      </c>
      <c r="C92474" s="14" t="s">
        <v>157</v>
      </c>
      <c r="D92474" s="14" t="s">
        <v>31</v>
      </c>
      <c r="E92474" s="15">
        <v>45505</v>
      </c>
      <c r="F92474" s="14" t="s">
        <v>15</v>
      </c>
      <c r="G92474" s="16">
        <v>1.4745923802549072</v>
      </c>
    </row>
    <row r="92475" spans="1:7" x14ac:dyDescent="0.3">
      <c r="A92475" s="13" t="s">
        <v>461</v>
      </c>
      <c r="B92475" s="14" t="s">
        <v>1</v>
      </c>
      <c r="C92475" s="14" t="s">
        <v>157</v>
      </c>
      <c r="D92475" s="14" t="s">
        <v>31</v>
      </c>
      <c r="E92475" s="15">
        <v>45506</v>
      </c>
      <c r="F92475" s="14" t="s">
        <v>15</v>
      </c>
      <c r="G92475" s="16">
        <v>1.4707515919278644</v>
      </c>
    </row>
    <row r="92476" spans="1:7" x14ac:dyDescent="0.3">
      <c r="A92476" s="13" t="s">
        <v>461</v>
      </c>
      <c r="B92476" s="14" t="s">
        <v>1</v>
      </c>
      <c r="C92476" s="14" t="s">
        <v>157</v>
      </c>
      <c r="D92476" s="14" t="s">
        <v>31</v>
      </c>
      <c r="E92476" s="15">
        <v>45507</v>
      </c>
      <c r="F92476" s="14" t="s">
        <v>15</v>
      </c>
      <c r="G92476" s="16">
        <v>1.4707515919278644</v>
      </c>
    </row>
    <row r="92477" spans="1:7" x14ac:dyDescent="0.3">
      <c r="A92477" s="13" t="s">
        <v>461</v>
      </c>
      <c r="B92477" s="14" t="s">
        <v>1</v>
      </c>
      <c r="C92477" s="14" t="s">
        <v>157</v>
      </c>
      <c r="D92477" s="14" t="s">
        <v>31</v>
      </c>
      <c r="E92477" s="15">
        <v>45508</v>
      </c>
      <c r="F92477" s="14" t="s">
        <v>15</v>
      </c>
      <c r="G92477" s="16">
        <v>1.4707515919278644</v>
      </c>
    </row>
    <row r="92478" spans="1:7" x14ac:dyDescent="0.3">
      <c r="A92478" s="13" t="s">
        <v>461</v>
      </c>
      <c r="B92478" s="14" t="s">
        <v>1</v>
      </c>
      <c r="C92478" s="14" t="s">
        <v>157</v>
      </c>
      <c r="D92478" s="14" t="s">
        <v>31</v>
      </c>
      <c r="E92478" s="15">
        <v>45509</v>
      </c>
      <c r="F92478" s="14" t="s">
        <v>15</v>
      </c>
      <c r="G92478" s="16">
        <v>1.4707515919278644</v>
      </c>
    </row>
    <row r="92479" spans="1:7" x14ac:dyDescent="0.3">
      <c r="A92479" s="13" t="s">
        <v>461</v>
      </c>
      <c r="B92479" s="14" t="s">
        <v>1</v>
      </c>
      <c r="C92479" s="14" t="s">
        <v>157</v>
      </c>
      <c r="D92479" s="14" t="s">
        <v>31</v>
      </c>
      <c r="E92479" s="15">
        <v>45510</v>
      </c>
      <c r="F92479" s="14" t="s">
        <v>15</v>
      </c>
      <c r="G92479" s="16">
        <v>1.4674372454045796</v>
      </c>
    </row>
    <row r="92480" spans="1:7" x14ac:dyDescent="0.3">
      <c r="A92480" s="13" t="s">
        <v>461</v>
      </c>
      <c r="B92480" s="14" t="s">
        <v>1</v>
      </c>
      <c r="C92480" s="14" t="s">
        <v>157</v>
      </c>
      <c r="D92480" s="14" t="s">
        <v>31</v>
      </c>
      <c r="E92480" s="15">
        <v>45511</v>
      </c>
      <c r="F92480" s="14" t="s">
        <v>15</v>
      </c>
      <c r="G92480" s="16">
        <v>1.4546565920321239</v>
      </c>
    </row>
    <row r="92481" spans="1:7" x14ac:dyDescent="0.3">
      <c r="A92481" s="13" t="s">
        <v>461</v>
      </c>
      <c r="B92481" s="14" t="s">
        <v>1</v>
      </c>
      <c r="C92481" s="14" t="s">
        <v>157</v>
      </c>
      <c r="D92481" s="14" t="s">
        <v>31</v>
      </c>
      <c r="E92481" s="15">
        <v>45512</v>
      </c>
      <c r="F92481" s="14" t="s">
        <v>15</v>
      </c>
      <c r="G92481" s="16">
        <v>1.4516054844228734</v>
      </c>
    </row>
    <row r="92482" spans="1:7" x14ac:dyDescent="0.3">
      <c r="A92482" s="13" t="s">
        <v>461</v>
      </c>
      <c r="B92482" s="14" t="s">
        <v>1</v>
      </c>
      <c r="C92482" s="14" t="s">
        <v>157</v>
      </c>
      <c r="D92482" s="14" t="s">
        <v>31</v>
      </c>
      <c r="E92482" s="15">
        <v>45513</v>
      </c>
      <c r="F92482" s="14" t="s">
        <v>15</v>
      </c>
      <c r="G92482" s="16">
        <v>1.4516054844228734</v>
      </c>
    </row>
    <row r="92483" spans="1:7" x14ac:dyDescent="0.3">
      <c r="A92483" s="13" t="s">
        <v>461</v>
      </c>
      <c r="B92483" s="14" t="s">
        <v>1</v>
      </c>
      <c r="C92483" s="14" t="s">
        <v>157</v>
      </c>
      <c r="D92483" s="14" t="s">
        <v>31</v>
      </c>
      <c r="E92483" s="15">
        <v>45514</v>
      </c>
      <c r="F92483" s="14" t="s">
        <v>15</v>
      </c>
      <c r="G92483" s="16">
        <v>1.4516054844228734</v>
      </c>
    </row>
    <row r="92484" spans="1:7" x14ac:dyDescent="0.3">
      <c r="A92484" s="13" t="s">
        <v>461</v>
      </c>
      <c r="B92484" s="14" t="s">
        <v>1</v>
      </c>
      <c r="C92484" s="14" t="s">
        <v>157</v>
      </c>
      <c r="D92484" s="14" t="s">
        <v>31</v>
      </c>
      <c r="E92484" s="15">
        <v>45515</v>
      </c>
      <c r="F92484" s="14" t="s">
        <v>15</v>
      </c>
      <c r="G92484" s="16">
        <v>1.4516054844228734</v>
      </c>
    </row>
    <row r="92485" spans="1:7" x14ac:dyDescent="0.3">
      <c r="A92485" s="13" t="s">
        <v>461</v>
      </c>
      <c r="B92485" s="14" t="s">
        <v>1</v>
      </c>
      <c r="C92485" s="14" t="s">
        <v>157</v>
      </c>
      <c r="D92485" s="14" t="s">
        <v>31</v>
      </c>
      <c r="E92485" s="15">
        <v>45516</v>
      </c>
      <c r="F92485" s="14" t="s">
        <v>15</v>
      </c>
      <c r="G92485" s="16">
        <v>1.4498145525721058</v>
      </c>
    </row>
    <row r="92486" spans="1:7" x14ac:dyDescent="0.3">
      <c r="A92486" s="13" t="s">
        <v>461</v>
      </c>
      <c r="B92486" s="14" t="s">
        <v>1</v>
      </c>
      <c r="C92486" s="14" t="s">
        <v>157</v>
      </c>
      <c r="D92486" s="14" t="s">
        <v>31</v>
      </c>
      <c r="E92486" s="15">
        <v>45517</v>
      </c>
      <c r="F92486" s="14" t="s">
        <v>15</v>
      </c>
      <c r="G92486" s="16">
        <v>1.5744656711438327</v>
      </c>
    </row>
    <row r="92487" spans="1:7" x14ac:dyDescent="0.3">
      <c r="A92487" s="13" t="s">
        <v>461</v>
      </c>
      <c r="B92487" s="14" t="s">
        <v>1</v>
      </c>
      <c r="C92487" s="14" t="s">
        <v>157</v>
      </c>
      <c r="D92487" s="14" t="s">
        <v>31</v>
      </c>
      <c r="E92487" s="15">
        <v>45518</v>
      </c>
      <c r="F92487" s="14" t="s">
        <v>15</v>
      </c>
      <c r="G92487" s="16">
        <v>1.6502967983513153</v>
      </c>
    </row>
    <row r="92488" spans="1:7" x14ac:dyDescent="0.3">
      <c r="A92488" s="13" t="s">
        <v>461</v>
      </c>
      <c r="B92488" s="14" t="s">
        <v>1</v>
      </c>
      <c r="C92488" s="14" t="s">
        <v>157</v>
      </c>
      <c r="D92488" s="14" t="s">
        <v>31</v>
      </c>
      <c r="E92488" s="15">
        <v>45519</v>
      </c>
      <c r="F92488" s="14" t="s">
        <v>15</v>
      </c>
      <c r="G92488" s="16">
        <v>1.6494234786899997</v>
      </c>
    </row>
    <row r="92489" spans="1:7" x14ac:dyDescent="0.3">
      <c r="A92489" s="13" t="s">
        <v>461</v>
      </c>
      <c r="B92489" s="14" t="s">
        <v>1</v>
      </c>
      <c r="C92489" s="14" t="s">
        <v>157</v>
      </c>
      <c r="D92489" s="14" t="s">
        <v>31</v>
      </c>
      <c r="E92489" s="15">
        <v>45520</v>
      </c>
      <c r="F92489" s="14" t="s">
        <v>15</v>
      </c>
      <c r="G92489" s="16">
        <v>1.8182625320438071</v>
      </c>
    </row>
    <row r="92490" spans="1:7" x14ac:dyDescent="0.3">
      <c r="A92490" s="13" t="s">
        <v>461</v>
      </c>
      <c r="B92490" s="14" t="s">
        <v>1</v>
      </c>
      <c r="C92490" s="14" t="s">
        <v>157</v>
      </c>
      <c r="D92490" s="14" t="s">
        <v>31</v>
      </c>
      <c r="E92490" s="15">
        <v>45521</v>
      </c>
      <c r="F92490" s="14" t="s">
        <v>15</v>
      </c>
      <c r="G92490" s="16">
        <v>1.8182625320438071</v>
      </c>
    </row>
    <row r="92491" spans="1:7" x14ac:dyDescent="0.3">
      <c r="A92491" s="13" t="s">
        <v>461</v>
      </c>
      <c r="B92491" s="14" t="s">
        <v>1</v>
      </c>
      <c r="C92491" s="14" t="s">
        <v>157</v>
      </c>
      <c r="D92491" s="14" t="s">
        <v>31</v>
      </c>
      <c r="E92491" s="15">
        <v>45522</v>
      </c>
      <c r="F92491" s="14" t="s">
        <v>15</v>
      </c>
      <c r="G92491" s="16">
        <v>1.8182625320438071</v>
      </c>
    </row>
    <row r="92492" spans="1:7" x14ac:dyDescent="0.3">
      <c r="A92492" s="13" t="s">
        <v>461</v>
      </c>
      <c r="B92492" s="14" t="s">
        <v>1</v>
      </c>
      <c r="C92492" s="14" t="s">
        <v>157</v>
      </c>
      <c r="D92492" s="14" t="s">
        <v>31</v>
      </c>
      <c r="E92492" s="15">
        <v>45523</v>
      </c>
      <c r="F92492" s="14" t="s">
        <v>15</v>
      </c>
      <c r="G92492" s="16">
        <v>1.8150072720973942</v>
      </c>
    </row>
    <row r="92493" spans="1:7" x14ac:dyDescent="0.3">
      <c r="A92493" s="13" t="s">
        <v>461</v>
      </c>
      <c r="B92493" s="14" t="s">
        <v>1</v>
      </c>
      <c r="C92493" s="14" t="s">
        <v>157</v>
      </c>
      <c r="D92493" s="14" t="s">
        <v>31</v>
      </c>
      <c r="E92493" s="15">
        <v>45524</v>
      </c>
      <c r="F92493" s="14" t="s">
        <v>15</v>
      </c>
      <c r="G92493" s="16">
        <v>1.8050338396118961</v>
      </c>
    </row>
    <row r="92494" spans="1:7" x14ac:dyDescent="0.3">
      <c r="A92494" s="13" t="s">
        <v>461</v>
      </c>
      <c r="B92494" s="14" t="s">
        <v>1</v>
      </c>
      <c r="C92494" s="14" t="s">
        <v>157</v>
      </c>
      <c r="D92494" s="14" t="s">
        <v>31</v>
      </c>
      <c r="E92494" s="15">
        <v>45525</v>
      </c>
      <c r="F92494" s="14" t="s">
        <v>15</v>
      </c>
      <c r="G92494" s="16">
        <v>1.8016831103722455</v>
      </c>
    </row>
    <row r="92495" spans="1:7" x14ac:dyDescent="0.3">
      <c r="A92495" s="13" t="s">
        <v>461</v>
      </c>
      <c r="B92495" s="14" t="s">
        <v>1</v>
      </c>
      <c r="C92495" s="14" t="s">
        <v>157</v>
      </c>
      <c r="D92495" s="14" t="s">
        <v>31</v>
      </c>
      <c r="E92495" s="15">
        <v>45526</v>
      </c>
      <c r="F92495" s="14" t="s">
        <v>15</v>
      </c>
      <c r="G92495" s="16">
        <v>1.7983180665577492</v>
      </c>
    </row>
    <row r="92496" spans="1:7" x14ac:dyDescent="0.3">
      <c r="A92496" s="13" t="s">
        <v>461</v>
      </c>
      <c r="B92496" s="14" t="s">
        <v>1</v>
      </c>
      <c r="C92496" s="14" t="s">
        <v>157</v>
      </c>
      <c r="D92496" s="14" t="s">
        <v>31</v>
      </c>
      <c r="E92496" s="15">
        <v>45527</v>
      </c>
      <c r="F92496" s="14" t="s">
        <v>15</v>
      </c>
      <c r="G92496" s="16">
        <v>1.794979959357605</v>
      </c>
    </row>
    <row r="92497" spans="1:7" x14ac:dyDescent="0.3">
      <c r="A92497" s="13" t="s">
        <v>461</v>
      </c>
      <c r="B92497" s="14" t="s">
        <v>1</v>
      </c>
      <c r="C92497" s="14" t="s">
        <v>157</v>
      </c>
      <c r="D92497" s="14" t="s">
        <v>31</v>
      </c>
      <c r="E92497" s="15">
        <v>45528</v>
      </c>
      <c r="F92497" s="14" t="s">
        <v>15</v>
      </c>
      <c r="G92497" s="16">
        <v>1.794979959357605</v>
      </c>
    </row>
    <row r="92498" spans="1:7" x14ac:dyDescent="0.3">
      <c r="A92498" s="13" t="s">
        <v>461</v>
      </c>
      <c r="B92498" s="14" t="s">
        <v>1</v>
      </c>
      <c r="C92498" s="14" t="s">
        <v>157</v>
      </c>
      <c r="D92498" s="14" t="s">
        <v>31</v>
      </c>
      <c r="E92498" s="15">
        <v>45529</v>
      </c>
      <c r="F92498" s="14" t="s">
        <v>15</v>
      </c>
      <c r="G92498" s="16">
        <v>1.794979959357605</v>
      </c>
    </row>
    <row r="92499" spans="1:7" x14ac:dyDescent="0.3">
      <c r="A92499" s="13" t="s">
        <v>461</v>
      </c>
      <c r="B92499" s="14" t="s">
        <v>1</v>
      </c>
      <c r="C92499" s="14" t="s">
        <v>157</v>
      </c>
      <c r="D92499" s="14" t="s">
        <v>31</v>
      </c>
      <c r="E92499" s="15">
        <v>45530</v>
      </c>
      <c r="F92499" s="14" t="s">
        <v>15</v>
      </c>
      <c r="G92499" s="16">
        <v>1.7916256141545852</v>
      </c>
    </row>
    <row r="92500" spans="1:7" x14ac:dyDescent="0.3">
      <c r="A92500" s="13" t="s">
        <v>461</v>
      </c>
      <c r="B92500" s="14" t="s">
        <v>1</v>
      </c>
      <c r="C92500" s="14" t="s">
        <v>157</v>
      </c>
      <c r="D92500" s="14" t="s">
        <v>31</v>
      </c>
      <c r="E92500" s="15">
        <v>45531</v>
      </c>
      <c r="F92500" s="14" t="s">
        <v>15</v>
      </c>
      <c r="G92500" s="16">
        <v>1.8360339597336703</v>
      </c>
    </row>
    <row r="92501" spans="1:7" x14ac:dyDescent="0.3">
      <c r="A92501" s="13" t="s">
        <v>461</v>
      </c>
      <c r="B92501" s="14" t="s">
        <v>1</v>
      </c>
      <c r="C92501" s="14" t="s">
        <v>157</v>
      </c>
      <c r="D92501" s="14" t="s">
        <v>31</v>
      </c>
      <c r="E92501" s="15">
        <v>45532</v>
      </c>
      <c r="F92501" s="14" t="s">
        <v>15</v>
      </c>
      <c r="G92501" s="16">
        <v>1.8327879135910292</v>
      </c>
    </row>
    <row r="92502" spans="1:7" x14ac:dyDescent="0.3">
      <c r="A92502" s="13" t="s">
        <v>461</v>
      </c>
      <c r="B92502" s="14" t="s">
        <v>1</v>
      </c>
      <c r="C92502" s="14" t="s">
        <v>157</v>
      </c>
      <c r="D92502" s="14" t="s">
        <v>31</v>
      </c>
      <c r="E92502" s="15">
        <v>45533</v>
      </c>
      <c r="F92502" s="14" t="s">
        <v>15</v>
      </c>
      <c r="G92502" s="16">
        <v>1.829438714228103</v>
      </c>
    </row>
    <row r="92503" spans="1:7" x14ac:dyDescent="0.3">
      <c r="A92503" s="13" t="s">
        <v>461</v>
      </c>
      <c r="B92503" s="14" t="s">
        <v>1</v>
      </c>
      <c r="C92503" s="14" t="s">
        <v>157</v>
      </c>
      <c r="D92503" s="14" t="s">
        <v>31</v>
      </c>
      <c r="E92503" s="15">
        <v>45534</v>
      </c>
      <c r="F92503" s="14" t="s">
        <v>15</v>
      </c>
      <c r="G92503" s="16">
        <v>1.8260893904169009</v>
      </c>
    </row>
    <row r="92504" spans="1:7" x14ac:dyDescent="0.3">
      <c r="A92504" s="13" t="s">
        <v>461</v>
      </c>
      <c r="B92504" s="14" t="s">
        <v>1</v>
      </c>
      <c r="C92504" s="14" t="s">
        <v>157</v>
      </c>
      <c r="D92504" s="14" t="s">
        <v>31</v>
      </c>
      <c r="E92504" s="15">
        <v>45535</v>
      </c>
      <c r="F92504" s="14" t="s">
        <v>15</v>
      </c>
      <c r="G92504" s="16">
        <v>1.8260893904169009</v>
      </c>
    </row>
    <row r="92505" spans="1:7" x14ac:dyDescent="0.3">
      <c r="A92505" s="13" t="s">
        <v>461</v>
      </c>
      <c r="B92505" s="14" t="s">
        <v>1</v>
      </c>
      <c r="C92505" s="14" t="s">
        <v>157</v>
      </c>
      <c r="D92505" s="14" t="s">
        <v>31</v>
      </c>
      <c r="E92505" s="15">
        <v>45536</v>
      </c>
      <c r="F92505" s="14" t="s">
        <v>15</v>
      </c>
      <c r="G92505" s="16">
        <v>1.8260893904169009</v>
      </c>
    </row>
    <row r="92506" spans="1:7" x14ac:dyDescent="0.3">
      <c r="A92506" s="13" t="s">
        <v>461</v>
      </c>
      <c r="B92506" s="14" t="s">
        <v>1</v>
      </c>
      <c r="C92506" s="14" t="s">
        <v>157</v>
      </c>
      <c r="D92506" s="14" t="s">
        <v>31</v>
      </c>
      <c r="E92506" s="15">
        <v>45537</v>
      </c>
      <c r="F92506" s="14" t="s">
        <v>15</v>
      </c>
      <c r="G92506" s="16">
        <v>1.822738138396194</v>
      </c>
    </row>
    <row r="92507" spans="1:7" x14ac:dyDescent="0.3">
      <c r="A92507" s="13" t="s">
        <v>461</v>
      </c>
      <c r="B92507" s="14" t="s">
        <v>1</v>
      </c>
      <c r="C92507" s="14" t="s">
        <v>157</v>
      </c>
      <c r="D92507" s="14" t="s">
        <v>31</v>
      </c>
      <c r="E92507" s="15">
        <v>45538</v>
      </c>
      <c r="F92507" s="14" t="s">
        <v>15</v>
      </c>
      <c r="G92507" s="16">
        <v>1.8127270539424696</v>
      </c>
    </row>
    <row r="92508" spans="1:7" x14ac:dyDescent="0.3">
      <c r="A92508" s="13" t="s">
        <v>461</v>
      </c>
      <c r="B92508" s="14" t="s">
        <v>1</v>
      </c>
      <c r="C92508" s="14" t="s">
        <v>157</v>
      </c>
      <c r="D92508" s="14" t="s">
        <v>31</v>
      </c>
      <c r="E92508" s="15">
        <v>45539</v>
      </c>
      <c r="F92508" s="14" t="s">
        <v>15</v>
      </c>
      <c r="G92508" s="16">
        <v>1.8093745826224878</v>
      </c>
    </row>
    <row r="92509" spans="1:7" x14ac:dyDescent="0.3">
      <c r="A92509" s="13" t="s">
        <v>461</v>
      </c>
      <c r="B92509" s="14" t="s">
        <v>1</v>
      </c>
      <c r="C92509" s="14" t="s">
        <v>157</v>
      </c>
      <c r="D92509" s="14" t="s">
        <v>31</v>
      </c>
      <c r="E92509" s="15">
        <v>45540</v>
      </c>
      <c r="F92509" s="14" t="s">
        <v>15</v>
      </c>
      <c r="G92509" s="16">
        <v>1.8060500479399868</v>
      </c>
    </row>
    <row r="92510" spans="1:7" x14ac:dyDescent="0.3">
      <c r="A92510" s="13" t="s">
        <v>461</v>
      </c>
      <c r="B92510" s="14" t="s">
        <v>1</v>
      </c>
      <c r="C92510" s="14" t="s">
        <v>157</v>
      </c>
      <c r="D92510" s="14" t="s">
        <v>31</v>
      </c>
      <c r="E92510" s="15">
        <v>45541</v>
      </c>
      <c r="F92510" s="14" t="s">
        <v>15</v>
      </c>
      <c r="G92510" s="16">
        <v>1.8241117795181556</v>
      </c>
    </row>
    <row r="92511" spans="1:7" x14ac:dyDescent="0.3">
      <c r="A92511" s="13" t="s">
        <v>461</v>
      </c>
      <c r="B92511" s="14" t="s">
        <v>1</v>
      </c>
      <c r="C92511" s="14" t="s">
        <v>157</v>
      </c>
      <c r="D92511" s="14" t="s">
        <v>31</v>
      </c>
      <c r="E92511" s="15">
        <v>45542</v>
      </c>
      <c r="F92511" s="14" t="s">
        <v>15</v>
      </c>
      <c r="G92511" s="16">
        <v>1.8241117795181556</v>
      </c>
    </row>
    <row r="92512" spans="1:7" x14ac:dyDescent="0.3">
      <c r="A92512" s="13" t="s">
        <v>461</v>
      </c>
      <c r="B92512" s="14" t="s">
        <v>1</v>
      </c>
      <c r="C92512" s="14" t="s">
        <v>157</v>
      </c>
      <c r="D92512" s="14" t="s">
        <v>31</v>
      </c>
      <c r="E92512" s="15">
        <v>45543</v>
      </c>
      <c r="F92512" s="14" t="s">
        <v>15</v>
      </c>
      <c r="G92512" s="16">
        <v>1.8241117795181556</v>
      </c>
    </row>
    <row r="92513" spans="1:7" x14ac:dyDescent="0.3">
      <c r="A92513" s="13" t="s">
        <v>461</v>
      </c>
      <c r="B92513" s="14" t="s">
        <v>1</v>
      </c>
      <c r="C92513" s="14" t="s">
        <v>157</v>
      </c>
      <c r="D92513" s="14" t="s">
        <v>31</v>
      </c>
      <c r="E92513" s="15">
        <v>45544</v>
      </c>
      <c r="F92513" s="14" t="s">
        <v>15</v>
      </c>
      <c r="G92513" s="16">
        <v>1.8288261679014139</v>
      </c>
    </row>
    <row r="92514" spans="1:7" x14ac:dyDescent="0.3">
      <c r="A92514" s="13" t="s">
        <v>461</v>
      </c>
      <c r="B92514" s="14" t="s">
        <v>1</v>
      </c>
      <c r="C92514" s="14" t="s">
        <v>157</v>
      </c>
      <c r="D92514" s="14" t="s">
        <v>31</v>
      </c>
      <c r="E92514" s="15">
        <v>45545</v>
      </c>
      <c r="F92514" s="14" t="s">
        <v>15</v>
      </c>
      <c r="G92514" s="16">
        <v>1.9041911368798785</v>
      </c>
    </row>
    <row r="92515" spans="1:7" x14ac:dyDescent="0.3">
      <c r="A92515" s="13" t="s">
        <v>461</v>
      </c>
      <c r="B92515" s="14" t="s">
        <v>1</v>
      </c>
      <c r="C92515" s="14" t="s">
        <v>157</v>
      </c>
      <c r="D92515" s="14" t="s">
        <v>31</v>
      </c>
      <c r="E92515" s="15">
        <v>45546</v>
      </c>
      <c r="F92515" s="14" t="s">
        <v>15</v>
      </c>
      <c r="G92515" s="16">
        <v>1.9009716635440028</v>
      </c>
    </row>
    <row r="92516" spans="1:7" x14ac:dyDescent="0.3">
      <c r="A92516" s="13" t="s">
        <v>461</v>
      </c>
      <c r="B92516" s="14" t="s">
        <v>1</v>
      </c>
      <c r="C92516" s="14" t="s">
        <v>157</v>
      </c>
      <c r="D92516" s="14" t="s">
        <v>31</v>
      </c>
      <c r="E92516" s="15">
        <v>45547</v>
      </c>
      <c r="F92516" s="14" t="s">
        <v>15</v>
      </c>
      <c r="G92516" s="16">
        <v>1.9783619119895917</v>
      </c>
    </row>
    <row r="92517" spans="1:7" x14ac:dyDescent="0.3">
      <c r="A92517" s="13" t="s">
        <v>461</v>
      </c>
      <c r="B92517" s="14" t="s">
        <v>1</v>
      </c>
      <c r="C92517" s="14" t="s">
        <v>157</v>
      </c>
      <c r="D92517" s="14" t="s">
        <v>31</v>
      </c>
      <c r="E92517" s="15">
        <v>45548</v>
      </c>
      <c r="F92517" s="14" t="s">
        <v>15</v>
      </c>
      <c r="G92517" s="16">
        <v>2.0642478213886397</v>
      </c>
    </row>
    <row r="92518" spans="1:7" x14ac:dyDescent="0.3">
      <c r="A92518" s="13" t="s">
        <v>461</v>
      </c>
      <c r="B92518" s="14" t="s">
        <v>1</v>
      </c>
      <c r="C92518" s="14" t="s">
        <v>157</v>
      </c>
      <c r="D92518" s="14" t="s">
        <v>31</v>
      </c>
      <c r="E92518" s="15">
        <v>45549</v>
      </c>
      <c r="F92518" s="14" t="s">
        <v>15</v>
      </c>
      <c r="G92518" s="16">
        <v>2.0642478213886397</v>
      </c>
    </row>
    <row r="92519" spans="1:7" x14ac:dyDescent="0.3">
      <c r="A92519" s="13" t="s">
        <v>461</v>
      </c>
      <c r="B92519" s="14" t="s">
        <v>1</v>
      </c>
      <c r="C92519" s="14" t="s">
        <v>157</v>
      </c>
      <c r="D92519" s="14" t="s">
        <v>31</v>
      </c>
      <c r="E92519" s="15">
        <v>45550</v>
      </c>
      <c r="F92519" s="14" t="s">
        <v>15</v>
      </c>
      <c r="G92519" s="16">
        <v>2.0642478213886397</v>
      </c>
    </row>
    <row r="92520" spans="1:7" x14ac:dyDescent="0.3">
      <c r="A92520" s="13" t="s">
        <v>461</v>
      </c>
      <c r="B92520" s="14" t="s">
        <v>1</v>
      </c>
      <c r="C92520" s="14" t="s">
        <v>157</v>
      </c>
      <c r="D92520" s="14" t="s">
        <v>31</v>
      </c>
      <c r="E92520" s="15">
        <v>45551</v>
      </c>
      <c r="F92520" s="14" t="s">
        <v>15</v>
      </c>
      <c r="G92520" s="16">
        <v>2.0886438044145565</v>
      </c>
    </row>
    <row r="92521" spans="1:7" x14ac:dyDescent="0.3">
      <c r="A92521" s="13" t="s">
        <v>461</v>
      </c>
      <c r="B92521" s="14" t="s">
        <v>1</v>
      </c>
      <c r="C92521" s="14" t="s">
        <v>157</v>
      </c>
      <c r="D92521" s="14" t="s">
        <v>31</v>
      </c>
      <c r="E92521" s="15">
        <v>45552</v>
      </c>
      <c r="F92521" s="14" t="s">
        <v>15</v>
      </c>
      <c r="G92521" s="16">
        <v>2.0788152451456137</v>
      </c>
    </row>
    <row r="92522" spans="1:7" x14ac:dyDescent="0.3">
      <c r="A92522" s="13" t="s">
        <v>461</v>
      </c>
      <c r="B92522" s="14" t="s">
        <v>1</v>
      </c>
      <c r="C92522" s="14" t="s">
        <v>157</v>
      </c>
      <c r="D92522" s="14" t="s">
        <v>31</v>
      </c>
      <c r="E92522" s="15">
        <v>45553</v>
      </c>
      <c r="F92522" s="14" t="s">
        <v>15</v>
      </c>
      <c r="G92522" s="16">
        <v>2.0755247854488612</v>
      </c>
    </row>
    <row r="92523" spans="1:7" x14ac:dyDescent="0.3">
      <c r="A92523" s="13" t="s">
        <v>461</v>
      </c>
      <c r="B92523" s="14" t="s">
        <v>1</v>
      </c>
      <c r="C92523" s="14" t="s">
        <v>157</v>
      </c>
      <c r="D92523" s="14" t="s">
        <v>31</v>
      </c>
      <c r="E92523" s="15">
        <v>45554</v>
      </c>
      <c r="F92523" s="14" t="s">
        <v>15</v>
      </c>
      <c r="G92523" s="16">
        <v>2.0722194026905569</v>
      </c>
    </row>
    <row r="92524" spans="1:7" x14ac:dyDescent="0.3">
      <c r="A92524" s="13" t="s">
        <v>461</v>
      </c>
      <c r="B92524" s="14" t="s">
        <v>1</v>
      </c>
      <c r="C92524" s="14" t="s">
        <v>157</v>
      </c>
      <c r="D92524" s="14" t="s">
        <v>31</v>
      </c>
      <c r="E92524" s="15">
        <v>45555</v>
      </c>
      <c r="F92524" s="14" t="s">
        <v>15</v>
      </c>
      <c r="G92524" s="16">
        <v>2.0689376118406084</v>
      </c>
    </row>
    <row r="92525" spans="1:7" x14ac:dyDescent="0.3">
      <c r="A92525" s="13" t="s">
        <v>461</v>
      </c>
      <c r="B92525" s="14" t="s">
        <v>1</v>
      </c>
      <c r="C92525" s="14" t="s">
        <v>157</v>
      </c>
      <c r="D92525" s="14" t="s">
        <v>31</v>
      </c>
      <c r="E92525" s="15">
        <v>45556</v>
      </c>
      <c r="F92525" s="14" t="s">
        <v>15</v>
      </c>
      <c r="G92525" s="16">
        <v>2.0689376118406084</v>
      </c>
    </row>
    <row r="92526" spans="1:7" x14ac:dyDescent="0.3">
      <c r="A92526" s="13" t="s">
        <v>461</v>
      </c>
      <c r="B92526" s="14" t="s">
        <v>1</v>
      </c>
      <c r="C92526" s="14" t="s">
        <v>157</v>
      </c>
      <c r="D92526" s="14" t="s">
        <v>31</v>
      </c>
      <c r="E92526" s="15">
        <v>45557</v>
      </c>
      <c r="F92526" s="14" t="s">
        <v>15</v>
      </c>
      <c r="G92526" s="16">
        <v>2.0689376118406084</v>
      </c>
    </row>
    <row r="92527" spans="1:7" x14ac:dyDescent="0.3">
      <c r="A92527" s="13" t="s">
        <v>461</v>
      </c>
      <c r="B92527" s="14" t="s">
        <v>1</v>
      </c>
      <c r="C92527" s="14" t="s">
        <v>157</v>
      </c>
      <c r="D92527" s="14" t="s">
        <v>31</v>
      </c>
      <c r="E92527" s="15">
        <v>45558</v>
      </c>
      <c r="F92527" s="14" t="s">
        <v>15</v>
      </c>
      <c r="G92527" s="16">
        <v>2.0655985754942283</v>
      </c>
    </row>
    <row r="92528" spans="1:7" x14ac:dyDescent="0.3">
      <c r="A92528" s="13" t="s">
        <v>461</v>
      </c>
      <c r="B92528" s="14" t="s">
        <v>1</v>
      </c>
      <c r="C92528" s="14" t="s">
        <v>157</v>
      </c>
      <c r="D92528" s="14" t="s">
        <v>31</v>
      </c>
      <c r="E92528" s="15">
        <v>45559</v>
      </c>
      <c r="F92528" s="14" t="s">
        <v>15</v>
      </c>
      <c r="G92528" s="16">
        <v>2.0555077987317052</v>
      </c>
    </row>
    <row r="92529" spans="1:7" x14ac:dyDescent="0.3">
      <c r="A92529" s="13" t="s">
        <v>461</v>
      </c>
      <c r="B92529" s="14" t="s">
        <v>1</v>
      </c>
      <c r="C92529" s="14" t="s">
        <v>157</v>
      </c>
      <c r="D92529" s="14" t="s">
        <v>31</v>
      </c>
      <c r="E92529" s="15">
        <v>45560</v>
      </c>
      <c r="F92529" s="14" t="s">
        <v>15</v>
      </c>
      <c r="G92529" s="16">
        <v>2.0521395876099509</v>
      </c>
    </row>
    <row r="92530" spans="1:7" x14ac:dyDescent="0.3">
      <c r="A92530" s="13" t="s">
        <v>461</v>
      </c>
      <c r="B92530" s="14" t="s">
        <v>1</v>
      </c>
      <c r="C92530" s="14" t="s">
        <v>157</v>
      </c>
      <c r="D92530" s="14" t="s">
        <v>31</v>
      </c>
      <c r="E92530" s="15">
        <v>45561</v>
      </c>
      <c r="F92530" s="14" t="s">
        <v>15</v>
      </c>
      <c r="G92530" s="16">
        <v>2.0487273245527908</v>
      </c>
    </row>
    <row r="92531" spans="1:7" x14ac:dyDescent="0.3">
      <c r="A92531" s="13" t="s">
        <v>461</v>
      </c>
      <c r="B92531" s="14" t="s">
        <v>1</v>
      </c>
      <c r="C92531" s="14" t="s">
        <v>157</v>
      </c>
      <c r="D92531" s="14" t="s">
        <v>31</v>
      </c>
      <c r="E92531" s="15">
        <v>45562</v>
      </c>
      <c r="F92531" s="14" t="s">
        <v>15</v>
      </c>
      <c r="G92531" s="16">
        <v>2.0455121385698547</v>
      </c>
    </row>
    <row r="92532" spans="1:7" x14ac:dyDescent="0.3">
      <c r="A92532" s="13" t="s">
        <v>461</v>
      </c>
      <c r="B92532" s="14" t="s">
        <v>1</v>
      </c>
      <c r="C92532" s="14" t="s">
        <v>157</v>
      </c>
      <c r="D92532" s="14" t="s">
        <v>31</v>
      </c>
      <c r="E92532" s="15">
        <v>45563</v>
      </c>
      <c r="F92532" s="14" t="s">
        <v>15</v>
      </c>
      <c r="G92532" s="16">
        <v>2.0455121385698547</v>
      </c>
    </row>
    <row r="92533" spans="1:7" x14ac:dyDescent="0.3">
      <c r="A92533" s="13" t="s">
        <v>461</v>
      </c>
      <c r="B92533" s="14" t="s">
        <v>1</v>
      </c>
      <c r="C92533" s="14" t="s">
        <v>157</v>
      </c>
      <c r="D92533" s="14" t="s">
        <v>31</v>
      </c>
      <c r="E92533" s="15">
        <v>45564</v>
      </c>
      <c r="F92533" s="14" t="s">
        <v>15</v>
      </c>
      <c r="G92533" s="16">
        <v>2.0455121385698547</v>
      </c>
    </row>
    <row r="92534" spans="1:7" x14ac:dyDescent="0.3">
      <c r="A92534" s="13" t="s">
        <v>461</v>
      </c>
      <c r="B92534" s="14" t="s">
        <v>1</v>
      </c>
      <c r="C92534" s="14" t="s">
        <v>157</v>
      </c>
      <c r="D92534" s="14" t="s">
        <v>31</v>
      </c>
      <c r="E92534" s="15">
        <v>45565</v>
      </c>
      <c r="F92534" s="14" t="s">
        <v>15</v>
      </c>
      <c r="G92534" s="16">
        <v>2.0666782375191639</v>
      </c>
    </row>
    <row r="92535" spans="1:7" x14ac:dyDescent="0.3">
      <c r="A92535" s="13" t="s">
        <v>461</v>
      </c>
      <c r="B92535" s="14" t="s">
        <v>1</v>
      </c>
      <c r="C92535" s="14" t="s">
        <v>157</v>
      </c>
      <c r="D92535" s="14" t="s">
        <v>31</v>
      </c>
      <c r="E92535" s="15">
        <v>45566</v>
      </c>
      <c r="F92535" s="14" t="s">
        <v>15</v>
      </c>
      <c r="G92535" s="16">
        <v>2.0561556132100662</v>
      </c>
    </row>
    <row r="92536" spans="1:7" x14ac:dyDescent="0.3">
      <c r="A92536" s="13" t="s">
        <v>461</v>
      </c>
      <c r="B92536" s="14" t="s">
        <v>1</v>
      </c>
      <c r="C92536" s="14" t="s">
        <v>157</v>
      </c>
      <c r="D92536" s="14" t="s">
        <v>31</v>
      </c>
      <c r="E92536" s="15">
        <v>45567</v>
      </c>
      <c r="F92536" s="14" t="s">
        <v>15</v>
      </c>
      <c r="G92536" s="16">
        <v>2.052780734411547</v>
      </c>
    </row>
    <row r="92537" spans="1:7" x14ac:dyDescent="0.3">
      <c r="A92537" s="13" t="s">
        <v>461</v>
      </c>
      <c r="B92537" s="14" t="s">
        <v>1</v>
      </c>
      <c r="C92537" s="14" t="s">
        <v>157</v>
      </c>
      <c r="D92537" s="14" t="s">
        <v>31</v>
      </c>
      <c r="E92537" s="15">
        <v>45568</v>
      </c>
      <c r="F92537" s="14" t="s">
        <v>15</v>
      </c>
      <c r="G92537" s="16">
        <v>2.0493033603973494</v>
      </c>
    </row>
    <row r="92538" spans="1:7" x14ac:dyDescent="0.3">
      <c r="A92538" s="13" t="s">
        <v>461</v>
      </c>
      <c r="B92538" s="14" t="s">
        <v>1</v>
      </c>
      <c r="C92538" s="14" t="s">
        <v>157</v>
      </c>
      <c r="D92538" s="14" t="s">
        <v>31</v>
      </c>
      <c r="E92538" s="15">
        <v>45569</v>
      </c>
      <c r="F92538" s="14" t="s">
        <v>15</v>
      </c>
      <c r="G92538" s="16">
        <v>2.0457996243326604</v>
      </c>
    </row>
    <row r="92539" spans="1:7" x14ac:dyDescent="0.3">
      <c r="A92539" s="13" t="s">
        <v>461</v>
      </c>
      <c r="B92539" s="14" t="s">
        <v>1</v>
      </c>
      <c r="C92539" s="14" t="s">
        <v>157</v>
      </c>
      <c r="D92539" s="14" t="s">
        <v>31</v>
      </c>
      <c r="E92539" s="15">
        <v>45570</v>
      </c>
      <c r="F92539" s="14" t="s">
        <v>15</v>
      </c>
      <c r="G92539" s="16">
        <v>2.0457996243326604</v>
      </c>
    </row>
    <row r="92540" spans="1:7" x14ac:dyDescent="0.3">
      <c r="A92540" s="13" t="s">
        <v>461</v>
      </c>
      <c r="B92540" s="14" t="s">
        <v>1</v>
      </c>
      <c r="C92540" s="14" t="s">
        <v>157</v>
      </c>
      <c r="D92540" s="14" t="s">
        <v>31</v>
      </c>
      <c r="E92540" s="15">
        <v>45571</v>
      </c>
      <c r="F92540" s="14" t="s">
        <v>15</v>
      </c>
      <c r="G92540" s="16">
        <v>2.0457996243326604</v>
      </c>
    </row>
    <row r="92541" spans="1:7" x14ac:dyDescent="0.3">
      <c r="A92541" s="13" t="s">
        <v>461</v>
      </c>
      <c r="B92541" s="14" t="s">
        <v>1</v>
      </c>
      <c r="C92541" s="14" t="s">
        <v>157</v>
      </c>
      <c r="D92541" s="14" t="s">
        <v>31</v>
      </c>
      <c r="E92541" s="15">
        <v>45572</v>
      </c>
      <c r="F92541" s="14" t="s">
        <v>15</v>
      </c>
      <c r="G92541" s="16">
        <v>2.0423162266628658</v>
      </c>
    </row>
    <row r="92542" spans="1:7" x14ac:dyDescent="0.3">
      <c r="A92542" s="13" t="s">
        <v>461</v>
      </c>
      <c r="B92542" s="14" t="s">
        <v>1</v>
      </c>
      <c r="C92542" s="14" t="s">
        <v>157</v>
      </c>
      <c r="D92542" s="14" t="s">
        <v>31</v>
      </c>
      <c r="E92542" s="15">
        <v>45573</v>
      </c>
      <c r="F92542" s="14" t="s">
        <v>15</v>
      </c>
      <c r="G92542" s="16">
        <v>2.0318595227054383</v>
      </c>
    </row>
    <row r="92543" spans="1:7" x14ac:dyDescent="0.3">
      <c r="A92543" s="13" t="s">
        <v>461</v>
      </c>
      <c r="B92543" s="14" t="s">
        <v>1</v>
      </c>
      <c r="C92543" s="14" t="s">
        <v>157</v>
      </c>
      <c r="D92543" s="14" t="s">
        <v>31</v>
      </c>
      <c r="E92543" s="15">
        <v>45574</v>
      </c>
      <c r="F92543" s="14" t="s">
        <v>15</v>
      </c>
      <c r="G92543" s="16">
        <v>2.0848516809160227</v>
      </c>
    </row>
    <row r="92544" spans="1:7" x14ac:dyDescent="0.3">
      <c r="A92544" s="13" t="s">
        <v>461</v>
      </c>
      <c r="B92544" s="14" t="s">
        <v>1</v>
      </c>
      <c r="C92544" s="14" t="s">
        <v>157</v>
      </c>
      <c r="D92544" s="14" t="s">
        <v>31</v>
      </c>
      <c r="E92544" s="15">
        <v>45575</v>
      </c>
      <c r="F92544" s="14" t="s">
        <v>15</v>
      </c>
      <c r="G92544" s="16">
        <v>2.0814574054878934</v>
      </c>
    </row>
    <row r="92545" spans="1:7" x14ac:dyDescent="0.3">
      <c r="A92545" s="13" t="s">
        <v>461</v>
      </c>
      <c r="B92545" s="14" t="s">
        <v>1</v>
      </c>
      <c r="C92545" s="14" t="s">
        <v>157</v>
      </c>
      <c r="D92545" s="14" t="s">
        <v>31</v>
      </c>
      <c r="E92545" s="15">
        <v>45576</v>
      </c>
      <c r="F92545" s="14" t="s">
        <v>15</v>
      </c>
      <c r="G92545" s="16">
        <v>2.0780600044405149</v>
      </c>
    </row>
    <row r="92546" spans="1:7" x14ac:dyDescent="0.3">
      <c r="A92546" s="13" t="s">
        <v>461</v>
      </c>
      <c r="B92546" s="14" t="s">
        <v>1</v>
      </c>
      <c r="C92546" s="14" t="s">
        <v>157</v>
      </c>
      <c r="D92546" s="14" t="s">
        <v>31</v>
      </c>
      <c r="E92546" s="15">
        <v>45577</v>
      </c>
      <c r="F92546" s="14" t="s">
        <v>15</v>
      </c>
      <c r="G92546" s="16">
        <v>2.0780600044405149</v>
      </c>
    </row>
    <row r="92547" spans="1:7" x14ac:dyDescent="0.3">
      <c r="A92547" s="13" t="s">
        <v>461</v>
      </c>
      <c r="B92547" s="14" t="s">
        <v>1</v>
      </c>
      <c r="C92547" s="14" t="s">
        <v>157</v>
      </c>
      <c r="D92547" s="14" t="s">
        <v>31</v>
      </c>
      <c r="E92547" s="15">
        <v>45578</v>
      </c>
      <c r="F92547" s="14" t="s">
        <v>15</v>
      </c>
      <c r="G92547" s="16">
        <v>2.0780600044405149</v>
      </c>
    </row>
    <row r="92548" spans="1:7" x14ac:dyDescent="0.3">
      <c r="A92548" s="13" t="s">
        <v>461</v>
      </c>
      <c r="B92548" s="14" t="s">
        <v>1</v>
      </c>
      <c r="C92548" s="14" t="s">
        <v>157</v>
      </c>
      <c r="D92548" s="14" t="s">
        <v>31</v>
      </c>
      <c r="E92548" s="15">
        <v>45579</v>
      </c>
      <c r="F92548" s="14" t="s">
        <v>15</v>
      </c>
      <c r="G92548" s="16">
        <v>2.0746400949073189</v>
      </c>
    </row>
    <row r="92549" spans="1:7" x14ac:dyDescent="0.3">
      <c r="A92549" s="13" t="s">
        <v>461</v>
      </c>
      <c r="B92549" s="14" t="s">
        <v>1</v>
      </c>
      <c r="C92549" s="14" t="s">
        <v>157</v>
      </c>
      <c r="D92549" s="14" t="s">
        <v>31</v>
      </c>
      <c r="E92549" s="15">
        <v>45580</v>
      </c>
      <c r="F92549" s="14" t="s">
        <v>15</v>
      </c>
      <c r="G92549" s="16">
        <v>2.0643235019776118</v>
      </c>
    </row>
    <row r="92550" spans="1:7" x14ac:dyDescent="0.3">
      <c r="A92550" s="13" t="s">
        <v>461</v>
      </c>
      <c r="B92550" s="14" t="s">
        <v>1</v>
      </c>
      <c r="C92550" s="14" t="s">
        <v>157</v>
      </c>
      <c r="D92550" s="14" t="s">
        <v>31</v>
      </c>
      <c r="E92550" s="15">
        <v>45581</v>
      </c>
      <c r="F92550" s="14" t="s">
        <v>15</v>
      </c>
      <c r="G92550" s="16">
        <v>2.0608727652563736</v>
      </c>
    </row>
    <row r="92551" spans="1:7" x14ac:dyDescent="0.3">
      <c r="A92551" s="13" t="s">
        <v>461</v>
      </c>
      <c r="B92551" s="14" t="s">
        <v>1</v>
      </c>
      <c r="C92551" s="14" t="s">
        <v>157</v>
      </c>
      <c r="D92551" s="14" t="s">
        <v>31</v>
      </c>
      <c r="E92551" s="15">
        <v>45582</v>
      </c>
      <c r="F92551" s="14" t="s">
        <v>15</v>
      </c>
      <c r="G92551" s="16">
        <v>2.0574336502169457</v>
      </c>
    </row>
    <row r="92552" spans="1:7" x14ac:dyDescent="0.3">
      <c r="A92552" s="13" t="s">
        <v>461</v>
      </c>
      <c r="B92552" s="14" t="s">
        <v>1</v>
      </c>
      <c r="C92552" s="14" t="s">
        <v>157</v>
      </c>
      <c r="D92552" s="14" t="s">
        <v>31</v>
      </c>
      <c r="E92552" s="15">
        <v>45583</v>
      </c>
      <c r="F92552" s="14" t="s">
        <v>15</v>
      </c>
      <c r="G92552" s="16">
        <v>2.0540286238507814</v>
      </c>
    </row>
    <row r="92553" spans="1:7" x14ac:dyDescent="0.3">
      <c r="A92553" s="13" t="s">
        <v>461</v>
      </c>
      <c r="B92553" s="14" t="s">
        <v>1</v>
      </c>
      <c r="C92553" s="14" t="s">
        <v>157</v>
      </c>
      <c r="D92553" s="14" t="s">
        <v>31</v>
      </c>
      <c r="E92553" s="15">
        <v>45584</v>
      </c>
      <c r="F92553" s="14" t="s">
        <v>15</v>
      </c>
      <c r="G92553" s="16">
        <v>2.0540286238507814</v>
      </c>
    </row>
    <row r="92554" spans="1:7" x14ac:dyDescent="0.3">
      <c r="A92554" s="13" t="s">
        <v>461</v>
      </c>
      <c r="B92554" s="14" t="s">
        <v>1</v>
      </c>
      <c r="C92554" s="14" t="s">
        <v>157</v>
      </c>
      <c r="D92554" s="14" t="s">
        <v>31</v>
      </c>
      <c r="E92554" s="15">
        <v>45585</v>
      </c>
      <c r="F92554" s="14" t="s">
        <v>15</v>
      </c>
      <c r="G92554" s="16">
        <v>2.0540286238507814</v>
      </c>
    </row>
    <row r="92555" spans="1:7" x14ac:dyDescent="0.3">
      <c r="A92555" s="13" t="s">
        <v>461</v>
      </c>
      <c r="B92555" s="14" t="s">
        <v>1</v>
      </c>
      <c r="C92555" s="14" t="s">
        <v>157</v>
      </c>
      <c r="D92555" s="14" t="s">
        <v>31</v>
      </c>
      <c r="E92555" s="15">
        <v>45586</v>
      </c>
      <c r="F92555" s="14" t="s">
        <v>15</v>
      </c>
      <c r="G92555" s="16">
        <v>2.050634374662986</v>
      </c>
    </row>
    <row r="92556" spans="1:7" x14ac:dyDescent="0.3">
      <c r="A92556" s="13" t="s">
        <v>461</v>
      </c>
      <c r="B92556" s="14" t="s">
        <v>1</v>
      </c>
      <c r="C92556" s="14" t="s">
        <v>157</v>
      </c>
      <c r="D92556" s="14" t="s">
        <v>31</v>
      </c>
      <c r="E92556" s="15">
        <v>45587</v>
      </c>
      <c r="F92556" s="14" t="s">
        <v>15</v>
      </c>
      <c r="G92556" s="16">
        <v>2.0402587162419721</v>
      </c>
    </row>
    <row r="92557" spans="1:7" x14ac:dyDescent="0.3">
      <c r="A92557" s="13" t="s">
        <v>461</v>
      </c>
      <c r="B92557" s="14" t="s">
        <v>1</v>
      </c>
      <c r="C92557" s="14" t="s">
        <v>157</v>
      </c>
      <c r="D92557" s="14" t="s">
        <v>31</v>
      </c>
      <c r="E92557" s="15">
        <v>45588</v>
      </c>
      <c r="F92557" s="14" t="s">
        <v>15</v>
      </c>
      <c r="G92557" s="16">
        <v>2.0368221011450158</v>
      </c>
    </row>
    <row r="92558" spans="1:7" x14ac:dyDescent="0.3">
      <c r="A92558" s="13" t="s">
        <v>461</v>
      </c>
      <c r="B92558" s="14" t="s">
        <v>1</v>
      </c>
      <c r="C92558" s="14" t="s">
        <v>157</v>
      </c>
      <c r="D92558" s="14" t="s">
        <v>31</v>
      </c>
      <c r="E92558" s="15">
        <v>45589</v>
      </c>
      <c r="F92558" s="14" t="s">
        <v>15</v>
      </c>
      <c r="G92558" s="16">
        <v>2.0334044104855757</v>
      </c>
    </row>
    <row r="92559" spans="1:7" x14ac:dyDescent="0.3">
      <c r="A92559" s="13" t="s">
        <v>461</v>
      </c>
      <c r="B92559" s="14" t="s">
        <v>1</v>
      </c>
      <c r="C92559" s="14" t="s">
        <v>157</v>
      </c>
      <c r="D92559" s="14" t="s">
        <v>31</v>
      </c>
      <c r="E92559" s="15">
        <v>45590</v>
      </c>
      <c r="F92559" s="14" t="s">
        <v>15</v>
      </c>
      <c r="G92559" s="16">
        <v>2.0299828160285993</v>
      </c>
    </row>
    <row r="92560" spans="1:7" x14ac:dyDescent="0.3">
      <c r="A92560" s="13" t="s">
        <v>461</v>
      </c>
      <c r="B92560" s="14" t="s">
        <v>1</v>
      </c>
      <c r="C92560" s="14" t="s">
        <v>157</v>
      </c>
      <c r="D92560" s="14" t="s">
        <v>31</v>
      </c>
      <c r="E92560" s="15">
        <v>45591</v>
      </c>
      <c r="F92560" s="14" t="s">
        <v>15</v>
      </c>
      <c r="G92560" s="16">
        <v>2.0299828160285993</v>
      </c>
    </row>
    <row r="92561" spans="1:7" x14ac:dyDescent="0.3">
      <c r="A92561" s="13" t="s">
        <v>461</v>
      </c>
      <c r="B92561" s="14" t="s">
        <v>1</v>
      </c>
      <c r="C92561" s="14" t="s">
        <v>157</v>
      </c>
      <c r="D92561" s="14" t="s">
        <v>31</v>
      </c>
      <c r="E92561" s="15">
        <v>45592</v>
      </c>
      <c r="F92561" s="14" t="s">
        <v>15</v>
      </c>
      <c r="G92561" s="16">
        <v>2.0299828160285993</v>
      </c>
    </row>
    <row r="92562" spans="1:7" x14ac:dyDescent="0.3">
      <c r="A92562" s="13" t="s">
        <v>461</v>
      </c>
      <c r="B92562" s="14" t="s">
        <v>1</v>
      </c>
      <c r="C92562" s="14" t="s">
        <v>157</v>
      </c>
      <c r="D92562" s="14" t="s">
        <v>31</v>
      </c>
      <c r="E92562" s="15">
        <v>45593</v>
      </c>
      <c r="F92562" s="14" t="s">
        <v>15</v>
      </c>
      <c r="G92562" s="16">
        <v>2.0299828160285993</v>
      </c>
    </row>
    <row r="92563" spans="1:7" x14ac:dyDescent="0.3">
      <c r="A92563" s="13" t="s">
        <v>461</v>
      </c>
      <c r="B92563" s="14" t="s">
        <v>1</v>
      </c>
      <c r="C92563" s="14" t="s">
        <v>157</v>
      </c>
      <c r="D92563" s="14" t="s">
        <v>31</v>
      </c>
      <c r="E92563" s="15">
        <v>45594</v>
      </c>
      <c r="F92563" s="14" t="s">
        <v>15</v>
      </c>
      <c r="G92563" s="16">
        <v>2.026828124652043</v>
      </c>
    </row>
    <row r="92564" spans="1:7" x14ac:dyDescent="0.3">
      <c r="A92564" s="13" t="s">
        <v>461</v>
      </c>
      <c r="B92564" s="14" t="s">
        <v>1</v>
      </c>
      <c r="C92564" s="14" t="s">
        <v>157</v>
      </c>
      <c r="D92564" s="14" t="s">
        <v>31</v>
      </c>
      <c r="E92564" s="15">
        <v>45595</v>
      </c>
      <c r="F92564" s="14" t="s">
        <v>15</v>
      </c>
      <c r="G92564" s="16">
        <v>2.0132188321866207</v>
      </c>
    </row>
    <row r="92565" spans="1:7" x14ac:dyDescent="0.3">
      <c r="A92565" s="13" t="s">
        <v>461</v>
      </c>
      <c r="B92565" s="14" t="s">
        <v>1</v>
      </c>
      <c r="C92565" s="14" t="s">
        <v>157</v>
      </c>
      <c r="D92565" s="14" t="s">
        <v>31</v>
      </c>
      <c r="E92565" s="15">
        <v>45596</v>
      </c>
      <c r="F92565" s="14" t="s">
        <v>15</v>
      </c>
      <c r="G92565" s="16">
        <v>2.0132188321866207</v>
      </c>
    </row>
    <row r="92566" spans="1:7" x14ac:dyDescent="0.3">
      <c r="A92566" s="13" t="s">
        <v>461</v>
      </c>
      <c r="B92566" s="14" t="s">
        <v>1</v>
      </c>
      <c r="C92566" s="14" t="s">
        <v>157</v>
      </c>
      <c r="D92566" s="14" t="s">
        <v>31</v>
      </c>
      <c r="E92566" s="15">
        <v>45597</v>
      </c>
      <c r="F92566" s="14" t="s">
        <v>15</v>
      </c>
      <c r="G92566" s="16">
        <v>2.0098176516302044</v>
      </c>
    </row>
    <row r="92567" spans="1:7" x14ac:dyDescent="0.3">
      <c r="A92567" s="13" t="s">
        <v>461</v>
      </c>
      <c r="B92567" s="14" t="s">
        <v>1</v>
      </c>
      <c r="C92567" s="14" t="s">
        <v>157</v>
      </c>
      <c r="D92567" s="14" t="s">
        <v>31</v>
      </c>
      <c r="E92567" s="15">
        <v>45598</v>
      </c>
      <c r="F92567" s="14" t="s">
        <v>15</v>
      </c>
      <c r="G92567" s="16">
        <v>2.0098176516302044</v>
      </c>
    </row>
    <row r="92568" spans="1:7" x14ac:dyDescent="0.3">
      <c r="A92568" s="13" t="s">
        <v>461</v>
      </c>
      <c r="B92568" s="14" t="s">
        <v>1</v>
      </c>
      <c r="C92568" s="14" t="s">
        <v>157</v>
      </c>
      <c r="D92568" s="14" t="s">
        <v>31</v>
      </c>
      <c r="E92568" s="15">
        <v>45599</v>
      </c>
      <c r="F92568" s="14" t="s">
        <v>15</v>
      </c>
      <c r="G92568" s="16">
        <v>2.0098176516302044</v>
      </c>
    </row>
    <row r="92569" spans="1:7" x14ac:dyDescent="0.3">
      <c r="A92569" s="13" t="s">
        <v>461</v>
      </c>
      <c r="B92569" s="14" t="s">
        <v>1</v>
      </c>
      <c r="C92569" s="14" t="s">
        <v>157</v>
      </c>
      <c r="D92569" s="14" t="s">
        <v>31</v>
      </c>
      <c r="E92569" s="15">
        <v>45600</v>
      </c>
      <c r="F92569" s="14" t="s">
        <v>15</v>
      </c>
      <c r="G92569" s="16">
        <v>2.0024744288857725</v>
      </c>
    </row>
    <row r="92570" spans="1:7" x14ac:dyDescent="0.3">
      <c r="A92570" s="13" t="s">
        <v>461</v>
      </c>
      <c r="B92570" s="14" t="s">
        <v>1</v>
      </c>
      <c r="C92570" s="14" t="s">
        <v>157</v>
      </c>
      <c r="D92570" s="14" t="s">
        <v>31</v>
      </c>
      <c r="E92570" s="15">
        <v>45601</v>
      </c>
      <c r="F92570" s="14" t="s">
        <v>15</v>
      </c>
      <c r="G92570" s="16">
        <v>1.9923777621801384</v>
      </c>
    </row>
    <row r="92571" spans="1:7" x14ac:dyDescent="0.3">
      <c r="A92571" s="13" t="s">
        <v>461</v>
      </c>
      <c r="B92571" s="14" t="s">
        <v>1</v>
      </c>
      <c r="C92571" s="14" t="s">
        <v>157</v>
      </c>
      <c r="D92571" s="14" t="s">
        <v>31</v>
      </c>
      <c r="E92571" s="15">
        <v>45602</v>
      </c>
      <c r="F92571" s="14" t="s">
        <v>15</v>
      </c>
      <c r="G92571" s="16">
        <v>1.9889879278389817</v>
      </c>
    </row>
    <row r="92572" spans="1:7" x14ac:dyDescent="0.3">
      <c r="A92572" s="13" t="s">
        <v>461</v>
      </c>
      <c r="B92572" s="14" t="s">
        <v>1</v>
      </c>
      <c r="C92572" s="14" t="s">
        <v>157</v>
      </c>
      <c r="D92572" s="14" t="s">
        <v>31</v>
      </c>
      <c r="E92572" s="15">
        <v>45603</v>
      </c>
      <c r="F92572" s="14" t="s">
        <v>15</v>
      </c>
      <c r="G92572" s="16">
        <v>1.9855800740198046</v>
      </c>
    </row>
    <row r="92573" spans="1:7" x14ac:dyDescent="0.3">
      <c r="A92573" s="13" t="s">
        <v>461</v>
      </c>
      <c r="B92573" s="14" t="s">
        <v>1</v>
      </c>
      <c r="C92573" s="14" t="s">
        <v>157</v>
      </c>
      <c r="D92573" s="14" t="s">
        <v>31</v>
      </c>
      <c r="E92573" s="15">
        <v>45604</v>
      </c>
      <c r="F92573" s="14" t="s">
        <v>15</v>
      </c>
      <c r="G92573" s="16">
        <v>2.0251554087111665</v>
      </c>
    </row>
    <row r="92574" spans="1:7" x14ac:dyDescent="0.3">
      <c r="A92574" s="13" t="s">
        <v>461</v>
      </c>
      <c r="B92574" s="14" t="s">
        <v>1</v>
      </c>
      <c r="C92574" s="14" t="s">
        <v>157</v>
      </c>
      <c r="D92574" s="14" t="s">
        <v>31</v>
      </c>
      <c r="E92574" s="15">
        <v>45605</v>
      </c>
      <c r="F92574" s="14" t="s">
        <v>15</v>
      </c>
      <c r="G92574" s="16">
        <v>2.0251554087111665</v>
      </c>
    </row>
    <row r="92575" spans="1:7" x14ac:dyDescent="0.3">
      <c r="A92575" s="13" t="s">
        <v>461</v>
      </c>
      <c r="B92575" s="14" t="s">
        <v>1</v>
      </c>
      <c r="C92575" s="14" t="s">
        <v>157</v>
      </c>
      <c r="D92575" s="14" t="s">
        <v>31</v>
      </c>
      <c r="E92575" s="15">
        <v>45606</v>
      </c>
      <c r="F92575" s="14" t="s">
        <v>15</v>
      </c>
      <c r="G92575" s="16">
        <v>2.0251554087111665</v>
      </c>
    </row>
    <row r="92576" spans="1:7" x14ac:dyDescent="0.3">
      <c r="A92576" s="13" t="s">
        <v>461</v>
      </c>
      <c r="B92576" s="14" t="s">
        <v>1</v>
      </c>
      <c r="C92576" s="14" t="s">
        <v>157</v>
      </c>
      <c r="D92576" s="14" t="s">
        <v>31</v>
      </c>
      <c r="E92576" s="15">
        <v>45607</v>
      </c>
      <c r="F92576" s="14" t="s">
        <v>15</v>
      </c>
      <c r="G92576" s="16">
        <v>2.0217515795515975</v>
      </c>
    </row>
    <row r="92577" spans="1:7" x14ac:dyDescent="0.3">
      <c r="A92577" s="13" t="s">
        <v>461</v>
      </c>
      <c r="B92577" s="14" t="s">
        <v>1</v>
      </c>
      <c r="C92577" s="14" t="s">
        <v>157</v>
      </c>
      <c r="D92577" s="14" t="s">
        <v>31</v>
      </c>
      <c r="E92577" s="15">
        <v>45608</v>
      </c>
      <c r="F92577" s="14" t="s">
        <v>15</v>
      </c>
      <c r="G92577" s="16">
        <v>2.0115444452087692</v>
      </c>
    </row>
    <row r="92578" spans="1:7" x14ac:dyDescent="0.3">
      <c r="A92578" s="13" t="s">
        <v>461</v>
      </c>
      <c r="B92578" s="14" t="s">
        <v>1</v>
      </c>
      <c r="C92578" s="14" t="s">
        <v>157</v>
      </c>
      <c r="D92578" s="14" t="s">
        <v>31</v>
      </c>
      <c r="E92578" s="15">
        <v>45609</v>
      </c>
      <c r="F92578" s="14" t="s">
        <v>15</v>
      </c>
      <c r="G92578" s="16">
        <v>2.0196642737205601</v>
      </c>
    </row>
    <row r="92579" spans="1:7" x14ac:dyDescent="0.3">
      <c r="A92579" s="13" t="s">
        <v>461</v>
      </c>
      <c r="B92579" s="14" t="s">
        <v>1</v>
      </c>
      <c r="C92579" s="14" t="s">
        <v>157</v>
      </c>
      <c r="D92579" s="14" t="s">
        <v>31</v>
      </c>
      <c r="E92579" s="15">
        <v>45610</v>
      </c>
      <c r="F92579" s="14" t="s">
        <v>15</v>
      </c>
      <c r="G92579" s="16">
        <v>2.0163560662018529</v>
      </c>
    </row>
    <row r="92580" spans="1:7" x14ac:dyDescent="0.3">
      <c r="A92580" s="13" t="s">
        <v>461</v>
      </c>
      <c r="B92580" s="14" t="s">
        <v>1</v>
      </c>
      <c r="C92580" s="14" t="s">
        <v>157</v>
      </c>
      <c r="D92580" s="14" t="s">
        <v>31</v>
      </c>
      <c r="E92580" s="15">
        <v>45611</v>
      </c>
      <c r="F92580" s="14" t="s">
        <v>15</v>
      </c>
      <c r="G92580" s="16">
        <v>2.136762676600704</v>
      </c>
    </row>
    <row r="92581" spans="1:7" x14ac:dyDescent="0.3">
      <c r="A92581" s="13" t="s">
        <v>461</v>
      </c>
      <c r="B92581" s="14" t="s">
        <v>1</v>
      </c>
      <c r="C92581" s="14" t="s">
        <v>157</v>
      </c>
      <c r="D92581" s="14" t="s">
        <v>31</v>
      </c>
      <c r="E92581" s="15">
        <v>45612</v>
      </c>
      <c r="F92581" s="14" t="s">
        <v>15</v>
      </c>
      <c r="G92581" s="16">
        <v>2.136762676600704</v>
      </c>
    </row>
    <row r="92582" spans="1:7" x14ac:dyDescent="0.3">
      <c r="A92582" s="13" t="s">
        <v>461</v>
      </c>
      <c r="B92582" s="14" t="s">
        <v>1</v>
      </c>
      <c r="C92582" s="14" t="s">
        <v>157</v>
      </c>
      <c r="D92582" s="14" t="s">
        <v>31</v>
      </c>
      <c r="E92582" s="15">
        <v>45613</v>
      </c>
      <c r="F92582" s="14" t="s">
        <v>15</v>
      </c>
      <c r="G92582" s="16">
        <v>2.136762676600704</v>
      </c>
    </row>
    <row r="92583" spans="1:7" x14ac:dyDescent="0.3">
      <c r="A92583" s="13" t="s">
        <v>461</v>
      </c>
      <c r="B92583" s="14" t="s">
        <v>1</v>
      </c>
      <c r="C92583" s="14" t="s">
        <v>157</v>
      </c>
      <c r="D92583" s="14" t="s">
        <v>31</v>
      </c>
      <c r="E92583" s="15">
        <v>45614</v>
      </c>
      <c r="F92583" s="14" t="s">
        <v>15</v>
      </c>
      <c r="G92583" s="16">
        <v>2.1335001672191929</v>
      </c>
    </row>
    <row r="92584" spans="1:7" x14ac:dyDescent="0.3">
      <c r="A92584" s="13" t="s">
        <v>461</v>
      </c>
      <c r="B92584" s="14" t="s">
        <v>1</v>
      </c>
      <c r="C92584" s="14" t="s">
        <v>157</v>
      </c>
      <c r="D92584" s="14" t="s">
        <v>31</v>
      </c>
      <c r="E92584" s="15">
        <v>45615</v>
      </c>
      <c r="F92584" s="14" t="s">
        <v>15</v>
      </c>
      <c r="G92584" s="16">
        <v>2.1236331077304271</v>
      </c>
    </row>
    <row r="92585" spans="1:7" x14ac:dyDescent="0.3">
      <c r="A92585" s="13" t="s">
        <v>461</v>
      </c>
      <c r="B92585" s="14" t="s">
        <v>1</v>
      </c>
      <c r="C92585" s="14" t="s">
        <v>157</v>
      </c>
      <c r="D92585" s="14" t="s">
        <v>31</v>
      </c>
      <c r="E92585" s="15">
        <v>45616</v>
      </c>
      <c r="F92585" s="14" t="s">
        <v>15</v>
      </c>
      <c r="G92585" s="16">
        <v>2.1203307470309851</v>
      </c>
    </row>
    <row r="92586" spans="1:7" x14ac:dyDescent="0.3">
      <c r="A92586" s="13" t="s">
        <v>461</v>
      </c>
      <c r="B92586" s="14" t="s">
        <v>1</v>
      </c>
      <c r="C92586" s="14" t="s">
        <v>157</v>
      </c>
      <c r="D92586" s="14" t="s">
        <v>31</v>
      </c>
      <c r="E92586" s="15">
        <v>45617</v>
      </c>
      <c r="F92586" s="14" t="s">
        <v>15</v>
      </c>
      <c r="G92586" s="16">
        <v>2.1692683457747104</v>
      </c>
    </row>
    <row r="92587" spans="1:7" x14ac:dyDescent="0.3">
      <c r="A92587" s="13" t="s">
        <v>461</v>
      </c>
      <c r="B92587" s="14" t="s">
        <v>1</v>
      </c>
      <c r="C92587" s="14" t="s">
        <v>157</v>
      </c>
      <c r="D92587" s="14" t="s">
        <v>31</v>
      </c>
      <c r="E92587" s="15">
        <v>45618</v>
      </c>
      <c r="F92587" s="14" t="s">
        <v>15</v>
      </c>
      <c r="G92587" s="16">
        <v>2.165950503052346</v>
      </c>
    </row>
    <row r="92588" spans="1:7" x14ac:dyDescent="0.3">
      <c r="A92588" s="13" t="s">
        <v>461</v>
      </c>
      <c r="B92588" s="14" t="s">
        <v>1</v>
      </c>
      <c r="C92588" s="14" t="s">
        <v>157</v>
      </c>
      <c r="D92588" s="14" t="s">
        <v>31</v>
      </c>
      <c r="E92588" s="15">
        <v>45619</v>
      </c>
      <c r="F92588" s="14" t="s">
        <v>15</v>
      </c>
      <c r="G92588" s="16">
        <v>2.165950503052346</v>
      </c>
    </row>
    <row r="92589" spans="1:7" x14ac:dyDescent="0.3">
      <c r="A92589" s="13" t="s">
        <v>461</v>
      </c>
      <c r="B92589" s="14" t="s">
        <v>1</v>
      </c>
      <c r="C92589" s="14" t="s">
        <v>157</v>
      </c>
      <c r="D92589" s="14" t="s">
        <v>31</v>
      </c>
      <c r="E92589" s="15">
        <v>45620</v>
      </c>
      <c r="F92589" s="14" t="s">
        <v>15</v>
      </c>
      <c r="G92589" s="16">
        <v>2.165950503052346</v>
      </c>
    </row>
    <row r="92590" spans="1:7" x14ac:dyDescent="0.3">
      <c r="A92590" s="13" t="s">
        <v>461</v>
      </c>
      <c r="B92590" s="14" t="s">
        <v>1</v>
      </c>
      <c r="C92590" s="14" t="s">
        <v>157</v>
      </c>
      <c r="D92590" s="14" t="s">
        <v>31</v>
      </c>
      <c r="E92590" s="15">
        <v>45621</v>
      </c>
      <c r="F92590" s="14" t="s">
        <v>15</v>
      </c>
      <c r="G92590" s="16">
        <v>2.1626476726033936</v>
      </c>
    </row>
    <row r="92591" spans="1:7" x14ac:dyDescent="0.3">
      <c r="A92591" s="13" t="s">
        <v>461</v>
      </c>
      <c r="B92591" s="14" t="s">
        <v>1</v>
      </c>
      <c r="C92591" s="14" t="s">
        <v>157</v>
      </c>
      <c r="D92591" s="14" t="s">
        <v>31</v>
      </c>
      <c r="E92591" s="15">
        <v>45622</v>
      </c>
      <c r="F92591" s="14" t="s">
        <v>15</v>
      </c>
      <c r="G92591" s="16">
        <v>2.1718840502739165</v>
      </c>
    </row>
    <row r="92592" spans="1:7" x14ac:dyDescent="0.3">
      <c r="A92592" s="13" t="s">
        <v>461</v>
      </c>
      <c r="B92592" s="14" t="s">
        <v>1</v>
      </c>
      <c r="C92592" s="14" t="s">
        <v>157</v>
      </c>
      <c r="D92592" s="14" t="s">
        <v>31</v>
      </c>
      <c r="E92592" s="15">
        <v>45623</v>
      </c>
      <c r="F92592" s="14" t="s">
        <v>15</v>
      </c>
      <c r="G92592" s="16">
        <v>2.1666274137815318</v>
      </c>
    </row>
    <row r="92593" spans="1:7" x14ac:dyDescent="0.3">
      <c r="A92593" s="13" t="s">
        <v>461</v>
      </c>
      <c r="B92593" s="14" t="s">
        <v>1</v>
      </c>
      <c r="C92593" s="14" t="s">
        <v>157</v>
      </c>
      <c r="D92593" s="14" t="s">
        <v>31</v>
      </c>
      <c r="E92593" s="15">
        <v>45624</v>
      </c>
      <c r="F92593" s="14" t="s">
        <v>15</v>
      </c>
      <c r="G92593" s="16">
        <v>2.1738680697767188</v>
      </c>
    </row>
    <row r="92594" spans="1:7" x14ac:dyDescent="0.3">
      <c r="A92594" s="13" t="s">
        <v>461</v>
      </c>
      <c r="B92594" s="14" t="s">
        <v>1</v>
      </c>
      <c r="C92594" s="14" t="s">
        <v>157</v>
      </c>
      <c r="D92594" s="14" t="s">
        <v>31</v>
      </c>
      <c r="E92594" s="15">
        <v>45625</v>
      </c>
      <c r="F92594" s="14" t="s">
        <v>15</v>
      </c>
      <c r="G92594" s="16">
        <v>2.1917547879376325</v>
      </c>
    </row>
    <row r="92595" spans="1:7" x14ac:dyDescent="0.3">
      <c r="A92595" s="13" t="s">
        <v>461</v>
      </c>
      <c r="B92595" s="14" t="s">
        <v>1</v>
      </c>
      <c r="C92595" s="14" t="s">
        <v>157</v>
      </c>
      <c r="D92595" s="14" t="s">
        <v>31</v>
      </c>
      <c r="E92595" s="15">
        <v>45626</v>
      </c>
      <c r="F92595" s="14" t="s">
        <v>15</v>
      </c>
      <c r="G92595" s="16">
        <v>2.1917547879376325</v>
      </c>
    </row>
    <row r="92596" spans="1:7" x14ac:dyDescent="0.3">
      <c r="A92596" s="13" t="s">
        <v>461</v>
      </c>
      <c r="B92596" s="14" t="s">
        <v>1</v>
      </c>
      <c r="C92596" s="14" t="s">
        <v>157</v>
      </c>
      <c r="D92596" s="14" t="s">
        <v>31</v>
      </c>
      <c r="E92596" s="15">
        <v>45627</v>
      </c>
      <c r="F92596" s="14" t="s">
        <v>15</v>
      </c>
      <c r="G92596" s="16">
        <v>2.1917547879376325</v>
      </c>
    </row>
    <row r="92597" spans="1:7" x14ac:dyDescent="0.3">
      <c r="A92597" s="13" t="s">
        <v>461</v>
      </c>
      <c r="B92597" s="14" t="s">
        <v>1</v>
      </c>
      <c r="C92597" s="14" t="s">
        <v>157</v>
      </c>
      <c r="D92597" s="14" t="s">
        <v>31</v>
      </c>
      <c r="E92597" s="15">
        <v>45628</v>
      </c>
      <c r="F92597" s="14" t="s">
        <v>15</v>
      </c>
      <c r="G92597" s="16">
        <v>2.1884637247768031</v>
      </c>
    </row>
    <row r="92598" spans="1:7" x14ac:dyDescent="0.3">
      <c r="A92598" s="13" t="s">
        <v>461</v>
      </c>
      <c r="B92598" s="14" t="s">
        <v>1</v>
      </c>
      <c r="C92598" s="14" t="s">
        <v>157</v>
      </c>
      <c r="D92598" s="14" t="s">
        <v>31</v>
      </c>
      <c r="E92598" s="15">
        <v>45629</v>
      </c>
      <c r="F92598" s="14" t="s">
        <v>15</v>
      </c>
      <c r="G92598" s="16">
        <v>2.1785896454503368</v>
      </c>
    </row>
    <row r="92599" spans="1:7" x14ac:dyDescent="0.3">
      <c r="A92599" s="13" t="s">
        <v>461</v>
      </c>
      <c r="B92599" s="14" t="s">
        <v>1</v>
      </c>
      <c r="C92599" s="14" t="s">
        <v>157</v>
      </c>
      <c r="D92599" s="14" t="s">
        <v>31</v>
      </c>
      <c r="E92599" s="15">
        <v>45630</v>
      </c>
      <c r="F92599" s="14" t="s">
        <v>15</v>
      </c>
      <c r="G92599" s="16">
        <v>2.1753463975154532</v>
      </c>
    </row>
    <row r="92600" spans="1:7" x14ac:dyDescent="0.3">
      <c r="A92600" s="13" t="s">
        <v>461</v>
      </c>
      <c r="B92600" s="14" t="s">
        <v>1</v>
      </c>
      <c r="C92600" s="14" t="s">
        <v>157</v>
      </c>
      <c r="D92600" s="14" t="s">
        <v>31</v>
      </c>
      <c r="E92600" s="15">
        <v>45631</v>
      </c>
      <c r="F92600" s="14" t="s">
        <v>15</v>
      </c>
      <c r="G92600" s="16">
        <v>2.1719889988394372</v>
      </c>
    </row>
    <row r="92601" spans="1:7" x14ac:dyDescent="0.3">
      <c r="A92601" s="13" t="s">
        <v>461</v>
      </c>
      <c r="B92601" s="14" t="s">
        <v>1</v>
      </c>
      <c r="C92601" s="14" t="s">
        <v>157</v>
      </c>
      <c r="D92601" s="14" t="s">
        <v>31</v>
      </c>
      <c r="E92601" s="15">
        <v>45632</v>
      </c>
      <c r="F92601" s="14" t="s">
        <v>15</v>
      </c>
      <c r="G92601" s="16">
        <v>2.1686222604104803</v>
      </c>
    </row>
    <row r="92602" spans="1:7" x14ac:dyDescent="0.3">
      <c r="A92602" s="13" t="s">
        <v>461</v>
      </c>
      <c r="B92602" s="14" t="s">
        <v>1</v>
      </c>
      <c r="C92602" s="14" t="s">
        <v>157</v>
      </c>
      <c r="D92602" s="14" t="s">
        <v>31</v>
      </c>
      <c r="E92602" s="15">
        <v>45633</v>
      </c>
      <c r="F92602" s="14" t="s">
        <v>15</v>
      </c>
      <c r="G92602" s="16">
        <v>2.1686222604104803</v>
      </c>
    </row>
    <row r="92603" spans="1:7" x14ac:dyDescent="0.3">
      <c r="A92603" s="13" t="s">
        <v>461</v>
      </c>
      <c r="B92603" s="14" t="s">
        <v>1</v>
      </c>
      <c r="C92603" s="14" t="s">
        <v>157</v>
      </c>
      <c r="D92603" s="14" t="s">
        <v>31</v>
      </c>
      <c r="E92603" s="15">
        <v>45634</v>
      </c>
      <c r="F92603" s="14" t="s">
        <v>15</v>
      </c>
      <c r="G92603" s="16">
        <v>2.1686222604104803</v>
      </c>
    </row>
    <row r="92604" spans="1:7" x14ac:dyDescent="0.3">
      <c r="A92604" s="13" t="s">
        <v>461</v>
      </c>
      <c r="B92604" s="14" t="s">
        <v>1</v>
      </c>
      <c r="C92604" s="14" t="s">
        <v>157</v>
      </c>
      <c r="D92604" s="14" t="s">
        <v>31</v>
      </c>
      <c r="E92604" s="15">
        <v>45635</v>
      </c>
      <c r="F92604" s="14" t="s">
        <v>15</v>
      </c>
      <c r="G92604" s="16">
        <v>2.1750485342777965</v>
      </c>
    </row>
    <row r="92605" spans="1:7" x14ac:dyDescent="0.3">
      <c r="A92605" s="13" t="s">
        <v>461</v>
      </c>
      <c r="B92605" s="14" t="s">
        <v>1</v>
      </c>
      <c r="C92605" s="14" t="s">
        <v>157</v>
      </c>
      <c r="D92605" s="14" t="s">
        <v>31</v>
      </c>
      <c r="E92605" s="15">
        <v>45636</v>
      </c>
      <c r="F92605" s="14" t="s">
        <v>15</v>
      </c>
      <c r="G92605" s="16">
        <v>2.1649479266240403</v>
      </c>
    </row>
    <row r="92606" spans="1:7" x14ac:dyDescent="0.3">
      <c r="A92606" s="13" t="s">
        <v>461</v>
      </c>
      <c r="B92606" s="14" t="s">
        <v>1</v>
      </c>
      <c r="C92606" s="14" t="s">
        <v>157</v>
      </c>
      <c r="D92606" s="14" t="s">
        <v>31</v>
      </c>
      <c r="E92606" s="15">
        <v>45637</v>
      </c>
      <c r="F92606" s="14" t="s">
        <v>15</v>
      </c>
      <c r="G92606" s="16">
        <v>2.1615621228734607</v>
      </c>
    </row>
    <row r="92607" spans="1:7" x14ac:dyDescent="0.3">
      <c r="A92607" s="13" t="s">
        <v>461</v>
      </c>
      <c r="B92607" s="14" t="s">
        <v>1</v>
      </c>
      <c r="C92607" s="14" t="s">
        <v>157</v>
      </c>
      <c r="D92607" s="14" t="s">
        <v>31</v>
      </c>
      <c r="E92607" s="15">
        <v>45638</v>
      </c>
      <c r="F92607" s="14" t="s">
        <v>15</v>
      </c>
      <c r="G92607" s="16">
        <v>2.1581708924194722</v>
      </c>
    </row>
    <row r="92608" spans="1:7" x14ac:dyDescent="0.3">
      <c r="A92608" s="13" t="s">
        <v>461</v>
      </c>
      <c r="B92608" s="14" t="s">
        <v>1</v>
      </c>
      <c r="C92608" s="14" t="s">
        <v>157</v>
      </c>
      <c r="D92608" s="14" t="s">
        <v>31</v>
      </c>
      <c r="E92608" s="15">
        <v>45639</v>
      </c>
      <c r="F92608" s="14" t="s">
        <v>15</v>
      </c>
      <c r="G92608" s="16">
        <v>2.1813217009203667</v>
      </c>
    </row>
    <row r="92609" spans="1:7" x14ac:dyDescent="0.3">
      <c r="A92609" s="13" t="s">
        <v>461</v>
      </c>
      <c r="B92609" s="14" t="s">
        <v>1</v>
      </c>
      <c r="C92609" s="14" t="s">
        <v>157</v>
      </c>
      <c r="D92609" s="14" t="s">
        <v>31</v>
      </c>
      <c r="E92609" s="15">
        <v>45640</v>
      </c>
      <c r="F92609" s="14" t="s">
        <v>15</v>
      </c>
      <c r="G92609" s="16">
        <v>2.1813217009203667</v>
      </c>
    </row>
    <row r="92610" spans="1:7" x14ac:dyDescent="0.3">
      <c r="A92610" s="13" t="s">
        <v>461</v>
      </c>
      <c r="B92610" s="14" t="s">
        <v>1</v>
      </c>
      <c r="C92610" s="14" t="s">
        <v>157</v>
      </c>
      <c r="D92610" s="14" t="s">
        <v>31</v>
      </c>
      <c r="E92610" s="15">
        <v>45641</v>
      </c>
      <c r="F92610" s="14" t="s">
        <v>15</v>
      </c>
      <c r="G92610" s="16">
        <v>2.1813217009203667</v>
      </c>
    </row>
    <row r="92611" spans="1:7" x14ac:dyDescent="0.3">
      <c r="A92611" s="13" t="s">
        <v>461</v>
      </c>
      <c r="B92611" s="14" t="s">
        <v>1</v>
      </c>
      <c r="C92611" s="14" t="s">
        <v>157</v>
      </c>
      <c r="D92611" s="14" t="s">
        <v>31</v>
      </c>
      <c r="E92611" s="15">
        <v>45642</v>
      </c>
      <c r="F92611" s="14" t="s">
        <v>15</v>
      </c>
      <c r="G92611" s="16">
        <v>2.177929036865538</v>
      </c>
    </row>
    <row r="92612" spans="1:7" x14ac:dyDescent="0.3">
      <c r="A92612" s="13" t="s">
        <v>461</v>
      </c>
      <c r="B92612" s="14" t="s">
        <v>1</v>
      </c>
      <c r="C92612" s="14" t="s">
        <v>157</v>
      </c>
      <c r="D92612" s="14" t="s">
        <v>31</v>
      </c>
      <c r="E92612" s="15">
        <v>45643</v>
      </c>
      <c r="F92612" s="14" t="s">
        <v>15</v>
      </c>
      <c r="G92612" s="16">
        <v>2.1677905524756684</v>
      </c>
    </row>
    <row r="92613" spans="1:7" x14ac:dyDescent="0.3">
      <c r="A92613" s="13" t="s">
        <v>461</v>
      </c>
      <c r="B92613" s="14" t="s">
        <v>1</v>
      </c>
      <c r="C92613" s="14" t="s">
        <v>157</v>
      </c>
      <c r="D92613" s="14" t="s">
        <v>31</v>
      </c>
      <c r="E92613" s="15">
        <v>45644</v>
      </c>
      <c r="F92613" s="14" t="s">
        <v>15</v>
      </c>
      <c r="G92613" s="16">
        <v>2.1644234216597811</v>
      </c>
    </row>
    <row r="92614" spans="1:7" x14ac:dyDescent="0.3">
      <c r="A92614" s="13" t="s">
        <v>461</v>
      </c>
      <c r="B92614" s="14" t="s">
        <v>1</v>
      </c>
      <c r="C92614" s="14" t="s">
        <v>157</v>
      </c>
      <c r="D92614" s="14" t="s">
        <v>31</v>
      </c>
      <c r="E92614" s="15">
        <v>45645</v>
      </c>
      <c r="F92614" s="14" t="s">
        <v>15</v>
      </c>
      <c r="G92614" s="16">
        <v>2.1610738799114562</v>
      </c>
    </row>
    <row r="92615" spans="1:7" x14ac:dyDescent="0.3">
      <c r="A92615" s="13" t="s">
        <v>461</v>
      </c>
      <c r="B92615" s="14" t="s">
        <v>1</v>
      </c>
      <c r="C92615" s="14" t="s">
        <v>157</v>
      </c>
      <c r="D92615" s="14" t="s">
        <v>31</v>
      </c>
      <c r="E92615" s="15">
        <v>45646</v>
      </c>
      <c r="F92615" s="14" t="s">
        <v>15</v>
      </c>
      <c r="G92615" s="16">
        <v>2.1577014903566276</v>
      </c>
    </row>
    <row r="92616" spans="1:7" x14ac:dyDescent="0.3">
      <c r="A92616" s="13" t="s">
        <v>461</v>
      </c>
      <c r="B92616" s="14" t="s">
        <v>1</v>
      </c>
      <c r="C92616" s="14" t="s">
        <v>157</v>
      </c>
      <c r="D92616" s="14" t="s">
        <v>31</v>
      </c>
      <c r="E92616" s="15">
        <v>45647</v>
      </c>
      <c r="F92616" s="14" t="s">
        <v>15</v>
      </c>
      <c r="G92616" s="16">
        <v>2.1577014903566276</v>
      </c>
    </row>
    <row r="92617" spans="1:7" x14ac:dyDescent="0.3">
      <c r="A92617" s="13" t="s">
        <v>461</v>
      </c>
      <c r="B92617" s="14" t="s">
        <v>1</v>
      </c>
      <c r="C92617" s="14" t="s">
        <v>157</v>
      </c>
      <c r="D92617" s="14" t="s">
        <v>31</v>
      </c>
      <c r="E92617" s="15">
        <v>45648</v>
      </c>
      <c r="F92617" s="14" t="s">
        <v>15</v>
      </c>
      <c r="G92617" s="16">
        <v>2.1577014903566276</v>
      </c>
    </row>
    <row r="92618" spans="1:7" x14ac:dyDescent="0.3">
      <c r="A92618" s="13" t="s">
        <v>461</v>
      </c>
      <c r="B92618" s="14" t="s">
        <v>1</v>
      </c>
      <c r="C92618" s="14" t="s">
        <v>157</v>
      </c>
      <c r="D92618" s="14" t="s">
        <v>31</v>
      </c>
      <c r="E92618" s="15">
        <v>45649</v>
      </c>
      <c r="F92618" s="14" t="s">
        <v>15</v>
      </c>
      <c r="G92618" s="16">
        <v>2.1543735575370442</v>
      </c>
    </row>
    <row r="92619" spans="1:7" x14ac:dyDescent="0.3">
      <c r="A92619" s="13" t="s">
        <v>461</v>
      </c>
      <c r="B92619" s="14" t="s">
        <v>1</v>
      </c>
      <c r="C92619" s="14" t="s">
        <v>157</v>
      </c>
      <c r="D92619" s="14" t="s">
        <v>31</v>
      </c>
      <c r="E92619" s="15">
        <v>45650</v>
      </c>
      <c r="F92619" s="14" t="s">
        <v>15</v>
      </c>
      <c r="G92619" s="16">
        <v>2.1444759034456506</v>
      </c>
    </row>
    <row r="92620" spans="1:7" x14ac:dyDescent="0.3">
      <c r="A92620" s="13" t="s">
        <v>461</v>
      </c>
      <c r="B92620" s="14" t="s">
        <v>1</v>
      </c>
      <c r="C92620" s="14" t="s">
        <v>157</v>
      </c>
      <c r="D92620" s="14" t="s">
        <v>31</v>
      </c>
      <c r="E92620" s="15">
        <v>45651</v>
      </c>
      <c r="F92620" s="14" t="s">
        <v>15</v>
      </c>
      <c r="G92620" s="16">
        <v>2.1444759034456506</v>
      </c>
    </row>
    <row r="92621" spans="1:7" x14ac:dyDescent="0.3">
      <c r="A92621" s="13" t="s">
        <v>461</v>
      </c>
      <c r="B92621" s="14" t="s">
        <v>1</v>
      </c>
      <c r="C92621" s="14" t="s">
        <v>157</v>
      </c>
      <c r="D92621" s="14" t="s">
        <v>31</v>
      </c>
      <c r="E92621" s="15">
        <v>45652</v>
      </c>
      <c r="F92621" s="14" t="s">
        <v>15</v>
      </c>
      <c r="G92621" s="16">
        <v>2.1444759034456506</v>
      </c>
    </row>
    <row r="92622" spans="1:7" x14ac:dyDescent="0.3">
      <c r="A92622" s="13" t="s">
        <v>461</v>
      </c>
      <c r="B92622" s="14" t="s">
        <v>1</v>
      </c>
      <c r="C92622" s="14" t="s">
        <v>157</v>
      </c>
      <c r="D92622" s="14" t="s">
        <v>31</v>
      </c>
      <c r="E92622" s="15">
        <v>45653</v>
      </c>
      <c r="F92622" s="14" t="s">
        <v>15</v>
      </c>
      <c r="G92622" s="16">
        <v>2.1444759034456506</v>
      </c>
    </row>
    <row r="92623" spans="1:7" x14ac:dyDescent="0.3">
      <c r="A92623" s="13" t="s">
        <v>461</v>
      </c>
      <c r="B92623" s="14" t="s">
        <v>1</v>
      </c>
      <c r="C92623" s="14" t="s">
        <v>157</v>
      </c>
      <c r="D92623" s="14" t="s">
        <v>31</v>
      </c>
      <c r="E92623" s="15">
        <v>45654</v>
      </c>
      <c r="F92623" s="14" t="s">
        <v>15</v>
      </c>
      <c r="G92623" s="16">
        <v>2.1444759034456506</v>
      </c>
    </row>
    <row r="92624" spans="1:7" x14ac:dyDescent="0.3">
      <c r="A92624" s="13" t="s">
        <v>461</v>
      </c>
      <c r="B92624" s="14" t="s">
        <v>1</v>
      </c>
      <c r="C92624" s="14" t="s">
        <v>157</v>
      </c>
      <c r="D92624" s="14" t="s">
        <v>31</v>
      </c>
      <c r="E92624" s="15">
        <v>45655</v>
      </c>
      <c r="F92624" s="14" t="s">
        <v>15</v>
      </c>
      <c r="G92624" s="16">
        <v>2.1444759034456506</v>
      </c>
    </row>
    <row r="92625" spans="1:7" x14ac:dyDescent="0.3">
      <c r="A92625" s="13" t="s">
        <v>461</v>
      </c>
      <c r="B92625" s="14" t="s">
        <v>1</v>
      </c>
      <c r="C92625" s="14" t="s">
        <v>157</v>
      </c>
      <c r="D92625" s="14" t="s">
        <v>31</v>
      </c>
      <c r="E92625" s="15">
        <v>45656</v>
      </c>
      <c r="F92625" s="14" t="s">
        <v>15</v>
      </c>
      <c r="G92625" s="16">
        <v>2.1411265216804019</v>
      </c>
    </row>
    <row r="92626" spans="1:7" x14ac:dyDescent="0.3">
      <c r="A92626" s="13" t="s">
        <v>461</v>
      </c>
      <c r="B92626" s="14" t="s">
        <v>1</v>
      </c>
      <c r="C92626" s="14" t="s">
        <v>157</v>
      </c>
      <c r="D92626" s="14" t="s">
        <v>31</v>
      </c>
      <c r="E92626" s="15">
        <v>45657</v>
      </c>
      <c r="F92626" s="14" t="s">
        <v>15</v>
      </c>
      <c r="G92626" s="16">
        <v>2.1924472959433685</v>
      </c>
    </row>
    <row r="92627" spans="1:7" x14ac:dyDescent="0.3">
      <c r="A92627" s="13" t="s">
        <v>461</v>
      </c>
      <c r="B92627" s="14" t="s">
        <v>1</v>
      </c>
      <c r="C92627" s="14" t="s">
        <v>157</v>
      </c>
      <c r="D92627" s="14" t="s">
        <v>31</v>
      </c>
      <c r="E92627" s="15">
        <v>45658</v>
      </c>
      <c r="F92627" s="14" t="s">
        <v>15</v>
      </c>
      <c r="G92627" s="16">
        <v>2.1924472959433685</v>
      </c>
    </row>
    <row r="92628" spans="1:7" x14ac:dyDescent="0.3">
      <c r="A92628" s="13" t="s">
        <v>461</v>
      </c>
      <c r="B92628" s="14" t="s">
        <v>1</v>
      </c>
      <c r="C92628" s="14" t="s">
        <v>157</v>
      </c>
      <c r="D92628" s="14" t="s">
        <v>31</v>
      </c>
      <c r="E92628" s="15">
        <v>45659</v>
      </c>
      <c r="F92628" s="14" t="s">
        <v>15</v>
      </c>
      <c r="G92628" s="16">
        <v>2.189086054513929</v>
      </c>
    </row>
    <row r="92629" spans="1:7" x14ac:dyDescent="0.3">
      <c r="A92629" s="13" t="s">
        <v>461</v>
      </c>
      <c r="B92629" s="14" t="s">
        <v>1</v>
      </c>
      <c r="C92629" s="14" t="s">
        <v>157</v>
      </c>
      <c r="D92629" s="14" t="s">
        <v>31</v>
      </c>
      <c r="E92629" s="15">
        <v>45660</v>
      </c>
      <c r="F92629" s="14" t="s">
        <v>15</v>
      </c>
      <c r="G92629" s="16">
        <v>2.3956658170607108</v>
      </c>
    </row>
    <row r="92630" spans="1:7" x14ac:dyDescent="0.3">
      <c r="A92630" s="13" t="s">
        <v>461</v>
      </c>
      <c r="B92630" s="14" t="s">
        <v>1</v>
      </c>
      <c r="C92630" s="14" t="s">
        <v>157</v>
      </c>
      <c r="D92630" s="14" t="s">
        <v>31</v>
      </c>
      <c r="E92630" s="15">
        <v>45661</v>
      </c>
      <c r="F92630" s="14" t="s">
        <v>15</v>
      </c>
      <c r="G92630" s="16">
        <v>2.3956658170607108</v>
      </c>
    </row>
    <row r="92631" spans="1:7" x14ac:dyDescent="0.3">
      <c r="A92631" s="13" t="s">
        <v>461</v>
      </c>
      <c r="B92631" s="14" t="s">
        <v>1</v>
      </c>
      <c r="C92631" s="14" t="s">
        <v>157</v>
      </c>
      <c r="D92631" s="14" t="s">
        <v>31</v>
      </c>
      <c r="E92631" s="15">
        <v>45662</v>
      </c>
      <c r="F92631" s="14" t="s">
        <v>15</v>
      </c>
      <c r="G92631" s="16">
        <v>2.3956658170607108</v>
      </c>
    </row>
    <row r="92632" spans="1:7" x14ac:dyDescent="0.3">
      <c r="A92632" s="13" t="s">
        <v>461</v>
      </c>
      <c r="B92632" s="14" t="s">
        <v>1</v>
      </c>
      <c r="C92632" s="14" t="s">
        <v>157</v>
      </c>
      <c r="D92632" s="14" t="s">
        <v>31</v>
      </c>
      <c r="E92632" s="15">
        <v>45663</v>
      </c>
      <c r="F92632" s="14" t="s">
        <v>15</v>
      </c>
      <c r="G92632" s="16">
        <v>2.3923388293068393</v>
      </c>
    </row>
    <row r="92633" spans="1:7" x14ac:dyDescent="0.3">
      <c r="A92633" s="13" t="s">
        <v>461</v>
      </c>
      <c r="B92633" s="14" t="s">
        <v>1</v>
      </c>
      <c r="C92633" s="14" t="s">
        <v>157</v>
      </c>
      <c r="D92633" s="14" t="s">
        <v>31</v>
      </c>
      <c r="E92633" s="15">
        <v>45664</v>
      </c>
      <c r="F92633" s="14" t="s">
        <v>15</v>
      </c>
      <c r="G92633" s="16">
        <v>2.3824390900229773</v>
      </c>
    </row>
    <row r="92634" spans="1:7" x14ac:dyDescent="0.3">
      <c r="A92634" s="13" t="s">
        <v>461</v>
      </c>
      <c r="B92634" s="14" t="s">
        <v>1</v>
      </c>
      <c r="C92634" s="14" t="s">
        <v>157</v>
      </c>
      <c r="D92634" s="14" t="s">
        <v>31</v>
      </c>
      <c r="E92634" s="15">
        <v>45665</v>
      </c>
      <c r="F92634" s="14" t="s">
        <v>15</v>
      </c>
      <c r="G92634" s="16">
        <v>2.3790835009710123</v>
      </c>
    </row>
    <row r="92635" spans="1:7" x14ac:dyDescent="0.3">
      <c r="A92635" s="13" t="s">
        <v>461</v>
      </c>
      <c r="B92635" s="14" t="s">
        <v>1</v>
      </c>
      <c r="C92635" s="14" t="s">
        <v>157</v>
      </c>
      <c r="D92635" s="14" t="s">
        <v>31</v>
      </c>
      <c r="E92635" s="15">
        <v>45666</v>
      </c>
      <c r="F92635" s="14" t="s">
        <v>15</v>
      </c>
      <c r="G92635" s="16">
        <v>2.3757140345397549</v>
      </c>
    </row>
    <row r="92636" spans="1:7" x14ac:dyDescent="0.3">
      <c r="A92636" s="13" t="s">
        <v>461</v>
      </c>
      <c r="B92636" s="14" t="s">
        <v>1</v>
      </c>
      <c r="C92636" s="14" t="s">
        <v>157</v>
      </c>
      <c r="D92636" s="14" t="s">
        <v>31</v>
      </c>
      <c r="E92636" s="15">
        <v>45667</v>
      </c>
      <c r="F92636" s="14" t="s">
        <v>15</v>
      </c>
      <c r="G92636" s="16">
        <v>2.3802668477090672</v>
      </c>
    </row>
    <row r="92637" spans="1:7" x14ac:dyDescent="0.3">
      <c r="A92637" s="13" t="s">
        <v>461</v>
      </c>
      <c r="B92637" s="14" t="s">
        <v>1</v>
      </c>
      <c r="C92637" s="14" t="s">
        <v>157</v>
      </c>
      <c r="D92637" s="14" t="s">
        <v>31</v>
      </c>
      <c r="E92637" s="15">
        <v>45668</v>
      </c>
      <c r="F92637" s="14" t="s">
        <v>15</v>
      </c>
      <c r="G92637" s="16">
        <v>2.3802668477090672</v>
      </c>
    </row>
    <row r="92638" spans="1:7" x14ac:dyDescent="0.3">
      <c r="A92638" s="13" t="s">
        <v>461</v>
      </c>
      <c r="B92638" s="14" t="s">
        <v>1</v>
      </c>
      <c r="C92638" s="14" t="s">
        <v>157</v>
      </c>
      <c r="D92638" s="14" t="s">
        <v>31</v>
      </c>
      <c r="E92638" s="15">
        <v>45669</v>
      </c>
      <c r="F92638" s="14" t="s">
        <v>15</v>
      </c>
      <c r="G92638" s="16">
        <v>2.3802668477090672</v>
      </c>
    </row>
    <row r="92639" spans="1:7" x14ac:dyDescent="0.3">
      <c r="A92639" s="13" t="s">
        <v>461</v>
      </c>
      <c r="B92639" s="14" t="s">
        <v>1</v>
      </c>
      <c r="C92639" s="14" t="s">
        <v>157</v>
      </c>
      <c r="D92639" s="14" t="s">
        <v>31</v>
      </c>
      <c r="E92639" s="15">
        <v>45670</v>
      </c>
      <c r="F92639" s="14" t="s">
        <v>15</v>
      </c>
      <c r="G92639" s="16">
        <v>2.3769314340105896</v>
      </c>
    </row>
    <row r="92640" spans="1:7" x14ac:dyDescent="0.3">
      <c r="A92640" s="13" t="s">
        <v>461</v>
      </c>
      <c r="B92640" s="14" t="s">
        <v>1</v>
      </c>
      <c r="C92640" s="14" t="s">
        <v>157</v>
      </c>
      <c r="D92640" s="14" t="s">
        <v>31</v>
      </c>
      <c r="E92640" s="15">
        <v>45671</v>
      </c>
      <c r="F92640" s="14" t="s">
        <v>15</v>
      </c>
      <c r="G92640" s="16">
        <v>2.3669788022441676</v>
      </c>
    </row>
    <row r="92641" spans="1:7" x14ac:dyDescent="0.3">
      <c r="A92641" s="13" t="s">
        <v>461</v>
      </c>
      <c r="B92641" s="14" t="s">
        <v>1</v>
      </c>
      <c r="C92641" s="14" t="s">
        <v>157</v>
      </c>
      <c r="D92641" s="14" t="s">
        <v>31</v>
      </c>
      <c r="E92641" s="15">
        <v>45672</v>
      </c>
      <c r="F92641" s="14" t="s">
        <v>15</v>
      </c>
      <c r="G92641" s="16">
        <v>2.3637165873171018</v>
      </c>
    </row>
    <row r="92642" spans="1:7" x14ac:dyDescent="0.3">
      <c r="A92642" s="13" t="s">
        <v>461</v>
      </c>
      <c r="B92642" s="14" t="s">
        <v>1</v>
      </c>
      <c r="C92642" s="14" t="s">
        <v>157</v>
      </c>
      <c r="D92642" s="14" t="s">
        <v>31</v>
      </c>
      <c r="E92642" s="15">
        <v>45673</v>
      </c>
      <c r="F92642" s="14" t="s">
        <v>15</v>
      </c>
      <c r="G92642" s="16">
        <v>2.3604218928445588</v>
      </c>
    </row>
    <row r="92643" spans="1:7" x14ac:dyDescent="0.3">
      <c r="A92643" s="13" t="s">
        <v>461</v>
      </c>
      <c r="B92643" s="14" t="s">
        <v>1</v>
      </c>
      <c r="C92643" s="14" t="s">
        <v>157</v>
      </c>
      <c r="D92643" s="14" t="s">
        <v>31</v>
      </c>
      <c r="E92643" s="15">
        <v>45674</v>
      </c>
      <c r="F92643" s="14" t="s">
        <v>15</v>
      </c>
      <c r="G92643" s="16">
        <v>2.3571294804600864</v>
      </c>
    </row>
    <row r="92644" spans="1:7" x14ac:dyDescent="0.3">
      <c r="A92644" s="13" t="s">
        <v>461</v>
      </c>
      <c r="B92644" s="14" t="s">
        <v>1</v>
      </c>
      <c r="C92644" s="14" t="s">
        <v>157</v>
      </c>
      <c r="D92644" s="14" t="s">
        <v>31</v>
      </c>
      <c r="E92644" s="15">
        <v>45675</v>
      </c>
      <c r="F92644" s="14" t="s">
        <v>15</v>
      </c>
      <c r="G92644" s="16">
        <v>2.3571294804600864</v>
      </c>
    </row>
    <row r="92645" spans="1:7" x14ac:dyDescent="0.3">
      <c r="A92645" s="13" t="s">
        <v>461</v>
      </c>
      <c r="B92645" s="14" t="s">
        <v>1</v>
      </c>
      <c r="C92645" s="14" t="s">
        <v>157</v>
      </c>
      <c r="D92645" s="14" t="s">
        <v>31</v>
      </c>
      <c r="E92645" s="15">
        <v>45676</v>
      </c>
      <c r="F92645" s="14" t="s">
        <v>15</v>
      </c>
      <c r="G92645" s="16">
        <v>2.3571294804600864</v>
      </c>
    </row>
    <row r="92646" spans="1:7" x14ac:dyDescent="0.3">
      <c r="A92646" s="13" t="s">
        <v>461</v>
      </c>
      <c r="B92646" s="14" t="s">
        <v>1</v>
      </c>
      <c r="C92646" s="14" t="s">
        <v>157</v>
      </c>
      <c r="D92646" s="14" t="s">
        <v>31</v>
      </c>
      <c r="E92646" s="15">
        <v>45677</v>
      </c>
      <c r="F92646" s="14" t="s">
        <v>15</v>
      </c>
      <c r="G92646" s="16">
        <v>2.3715433171746363</v>
      </c>
    </row>
    <row r="92647" spans="1:7" x14ac:dyDescent="0.3">
      <c r="A92647" s="13" t="s">
        <v>461</v>
      </c>
      <c r="B92647" s="14" t="s">
        <v>1</v>
      </c>
      <c r="C92647" s="14" t="s">
        <v>157</v>
      </c>
      <c r="D92647" s="14" t="s">
        <v>31</v>
      </c>
      <c r="E92647" s="15">
        <v>45678</v>
      </c>
      <c r="F92647" s="14" t="s">
        <v>15</v>
      </c>
      <c r="G92647" s="16">
        <v>2.3615154918184835</v>
      </c>
    </row>
    <row r="92648" spans="1:7" x14ac:dyDescent="0.3">
      <c r="A92648" s="13" t="s">
        <v>461</v>
      </c>
      <c r="B92648" s="14" t="s">
        <v>1</v>
      </c>
      <c r="C92648" s="14" t="s">
        <v>157</v>
      </c>
      <c r="D92648" s="14" t="s">
        <v>31</v>
      </c>
      <c r="E92648" s="15">
        <v>45679</v>
      </c>
      <c r="F92648" s="14" t="s">
        <v>15</v>
      </c>
      <c r="G92648" s="16">
        <v>2.3581474539523866</v>
      </c>
    </row>
    <row r="92649" spans="1:7" x14ac:dyDescent="0.3">
      <c r="A92649" s="13" t="s">
        <v>461</v>
      </c>
      <c r="B92649" s="14" t="s">
        <v>1</v>
      </c>
      <c r="C92649" s="14" t="s">
        <v>157</v>
      </c>
      <c r="D92649" s="14" t="s">
        <v>31</v>
      </c>
      <c r="E92649" s="15">
        <v>45680</v>
      </c>
      <c r="F92649" s="14" t="s">
        <v>15</v>
      </c>
      <c r="G92649" s="16">
        <v>2.3547685570495247</v>
      </c>
    </row>
    <row r="92650" spans="1:7" x14ac:dyDescent="0.3">
      <c r="A92650" s="13" t="s">
        <v>461</v>
      </c>
      <c r="B92650" s="14" t="s">
        <v>1</v>
      </c>
      <c r="C92650" s="14" t="s">
        <v>157</v>
      </c>
      <c r="D92650" s="14" t="s">
        <v>31</v>
      </c>
      <c r="E92650" s="15">
        <v>45681</v>
      </c>
      <c r="F92650" s="14" t="s">
        <v>15</v>
      </c>
      <c r="G92650" s="16">
        <v>2.3513910686339439</v>
      </c>
    </row>
    <row r="92651" spans="1:7" x14ac:dyDescent="0.3">
      <c r="A92651" s="13" t="s">
        <v>461</v>
      </c>
      <c r="B92651" s="14" t="s">
        <v>1</v>
      </c>
      <c r="C92651" s="14" t="s">
        <v>157</v>
      </c>
      <c r="D92651" s="14" t="s">
        <v>31</v>
      </c>
      <c r="E92651" s="15">
        <v>45682</v>
      </c>
      <c r="F92651" s="14" t="s">
        <v>15</v>
      </c>
      <c r="G92651" s="16">
        <v>2.3513910686339439</v>
      </c>
    </row>
    <row r="92652" spans="1:7" x14ac:dyDescent="0.3">
      <c r="A92652" s="13" t="s">
        <v>461</v>
      </c>
      <c r="B92652" s="14" t="s">
        <v>1</v>
      </c>
      <c r="C92652" s="14" t="s">
        <v>157</v>
      </c>
      <c r="D92652" s="14" t="s">
        <v>31</v>
      </c>
      <c r="E92652" s="15">
        <v>45683</v>
      </c>
      <c r="F92652" s="14" t="s">
        <v>15</v>
      </c>
      <c r="G92652" s="16">
        <v>2.3513910686339439</v>
      </c>
    </row>
    <row r="92653" spans="1:7" x14ac:dyDescent="0.3">
      <c r="A92653" s="13" t="s">
        <v>461</v>
      </c>
      <c r="B92653" s="14" t="s">
        <v>1</v>
      </c>
      <c r="C92653" s="14" t="s">
        <v>157</v>
      </c>
      <c r="D92653" s="14" t="s">
        <v>31</v>
      </c>
      <c r="E92653" s="15">
        <v>45684</v>
      </c>
      <c r="F92653" s="14" t="s">
        <v>15</v>
      </c>
      <c r="G92653" s="16">
        <v>2.3480114446986269</v>
      </c>
    </row>
    <row r="92654" spans="1:7" x14ac:dyDescent="0.3">
      <c r="A92654" s="13" t="s">
        <v>461</v>
      </c>
      <c r="B92654" s="14" t="s">
        <v>1</v>
      </c>
      <c r="C92654" s="14" t="s">
        <v>157</v>
      </c>
      <c r="D92654" s="14" t="s">
        <v>31</v>
      </c>
      <c r="E92654" s="15">
        <v>45685</v>
      </c>
      <c r="F92654" s="14" t="s">
        <v>15</v>
      </c>
      <c r="G92654" s="16">
        <v>2.3377934974483385</v>
      </c>
    </row>
    <row r="92655" spans="1:7" x14ac:dyDescent="0.3">
      <c r="A92655" s="13" t="s">
        <v>461</v>
      </c>
      <c r="B92655" s="14" t="s">
        <v>1</v>
      </c>
      <c r="C92655" s="14" t="s">
        <v>157</v>
      </c>
      <c r="D92655" s="14" t="s">
        <v>31</v>
      </c>
      <c r="E92655" s="15">
        <v>45686</v>
      </c>
      <c r="F92655" s="14" t="s">
        <v>15</v>
      </c>
      <c r="G92655" s="16">
        <v>2.3377934974483385</v>
      </c>
    </row>
    <row r="92656" spans="1:7" x14ac:dyDescent="0.3">
      <c r="A92656" s="13" t="s">
        <v>461</v>
      </c>
      <c r="B92656" s="14" t="s">
        <v>1</v>
      </c>
      <c r="C92656" s="14" t="s">
        <v>157</v>
      </c>
      <c r="D92656" s="14" t="s">
        <v>31</v>
      </c>
      <c r="E92656" s="15">
        <v>45687</v>
      </c>
      <c r="F92656" s="14" t="s">
        <v>15</v>
      </c>
      <c r="G92656" s="16">
        <v>2.3377934974483385</v>
      </c>
    </row>
    <row r="92657" spans="1:7" x14ac:dyDescent="0.3">
      <c r="A92657" s="13" t="s">
        <v>461</v>
      </c>
      <c r="B92657" s="14" t="s">
        <v>1</v>
      </c>
      <c r="C92657" s="14" t="s">
        <v>157</v>
      </c>
      <c r="D92657" s="14" t="s">
        <v>31</v>
      </c>
      <c r="E92657" s="15">
        <v>45688</v>
      </c>
      <c r="F92657" s="14" t="s">
        <v>15</v>
      </c>
      <c r="G92657" s="16">
        <v>2.3343821165717844</v>
      </c>
    </row>
    <row r="92658" spans="1:7" x14ac:dyDescent="0.3">
      <c r="A92658" s="13" t="s">
        <v>461</v>
      </c>
      <c r="B92658" s="14" t="s">
        <v>1</v>
      </c>
      <c r="C92658" s="14" t="s">
        <v>157</v>
      </c>
      <c r="D92658" s="14" t="s">
        <v>31</v>
      </c>
      <c r="E92658" s="15">
        <v>45689</v>
      </c>
      <c r="F92658" s="14" t="s">
        <v>15</v>
      </c>
      <c r="G92658" s="16">
        <v>2.3343821165717844</v>
      </c>
    </row>
    <row r="92659" spans="1:7" x14ac:dyDescent="0.3">
      <c r="A92659" s="13" t="s">
        <v>461</v>
      </c>
      <c r="B92659" s="14" t="s">
        <v>1</v>
      </c>
      <c r="C92659" s="14" t="s">
        <v>157</v>
      </c>
      <c r="D92659" s="14" t="s">
        <v>31</v>
      </c>
      <c r="E92659" s="15">
        <v>45690</v>
      </c>
      <c r="F92659" s="14" t="s">
        <v>15</v>
      </c>
      <c r="G92659" s="16">
        <v>2.3343821165717844</v>
      </c>
    </row>
    <row r="92660" spans="1:7" x14ac:dyDescent="0.3">
      <c r="A92660" s="13" t="s">
        <v>461</v>
      </c>
      <c r="B92660" s="14" t="s">
        <v>1</v>
      </c>
      <c r="C92660" s="14" t="s">
        <v>157</v>
      </c>
      <c r="D92660" s="14" t="s">
        <v>31</v>
      </c>
      <c r="E92660" s="15">
        <v>45691</v>
      </c>
      <c r="F92660" s="14" t="s">
        <v>15</v>
      </c>
      <c r="G92660" s="16">
        <v>2.3343821165717844</v>
      </c>
    </row>
    <row r="92661" spans="1:7" x14ac:dyDescent="0.3">
      <c r="A92661" s="13" t="s">
        <v>461</v>
      </c>
      <c r="B92661" s="14" t="s">
        <v>1</v>
      </c>
      <c r="C92661" s="14" t="s">
        <v>157</v>
      </c>
      <c r="D92661" s="14" t="s">
        <v>31</v>
      </c>
      <c r="E92661" s="15">
        <v>45692</v>
      </c>
      <c r="F92661" s="14" t="s">
        <v>15</v>
      </c>
      <c r="G92661" s="16">
        <v>2.3242956906174519</v>
      </c>
    </row>
    <row r="92662" spans="1:7" x14ac:dyDescent="0.3">
      <c r="A92662" s="13" t="s">
        <v>461</v>
      </c>
      <c r="B92662" s="14" t="s">
        <v>1</v>
      </c>
      <c r="C92662" s="14" t="s">
        <v>157</v>
      </c>
      <c r="D92662" s="14" t="s">
        <v>31</v>
      </c>
      <c r="E92662" s="15">
        <v>45693</v>
      </c>
      <c r="F92662" s="14" t="s">
        <v>15</v>
      </c>
      <c r="G92662" s="16">
        <v>2.3107047998269983</v>
      </c>
    </row>
    <row r="92663" spans="1:7" x14ac:dyDescent="0.3">
      <c r="A92663" s="13" t="s">
        <v>461</v>
      </c>
      <c r="B92663" s="14" t="s">
        <v>1</v>
      </c>
      <c r="C92663" s="14" t="s">
        <v>157</v>
      </c>
      <c r="D92663" s="14" t="s">
        <v>31</v>
      </c>
      <c r="E92663" s="15">
        <v>45694</v>
      </c>
      <c r="F92663" s="14" t="s">
        <v>15</v>
      </c>
      <c r="G92663" s="16">
        <v>2.307347762101132</v>
      </c>
    </row>
    <row r="92664" spans="1:7" x14ac:dyDescent="0.3">
      <c r="A92664" s="13" t="s">
        <v>461</v>
      </c>
      <c r="B92664" s="14" t="s">
        <v>1</v>
      </c>
      <c r="C92664" s="14" t="s">
        <v>157</v>
      </c>
      <c r="D92664" s="14" t="s">
        <v>31</v>
      </c>
      <c r="E92664" s="15">
        <v>45695</v>
      </c>
      <c r="F92664" s="14" t="s">
        <v>15</v>
      </c>
      <c r="G92664" s="16">
        <v>2.3039836102371805</v>
      </c>
    </row>
    <row r="92665" spans="1:7" x14ac:dyDescent="0.3">
      <c r="A92665" s="13" t="s">
        <v>461</v>
      </c>
      <c r="B92665" s="14" t="s">
        <v>1</v>
      </c>
      <c r="C92665" s="14" t="s">
        <v>157</v>
      </c>
      <c r="D92665" s="14" t="s">
        <v>31</v>
      </c>
      <c r="E92665" s="15">
        <v>45696</v>
      </c>
      <c r="F92665" s="14" t="s">
        <v>15</v>
      </c>
      <c r="G92665" s="16">
        <v>2.3039836102371805</v>
      </c>
    </row>
    <row r="92666" spans="1:7" x14ac:dyDescent="0.3">
      <c r="A92666" s="13" t="s">
        <v>461</v>
      </c>
      <c r="B92666" s="14" t="s">
        <v>1</v>
      </c>
      <c r="C92666" s="14" t="s">
        <v>157</v>
      </c>
      <c r="D92666" s="14" t="s">
        <v>31</v>
      </c>
      <c r="E92666" s="15">
        <v>45697</v>
      </c>
      <c r="F92666" s="14" t="s">
        <v>15</v>
      </c>
      <c r="G92666" s="16">
        <v>2.3039836102371805</v>
      </c>
    </row>
    <row r="92667" spans="1:7" x14ac:dyDescent="0.3">
      <c r="A92667" s="13" t="s">
        <v>461</v>
      </c>
      <c r="B92667" s="14" t="s">
        <v>1</v>
      </c>
      <c r="C92667" s="14" t="s">
        <v>157</v>
      </c>
      <c r="D92667" s="14" t="s">
        <v>31</v>
      </c>
      <c r="E92667" s="15">
        <v>45698</v>
      </c>
      <c r="F92667" s="14" t="s">
        <v>15</v>
      </c>
      <c r="G92667" s="16">
        <v>2.3071678273002765</v>
      </c>
    </row>
    <row r="92668" spans="1:7" x14ac:dyDescent="0.3">
      <c r="A92668" s="13" t="s">
        <v>461</v>
      </c>
      <c r="B92668" s="14" t="s">
        <v>1</v>
      </c>
      <c r="C92668" s="14" t="s">
        <v>157</v>
      </c>
      <c r="D92668" s="14" t="s">
        <v>31</v>
      </c>
      <c r="E92668" s="15">
        <v>45699</v>
      </c>
      <c r="F92668" s="14" t="s">
        <v>15</v>
      </c>
      <c r="G92668" s="16">
        <v>2.2969801296868715</v>
      </c>
    </row>
    <row r="92669" spans="1:7" x14ac:dyDescent="0.3">
      <c r="A92669" s="13" t="s">
        <v>461</v>
      </c>
      <c r="B92669" s="14" t="s">
        <v>1</v>
      </c>
      <c r="C92669" s="14" t="s">
        <v>157</v>
      </c>
      <c r="D92669" s="14" t="s">
        <v>31</v>
      </c>
      <c r="E92669" s="15">
        <v>45700</v>
      </c>
      <c r="F92669" s="14" t="s">
        <v>15</v>
      </c>
      <c r="G92669" s="16">
        <v>2.2943234562019605</v>
      </c>
    </row>
    <row r="92670" spans="1:7" x14ac:dyDescent="0.3">
      <c r="A92670" s="13" t="s">
        <v>461</v>
      </c>
      <c r="B92670" s="14" t="s">
        <v>1</v>
      </c>
      <c r="C92670" s="14" t="s">
        <v>157</v>
      </c>
      <c r="D92670" s="14" t="s">
        <v>31</v>
      </c>
      <c r="E92670" s="15">
        <v>45701</v>
      </c>
      <c r="F92670" s="14" t="s">
        <v>15</v>
      </c>
      <c r="G92670" s="16">
        <v>2.321639249294531</v>
      </c>
    </row>
    <row r="92671" spans="1:7" x14ac:dyDescent="0.3">
      <c r="A92671" s="13" t="s">
        <v>461</v>
      </c>
      <c r="B92671" s="14" t="s">
        <v>1</v>
      </c>
      <c r="C92671" s="14" t="s">
        <v>157</v>
      </c>
      <c r="D92671" s="14" t="s">
        <v>31</v>
      </c>
      <c r="E92671" s="15">
        <v>45702</v>
      </c>
      <c r="F92671" s="14" t="s">
        <v>15</v>
      </c>
      <c r="G92671" s="16">
        <v>2.3182519530777155</v>
      </c>
    </row>
    <row r="92672" spans="1:7" x14ac:dyDescent="0.3">
      <c r="A92672" s="13" t="s">
        <v>461</v>
      </c>
      <c r="B92672" s="14" t="s">
        <v>1</v>
      </c>
      <c r="C92672" s="14" t="s">
        <v>157</v>
      </c>
      <c r="D92672" s="14" t="s">
        <v>31</v>
      </c>
      <c r="E92672" s="15">
        <v>45703</v>
      </c>
      <c r="F92672" s="14" t="s">
        <v>15</v>
      </c>
      <c r="G92672" s="16">
        <v>2.3182519530777155</v>
      </c>
    </row>
    <row r="92673" spans="1:7" x14ac:dyDescent="0.3">
      <c r="A92673" s="13" t="s">
        <v>461</v>
      </c>
      <c r="B92673" s="14" t="s">
        <v>1</v>
      </c>
      <c r="C92673" s="14" t="s">
        <v>157</v>
      </c>
      <c r="D92673" s="14" t="s">
        <v>31</v>
      </c>
      <c r="E92673" s="15">
        <v>45704</v>
      </c>
      <c r="F92673" s="14" t="s">
        <v>15</v>
      </c>
      <c r="G92673" s="16">
        <v>2.3182519530777155</v>
      </c>
    </row>
    <row r="92674" spans="1:7" x14ac:dyDescent="0.3">
      <c r="A92674" s="13" t="s">
        <v>461</v>
      </c>
      <c r="B92674" s="14" t="s">
        <v>1</v>
      </c>
      <c r="C92674" s="14" t="s">
        <v>157</v>
      </c>
      <c r="D92674" s="14" t="s">
        <v>31</v>
      </c>
      <c r="E92674" s="15">
        <v>45705</v>
      </c>
      <c r="F92674" s="14" t="s">
        <v>15</v>
      </c>
      <c r="G92674" s="16">
        <v>2.3148582253883681</v>
      </c>
    </row>
    <row r="92675" spans="1:7" x14ac:dyDescent="0.3">
      <c r="A92675" s="13" t="s">
        <v>461</v>
      </c>
      <c r="B92675" s="14" t="s">
        <v>1</v>
      </c>
      <c r="C92675" s="14" t="s">
        <v>157</v>
      </c>
      <c r="D92675" s="14" t="s">
        <v>31</v>
      </c>
      <c r="E92675" s="15">
        <v>45706</v>
      </c>
      <c r="F92675" s="14" t="s">
        <v>15</v>
      </c>
      <c r="G92675" s="16">
        <v>2.3045650318062907</v>
      </c>
    </row>
    <row r="92676" spans="1:7" x14ac:dyDescent="0.3">
      <c r="A92676" s="13" t="s">
        <v>461</v>
      </c>
      <c r="B92676" s="14" t="s">
        <v>1</v>
      </c>
      <c r="C92676" s="14" t="s">
        <v>157</v>
      </c>
      <c r="D92676" s="14" t="s">
        <v>31</v>
      </c>
      <c r="E92676" s="15">
        <v>45707</v>
      </c>
      <c r="F92676" s="14" t="s">
        <v>15</v>
      </c>
      <c r="G92676" s="16">
        <v>2.308065636785734</v>
      </c>
    </row>
    <row r="92677" spans="1:7" x14ac:dyDescent="0.3">
      <c r="A92677" s="13" t="s">
        <v>461</v>
      </c>
      <c r="B92677" s="14" t="s">
        <v>1</v>
      </c>
      <c r="C92677" s="14" t="s">
        <v>157</v>
      </c>
      <c r="D92677" s="14" t="s">
        <v>31</v>
      </c>
      <c r="E92677" s="15">
        <v>45708</v>
      </c>
      <c r="F92677" s="14" t="s">
        <v>15</v>
      </c>
      <c r="G92677" s="16">
        <v>2.3046033220182371</v>
      </c>
    </row>
    <row r="92678" spans="1:7" x14ac:dyDescent="0.3">
      <c r="A92678" s="13" t="s">
        <v>461</v>
      </c>
      <c r="B92678" s="14" t="s">
        <v>1</v>
      </c>
      <c r="C92678" s="14" t="s">
        <v>157</v>
      </c>
      <c r="D92678" s="14" t="s">
        <v>31</v>
      </c>
      <c r="E92678" s="15">
        <v>45709</v>
      </c>
      <c r="F92678" s="14" t="s">
        <v>15</v>
      </c>
      <c r="G92678" s="16">
        <v>2.3011417160022454</v>
      </c>
    </row>
    <row r="92679" spans="1:7" x14ac:dyDescent="0.3">
      <c r="A92679" s="13" t="s">
        <v>461</v>
      </c>
      <c r="B92679" s="14" t="s">
        <v>1</v>
      </c>
      <c r="C92679" s="14" t="s">
        <v>157</v>
      </c>
      <c r="D92679" s="14" t="s">
        <v>31</v>
      </c>
      <c r="E92679" s="15">
        <v>45710</v>
      </c>
      <c r="F92679" s="14" t="s">
        <v>15</v>
      </c>
      <c r="G92679" s="16">
        <v>2.3011417160022454</v>
      </c>
    </row>
    <row r="92680" spans="1:7" x14ac:dyDescent="0.3">
      <c r="A92680" s="13" t="s">
        <v>461</v>
      </c>
      <c r="B92680" s="14" t="s">
        <v>1</v>
      </c>
      <c r="C92680" s="14" t="s">
        <v>157</v>
      </c>
      <c r="D92680" s="14" t="s">
        <v>31</v>
      </c>
      <c r="E92680" s="15">
        <v>45711</v>
      </c>
      <c r="F92680" s="14" t="s">
        <v>15</v>
      </c>
      <c r="G92680" s="16">
        <v>2.3011417160022454</v>
      </c>
    </row>
    <row r="92681" spans="1:7" x14ac:dyDescent="0.3">
      <c r="A92681" s="13" t="s">
        <v>461</v>
      </c>
      <c r="B92681" s="14" t="s">
        <v>1</v>
      </c>
      <c r="C92681" s="14" t="s">
        <v>157</v>
      </c>
      <c r="D92681" s="14" t="s">
        <v>31</v>
      </c>
      <c r="E92681" s="15">
        <v>45712</v>
      </c>
      <c r="F92681" s="14" t="s">
        <v>15</v>
      </c>
      <c r="G92681" s="16">
        <v>2.2977089091059675</v>
      </c>
    </row>
    <row r="92682" spans="1:7" x14ac:dyDescent="0.3">
      <c r="A92682" s="13" t="s">
        <v>461</v>
      </c>
      <c r="B92682" s="14" t="s">
        <v>1</v>
      </c>
      <c r="C92682" s="14" t="s">
        <v>157</v>
      </c>
      <c r="D92682" s="14" t="s">
        <v>31</v>
      </c>
      <c r="E92682" s="15">
        <v>45713</v>
      </c>
      <c r="F92682" s="14" t="s">
        <v>15</v>
      </c>
      <c r="G92682" s="16">
        <v>2.2873022005502399</v>
      </c>
    </row>
    <row r="92683" spans="1:7" x14ac:dyDescent="0.3">
      <c r="A92683" s="13" t="s">
        <v>461</v>
      </c>
      <c r="B92683" s="14" t="s">
        <v>1</v>
      </c>
      <c r="C92683" s="14" t="s">
        <v>157</v>
      </c>
      <c r="D92683" s="14" t="s">
        <v>31</v>
      </c>
      <c r="E92683" s="15">
        <v>45714</v>
      </c>
      <c r="F92683" s="14" t="s">
        <v>15</v>
      </c>
      <c r="G92683" s="16">
        <v>2.2838427832490047</v>
      </c>
    </row>
    <row r="92684" spans="1:7" x14ac:dyDescent="0.3">
      <c r="A92684" s="13" t="s">
        <v>461</v>
      </c>
      <c r="B92684" s="14" t="s">
        <v>1</v>
      </c>
      <c r="C92684" s="14" t="s">
        <v>157</v>
      </c>
      <c r="D92684" s="14" t="s">
        <v>31</v>
      </c>
      <c r="E92684" s="15">
        <v>45715</v>
      </c>
      <c r="F92684" s="14" t="s">
        <v>15</v>
      </c>
      <c r="G92684" s="16">
        <v>2.2804196899492526</v>
      </c>
    </row>
    <row r="92685" spans="1:7" x14ac:dyDescent="0.3">
      <c r="A92685" s="13" t="s">
        <v>461</v>
      </c>
      <c r="B92685" s="14" t="s">
        <v>1</v>
      </c>
      <c r="C92685" s="14" t="s">
        <v>157</v>
      </c>
      <c r="D92685" s="14" t="s">
        <v>31</v>
      </c>
      <c r="E92685" s="15">
        <v>45716</v>
      </c>
      <c r="F92685" s="14" t="s">
        <v>15</v>
      </c>
      <c r="G92685" s="16">
        <v>2.3141730216963321</v>
      </c>
    </row>
    <row r="92686" spans="1:7" x14ac:dyDescent="0.3">
      <c r="A92686" s="13" t="s">
        <v>461</v>
      </c>
      <c r="B92686" s="14" t="s">
        <v>1</v>
      </c>
      <c r="C92686" s="14" t="s">
        <v>157</v>
      </c>
      <c r="D92686" s="14" t="s">
        <v>31</v>
      </c>
      <c r="E92686" s="15">
        <v>45717</v>
      </c>
      <c r="F92686" s="14" t="s">
        <v>15</v>
      </c>
      <c r="G92686" s="16">
        <v>2.3141730216963321</v>
      </c>
    </row>
    <row r="92687" spans="1:7" x14ac:dyDescent="0.3">
      <c r="A92687" s="13" t="s">
        <v>461</v>
      </c>
      <c r="B92687" s="14" t="s">
        <v>1</v>
      </c>
      <c r="C92687" s="14" t="s">
        <v>157</v>
      </c>
      <c r="D92687" s="14" t="s">
        <v>31</v>
      </c>
      <c r="E92687" s="15">
        <v>45718</v>
      </c>
      <c r="F92687" s="14" t="s">
        <v>15</v>
      </c>
      <c r="G92687" s="16">
        <v>2.3141730216963321</v>
      </c>
    </row>
    <row r="92688" spans="1:7" x14ac:dyDescent="0.3">
      <c r="A92688" s="13" t="s">
        <v>461</v>
      </c>
      <c r="B92688" s="14" t="s">
        <v>1</v>
      </c>
      <c r="C92688" s="14" t="s">
        <v>157</v>
      </c>
      <c r="D92688" s="14" t="s">
        <v>31</v>
      </c>
      <c r="E92688" s="15">
        <v>45719</v>
      </c>
      <c r="F92688" s="14" t="s">
        <v>15</v>
      </c>
      <c r="G92688" s="16">
        <v>2.3107383124585725</v>
      </c>
    </row>
    <row r="92689" spans="1:7" x14ac:dyDescent="0.3">
      <c r="A92689" s="13" t="s">
        <v>461</v>
      </c>
      <c r="B92689" s="14" t="s">
        <v>1</v>
      </c>
      <c r="C92689" s="14" t="s">
        <v>157</v>
      </c>
      <c r="D92689" s="14" t="s">
        <v>31</v>
      </c>
      <c r="E92689" s="15">
        <v>45720</v>
      </c>
      <c r="F92689" s="14" t="s">
        <v>15</v>
      </c>
      <c r="G92689" s="16">
        <v>2.3006577261535921</v>
      </c>
    </row>
    <row r="92690" spans="1:7" x14ac:dyDescent="0.3">
      <c r="A92690" s="13" t="s">
        <v>461</v>
      </c>
      <c r="B92690" s="14" t="s">
        <v>1</v>
      </c>
      <c r="C92690" s="14" t="s">
        <v>157</v>
      </c>
      <c r="D92690" s="14" t="s">
        <v>31</v>
      </c>
      <c r="E92690" s="15">
        <v>45721</v>
      </c>
      <c r="F92690" s="14" t="s">
        <v>15</v>
      </c>
      <c r="G92690" s="16">
        <v>2.2972870418069586</v>
      </c>
    </row>
    <row r="92691" spans="1:7" x14ac:dyDescent="0.3">
      <c r="A92691" s="13" t="s">
        <v>461</v>
      </c>
      <c r="B92691" s="14" t="s">
        <v>1</v>
      </c>
      <c r="C92691" s="14" t="s">
        <v>157</v>
      </c>
      <c r="D92691" s="14" t="s">
        <v>31</v>
      </c>
      <c r="E92691" s="15">
        <v>45722</v>
      </c>
      <c r="F92691" s="14" t="s">
        <v>15</v>
      </c>
      <c r="G92691" s="16">
        <v>2.3523240934211929</v>
      </c>
    </row>
    <row r="92692" spans="1:7" x14ac:dyDescent="0.3">
      <c r="A92692" s="13" t="s">
        <v>461</v>
      </c>
      <c r="B92692" s="14" t="s">
        <v>1</v>
      </c>
      <c r="C92692" s="14" t="s">
        <v>157</v>
      </c>
      <c r="D92692" s="14" t="s">
        <v>31</v>
      </c>
      <c r="E92692" s="15">
        <v>45723</v>
      </c>
      <c r="F92692" s="14" t="s">
        <v>15</v>
      </c>
      <c r="G92692" s="16">
        <v>2.4721564279172488</v>
      </c>
    </row>
    <row r="92693" spans="1:7" x14ac:dyDescent="0.3">
      <c r="A92693" s="13" t="s">
        <v>461</v>
      </c>
      <c r="B92693" s="14" t="s">
        <v>1</v>
      </c>
      <c r="C92693" s="14" t="s">
        <v>157</v>
      </c>
      <c r="D92693" s="14" t="s">
        <v>31</v>
      </c>
      <c r="E92693" s="15">
        <v>45724</v>
      </c>
      <c r="F92693" s="14" t="s">
        <v>15</v>
      </c>
      <c r="G92693" s="16">
        <v>2.4721564279172488</v>
      </c>
    </row>
    <row r="92694" spans="1:7" x14ac:dyDescent="0.3">
      <c r="A92694" s="13" t="s">
        <v>461</v>
      </c>
      <c r="B92694" s="14" t="s">
        <v>1</v>
      </c>
      <c r="C92694" s="14" t="s">
        <v>157</v>
      </c>
      <c r="D92694" s="14" t="s">
        <v>31</v>
      </c>
      <c r="E92694" s="15">
        <v>45725</v>
      </c>
      <c r="F92694" s="14" t="s">
        <v>15</v>
      </c>
      <c r="G92694" s="16">
        <v>2.4721564279172488</v>
      </c>
    </row>
    <row r="92695" spans="1:7" x14ac:dyDescent="0.3">
      <c r="A92695" s="13" t="s">
        <v>461</v>
      </c>
      <c r="B92695" s="14" t="s">
        <v>1</v>
      </c>
      <c r="C92695" s="14" t="s">
        <v>157</v>
      </c>
      <c r="D92695" s="14" t="s">
        <v>31</v>
      </c>
      <c r="E92695" s="15">
        <v>45726</v>
      </c>
      <c r="F92695" s="14" t="s">
        <v>15</v>
      </c>
      <c r="G92695" s="16">
        <v>2.4727346853309475</v>
      </c>
    </row>
    <row r="92696" spans="1:7" x14ac:dyDescent="0.3">
      <c r="A92696" s="13" t="s">
        <v>461</v>
      </c>
      <c r="B92696" s="14" t="s">
        <v>1</v>
      </c>
      <c r="C92696" s="14" t="s">
        <v>157</v>
      </c>
      <c r="D92696" s="14" t="s">
        <v>31</v>
      </c>
      <c r="E92696" s="15">
        <v>45727</v>
      </c>
      <c r="F92696" s="14" t="s">
        <v>15</v>
      </c>
      <c r="G92696" s="16">
        <v>2.4623518112314042</v>
      </c>
    </row>
    <row r="92697" spans="1:7" x14ac:dyDescent="0.3">
      <c r="A92697" s="13" t="s">
        <v>461</v>
      </c>
      <c r="B92697" s="14" t="s">
        <v>1</v>
      </c>
      <c r="C92697" s="14" t="s">
        <v>157</v>
      </c>
      <c r="D92697" s="14" t="s">
        <v>31</v>
      </c>
      <c r="E92697" s="15">
        <v>45728</v>
      </c>
      <c r="F92697" s="14" t="s">
        <v>15</v>
      </c>
      <c r="G92697" s="16">
        <v>2.4589086878286301</v>
      </c>
    </row>
    <row r="92698" spans="1:7" x14ac:dyDescent="0.3">
      <c r="A92698" s="13" t="s">
        <v>461</v>
      </c>
      <c r="B92698" s="14" t="s">
        <v>1</v>
      </c>
      <c r="C92698" s="14" t="s">
        <v>157</v>
      </c>
      <c r="D92698" s="14" t="s">
        <v>31</v>
      </c>
      <c r="E92698" s="15">
        <v>45729</v>
      </c>
      <c r="F92698" s="14" t="s">
        <v>15</v>
      </c>
      <c r="G92698" s="16">
        <v>2.4554956128993486</v>
      </c>
    </row>
    <row r="92699" spans="1:7" x14ac:dyDescent="0.3">
      <c r="A92699" s="13" t="s">
        <v>461</v>
      </c>
      <c r="B92699" s="14" t="s">
        <v>1</v>
      </c>
      <c r="C92699" s="14" t="s">
        <v>157</v>
      </c>
      <c r="D92699" s="14" t="s">
        <v>31</v>
      </c>
      <c r="E92699" s="15">
        <v>45730</v>
      </c>
      <c r="F92699" s="14" t="s">
        <v>15</v>
      </c>
      <c r="G92699" s="16">
        <v>2.5270567177740251</v>
      </c>
    </row>
    <row r="92700" spans="1:7" x14ac:dyDescent="0.3">
      <c r="A92700" s="13" t="s">
        <v>461</v>
      </c>
      <c r="B92700" s="14" t="s">
        <v>1</v>
      </c>
      <c r="C92700" s="14" t="s">
        <v>157</v>
      </c>
      <c r="D92700" s="14" t="s">
        <v>31</v>
      </c>
      <c r="E92700" s="15">
        <v>45731</v>
      </c>
      <c r="F92700" s="14" t="s">
        <v>15</v>
      </c>
      <c r="G92700" s="16">
        <v>2.5270567177740251</v>
      </c>
    </row>
    <row r="92701" spans="1:7" x14ac:dyDescent="0.3">
      <c r="A92701" s="13" t="s">
        <v>461</v>
      </c>
      <c r="B92701" s="14" t="s">
        <v>1</v>
      </c>
      <c r="C92701" s="14" t="s">
        <v>157</v>
      </c>
      <c r="D92701" s="14" t="s">
        <v>31</v>
      </c>
      <c r="E92701" s="15">
        <v>45732</v>
      </c>
      <c r="F92701" s="14" t="s">
        <v>15</v>
      </c>
      <c r="G92701" s="16">
        <v>2.5270567177740251</v>
      </c>
    </row>
    <row r="92702" spans="1:7" x14ac:dyDescent="0.3">
      <c r="A92702" s="13" t="s">
        <v>461</v>
      </c>
      <c r="B92702" s="14" t="s">
        <v>1</v>
      </c>
      <c r="C92702" s="14" t="s">
        <v>157</v>
      </c>
      <c r="D92702" s="14" t="s">
        <v>31</v>
      </c>
      <c r="E92702" s="15">
        <v>45733</v>
      </c>
      <c r="F92702" s="14" t="s">
        <v>15</v>
      </c>
      <c r="G92702" s="16">
        <v>2.5270567177740251</v>
      </c>
    </row>
    <row r="92703" spans="1:7" x14ac:dyDescent="0.3">
      <c r="A92703" s="13" t="s">
        <v>461</v>
      </c>
      <c r="B92703" s="14" t="s">
        <v>1</v>
      </c>
      <c r="C92703" s="14" t="s">
        <v>157</v>
      </c>
      <c r="D92703" s="14" t="s">
        <v>31</v>
      </c>
      <c r="E92703" s="15">
        <v>45734</v>
      </c>
      <c r="F92703" s="14" t="s">
        <v>15</v>
      </c>
      <c r="G92703" s="16">
        <v>2.5241645803821058</v>
      </c>
    </row>
    <row r="92704" spans="1:7" x14ac:dyDescent="0.3">
      <c r="A92704" s="13" t="s">
        <v>461</v>
      </c>
      <c r="B92704" s="14" t="s">
        <v>1</v>
      </c>
      <c r="C92704" s="14" t="s">
        <v>157</v>
      </c>
      <c r="D92704" s="14" t="s">
        <v>31</v>
      </c>
      <c r="E92704" s="15">
        <v>45735</v>
      </c>
      <c r="F92704" s="14" t="s">
        <v>15</v>
      </c>
      <c r="G92704" s="16">
        <v>2.7060301939242768</v>
      </c>
    </row>
    <row r="92705" spans="1:7" x14ac:dyDescent="0.3">
      <c r="A92705" s="13" t="s">
        <v>461</v>
      </c>
      <c r="B92705" s="14" t="s">
        <v>1</v>
      </c>
      <c r="C92705" s="14" t="s">
        <v>157</v>
      </c>
      <c r="D92705" s="14" t="s">
        <v>31</v>
      </c>
      <c r="E92705" s="15">
        <v>45736</v>
      </c>
      <c r="F92705" s="14" t="s">
        <v>15</v>
      </c>
      <c r="G92705" s="16">
        <v>2.7025579511085862</v>
      </c>
    </row>
    <row r="92706" spans="1:7" x14ac:dyDescent="0.3">
      <c r="A92706" s="13" t="s">
        <v>461</v>
      </c>
      <c r="B92706" s="14" t="s">
        <v>1</v>
      </c>
      <c r="C92706" s="14" t="s">
        <v>157</v>
      </c>
      <c r="D92706" s="14" t="s">
        <v>31</v>
      </c>
      <c r="E92706" s="15">
        <v>45737</v>
      </c>
      <c r="F92706" s="14" t="s">
        <v>15</v>
      </c>
      <c r="G92706" s="16">
        <v>2.6990911366611194</v>
      </c>
    </row>
    <row r="92707" spans="1:7" x14ac:dyDescent="0.3">
      <c r="A92707" s="13" t="s">
        <v>461</v>
      </c>
      <c r="B92707" s="14" t="s">
        <v>1</v>
      </c>
      <c r="C92707" s="14" t="s">
        <v>157</v>
      </c>
      <c r="D92707" s="14" t="s">
        <v>31</v>
      </c>
      <c r="E92707" s="15">
        <v>45738</v>
      </c>
      <c r="F92707" s="14" t="s">
        <v>15</v>
      </c>
      <c r="G92707" s="16">
        <v>2.6990911366611194</v>
      </c>
    </row>
    <row r="92708" spans="1:7" x14ac:dyDescent="0.3">
      <c r="A92708" s="13" t="s">
        <v>461</v>
      </c>
      <c r="B92708" s="14" t="s">
        <v>1</v>
      </c>
      <c r="C92708" s="14" t="s">
        <v>157</v>
      </c>
      <c r="D92708" s="14" t="s">
        <v>31</v>
      </c>
      <c r="E92708" s="15">
        <v>45739</v>
      </c>
      <c r="F92708" s="14" t="s">
        <v>15</v>
      </c>
      <c r="G92708" s="16">
        <v>2.6990911366611194</v>
      </c>
    </row>
    <row r="92709" spans="1:7" x14ac:dyDescent="0.3">
      <c r="A92709" s="13" t="s">
        <v>461</v>
      </c>
      <c r="B92709" s="14" t="s">
        <v>1</v>
      </c>
      <c r="C92709" s="14" t="s">
        <v>157</v>
      </c>
      <c r="D92709" s="14" t="s">
        <v>31</v>
      </c>
      <c r="E92709" s="15">
        <v>45740</v>
      </c>
      <c r="F92709" s="14" t="s">
        <v>15</v>
      </c>
      <c r="G92709" s="16">
        <v>2.695631250351092</v>
      </c>
    </row>
    <row r="92710" spans="1:7" x14ac:dyDescent="0.3">
      <c r="A92710" s="13" t="s">
        <v>461</v>
      </c>
      <c r="B92710" s="14" t="s">
        <v>1</v>
      </c>
      <c r="C92710" s="14" t="s">
        <v>157</v>
      </c>
      <c r="D92710" s="14" t="s">
        <v>31</v>
      </c>
      <c r="E92710" s="15">
        <v>45741</v>
      </c>
      <c r="F92710" s="14" t="s">
        <v>15</v>
      </c>
      <c r="G92710" s="16">
        <v>2.6853408019736342</v>
      </c>
    </row>
    <row r="92711" spans="1:7" x14ac:dyDescent="0.3">
      <c r="A92711" s="13" t="s">
        <v>461</v>
      </c>
      <c r="B92711" s="14" t="s">
        <v>1</v>
      </c>
      <c r="C92711" s="14" t="s">
        <v>157</v>
      </c>
      <c r="D92711" s="14" t="s">
        <v>31</v>
      </c>
      <c r="E92711" s="15">
        <v>45742</v>
      </c>
      <c r="F92711" s="14" t="s">
        <v>15</v>
      </c>
      <c r="G92711" s="16">
        <v>2.8102085618790484</v>
      </c>
    </row>
    <row r="92712" spans="1:7" x14ac:dyDescent="0.3">
      <c r="A92712" s="13" t="s">
        <v>461</v>
      </c>
      <c r="B92712" s="14" t="s">
        <v>1</v>
      </c>
      <c r="C92712" s="14" t="s">
        <v>157</v>
      </c>
      <c r="D92712" s="14" t="s">
        <v>31</v>
      </c>
      <c r="E92712" s="15">
        <v>45743</v>
      </c>
      <c r="F92712" s="14" t="s">
        <v>15</v>
      </c>
      <c r="G92712" s="16">
        <v>2.8067690339132119</v>
      </c>
    </row>
    <row r="92713" spans="1:7" x14ac:dyDescent="0.3">
      <c r="A92713" s="13" t="s">
        <v>461</v>
      </c>
      <c r="B92713" s="14" t="s">
        <v>1</v>
      </c>
      <c r="C92713" s="14" t="s">
        <v>157</v>
      </c>
      <c r="D92713" s="14" t="s">
        <v>31</v>
      </c>
      <c r="E92713" s="15">
        <v>45744</v>
      </c>
      <c r="F92713" s="14" t="s">
        <v>15</v>
      </c>
      <c r="G92713" s="16">
        <v>2.8033102468008475</v>
      </c>
    </row>
    <row r="92714" spans="1:7" x14ac:dyDescent="0.3">
      <c r="A92714" s="13" t="s">
        <v>461</v>
      </c>
      <c r="B92714" s="14" t="s">
        <v>1</v>
      </c>
      <c r="C92714" s="14" t="s">
        <v>157</v>
      </c>
      <c r="D92714" s="14" t="s">
        <v>31</v>
      </c>
      <c r="E92714" s="15">
        <v>45745</v>
      </c>
      <c r="F92714" s="14" t="s">
        <v>15</v>
      </c>
      <c r="G92714" s="16">
        <v>2.8033102468008475</v>
      </c>
    </row>
    <row r="92715" spans="1:7" x14ac:dyDescent="0.3">
      <c r="A92715" s="13" t="s">
        <v>461</v>
      </c>
      <c r="B92715" s="14" t="s">
        <v>1</v>
      </c>
      <c r="C92715" s="14" t="s">
        <v>157</v>
      </c>
      <c r="D92715" s="14" t="s">
        <v>31</v>
      </c>
      <c r="E92715" s="15">
        <v>45746</v>
      </c>
      <c r="F92715" s="14" t="s">
        <v>15</v>
      </c>
      <c r="G92715" s="16">
        <v>2.8033102468008475</v>
      </c>
    </row>
    <row r="92716" spans="1:7" x14ac:dyDescent="0.3">
      <c r="A92716" s="13" t="s">
        <v>461</v>
      </c>
      <c r="B92716" s="14" t="s">
        <v>1</v>
      </c>
      <c r="C92716" s="14" t="s">
        <v>157</v>
      </c>
      <c r="D92716" s="14" t="s">
        <v>31</v>
      </c>
      <c r="E92716" s="15">
        <v>45747</v>
      </c>
      <c r="F92716" s="14" t="s">
        <v>15</v>
      </c>
      <c r="G92716" s="16">
        <v>2.8033102468008475</v>
      </c>
    </row>
    <row r="92717" spans="1:7" x14ac:dyDescent="0.3">
      <c r="A92717" s="13" t="s">
        <v>462</v>
      </c>
      <c r="B92717" s="14" t="s">
        <v>1</v>
      </c>
      <c r="C92717" s="14" t="s">
        <v>41</v>
      </c>
      <c r="D92717" s="14" t="s">
        <v>463</v>
      </c>
      <c r="E92717" s="15">
        <v>45383</v>
      </c>
      <c r="F92717" s="14" t="s">
        <v>15</v>
      </c>
      <c r="G92717" s="16">
        <v>0</v>
      </c>
    </row>
    <row r="92718" spans="1:7" x14ac:dyDescent="0.3">
      <c r="A92718" s="13" t="s">
        <v>462</v>
      </c>
      <c r="B92718" s="14" t="s">
        <v>1</v>
      </c>
      <c r="C92718" s="14" t="s">
        <v>41</v>
      </c>
      <c r="D92718" s="14" t="s">
        <v>463</v>
      </c>
      <c r="E92718" s="15">
        <v>45384</v>
      </c>
      <c r="F92718" s="14" t="s">
        <v>15</v>
      </c>
      <c r="G92718" s="16">
        <v>0</v>
      </c>
    </row>
    <row r="92719" spans="1:7" x14ac:dyDescent="0.3">
      <c r="A92719" s="13" t="s">
        <v>462</v>
      </c>
      <c r="B92719" s="14" t="s">
        <v>1</v>
      </c>
      <c r="C92719" s="14" t="s">
        <v>41</v>
      </c>
      <c r="D92719" s="14" t="s">
        <v>463</v>
      </c>
      <c r="E92719" s="15">
        <v>45385</v>
      </c>
      <c r="F92719" s="14" t="s">
        <v>15</v>
      </c>
      <c r="G92719" s="16">
        <v>0</v>
      </c>
    </row>
    <row r="92720" spans="1:7" x14ac:dyDescent="0.3">
      <c r="A92720" s="13" t="s">
        <v>462</v>
      </c>
      <c r="B92720" s="14" t="s">
        <v>1</v>
      </c>
      <c r="C92720" s="14" t="s">
        <v>41</v>
      </c>
      <c r="D92720" s="14" t="s">
        <v>463</v>
      </c>
      <c r="E92720" s="15">
        <v>45386</v>
      </c>
      <c r="F92720" s="14" t="s">
        <v>15</v>
      </c>
      <c r="G92720" s="16">
        <v>0</v>
      </c>
    </row>
    <row r="92721" spans="1:7" x14ac:dyDescent="0.3">
      <c r="A92721" s="13" t="s">
        <v>462</v>
      </c>
      <c r="B92721" s="14" t="s">
        <v>1</v>
      </c>
      <c r="C92721" s="14" t="s">
        <v>41</v>
      </c>
      <c r="D92721" s="14" t="s">
        <v>463</v>
      </c>
      <c r="E92721" s="15">
        <v>45387</v>
      </c>
      <c r="F92721" s="14" t="s">
        <v>15</v>
      </c>
      <c r="G92721" s="16">
        <v>0</v>
      </c>
    </row>
    <row r="92722" spans="1:7" x14ac:dyDescent="0.3">
      <c r="A92722" s="13" t="s">
        <v>462</v>
      </c>
      <c r="B92722" s="14" t="s">
        <v>1</v>
      </c>
      <c r="C92722" s="14" t="s">
        <v>41</v>
      </c>
      <c r="D92722" s="14" t="s">
        <v>463</v>
      </c>
      <c r="E92722" s="15">
        <v>45388</v>
      </c>
      <c r="F92722" s="14" t="s">
        <v>15</v>
      </c>
      <c r="G92722" s="16">
        <v>0</v>
      </c>
    </row>
    <row r="92723" spans="1:7" x14ac:dyDescent="0.3">
      <c r="A92723" s="13" t="s">
        <v>462</v>
      </c>
      <c r="B92723" s="14" t="s">
        <v>1</v>
      </c>
      <c r="C92723" s="14" t="s">
        <v>41</v>
      </c>
      <c r="D92723" s="14" t="s">
        <v>463</v>
      </c>
      <c r="E92723" s="15">
        <v>45389</v>
      </c>
      <c r="F92723" s="14" t="s">
        <v>15</v>
      </c>
      <c r="G92723" s="16">
        <v>0</v>
      </c>
    </row>
    <row r="92724" spans="1:7" x14ac:dyDescent="0.3">
      <c r="A92724" s="13" t="s">
        <v>462</v>
      </c>
      <c r="B92724" s="14" t="s">
        <v>1</v>
      </c>
      <c r="C92724" s="14" t="s">
        <v>41</v>
      </c>
      <c r="D92724" s="14" t="s">
        <v>463</v>
      </c>
      <c r="E92724" s="15">
        <v>45390</v>
      </c>
      <c r="F92724" s="14" t="s">
        <v>15</v>
      </c>
      <c r="G92724" s="16">
        <v>0</v>
      </c>
    </row>
    <row r="92725" spans="1:7" x14ac:dyDescent="0.3">
      <c r="A92725" s="13" t="s">
        <v>462</v>
      </c>
      <c r="B92725" s="14" t="s">
        <v>1</v>
      </c>
      <c r="C92725" s="14" t="s">
        <v>41</v>
      </c>
      <c r="D92725" s="14" t="s">
        <v>463</v>
      </c>
      <c r="E92725" s="15">
        <v>45391</v>
      </c>
      <c r="F92725" s="14" t="s">
        <v>15</v>
      </c>
      <c r="G92725" s="16">
        <v>0</v>
      </c>
    </row>
    <row r="92726" spans="1:7" x14ac:dyDescent="0.3">
      <c r="A92726" s="13" t="s">
        <v>462</v>
      </c>
      <c r="B92726" s="14" t="s">
        <v>1</v>
      </c>
      <c r="C92726" s="14" t="s">
        <v>41</v>
      </c>
      <c r="D92726" s="14" t="s">
        <v>463</v>
      </c>
      <c r="E92726" s="15">
        <v>45392</v>
      </c>
      <c r="F92726" s="14" t="s">
        <v>15</v>
      </c>
      <c r="G92726" s="16">
        <v>0</v>
      </c>
    </row>
    <row r="92727" spans="1:7" x14ac:dyDescent="0.3">
      <c r="A92727" s="13" t="s">
        <v>462</v>
      </c>
      <c r="B92727" s="14" t="s">
        <v>1</v>
      </c>
      <c r="C92727" s="14" t="s">
        <v>41</v>
      </c>
      <c r="D92727" s="14" t="s">
        <v>463</v>
      </c>
      <c r="E92727" s="15">
        <v>45393</v>
      </c>
      <c r="F92727" s="14" t="s">
        <v>15</v>
      </c>
      <c r="G92727" s="16">
        <v>0</v>
      </c>
    </row>
    <row r="92728" spans="1:7" x14ac:dyDescent="0.3">
      <c r="A92728" s="13" t="s">
        <v>462</v>
      </c>
      <c r="B92728" s="14" t="s">
        <v>1</v>
      </c>
      <c r="C92728" s="14" t="s">
        <v>41</v>
      </c>
      <c r="D92728" s="14" t="s">
        <v>463</v>
      </c>
      <c r="E92728" s="15">
        <v>45394</v>
      </c>
      <c r="F92728" s="14" t="s">
        <v>15</v>
      </c>
      <c r="G92728" s="16">
        <v>0</v>
      </c>
    </row>
    <row r="92729" spans="1:7" x14ac:dyDescent="0.3">
      <c r="A92729" s="13" t="s">
        <v>462</v>
      </c>
      <c r="B92729" s="14" t="s">
        <v>1</v>
      </c>
      <c r="C92729" s="14" t="s">
        <v>41</v>
      </c>
      <c r="D92729" s="14" t="s">
        <v>463</v>
      </c>
      <c r="E92729" s="15">
        <v>45395</v>
      </c>
      <c r="F92729" s="14" t="s">
        <v>15</v>
      </c>
      <c r="G92729" s="16">
        <v>0</v>
      </c>
    </row>
    <row r="92730" spans="1:7" x14ac:dyDescent="0.3">
      <c r="A92730" s="13" t="s">
        <v>462</v>
      </c>
      <c r="B92730" s="14" t="s">
        <v>1</v>
      </c>
      <c r="C92730" s="14" t="s">
        <v>41</v>
      </c>
      <c r="D92730" s="14" t="s">
        <v>463</v>
      </c>
      <c r="E92730" s="15">
        <v>45396</v>
      </c>
      <c r="F92730" s="14" t="s">
        <v>15</v>
      </c>
      <c r="G92730" s="16">
        <v>0</v>
      </c>
    </row>
    <row r="92731" spans="1:7" x14ac:dyDescent="0.3">
      <c r="A92731" s="13" t="s">
        <v>462</v>
      </c>
      <c r="B92731" s="14" t="s">
        <v>1</v>
      </c>
      <c r="C92731" s="14" t="s">
        <v>41</v>
      </c>
      <c r="D92731" s="14" t="s">
        <v>463</v>
      </c>
      <c r="E92731" s="15">
        <v>45397</v>
      </c>
      <c r="F92731" s="14" t="s">
        <v>15</v>
      </c>
      <c r="G92731" s="16">
        <v>3.6925251095320283E-3</v>
      </c>
    </row>
    <row r="92732" spans="1:7" x14ac:dyDescent="0.3">
      <c r="A92732" s="13" t="s">
        <v>462</v>
      </c>
      <c r="B92732" s="14" t="s">
        <v>1</v>
      </c>
      <c r="C92732" s="14" t="s">
        <v>41</v>
      </c>
      <c r="D92732" s="14" t="s">
        <v>463</v>
      </c>
      <c r="E92732" s="15">
        <v>45398</v>
      </c>
      <c r="F92732" s="14" t="s">
        <v>15</v>
      </c>
      <c r="G92732" s="16">
        <v>0</v>
      </c>
    </row>
    <row r="92733" spans="1:7" x14ac:dyDescent="0.3">
      <c r="A92733" s="13" t="s">
        <v>462</v>
      </c>
      <c r="B92733" s="14" t="s">
        <v>1</v>
      </c>
      <c r="C92733" s="14" t="s">
        <v>41</v>
      </c>
      <c r="D92733" s="14" t="s">
        <v>463</v>
      </c>
      <c r="E92733" s="15">
        <v>45399</v>
      </c>
      <c r="F92733" s="14" t="s">
        <v>15</v>
      </c>
      <c r="G92733" s="16">
        <v>0</v>
      </c>
    </row>
    <row r="92734" spans="1:7" x14ac:dyDescent="0.3">
      <c r="A92734" s="13" t="s">
        <v>462</v>
      </c>
      <c r="B92734" s="14" t="s">
        <v>1</v>
      </c>
      <c r="C92734" s="14" t="s">
        <v>41</v>
      </c>
      <c r="D92734" s="14" t="s">
        <v>463</v>
      </c>
      <c r="E92734" s="15">
        <v>45400</v>
      </c>
      <c r="F92734" s="14" t="s">
        <v>15</v>
      </c>
      <c r="G92734" s="16">
        <v>0</v>
      </c>
    </row>
    <row r="92735" spans="1:7" x14ac:dyDescent="0.3">
      <c r="A92735" s="13" t="s">
        <v>462</v>
      </c>
      <c r="B92735" s="14" t="s">
        <v>1</v>
      </c>
      <c r="C92735" s="14" t="s">
        <v>41</v>
      </c>
      <c r="D92735" s="14" t="s">
        <v>463</v>
      </c>
      <c r="E92735" s="15">
        <v>45401</v>
      </c>
      <c r="F92735" s="14" t="s">
        <v>15</v>
      </c>
      <c r="G92735" s="16">
        <v>0</v>
      </c>
    </row>
    <row r="92736" spans="1:7" x14ac:dyDescent="0.3">
      <c r="A92736" s="13" t="s">
        <v>462</v>
      </c>
      <c r="B92736" s="14" t="s">
        <v>1</v>
      </c>
      <c r="C92736" s="14" t="s">
        <v>41</v>
      </c>
      <c r="D92736" s="14" t="s">
        <v>463</v>
      </c>
      <c r="E92736" s="15">
        <v>45402</v>
      </c>
      <c r="F92736" s="14" t="s">
        <v>15</v>
      </c>
      <c r="G92736" s="16">
        <v>0</v>
      </c>
    </row>
    <row r="92737" spans="1:7" x14ac:dyDescent="0.3">
      <c r="A92737" s="13" t="s">
        <v>462</v>
      </c>
      <c r="B92737" s="14" t="s">
        <v>1</v>
      </c>
      <c r="C92737" s="14" t="s">
        <v>41</v>
      </c>
      <c r="D92737" s="14" t="s">
        <v>463</v>
      </c>
      <c r="E92737" s="15">
        <v>45403</v>
      </c>
      <c r="F92737" s="14" t="s">
        <v>15</v>
      </c>
      <c r="G92737" s="16">
        <v>0</v>
      </c>
    </row>
    <row r="92738" spans="1:7" x14ac:dyDescent="0.3">
      <c r="A92738" s="13" t="s">
        <v>462</v>
      </c>
      <c r="B92738" s="14" t="s">
        <v>1</v>
      </c>
      <c r="C92738" s="14" t="s">
        <v>41</v>
      </c>
      <c r="D92738" s="14" t="s">
        <v>463</v>
      </c>
      <c r="E92738" s="15">
        <v>45404</v>
      </c>
      <c r="F92738" s="14" t="s">
        <v>15</v>
      </c>
      <c r="G92738" s="16">
        <v>0</v>
      </c>
    </row>
    <row r="92739" spans="1:7" x14ac:dyDescent="0.3">
      <c r="A92739" s="13" t="s">
        <v>462</v>
      </c>
      <c r="B92739" s="14" t="s">
        <v>1</v>
      </c>
      <c r="C92739" s="14" t="s">
        <v>41</v>
      </c>
      <c r="D92739" s="14" t="s">
        <v>463</v>
      </c>
      <c r="E92739" s="15">
        <v>45405</v>
      </c>
      <c r="F92739" s="14" t="s">
        <v>15</v>
      </c>
      <c r="G92739" s="16">
        <v>0</v>
      </c>
    </row>
    <row r="92740" spans="1:7" x14ac:dyDescent="0.3">
      <c r="A92740" s="13" t="s">
        <v>462</v>
      </c>
      <c r="B92740" s="14" t="s">
        <v>1</v>
      </c>
      <c r="C92740" s="14" t="s">
        <v>41</v>
      </c>
      <c r="D92740" s="14" t="s">
        <v>463</v>
      </c>
      <c r="E92740" s="15">
        <v>45406</v>
      </c>
      <c r="F92740" s="14" t="s">
        <v>15</v>
      </c>
      <c r="G92740" s="16">
        <v>0</v>
      </c>
    </row>
    <row r="92741" spans="1:7" x14ac:dyDescent="0.3">
      <c r="A92741" s="13" t="s">
        <v>462</v>
      </c>
      <c r="B92741" s="14" t="s">
        <v>1</v>
      </c>
      <c r="C92741" s="14" t="s">
        <v>41</v>
      </c>
      <c r="D92741" s="14" t="s">
        <v>463</v>
      </c>
      <c r="E92741" s="15">
        <v>45407</v>
      </c>
      <c r="F92741" s="14" t="s">
        <v>15</v>
      </c>
      <c r="G92741" s="16">
        <v>0</v>
      </c>
    </row>
    <row r="92742" spans="1:7" x14ac:dyDescent="0.3">
      <c r="A92742" s="13" t="s">
        <v>462</v>
      </c>
      <c r="B92742" s="14" t="s">
        <v>1</v>
      </c>
      <c r="C92742" s="14" t="s">
        <v>41</v>
      </c>
      <c r="D92742" s="14" t="s">
        <v>463</v>
      </c>
      <c r="E92742" s="15">
        <v>45408</v>
      </c>
      <c r="F92742" s="14" t="s">
        <v>15</v>
      </c>
      <c r="G92742" s="16">
        <v>0</v>
      </c>
    </row>
    <row r="92743" spans="1:7" x14ac:dyDescent="0.3">
      <c r="A92743" s="13" t="s">
        <v>462</v>
      </c>
      <c r="B92743" s="14" t="s">
        <v>1</v>
      </c>
      <c r="C92743" s="14" t="s">
        <v>41</v>
      </c>
      <c r="D92743" s="14" t="s">
        <v>463</v>
      </c>
      <c r="E92743" s="15">
        <v>45409</v>
      </c>
      <c r="F92743" s="14" t="s">
        <v>15</v>
      </c>
      <c r="G92743" s="16">
        <v>0</v>
      </c>
    </row>
    <row r="92744" spans="1:7" x14ac:dyDescent="0.3">
      <c r="A92744" s="13" t="s">
        <v>462</v>
      </c>
      <c r="B92744" s="14" t="s">
        <v>1</v>
      </c>
      <c r="C92744" s="14" t="s">
        <v>41</v>
      </c>
      <c r="D92744" s="14" t="s">
        <v>463</v>
      </c>
      <c r="E92744" s="15">
        <v>45410</v>
      </c>
      <c r="F92744" s="14" t="s">
        <v>15</v>
      </c>
      <c r="G92744" s="16">
        <v>0</v>
      </c>
    </row>
    <row r="92745" spans="1:7" x14ac:dyDescent="0.3">
      <c r="A92745" s="13" t="s">
        <v>462</v>
      </c>
      <c r="B92745" s="14" t="s">
        <v>1</v>
      </c>
      <c r="C92745" s="14" t="s">
        <v>41</v>
      </c>
      <c r="D92745" s="14" t="s">
        <v>463</v>
      </c>
      <c r="E92745" s="15">
        <v>45411</v>
      </c>
      <c r="F92745" s="14" t="s">
        <v>15</v>
      </c>
      <c r="G92745" s="16">
        <v>0</v>
      </c>
    </row>
    <row r="92746" spans="1:7" x14ac:dyDescent="0.3">
      <c r="A92746" s="13" t="s">
        <v>462</v>
      </c>
      <c r="B92746" s="14" t="s">
        <v>1</v>
      </c>
      <c r="C92746" s="14" t="s">
        <v>41</v>
      </c>
      <c r="D92746" s="14" t="s">
        <v>463</v>
      </c>
      <c r="E92746" s="15">
        <v>45412</v>
      </c>
      <c r="F92746" s="14" t="s">
        <v>15</v>
      </c>
      <c r="G92746" s="16">
        <v>0</v>
      </c>
    </row>
    <row r="92747" spans="1:7" x14ac:dyDescent="0.3">
      <c r="A92747" s="13" t="s">
        <v>462</v>
      </c>
      <c r="B92747" s="14" t="s">
        <v>1</v>
      </c>
      <c r="C92747" s="14" t="s">
        <v>41</v>
      </c>
      <c r="D92747" s="14" t="s">
        <v>463</v>
      </c>
      <c r="E92747" s="15">
        <v>45413</v>
      </c>
      <c r="F92747" s="14" t="s">
        <v>15</v>
      </c>
      <c r="G92747" s="16">
        <v>0</v>
      </c>
    </row>
    <row r="92748" spans="1:7" x14ac:dyDescent="0.3">
      <c r="A92748" s="13" t="s">
        <v>462</v>
      </c>
      <c r="B92748" s="14" t="s">
        <v>1</v>
      </c>
      <c r="C92748" s="14" t="s">
        <v>41</v>
      </c>
      <c r="D92748" s="14" t="s">
        <v>463</v>
      </c>
      <c r="E92748" s="15">
        <v>45414</v>
      </c>
      <c r="F92748" s="14" t="s">
        <v>15</v>
      </c>
      <c r="G92748" s="16">
        <v>0</v>
      </c>
    </row>
    <row r="92749" spans="1:7" x14ac:dyDescent="0.3">
      <c r="A92749" s="13" t="s">
        <v>462</v>
      </c>
      <c r="B92749" s="14" t="s">
        <v>1</v>
      </c>
      <c r="C92749" s="14" t="s">
        <v>41</v>
      </c>
      <c r="D92749" s="14" t="s">
        <v>463</v>
      </c>
      <c r="E92749" s="15">
        <v>45415</v>
      </c>
      <c r="F92749" s="14" t="s">
        <v>15</v>
      </c>
      <c r="G92749" s="16">
        <v>0</v>
      </c>
    </row>
    <row r="92750" spans="1:7" x14ac:dyDescent="0.3">
      <c r="A92750" s="13" t="s">
        <v>462</v>
      </c>
      <c r="B92750" s="14" t="s">
        <v>1</v>
      </c>
      <c r="C92750" s="14" t="s">
        <v>41</v>
      </c>
      <c r="D92750" s="14" t="s">
        <v>463</v>
      </c>
      <c r="E92750" s="15">
        <v>45416</v>
      </c>
      <c r="F92750" s="14" t="s">
        <v>15</v>
      </c>
      <c r="G92750" s="16">
        <v>0</v>
      </c>
    </row>
    <row r="92751" spans="1:7" x14ac:dyDescent="0.3">
      <c r="A92751" s="13" t="s">
        <v>462</v>
      </c>
      <c r="B92751" s="14" t="s">
        <v>1</v>
      </c>
      <c r="C92751" s="14" t="s">
        <v>41</v>
      </c>
      <c r="D92751" s="14" t="s">
        <v>463</v>
      </c>
      <c r="E92751" s="15">
        <v>45417</v>
      </c>
      <c r="F92751" s="14" t="s">
        <v>15</v>
      </c>
      <c r="G92751" s="16">
        <v>0</v>
      </c>
    </row>
    <row r="92752" spans="1:7" x14ac:dyDescent="0.3">
      <c r="A92752" s="13" t="s">
        <v>462</v>
      </c>
      <c r="B92752" s="14" t="s">
        <v>1</v>
      </c>
      <c r="C92752" s="14" t="s">
        <v>41</v>
      </c>
      <c r="D92752" s="14" t="s">
        <v>463</v>
      </c>
      <c r="E92752" s="15">
        <v>45418</v>
      </c>
      <c r="F92752" s="14" t="s">
        <v>15</v>
      </c>
      <c r="G92752" s="16">
        <v>0</v>
      </c>
    </row>
    <row r="92753" spans="1:7" x14ac:dyDescent="0.3">
      <c r="A92753" s="13" t="s">
        <v>462</v>
      </c>
      <c r="B92753" s="14" t="s">
        <v>1</v>
      </c>
      <c r="C92753" s="14" t="s">
        <v>41</v>
      </c>
      <c r="D92753" s="14" t="s">
        <v>463</v>
      </c>
      <c r="E92753" s="15">
        <v>45419</v>
      </c>
      <c r="F92753" s="14" t="s">
        <v>15</v>
      </c>
      <c r="G92753" s="16">
        <v>0</v>
      </c>
    </row>
    <row r="92754" spans="1:7" x14ac:dyDescent="0.3">
      <c r="A92754" s="13" t="s">
        <v>462</v>
      </c>
      <c r="B92754" s="14" t="s">
        <v>1</v>
      </c>
      <c r="C92754" s="14" t="s">
        <v>41</v>
      </c>
      <c r="D92754" s="14" t="s">
        <v>463</v>
      </c>
      <c r="E92754" s="15">
        <v>45420</v>
      </c>
      <c r="F92754" s="14" t="s">
        <v>15</v>
      </c>
      <c r="G92754" s="16">
        <v>0</v>
      </c>
    </row>
    <row r="92755" spans="1:7" x14ac:dyDescent="0.3">
      <c r="A92755" s="13" t="s">
        <v>462</v>
      </c>
      <c r="B92755" s="14" t="s">
        <v>1</v>
      </c>
      <c r="C92755" s="14" t="s">
        <v>41</v>
      </c>
      <c r="D92755" s="14" t="s">
        <v>463</v>
      </c>
      <c r="E92755" s="15">
        <v>45421</v>
      </c>
      <c r="F92755" s="14" t="s">
        <v>15</v>
      </c>
      <c r="G92755" s="16">
        <v>0</v>
      </c>
    </row>
    <row r="92756" spans="1:7" x14ac:dyDescent="0.3">
      <c r="A92756" s="13" t="s">
        <v>462</v>
      </c>
      <c r="B92756" s="14" t="s">
        <v>1</v>
      </c>
      <c r="C92756" s="14" t="s">
        <v>41</v>
      </c>
      <c r="D92756" s="14" t="s">
        <v>463</v>
      </c>
      <c r="E92756" s="15">
        <v>45422</v>
      </c>
      <c r="F92756" s="14" t="s">
        <v>15</v>
      </c>
      <c r="G92756" s="16">
        <v>0</v>
      </c>
    </row>
    <row r="92757" spans="1:7" x14ac:dyDescent="0.3">
      <c r="A92757" s="13" t="s">
        <v>462</v>
      </c>
      <c r="B92757" s="14" t="s">
        <v>1</v>
      </c>
      <c r="C92757" s="14" t="s">
        <v>41</v>
      </c>
      <c r="D92757" s="14" t="s">
        <v>463</v>
      </c>
      <c r="E92757" s="15">
        <v>45423</v>
      </c>
      <c r="F92757" s="14" t="s">
        <v>15</v>
      </c>
      <c r="G92757" s="16">
        <v>0</v>
      </c>
    </row>
    <row r="92758" spans="1:7" x14ac:dyDescent="0.3">
      <c r="A92758" s="13" t="s">
        <v>462</v>
      </c>
      <c r="B92758" s="14" t="s">
        <v>1</v>
      </c>
      <c r="C92758" s="14" t="s">
        <v>41</v>
      </c>
      <c r="D92758" s="14" t="s">
        <v>463</v>
      </c>
      <c r="E92758" s="15">
        <v>45424</v>
      </c>
      <c r="F92758" s="14" t="s">
        <v>15</v>
      </c>
      <c r="G92758" s="16">
        <v>0</v>
      </c>
    </row>
    <row r="92759" spans="1:7" x14ac:dyDescent="0.3">
      <c r="A92759" s="13" t="s">
        <v>462</v>
      </c>
      <c r="B92759" s="14" t="s">
        <v>1</v>
      </c>
      <c r="C92759" s="14" t="s">
        <v>41</v>
      </c>
      <c r="D92759" s="14" t="s">
        <v>463</v>
      </c>
      <c r="E92759" s="15">
        <v>45425</v>
      </c>
      <c r="F92759" s="14" t="s">
        <v>15</v>
      </c>
      <c r="G92759" s="16">
        <v>0</v>
      </c>
    </row>
    <row r="92760" spans="1:7" x14ac:dyDescent="0.3">
      <c r="A92760" s="13" t="s">
        <v>462</v>
      </c>
      <c r="B92760" s="14" t="s">
        <v>1</v>
      </c>
      <c r="C92760" s="14" t="s">
        <v>41</v>
      </c>
      <c r="D92760" s="14" t="s">
        <v>463</v>
      </c>
      <c r="E92760" s="15">
        <v>45426</v>
      </c>
      <c r="F92760" s="14" t="s">
        <v>15</v>
      </c>
      <c r="G92760" s="16">
        <v>0</v>
      </c>
    </row>
    <row r="92761" spans="1:7" x14ac:dyDescent="0.3">
      <c r="A92761" s="13" t="s">
        <v>462</v>
      </c>
      <c r="B92761" s="14" t="s">
        <v>1</v>
      </c>
      <c r="C92761" s="14" t="s">
        <v>41</v>
      </c>
      <c r="D92761" s="14" t="s">
        <v>463</v>
      </c>
      <c r="E92761" s="15">
        <v>45427</v>
      </c>
      <c r="F92761" s="14" t="s">
        <v>15</v>
      </c>
      <c r="G92761" s="16">
        <v>0</v>
      </c>
    </row>
    <row r="92762" spans="1:7" x14ac:dyDescent="0.3">
      <c r="A92762" s="13" t="s">
        <v>462</v>
      </c>
      <c r="B92762" s="14" t="s">
        <v>1</v>
      </c>
      <c r="C92762" s="14" t="s">
        <v>41</v>
      </c>
      <c r="D92762" s="14" t="s">
        <v>463</v>
      </c>
      <c r="E92762" s="15">
        <v>45428</v>
      </c>
      <c r="F92762" s="14" t="s">
        <v>15</v>
      </c>
      <c r="G92762" s="16">
        <v>0</v>
      </c>
    </row>
    <row r="92763" spans="1:7" x14ac:dyDescent="0.3">
      <c r="A92763" s="13" t="s">
        <v>462</v>
      </c>
      <c r="B92763" s="14" t="s">
        <v>1</v>
      </c>
      <c r="C92763" s="14" t="s">
        <v>41</v>
      </c>
      <c r="D92763" s="14" t="s">
        <v>463</v>
      </c>
      <c r="E92763" s="15">
        <v>45429</v>
      </c>
      <c r="F92763" s="14" t="s">
        <v>15</v>
      </c>
      <c r="G92763" s="16">
        <v>0</v>
      </c>
    </row>
    <row r="92764" spans="1:7" x14ac:dyDescent="0.3">
      <c r="A92764" s="13" t="s">
        <v>462</v>
      </c>
      <c r="B92764" s="14" t="s">
        <v>1</v>
      </c>
      <c r="C92764" s="14" t="s">
        <v>41</v>
      </c>
      <c r="D92764" s="14" t="s">
        <v>463</v>
      </c>
      <c r="E92764" s="15">
        <v>45430</v>
      </c>
      <c r="F92764" s="14" t="s">
        <v>15</v>
      </c>
      <c r="G92764" s="16">
        <v>0</v>
      </c>
    </row>
    <row r="92765" spans="1:7" x14ac:dyDescent="0.3">
      <c r="A92765" s="13" t="s">
        <v>462</v>
      </c>
      <c r="B92765" s="14" t="s">
        <v>1</v>
      </c>
      <c r="C92765" s="14" t="s">
        <v>41</v>
      </c>
      <c r="D92765" s="14" t="s">
        <v>463</v>
      </c>
      <c r="E92765" s="15">
        <v>45431</v>
      </c>
      <c r="F92765" s="14" t="s">
        <v>15</v>
      </c>
      <c r="G92765" s="16">
        <v>0</v>
      </c>
    </row>
    <row r="92766" spans="1:7" x14ac:dyDescent="0.3">
      <c r="A92766" s="13" t="s">
        <v>462</v>
      </c>
      <c r="B92766" s="14" t="s">
        <v>1</v>
      </c>
      <c r="C92766" s="14" t="s">
        <v>41</v>
      </c>
      <c r="D92766" s="14" t="s">
        <v>463</v>
      </c>
      <c r="E92766" s="15">
        <v>45432</v>
      </c>
      <c r="F92766" s="14" t="s">
        <v>15</v>
      </c>
      <c r="G92766" s="16">
        <v>0</v>
      </c>
    </row>
    <row r="92767" spans="1:7" x14ac:dyDescent="0.3">
      <c r="A92767" s="13" t="s">
        <v>462</v>
      </c>
      <c r="B92767" s="14" t="s">
        <v>1</v>
      </c>
      <c r="C92767" s="14" t="s">
        <v>41</v>
      </c>
      <c r="D92767" s="14" t="s">
        <v>463</v>
      </c>
      <c r="E92767" s="15">
        <v>45433</v>
      </c>
      <c r="F92767" s="14" t="s">
        <v>15</v>
      </c>
      <c r="G92767" s="16">
        <v>0</v>
      </c>
    </row>
    <row r="92768" spans="1:7" x14ac:dyDescent="0.3">
      <c r="A92768" s="13" t="s">
        <v>462</v>
      </c>
      <c r="B92768" s="14" t="s">
        <v>1</v>
      </c>
      <c r="C92768" s="14" t="s">
        <v>41</v>
      </c>
      <c r="D92768" s="14" t="s">
        <v>463</v>
      </c>
      <c r="E92768" s="15">
        <v>45434</v>
      </c>
      <c r="F92768" s="14" t="s">
        <v>15</v>
      </c>
      <c r="G92768" s="16">
        <v>0</v>
      </c>
    </row>
    <row r="92769" spans="1:7" x14ac:dyDescent="0.3">
      <c r="A92769" s="13" t="s">
        <v>462</v>
      </c>
      <c r="B92769" s="14" t="s">
        <v>1</v>
      </c>
      <c r="C92769" s="14" t="s">
        <v>41</v>
      </c>
      <c r="D92769" s="14" t="s">
        <v>463</v>
      </c>
      <c r="E92769" s="15">
        <v>45435</v>
      </c>
      <c r="F92769" s="14" t="s">
        <v>15</v>
      </c>
      <c r="G92769" s="16">
        <v>0</v>
      </c>
    </row>
    <row r="92770" spans="1:7" x14ac:dyDescent="0.3">
      <c r="A92770" s="13" t="s">
        <v>462</v>
      </c>
      <c r="B92770" s="14" t="s">
        <v>1</v>
      </c>
      <c r="C92770" s="14" t="s">
        <v>41</v>
      </c>
      <c r="D92770" s="14" t="s">
        <v>463</v>
      </c>
      <c r="E92770" s="15">
        <v>45436</v>
      </c>
      <c r="F92770" s="14" t="s">
        <v>15</v>
      </c>
      <c r="G92770" s="16">
        <v>0</v>
      </c>
    </row>
    <row r="92771" spans="1:7" x14ac:dyDescent="0.3">
      <c r="A92771" s="13" t="s">
        <v>462</v>
      </c>
      <c r="B92771" s="14" t="s">
        <v>1</v>
      </c>
      <c r="C92771" s="14" t="s">
        <v>41</v>
      </c>
      <c r="D92771" s="14" t="s">
        <v>463</v>
      </c>
      <c r="E92771" s="15">
        <v>45437</v>
      </c>
      <c r="F92771" s="14" t="s">
        <v>15</v>
      </c>
      <c r="G92771" s="16">
        <v>0</v>
      </c>
    </row>
    <row r="92772" spans="1:7" x14ac:dyDescent="0.3">
      <c r="A92772" s="13" t="s">
        <v>462</v>
      </c>
      <c r="B92772" s="14" t="s">
        <v>1</v>
      </c>
      <c r="C92772" s="14" t="s">
        <v>41</v>
      </c>
      <c r="D92772" s="14" t="s">
        <v>463</v>
      </c>
      <c r="E92772" s="15">
        <v>45438</v>
      </c>
      <c r="F92772" s="14" t="s">
        <v>15</v>
      </c>
      <c r="G92772" s="16">
        <v>0</v>
      </c>
    </row>
    <row r="92773" spans="1:7" x14ac:dyDescent="0.3">
      <c r="A92773" s="13" t="s">
        <v>462</v>
      </c>
      <c r="B92773" s="14" t="s">
        <v>1</v>
      </c>
      <c r="C92773" s="14" t="s">
        <v>41</v>
      </c>
      <c r="D92773" s="14" t="s">
        <v>463</v>
      </c>
      <c r="E92773" s="15">
        <v>45439</v>
      </c>
      <c r="F92773" s="14" t="s">
        <v>15</v>
      </c>
      <c r="G92773" s="16">
        <v>0</v>
      </c>
    </row>
    <row r="92774" spans="1:7" x14ac:dyDescent="0.3">
      <c r="A92774" s="13" t="s">
        <v>462</v>
      </c>
      <c r="B92774" s="14" t="s">
        <v>1</v>
      </c>
      <c r="C92774" s="14" t="s">
        <v>41</v>
      </c>
      <c r="D92774" s="14" t="s">
        <v>463</v>
      </c>
      <c r="E92774" s="15">
        <v>45440</v>
      </c>
      <c r="F92774" s="14" t="s">
        <v>15</v>
      </c>
      <c r="G92774" s="16">
        <v>0</v>
      </c>
    </row>
    <row r="92775" spans="1:7" x14ac:dyDescent="0.3">
      <c r="A92775" s="13" t="s">
        <v>462</v>
      </c>
      <c r="B92775" s="14" t="s">
        <v>1</v>
      </c>
      <c r="C92775" s="14" t="s">
        <v>41</v>
      </c>
      <c r="D92775" s="14" t="s">
        <v>463</v>
      </c>
      <c r="E92775" s="15">
        <v>45441</v>
      </c>
      <c r="F92775" s="14" t="s">
        <v>15</v>
      </c>
      <c r="G92775" s="16">
        <v>0</v>
      </c>
    </row>
    <row r="92776" spans="1:7" x14ac:dyDescent="0.3">
      <c r="A92776" s="13" t="s">
        <v>462</v>
      </c>
      <c r="B92776" s="14" t="s">
        <v>1</v>
      </c>
      <c r="C92776" s="14" t="s">
        <v>41</v>
      </c>
      <c r="D92776" s="14" t="s">
        <v>463</v>
      </c>
      <c r="E92776" s="15">
        <v>45442</v>
      </c>
      <c r="F92776" s="14" t="s">
        <v>15</v>
      </c>
      <c r="G92776" s="16">
        <v>0</v>
      </c>
    </row>
    <row r="92777" spans="1:7" x14ac:dyDescent="0.3">
      <c r="A92777" s="13" t="s">
        <v>462</v>
      </c>
      <c r="B92777" s="14" t="s">
        <v>1</v>
      </c>
      <c r="C92777" s="14" t="s">
        <v>41</v>
      </c>
      <c r="D92777" s="14" t="s">
        <v>463</v>
      </c>
      <c r="E92777" s="15">
        <v>45443</v>
      </c>
      <c r="F92777" s="14" t="s">
        <v>15</v>
      </c>
      <c r="G92777" s="16">
        <v>0</v>
      </c>
    </row>
    <row r="92778" spans="1:7" x14ac:dyDescent="0.3">
      <c r="A92778" s="13" t="s">
        <v>462</v>
      </c>
      <c r="B92778" s="14" t="s">
        <v>1</v>
      </c>
      <c r="C92778" s="14" t="s">
        <v>41</v>
      </c>
      <c r="D92778" s="14" t="s">
        <v>463</v>
      </c>
      <c r="E92778" s="15">
        <v>45444</v>
      </c>
      <c r="F92778" s="14" t="s">
        <v>15</v>
      </c>
      <c r="G92778" s="16">
        <v>0</v>
      </c>
    </row>
    <row r="92779" spans="1:7" x14ac:dyDescent="0.3">
      <c r="A92779" s="13" t="s">
        <v>462</v>
      </c>
      <c r="B92779" s="14" t="s">
        <v>1</v>
      </c>
      <c r="C92779" s="14" t="s">
        <v>41</v>
      </c>
      <c r="D92779" s="14" t="s">
        <v>463</v>
      </c>
      <c r="E92779" s="15">
        <v>45445</v>
      </c>
      <c r="F92779" s="14" t="s">
        <v>15</v>
      </c>
      <c r="G92779" s="16">
        <v>0</v>
      </c>
    </row>
    <row r="92780" spans="1:7" x14ac:dyDescent="0.3">
      <c r="A92780" s="13" t="s">
        <v>462</v>
      </c>
      <c r="B92780" s="14" t="s">
        <v>1</v>
      </c>
      <c r="C92780" s="14" t="s">
        <v>41</v>
      </c>
      <c r="D92780" s="14" t="s">
        <v>463</v>
      </c>
      <c r="E92780" s="15">
        <v>45446</v>
      </c>
      <c r="F92780" s="14" t="s">
        <v>15</v>
      </c>
      <c r="G92780" s="16">
        <v>0</v>
      </c>
    </row>
    <row r="92781" spans="1:7" x14ac:dyDescent="0.3">
      <c r="A92781" s="13" t="s">
        <v>462</v>
      </c>
      <c r="B92781" s="14" t="s">
        <v>1</v>
      </c>
      <c r="C92781" s="14" t="s">
        <v>41</v>
      </c>
      <c r="D92781" s="14" t="s">
        <v>463</v>
      </c>
      <c r="E92781" s="15">
        <v>45447</v>
      </c>
      <c r="F92781" s="14" t="s">
        <v>15</v>
      </c>
      <c r="G92781" s="16">
        <v>0</v>
      </c>
    </row>
    <row r="92782" spans="1:7" x14ac:dyDescent="0.3">
      <c r="A92782" s="13" t="s">
        <v>462</v>
      </c>
      <c r="B92782" s="14" t="s">
        <v>1</v>
      </c>
      <c r="C92782" s="14" t="s">
        <v>41</v>
      </c>
      <c r="D92782" s="14" t="s">
        <v>463</v>
      </c>
      <c r="E92782" s="15">
        <v>45448</v>
      </c>
      <c r="F92782" s="14" t="s">
        <v>15</v>
      </c>
      <c r="G92782" s="16">
        <v>0</v>
      </c>
    </row>
    <row r="92783" spans="1:7" x14ac:dyDescent="0.3">
      <c r="A92783" s="13" t="s">
        <v>462</v>
      </c>
      <c r="B92783" s="14" t="s">
        <v>1</v>
      </c>
      <c r="C92783" s="14" t="s">
        <v>41</v>
      </c>
      <c r="D92783" s="14" t="s">
        <v>463</v>
      </c>
      <c r="E92783" s="15">
        <v>45449</v>
      </c>
      <c r="F92783" s="14" t="s">
        <v>15</v>
      </c>
      <c r="G92783" s="16">
        <v>0</v>
      </c>
    </row>
    <row r="92784" spans="1:7" x14ac:dyDescent="0.3">
      <c r="A92784" s="13" t="s">
        <v>462</v>
      </c>
      <c r="B92784" s="14" t="s">
        <v>1</v>
      </c>
      <c r="C92784" s="14" t="s">
        <v>41</v>
      </c>
      <c r="D92784" s="14" t="s">
        <v>463</v>
      </c>
      <c r="E92784" s="15">
        <v>45450</v>
      </c>
      <c r="F92784" s="14" t="s">
        <v>15</v>
      </c>
      <c r="G92784" s="16">
        <v>0</v>
      </c>
    </row>
    <row r="92785" spans="1:7" x14ac:dyDescent="0.3">
      <c r="A92785" s="13" t="s">
        <v>462</v>
      </c>
      <c r="B92785" s="14" t="s">
        <v>1</v>
      </c>
      <c r="C92785" s="14" t="s">
        <v>41</v>
      </c>
      <c r="D92785" s="14" t="s">
        <v>463</v>
      </c>
      <c r="E92785" s="15">
        <v>45451</v>
      </c>
      <c r="F92785" s="14" t="s">
        <v>15</v>
      </c>
      <c r="G92785" s="16">
        <v>0</v>
      </c>
    </row>
    <row r="92786" spans="1:7" x14ac:dyDescent="0.3">
      <c r="A92786" s="13" t="s">
        <v>462</v>
      </c>
      <c r="B92786" s="14" t="s">
        <v>1</v>
      </c>
      <c r="C92786" s="14" t="s">
        <v>41</v>
      </c>
      <c r="D92786" s="14" t="s">
        <v>463</v>
      </c>
      <c r="E92786" s="15">
        <v>45452</v>
      </c>
      <c r="F92786" s="14" t="s">
        <v>15</v>
      </c>
      <c r="G92786" s="16">
        <v>0</v>
      </c>
    </row>
    <row r="92787" spans="1:7" x14ac:dyDescent="0.3">
      <c r="A92787" s="13" t="s">
        <v>462</v>
      </c>
      <c r="B92787" s="14" t="s">
        <v>1</v>
      </c>
      <c r="C92787" s="14" t="s">
        <v>41</v>
      </c>
      <c r="D92787" s="14" t="s">
        <v>463</v>
      </c>
      <c r="E92787" s="15">
        <v>45453</v>
      </c>
      <c r="F92787" s="14" t="s">
        <v>15</v>
      </c>
      <c r="G92787" s="16">
        <v>0</v>
      </c>
    </row>
    <row r="92788" spans="1:7" x14ac:dyDescent="0.3">
      <c r="A92788" s="13" t="s">
        <v>462</v>
      </c>
      <c r="B92788" s="14" t="s">
        <v>1</v>
      </c>
      <c r="C92788" s="14" t="s">
        <v>41</v>
      </c>
      <c r="D92788" s="14" t="s">
        <v>463</v>
      </c>
      <c r="E92788" s="15">
        <v>45454</v>
      </c>
      <c r="F92788" s="14" t="s">
        <v>15</v>
      </c>
      <c r="G92788" s="16">
        <v>0</v>
      </c>
    </row>
    <row r="92789" spans="1:7" x14ac:dyDescent="0.3">
      <c r="A92789" s="13" t="s">
        <v>462</v>
      </c>
      <c r="B92789" s="14" t="s">
        <v>1</v>
      </c>
      <c r="C92789" s="14" t="s">
        <v>41</v>
      </c>
      <c r="D92789" s="14" t="s">
        <v>463</v>
      </c>
      <c r="E92789" s="15">
        <v>45455</v>
      </c>
      <c r="F92789" s="14" t="s">
        <v>15</v>
      </c>
      <c r="G92789" s="16">
        <v>0</v>
      </c>
    </row>
    <row r="92790" spans="1:7" x14ac:dyDescent="0.3">
      <c r="A92790" s="13" t="s">
        <v>462</v>
      </c>
      <c r="B92790" s="14" t="s">
        <v>1</v>
      </c>
      <c r="C92790" s="14" t="s">
        <v>41</v>
      </c>
      <c r="D92790" s="14" t="s">
        <v>463</v>
      </c>
      <c r="E92790" s="15">
        <v>45456</v>
      </c>
      <c r="F92790" s="14" t="s">
        <v>15</v>
      </c>
      <c r="G92790" s="16">
        <v>0</v>
      </c>
    </row>
    <row r="92791" spans="1:7" x14ac:dyDescent="0.3">
      <c r="A92791" s="13" t="s">
        <v>462</v>
      </c>
      <c r="B92791" s="14" t="s">
        <v>1</v>
      </c>
      <c r="C92791" s="14" t="s">
        <v>41</v>
      </c>
      <c r="D92791" s="14" t="s">
        <v>463</v>
      </c>
      <c r="E92791" s="15">
        <v>45457</v>
      </c>
      <c r="F92791" s="14" t="s">
        <v>15</v>
      </c>
      <c r="G92791" s="16">
        <v>0</v>
      </c>
    </row>
    <row r="92792" spans="1:7" x14ac:dyDescent="0.3">
      <c r="A92792" s="13" t="s">
        <v>462</v>
      </c>
      <c r="B92792" s="14" t="s">
        <v>1</v>
      </c>
      <c r="C92792" s="14" t="s">
        <v>41</v>
      </c>
      <c r="D92792" s="14" t="s">
        <v>463</v>
      </c>
      <c r="E92792" s="15">
        <v>45458</v>
      </c>
      <c r="F92792" s="14" t="s">
        <v>15</v>
      </c>
      <c r="G92792" s="16">
        <v>0</v>
      </c>
    </row>
    <row r="92793" spans="1:7" x14ac:dyDescent="0.3">
      <c r="A92793" s="13" t="s">
        <v>462</v>
      </c>
      <c r="B92793" s="14" t="s">
        <v>1</v>
      </c>
      <c r="C92793" s="14" t="s">
        <v>41</v>
      </c>
      <c r="D92793" s="14" t="s">
        <v>463</v>
      </c>
      <c r="E92793" s="15">
        <v>45459</v>
      </c>
      <c r="F92793" s="14" t="s">
        <v>15</v>
      </c>
      <c r="G92793" s="16">
        <v>0</v>
      </c>
    </row>
    <row r="92794" spans="1:7" x14ac:dyDescent="0.3">
      <c r="A92794" s="13" t="s">
        <v>462</v>
      </c>
      <c r="B92794" s="14" t="s">
        <v>1</v>
      </c>
      <c r="C92794" s="14" t="s">
        <v>41</v>
      </c>
      <c r="D92794" s="14" t="s">
        <v>463</v>
      </c>
      <c r="E92794" s="15">
        <v>45460</v>
      </c>
      <c r="F92794" s="14" t="s">
        <v>15</v>
      </c>
      <c r="G92794" s="16">
        <v>0</v>
      </c>
    </row>
    <row r="92795" spans="1:7" x14ac:dyDescent="0.3">
      <c r="A92795" s="13" t="s">
        <v>462</v>
      </c>
      <c r="B92795" s="14" t="s">
        <v>1</v>
      </c>
      <c r="C92795" s="14" t="s">
        <v>41</v>
      </c>
      <c r="D92795" s="14" t="s">
        <v>463</v>
      </c>
      <c r="E92795" s="15">
        <v>45461</v>
      </c>
      <c r="F92795" s="14" t="s">
        <v>15</v>
      </c>
      <c r="G92795" s="16">
        <v>0</v>
      </c>
    </row>
    <row r="92796" spans="1:7" x14ac:dyDescent="0.3">
      <c r="A92796" s="13" t="s">
        <v>462</v>
      </c>
      <c r="B92796" s="14" t="s">
        <v>1</v>
      </c>
      <c r="C92796" s="14" t="s">
        <v>41</v>
      </c>
      <c r="D92796" s="14" t="s">
        <v>463</v>
      </c>
      <c r="E92796" s="15">
        <v>45462</v>
      </c>
      <c r="F92796" s="14" t="s">
        <v>15</v>
      </c>
      <c r="G92796" s="16">
        <v>0</v>
      </c>
    </row>
    <row r="92797" spans="1:7" x14ac:dyDescent="0.3">
      <c r="A92797" s="13" t="s">
        <v>462</v>
      </c>
      <c r="B92797" s="14" t="s">
        <v>1</v>
      </c>
      <c r="C92797" s="14" t="s">
        <v>41</v>
      </c>
      <c r="D92797" s="14" t="s">
        <v>463</v>
      </c>
      <c r="E92797" s="15">
        <v>45463</v>
      </c>
      <c r="F92797" s="14" t="s">
        <v>15</v>
      </c>
      <c r="G92797" s="16">
        <v>0</v>
      </c>
    </row>
    <row r="92798" spans="1:7" x14ac:dyDescent="0.3">
      <c r="A92798" s="13" t="s">
        <v>462</v>
      </c>
      <c r="B92798" s="14" t="s">
        <v>1</v>
      </c>
      <c r="C92798" s="14" t="s">
        <v>41</v>
      </c>
      <c r="D92798" s="14" t="s">
        <v>463</v>
      </c>
      <c r="E92798" s="15">
        <v>45464</v>
      </c>
      <c r="F92798" s="14" t="s">
        <v>15</v>
      </c>
      <c r="G92798" s="16">
        <v>0</v>
      </c>
    </row>
    <row r="92799" spans="1:7" x14ac:dyDescent="0.3">
      <c r="A92799" s="13" t="s">
        <v>462</v>
      </c>
      <c r="B92799" s="14" t="s">
        <v>1</v>
      </c>
      <c r="C92799" s="14" t="s">
        <v>41</v>
      </c>
      <c r="D92799" s="14" t="s">
        <v>463</v>
      </c>
      <c r="E92799" s="15">
        <v>45465</v>
      </c>
      <c r="F92799" s="14" t="s">
        <v>15</v>
      </c>
      <c r="G92799" s="16">
        <v>0</v>
      </c>
    </row>
    <row r="92800" spans="1:7" x14ac:dyDescent="0.3">
      <c r="A92800" s="13" t="s">
        <v>462</v>
      </c>
      <c r="B92800" s="14" t="s">
        <v>1</v>
      </c>
      <c r="C92800" s="14" t="s">
        <v>41</v>
      </c>
      <c r="D92800" s="14" t="s">
        <v>463</v>
      </c>
      <c r="E92800" s="15">
        <v>45466</v>
      </c>
      <c r="F92800" s="14" t="s">
        <v>15</v>
      </c>
      <c r="G92800" s="16">
        <v>0</v>
      </c>
    </row>
    <row r="92801" spans="1:7" x14ac:dyDescent="0.3">
      <c r="A92801" s="13" t="s">
        <v>462</v>
      </c>
      <c r="B92801" s="14" t="s">
        <v>1</v>
      </c>
      <c r="C92801" s="14" t="s">
        <v>41</v>
      </c>
      <c r="D92801" s="14" t="s">
        <v>463</v>
      </c>
      <c r="E92801" s="15">
        <v>45467</v>
      </c>
      <c r="F92801" s="14" t="s">
        <v>15</v>
      </c>
      <c r="G92801" s="16">
        <v>0</v>
      </c>
    </row>
    <row r="92802" spans="1:7" x14ac:dyDescent="0.3">
      <c r="A92802" s="13" t="s">
        <v>462</v>
      </c>
      <c r="B92802" s="14" t="s">
        <v>1</v>
      </c>
      <c r="C92802" s="14" t="s">
        <v>41</v>
      </c>
      <c r="D92802" s="14" t="s">
        <v>463</v>
      </c>
      <c r="E92802" s="15">
        <v>45468</v>
      </c>
      <c r="F92802" s="14" t="s">
        <v>15</v>
      </c>
      <c r="G92802" s="16">
        <v>0</v>
      </c>
    </row>
    <row r="92803" spans="1:7" x14ac:dyDescent="0.3">
      <c r="A92803" s="13" t="s">
        <v>462</v>
      </c>
      <c r="B92803" s="14" t="s">
        <v>1</v>
      </c>
      <c r="C92803" s="14" t="s">
        <v>41</v>
      </c>
      <c r="D92803" s="14" t="s">
        <v>463</v>
      </c>
      <c r="E92803" s="15">
        <v>45469</v>
      </c>
      <c r="F92803" s="14" t="s">
        <v>15</v>
      </c>
      <c r="G92803" s="16">
        <v>0</v>
      </c>
    </row>
    <row r="92804" spans="1:7" x14ac:dyDescent="0.3">
      <c r="A92804" s="13" t="s">
        <v>462</v>
      </c>
      <c r="B92804" s="14" t="s">
        <v>1</v>
      </c>
      <c r="C92804" s="14" t="s">
        <v>41</v>
      </c>
      <c r="D92804" s="14" t="s">
        <v>463</v>
      </c>
      <c r="E92804" s="15">
        <v>45470</v>
      </c>
      <c r="F92804" s="14" t="s">
        <v>15</v>
      </c>
      <c r="G92804" s="16">
        <v>0</v>
      </c>
    </row>
    <row r="92805" spans="1:7" x14ac:dyDescent="0.3">
      <c r="A92805" s="13" t="s">
        <v>462</v>
      </c>
      <c r="B92805" s="14" t="s">
        <v>1</v>
      </c>
      <c r="C92805" s="14" t="s">
        <v>41</v>
      </c>
      <c r="D92805" s="14" t="s">
        <v>463</v>
      </c>
      <c r="E92805" s="15">
        <v>45471</v>
      </c>
      <c r="F92805" s="14" t="s">
        <v>15</v>
      </c>
      <c r="G92805" s="16">
        <v>3.014251758291428E-2</v>
      </c>
    </row>
    <row r="92806" spans="1:7" x14ac:dyDescent="0.3">
      <c r="A92806" s="13" t="s">
        <v>462</v>
      </c>
      <c r="B92806" s="14" t="s">
        <v>1</v>
      </c>
      <c r="C92806" s="14" t="s">
        <v>41</v>
      </c>
      <c r="D92806" s="14" t="s">
        <v>463</v>
      </c>
      <c r="E92806" s="15">
        <v>45472</v>
      </c>
      <c r="F92806" s="14" t="s">
        <v>15</v>
      </c>
      <c r="G92806" s="16">
        <v>3.014251758291428E-2</v>
      </c>
    </row>
    <row r="92807" spans="1:7" x14ac:dyDescent="0.3">
      <c r="A92807" s="13" t="s">
        <v>462</v>
      </c>
      <c r="B92807" s="14" t="s">
        <v>1</v>
      </c>
      <c r="C92807" s="14" t="s">
        <v>41</v>
      </c>
      <c r="D92807" s="14" t="s">
        <v>463</v>
      </c>
      <c r="E92807" s="15">
        <v>45473</v>
      </c>
      <c r="F92807" s="14" t="s">
        <v>15</v>
      </c>
      <c r="G92807" s="16">
        <v>3.014251758291428E-2</v>
      </c>
    </row>
    <row r="92808" spans="1:7" x14ac:dyDescent="0.3">
      <c r="A92808" s="13" t="s">
        <v>462</v>
      </c>
      <c r="B92808" s="14" t="s">
        <v>1</v>
      </c>
      <c r="C92808" s="14" t="s">
        <v>41</v>
      </c>
      <c r="D92808" s="14" t="s">
        <v>463</v>
      </c>
      <c r="E92808" s="15">
        <v>45474</v>
      </c>
      <c r="F92808" s="14" t="s">
        <v>15</v>
      </c>
      <c r="G92808" s="16">
        <v>2.8072731248141202E-2</v>
      </c>
    </row>
    <row r="92809" spans="1:7" x14ac:dyDescent="0.3">
      <c r="A92809" s="13" t="s">
        <v>462</v>
      </c>
      <c r="B92809" s="14" t="s">
        <v>1</v>
      </c>
      <c r="C92809" s="14" t="s">
        <v>41</v>
      </c>
      <c r="D92809" s="14" t="s">
        <v>463</v>
      </c>
      <c r="E92809" s="15">
        <v>45475</v>
      </c>
      <c r="F92809" s="14" t="s">
        <v>15</v>
      </c>
      <c r="G92809" s="16">
        <v>2.188923476224815E-2</v>
      </c>
    </row>
    <row r="92810" spans="1:7" x14ac:dyDescent="0.3">
      <c r="A92810" s="13" t="s">
        <v>462</v>
      </c>
      <c r="B92810" s="14" t="s">
        <v>1</v>
      </c>
      <c r="C92810" s="14" t="s">
        <v>41</v>
      </c>
      <c r="D92810" s="14" t="s">
        <v>463</v>
      </c>
      <c r="E92810" s="15">
        <v>45476</v>
      </c>
      <c r="F92810" s="14" t="s">
        <v>15</v>
      </c>
      <c r="G92810" s="16">
        <v>1.9870229679149722E-2</v>
      </c>
    </row>
    <row r="92811" spans="1:7" x14ac:dyDescent="0.3">
      <c r="A92811" s="13" t="s">
        <v>462</v>
      </c>
      <c r="B92811" s="14" t="s">
        <v>1</v>
      </c>
      <c r="C92811" s="14" t="s">
        <v>41</v>
      </c>
      <c r="D92811" s="14" t="s">
        <v>463</v>
      </c>
      <c r="E92811" s="15">
        <v>45477</v>
      </c>
      <c r="F92811" s="14" t="s">
        <v>15</v>
      </c>
      <c r="G92811" s="16">
        <v>1.7898402601856944E-2</v>
      </c>
    </row>
    <row r="92812" spans="1:7" x14ac:dyDescent="0.3">
      <c r="A92812" s="13" t="s">
        <v>462</v>
      </c>
      <c r="B92812" s="14" t="s">
        <v>1</v>
      </c>
      <c r="C92812" s="14" t="s">
        <v>41</v>
      </c>
      <c r="D92812" s="14" t="s">
        <v>463</v>
      </c>
      <c r="E92812" s="15">
        <v>45478</v>
      </c>
      <c r="F92812" s="14" t="s">
        <v>15</v>
      </c>
      <c r="G92812" s="16">
        <v>1.5916326788029123E-2</v>
      </c>
    </row>
    <row r="92813" spans="1:7" x14ac:dyDescent="0.3">
      <c r="A92813" s="13" t="s">
        <v>462</v>
      </c>
      <c r="B92813" s="14" t="s">
        <v>1</v>
      </c>
      <c r="C92813" s="14" t="s">
        <v>41</v>
      </c>
      <c r="D92813" s="14" t="s">
        <v>463</v>
      </c>
      <c r="E92813" s="15">
        <v>45479</v>
      </c>
      <c r="F92813" s="14" t="s">
        <v>15</v>
      </c>
      <c r="G92813" s="16">
        <v>1.5916326788029123E-2</v>
      </c>
    </row>
    <row r="92814" spans="1:7" x14ac:dyDescent="0.3">
      <c r="A92814" s="13" t="s">
        <v>462</v>
      </c>
      <c r="B92814" s="14" t="s">
        <v>1</v>
      </c>
      <c r="C92814" s="14" t="s">
        <v>41</v>
      </c>
      <c r="D92814" s="14" t="s">
        <v>463</v>
      </c>
      <c r="E92814" s="15">
        <v>45480</v>
      </c>
      <c r="F92814" s="14" t="s">
        <v>15</v>
      </c>
      <c r="G92814" s="16">
        <v>1.5916326788029123E-2</v>
      </c>
    </row>
    <row r="92815" spans="1:7" x14ac:dyDescent="0.3">
      <c r="A92815" s="13" t="s">
        <v>462</v>
      </c>
      <c r="B92815" s="14" t="s">
        <v>1</v>
      </c>
      <c r="C92815" s="14" t="s">
        <v>41</v>
      </c>
      <c r="D92815" s="14" t="s">
        <v>463</v>
      </c>
      <c r="E92815" s="15">
        <v>45481</v>
      </c>
      <c r="F92815" s="14" t="s">
        <v>15</v>
      </c>
      <c r="G92815" s="16">
        <v>1.3856506785406132E-2</v>
      </c>
    </row>
    <row r="92816" spans="1:7" x14ac:dyDescent="0.3">
      <c r="A92816" s="13" t="s">
        <v>462</v>
      </c>
      <c r="B92816" s="14" t="s">
        <v>1</v>
      </c>
      <c r="C92816" s="14" t="s">
        <v>41</v>
      </c>
      <c r="D92816" s="14" t="s">
        <v>463</v>
      </c>
      <c r="E92816" s="15">
        <v>45482</v>
      </c>
      <c r="F92816" s="14" t="s">
        <v>15</v>
      </c>
      <c r="G92816" s="16">
        <v>7.6910555005468223E-3</v>
      </c>
    </row>
    <row r="92817" spans="1:7" x14ac:dyDescent="0.3">
      <c r="A92817" s="13" t="s">
        <v>462</v>
      </c>
      <c r="B92817" s="14" t="s">
        <v>1</v>
      </c>
      <c r="C92817" s="14" t="s">
        <v>41</v>
      </c>
      <c r="D92817" s="14" t="s">
        <v>463</v>
      </c>
      <c r="E92817" s="15">
        <v>45483</v>
      </c>
      <c r="F92817" s="14" t="s">
        <v>15</v>
      </c>
      <c r="G92817" s="16">
        <v>5.648968677276071E-3</v>
      </c>
    </row>
    <row r="92818" spans="1:7" x14ac:dyDescent="0.3">
      <c r="A92818" s="13" t="s">
        <v>462</v>
      </c>
      <c r="B92818" s="14" t="s">
        <v>1</v>
      </c>
      <c r="C92818" s="14" t="s">
        <v>41</v>
      </c>
      <c r="D92818" s="14" t="s">
        <v>463</v>
      </c>
      <c r="E92818" s="15">
        <v>45484</v>
      </c>
      <c r="F92818" s="14" t="s">
        <v>15</v>
      </c>
      <c r="G92818" s="16">
        <v>3.6635620907113624E-3</v>
      </c>
    </row>
    <row r="92819" spans="1:7" x14ac:dyDescent="0.3">
      <c r="A92819" s="13" t="s">
        <v>462</v>
      </c>
      <c r="B92819" s="14" t="s">
        <v>1</v>
      </c>
      <c r="C92819" s="14" t="s">
        <v>41</v>
      </c>
      <c r="D92819" s="14" t="s">
        <v>463</v>
      </c>
      <c r="E92819" s="15">
        <v>45485</v>
      </c>
      <c r="F92819" s="14" t="s">
        <v>15</v>
      </c>
      <c r="G92819" s="16">
        <v>1.5621752509382462E-3</v>
      </c>
    </row>
    <row r="92820" spans="1:7" x14ac:dyDescent="0.3">
      <c r="A92820" s="13" t="s">
        <v>462</v>
      </c>
      <c r="B92820" s="14" t="s">
        <v>1</v>
      </c>
      <c r="C92820" s="14" t="s">
        <v>41</v>
      </c>
      <c r="D92820" s="14" t="s">
        <v>463</v>
      </c>
      <c r="E92820" s="15">
        <v>45486</v>
      </c>
      <c r="F92820" s="14" t="s">
        <v>15</v>
      </c>
      <c r="G92820" s="16">
        <v>1.5621752509382462E-3</v>
      </c>
    </row>
    <row r="92821" spans="1:7" x14ac:dyDescent="0.3">
      <c r="A92821" s="13" t="s">
        <v>462</v>
      </c>
      <c r="B92821" s="14" t="s">
        <v>1</v>
      </c>
      <c r="C92821" s="14" t="s">
        <v>41</v>
      </c>
      <c r="D92821" s="14" t="s">
        <v>463</v>
      </c>
      <c r="E92821" s="15">
        <v>45487</v>
      </c>
      <c r="F92821" s="14" t="s">
        <v>15</v>
      </c>
      <c r="G92821" s="16">
        <v>1.5621752509382462E-3</v>
      </c>
    </row>
    <row r="92822" spans="1:7" x14ac:dyDescent="0.3">
      <c r="A92822" s="13" t="s">
        <v>462</v>
      </c>
      <c r="B92822" s="14" t="s">
        <v>1</v>
      </c>
      <c r="C92822" s="14" t="s">
        <v>41</v>
      </c>
      <c r="D92822" s="14" t="s">
        <v>463</v>
      </c>
      <c r="E92822" s="15">
        <v>45488</v>
      </c>
      <c r="F92822" s="14" t="s">
        <v>15</v>
      </c>
      <c r="G92822" s="16">
        <v>1.5621752509382462E-3</v>
      </c>
    </row>
    <row r="92823" spans="1:7" x14ac:dyDescent="0.3">
      <c r="A92823" s="13" t="s">
        <v>462</v>
      </c>
      <c r="B92823" s="14" t="s">
        <v>1</v>
      </c>
      <c r="C92823" s="14" t="s">
        <v>41</v>
      </c>
      <c r="D92823" s="14" t="s">
        <v>463</v>
      </c>
      <c r="E92823" s="15">
        <v>45489</v>
      </c>
      <c r="F92823" s="14" t="s">
        <v>15</v>
      </c>
      <c r="G92823" s="16">
        <v>0</v>
      </c>
    </row>
    <row r="92824" spans="1:7" x14ac:dyDescent="0.3">
      <c r="A92824" s="13" t="s">
        <v>462</v>
      </c>
      <c r="B92824" s="14" t="s">
        <v>1</v>
      </c>
      <c r="C92824" s="14" t="s">
        <v>41</v>
      </c>
      <c r="D92824" s="14" t="s">
        <v>463</v>
      </c>
      <c r="E92824" s="15">
        <v>45490</v>
      </c>
      <c r="F92824" s="14" t="s">
        <v>15</v>
      </c>
      <c r="G92824" s="16">
        <v>0</v>
      </c>
    </row>
    <row r="92825" spans="1:7" x14ac:dyDescent="0.3">
      <c r="A92825" s="13" t="s">
        <v>462</v>
      </c>
      <c r="B92825" s="14" t="s">
        <v>1</v>
      </c>
      <c r="C92825" s="14" t="s">
        <v>41</v>
      </c>
      <c r="D92825" s="14" t="s">
        <v>463</v>
      </c>
      <c r="E92825" s="15">
        <v>45491</v>
      </c>
      <c r="F92825" s="14" t="s">
        <v>15</v>
      </c>
      <c r="G92825" s="16">
        <v>0</v>
      </c>
    </row>
    <row r="92826" spans="1:7" x14ac:dyDescent="0.3">
      <c r="A92826" s="13" t="s">
        <v>462</v>
      </c>
      <c r="B92826" s="14" t="s">
        <v>1</v>
      </c>
      <c r="C92826" s="14" t="s">
        <v>41</v>
      </c>
      <c r="D92826" s="14" t="s">
        <v>463</v>
      </c>
      <c r="E92826" s="15">
        <v>45492</v>
      </c>
      <c r="F92826" s="14" t="s">
        <v>15</v>
      </c>
      <c r="G92826" s="16">
        <v>0</v>
      </c>
    </row>
    <row r="92827" spans="1:7" x14ac:dyDescent="0.3">
      <c r="A92827" s="13" t="s">
        <v>462</v>
      </c>
      <c r="B92827" s="14" t="s">
        <v>1</v>
      </c>
      <c r="C92827" s="14" t="s">
        <v>41</v>
      </c>
      <c r="D92827" s="14" t="s">
        <v>463</v>
      </c>
      <c r="E92827" s="15">
        <v>45493</v>
      </c>
      <c r="F92827" s="14" t="s">
        <v>15</v>
      </c>
      <c r="G92827" s="16">
        <v>0</v>
      </c>
    </row>
    <row r="92828" spans="1:7" x14ac:dyDescent="0.3">
      <c r="A92828" s="13" t="s">
        <v>462</v>
      </c>
      <c r="B92828" s="14" t="s">
        <v>1</v>
      </c>
      <c r="C92828" s="14" t="s">
        <v>41</v>
      </c>
      <c r="D92828" s="14" t="s">
        <v>463</v>
      </c>
      <c r="E92828" s="15">
        <v>45494</v>
      </c>
      <c r="F92828" s="14" t="s">
        <v>15</v>
      </c>
      <c r="G92828" s="16">
        <v>0</v>
      </c>
    </row>
    <row r="92829" spans="1:7" x14ac:dyDescent="0.3">
      <c r="A92829" s="13" t="s">
        <v>462</v>
      </c>
      <c r="B92829" s="14" t="s">
        <v>1</v>
      </c>
      <c r="C92829" s="14" t="s">
        <v>41</v>
      </c>
      <c r="D92829" s="14" t="s">
        <v>463</v>
      </c>
      <c r="E92829" s="15">
        <v>45495</v>
      </c>
      <c r="F92829" s="14" t="s">
        <v>15</v>
      </c>
      <c r="G92829" s="16">
        <v>0</v>
      </c>
    </row>
    <row r="92830" spans="1:7" x14ac:dyDescent="0.3">
      <c r="A92830" s="13" t="s">
        <v>462</v>
      </c>
      <c r="B92830" s="14" t="s">
        <v>1</v>
      </c>
      <c r="C92830" s="14" t="s">
        <v>41</v>
      </c>
      <c r="D92830" s="14" t="s">
        <v>463</v>
      </c>
      <c r="E92830" s="15">
        <v>45496</v>
      </c>
      <c r="F92830" s="14" t="s">
        <v>15</v>
      </c>
      <c r="G92830" s="16">
        <v>0</v>
      </c>
    </row>
    <row r="92831" spans="1:7" x14ac:dyDescent="0.3">
      <c r="A92831" s="13" t="s">
        <v>462</v>
      </c>
      <c r="B92831" s="14" t="s">
        <v>1</v>
      </c>
      <c r="C92831" s="14" t="s">
        <v>41</v>
      </c>
      <c r="D92831" s="14" t="s">
        <v>463</v>
      </c>
      <c r="E92831" s="15">
        <v>45497</v>
      </c>
      <c r="F92831" s="14" t="s">
        <v>15</v>
      </c>
      <c r="G92831" s="16">
        <v>0</v>
      </c>
    </row>
    <row r="92832" spans="1:7" x14ac:dyDescent="0.3">
      <c r="A92832" s="13" t="s">
        <v>462</v>
      </c>
      <c r="B92832" s="14" t="s">
        <v>1</v>
      </c>
      <c r="C92832" s="14" t="s">
        <v>41</v>
      </c>
      <c r="D92832" s="14" t="s">
        <v>463</v>
      </c>
      <c r="E92832" s="15">
        <v>45498</v>
      </c>
      <c r="F92832" s="14" t="s">
        <v>15</v>
      </c>
      <c r="G92832" s="16">
        <v>0</v>
      </c>
    </row>
    <row r="92833" spans="1:7" x14ac:dyDescent="0.3">
      <c r="A92833" s="13" t="s">
        <v>462</v>
      </c>
      <c r="B92833" s="14" t="s">
        <v>1</v>
      </c>
      <c r="C92833" s="14" t="s">
        <v>41</v>
      </c>
      <c r="D92833" s="14" t="s">
        <v>463</v>
      </c>
      <c r="E92833" s="15">
        <v>45499</v>
      </c>
      <c r="F92833" s="14" t="s">
        <v>15</v>
      </c>
      <c r="G92833" s="16">
        <v>0</v>
      </c>
    </row>
    <row r="92834" spans="1:7" x14ac:dyDescent="0.3">
      <c r="A92834" s="13" t="s">
        <v>462</v>
      </c>
      <c r="B92834" s="14" t="s">
        <v>1</v>
      </c>
      <c r="C92834" s="14" t="s">
        <v>41</v>
      </c>
      <c r="D92834" s="14" t="s">
        <v>463</v>
      </c>
      <c r="E92834" s="15">
        <v>45500</v>
      </c>
      <c r="F92834" s="14" t="s">
        <v>15</v>
      </c>
      <c r="G92834" s="16">
        <v>0</v>
      </c>
    </row>
    <row r="92835" spans="1:7" x14ac:dyDescent="0.3">
      <c r="A92835" s="13" t="s">
        <v>462</v>
      </c>
      <c r="B92835" s="14" t="s">
        <v>1</v>
      </c>
      <c r="C92835" s="14" t="s">
        <v>41</v>
      </c>
      <c r="D92835" s="14" t="s">
        <v>463</v>
      </c>
      <c r="E92835" s="15">
        <v>45501</v>
      </c>
      <c r="F92835" s="14" t="s">
        <v>15</v>
      </c>
      <c r="G92835" s="16">
        <v>0</v>
      </c>
    </row>
    <row r="92836" spans="1:7" x14ac:dyDescent="0.3">
      <c r="A92836" s="13" t="s">
        <v>462</v>
      </c>
      <c r="B92836" s="14" t="s">
        <v>1</v>
      </c>
      <c r="C92836" s="14" t="s">
        <v>41</v>
      </c>
      <c r="D92836" s="14" t="s">
        <v>463</v>
      </c>
      <c r="E92836" s="15">
        <v>45502</v>
      </c>
      <c r="F92836" s="14" t="s">
        <v>15</v>
      </c>
      <c r="G92836" s="16">
        <v>0</v>
      </c>
    </row>
    <row r="92837" spans="1:7" x14ac:dyDescent="0.3">
      <c r="A92837" s="13" t="s">
        <v>462</v>
      </c>
      <c r="B92837" s="14" t="s">
        <v>1</v>
      </c>
      <c r="C92837" s="14" t="s">
        <v>41</v>
      </c>
      <c r="D92837" s="14" t="s">
        <v>463</v>
      </c>
      <c r="E92837" s="15">
        <v>45503</v>
      </c>
      <c r="F92837" s="14" t="s">
        <v>15</v>
      </c>
      <c r="G92837" s="16">
        <v>0</v>
      </c>
    </row>
    <row r="92838" spans="1:7" x14ac:dyDescent="0.3">
      <c r="A92838" s="13" t="s">
        <v>462</v>
      </c>
      <c r="B92838" s="14" t="s">
        <v>1</v>
      </c>
      <c r="C92838" s="14" t="s">
        <v>41</v>
      </c>
      <c r="D92838" s="14" t="s">
        <v>463</v>
      </c>
      <c r="E92838" s="15">
        <v>45504</v>
      </c>
      <c r="F92838" s="14" t="s">
        <v>15</v>
      </c>
      <c r="G92838" s="16">
        <v>0</v>
      </c>
    </row>
    <row r="92839" spans="1:7" x14ac:dyDescent="0.3">
      <c r="A92839" s="13" t="s">
        <v>462</v>
      </c>
      <c r="B92839" s="14" t="s">
        <v>1</v>
      </c>
      <c r="C92839" s="14" t="s">
        <v>41</v>
      </c>
      <c r="D92839" s="14" t="s">
        <v>463</v>
      </c>
      <c r="E92839" s="15">
        <v>45505</v>
      </c>
      <c r="F92839" s="14" t="s">
        <v>15</v>
      </c>
      <c r="G92839" s="16">
        <v>0</v>
      </c>
    </row>
    <row r="92840" spans="1:7" x14ac:dyDescent="0.3">
      <c r="A92840" s="13" t="s">
        <v>462</v>
      </c>
      <c r="B92840" s="14" t="s">
        <v>1</v>
      </c>
      <c r="C92840" s="14" t="s">
        <v>41</v>
      </c>
      <c r="D92840" s="14" t="s">
        <v>463</v>
      </c>
      <c r="E92840" s="15">
        <v>45506</v>
      </c>
      <c r="F92840" s="14" t="s">
        <v>15</v>
      </c>
      <c r="G92840" s="16">
        <v>0</v>
      </c>
    </row>
    <row r="92841" spans="1:7" x14ac:dyDescent="0.3">
      <c r="A92841" s="13" t="s">
        <v>462</v>
      </c>
      <c r="B92841" s="14" t="s">
        <v>1</v>
      </c>
      <c r="C92841" s="14" t="s">
        <v>41</v>
      </c>
      <c r="D92841" s="14" t="s">
        <v>463</v>
      </c>
      <c r="E92841" s="15">
        <v>45507</v>
      </c>
      <c r="F92841" s="14" t="s">
        <v>15</v>
      </c>
      <c r="G92841" s="16">
        <v>0</v>
      </c>
    </row>
    <row r="92842" spans="1:7" x14ac:dyDescent="0.3">
      <c r="A92842" s="13" t="s">
        <v>462</v>
      </c>
      <c r="B92842" s="14" t="s">
        <v>1</v>
      </c>
      <c r="C92842" s="14" t="s">
        <v>41</v>
      </c>
      <c r="D92842" s="14" t="s">
        <v>463</v>
      </c>
      <c r="E92842" s="15">
        <v>45508</v>
      </c>
      <c r="F92842" s="14" t="s">
        <v>15</v>
      </c>
      <c r="G92842" s="16">
        <v>0</v>
      </c>
    </row>
    <row r="92843" spans="1:7" x14ac:dyDescent="0.3">
      <c r="A92843" s="13" t="s">
        <v>462</v>
      </c>
      <c r="B92843" s="14" t="s">
        <v>1</v>
      </c>
      <c r="C92843" s="14" t="s">
        <v>41</v>
      </c>
      <c r="D92843" s="14" t="s">
        <v>463</v>
      </c>
      <c r="E92843" s="15">
        <v>45509</v>
      </c>
      <c r="F92843" s="14" t="s">
        <v>15</v>
      </c>
      <c r="G92843" s="16">
        <v>0</v>
      </c>
    </row>
    <row r="92844" spans="1:7" x14ac:dyDescent="0.3">
      <c r="A92844" s="13" t="s">
        <v>462</v>
      </c>
      <c r="B92844" s="14" t="s">
        <v>1</v>
      </c>
      <c r="C92844" s="14" t="s">
        <v>41</v>
      </c>
      <c r="D92844" s="14" t="s">
        <v>463</v>
      </c>
      <c r="E92844" s="15">
        <v>45510</v>
      </c>
      <c r="F92844" s="14" t="s">
        <v>15</v>
      </c>
      <c r="G92844" s="16">
        <v>0</v>
      </c>
    </row>
    <row r="92845" spans="1:7" x14ac:dyDescent="0.3">
      <c r="A92845" s="13" t="s">
        <v>462</v>
      </c>
      <c r="B92845" s="14" t="s">
        <v>1</v>
      </c>
      <c r="C92845" s="14" t="s">
        <v>41</v>
      </c>
      <c r="D92845" s="14" t="s">
        <v>463</v>
      </c>
      <c r="E92845" s="15">
        <v>45511</v>
      </c>
      <c r="F92845" s="14" t="s">
        <v>15</v>
      </c>
      <c r="G92845" s="16">
        <v>0</v>
      </c>
    </row>
    <row r="92846" spans="1:7" x14ac:dyDescent="0.3">
      <c r="A92846" s="13" t="s">
        <v>462</v>
      </c>
      <c r="B92846" s="14" t="s">
        <v>1</v>
      </c>
      <c r="C92846" s="14" t="s">
        <v>41</v>
      </c>
      <c r="D92846" s="14" t="s">
        <v>463</v>
      </c>
      <c r="E92846" s="15">
        <v>45512</v>
      </c>
      <c r="F92846" s="14" t="s">
        <v>15</v>
      </c>
      <c r="G92846" s="16">
        <v>0</v>
      </c>
    </row>
    <row r="92847" spans="1:7" x14ac:dyDescent="0.3">
      <c r="A92847" s="13" t="s">
        <v>462</v>
      </c>
      <c r="B92847" s="14" t="s">
        <v>1</v>
      </c>
      <c r="C92847" s="14" t="s">
        <v>41</v>
      </c>
      <c r="D92847" s="14" t="s">
        <v>463</v>
      </c>
      <c r="E92847" s="15">
        <v>45513</v>
      </c>
      <c r="F92847" s="14" t="s">
        <v>15</v>
      </c>
      <c r="G92847" s="16">
        <v>0</v>
      </c>
    </row>
    <row r="92848" spans="1:7" x14ac:dyDescent="0.3">
      <c r="A92848" s="13" t="s">
        <v>462</v>
      </c>
      <c r="B92848" s="14" t="s">
        <v>1</v>
      </c>
      <c r="C92848" s="14" t="s">
        <v>41</v>
      </c>
      <c r="D92848" s="14" t="s">
        <v>463</v>
      </c>
      <c r="E92848" s="15">
        <v>45514</v>
      </c>
      <c r="F92848" s="14" t="s">
        <v>15</v>
      </c>
      <c r="G92848" s="16">
        <v>0</v>
      </c>
    </row>
    <row r="92849" spans="1:7" x14ac:dyDescent="0.3">
      <c r="A92849" s="13" t="s">
        <v>462</v>
      </c>
      <c r="B92849" s="14" t="s">
        <v>1</v>
      </c>
      <c r="C92849" s="14" t="s">
        <v>41</v>
      </c>
      <c r="D92849" s="14" t="s">
        <v>463</v>
      </c>
      <c r="E92849" s="15">
        <v>45515</v>
      </c>
      <c r="F92849" s="14" t="s">
        <v>15</v>
      </c>
      <c r="G92849" s="16">
        <v>0</v>
      </c>
    </row>
    <row r="92850" spans="1:7" x14ac:dyDescent="0.3">
      <c r="A92850" s="13" t="s">
        <v>462</v>
      </c>
      <c r="B92850" s="14" t="s">
        <v>1</v>
      </c>
      <c r="C92850" s="14" t="s">
        <v>41</v>
      </c>
      <c r="D92850" s="14" t="s">
        <v>463</v>
      </c>
      <c r="E92850" s="15">
        <v>45516</v>
      </c>
      <c r="F92850" s="14" t="s">
        <v>15</v>
      </c>
      <c r="G92850" s="16">
        <v>0</v>
      </c>
    </row>
    <row r="92851" spans="1:7" x14ac:dyDescent="0.3">
      <c r="A92851" s="13" t="s">
        <v>462</v>
      </c>
      <c r="B92851" s="14" t="s">
        <v>1</v>
      </c>
      <c r="C92851" s="14" t="s">
        <v>41</v>
      </c>
      <c r="D92851" s="14" t="s">
        <v>463</v>
      </c>
      <c r="E92851" s="15">
        <v>45517</v>
      </c>
      <c r="F92851" s="14" t="s">
        <v>15</v>
      </c>
      <c r="G92851" s="16">
        <v>0</v>
      </c>
    </row>
    <row r="92852" spans="1:7" x14ac:dyDescent="0.3">
      <c r="A92852" s="13" t="s">
        <v>462</v>
      </c>
      <c r="B92852" s="14" t="s">
        <v>1</v>
      </c>
      <c r="C92852" s="14" t="s">
        <v>41</v>
      </c>
      <c r="D92852" s="14" t="s">
        <v>463</v>
      </c>
      <c r="E92852" s="15">
        <v>45518</v>
      </c>
      <c r="F92852" s="14" t="s">
        <v>15</v>
      </c>
      <c r="G92852" s="16">
        <v>0</v>
      </c>
    </row>
    <row r="92853" spans="1:7" x14ac:dyDescent="0.3">
      <c r="A92853" s="13" t="s">
        <v>462</v>
      </c>
      <c r="B92853" s="14" t="s">
        <v>1</v>
      </c>
      <c r="C92853" s="14" t="s">
        <v>41</v>
      </c>
      <c r="D92853" s="14" t="s">
        <v>463</v>
      </c>
      <c r="E92853" s="15">
        <v>45519</v>
      </c>
      <c r="F92853" s="14" t="s">
        <v>15</v>
      </c>
      <c r="G92853" s="16">
        <v>0</v>
      </c>
    </row>
    <row r="92854" spans="1:7" x14ac:dyDescent="0.3">
      <c r="A92854" s="13" t="s">
        <v>462</v>
      </c>
      <c r="B92854" s="14" t="s">
        <v>1</v>
      </c>
      <c r="C92854" s="14" t="s">
        <v>41</v>
      </c>
      <c r="D92854" s="14" t="s">
        <v>463</v>
      </c>
      <c r="E92854" s="15">
        <v>45520</v>
      </c>
      <c r="F92854" s="14" t="s">
        <v>15</v>
      </c>
      <c r="G92854" s="16">
        <v>0</v>
      </c>
    </row>
    <row r="92855" spans="1:7" x14ac:dyDescent="0.3">
      <c r="A92855" s="13" t="s">
        <v>462</v>
      </c>
      <c r="B92855" s="14" t="s">
        <v>1</v>
      </c>
      <c r="C92855" s="14" t="s">
        <v>41</v>
      </c>
      <c r="D92855" s="14" t="s">
        <v>463</v>
      </c>
      <c r="E92855" s="15">
        <v>45521</v>
      </c>
      <c r="F92855" s="14" t="s">
        <v>15</v>
      </c>
      <c r="G92855" s="16">
        <v>0</v>
      </c>
    </row>
    <row r="92856" spans="1:7" x14ac:dyDescent="0.3">
      <c r="A92856" s="13" t="s">
        <v>462</v>
      </c>
      <c r="B92856" s="14" t="s">
        <v>1</v>
      </c>
      <c r="C92856" s="14" t="s">
        <v>41</v>
      </c>
      <c r="D92856" s="14" t="s">
        <v>463</v>
      </c>
      <c r="E92856" s="15">
        <v>45522</v>
      </c>
      <c r="F92856" s="14" t="s">
        <v>15</v>
      </c>
      <c r="G92856" s="16">
        <v>0</v>
      </c>
    </row>
    <row r="92857" spans="1:7" x14ac:dyDescent="0.3">
      <c r="A92857" s="13" t="s">
        <v>462</v>
      </c>
      <c r="B92857" s="14" t="s">
        <v>1</v>
      </c>
      <c r="C92857" s="14" t="s">
        <v>41</v>
      </c>
      <c r="D92857" s="14" t="s">
        <v>463</v>
      </c>
      <c r="E92857" s="15">
        <v>45523</v>
      </c>
      <c r="F92857" s="14" t="s">
        <v>15</v>
      </c>
      <c r="G92857" s="16">
        <v>0</v>
      </c>
    </row>
    <row r="92858" spans="1:7" x14ac:dyDescent="0.3">
      <c r="A92858" s="13" t="s">
        <v>462</v>
      </c>
      <c r="B92858" s="14" t="s">
        <v>1</v>
      </c>
      <c r="C92858" s="14" t="s">
        <v>41</v>
      </c>
      <c r="D92858" s="14" t="s">
        <v>463</v>
      </c>
      <c r="E92858" s="15">
        <v>45524</v>
      </c>
      <c r="F92858" s="14" t="s">
        <v>15</v>
      </c>
      <c r="G92858" s="16">
        <v>0</v>
      </c>
    </row>
    <row r="92859" spans="1:7" x14ac:dyDescent="0.3">
      <c r="A92859" s="13" t="s">
        <v>462</v>
      </c>
      <c r="B92859" s="14" t="s">
        <v>1</v>
      </c>
      <c r="C92859" s="14" t="s">
        <v>41</v>
      </c>
      <c r="D92859" s="14" t="s">
        <v>463</v>
      </c>
      <c r="E92859" s="15">
        <v>45525</v>
      </c>
      <c r="F92859" s="14" t="s">
        <v>15</v>
      </c>
      <c r="G92859" s="16">
        <v>0</v>
      </c>
    </row>
    <row r="92860" spans="1:7" x14ac:dyDescent="0.3">
      <c r="A92860" s="13" t="s">
        <v>462</v>
      </c>
      <c r="B92860" s="14" t="s">
        <v>1</v>
      </c>
      <c r="C92860" s="14" t="s">
        <v>41</v>
      </c>
      <c r="D92860" s="14" t="s">
        <v>463</v>
      </c>
      <c r="E92860" s="15">
        <v>45526</v>
      </c>
      <c r="F92860" s="14" t="s">
        <v>15</v>
      </c>
      <c r="G92860" s="16">
        <v>0</v>
      </c>
    </row>
    <row r="92861" spans="1:7" x14ac:dyDescent="0.3">
      <c r="A92861" s="13" t="s">
        <v>462</v>
      </c>
      <c r="B92861" s="14" t="s">
        <v>1</v>
      </c>
      <c r="C92861" s="14" t="s">
        <v>41</v>
      </c>
      <c r="D92861" s="14" t="s">
        <v>463</v>
      </c>
      <c r="E92861" s="15">
        <v>45527</v>
      </c>
      <c r="F92861" s="14" t="s">
        <v>15</v>
      </c>
      <c r="G92861" s="16">
        <v>0</v>
      </c>
    </row>
    <row r="92862" spans="1:7" x14ac:dyDescent="0.3">
      <c r="A92862" s="13" t="s">
        <v>462</v>
      </c>
      <c r="B92862" s="14" t="s">
        <v>1</v>
      </c>
      <c r="C92862" s="14" t="s">
        <v>41</v>
      </c>
      <c r="D92862" s="14" t="s">
        <v>463</v>
      </c>
      <c r="E92862" s="15">
        <v>45528</v>
      </c>
      <c r="F92862" s="14" t="s">
        <v>15</v>
      </c>
      <c r="G92862" s="16">
        <v>0</v>
      </c>
    </row>
    <row r="92863" spans="1:7" x14ac:dyDescent="0.3">
      <c r="A92863" s="13" t="s">
        <v>462</v>
      </c>
      <c r="B92863" s="14" t="s">
        <v>1</v>
      </c>
      <c r="C92863" s="14" t="s">
        <v>41</v>
      </c>
      <c r="D92863" s="14" t="s">
        <v>463</v>
      </c>
      <c r="E92863" s="15">
        <v>45529</v>
      </c>
      <c r="F92863" s="14" t="s">
        <v>15</v>
      </c>
      <c r="G92863" s="16">
        <v>0</v>
      </c>
    </row>
    <row r="92864" spans="1:7" x14ac:dyDescent="0.3">
      <c r="A92864" s="13" t="s">
        <v>462</v>
      </c>
      <c r="B92864" s="14" t="s">
        <v>1</v>
      </c>
      <c r="C92864" s="14" t="s">
        <v>41</v>
      </c>
      <c r="D92864" s="14" t="s">
        <v>463</v>
      </c>
      <c r="E92864" s="15">
        <v>45530</v>
      </c>
      <c r="F92864" s="14" t="s">
        <v>15</v>
      </c>
      <c r="G92864" s="16">
        <v>0</v>
      </c>
    </row>
    <row r="92865" spans="1:7" x14ac:dyDescent="0.3">
      <c r="A92865" s="13" t="s">
        <v>462</v>
      </c>
      <c r="B92865" s="14" t="s">
        <v>1</v>
      </c>
      <c r="C92865" s="14" t="s">
        <v>41</v>
      </c>
      <c r="D92865" s="14" t="s">
        <v>463</v>
      </c>
      <c r="E92865" s="15">
        <v>45531</v>
      </c>
      <c r="F92865" s="14" t="s">
        <v>15</v>
      </c>
      <c r="G92865" s="16">
        <v>0</v>
      </c>
    </row>
    <row r="92866" spans="1:7" x14ac:dyDescent="0.3">
      <c r="A92866" s="13" t="s">
        <v>462</v>
      </c>
      <c r="B92866" s="14" t="s">
        <v>1</v>
      </c>
      <c r="C92866" s="14" t="s">
        <v>41</v>
      </c>
      <c r="D92866" s="14" t="s">
        <v>463</v>
      </c>
      <c r="E92866" s="15">
        <v>45532</v>
      </c>
      <c r="F92866" s="14" t="s">
        <v>15</v>
      </c>
      <c r="G92866" s="16">
        <v>0</v>
      </c>
    </row>
    <row r="92867" spans="1:7" x14ac:dyDescent="0.3">
      <c r="A92867" s="13" t="s">
        <v>462</v>
      </c>
      <c r="B92867" s="14" t="s">
        <v>1</v>
      </c>
      <c r="C92867" s="14" t="s">
        <v>41</v>
      </c>
      <c r="D92867" s="14" t="s">
        <v>463</v>
      </c>
      <c r="E92867" s="15">
        <v>45533</v>
      </c>
      <c r="F92867" s="14" t="s">
        <v>15</v>
      </c>
      <c r="G92867" s="16">
        <v>0</v>
      </c>
    </row>
    <row r="92868" spans="1:7" x14ac:dyDescent="0.3">
      <c r="A92868" s="13" t="s">
        <v>462</v>
      </c>
      <c r="B92868" s="14" t="s">
        <v>1</v>
      </c>
      <c r="C92868" s="14" t="s">
        <v>41</v>
      </c>
      <c r="D92868" s="14" t="s">
        <v>463</v>
      </c>
      <c r="E92868" s="15">
        <v>45534</v>
      </c>
      <c r="F92868" s="14" t="s">
        <v>15</v>
      </c>
      <c r="G92868" s="16">
        <v>0</v>
      </c>
    </row>
    <row r="92869" spans="1:7" x14ac:dyDescent="0.3">
      <c r="A92869" s="13" t="s">
        <v>462</v>
      </c>
      <c r="B92869" s="14" t="s">
        <v>1</v>
      </c>
      <c r="C92869" s="14" t="s">
        <v>41</v>
      </c>
      <c r="D92869" s="14" t="s">
        <v>463</v>
      </c>
      <c r="E92869" s="15">
        <v>45535</v>
      </c>
      <c r="F92869" s="14" t="s">
        <v>15</v>
      </c>
      <c r="G92869" s="16">
        <v>0</v>
      </c>
    </row>
    <row r="92870" spans="1:7" x14ac:dyDescent="0.3">
      <c r="A92870" s="13" t="s">
        <v>462</v>
      </c>
      <c r="B92870" s="14" t="s">
        <v>1</v>
      </c>
      <c r="C92870" s="14" t="s">
        <v>41</v>
      </c>
      <c r="D92870" s="14" t="s">
        <v>463</v>
      </c>
      <c r="E92870" s="15">
        <v>45536</v>
      </c>
      <c r="F92870" s="14" t="s">
        <v>15</v>
      </c>
      <c r="G92870" s="16">
        <v>0</v>
      </c>
    </row>
    <row r="92871" spans="1:7" x14ac:dyDescent="0.3">
      <c r="A92871" s="13" t="s">
        <v>462</v>
      </c>
      <c r="B92871" s="14" t="s">
        <v>1</v>
      </c>
      <c r="C92871" s="14" t="s">
        <v>41</v>
      </c>
      <c r="D92871" s="14" t="s">
        <v>463</v>
      </c>
      <c r="E92871" s="15">
        <v>45537</v>
      </c>
      <c r="F92871" s="14" t="s">
        <v>15</v>
      </c>
      <c r="G92871" s="16">
        <v>0</v>
      </c>
    </row>
    <row r="92872" spans="1:7" x14ac:dyDescent="0.3">
      <c r="A92872" s="13" t="s">
        <v>462</v>
      </c>
      <c r="B92872" s="14" t="s">
        <v>1</v>
      </c>
      <c r="C92872" s="14" t="s">
        <v>41</v>
      </c>
      <c r="D92872" s="14" t="s">
        <v>463</v>
      </c>
      <c r="E92872" s="15">
        <v>45538</v>
      </c>
      <c r="F92872" s="14" t="s">
        <v>15</v>
      </c>
      <c r="G92872" s="16">
        <v>0</v>
      </c>
    </row>
    <row r="92873" spans="1:7" x14ac:dyDescent="0.3">
      <c r="A92873" s="13" t="s">
        <v>462</v>
      </c>
      <c r="B92873" s="14" t="s">
        <v>1</v>
      </c>
      <c r="C92873" s="14" t="s">
        <v>41</v>
      </c>
      <c r="D92873" s="14" t="s">
        <v>463</v>
      </c>
      <c r="E92873" s="15">
        <v>45539</v>
      </c>
      <c r="F92873" s="14" t="s">
        <v>15</v>
      </c>
      <c r="G92873" s="16">
        <v>0</v>
      </c>
    </row>
    <row r="92874" spans="1:7" x14ac:dyDescent="0.3">
      <c r="A92874" s="13" t="s">
        <v>462</v>
      </c>
      <c r="B92874" s="14" t="s">
        <v>1</v>
      </c>
      <c r="C92874" s="14" t="s">
        <v>41</v>
      </c>
      <c r="D92874" s="14" t="s">
        <v>463</v>
      </c>
      <c r="E92874" s="15">
        <v>45540</v>
      </c>
      <c r="F92874" s="14" t="s">
        <v>15</v>
      </c>
      <c r="G92874" s="16">
        <v>0</v>
      </c>
    </row>
    <row r="92875" spans="1:7" x14ac:dyDescent="0.3">
      <c r="A92875" s="13" t="s">
        <v>462</v>
      </c>
      <c r="B92875" s="14" t="s">
        <v>1</v>
      </c>
      <c r="C92875" s="14" t="s">
        <v>41</v>
      </c>
      <c r="D92875" s="14" t="s">
        <v>463</v>
      </c>
      <c r="E92875" s="15">
        <v>45541</v>
      </c>
      <c r="F92875" s="14" t="s">
        <v>15</v>
      </c>
      <c r="G92875" s="16">
        <v>0</v>
      </c>
    </row>
    <row r="92876" spans="1:7" x14ac:dyDescent="0.3">
      <c r="A92876" s="13" t="s">
        <v>462</v>
      </c>
      <c r="B92876" s="14" t="s">
        <v>1</v>
      </c>
      <c r="C92876" s="14" t="s">
        <v>41</v>
      </c>
      <c r="D92876" s="14" t="s">
        <v>463</v>
      </c>
      <c r="E92876" s="15">
        <v>45542</v>
      </c>
      <c r="F92876" s="14" t="s">
        <v>15</v>
      </c>
      <c r="G92876" s="16">
        <v>0</v>
      </c>
    </row>
    <row r="92877" spans="1:7" x14ac:dyDescent="0.3">
      <c r="A92877" s="13" t="s">
        <v>462</v>
      </c>
      <c r="B92877" s="14" t="s">
        <v>1</v>
      </c>
      <c r="C92877" s="14" t="s">
        <v>41</v>
      </c>
      <c r="D92877" s="14" t="s">
        <v>463</v>
      </c>
      <c r="E92877" s="15">
        <v>45543</v>
      </c>
      <c r="F92877" s="14" t="s">
        <v>15</v>
      </c>
      <c r="G92877" s="16">
        <v>0</v>
      </c>
    </row>
    <row r="92878" spans="1:7" x14ac:dyDescent="0.3">
      <c r="A92878" s="13" t="s">
        <v>462</v>
      </c>
      <c r="B92878" s="14" t="s">
        <v>1</v>
      </c>
      <c r="C92878" s="14" t="s">
        <v>41</v>
      </c>
      <c r="D92878" s="14" t="s">
        <v>463</v>
      </c>
      <c r="E92878" s="15">
        <v>45544</v>
      </c>
      <c r="F92878" s="14" t="s">
        <v>15</v>
      </c>
      <c r="G92878" s="16">
        <v>0</v>
      </c>
    </row>
    <row r="92879" spans="1:7" x14ac:dyDescent="0.3">
      <c r="A92879" s="13" t="s">
        <v>462</v>
      </c>
      <c r="B92879" s="14" t="s">
        <v>1</v>
      </c>
      <c r="C92879" s="14" t="s">
        <v>41</v>
      </c>
      <c r="D92879" s="14" t="s">
        <v>463</v>
      </c>
      <c r="E92879" s="15">
        <v>45545</v>
      </c>
      <c r="F92879" s="14" t="s">
        <v>15</v>
      </c>
      <c r="G92879" s="16">
        <v>0</v>
      </c>
    </row>
    <row r="92880" spans="1:7" x14ac:dyDescent="0.3">
      <c r="A92880" s="13" t="s">
        <v>462</v>
      </c>
      <c r="B92880" s="14" t="s">
        <v>1</v>
      </c>
      <c r="C92880" s="14" t="s">
        <v>41</v>
      </c>
      <c r="D92880" s="14" t="s">
        <v>463</v>
      </c>
      <c r="E92880" s="15">
        <v>45546</v>
      </c>
      <c r="F92880" s="14" t="s">
        <v>15</v>
      </c>
      <c r="G92880" s="16">
        <v>0</v>
      </c>
    </row>
    <row r="92881" spans="1:7" x14ac:dyDescent="0.3">
      <c r="A92881" s="13" t="s">
        <v>462</v>
      </c>
      <c r="B92881" s="14" t="s">
        <v>1</v>
      </c>
      <c r="C92881" s="14" t="s">
        <v>41</v>
      </c>
      <c r="D92881" s="14" t="s">
        <v>463</v>
      </c>
      <c r="E92881" s="15">
        <v>45547</v>
      </c>
      <c r="F92881" s="14" t="s">
        <v>15</v>
      </c>
      <c r="G92881" s="16">
        <v>0</v>
      </c>
    </row>
    <row r="92882" spans="1:7" x14ac:dyDescent="0.3">
      <c r="A92882" s="13" t="s">
        <v>462</v>
      </c>
      <c r="B92882" s="14" t="s">
        <v>1</v>
      </c>
      <c r="C92882" s="14" t="s">
        <v>41</v>
      </c>
      <c r="D92882" s="14" t="s">
        <v>463</v>
      </c>
      <c r="E92882" s="15">
        <v>45548</v>
      </c>
      <c r="F92882" s="14" t="s">
        <v>15</v>
      </c>
      <c r="G92882" s="16">
        <v>0</v>
      </c>
    </row>
    <row r="92883" spans="1:7" x14ac:dyDescent="0.3">
      <c r="A92883" s="13" t="s">
        <v>462</v>
      </c>
      <c r="B92883" s="14" t="s">
        <v>1</v>
      </c>
      <c r="C92883" s="14" t="s">
        <v>41</v>
      </c>
      <c r="D92883" s="14" t="s">
        <v>463</v>
      </c>
      <c r="E92883" s="15">
        <v>45549</v>
      </c>
      <c r="F92883" s="14" t="s">
        <v>15</v>
      </c>
      <c r="G92883" s="16">
        <v>0</v>
      </c>
    </row>
    <row r="92884" spans="1:7" x14ac:dyDescent="0.3">
      <c r="A92884" s="13" t="s">
        <v>462</v>
      </c>
      <c r="B92884" s="14" t="s">
        <v>1</v>
      </c>
      <c r="C92884" s="14" t="s">
        <v>41</v>
      </c>
      <c r="D92884" s="14" t="s">
        <v>463</v>
      </c>
      <c r="E92884" s="15">
        <v>45550</v>
      </c>
      <c r="F92884" s="14" t="s">
        <v>15</v>
      </c>
      <c r="G92884" s="16">
        <v>0</v>
      </c>
    </row>
    <row r="92885" spans="1:7" x14ac:dyDescent="0.3">
      <c r="A92885" s="13" t="s">
        <v>462</v>
      </c>
      <c r="B92885" s="14" t="s">
        <v>1</v>
      </c>
      <c r="C92885" s="14" t="s">
        <v>41</v>
      </c>
      <c r="D92885" s="14" t="s">
        <v>463</v>
      </c>
      <c r="E92885" s="15">
        <v>45551</v>
      </c>
      <c r="F92885" s="14" t="s">
        <v>15</v>
      </c>
      <c r="G92885" s="16">
        <v>0</v>
      </c>
    </row>
    <row r="92886" spans="1:7" x14ac:dyDescent="0.3">
      <c r="A92886" s="13" t="s">
        <v>462</v>
      </c>
      <c r="B92886" s="14" t="s">
        <v>1</v>
      </c>
      <c r="C92886" s="14" t="s">
        <v>41</v>
      </c>
      <c r="D92886" s="14" t="s">
        <v>463</v>
      </c>
      <c r="E92886" s="15">
        <v>45552</v>
      </c>
      <c r="F92886" s="14" t="s">
        <v>15</v>
      </c>
      <c r="G92886" s="16">
        <v>0</v>
      </c>
    </row>
    <row r="92887" spans="1:7" x14ac:dyDescent="0.3">
      <c r="A92887" s="13" t="s">
        <v>462</v>
      </c>
      <c r="B92887" s="14" t="s">
        <v>1</v>
      </c>
      <c r="C92887" s="14" t="s">
        <v>41</v>
      </c>
      <c r="D92887" s="14" t="s">
        <v>463</v>
      </c>
      <c r="E92887" s="15">
        <v>45553</v>
      </c>
      <c r="F92887" s="14" t="s">
        <v>15</v>
      </c>
      <c r="G92887" s="16">
        <v>0</v>
      </c>
    </row>
    <row r="92888" spans="1:7" x14ac:dyDescent="0.3">
      <c r="A92888" s="13" t="s">
        <v>462</v>
      </c>
      <c r="B92888" s="14" t="s">
        <v>1</v>
      </c>
      <c r="C92888" s="14" t="s">
        <v>41</v>
      </c>
      <c r="D92888" s="14" t="s">
        <v>463</v>
      </c>
      <c r="E92888" s="15">
        <v>45554</v>
      </c>
      <c r="F92888" s="14" t="s">
        <v>15</v>
      </c>
      <c r="G92888" s="16">
        <v>0</v>
      </c>
    </row>
    <row r="92889" spans="1:7" x14ac:dyDescent="0.3">
      <c r="A92889" s="13" t="s">
        <v>462</v>
      </c>
      <c r="B92889" s="14" t="s">
        <v>1</v>
      </c>
      <c r="C92889" s="14" t="s">
        <v>41</v>
      </c>
      <c r="D92889" s="14" t="s">
        <v>463</v>
      </c>
      <c r="E92889" s="15">
        <v>45555</v>
      </c>
      <c r="F92889" s="14" t="s">
        <v>15</v>
      </c>
      <c r="G92889" s="16">
        <v>0</v>
      </c>
    </row>
    <row r="92890" spans="1:7" x14ac:dyDescent="0.3">
      <c r="A92890" s="13" t="s">
        <v>462</v>
      </c>
      <c r="B92890" s="14" t="s">
        <v>1</v>
      </c>
      <c r="C92890" s="14" t="s">
        <v>41</v>
      </c>
      <c r="D92890" s="14" t="s">
        <v>463</v>
      </c>
      <c r="E92890" s="15">
        <v>45556</v>
      </c>
      <c r="F92890" s="14" t="s">
        <v>15</v>
      </c>
      <c r="G92890" s="16">
        <v>0</v>
      </c>
    </row>
    <row r="92891" spans="1:7" x14ac:dyDescent="0.3">
      <c r="A92891" s="13" t="s">
        <v>462</v>
      </c>
      <c r="B92891" s="14" t="s">
        <v>1</v>
      </c>
      <c r="C92891" s="14" t="s">
        <v>41</v>
      </c>
      <c r="D92891" s="14" t="s">
        <v>463</v>
      </c>
      <c r="E92891" s="15">
        <v>45557</v>
      </c>
      <c r="F92891" s="14" t="s">
        <v>15</v>
      </c>
      <c r="G92891" s="16">
        <v>0</v>
      </c>
    </row>
    <row r="92892" spans="1:7" x14ac:dyDescent="0.3">
      <c r="A92892" s="13" t="s">
        <v>462</v>
      </c>
      <c r="B92892" s="14" t="s">
        <v>1</v>
      </c>
      <c r="C92892" s="14" t="s">
        <v>41</v>
      </c>
      <c r="D92892" s="14" t="s">
        <v>463</v>
      </c>
      <c r="E92892" s="15">
        <v>45558</v>
      </c>
      <c r="F92892" s="14" t="s">
        <v>15</v>
      </c>
      <c r="G92892" s="16">
        <v>0</v>
      </c>
    </row>
    <row r="92893" spans="1:7" x14ac:dyDescent="0.3">
      <c r="A92893" s="13" t="s">
        <v>462</v>
      </c>
      <c r="B92893" s="14" t="s">
        <v>1</v>
      </c>
      <c r="C92893" s="14" t="s">
        <v>41</v>
      </c>
      <c r="D92893" s="14" t="s">
        <v>463</v>
      </c>
      <c r="E92893" s="15">
        <v>45559</v>
      </c>
      <c r="F92893" s="14" t="s">
        <v>15</v>
      </c>
      <c r="G92893" s="16">
        <v>0</v>
      </c>
    </row>
    <row r="92894" spans="1:7" x14ac:dyDescent="0.3">
      <c r="A92894" s="13" t="s">
        <v>462</v>
      </c>
      <c r="B92894" s="14" t="s">
        <v>1</v>
      </c>
      <c r="C92894" s="14" t="s">
        <v>41</v>
      </c>
      <c r="D92894" s="14" t="s">
        <v>463</v>
      </c>
      <c r="E92894" s="15">
        <v>45560</v>
      </c>
      <c r="F92894" s="14" t="s">
        <v>15</v>
      </c>
      <c r="G92894" s="16">
        <v>0</v>
      </c>
    </row>
    <row r="92895" spans="1:7" x14ac:dyDescent="0.3">
      <c r="A92895" s="13" t="s">
        <v>462</v>
      </c>
      <c r="B92895" s="14" t="s">
        <v>1</v>
      </c>
      <c r="C92895" s="14" t="s">
        <v>41</v>
      </c>
      <c r="D92895" s="14" t="s">
        <v>463</v>
      </c>
      <c r="E92895" s="15">
        <v>45561</v>
      </c>
      <c r="F92895" s="14" t="s">
        <v>15</v>
      </c>
      <c r="G92895" s="16">
        <v>0</v>
      </c>
    </row>
    <row r="92896" spans="1:7" x14ac:dyDescent="0.3">
      <c r="A92896" s="13" t="s">
        <v>462</v>
      </c>
      <c r="B92896" s="14" t="s">
        <v>1</v>
      </c>
      <c r="C92896" s="14" t="s">
        <v>41</v>
      </c>
      <c r="D92896" s="14" t="s">
        <v>463</v>
      </c>
      <c r="E92896" s="15">
        <v>45562</v>
      </c>
      <c r="F92896" s="14" t="s">
        <v>15</v>
      </c>
      <c r="G92896" s="16">
        <v>0</v>
      </c>
    </row>
    <row r="92897" spans="1:7" x14ac:dyDescent="0.3">
      <c r="A92897" s="13" t="s">
        <v>462</v>
      </c>
      <c r="B92897" s="14" t="s">
        <v>1</v>
      </c>
      <c r="C92897" s="14" t="s">
        <v>41</v>
      </c>
      <c r="D92897" s="14" t="s">
        <v>463</v>
      </c>
      <c r="E92897" s="15">
        <v>45563</v>
      </c>
      <c r="F92897" s="14" t="s">
        <v>15</v>
      </c>
      <c r="G92897" s="16">
        <v>0</v>
      </c>
    </row>
    <row r="92898" spans="1:7" x14ac:dyDescent="0.3">
      <c r="A92898" s="13" t="s">
        <v>462</v>
      </c>
      <c r="B92898" s="14" t="s">
        <v>1</v>
      </c>
      <c r="C92898" s="14" t="s">
        <v>41</v>
      </c>
      <c r="D92898" s="14" t="s">
        <v>463</v>
      </c>
      <c r="E92898" s="15">
        <v>45564</v>
      </c>
      <c r="F92898" s="14" t="s">
        <v>15</v>
      </c>
      <c r="G92898" s="16">
        <v>0</v>
      </c>
    </row>
    <row r="92899" spans="1:7" x14ac:dyDescent="0.3">
      <c r="A92899" s="13" t="s">
        <v>462</v>
      </c>
      <c r="B92899" s="14" t="s">
        <v>1</v>
      </c>
      <c r="C92899" s="14" t="s">
        <v>41</v>
      </c>
      <c r="D92899" s="14" t="s">
        <v>463</v>
      </c>
      <c r="E92899" s="15">
        <v>45565</v>
      </c>
      <c r="F92899" s="14" t="s">
        <v>15</v>
      </c>
      <c r="G92899" s="16">
        <v>0.61294880496639226</v>
      </c>
    </row>
    <row r="92900" spans="1:7" x14ac:dyDescent="0.3">
      <c r="A92900" s="13" t="s">
        <v>462</v>
      </c>
      <c r="B92900" s="14" t="s">
        <v>1</v>
      </c>
      <c r="C92900" s="14" t="s">
        <v>41</v>
      </c>
      <c r="D92900" s="14" t="s">
        <v>463</v>
      </c>
      <c r="E92900" s="15">
        <v>45566</v>
      </c>
      <c r="F92900" s="14" t="s">
        <v>15</v>
      </c>
      <c r="G92900" s="16">
        <v>0.60746163120789898</v>
      </c>
    </row>
    <row r="92901" spans="1:7" x14ac:dyDescent="0.3">
      <c r="A92901" s="13" t="s">
        <v>462</v>
      </c>
      <c r="B92901" s="14" t="s">
        <v>1</v>
      </c>
      <c r="C92901" s="14" t="s">
        <v>41</v>
      </c>
      <c r="D92901" s="14" t="s">
        <v>463</v>
      </c>
      <c r="E92901" s="15">
        <v>45567</v>
      </c>
      <c r="F92901" s="14" t="s">
        <v>15</v>
      </c>
      <c r="G92901" s="16">
        <v>0.59359077914813996</v>
      </c>
    </row>
    <row r="92902" spans="1:7" x14ac:dyDescent="0.3">
      <c r="A92902" s="13" t="s">
        <v>462</v>
      </c>
      <c r="B92902" s="14" t="s">
        <v>1</v>
      </c>
      <c r="C92902" s="14" t="s">
        <v>41</v>
      </c>
      <c r="D92902" s="14" t="s">
        <v>463</v>
      </c>
      <c r="E92902" s="15">
        <v>45568</v>
      </c>
      <c r="F92902" s="14" t="s">
        <v>15</v>
      </c>
      <c r="G92902" s="16">
        <v>0.58980514041065191</v>
      </c>
    </row>
    <row r="92903" spans="1:7" x14ac:dyDescent="0.3">
      <c r="A92903" s="13" t="s">
        <v>462</v>
      </c>
      <c r="B92903" s="14" t="s">
        <v>1</v>
      </c>
      <c r="C92903" s="14" t="s">
        <v>41</v>
      </c>
      <c r="D92903" s="14" t="s">
        <v>463</v>
      </c>
      <c r="E92903" s="15">
        <v>45569</v>
      </c>
      <c r="F92903" s="14" t="s">
        <v>15</v>
      </c>
      <c r="G92903" s="16">
        <v>0.58085944699000014</v>
      </c>
    </row>
    <row r="92904" spans="1:7" x14ac:dyDescent="0.3">
      <c r="A92904" s="13" t="s">
        <v>462</v>
      </c>
      <c r="B92904" s="14" t="s">
        <v>1</v>
      </c>
      <c r="C92904" s="14" t="s">
        <v>41</v>
      </c>
      <c r="D92904" s="14" t="s">
        <v>463</v>
      </c>
      <c r="E92904" s="15">
        <v>45570</v>
      </c>
      <c r="F92904" s="14" t="s">
        <v>15</v>
      </c>
      <c r="G92904" s="16">
        <v>0.58085944699000014</v>
      </c>
    </row>
    <row r="92905" spans="1:7" x14ac:dyDescent="0.3">
      <c r="A92905" s="13" t="s">
        <v>462</v>
      </c>
      <c r="B92905" s="14" t="s">
        <v>1</v>
      </c>
      <c r="C92905" s="14" t="s">
        <v>41</v>
      </c>
      <c r="D92905" s="14" t="s">
        <v>463</v>
      </c>
      <c r="E92905" s="15">
        <v>45571</v>
      </c>
      <c r="F92905" s="14" t="s">
        <v>15</v>
      </c>
      <c r="G92905" s="16">
        <v>0.58085944699000014</v>
      </c>
    </row>
    <row r="92906" spans="1:7" x14ac:dyDescent="0.3">
      <c r="A92906" s="13" t="s">
        <v>462</v>
      </c>
      <c r="B92906" s="14" t="s">
        <v>1</v>
      </c>
      <c r="C92906" s="14" t="s">
        <v>41</v>
      </c>
      <c r="D92906" s="14" t="s">
        <v>463</v>
      </c>
      <c r="E92906" s="15">
        <v>45572</v>
      </c>
      <c r="F92906" s="14" t="s">
        <v>15</v>
      </c>
      <c r="G92906" s="16">
        <v>0.58112688767768539</v>
      </c>
    </row>
    <row r="92907" spans="1:7" x14ac:dyDescent="0.3">
      <c r="A92907" s="13" t="s">
        <v>462</v>
      </c>
      <c r="B92907" s="14" t="s">
        <v>1</v>
      </c>
      <c r="C92907" s="14" t="s">
        <v>41</v>
      </c>
      <c r="D92907" s="14" t="s">
        <v>463</v>
      </c>
      <c r="E92907" s="15">
        <v>45573</v>
      </c>
      <c r="F92907" s="14" t="s">
        <v>15</v>
      </c>
      <c r="G92907" s="16">
        <v>0.57541957826642287</v>
      </c>
    </row>
    <row r="92908" spans="1:7" x14ac:dyDescent="0.3">
      <c r="A92908" s="13" t="s">
        <v>462</v>
      </c>
      <c r="B92908" s="14" t="s">
        <v>1</v>
      </c>
      <c r="C92908" s="14" t="s">
        <v>41</v>
      </c>
      <c r="D92908" s="14" t="s">
        <v>463</v>
      </c>
      <c r="E92908" s="15">
        <v>45574</v>
      </c>
      <c r="F92908" s="14" t="s">
        <v>15</v>
      </c>
      <c r="G92908" s="16">
        <v>0.56912491847918778</v>
      </c>
    </row>
    <row r="92909" spans="1:7" x14ac:dyDescent="0.3">
      <c r="A92909" s="13" t="s">
        <v>462</v>
      </c>
      <c r="B92909" s="14" t="s">
        <v>1</v>
      </c>
      <c r="C92909" s="14" t="s">
        <v>41</v>
      </c>
      <c r="D92909" s="14" t="s">
        <v>463</v>
      </c>
      <c r="E92909" s="15">
        <v>45575</v>
      </c>
      <c r="F92909" s="14" t="s">
        <v>15</v>
      </c>
      <c r="G92909" s="16">
        <v>0.5700149035450327</v>
      </c>
    </row>
    <row r="92910" spans="1:7" x14ac:dyDescent="0.3">
      <c r="A92910" s="13" t="s">
        <v>462</v>
      </c>
      <c r="B92910" s="14" t="s">
        <v>1</v>
      </c>
      <c r="C92910" s="14" t="s">
        <v>41</v>
      </c>
      <c r="D92910" s="14" t="s">
        <v>463</v>
      </c>
      <c r="E92910" s="15">
        <v>45576</v>
      </c>
      <c r="F92910" s="14" t="s">
        <v>15</v>
      </c>
      <c r="G92910" s="16">
        <v>0.56588880371753159</v>
      </c>
    </row>
    <row r="92911" spans="1:7" x14ac:dyDescent="0.3">
      <c r="A92911" s="13" t="s">
        <v>462</v>
      </c>
      <c r="B92911" s="14" t="s">
        <v>1</v>
      </c>
      <c r="C92911" s="14" t="s">
        <v>41</v>
      </c>
      <c r="D92911" s="14" t="s">
        <v>463</v>
      </c>
      <c r="E92911" s="15">
        <v>45577</v>
      </c>
      <c r="F92911" s="14" t="s">
        <v>15</v>
      </c>
      <c r="G92911" s="16">
        <v>0.56588880371753159</v>
      </c>
    </row>
    <row r="92912" spans="1:7" x14ac:dyDescent="0.3">
      <c r="A92912" s="13" t="s">
        <v>462</v>
      </c>
      <c r="B92912" s="14" t="s">
        <v>1</v>
      </c>
      <c r="C92912" s="14" t="s">
        <v>41</v>
      </c>
      <c r="D92912" s="14" t="s">
        <v>463</v>
      </c>
      <c r="E92912" s="15">
        <v>45578</v>
      </c>
      <c r="F92912" s="14" t="s">
        <v>15</v>
      </c>
      <c r="G92912" s="16">
        <v>0.56588880371753159</v>
      </c>
    </row>
    <row r="92913" spans="1:7" x14ac:dyDescent="0.3">
      <c r="A92913" s="13" t="s">
        <v>462</v>
      </c>
      <c r="B92913" s="14" t="s">
        <v>1</v>
      </c>
      <c r="C92913" s="14" t="s">
        <v>41</v>
      </c>
      <c r="D92913" s="14" t="s">
        <v>463</v>
      </c>
      <c r="E92913" s="15">
        <v>45579</v>
      </c>
      <c r="F92913" s="14" t="s">
        <v>15</v>
      </c>
      <c r="G92913" s="16">
        <v>0.56588880371753159</v>
      </c>
    </row>
    <row r="92914" spans="1:7" x14ac:dyDescent="0.3">
      <c r="A92914" s="13" t="s">
        <v>462</v>
      </c>
      <c r="B92914" s="14" t="s">
        <v>1</v>
      </c>
      <c r="C92914" s="14" t="s">
        <v>41</v>
      </c>
      <c r="D92914" s="14" t="s">
        <v>463</v>
      </c>
      <c r="E92914" s="15">
        <v>45580</v>
      </c>
      <c r="F92914" s="14" t="s">
        <v>15</v>
      </c>
      <c r="G92914" s="16">
        <v>0.5637865225157066</v>
      </c>
    </row>
    <row r="92915" spans="1:7" x14ac:dyDescent="0.3">
      <c r="A92915" s="13" t="s">
        <v>462</v>
      </c>
      <c r="B92915" s="14" t="s">
        <v>1</v>
      </c>
      <c r="C92915" s="14" t="s">
        <v>41</v>
      </c>
      <c r="D92915" s="14" t="s">
        <v>463</v>
      </c>
      <c r="E92915" s="15">
        <v>45581</v>
      </c>
      <c r="F92915" s="14" t="s">
        <v>15</v>
      </c>
      <c r="G92915" s="16">
        <v>0.55438034762031851</v>
      </c>
    </row>
    <row r="92916" spans="1:7" x14ac:dyDescent="0.3">
      <c r="A92916" s="13" t="s">
        <v>462</v>
      </c>
      <c r="B92916" s="14" t="s">
        <v>1</v>
      </c>
      <c r="C92916" s="14" t="s">
        <v>41</v>
      </c>
      <c r="D92916" s="14" t="s">
        <v>463</v>
      </c>
      <c r="E92916" s="15">
        <v>45582</v>
      </c>
      <c r="F92916" s="14" t="s">
        <v>15</v>
      </c>
      <c r="G92916" s="16">
        <v>0.55037449741241828</v>
      </c>
    </row>
    <row r="92917" spans="1:7" x14ac:dyDescent="0.3">
      <c r="A92917" s="13" t="s">
        <v>462</v>
      </c>
      <c r="B92917" s="14" t="s">
        <v>1</v>
      </c>
      <c r="C92917" s="14" t="s">
        <v>41</v>
      </c>
      <c r="D92917" s="14" t="s">
        <v>463</v>
      </c>
      <c r="E92917" s="15">
        <v>45583</v>
      </c>
      <c r="F92917" s="14" t="s">
        <v>15</v>
      </c>
      <c r="G92917" s="16">
        <v>0.55085087563443458</v>
      </c>
    </row>
    <row r="92918" spans="1:7" x14ac:dyDescent="0.3">
      <c r="A92918" s="13" t="s">
        <v>462</v>
      </c>
      <c r="B92918" s="14" t="s">
        <v>1</v>
      </c>
      <c r="C92918" s="14" t="s">
        <v>41</v>
      </c>
      <c r="D92918" s="14" t="s">
        <v>463</v>
      </c>
      <c r="E92918" s="15">
        <v>45584</v>
      </c>
      <c r="F92918" s="14" t="s">
        <v>15</v>
      </c>
      <c r="G92918" s="16">
        <v>0.55085087563443458</v>
      </c>
    </row>
    <row r="92919" spans="1:7" x14ac:dyDescent="0.3">
      <c r="A92919" s="13" t="s">
        <v>462</v>
      </c>
      <c r="B92919" s="14" t="s">
        <v>1</v>
      </c>
      <c r="C92919" s="14" t="s">
        <v>41</v>
      </c>
      <c r="D92919" s="14" t="s">
        <v>463</v>
      </c>
      <c r="E92919" s="15">
        <v>45585</v>
      </c>
      <c r="F92919" s="14" t="s">
        <v>15</v>
      </c>
      <c r="G92919" s="16">
        <v>0.55085087563443458</v>
      </c>
    </row>
    <row r="92920" spans="1:7" x14ac:dyDescent="0.3">
      <c r="A92920" s="13" t="s">
        <v>462</v>
      </c>
      <c r="B92920" s="14" t="s">
        <v>1</v>
      </c>
      <c r="C92920" s="14" t="s">
        <v>41</v>
      </c>
      <c r="D92920" s="14" t="s">
        <v>463</v>
      </c>
      <c r="E92920" s="15">
        <v>45586</v>
      </c>
      <c r="F92920" s="14" t="s">
        <v>15</v>
      </c>
      <c r="G92920" s="16">
        <v>0.54425045026754626</v>
      </c>
    </row>
    <row r="92921" spans="1:7" x14ac:dyDescent="0.3">
      <c r="A92921" s="13" t="s">
        <v>462</v>
      </c>
      <c r="B92921" s="14" t="s">
        <v>1</v>
      </c>
      <c r="C92921" s="14" t="s">
        <v>41</v>
      </c>
      <c r="D92921" s="14" t="s">
        <v>463</v>
      </c>
      <c r="E92921" s="15">
        <v>45587</v>
      </c>
      <c r="F92921" s="14" t="s">
        <v>15</v>
      </c>
      <c r="G92921" s="16">
        <v>0.53769838623177935</v>
      </c>
    </row>
    <row r="92922" spans="1:7" x14ac:dyDescent="0.3">
      <c r="A92922" s="13" t="s">
        <v>462</v>
      </c>
      <c r="B92922" s="14" t="s">
        <v>1</v>
      </c>
      <c r="C92922" s="14" t="s">
        <v>41</v>
      </c>
      <c r="D92922" s="14" t="s">
        <v>463</v>
      </c>
      <c r="E92922" s="15">
        <v>45588</v>
      </c>
      <c r="F92922" s="14" t="s">
        <v>15</v>
      </c>
      <c r="G92922" s="16">
        <v>0.54073364600155782</v>
      </c>
    </row>
    <row r="92923" spans="1:7" x14ac:dyDescent="0.3">
      <c r="A92923" s="13" t="s">
        <v>462</v>
      </c>
      <c r="B92923" s="14" t="s">
        <v>1</v>
      </c>
      <c r="C92923" s="14" t="s">
        <v>41</v>
      </c>
      <c r="D92923" s="14" t="s">
        <v>463</v>
      </c>
      <c r="E92923" s="15">
        <v>45589</v>
      </c>
      <c r="F92923" s="14" t="s">
        <v>15</v>
      </c>
      <c r="G92923" s="16">
        <v>0.54215890345531248</v>
      </c>
    </row>
    <row r="92924" spans="1:7" x14ac:dyDescent="0.3">
      <c r="A92924" s="13" t="s">
        <v>462</v>
      </c>
      <c r="B92924" s="14" t="s">
        <v>1</v>
      </c>
      <c r="C92924" s="14" t="s">
        <v>41</v>
      </c>
      <c r="D92924" s="14" t="s">
        <v>463</v>
      </c>
      <c r="E92924" s="15">
        <v>45590</v>
      </c>
      <c r="F92924" s="14" t="s">
        <v>15</v>
      </c>
      <c r="G92924" s="16">
        <v>0.53862668561833982</v>
      </c>
    </row>
    <row r="92925" spans="1:7" x14ac:dyDescent="0.3">
      <c r="A92925" s="13" t="s">
        <v>462</v>
      </c>
      <c r="B92925" s="14" t="s">
        <v>1</v>
      </c>
      <c r="C92925" s="14" t="s">
        <v>41</v>
      </c>
      <c r="D92925" s="14" t="s">
        <v>463</v>
      </c>
      <c r="E92925" s="15">
        <v>45591</v>
      </c>
      <c r="F92925" s="14" t="s">
        <v>15</v>
      </c>
      <c r="G92925" s="16">
        <v>0.53862668561833982</v>
      </c>
    </row>
    <row r="92926" spans="1:7" x14ac:dyDescent="0.3">
      <c r="A92926" s="13" t="s">
        <v>462</v>
      </c>
      <c r="B92926" s="14" t="s">
        <v>1</v>
      </c>
      <c r="C92926" s="14" t="s">
        <v>41</v>
      </c>
      <c r="D92926" s="14" t="s">
        <v>463</v>
      </c>
      <c r="E92926" s="15">
        <v>45592</v>
      </c>
      <c r="F92926" s="14" t="s">
        <v>15</v>
      </c>
      <c r="G92926" s="16">
        <v>0.53862668561833982</v>
      </c>
    </row>
    <row r="92927" spans="1:7" x14ac:dyDescent="0.3">
      <c r="A92927" s="13" t="s">
        <v>462</v>
      </c>
      <c r="B92927" s="14" t="s">
        <v>1</v>
      </c>
      <c r="C92927" s="14" t="s">
        <v>41</v>
      </c>
      <c r="D92927" s="14" t="s">
        <v>463</v>
      </c>
      <c r="E92927" s="15">
        <v>45593</v>
      </c>
      <c r="F92927" s="14" t="s">
        <v>15</v>
      </c>
      <c r="G92927" s="16">
        <v>0.53862668561833982</v>
      </c>
    </row>
    <row r="92928" spans="1:7" x14ac:dyDescent="0.3">
      <c r="A92928" s="13" t="s">
        <v>462</v>
      </c>
      <c r="B92928" s="14" t="s">
        <v>1</v>
      </c>
      <c r="C92928" s="14" t="s">
        <v>41</v>
      </c>
      <c r="D92928" s="14" t="s">
        <v>463</v>
      </c>
      <c r="E92928" s="15">
        <v>45594</v>
      </c>
      <c r="F92928" s="14" t="s">
        <v>15</v>
      </c>
      <c r="G92928" s="16">
        <v>0.53426979130184615</v>
      </c>
    </row>
    <row r="92929" spans="1:7" x14ac:dyDescent="0.3">
      <c r="A92929" s="13" t="s">
        <v>462</v>
      </c>
      <c r="B92929" s="14" t="s">
        <v>1</v>
      </c>
      <c r="C92929" s="14" t="s">
        <v>41</v>
      </c>
      <c r="D92929" s="14" t="s">
        <v>463</v>
      </c>
      <c r="E92929" s="15">
        <v>45595</v>
      </c>
      <c r="F92929" s="14" t="s">
        <v>15</v>
      </c>
      <c r="G92929" s="16">
        <v>0.52722502239411673</v>
      </c>
    </row>
    <row r="92930" spans="1:7" x14ac:dyDescent="0.3">
      <c r="A92930" s="13" t="s">
        <v>462</v>
      </c>
      <c r="B92930" s="14" t="s">
        <v>1</v>
      </c>
      <c r="C92930" s="14" t="s">
        <v>41</v>
      </c>
      <c r="D92930" s="14" t="s">
        <v>463</v>
      </c>
      <c r="E92930" s="15">
        <v>45596</v>
      </c>
      <c r="F92930" s="14" t="s">
        <v>15</v>
      </c>
      <c r="G92930" s="16">
        <v>0.53386732374421897</v>
      </c>
    </row>
    <row r="92931" spans="1:7" x14ac:dyDescent="0.3">
      <c r="A92931" s="13" t="s">
        <v>462</v>
      </c>
      <c r="B92931" s="14" t="s">
        <v>1</v>
      </c>
      <c r="C92931" s="14" t="s">
        <v>41</v>
      </c>
      <c r="D92931" s="14" t="s">
        <v>463</v>
      </c>
      <c r="E92931" s="15">
        <v>45597</v>
      </c>
      <c r="F92931" s="14" t="s">
        <v>15</v>
      </c>
      <c r="G92931" s="16">
        <v>0.5293582819448196</v>
      </c>
    </row>
    <row r="92932" spans="1:7" x14ac:dyDescent="0.3">
      <c r="A92932" s="13" t="s">
        <v>462</v>
      </c>
      <c r="B92932" s="14" t="s">
        <v>1</v>
      </c>
      <c r="C92932" s="14" t="s">
        <v>41</v>
      </c>
      <c r="D92932" s="14" t="s">
        <v>463</v>
      </c>
      <c r="E92932" s="15">
        <v>45598</v>
      </c>
      <c r="F92932" s="14" t="s">
        <v>15</v>
      </c>
      <c r="G92932" s="16">
        <v>0.5293582819448196</v>
      </c>
    </row>
    <row r="92933" spans="1:7" x14ac:dyDescent="0.3">
      <c r="A92933" s="13" t="s">
        <v>462</v>
      </c>
      <c r="B92933" s="14" t="s">
        <v>1</v>
      </c>
      <c r="C92933" s="14" t="s">
        <v>41</v>
      </c>
      <c r="D92933" s="14" t="s">
        <v>463</v>
      </c>
      <c r="E92933" s="15">
        <v>45599</v>
      </c>
      <c r="F92933" s="14" t="s">
        <v>15</v>
      </c>
      <c r="G92933" s="16">
        <v>0.5293582819448196</v>
      </c>
    </row>
    <row r="92934" spans="1:7" x14ac:dyDescent="0.3">
      <c r="A92934" s="13" t="s">
        <v>462</v>
      </c>
      <c r="B92934" s="14" t="s">
        <v>1</v>
      </c>
      <c r="C92934" s="14" t="s">
        <v>41</v>
      </c>
      <c r="D92934" s="14" t="s">
        <v>463</v>
      </c>
      <c r="E92934" s="15">
        <v>45600</v>
      </c>
      <c r="F92934" s="14" t="s">
        <v>15</v>
      </c>
      <c r="G92934" s="16">
        <v>0.5293582819448196</v>
      </c>
    </row>
    <row r="92935" spans="1:7" x14ac:dyDescent="0.3">
      <c r="A92935" s="13" t="s">
        <v>462</v>
      </c>
      <c r="B92935" s="14" t="s">
        <v>1</v>
      </c>
      <c r="C92935" s="14" t="s">
        <v>41</v>
      </c>
      <c r="D92935" s="14" t="s">
        <v>463</v>
      </c>
      <c r="E92935" s="15">
        <v>45601</v>
      </c>
      <c r="F92935" s="14" t="s">
        <v>15</v>
      </c>
      <c r="G92935" s="16">
        <v>0.53229458728721712</v>
      </c>
    </row>
    <row r="92936" spans="1:7" x14ac:dyDescent="0.3">
      <c r="A92936" s="13" t="s">
        <v>462</v>
      </c>
      <c r="B92936" s="14" t="s">
        <v>1</v>
      </c>
      <c r="C92936" s="14" t="s">
        <v>41</v>
      </c>
      <c r="D92936" s="14" t="s">
        <v>463</v>
      </c>
      <c r="E92936" s="15">
        <v>45602</v>
      </c>
      <c r="F92936" s="14" t="s">
        <v>15</v>
      </c>
      <c r="G92936" s="16">
        <v>0.51450224324005001</v>
      </c>
    </row>
    <row r="92937" spans="1:7" x14ac:dyDescent="0.3">
      <c r="A92937" s="13" t="s">
        <v>462</v>
      </c>
      <c r="B92937" s="14" t="s">
        <v>1</v>
      </c>
      <c r="C92937" s="14" t="s">
        <v>41</v>
      </c>
      <c r="D92937" s="14" t="s">
        <v>463</v>
      </c>
      <c r="E92937" s="15">
        <v>45603</v>
      </c>
      <c r="F92937" s="14" t="s">
        <v>15</v>
      </c>
      <c r="G92937" s="16">
        <v>0.51825591871918197</v>
      </c>
    </row>
    <row r="92938" spans="1:7" x14ac:dyDescent="0.3">
      <c r="A92938" s="13" t="s">
        <v>462</v>
      </c>
      <c r="B92938" s="14" t="s">
        <v>1</v>
      </c>
      <c r="C92938" s="14" t="s">
        <v>41</v>
      </c>
      <c r="D92938" s="14" t="s">
        <v>463</v>
      </c>
      <c r="E92938" s="15">
        <v>45604</v>
      </c>
      <c r="F92938" s="14" t="s">
        <v>15</v>
      </c>
      <c r="G92938" s="16">
        <v>0.52772648392733068</v>
      </c>
    </row>
    <row r="92939" spans="1:7" x14ac:dyDescent="0.3">
      <c r="A92939" s="13" t="s">
        <v>462</v>
      </c>
      <c r="B92939" s="14" t="s">
        <v>1</v>
      </c>
      <c r="C92939" s="14" t="s">
        <v>41</v>
      </c>
      <c r="D92939" s="14" t="s">
        <v>463</v>
      </c>
      <c r="E92939" s="15">
        <v>45605</v>
      </c>
      <c r="F92939" s="14" t="s">
        <v>15</v>
      </c>
      <c r="G92939" s="16">
        <v>0.52772648392733068</v>
      </c>
    </row>
    <row r="92940" spans="1:7" x14ac:dyDescent="0.3">
      <c r="A92940" s="13" t="s">
        <v>462</v>
      </c>
      <c r="B92940" s="14" t="s">
        <v>1</v>
      </c>
      <c r="C92940" s="14" t="s">
        <v>41</v>
      </c>
      <c r="D92940" s="14" t="s">
        <v>463</v>
      </c>
      <c r="E92940" s="15">
        <v>45606</v>
      </c>
      <c r="F92940" s="14" t="s">
        <v>15</v>
      </c>
      <c r="G92940" s="16">
        <v>0.52772648392733068</v>
      </c>
    </row>
    <row r="92941" spans="1:7" x14ac:dyDescent="0.3">
      <c r="A92941" s="13" t="s">
        <v>462</v>
      </c>
      <c r="B92941" s="14" t="s">
        <v>1</v>
      </c>
      <c r="C92941" s="14" t="s">
        <v>41</v>
      </c>
      <c r="D92941" s="14" t="s">
        <v>463</v>
      </c>
      <c r="E92941" s="15">
        <v>45607</v>
      </c>
      <c r="F92941" s="14" t="s">
        <v>15</v>
      </c>
      <c r="G92941" s="16">
        <v>0.52910684501181493</v>
      </c>
    </row>
    <row r="92942" spans="1:7" x14ac:dyDescent="0.3">
      <c r="A92942" s="13" t="s">
        <v>462</v>
      </c>
      <c r="B92942" s="14" t="s">
        <v>1</v>
      </c>
      <c r="C92942" s="14" t="s">
        <v>41</v>
      </c>
      <c r="D92942" s="14" t="s">
        <v>463</v>
      </c>
      <c r="E92942" s="15">
        <v>45608</v>
      </c>
      <c r="F92942" s="14" t="s">
        <v>15</v>
      </c>
      <c r="G92942" s="16">
        <v>0.52017108214875818</v>
      </c>
    </row>
    <row r="92943" spans="1:7" x14ac:dyDescent="0.3">
      <c r="A92943" s="13" t="s">
        <v>462</v>
      </c>
      <c r="B92943" s="14" t="s">
        <v>1</v>
      </c>
      <c r="C92943" s="14" t="s">
        <v>41</v>
      </c>
      <c r="D92943" s="14" t="s">
        <v>463</v>
      </c>
      <c r="E92943" s="15">
        <v>45609</v>
      </c>
      <c r="F92943" s="14" t="s">
        <v>15</v>
      </c>
      <c r="G92943" s="16">
        <v>0.51693849979798645</v>
      </c>
    </row>
    <row r="92944" spans="1:7" x14ac:dyDescent="0.3">
      <c r="A92944" s="13" t="s">
        <v>462</v>
      </c>
      <c r="B92944" s="14" t="s">
        <v>1</v>
      </c>
      <c r="C92944" s="14" t="s">
        <v>41</v>
      </c>
      <c r="D92944" s="14" t="s">
        <v>463</v>
      </c>
      <c r="E92944" s="15">
        <v>45610</v>
      </c>
      <c r="F92944" s="14" t="s">
        <v>15</v>
      </c>
      <c r="G92944" s="16">
        <v>0.51234104576544282</v>
      </c>
    </row>
    <row r="92945" spans="1:7" x14ac:dyDescent="0.3">
      <c r="A92945" s="13" t="s">
        <v>462</v>
      </c>
      <c r="B92945" s="14" t="s">
        <v>1</v>
      </c>
      <c r="C92945" s="14" t="s">
        <v>41</v>
      </c>
      <c r="D92945" s="14" t="s">
        <v>463</v>
      </c>
      <c r="E92945" s="15">
        <v>45611</v>
      </c>
      <c r="F92945" s="14" t="s">
        <v>15</v>
      </c>
      <c r="G92945" s="16">
        <v>0.51679244781149425</v>
      </c>
    </row>
    <row r="92946" spans="1:7" x14ac:dyDescent="0.3">
      <c r="A92946" s="13" t="s">
        <v>462</v>
      </c>
      <c r="B92946" s="14" t="s">
        <v>1</v>
      </c>
      <c r="C92946" s="14" t="s">
        <v>41</v>
      </c>
      <c r="D92946" s="14" t="s">
        <v>463</v>
      </c>
      <c r="E92946" s="15">
        <v>45612</v>
      </c>
      <c r="F92946" s="14" t="s">
        <v>15</v>
      </c>
      <c r="G92946" s="16">
        <v>0.51679244781149425</v>
      </c>
    </row>
    <row r="92947" spans="1:7" x14ac:dyDescent="0.3">
      <c r="A92947" s="13" t="s">
        <v>462</v>
      </c>
      <c r="B92947" s="14" t="s">
        <v>1</v>
      </c>
      <c r="C92947" s="14" t="s">
        <v>41</v>
      </c>
      <c r="D92947" s="14" t="s">
        <v>463</v>
      </c>
      <c r="E92947" s="15">
        <v>45613</v>
      </c>
      <c r="F92947" s="14" t="s">
        <v>15</v>
      </c>
      <c r="G92947" s="16">
        <v>0.51679244781149425</v>
      </c>
    </row>
    <row r="92948" spans="1:7" x14ac:dyDescent="0.3">
      <c r="A92948" s="13" t="s">
        <v>462</v>
      </c>
      <c r="B92948" s="14" t="s">
        <v>1</v>
      </c>
      <c r="C92948" s="14" t="s">
        <v>41</v>
      </c>
      <c r="D92948" s="14" t="s">
        <v>463</v>
      </c>
      <c r="E92948" s="15">
        <v>45614</v>
      </c>
      <c r="F92948" s="14" t="s">
        <v>15</v>
      </c>
      <c r="G92948" s="16">
        <v>0.52073227200621774</v>
      </c>
    </row>
    <row r="92949" spans="1:7" x14ac:dyDescent="0.3">
      <c r="A92949" s="13" t="s">
        <v>462</v>
      </c>
      <c r="B92949" s="14" t="s">
        <v>1</v>
      </c>
      <c r="C92949" s="14" t="s">
        <v>41</v>
      </c>
      <c r="D92949" s="14" t="s">
        <v>463</v>
      </c>
      <c r="E92949" s="15">
        <v>45615</v>
      </c>
      <c r="F92949" s="14" t="s">
        <v>15</v>
      </c>
      <c r="G92949" s="16">
        <v>0.51482046852261099</v>
      </c>
    </row>
    <row r="92950" spans="1:7" x14ac:dyDescent="0.3">
      <c r="A92950" s="13" t="s">
        <v>462</v>
      </c>
      <c r="B92950" s="14" t="s">
        <v>1</v>
      </c>
      <c r="C92950" s="14" t="s">
        <v>41</v>
      </c>
      <c r="D92950" s="14" t="s">
        <v>463</v>
      </c>
      <c r="E92950" s="15">
        <v>45616</v>
      </c>
      <c r="F92950" s="14" t="s">
        <v>15</v>
      </c>
      <c r="G92950" s="16">
        <v>0.51121021114058862</v>
      </c>
    </row>
    <row r="92951" spans="1:7" x14ac:dyDescent="0.3">
      <c r="A92951" s="13" t="s">
        <v>462</v>
      </c>
      <c r="B92951" s="14" t="s">
        <v>1</v>
      </c>
      <c r="C92951" s="14" t="s">
        <v>41</v>
      </c>
      <c r="D92951" s="14" t="s">
        <v>463</v>
      </c>
      <c r="E92951" s="15">
        <v>45617</v>
      </c>
      <c r="F92951" s="14" t="s">
        <v>15</v>
      </c>
      <c r="G92951" s="16">
        <v>0.51219931734204016</v>
      </c>
    </row>
    <row r="92952" spans="1:7" x14ac:dyDescent="0.3">
      <c r="A92952" s="13" t="s">
        <v>462</v>
      </c>
      <c r="B92952" s="14" t="s">
        <v>1</v>
      </c>
      <c r="C92952" s="14" t="s">
        <v>41</v>
      </c>
      <c r="D92952" s="14" t="s">
        <v>463</v>
      </c>
      <c r="E92952" s="15">
        <v>45618</v>
      </c>
      <c r="F92952" s="14" t="s">
        <v>15</v>
      </c>
      <c r="G92952" s="16">
        <v>0.50952892667580896</v>
      </c>
    </row>
    <row r="92953" spans="1:7" x14ac:dyDescent="0.3">
      <c r="A92953" s="13" t="s">
        <v>462</v>
      </c>
      <c r="B92953" s="14" t="s">
        <v>1</v>
      </c>
      <c r="C92953" s="14" t="s">
        <v>41</v>
      </c>
      <c r="D92953" s="14" t="s">
        <v>463</v>
      </c>
      <c r="E92953" s="15">
        <v>45619</v>
      </c>
      <c r="F92953" s="14" t="s">
        <v>15</v>
      </c>
      <c r="G92953" s="16">
        <v>0.50952892667580896</v>
      </c>
    </row>
    <row r="92954" spans="1:7" x14ac:dyDescent="0.3">
      <c r="A92954" s="13" t="s">
        <v>462</v>
      </c>
      <c r="B92954" s="14" t="s">
        <v>1</v>
      </c>
      <c r="C92954" s="14" t="s">
        <v>41</v>
      </c>
      <c r="D92954" s="14" t="s">
        <v>463</v>
      </c>
      <c r="E92954" s="15">
        <v>45620</v>
      </c>
      <c r="F92954" s="14" t="s">
        <v>15</v>
      </c>
      <c r="G92954" s="16">
        <v>0.50952892667580896</v>
      </c>
    </row>
    <row r="92955" spans="1:7" x14ac:dyDescent="0.3">
      <c r="A92955" s="13" t="s">
        <v>462</v>
      </c>
      <c r="B92955" s="14" t="s">
        <v>1</v>
      </c>
      <c r="C92955" s="14" t="s">
        <v>41</v>
      </c>
      <c r="D92955" s="14" t="s">
        <v>463</v>
      </c>
      <c r="E92955" s="15">
        <v>45621</v>
      </c>
      <c r="F92955" s="14" t="s">
        <v>15</v>
      </c>
      <c r="G92955" s="16">
        <v>0.50940546500987804</v>
      </c>
    </row>
    <row r="92956" spans="1:7" x14ac:dyDescent="0.3">
      <c r="A92956" s="13" t="s">
        <v>462</v>
      </c>
      <c r="B92956" s="14" t="s">
        <v>1</v>
      </c>
      <c r="C92956" s="14" t="s">
        <v>41</v>
      </c>
      <c r="D92956" s="14" t="s">
        <v>463</v>
      </c>
      <c r="E92956" s="15">
        <v>45622</v>
      </c>
      <c r="F92956" s="14" t="s">
        <v>15</v>
      </c>
      <c r="G92956" s="16">
        <v>0.50719498578612177</v>
      </c>
    </row>
    <row r="92957" spans="1:7" x14ac:dyDescent="0.3">
      <c r="A92957" s="13" t="s">
        <v>462</v>
      </c>
      <c r="B92957" s="14" t="s">
        <v>1</v>
      </c>
      <c r="C92957" s="14" t="s">
        <v>41</v>
      </c>
      <c r="D92957" s="14" t="s">
        <v>463</v>
      </c>
      <c r="E92957" s="15">
        <v>45623</v>
      </c>
      <c r="F92957" s="14" t="s">
        <v>15</v>
      </c>
      <c r="G92957" s="16">
        <v>0.51187035211860188</v>
      </c>
    </row>
    <row r="92958" spans="1:7" x14ac:dyDescent="0.3">
      <c r="A92958" s="13" t="s">
        <v>462</v>
      </c>
      <c r="B92958" s="14" t="s">
        <v>1</v>
      </c>
      <c r="C92958" s="14" t="s">
        <v>41</v>
      </c>
      <c r="D92958" s="14" t="s">
        <v>463</v>
      </c>
      <c r="E92958" s="15">
        <v>45624</v>
      </c>
      <c r="F92958" s="14" t="s">
        <v>15</v>
      </c>
      <c r="G92958" s="16">
        <v>0.50847728656292313</v>
      </c>
    </row>
    <row r="92959" spans="1:7" x14ac:dyDescent="0.3">
      <c r="A92959" s="13" t="s">
        <v>462</v>
      </c>
      <c r="B92959" s="14" t="s">
        <v>1</v>
      </c>
      <c r="C92959" s="14" t="s">
        <v>41</v>
      </c>
      <c r="D92959" s="14" t="s">
        <v>463</v>
      </c>
      <c r="E92959" s="15">
        <v>45625</v>
      </c>
      <c r="F92959" s="14" t="s">
        <v>15</v>
      </c>
      <c r="G92959" s="16">
        <v>0.51722007092380307</v>
      </c>
    </row>
    <row r="92960" spans="1:7" x14ac:dyDescent="0.3">
      <c r="A92960" s="13" t="s">
        <v>462</v>
      </c>
      <c r="B92960" s="14" t="s">
        <v>1</v>
      </c>
      <c r="C92960" s="14" t="s">
        <v>41</v>
      </c>
      <c r="D92960" s="14" t="s">
        <v>463</v>
      </c>
      <c r="E92960" s="15">
        <v>45626</v>
      </c>
      <c r="F92960" s="14" t="s">
        <v>15</v>
      </c>
      <c r="G92960" s="16">
        <v>0.51722007092380307</v>
      </c>
    </row>
    <row r="92961" spans="1:7" x14ac:dyDescent="0.3">
      <c r="A92961" s="13" t="s">
        <v>462</v>
      </c>
      <c r="B92961" s="14" t="s">
        <v>1</v>
      </c>
      <c r="C92961" s="14" t="s">
        <v>41</v>
      </c>
      <c r="D92961" s="14" t="s">
        <v>463</v>
      </c>
      <c r="E92961" s="15">
        <v>45627</v>
      </c>
      <c r="F92961" s="14" t="s">
        <v>15</v>
      </c>
      <c r="G92961" s="16">
        <v>0.51722007092380307</v>
      </c>
    </row>
    <row r="92962" spans="1:7" x14ac:dyDescent="0.3">
      <c r="A92962" s="13" t="s">
        <v>462</v>
      </c>
      <c r="B92962" s="14" t="s">
        <v>1</v>
      </c>
      <c r="C92962" s="14" t="s">
        <v>41</v>
      </c>
      <c r="D92962" s="14" t="s">
        <v>463</v>
      </c>
      <c r="E92962" s="15">
        <v>45628</v>
      </c>
      <c r="F92962" s="14" t="s">
        <v>15</v>
      </c>
      <c r="G92962" s="16">
        <v>0.51579042966156441</v>
      </c>
    </row>
    <row r="92963" spans="1:7" x14ac:dyDescent="0.3">
      <c r="A92963" s="13" t="s">
        <v>462</v>
      </c>
      <c r="B92963" s="14" t="s">
        <v>1</v>
      </c>
      <c r="C92963" s="14" t="s">
        <v>41</v>
      </c>
      <c r="D92963" s="14" t="s">
        <v>463</v>
      </c>
      <c r="E92963" s="15">
        <v>45629</v>
      </c>
      <c r="F92963" s="14" t="s">
        <v>15</v>
      </c>
      <c r="G92963" s="16">
        <v>0.51678364949962874</v>
      </c>
    </row>
    <row r="92964" spans="1:7" x14ac:dyDescent="0.3">
      <c r="A92964" s="13" t="s">
        <v>462</v>
      </c>
      <c r="B92964" s="14" t="s">
        <v>1</v>
      </c>
      <c r="C92964" s="14" t="s">
        <v>41</v>
      </c>
      <c r="D92964" s="14" t="s">
        <v>463</v>
      </c>
      <c r="E92964" s="15">
        <v>45630</v>
      </c>
      <c r="F92964" s="14" t="s">
        <v>15</v>
      </c>
      <c r="G92964" s="16">
        <v>0.51127919008536338</v>
      </c>
    </row>
    <row r="92965" spans="1:7" x14ac:dyDescent="0.3">
      <c r="A92965" s="13" t="s">
        <v>462</v>
      </c>
      <c r="B92965" s="14" t="s">
        <v>1</v>
      </c>
      <c r="C92965" s="14" t="s">
        <v>41</v>
      </c>
      <c r="D92965" s="14" t="s">
        <v>463</v>
      </c>
      <c r="E92965" s="15">
        <v>45631</v>
      </c>
      <c r="F92965" s="14" t="s">
        <v>15</v>
      </c>
      <c r="G92965" s="16">
        <v>0.51105547909800109</v>
      </c>
    </row>
    <row r="92966" spans="1:7" x14ac:dyDescent="0.3">
      <c r="A92966" s="13" t="s">
        <v>462</v>
      </c>
      <c r="B92966" s="14" t="s">
        <v>1</v>
      </c>
      <c r="C92966" s="14" t="s">
        <v>41</v>
      </c>
      <c r="D92966" s="14" t="s">
        <v>463</v>
      </c>
      <c r="E92966" s="15">
        <v>45632</v>
      </c>
      <c r="F92966" s="14" t="s">
        <v>15</v>
      </c>
      <c r="G92966" s="16">
        <v>0.50931228155600905</v>
      </c>
    </row>
    <row r="92967" spans="1:7" x14ac:dyDescent="0.3">
      <c r="A92967" s="13" t="s">
        <v>462</v>
      </c>
      <c r="B92967" s="14" t="s">
        <v>1</v>
      </c>
      <c r="C92967" s="14" t="s">
        <v>41</v>
      </c>
      <c r="D92967" s="14" t="s">
        <v>463</v>
      </c>
      <c r="E92967" s="15">
        <v>45633</v>
      </c>
      <c r="F92967" s="14" t="s">
        <v>15</v>
      </c>
      <c r="G92967" s="16">
        <v>0.50931228155600905</v>
      </c>
    </row>
    <row r="92968" spans="1:7" x14ac:dyDescent="0.3">
      <c r="A92968" s="13" t="s">
        <v>462</v>
      </c>
      <c r="B92968" s="14" t="s">
        <v>1</v>
      </c>
      <c r="C92968" s="14" t="s">
        <v>41</v>
      </c>
      <c r="D92968" s="14" t="s">
        <v>463</v>
      </c>
      <c r="E92968" s="15">
        <v>45634</v>
      </c>
      <c r="F92968" s="14" t="s">
        <v>15</v>
      </c>
      <c r="G92968" s="16">
        <v>0.50931228155600905</v>
      </c>
    </row>
    <row r="92969" spans="1:7" x14ac:dyDescent="0.3">
      <c r="A92969" s="13" t="s">
        <v>462</v>
      </c>
      <c r="B92969" s="14" t="s">
        <v>1</v>
      </c>
      <c r="C92969" s="14" t="s">
        <v>41</v>
      </c>
      <c r="D92969" s="14" t="s">
        <v>463</v>
      </c>
      <c r="E92969" s="15">
        <v>45635</v>
      </c>
      <c r="F92969" s="14" t="s">
        <v>15</v>
      </c>
      <c r="G92969" s="16">
        <v>0.50328303653455431</v>
      </c>
    </row>
    <row r="92970" spans="1:7" x14ac:dyDescent="0.3">
      <c r="A92970" s="13" t="s">
        <v>462</v>
      </c>
      <c r="B92970" s="14" t="s">
        <v>1</v>
      </c>
      <c r="C92970" s="14" t="s">
        <v>41</v>
      </c>
      <c r="D92970" s="14" t="s">
        <v>463</v>
      </c>
      <c r="E92970" s="15">
        <v>45636</v>
      </c>
      <c r="F92970" s="14" t="s">
        <v>15</v>
      </c>
      <c r="G92970" s="16">
        <v>0.49494960039316749</v>
      </c>
    </row>
    <row r="92971" spans="1:7" x14ac:dyDescent="0.3">
      <c r="A92971" s="13" t="s">
        <v>462</v>
      </c>
      <c r="B92971" s="14" t="s">
        <v>1</v>
      </c>
      <c r="C92971" s="14" t="s">
        <v>41</v>
      </c>
      <c r="D92971" s="14" t="s">
        <v>463</v>
      </c>
      <c r="E92971" s="15">
        <v>45637</v>
      </c>
      <c r="F92971" s="14" t="s">
        <v>15</v>
      </c>
      <c r="G92971" s="16">
        <v>0.49134086742908101</v>
      </c>
    </row>
    <row r="92972" spans="1:7" x14ac:dyDescent="0.3">
      <c r="A92972" s="13" t="s">
        <v>462</v>
      </c>
      <c r="B92972" s="14" t="s">
        <v>1</v>
      </c>
      <c r="C92972" s="14" t="s">
        <v>41</v>
      </c>
      <c r="D92972" s="14" t="s">
        <v>463</v>
      </c>
      <c r="E92972" s="15">
        <v>45638</v>
      </c>
      <c r="F92972" s="14" t="s">
        <v>15</v>
      </c>
      <c r="G92972" s="16">
        <v>0.48891809891747329</v>
      </c>
    </row>
    <row r="92973" spans="1:7" x14ac:dyDescent="0.3">
      <c r="A92973" s="13" t="s">
        <v>462</v>
      </c>
      <c r="B92973" s="14" t="s">
        <v>1</v>
      </c>
      <c r="C92973" s="14" t="s">
        <v>41</v>
      </c>
      <c r="D92973" s="14" t="s">
        <v>463</v>
      </c>
      <c r="E92973" s="15">
        <v>45639</v>
      </c>
      <c r="F92973" s="14" t="s">
        <v>15</v>
      </c>
      <c r="G92973" s="16">
        <v>0.48358075746090717</v>
      </c>
    </row>
    <row r="92974" spans="1:7" x14ac:dyDescent="0.3">
      <c r="A92974" s="13" t="s">
        <v>462</v>
      </c>
      <c r="B92974" s="14" t="s">
        <v>1</v>
      </c>
      <c r="C92974" s="14" t="s">
        <v>41</v>
      </c>
      <c r="D92974" s="14" t="s">
        <v>463</v>
      </c>
      <c r="E92974" s="15">
        <v>45640</v>
      </c>
      <c r="F92974" s="14" t="s">
        <v>15</v>
      </c>
      <c r="G92974" s="16">
        <v>0.48358075746090717</v>
      </c>
    </row>
    <row r="92975" spans="1:7" x14ac:dyDescent="0.3">
      <c r="A92975" s="13" t="s">
        <v>462</v>
      </c>
      <c r="B92975" s="14" t="s">
        <v>1</v>
      </c>
      <c r="C92975" s="14" t="s">
        <v>41</v>
      </c>
      <c r="D92975" s="14" t="s">
        <v>463</v>
      </c>
      <c r="E92975" s="15">
        <v>45641</v>
      </c>
      <c r="F92975" s="14" t="s">
        <v>15</v>
      </c>
      <c r="G92975" s="16">
        <v>0.48358075746090717</v>
      </c>
    </row>
    <row r="92976" spans="1:7" x14ac:dyDescent="0.3">
      <c r="A92976" s="13" t="s">
        <v>462</v>
      </c>
      <c r="B92976" s="14" t="s">
        <v>1</v>
      </c>
      <c r="C92976" s="14" t="s">
        <v>41</v>
      </c>
      <c r="D92976" s="14" t="s">
        <v>463</v>
      </c>
      <c r="E92976" s="15">
        <v>45642</v>
      </c>
      <c r="F92976" s="14" t="s">
        <v>15</v>
      </c>
      <c r="G92976" s="16">
        <v>0.4800321357716717</v>
      </c>
    </row>
    <row r="92977" spans="1:7" x14ac:dyDescent="0.3">
      <c r="A92977" s="13" t="s">
        <v>462</v>
      </c>
      <c r="B92977" s="14" t="s">
        <v>1</v>
      </c>
      <c r="C92977" s="14" t="s">
        <v>41</v>
      </c>
      <c r="D92977" s="14" t="s">
        <v>463</v>
      </c>
      <c r="E92977" s="15">
        <v>45643</v>
      </c>
      <c r="F92977" s="14" t="s">
        <v>15</v>
      </c>
      <c r="G92977" s="16">
        <v>0.47611016898391617</v>
      </c>
    </row>
    <row r="92978" spans="1:7" x14ac:dyDescent="0.3">
      <c r="A92978" s="13" t="s">
        <v>462</v>
      </c>
      <c r="B92978" s="14" t="s">
        <v>1</v>
      </c>
      <c r="C92978" s="14" t="s">
        <v>41</v>
      </c>
      <c r="D92978" s="14" t="s">
        <v>463</v>
      </c>
      <c r="E92978" s="15">
        <v>45644</v>
      </c>
      <c r="F92978" s="14" t="s">
        <v>15</v>
      </c>
      <c r="G92978" s="16">
        <v>0.47012289634067622</v>
      </c>
    </row>
    <row r="92979" spans="1:7" x14ac:dyDescent="0.3">
      <c r="A92979" s="13" t="s">
        <v>462</v>
      </c>
      <c r="B92979" s="14" t="s">
        <v>1</v>
      </c>
      <c r="C92979" s="14" t="s">
        <v>41</v>
      </c>
      <c r="D92979" s="14" t="s">
        <v>463</v>
      </c>
      <c r="E92979" s="15">
        <v>45645</v>
      </c>
      <c r="F92979" s="14" t="s">
        <v>15</v>
      </c>
      <c r="G92979" s="16">
        <v>0.4602630664848526</v>
      </c>
    </row>
    <row r="92980" spans="1:7" x14ac:dyDescent="0.3">
      <c r="A92980" s="13" t="s">
        <v>462</v>
      </c>
      <c r="B92980" s="14" t="s">
        <v>1</v>
      </c>
      <c r="C92980" s="14" t="s">
        <v>41</v>
      </c>
      <c r="D92980" s="14" t="s">
        <v>463</v>
      </c>
      <c r="E92980" s="15">
        <v>45646</v>
      </c>
      <c r="F92980" s="14" t="s">
        <v>15</v>
      </c>
      <c r="G92980" s="16">
        <v>0.46144650555727529</v>
      </c>
    </row>
    <row r="92981" spans="1:7" x14ac:dyDescent="0.3">
      <c r="A92981" s="13" t="s">
        <v>462</v>
      </c>
      <c r="B92981" s="14" t="s">
        <v>1</v>
      </c>
      <c r="C92981" s="14" t="s">
        <v>41</v>
      </c>
      <c r="D92981" s="14" t="s">
        <v>463</v>
      </c>
      <c r="E92981" s="15">
        <v>45647</v>
      </c>
      <c r="F92981" s="14" t="s">
        <v>15</v>
      </c>
      <c r="G92981" s="16">
        <v>0.46144650555727529</v>
      </c>
    </row>
    <row r="92982" spans="1:7" x14ac:dyDescent="0.3">
      <c r="A92982" s="13" t="s">
        <v>462</v>
      </c>
      <c r="B92982" s="14" t="s">
        <v>1</v>
      </c>
      <c r="C92982" s="14" t="s">
        <v>41</v>
      </c>
      <c r="D92982" s="14" t="s">
        <v>463</v>
      </c>
      <c r="E92982" s="15">
        <v>45648</v>
      </c>
      <c r="F92982" s="14" t="s">
        <v>15</v>
      </c>
      <c r="G92982" s="16">
        <v>0.46144650555727529</v>
      </c>
    </row>
    <row r="92983" spans="1:7" x14ac:dyDescent="0.3">
      <c r="A92983" s="13" t="s">
        <v>462</v>
      </c>
      <c r="B92983" s="14" t="s">
        <v>1</v>
      </c>
      <c r="C92983" s="14" t="s">
        <v>41</v>
      </c>
      <c r="D92983" s="14" t="s">
        <v>463</v>
      </c>
      <c r="E92983" s="15">
        <v>45649</v>
      </c>
      <c r="F92983" s="14" t="s">
        <v>15</v>
      </c>
      <c r="G92983" s="16">
        <v>0.45717773098889219</v>
      </c>
    </row>
    <row r="92984" spans="1:7" x14ac:dyDescent="0.3">
      <c r="A92984" s="13" t="s">
        <v>462</v>
      </c>
      <c r="B92984" s="14" t="s">
        <v>1</v>
      </c>
      <c r="C92984" s="14" t="s">
        <v>41</v>
      </c>
      <c r="D92984" s="14" t="s">
        <v>463</v>
      </c>
      <c r="E92984" s="15">
        <v>45650</v>
      </c>
      <c r="F92984" s="14" t="s">
        <v>15</v>
      </c>
      <c r="G92984" s="16">
        <v>0.4513138167599216</v>
      </c>
    </row>
    <row r="92985" spans="1:7" x14ac:dyDescent="0.3">
      <c r="A92985" s="13" t="s">
        <v>462</v>
      </c>
      <c r="B92985" s="14" t="s">
        <v>1</v>
      </c>
      <c r="C92985" s="14" t="s">
        <v>41</v>
      </c>
      <c r="D92985" s="14" t="s">
        <v>463</v>
      </c>
      <c r="E92985" s="15">
        <v>45651</v>
      </c>
      <c r="F92985" s="14" t="s">
        <v>15</v>
      </c>
      <c r="G92985" s="16">
        <v>0.4513138167599216</v>
      </c>
    </row>
    <row r="92986" spans="1:7" x14ac:dyDescent="0.3">
      <c r="A92986" s="13" t="s">
        <v>462</v>
      </c>
      <c r="B92986" s="14" t="s">
        <v>1</v>
      </c>
      <c r="C92986" s="14" t="s">
        <v>41</v>
      </c>
      <c r="D92986" s="14" t="s">
        <v>463</v>
      </c>
      <c r="E92986" s="15">
        <v>45652</v>
      </c>
      <c r="F92986" s="14" t="s">
        <v>15</v>
      </c>
      <c r="G92986" s="16">
        <v>0.4513138167599216</v>
      </c>
    </row>
    <row r="92987" spans="1:7" x14ac:dyDescent="0.3">
      <c r="A92987" s="13" t="s">
        <v>462</v>
      </c>
      <c r="B92987" s="14" t="s">
        <v>1</v>
      </c>
      <c r="C92987" s="14" t="s">
        <v>41</v>
      </c>
      <c r="D92987" s="14" t="s">
        <v>463</v>
      </c>
      <c r="E92987" s="15">
        <v>45653</v>
      </c>
      <c r="F92987" s="14" t="s">
        <v>15</v>
      </c>
      <c r="G92987" s="16">
        <v>0.4513138167599216</v>
      </c>
    </row>
    <row r="92988" spans="1:7" x14ac:dyDescent="0.3">
      <c r="A92988" s="13" t="s">
        <v>462</v>
      </c>
      <c r="B92988" s="14" t="s">
        <v>1</v>
      </c>
      <c r="C92988" s="14" t="s">
        <v>41</v>
      </c>
      <c r="D92988" s="14" t="s">
        <v>463</v>
      </c>
      <c r="E92988" s="15">
        <v>45654</v>
      </c>
      <c r="F92988" s="14" t="s">
        <v>15</v>
      </c>
      <c r="G92988" s="16">
        <v>0.4513138167599216</v>
      </c>
    </row>
    <row r="92989" spans="1:7" x14ac:dyDescent="0.3">
      <c r="A92989" s="13" t="s">
        <v>462</v>
      </c>
      <c r="B92989" s="14" t="s">
        <v>1</v>
      </c>
      <c r="C92989" s="14" t="s">
        <v>41</v>
      </c>
      <c r="D92989" s="14" t="s">
        <v>463</v>
      </c>
      <c r="E92989" s="15">
        <v>45655</v>
      </c>
      <c r="F92989" s="14" t="s">
        <v>15</v>
      </c>
      <c r="G92989" s="16">
        <v>0.4513138167599216</v>
      </c>
    </row>
    <row r="92990" spans="1:7" x14ac:dyDescent="0.3">
      <c r="A92990" s="13" t="s">
        <v>462</v>
      </c>
      <c r="B92990" s="14" t="s">
        <v>1</v>
      </c>
      <c r="C92990" s="14" t="s">
        <v>41</v>
      </c>
      <c r="D92990" s="14" t="s">
        <v>463</v>
      </c>
      <c r="E92990" s="15">
        <v>45656</v>
      </c>
      <c r="F92990" s="14" t="s">
        <v>15</v>
      </c>
      <c r="G92990" s="16">
        <v>0.45033095246015314</v>
      </c>
    </row>
    <row r="92991" spans="1:7" x14ac:dyDescent="0.3">
      <c r="A92991" s="13" t="s">
        <v>462</v>
      </c>
      <c r="B92991" s="14" t="s">
        <v>1</v>
      </c>
      <c r="C92991" s="14" t="s">
        <v>41</v>
      </c>
      <c r="D92991" s="14" t="s">
        <v>463</v>
      </c>
      <c r="E92991" s="15">
        <v>45657</v>
      </c>
      <c r="F92991" s="14" t="s">
        <v>15</v>
      </c>
      <c r="G92991" s="16">
        <v>0.45033095246015314</v>
      </c>
    </row>
    <row r="92992" spans="1:7" x14ac:dyDescent="0.3">
      <c r="A92992" s="13" t="s">
        <v>462</v>
      </c>
      <c r="B92992" s="14" t="s">
        <v>1</v>
      </c>
      <c r="C92992" s="14" t="s">
        <v>41</v>
      </c>
      <c r="D92992" s="14" t="s">
        <v>463</v>
      </c>
      <c r="E92992" s="15">
        <v>45658</v>
      </c>
      <c r="F92992" s="14" t="s">
        <v>15</v>
      </c>
      <c r="G92992" s="16">
        <v>0.45033095246015314</v>
      </c>
    </row>
    <row r="92993" spans="1:7" x14ac:dyDescent="0.3">
      <c r="A92993" s="13" t="s">
        <v>462</v>
      </c>
      <c r="B92993" s="14" t="s">
        <v>1</v>
      </c>
      <c r="C92993" s="14" t="s">
        <v>41</v>
      </c>
      <c r="D92993" s="14" t="s">
        <v>463</v>
      </c>
      <c r="E92993" s="15">
        <v>45659</v>
      </c>
      <c r="F92993" s="14" t="s">
        <v>15</v>
      </c>
      <c r="G92993" s="16">
        <v>0.45033095246015314</v>
      </c>
    </row>
    <row r="92994" spans="1:7" x14ac:dyDescent="0.3">
      <c r="A92994" s="13" t="s">
        <v>462</v>
      </c>
      <c r="B92994" s="14" t="s">
        <v>1</v>
      </c>
      <c r="C92994" s="14" t="s">
        <v>41</v>
      </c>
      <c r="D92994" s="14" t="s">
        <v>463</v>
      </c>
      <c r="E92994" s="15">
        <v>45660</v>
      </c>
      <c r="F92994" s="14" t="s">
        <v>15</v>
      </c>
      <c r="G92994" s="16">
        <v>0.45033095246015314</v>
      </c>
    </row>
    <row r="92995" spans="1:7" x14ac:dyDescent="0.3">
      <c r="A92995" s="13" t="s">
        <v>462</v>
      </c>
      <c r="B92995" s="14" t="s">
        <v>1</v>
      </c>
      <c r="C92995" s="14" t="s">
        <v>41</v>
      </c>
      <c r="D92995" s="14" t="s">
        <v>463</v>
      </c>
      <c r="E92995" s="15">
        <v>45661</v>
      </c>
      <c r="F92995" s="14" t="s">
        <v>15</v>
      </c>
      <c r="G92995" s="16">
        <v>0.45033095246015314</v>
      </c>
    </row>
    <row r="92996" spans="1:7" x14ac:dyDescent="0.3">
      <c r="A92996" s="13" t="s">
        <v>462</v>
      </c>
      <c r="B92996" s="14" t="s">
        <v>1</v>
      </c>
      <c r="C92996" s="14" t="s">
        <v>41</v>
      </c>
      <c r="D92996" s="14" t="s">
        <v>463</v>
      </c>
      <c r="E92996" s="15">
        <v>45662</v>
      </c>
      <c r="F92996" s="14" t="s">
        <v>15</v>
      </c>
      <c r="G92996" s="16">
        <v>0.45033095246015314</v>
      </c>
    </row>
    <row r="92997" spans="1:7" x14ac:dyDescent="0.3">
      <c r="A92997" s="13" t="s">
        <v>462</v>
      </c>
      <c r="B92997" s="14" t="s">
        <v>1</v>
      </c>
      <c r="C92997" s="14" t="s">
        <v>41</v>
      </c>
      <c r="D92997" s="14" t="s">
        <v>463</v>
      </c>
      <c r="E92997" s="15">
        <v>45663</v>
      </c>
      <c r="F92997" s="14" t="s">
        <v>15</v>
      </c>
      <c r="G92997" s="16">
        <v>0.5416401086917062</v>
      </c>
    </row>
    <row r="92998" spans="1:7" x14ac:dyDescent="0.3">
      <c r="A92998" s="13" t="s">
        <v>462</v>
      </c>
      <c r="B92998" s="14" t="s">
        <v>1</v>
      </c>
      <c r="C92998" s="14" t="s">
        <v>41</v>
      </c>
      <c r="D92998" s="14" t="s">
        <v>463</v>
      </c>
      <c r="E92998" s="15">
        <v>45664</v>
      </c>
      <c r="F92998" s="14" t="s">
        <v>15</v>
      </c>
      <c r="G92998" s="16">
        <v>0.52668770061090786</v>
      </c>
    </row>
    <row r="92999" spans="1:7" x14ac:dyDescent="0.3">
      <c r="A92999" s="13" t="s">
        <v>462</v>
      </c>
      <c r="B92999" s="14" t="s">
        <v>1</v>
      </c>
      <c r="C92999" s="14" t="s">
        <v>41</v>
      </c>
      <c r="D92999" s="14" t="s">
        <v>463</v>
      </c>
      <c r="E92999" s="15">
        <v>45665</v>
      </c>
      <c r="F92999" s="14" t="s">
        <v>15</v>
      </c>
      <c r="G92999" s="16">
        <v>0.52378254041533978</v>
      </c>
    </row>
    <row r="93000" spans="1:7" x14ac:dyDescent="0.3">
      <c r="A93000" s="13" t="s">
        <v>462</v>
      </c>
      <c r="B93000" s="14" t="s">
        <v>1</v>
      </c>
      <c r="C93000" s="14" t="s">
        <v>41</v>
      </c>
      <c r="D93000" s="14" t="s">
        <v>463</v>
      </c>
      <c r="E93000" s="15">
        <v>45666</v>
      </c>
      <c r="F93000" s="14" t="s">
        <v>15</v>
      </c>
      <c r="G93000" s="16">
        <v>0.52242224450883035</v>
      </c>
    </row>
    <row r="93001" spans="1:7" x14ac:dyDescent="0.3">
      <c r="A93001" s="13" t="s">
        <v>462</v>
      </c>
      <c r="B93001" s="14" t="s">
        <v>1</v>
      </c>
      <c r="C93001" s="14" t="s">
        <v>41</v>
      </c>
      <c r="D93001" s="14" t="s">
        <v>463</v>
      </c>
      <c r="E93001" s="15">
        <v>45667</v>
      </c>
      <c r="F93001" s="14" t="s">
        <v>15</v>
      </c>
      <c r="G93001" s="16">
        <v>0.52180018124934036</v>
      </c>
    </row>
    <row r="93002" spans="1:7" x14ac:dyDescent="0.3">
      <c r="A93002" s="13" t="s">
        <v>462</v>
      </c>
      <c r="B93002" s="14" t="s">
        <v>1</v>
      </c>
      <c r="C93002" s="14" t="s">
        <v>41</v>
      </c>
      <c r="D93002" s="14" t="s">
        <v>463</v>
      </c>
      <c r="E93002" s="15">
        <v>45668</v>
      </c>
      <c r="F93002" s="14" t="s">
        <v>15</v>
      </c>
      <c r="G93002" s="16">
        <v>0.52180018124934036</v>
      </c>
    </row>
    <row r="93003" spans="1:7" x14ac:dyDescent="0.3">
      <c r="A93003" s="13" t="s">
        <v>462</v>
      </c>
      <c r="B93003" s="14" t="s">
        <v>1</v>
      </c>
      <c r="C93003" s="14" t="s">
        <v>41</v>
      </c>
      <c r="D93003" s="14" t="s">
        <v>463</v>
      </c>
      <c r="E93003" s="15">
        <v>45669</v>
      </c>
      <c r="F93003" s="14" t="s">
        <v>15</v>
      </c>
      <c r="G93003" s="16">
        <v>0.52180018124934036</v>
      </c>
    </row>
    <row r="93004" spans="1:7" x14ac:dyDescent="0.3">
      <c r="A93004" s="13" t="s">
        <v>462</v>
      </c>
      <c r="B93004" s="14" t="s">
        <v>1</v>
      </c>
      <c r="C93004" s="14" t="s">
        <v>41</v>
      </c>
      <c r="D93004" s="14" t="s">
        <v>463</v>
      </c>
      <c r="E93004" s="15">
        <v>45670</v>
      </c>
      <c r="F93004" s="14" t="s">
        <v>15</v>
      </c>
      <c r="G93004" s="16">
        <v>0.52180018124934036</v>
      </c>
    </row>
    <row r="93005" spans="1:7" x14ac:dyDescent="0.3">
      <c r="A93005" s="13" t="s">
        <v>462</v>
      </c>
      <c r="B93005" s="14" t="s">
        <v>1</v>
      </c>
      <c r="C93005" s="14" t="s">
        <v>41</v>
      </c>
      <c r="D93005" s="14" t="s">
        <v>463</v>
      </c>
      <c r="E93005" s="15">
        <v>45671</v>
      </c>
      <c r="F93005" s="14" t="s">
        <v>15</v>
      </c>
      <c r="G93005" s="16">
        <v>0.51890782068841101</v>
      </c>
    </row>
    <row r="93006" spans="1:7" x14ac:dyDescent="0.3">
      <c r="A93006" s="13" t="s">
        <v>462</v>
      </c>
      <c r="B93006" s="14" t="s">
        <v>1</v>
      </c>
      <c r="C93006" s="14" t="s">
        <v>41</v>
      </c>
      <c r="D93006" s="14" t="s">
        <v>463</v>
      </c>
      <c r="E93006" s="15">
        <v>45672</v>
      </c>
      <c r="F93006" s="14" t="s">
        <v>15</v>
      </c>
      <c r="G93006" s="16">
        <v>0.51599499079494138</v>
      </c>
    </row>
    <row r="93007" spans="1:7" x14ac:dyDescent="0.3">
      <c r="A93007" s="13" t="s">
        <v>462</v>
      </c>
      <c r="B93007" s="14" t="s">
        <v>1</v>
      </c>
      <c r="C93007" s="14" t="s">
        <v>41</v>
      </c>
      <c r="D93007" s="14" t="s">
        <v>463</v>
      </c>
      <c r="E93007" s="15">
        <v>45673</v>
      </c>
      <c r="F93007" s="14" t="s">
        <v>15</v>
      </c>
      <c r="G93007" s="16">
        <v>0.51836685202199317</v>
      </c>
    </row>
    <row r="93008" spans="1:7" x14ac:dyDescent="0.3">
      <c r="A93008" s="13" t="s">
        <v>462</v>
      </c>
      <c r="B93008" s="14" t="s">
        <v>1</v>
      </c>
      <c r="C93008" s="14" t="s">
        <v>41</v>
      </c>
      <c r="D93008" s="14" t="s">
        <v>463</v>
      </c>
      <c r="E93008" s="15">
        <v>45674</v>
      </c>
      <c r="F93008" s="14" t="s">
        <v>15</v>
      </c>
      <c r="G93008" s="16">
        <v>0.51262057564060337</v>
      </c>
    </row>
    <row r="93009" spans="1:7" x14ac:dyDescent="0.3">
      <c r="A93009" s="13" t="s">
        <v>462</v>
      </c>
      <c r="B93009" s="14" t="s">
        <v>1</v>
      </c>
      <c r="C93009" s="14" t="s">
        <v>41</v>
      </c>
      <c r="D93009" s="14" t="s">
        <v>463</v>
      </c>
      <c r="E93009" s="15">
        <v>45675</v>
      </c>
      <c r="F93009" s="14" t="s">
        <v>15</v>
      </c>
      <c r="G93009" s="16">
        <v>0.51262057564060337</v>
      </c>
    </row>
    <row r="93010" spans="1:7" x14ac:dyDescent="0.3">
      <c r="A93010" s="13" t="s">
        <v>462</v>
      </c>
      <c r="B93010" s="14" t="s">
        <v>1</v>
      </c>
      <c r="C93010" s="14" t="s">
        <v>41</v>
      </c>
      <c r="D93010" s="14" t="s">
        <v>463</v>
      </c>
      <c r="E93010" s="15">
        <v>45676</v>
      </c>
      <c r="F93010" s="14" t="s">
        <v>15</v>
      </c>
      <c r="G93010" s="16">
        <v>0.51262057564060337</v>
      </c>
    </row>
    <row r="93011" spans="1:7" x14ac:dyDescent="0.3">
      <c r="A93011" s="13" t="s">
        <v>462</v>
      </c>
      <c r="B93011" s="14" t="s">
        <v>1</v>
      </c>
      <c r="C93011" s="14" t="s">
        <v>41</v>
      </c>
      <c r="D93011" s="14" t="s">
        <v>463</v>
      </c>
      <c r="E93011" s="15">
        <v>45677</v>
      </c>
      <c r="F93011" s="14" t="s">
        <v>15</v>
      </c>
      <c r="G93011" s="16">
        <v>0.51290694794658542</v>
      </c>
    </row>
    <row r="93012" spans="1:7" x14ac:dyDescent="0.3">
      <c r="A93012" s="13" t="s">
        <v>462</v>
      </c>
      <c r="B93012" s="14" t="s">
        <v>1</v>
      </c>
      <c r="C93012" s="14" t="s">
        <v>41</v>
      </c>
      <c r="D93012" s="14" t="s">
        <v>463</v>
      </c>
      <c r="E93012" s="15">
        <v>45678</v>
      </c>
      <c r="F93012" s="14" t="s">
        <v>15</v>
      </c>
      <c r="G93012" s="16">
        <v>0.50728043016087621</v>
      </c>
    </row>
    <row r="93013" spans="1:7" x14ac:dyDescent="0.3">
      <c r="A93013" s="13" t="s">
        <v>462</v>
      </c>
      <c r="B93013" s="14" t="s">
        <v>1</v>
      </c>
      <c r="C93013" s="14" t="s">
        <v>41</v>
      </c>
      <c r="D93013" s="14" t="s">
        <v>463</v>
      </c>
      <c r="E93013" s="15">
        <v>45679</v>
      </c>
      <c r="F93013" s="14" t="s">
        <v>15</v>
      </c>
      <c r="G93013" s="16">
        <v>0.50207701524113701</v>
      </c>
    </row>
    <row r="93014" spans="1:7" x14ac:dyDescent="0.3">
      <c r="A93014" s="13" t="s">
        <v>462</v>
      </c>
      <c r="B93014" s="14" t="s">
        <v>1</v>
      </c>
      <c r="C93014" s="14" t="s">
        <v>41</v>
      </c>
      <c r="D93014" s="14" t="s">
        <v>463</v>
      </c>
      <c r="E93014" s="15">
        <v>45680</v>
      </c>
      <c r="F93014" s="14" t="s">
        <v>15</v>
      </c>
      <c r="G93014" s="16">
        <v>0.50167897169101572</v>
      </c>
    </row>
    <row r="93015" spans="1:7" x14ac:dyDescent="0.3">
      <c r="A93015" s="13" t="s">
        <v>462</v>
      </c>
      <c r="B93015" s="14" t="s">
        <v>1</v>
      </c>
      <c r="C93015" s="14" t="s">
        <v>41</v>
      </c>
      <c r="D93015" s="14" t="s">
        <v>463</v>
      </c>
      <c r="E93015" s="15">
        <v>45681</v>
      </c>
      <c r="F93015" s="14" t="s">
        <v>15</v>
      </c>
      <c r="G93015" s="16">
        <v>0.4997703761594513</v>
      </c>
    </row>
    <row r="93016" spans="1:7" x14ac:dyDescent="0.3">
      <c r="A93016" s="13" t="s">
        <v>462</v>
      </c>
      <c r="B93016" s="14" t="s">
        <v>1</v>
      </c>
      <c r="C93016" s="14" t="s">
        <v>41</v>
      </c>
      <c r="D93016" s="14" t="s">
        <v>463</v>
      </c>
      <c r="E93016" s="15">
        <v>45682</v>
      </c>
      <c r="F93016" s="14" t="s">
        <v>15</v>
      </c>
      <c r="G93016" s="16">
        <v>0.4997703761594513</v>
      </c>
    </row>
    <row r="93017" spans="1:7" x14ac:dyDescent="0.3">
      <c r="A93017" s="13" t="s">
        <v>462</v>
      </c>
      <c r="B93017" s="14" t="s">
        <v>1</v>
      </c>
      <c r="C93017" s="14" t="s">
        <v>41</v>
      </c>
      <c r="D93017" s="14" t="s">
        <v>463</v>
      </c>
      <c r="E93017" s="15">
        <v>45683</v>
      </c>
      <c r="F93017" s="14" t="s">
        <v>15</v>
      </c>
      <c r="G93017" s="16">
        <v>0.4997703761594513</v>
      </c>
    </row>
    <row r="93018" spans="1:7" x14ac:dyDescent="0.3">
      <c r="A93018" s="13" t="s">
        <v>462</v>
      </c>
      <c r="B93018" s="14" t="s">
        <v>1</v>
      </c>
      <c r="C93018" s="14" t="s">
        <v>41</v>
      </c>
      <c r="D93018" s="14" t="s">
        <v>463</v>
      </c>
      <c r="E93018" s="15">
        <v>45684</v>
      </c>
      <c r="F93018" s="14" t="s">
        <v>15</v>
      </c>
      <c r="G93018" s="16">
        <v>0.50547906252813302</v>
      </c>
    </row>
    <row r="93019" spans="1:7" x14ac:dyDescent="0.3">
      <c r="A93019" s="13" t="s">
        <v>462</v>
      </c>
      <c r="B93019" s="14" t="s">
        <v>1</v>
      </c>
      <c r="C93019" s="14" t="s">
        <v>41</v>
      </c>
      <c r="D93019" s="14" t="s">
        <v>463</v>
      </c>
      <c r="E93019" s="15">
        <v>45685</v>
      </c>
      <c r="F93019" s="14" t="s">
        <v>15</v>
      </c>
      <c r="G93019" s="16">
        <v>0.49625778568910761</v>
      </c>
    </row>
    <row r="93020" spans="1:7" x14ac:dyDescent="0.3">
      <c r="A93020" s="13" t="s">
        <v>462</v>
      </c>
      <c r="B93020" s="14" t="s">
        <v>1</v>
      </c>
      <c r="C93020" s="14" t="s">
        <v>41</v>
      </c>
      <c r="D93020" s="14" t="s">
        <v>463</v>
      </c>
      <c r="E93020" s="15">
        <v>45686</v>
      </c>
      <c r="F93020" s="14" t="s">
        <v>15</v>
      </c>
      <c r="G93020" s="16">
        <v>0.49512711891458938</v>
      </c>
    </row>
    <row r="93021" spans="1:7" x14ac:dyDescent="0.3">
      <c r="A93021" s="13" t="s">
        <v>462</v>
      </c>
      <c r="B93021" s="14" t="s">
        <v>1</v>
      </c>
      <c r="C93021" s="14" t="s">
        <v>41</v>
      </c>
      <c r="D93021" s="14" t="s">
        <v>463</v>
      </c>
      <c r="E93021" s="15">
        <v>45687</v>
      </c>
      <c r="F93021" s="14" t="s">
        <v>15</v>
      </c>
      <c r="G93021" s="16">
        <v>0.49611945273750419</v>
      </c>
    </row>
    <row r="93022" spans="1:7" x14ac:dyDescent="0.3">
      <c r="A93022" s="13" t="s">
        <v>462</v>
      </c>
      <c r="B93022" s="14" t="s">
        <v>1</v>
      </c>
      <c r="C93022" s="14" t="s">
        <v>41</v>
      </c>
      <c r="D93022" s="14" t="s">
        <v>463</v>
      </c>
      <c r="E93022" s="15">
        <v>45688</v>
      </c>
      <c r="F93022" s="14" t="s">
        <v>15</v>
      </c>
      <c r="G93022" s="16">
        <v>0.50420098793242341</v>
      </c>
    </row>
    <row r="93023" spans="1:7" x14ac:dyDescent="0.3">
      <c r="A93023" s="13" t="s">
        <v>462</v>
      </c>
      <c r="B93023" s="14" t="s">
        <v>1</v>
      </c>
      <c r="C93023" s="14" t="s">
        <v>41</v>
      </c>
      <c r="D93023" s="14" t="s">
        <v>463</v>
      </c>
      <c r="E93023" s="15">
        <v>45689</v>
      </c>
      <c r="F93023" s="14" t="s">
        <v>15</v>
      </c>
      <c r="G93023" s="16">
        <v>0.50420098793242341</v>
      </c>
    </row>
    <row r="93024" spans="1:7" x14ac:dyDescent="0.3">
      <c r="A93024" s="13" t="s">
        <v>462</v>
      </c>
      <c r="B93024" s="14" t="s">
        <v>1</v>
      </c>
      <c r="C93024" s="14" t="s">
        <v>41</v>
      </c>
      <c r="D93024" s="14" t="s">
        <v>463</v>
      </c>
      <c r="E93024" s="15">
        <v>45690</v>
      </c>
      <c r="F93024" s="14" t="s">
        <v>15</v>
      </c>
      <c r="G93024" s="16">
        <v>0.50420098793242341</v>
      </c>
    </row>
    <row r="93025" spans="1:7" x14ac:dyDescent="0.3">
      <c r="A93025" s="13" t="s">
        <v>462</v>
      </c>
      <c r="B93025" s="14" t="s">
        <v>1</v>
      </c>
      <c r="C93025" s="14" t="s">
        <v>41</v>
      </c>
      <c r="D93025" s="14" t="s">
        <v>463</v>
      </c>
      <c r="E93025" s="15">
        <v>45691</v>
      </c>
      <c r="F93025" s="14" t="s">
        <v>15</v>
      </c>
      <c r="G93025" s="16">
        <v>0.50420098793242341</v>
      </c>
    </row>
    <row r="93026" spans="1:7" x14ac:dyDescent="0.3">
      <c r="A93026" s="13" t="s">
        <v>462</v>
      </c>
      <c r="B93026" s="14" t="s">
        <v>1</v>
      </c>
      <c r="C93026" s="14" t="s">
        <v>41</v>
      </c>
      <c r="D93026" s="14" t="s">
        <v>463</v>
      </c>
      <c r="E93026" s="15">
        <v>45692</v>
      </c>
      <c r="F93026" s="14" t="s">
        <v>15</v>
      </c>
      <c r="G93026" s="16">
        <v>0.50508249813965089</v>
      </c>
    </row>
    <row r="93027" spans="1:7" x14ac:dyDescent="0.3">
      <c r="A93027" s="13" t="s">
        <v>462</v>
      </c>
      <c r="B93027" s="14" t="s">
        <v>1</v>
      </c>
      <c r="C93027" s="14" t="s">
        <v>41</v>
      </c>
      <c r="D93027" s="14" t="s">
        <v>463</v>
      </c>
      <c r="E93027" s="15">
        <v>45693</v>
      </c>
      <c r="F93027" s="14" t="s">
        <v>15</v>
      </c>
      <c r="G93027" s="16">
        <v>0.50465006270125157</v>
      </c>
    </row>
    <row r="93028" spans="1:7" x14ac:dyDescent="0.3">
      <c r="A93028" s="13" t="s">
        <v>462</v>
      </c>
      <c r="B93028" s="14" t="s">
        <v>1</v>
      </c>
      <c r="C93028" s="14" t="s">
        <v>41</v>
      </c>
      <c r="D93028" s="14" t="s">
        <v>463</v>
      </c>
      <c r="E93028" s="15">
        <v>45694</v>
      </c>
      <c r="F93028" s="14" t="s">
        <v>15</v>
      </c>
      <c r="G93028" s="16">
        <v>0.50639561190106641</v>
      </c>
    </row>
    <row r="93029" spans="1:7" x14ac:dyDescent="0.3">
      <c r="A93029" s="13" t="s">
        <v>462</v>
      </c>
      <c r="B93029" s="14" t="s">
        <v>1</v>
      </c>
      <c r="C93029" s="14" t="s">
        <v>41</v>
      </c>
      <c r="D93029" s="14" t="s">
        <v>463</v>
      </c>
      <c r="E93029" s="15">
        <v>45695</v>
      </c>
      <c r="F93029" s="14" t="s">
        <v>15</v>
      </c>
      <c r="G93029" s="16">
        <v>0.50447371001822439</v>
      </c>
    </row>
    <row r="93030" spans="1:7" x14ac:dyDescent="0.3">
      <c r="A93030" s="13" t="s">
        <v>462</v>
      </c>
      <c r="B93030" s="14" t="s">
        <v>1</v>
      </c>
      <c r="C93030" s="14" t="s">
        <v>41</v>
      </c>
      <c r="D93030" s="14" t="s">
        <v>463</v>
      </c>
      <c r="E93030" s="15">
        <v>45696</v>
      </c>
      <c r="F93030" s="14" t="s">
        <v>15</v>
      </c>
      <c r="G93030" s="16">
        <v>0.50447371001822439</v>
      </c>
    </row>
    <row r="93031" spans="1:7" x14ac:dyDescent="0.3">
      <c r="A93031" s="13" t="s">
        <v>462</v>
      </c>
      <c r="B93031" s="14" t="s">
        <v>1</v>
      </c>
      <c r="C93031" s="14" t="s">
        <v>41</v>
      </c>
      <c r="D93031" s="14" t="s">
        <v>463</v>
      </c>
      <c r="E93031" s="15">
        <v>45697</v>
      </c>
      <c r="F93031" s="14" t="s">
        <v>15</v>
      </c>
      <c r="G93031" s="16">
        <v>0.50447371001822439</v>
      </c>
    </row>
    <row r="93032" spans="1:7" x14ac:dyDescent="0.3">
      <c r="A93032" s="13" t="s">
        <v>462</v>
      </c>
      <c r="B93032" s="14" t="s">
        <v>1</v>
      </c>
      <c r="C93032" s="14" t="s">
        <v>41</v>
      </c>
      <c r="D93032" s="14" t="s">
        <v>463</v>
      </c>
      <c r="E93032" s="15">
        <v>45698</v>
      </c>
      <c r="F93032" s="14" t="s">
        <v>15</v>
      </c>
      <c r="G93032" s="16">
        <v>0.5006477405275942</v>
      </c>
    </row>
    <row r="93033" spans="1:7" x14ac:dyDescent="0.3">
      <c r="A93033" s="13" t="s">
        <v>462</v>
      </c>
      <c r="B93033" s="14" t="s">
        <v>1</v>
      </c>
      <c r="C93033" s="14" t="s">
        <v>41</v>
      </c>
      <c r="D93033" s="14" t="s">
        <v>463</v>
      </c>
      <c r="E93033" s="15">
        <v>45699</v>
      </c>
      <c r="F93033" s="14" t="s">
        <v>15</v>
      </c>
      <c r="G93033" s="16">
        <v>0.5006477405275942</v>
      </c>
    </row>
    <row r="93034" spans="1:7" x14ac:dyDescent="0.3">
      <c r="A93034" s="13" t="s">
        <v>462</v>
      </c>
      <c r="B93034" s="14" t="s">
        <v>1</v>
      </c>
      <c r="C93034" s="14" t="s">
        <v>41</v>
      </c>
      <c r="D93034" s="14" t="s">
        <v>463</v>
      </c>
      <c r="E93034" s="15">
        <v>45700</v>
      </c>
      <c r="F93034" s="14" t="s">
        <v>15</v>
      </c>
      <c r="G93034" s="16">
        <v>0.48695962614401317</v>
      </c>
    </row>
    <row r="93035" spans="1:7" x14ac:dyDescent="0.3">
      <c r="A93035" s="13" t="s">
        <v>462</v>
      </c>
      <c r="B93035" s="14" t="s">
        <v>1</v>
      </c>
      <c r="C93035" s="14" t="s">
        <v>41</v>
      </c>
      <c r="D93035" s="14" t="s">
        <v>463</v>
      </c>
      <c r="E93035" s="15">
        <v>45701</v>
      </c>
      <c r="F93035" s="14" t="s">
        <v>15</v>
      </c>
      <c r="G93035" s="16">
        <v>0.48897553501005248</v>
      </c>
    </row>
    <row r="93036" spans="1:7" x14ac:dyDescent="0.3">
      <c r="A93036" s="13" t="s">
        <v>462</v>
      </c>
      <c r="B93036" s="14" t="s">
        <v>1</v>
      </c>
      <c r="C93036" s="14" t="s">
        <v>41</v>
      </c>
      <c r="D93036" s="14" t="s">
        <v>463</v>
      </c>
      <c r="E93036" s="15">
        <v>45702</v>
      </c>
      <c r="F93036" s="14" t="s">
        <v>15</v>
      </c>
      <c r="G93036" s="16">
        <v>0.48971152796430506</v>
      </c>
    </row>
    <row r="93037" spans="1:7" x14ac:dyDescent="0.3">
      <c r="A93037" s="13" t="s">
        <v>462</v>
      </c>
      <c r="B93037" s="14" t="s">
        <v>1</v>
      </c>
      <c r="C93037" s="14" t="s">
        <v>41</v>
      </c>
      <c r="D93037" s="14" t="s">
        <v>463</v>
      </c>
      <c r="E93037" s="15">
        <v>45703</v>
      </c>
      <c r="F93037" s="14" t="s">
        <v>15</v>
      </c>
      <c r="G93037" s="16">
        <v>0.48971152796430506</v>
      </c>
    </row>
    <row r="93038" spans="1:7" x14ac:dyDescent="0.3">
      <c r="A93038" s="13" t="s">
        <v>462</v>
      </c>
      <c r="B93038" s="14" t="s">
        <v>1</v>
      </c>
      <c r="C93038" s="14" t="s">
        <v>41</v>
      </c>
      <c r="D93038" s="14" t="s">
        <v>463</v>
      </c>
      <c r="E93038" s="15">
        <v>45704</v>
      </c>
      <c r="F93038" s="14" t="s">
        <v>15</v>
      </c>
      <c r="G93038" s="16">
        <v>0.48971152796430506</v>
      </c>
    </row>
    <row r="93039" spans="1:7" x14ac:dyDescent="0.3">
      <c r="A93039" s="13" t="s">
        <v>462</v>
      </c>
      <c r="B93039" s="14" t="s">
        <v>1</v>
      </c>
      <c r="C93039" s="14" t="s">
        <v>41</v>
      </c>
      <c r="D93039" s="14" t="s">
        <v>463</v>
      </c>
      <c r="E93039" s="15">
        <v>45705</v>
      </c>
      <c r="F93039" s="14" t="s">
        <v>15</v>
      </c>
      <c r="G93039" s="16">
        <v>0.4904452726365508</v>
      </c>
    </row>
    <row r="93040" spans="1:7" x14ac:dyDescent="0.3">
      <c r="A93040" s="13" t="s">
        <v>462</v>
      </c>
      <c r="B93040" s="14" t="s">
        <v>1</v>
      </c>
      <c r="C93040" s="14" t="s">
        <v>41</v>
      </c>
      <c r="D93040" s="14" t="s">
        <v>463</v>
      </c>
      <c r="E93040" s="15">
        <v>45706</v>
      </c>
      <c r="F93040" s="14" t="s">
        <v>15</v>
      </c>
      <c r="G93040" s="16">
        <v>0.48263679760482953</v>
      </c>
    </row>
    <row r="93041" spans="1:7" x14ac:dyDescent="0.3">
      <c r="A93041" s="13" t="s">
        <v>462</v>
      </c>
      <c r="B93041" s="14" t="s">
        <v>1</v>
      </c>
      <c r="C93041" s="14" t="s">
        <v>41</v>
      </c>
      <c r="D93041" s="14" t="s">
        <v>463</v>
      </c>
      <c r="E93041" s="15">
        <v>45707</v>
      </c>
      <c r="F93041" s="14" t="s">
        <v>15</v>
      </c>
      <c r="G93041" s="16">
        <v>0.48253862517732732</v>
      </c>
    </row>
    <row r="93042" spans="1:7" x14ac:dyDescent="0.3">
      <c r="A93042" s="13" t="s">
        <v>462</v>
      </c>
      <c r="B93042" s="14" t="s">
        <v>1</v>
      </c>
      <c r="C93042" s="14" t="s">
        <v>41</v>
      </c>
      <c r="D93042" s="14" t="s">
        <v>463</v>
      </c>
      <c r="E93042" s="15">
        <v>45708</v>
      </c>
      <c r="F93042" s="14" t="s">
        <v>15</v>
      </c>
      <c r="G93042" s="16">
        <v>0.49866769440817726</v>
      </c>
    </row>
    <row r="93043" spans="1:7" x14ac:dyDescent="0.3">
      <c r="A93043" s="13" t="s">
        <v>462</v>
      </c>
      <c r="B93043" s="14" t="s">
        <v>1</v>
      </c>
      <c r="C93043" s="14" t="s">
        <v>41</v>
      </c>
      <c r="D93043" s="14" t="s">
        <v>463</v>
      </c>
      <c r="E93043" s="15">
        <v>45709</v>
      </c>
      <c r="F93043" s="14" t="s">
        <v>15</v>
      </c>
      <c r="G93043" s="16">
        <v>0.49774781118689709</v>
      </c>
    </row>
    <row r="93044" spans="1:7" x14ac:dyDescent="0.3">
      <c r="A93044" s="13" t="s">
        <v>462</v>
      </c>
      <c r="B93044" s="14" t="s">
        <v>1</v>
      </c>
      <c r="C93044" s="14" t="s">
        <v>41</v>
      </c>
      <c r="D93044" s="14" t="s">
        <v>463</v>
      </c>
      <c r="E93044" s="15">
        <v>45710</v>
      </c>
      <c r="F93044" s="14" t="s">
        <v>15</v>
      </c>
      <c r="G93044" s="16">
        <v>0.49774781118689709</v>
      </c>
    </row>
    <row r="93045" spans="1:7" x14ac:dyDescent="0.3">
      <c r="A93045" s="13" t="s">
        <v>462</v>
      </c>
      <c r="B93045" s="14" t="s">
        <v>1</v>
      </c>
      <c r="C93045" s="14" t="s">
        <v>41</v>
      </c>
      <c r="D93045" s="14" t="s">
        <v>463</v>
      </c>
      <c r="E93045" s="15">
        <v>45711</v>
      </c>
      <c r="F93045" s="14" t="s">
        <v>15</v>
      </c>
      <c r="G93045" s="16">
        <v>0.49774781118689709</v>
      </c>
    </row>
    <row r="93046" spans="1:7" x14ac:dyDescent="0.3">
      <c r="A93046" s="13" t="s">
        <v>462</v>
      </c>
      <c r="B93046" s="14" t="s">
        <v>1</v>
      </c>
      <c r="C93046" s="14" t="s">
        <v>41</v>
      </c>
      <c r="D93046" s="14" t="s">
        <v>463</v>
      </c>
      <c r="E93046" s="15">
        <v>45712</v>
      </c>
      <c r="F93046" s="14" t="s">
        <v>15</v>
      </c>
      <c r="G93046" s="16">
        <v>0.49774781118689709</v>
      </c>
    </row>
    <row r="93047" spans="1:7" x14ac:dyDescent="0.3">
      <c r="A93047" s="13" t="s">
        <v>462</v>
      </c>
      <c r="B93047" s="14" t="s">
        <v>1</v>
      </c>
      <c r="C93047" s="14" t="s">
        <v>41</v>
      </c>
      <c r="D93047" s="14" t="s">
        <v>463</v>
      </c>
      <c r="E93047" s="15">
        <v>45713</v>
      </c>
      <c r="F93047" s="14" t="s">
        <v>15</v>
      </c>
      <c r="G93047" s="16">
        <v>0.49656473160266418</v>
      </c>
    </row>
    <row r="93048" spans="1:7" x14ac:dyDescent="0.3">
      <c r="A93048" s="13" t="s">
        <v>462</v>
      </c>
      <c r="B93048" s="14" t="s">
        <v>1</v>
      </c>
      <c r="C93048" s="14" t="s">
        <v>41</v>
      </c>
      <c r="D93048" s="14" t="s">
        <v>463</v>
      </c>
      <c r="E93048" s="15">
        <v>45714</v>
      </c>
      <c r="F93048" s="14" t="s">
        <v>15</v>
      </c>
      <c r="G93048" s="16">
        <v>0.48836951205359663</v>
      </c>
    </row>
    <row r="93049" spans="1:7" x14ac:dyDescent="0.3">
      <c r="A93049" s="13" t="s">
        <v>462</v>
      </c>
      <c r="B93049" s="14" t="s">
        <v>1</v>
      </c>
      <c r="C93049" s="14" t="s">
        <v>41</v>
      </c>
      <c r="D93049" s="14" t="s">
        <v>463</v>
      </c>
      <c r="E93049" s="15">
        <v>45715</v>
      </c>
      <c r="F93049" s="14" t="s">
        <v>15</v>
      </c>
      <c r="G93049" s="16">
        <v>0.48407416367964418</v>
      </c>
    </row>
    <row r="93050" spans="1:7" x14ac:dyDescent="0.3">
      <c r="A93050" s="13" t="s">
        <v>462</v>
      </c>
      <c r="B93050" s="14" t="s">
        <v>1</v>
      </c>
      <c r="C93050" s="14" t="s">
        <v>41</v>
      </c>
      <c r="D93050" s="14" t="s">
        <v>463</v>
      </c>
      <c r="E93050" s="15">
        <v>45716</v>
      </c>
      <c r="F93050" s="14" t="s">
        <v>15</v>
      </c>
      <c r="G93050" s="16">
        <v>0.48750907819548073</v>
      </c>
    </row>
    <row r="93051" spans="1:7" x14ac:dyDescent="0.3">
      <c r="A93051" s="13" t="s">
        <v>462</v>
      </c>
      <c r="B93051" s="14" t="s">
        <v>1</v>
      </c>
      <c r="C93051" s="14" t="s">
        <v>41</v>
      </c>
      <c r="D93051" s="14" t="s">
        <v>463</v>
      </c>
      <c r="E93051" s="15">
        <v>45717</v>
      </c>
      <c r="F93051" s="14" t="s">
        <v>15</v>
      </c>
      <c r="G93051" s="16">
        <v>0.48750907819548073</v>
      </c>
    </row>
    <row r="93052" spans="1:7" x14ac:dyDescent="0.3">
      <c r="A93052" s="13" t="s">
        <v>462</v>
      </c>
      <c r="B93052" s="14" t="s">
        <v>1</v>
      </c>
      <c r="C93052" s="14" t="s">
        <v>41</v>
      </c>
      <c r="D93052" s="14" t="s">
        <v>463</v>
      </c>
      <c r="E93052" s="15">
        <v>45718</v>
      </c>
      <c r="F93052" s="14" t="s">
        <v>15</v>
      </c>
      <c r="G93052" s="16">
        <v>0.48750907819548073</v>
      </c>
    </row>
    <row r="93053" spans="1:7" x14ac:dyDescent="0.3">
      <c r="A93053" s="13" t="s">
        <v>462</v>
      </c>
      <c r="B93053" s="14" t="s">
        <v>1</v>
      </c>
      <c r="C93053" s="14" t="s">
        <v>41</v>
      </c>
      <c r="D93053" s="14" t="s">
        <v>463</v>
      </c>
      <c r="E93053" s="15">
        <v>45719</v>
      </c>
      <c r="F93053" s="14" t="s">
        <v>15</v>
      </c>
      <c r="G93053" s="16">
        <v>0.48918832921415289</v>
      </c>
    </row>
    <row r="93054" spans="1:7" x14ac:dyDescent="0.3">
      <c r="A93054" s="13" t="s">
        <v>462</v>
      </c>
      <c r="B93054" s="14" t="s">
        <v>1</v>
      </c>
      <c r="C93054" s="14" t="s">
        <v>41</v>
      </c>
      <c r="D93054" s="14" t="s">
        <v>463</v>
      </c>
      <c r="E93054" s="15">
        <v>45720</v>
      </c>
      <c r="F93054" s="14" t="s">
        <v>15</v>
      </c>
      <c r="G93054" s="16">
        <v>0.48440902247380591</v>
      </c>
    </row>
    <row r="93055" spans="1:7" x14ac:dyDescent="0.3">
      <c r="A93055" s="13" t="s">
        <v>462</v>
      </c>
      <c r="B93055" s="14" t="s">
        <v>1</v>
      </c>
      <c r="C93055" s="14" t="s">
        <v>41</v>
      </c>
      <c r="D93055" s="14" t="s">
        <v>463</v>
      </c>
      <c r="E93055" s="15">
        <v>45721</v>
      </c>
      <c r="F93055" s="14" t="s">
        <v>15</v>
      </c>
      <c r="G93055" s="16">
        <v>0.48537089351310891</v>
      </c>
    </row>
    <row r="93056" spans="1:7" x14ac:dyDescent="0.3">
      <c r="A93056" s="13" t="s">
        <v>462</v>
      </c>
      <c r="B93056" s="14" t="s">
        <v>1</v>
      </c>
      <c r="C93056" s="14" t="s">
        <v>41</v>
      </c>
      <c r="D93056" s="14" t="s">
        <v>463</v>
      </c>
      <c r="E93056" s="15">
        <v>45722</v>
      </c>
      <c r="F93056" s="14" t="s">
        <v>15</v>
      </c>
      <c r="G93056" s="16">
        <v>0.48636145726255114</v>
      </c>
    </row>
    <row r="93057" spans="1:7" x14ac:dyDescent="0.3">
      <c r="A93057" s="13" t="s">
        <v>462</v>
      </c>
      <c r="B93057" s="14" t="s">
        <v>1</v>
      </c>
      <c r="C93057" s="14" t="s">
        <v>41</v>
      </c>
      <c r="D93057" s="14" t="s">
        <v>463</v>
      </c>
      <c r="E93057" s="15">
        <v>45723</v>
      </c>
      <c r="F93057" s="14" t="s">
        <v>15</v>
      </c>
      <c r="G93057" s="16">
        <v>0.48550276433765599</v>
      </c>
    </row>
    <row r="93058" spans="1:7" x14ac:dyDescent="0.3">
      <c r="A93058" s="13" t="s">
        <v>462</v>
      </c>
      <c r="B93058" s="14" t="s">
        <v>1</v>
      </c>
      <c r="C93058" s="14" t="s">
        <v>41</v>
      </c>
      <c r="D93058" s="14" t="s">
        <v>463</v>
      </c>
      <c r="E93058" s="15">
        <v>45724</v>
      </c>
      <c r="F93058" s="14" t="s">
        <v>15</v>
      </c>
      <c r="G93058" s="16">
        <v>0.48550276433765599</v>
      </c>
    </row>
    <row r="93059" spans="1:7" x14ac:dyDescent="0.3">
      <c r="A93059" s="13" t="s">
        <v>462</v>
      </c>
      <c r="B93059" s="14" t="s">
        <v>1</v>
      </c>
      <c r="C93059" s="14" t="s">
        <v>41</v>
      </c>
      <c r="D93059" s="14" t="s">
        <v>463</v>
      </c>
      <c r="E93059" s="15">
        <v>45725</v>
      </c>
      <c r="F93059" s="14" t="s">
        <v>15</v>
      </c>
      <c r="G93059" s="16">
        <v>0.48550276433765599</v>
      </c>
    </row>
    <row r="93060" spans="1:7" x14ac:dyDescent="0.3">
      <c r="A93060" s="13" t="s">
        <v>462</v>
      </c>
      <c r="B93060" s="14" t="s">
        <v>1</v>
      </c>
      <c r="C93060" s="14" t="s">
        <v>41</v>
      </c>
      <c r="D93060" s="14" t="s">
        <v>463</v>
      </c>
      <c r="E93060" s="15">
        <v>45726</v>
      </c>
      <c r="F93060" s="14" t="s">
        <v>15</v>
      </c>
      <c r="G93060" s="16">
        <v>0.48601543620579507</v>
      </c>
    </row>
    <row r="93061" spans="1:7" x14ac:dyDescent="0.3">
      <c r="A93061" s="13" t="s">
        <v>462</v>
      </c>
      <c r="B93061" s="14" t="s">
        <v>1</v>
      </c>
      <c r="C93061" s="14" t="s">
        <v>41</v>
      </c>
      <c r="D93061" s="14" t="s">
        <v>463</v>
      </c>
      <c r="E93061" s="15">
        <v>45727</v>
      </c>
      <c r="F93061" s="14" t="s">
        <v>15</v>
      </c>
      <c r="G93061" s="16">
        <v>0.47840305256252075</v>
      </c>
    </row>
    <row r="93062" spans="1:7" x14ac:dyDescent="0.3">
      <c r="A93062" s="13" t="s">
        <v>462</v>
      </c>
      <c r="B93062" s="14" t="s">
        <v>1</v>
      </c>
      <c r="C93062" s="14" t="s">
        <v>41</v>
      </c>
      <c r="D93062" s="14" t="s">
        <v>463</v>
      </c>
      <c r="E93062" s="15">
        <v>45728</v>
      </c>
      <c r="F93062" s="14" t="s">
        <v>15</v>
      </c>
      <c r="G93062" s="16">
        <v>0.47498127251446404</v>
      </c>
    </row>
    <row r="93063" spans="1:7" x14ac:dyDescent="0.3">
      <c r="A93063" s="13" t="s">
        <v>462</v>
      </c>
      <c r="B93063" s="14" t="s">
        <v>1</v>
      </c>
      <c r="C93063" s="14" t="s">
        <v>41</v>
      </c>
      <c r="D93063" s="14" t="s">
        <v>463</v>
      </c>
      <c r="E93063" s="15">
        <v>45729</v>
      </c>
      <c r="F93063" s="14" t="s">
        <v>15</v>
      </c>
      <c r="G93063" s="16">
        <v>0.47446711757194865</v>
      </c>
    </row>
    <row r="93064" spans="1:7" x14ac:dyDescent="0.3">
      <c r="A93064" s="13" t="s">
        <v>462</v>
      </c>
      <c r="B93064" s="14" t="s">
        <v>1</v>
      </c>
      <c r="C93064" s="14" t="s">
        <v>41</v>
      </c>
      <c r="D93064" s="14" t="s">
        <v>463</v>
      </c>
      <c r="E93064" s="15">
        <v>45730</v>
      </c>
      <c r="F93064" s="14" t="s">
        <v>15</v>
      </c>
      <c r="G93064" s="16">
        <v>0.46984934601507478</v>
      </c>
    </row>
    <row r="93065" spans="1:7" x14ac:dyDescent="0.3">
      <c r="A93065" s="13" t="s">
        <v>462</v>
      </c>
      <c r="B93065" s="14" t="s">
        <v>1</v>
      </c>
      <c r="C93065" s="14" t="s">
        <v>41</v>
      </c>
      <c r="D93065" s="14" t="s">
        <v>463</v>
      </c>
      <c r="E93065" s="15">
        <v>45731</v>
      </c>
      <c r="F93065" s="14" t="s">
        <v>15</v>
      </c>
      <c r="G93065" s="16">
        <v>0.46984934601507478</v>
      </c>
    </row>
    <row r="93066" spans="1:7" x14ac:dyDescent="0.3">
      <c r="A93066" s="13" t="s">
        <v>462</v>
      </c>
      <c r="B93066" s="14" t="s">
        <v>1</v>
      </c>
      <c r="C93066" s="14" t="s">
        <v>41</v>
      </c>
      <c r="D93066" s="14" t="s">
        <v>463</v>
      </c>
      <c r="E93066" s="15">
        <v>45732</v>
      </c>
      <c r="F93066" s="14" t="s">
        <v>15</v>
      </c>
      <c r="G93066" s="16">
        <v>0.46984934601507478</v>
      </c>
    </row>
    <row r="93067" spans="1:7" x14ac:dyDescent="0.3">
      <c r="A93067" s="13" t="s">
        <v>462</v>
      </c>
      <c r="B93067" s="14" t="s">
        <v>1</v>
      </c>
      <c r="C93067" s="14" t="s">
        <v>41</v>
      </c>
      <c r="D93067" s="14" t="s">
        <v>463</v>
      </c>
      <c r="E93067" s="15">
        <v>45733</v>
      </c>
      <c r="F93067" s="14" t="s">
        <v>15</v>
      </c>
      <c r="G93067" s="16">
        <v>0.46984934601507478</v>
      </c>
    </row>
    <row r="93068" spans="1:7" x14ac:dyDescent="0.3">
      <c r="A93068" s="13" t="s">
        <v>462</v>
      </c>
      <c r="B93068" s="14" t="s">
        <v>1</v>
      </c>
      <c r="C93068" s="14" t="s">
        <v>41</v>
      </c>
      <c r="D93068" s="14" t="s">
        <v>463</v>
      </c>
      <c r="E93068" s="15">
        <v>45734</v>
      </c>
      <c r="F93068" s="14" t="s">
        <v>15</v>
      </c>
      <c r="G93068" s="16">
        <v>0.46595223245208117</v>
      </c>
    </row>
    <row r="93069" spans="1:7" x14ac:dyDescent="0.3">
      <c r="A93069" s="13" t="s">
        <v>462</v>
      </c>
      <c r="B93069" s="14" t="s">
        <v>1</v>
      </c>
      <c r="C93069" s="14" t="s">
        <v>41</v>
      </c>
      <c r="D93069" s="14" t="s">
        <v>463</v>
      </c>
      <c r="E93069" s="15">
        <v>45735</v>
      </c>
      <c r="F93069" s="14" t="s">
        <v>15</v>
      </c>
      <c r="G93069" s="16">
        <v>0.46333900625881325</v>
      </c>
    </row>
    <row r="93070" spans="1:7" x14ac:dyDescent="0.3">
      <c r="A93070" s="13" t="s">
        <v>462</v>
      </c>
      <c r="B93070" s="14" t="s">
        <v>1</v>
      </c>
      <c r="C93070" s="14" t="s">
        <v>41</v>
      </c>
      <c r="D93070" s="14" t="s">
        <v>463</v>
      </c>
      <c r="E93070" s="15">
        <v>45736</v>
      </c>
      <c r="F93070" s="14" t="s">
        <v>15</v>
      </c>
      <c r="G93070" s="16">
        <v>0.46333900625881325</v>
      </c>
    </row>
    <row r="93071" spans="1:7" x14ac:dyDescent="0.3">
      <c r="A93071" s="13" t="s">
        <v>462</v>
      </c>
      <c r="B93071" s="14" t="s">
        <v>1</v>
      </c>
      <c r="C93071" s="14" t="s">
        <v>41</v>
      </c>
      <c r="D93071" s="14" t="s">
        <v>463</v>
      </c>
      <c r="E93071" s="15">
        <v>45737</v>
      </c>
      <c r="F93071" s="14" t="s">
        <v>15</v>
      </c>
      <c r="G93071" s="16">
        <v>0.45938073173241012</v>
      </c>
    </row>
    <row r="93072" spans="1:7" x14ac:dyDescent="0.3">
      <c r="A93072" s="13" t="s">
        <v>462</v>
      </c>
      <c r="B93072" s="14" t="s">
        <v>1</v>
      </c>
      <c r="C93072" s="14" t="s">
        <v>41</v>
      </c>
      <c r="D93072" s="14" t="s">
        <v>463</v>
      </c>
      <c r="E93072" s="15">
        <v>45738</v>
      </c>
      <c r="F93072" s="14" t="s">
        <v>15</v>
      </c>
      <c r="G93072" s="16">
        <v>0.45938073173241012</v>
      </c>
    </row>
    <row r="93073" spans="1:7" x14ac:dyDescent="0.3">
      <c r="A93073" s="13" t="s">
        <v>462</v>
      </c>
      <c r="B93073" s="14" t="s">
        <v>1</v>
      </c>
      <c r="C93073" s="14" t="s">
        <v>41</v>
      </c>
      <c r="D93073" s="14" t="s">
        <v>463</v>
      </c>
      <c r="E93073" s="15">
        <v>45739</v>
      </c>
      <c r="F93073" s="14" t="s">
        <v>15</v>
      </c>
      <c r="G93073" s="16">
        <v>0.45938073173241012</v>
      </c>
    </row>
    <row r="93074" spans="1:7" x14ac:dyDescent="0.3">
      <c r="A93074" s="13" t="s">
        <v>462</v>
      </c>
      <c r="B93074" s="14" t="s">
        <v>1</v>
      </c>
      <c r="C93074" s="14" t="s">
        <v>41</v>
      </c>
      <c r="D93074" s="14" t="s">
        <v>463</v>
      </c>
      <c r="E93074" s="15">
        <v>45740</v>
      </c>
      <c r="F93074" s="14" t="s">
        <v>15</v>
      </c>
      <c r="G93074" s="16">
        <v>0.45107224294704806</v>
      </c>
    </row>
    <row r="93075" spans="1:7" x14ac:dyDescent="0.3">
      <c r="A93075" s="13" t="s">
        <v>462</v>
      </c>
      <c r="B93075" s="14" t="s">
        <v>1</v>
      </c>
      <c r="C93075" s="14" t="s">
        <v>41</v>
      </c>
      <c r="D93075" s="14" t="s">
        <v>463</v>
      </c>
      <c r="E93075" s="15">
        <v>45741</v>
      </c>
      <c r="F93075" s="14" t="s">
        <v>15</v>
      </c>
      <c r="G93075" s="16">
        <v>0.44734657687639418</v>
      </c>
    </row>
    <row r="93076" spans="1:7" x14ac:dyDescent="0.3">
      <c r="A93076" s="13" t="s">
        <v>462</v>
      </c>
      <c r="B93076" s="14" t="s">
        <v>1</v>
      </c>
      <c r="C93076" s="14" t="s">
        <v>41</v>
      </c>
      <c r="D93076" s="14" t="s">
        <v>463</v>
      </c>
      <c r="E93076" s="15">
        <v>45742</v>
      </c>
      <c r="F93076" s="14" t="s">
        <v>15</v>
      </c>
      <c r="G93076" s="16">
        <v>0.4432471875043022</v>
      </c>
    </row>
    <row r="93077" spans="1:7" x14ac:dyDescent="0.3">
      <c r="A93077" s="13" t="s">
        <v>462</v>
      </c>
      <c r="B93077" s="14" t="s">
        <v>1</v>
      </c>
      <c r="C93077" s="14" t="s">
        <v>41</v>
      </c>
      <c r="D93077" s="14" t="s">
        <v>463</v>
      </c>
      <c r="E93077" s="15">
        <v>45743</v>
      </c>
      <c r="F93077" s="14" t="s">
        <v>15</v>
      </c>
      <c r="G93077" s="16">
        <v>0.44057223439386506</v>
      </c>
    </row>
    <row r="93078" spans="1:7" x14ac:dyDescent="0.3">
      <c r="A93078" s="13" t="s">
        <v>462</v>
      </c>
      <c r="B93078" s="14" t="s">
        <v>1</v>
      </c>
      <c r="C93078" s="14" t="s">
        <v>41</v>
      </c>
      <c r="D93078" s="14" t="s">
        <v>463</v>
      </c>
      <c r="E93078" s="15">
        <v>45744</v>
      </c>
      <c r="F93078" s="14" t="s">
        <v>15</v>
      </c>
      <c r="G93078" s="16">
        <v>0.44204780896787604</v>
      </c>
    </row>
    <row r="93079" spans="1:7" x14ac:dyDescent="0.3">
      <c r="A93079" s="13" t="s">
        <v>462</v>
      </c>
      <c r="B93079" s="14" t="s">
        <v>1</v>
      </c>
      <c r="C93079" s="14" t="s">
        <v>41</v>
      </c>
      <c r="D93079" s="14" t="s">
        <v>463</v>
      </c>
      <c r="E93079" s="15">
        <v>45745</v>
      </c>
      <c r="F93079" s="14" t="s">
        <v>15</v>
      </c>
      <c r="G93079" s="16">
        <v>0.44204780896787604</v>
      </c>
    </row>
    <row r="93080" spans="1:7" x14ac:dyDescent="0.3">
      <c r="A93080" s="13" t="s">
        <v>462</v>
      </c>
      <c r="B93080" s="14" t="s">
        <v>1</v>
      </c>
      <c r="C93080" s="14" t="s">
        <v>41</v>
      </c>
      <c r="D93080" s="14" t="s">
        <v>463</v>
      </c>
      <c r="E93080" s="15">
        <v>45746</v>
      </c>
      <c r="F93080" s="14" t="s">
        <v>15</v>
      </c>
      <c r="G93080" s="16">
        <v>0.44204780896787604</v>
      </c>
    </row>
    <row r="93081" spans="1:7" x14ac:dyDescent="0.3">
      <c r="A93081" s="13" t="s">
        <v>462</v>
      </c>
      <c r="B93081" s="14" t="s">
        <v>1</v>
      </c>
      <c r="C93081" s="14" t="s">
        <v>41</v>
      </c>
      <c r="D93081" s="14" t="s">
        <v>463</v>
      </c>
      <c r="E93081" s="15">
        <v>45747</v>
      </c>
      <c r="F93081" s="14" t="s">
        <v>15</v>
      </c>
      <c r="G93081" s="16">
        <v>1.3069843785580799</v>
      </c>
    </row>
    <row r="93082" spans="1:7" x14ac:dyDescent="0.3">
      <c r="A93082" s="13" t="s">
        <v>464</v>
      </c>
      <c r="B93082" s="14" t="s">
        <v>1</v>
      </c>
      <c r="C93082" s="14" t="s">
        <v>38</v>
      </c>
      <c r="D93082" s="14" t="s">
        <v>465</v>
      </c>
      <c r="E93082" s="15">
        <v>45383</v>
      </c>
      <c r="F93082" s="14" t="s">
        <v>15</v>
      </c>
      <c r="G93082" s="16">
        <v>0</v>
      </c>
    </row>
    <row r="93083" spans="1:7" x14ac:dyDescent="0.3">
      <c r="A93083" s="13" t="s">
        <v>464</v>
      </c>
      <c r="B93083" s="14" t="s">
        <v>1</v>
      </c>
      <c r="C93083" s="14" t="s">
        <v>38</v>
      </c>
      <c r="D93083" s="14" t="s">
        <v>465</v>
      </c>
      <c r="E93083" s="15">
        <v>45384</v>
      </c>
      <c r="F93083" s="14" t="s">
        <v>15</v>
      </c>
      <c r="G93083" s="16">
        <v>0</v>
      </c>
    </row>
    <row r="93084" spans="1:7" x14ac:dyDescent="0.3">
      <c r="A93084" s="13" t="s">
        <v>464</v>
      </c>
      <c r="B93084" s="14" t="s">
        <v>1</v>
      </c>
      <c r="C93084" s="14" t="s">
        <v>38</v>
      </c>
      <c r="D93084" s="14" t="s">
        <v>465</v>
      </c>
      <c r="E93084" s="15">
        <v>45385</v>
      </c>
      <c r="F93084" s="14" t="s">
        <v>15</v>
      </c>
      <c r="G93084" s="16">
        <v>0</v>
      </c>
    </row>
    <row r="93085" spans="1:7" x14ac:dyDescent="0.3">
      <c r="A93085" s="13" t="s">
        <v>464</v>
      </c>
      <c r="B93085" s="14" t="s">
        <v>1</v>
      </c>
      <c r="C93085" s="14" t="s">
        <v>38</v>
      </c>
      <c r="D93085" s="14" t="s">
        <v>465</v>
      </c>
      <c r="E93085" s="15">
        <v>45386</v>
      </c>
      <c r="F93085" s="14" t="s">
        <v>15</v>
      </c>
      <c r="G93085" s="16">
        <v>0</v>
      </c>
    </row>
    <row r="93086" spans="1:7" x14ac:dyDescent="0.3">
      <c r="A93086" s="13" t="s">
        <v>464</v>
      </c>
      <c r="B93086" s="14" t="s">
        <v>1</v>
      </c>
      <c r="C93086" s="14" t="s">
        <v>38</v>
      </c>
      <c r="D93086" s="14" t="s">
        <v>465</v>
      </c>
      <c r="E93086" s="15">
        <v>45387</v>
      </c>
      <c r="F93086" s="14" t="s">
        <v>15</v>
      </c>
      <c r="G93086" s="16">
        <v>0</v>
      </c>
    </row>
    <row r="93087" spans="1:7" x14ac:dyDescent="0.3">
      <c r="A93087" s="13" t="s">
        <v>464</v>
      </c>
      <c r="B93087" s="14" t="s">
        <v>1</v>
      </c>
      <c r="C93087" s="14" t="s">
        <v>38</v>
      </c>
      <c r="D93087" s="14" t="s">
        <v>465</v>
      </c>
      <c r="E93087" s="15">
        <v>45388</v>
      </c>
      <c r="F93087" s="14" t="s">
        <v>15</v>
      </c>
      <c r="G93087" s="16">
        <v>0</v>
      </c>
    </row>
    <row r="93088" spans="1:7" x14ac:dyDescent="0.3">
      <c r="A93088" s="13" t="s">
        <v>464</v>
      </c>
      <c r="B93088" s="14" t="s">
        <v>1</v>
      </c>
      <c r="C93088" s="14" t="s">
        <v>38</v>
      </c>
      <c r="D93088" s="14" t="s">
        <v>465</v>
      </c>
      <c r="E93088" s="15">
        <v>45389</v>
      </c>
      <c r="F93088" s="14" t="s">
        <v>15</v>
      </c>
      <c r="G93088" s="16">
        <v>0</v>
      </c>
    </row>
    <row r="93089" spans="1:7" x14ac:dyDescent="0.3">
      <c r="A93089" s="13" t="s">
        <v>464</v>
      </c>
      <c r="B93089" s="14" t="s">
        <v>1</v>
      </c>
      <c r="C93089" s="14" t="s">
        <v>38</v>
      </c>
      <c r="D93089" s="14" t="s">
        <v>465</v>
      </c>
      <c r="E93089" s="15">
        <v>45390</v>
      </c>
      <c r="F93089" s="14" t="s">
        <v>15</v>
      </c>
      <c r="G93089" s="16">
        <v>3.5659682732629344E-2</v>
      </c>
    </row>
    <row r="93090" spans="1:7" x14ac:dyDescent="0.3">
      <c r="A93090" s="13" t="s">
        <v>464</v>
      </c>
      <c r="B93090" s="14" t="s">
        <v>1</v>
      </c>
      <c r="C93090" s="14" t="s">
        <v>38</v>
      </c>
      <c r="D93090" s="14" t="s">
        <v>465</v>
      </c>
      <c r="E93090" s="15">
        <v>45391</v>
      </c>
      <c r="F93090" s="14" t="s">
        <v>15</v>
      </c>
      <c r="G93090" s="16">
        <v>2.2890778481083326E-2</v>
      </c>
    </row>
    <row r="93091" spans="1:7" x14ac:dyDescent="0.3">
      <c r="A93091" s="13" t="s">
        <v>464</v>
      </c>
      <c r="B93091" s="14" t="s">
        <v>1</v>
      </c>
      <c r="C93091" s="14" t="s">
        <v>38</v>
      </c>
      <c r="D93091" s="14" t="s">
        <v>465</v>
      </c>
      <c r="E93091" s="15">
        <v>45392</v>
      </c>
      <c r="F93091" s="14" t="s">
        <v>15</v>
      </c>
      <c r="G93091" s="16">
        <v>2.2890778481083326E-2</v>
      </c>
    </row>
    <row r="93092" spans="1:7" x14ac:dyDescent="0.3">
      <c r="A93092" s="13" t="s">
        <v>464</v>
      </c>
      <c r="B93092" s="14" t="s">
        <v>1</v>
      </c>
      <c r="C93092" s="14" t="s">
        <v>38</v>
      </c>
      <c r="D93092" s="14" t="s">
        <v>465</v>
      </c>
      <c r="E93092" s="15">
        <v>45393</v>
      </c>
      <c r="F93092" s="14" t="s">
        <v>15</v>
      </c>
      <c r="G93092" s="16">
        <v>1.8600865826175966E-2</v>
      </c>
    </row>
    <row r="93093" spans="1:7" x14ac:dyDescent="0.3">
      <c r="A93093" s="13" t="s">
        <v>464</v>
      </c>
      <c r="B93093" s="14" t="s">
        <v>1</v>
      </c>
      <c r="C93093" s="14" t="s">
        <v>38</v>
      </c>
      <c r="D93093" s="14" t="s">
        <v>465</v>
      </c>
      <c r="E93093" s="15">
        <v>45394</v>
      </c>
      <c r="F93093" s="14" t="s">
        <v>15</v>
      </c>
      <c r="G93093" s="16">
        <v>0.10801683552420976</v>
      </c>
    </row>
    <row r="93094" spans="1:7" x14ac:dyDescent="0.3">
      <c r="A93094" s="13" t="s">
        <v>464</v>
      </c>
      <c r="B93094" s="14" t="s">
        <v>1</v>
      </c>
      <c r="C93094" s="14" t="s">
        <v>38</v>
      </c>
      <c r="D93094" s="14" t="s">
        <v>465</v>
      </c>
      <c r="E93094" s="15">
        <v>45395</v>
      </c>
      <c r="F93094" s="14" t="s">
        <v>15</v>
      </c>
      <c r="G93094" s="16">
        <v>0.10801683552420976</v>
      </c>
    </row>
    <row r="93095" spans="1:7" x14ac:dyDescent="0.3">
      <c r="A93095" s="13" t="s">
        <v>464</v>
      </c>
      <c r="B93095" s="14" t="s">
        <v>1</v>
      </c>
      <c r="C93095" s="14" t="s">
        <v>38</v>
      </c>
      <c r="D93095" s="14" t="s">
        <v>465</v>
      </c>
      <c r="E93095" s="15">
        <v>45396</v>
      </c>
      <c r="F93095" s="14" t="s">
        <v>15</v>
      </c>
      <c r="G93095" s="16">
        <v>0.10801683552420976</v>
      </c>
    </row>
    <row r="93096" spans="1:7" x14ac:dyDescent="0.3">
      <c r="A93096" s="13" t="s">
        <v>464</v>
      </c>
      <c r="B93096" s="14" t="s">
        <v>1</v>
      </c>
      <c r="C93096" s="14" t="s">
        <v>38</v>
      </c>
      <c r="D93096" s="14" t="s">
        <v>465</v>
      </c>
      <c r="E93096" s="15">
        <v>45397</v>
      </c>
      <c r="F93096" s="14" t="s">
        <v>15</v>
      </c>
      <c r="G93096" s="16">
        <v>0.10370591446594106</v>
      </c>
    </row>
    <row r="93097" spans="1:7" x14ac:dyDescent="0.3">
      <c r="A93097" s="13" t="s">
        <v>464</v>
      </c>
      <c r="B93097" s="14" t="s">
        <v>1</v>
      </c>
      <c r="C93097" s="14" t="s">
        <v>38</v>
      </c>
      <c r="D93097" s="14" t="s">
        <v>465</v>
      </c>
      <c r="E93097" s="15">
        <v>45398</v>
      </c>
      <c r="F93097" s="14" t="s">
        <v>15</v>
      </c>
      <c r="G93097" s="16">
        <v>9.088659004632782E-2</v>
      </c>
    </row>
    <row r="93098" spans="1:7" x14ac:dyDescent="0.3">
      <c r="A93098" s="13" t="s">
        <v>464</v>
      </c>
      <c r="B93098" s="14" t="s">
        <v>1</v>
      </c>
      <c r="C93098" s="14" t="s">
        <v>38</v>
      </c>
      <c r="D93098" s="14" t="s">
        <v>465</v>
      </c>
      <c r="E93098" s="15">
        <v>45399</v>
      </c>
      <c r="F93098" s="14" t="s">
        <v>15</v>
      </c>
      <c r="G93098" s="16">
        <v>8.6672307643521296E-2</v>
      </c>
    </row>
    <row r="93099" spans="1:7" x14ac:dyDescent="0.3">
      <c r="A93099" s="13" t="s">
        <v>464</v>
      </c>
      <c r="B93099" s="14" t="s">
        <v>1</v>
      </c>
      <c r="C93099" s="14" t="s">
        <v>38</v>
      </c>
      <c r="D93099" s="14" t="s">
        <v>465</v>
      </c>
      <c r="E93099" s="15">
        <v>45400</v>
      </c>
      <c r="F93099" s="14" t="s">
        <v>15</v>
      </c>
      <c r="G93099" s="16">
        <v>8.2571470618866036E-2</v>
      </c>
    </row>
    <row r="93100" spans="1:7" x14ac:dyDescent="0.3">
      <c r="A93100" s="13" t="s">
        <v>464</v>
      </c>
      <c r="B93100" s="14" t="s">
        <v>1</v>
      </c>
      <c r="C93100" s="14" t="s">
        <v>38</v>
      </c>
      <c r="D93100" s="14" t="s">
        <v>465</v>
      </c>
      <c r="E93100" s="15">
        <v>45401</v>
      </c>
      <c r="F93100" s="14" t="s">
        <v>15</v>
      </c>
      <c r="G93100" s="16">
        <v>6.393281846816036E-2</v>
      </c>
    </row>
    <row r="93101" spans="1:7" x14ac:dyDescent="0.3">
      <c r="A93101" s="13" t="s">
        <v>464</v>
      </c>
      <c r="B93101" s="14" t="s">
        <v>1</v>
      </c>
      <c r="C93101" s="14" t="s">
        <v>38</v>
      </c>
      <c r="D93101" s="14" t="s">
        <v>465</v>
      </c>
      <c r="E93101" s="15">
        <v>45402</v>
      </c>
      <c r="F93101" s="14" t="s">
        <v>15</v>
      </c>
      <c r="G93101" s="16">
        <v>6.393281846816036E-2</v>
      </c>
    </row>
    <row r="93102" spans="1:7" x14ac:dyDescent="0.3">
      <c r="A93102" s="13" t="s">
        <v>464</v>
      </c>
      <c r="B93102" s="14" t="s">
        <v>1</v>
      </c>
      <c r="C93102" s="14" t="s">
        <v>38</v>
      </c>
      <c r="D93102" s="14" t="s">
        <v>465</v>
      </c>
      <c r="E93102" s="15">
        <v>45403</v>
      </c>
      <c r="F93102" s="14" t="s">
        <v>15</v>
      </c>
      <c r="G93102" s="16">
        <v>6.393281846816036E-2</v>
      </c>
    </row>
    <row r="93103" spans="1:7" x14ac:dyDescent="0.3">
      <c r="A93103" s="13" t="s">
        <v>464</v>
      </c>
      <c r="B93103" s="14" t="s">
        <v>1</v>
      </c>
      <c r="C93103" s="14" t="s">
        <v>38</v>
      </c>
      <c r="D93103" s="14" t="s">
        <v>465</v>
      </c>
      <c r="E93103" s="15">
        <v>45404</v>
      </c>
      <c r="F93103" s="14" t="s">
        <v>15</v>
      </c>
      <c r="G93103" s="16">
        <v>5.97773595947656E-2</v>
      </c>
    </row>
    <row r="93104" spans="1:7" x14ac:dyDescent="0.3">
      <c r="A93104" s="13" t="s">
        <v>464</v>
      </c>
      <c r="B93104" s="14" t="s">
        <v>1</v>
      </c>
      <c r="C93104" s="14" t="s">
        <v>38</v>
      </c>
      <c r="D93104" s="14" t="s">
        <v>465</v>
      </c>
      <c r="E93104" s="15">
        <v>45405</v>
      </c>
      <c r="F93104" s="14" t="s">
        <v>15</v>
      </c>
      <c r="G93104" s="16">
        <v>4.7600892318009499E-2</v>
      </c>
    </row>
    <row r="93105" spans="1:7" x14ac:dyDescent="0.3">
      <c r="A93105" s="13" t="s">
        <v>464</v>
      </c>
      <c r="B93105" s="14" t="s">
        <v>1</v>
      </c>
      <c r="C93105" s="14" t="s">
        <v>38</v>
      </c>
      <c r="D93105" s="14" t="s">
        <v>465</v>
      </c>
      <c r="E93105" s="15">
        <v>45406</v>
      </c>
      <c r="F93105" s="14" t="s">
        <v>15</v>
      </c>
      <c r="G93105" s="16">
        <v>4.3546273780749198E-2</v>
      </c>
    </row>
    <row r="93106" spans="1:7" x14ac:dyDescent="0.3">
      <c r="A93106" s="13" t="s">
        <v>464</v>
      </c>
      <c r="B93106" s="14" t="s">
        <v>1</v>
      </c>
      <c r="C93106" s="14" t="s">
        <v>38</v>
      </c>
      <c r="D93106" s="14" t="s">
        <v>465</v>
      </c>
      <c r="E93106" s="15">
        <v>45407</v>
      </c>
      <c r="F93106" s="14" t="s">
        <v>15</v>
      </c>
      <c r="G93106" s="16">
        <v>3.8134512386346034E-2</v>
      </c>
    </row>
    <row r="93107" spans="1:7" x14ac:dyDescent="0.3">
      <c r="A93107" s="13" t="s">
        <v>464</v>
      </c>
      <c r="B93107" s="14" t="s">
        <v>1</v>
      </c>
      <c r="C93107" s="14" t="s">
        <v>38</v>
      </c>
      <c r="D93107" s="14" t="s">
        <v>465</v>
      </c>
      <c r="E93107" s="15">
        <v>45408</v>
      </c>
      <c r="F93107" s="14" t="s">
        <v>15</v>
      </c>
      <c r="G93107" s="16">
        <v>0.10728577620202692</v>
      </c>
    </row>
    <row r="93108" spans="1:7" x14ac:dyDescent="0.3">
      <c r="A93108" s="13" t="s">
        <v>464</v>
      </c>
      <c r="B93108" s="14" t="s">
        <v>1</v>
      </c>
      <c r="C93108" s="14" t="s">
        <v>38</v>
      </c>
      <c r="D93108" s="14" t="s">
        <v>465</v>
      </c>
      <c r="E93108" s="15">
        <v>45409</v>
      </c>
      <c r="F93108" s="14" t="s">
        <v>15</v>
      </c>
      <c r="G93108" s="16">
        <v>0.10728577620202692</v>
      </c>
    </row>
    <row r="93109" spans="1:7" x14ac:dyDescent="0.3">
      <c r="A93109" s="13" t="s">
        <v>464</v>
      </c>
      <c r="B93109" s="14" t="s">
        <v>1</v>
      </c>
      <c r="C93109" s="14" t="s">
        <v>38</v>
      </c>
      <c r="D93109" s="14" t="s">
        <v>465</v>
      </c>
      <c r="E93109" s="15">
        <v>45410</v>
      </c>
      <c r="F93109" s="14" t="s">
        <v>15</v>
      </c>
      <c r="G93109" s="16">
        <v>0.10728577620202692</v>
      </c>
    </row>
    <row r="93110" spans="1:7" x14ac:dyDescent="0.3">
      <c r="A93110" s="13" t="s">
        <v>464</v>
      </c>
      <c r="B93110" s="14" t="s">
        <v>1</v>
      </c>
      <c r="C93110" s="14" t="s">
        <v>38</v>
      </c>
      <c r="D93110" s="14" t="s">
        <v>465</v>
      </c>
      <c r="E93110" s="15">
        <v>45411</v>
      </c>
      <c r="F93110" s="14" t="s">
        <v>15</v>
      </c>
      <c r="G93110" s="16">
        <v>0.10119334253871619</v>
      </c>
    </row>
    <row r="93111" spans="1:7" x14ac:dyDescent="0.3">
      <c r="A93111" s="13" t="s">
        <v>464</v>
      </c>
      <c r="B93111" s="14" t="s">
        <v>1</v>
      </c>
      <c r="C93111" s="14" t="s">
        <v>38</v>
      </c>
      <c r="D93111" s="14" t="s">
        <v>465</v>
      </c>
      <c r="E93111" s="15">
        <v>45412</v>
      </c>
      <c r="F93111" s="14" t="s">
        <v>15</v>
      </c>
      <c r="G93111" s="16">
        <v>0.16159670719473318</v>
      </c>
    </row>
    <row r="93112" spans="1:7" x14ac:dyDescent="0.3">
      <c r="A93112" s="13" t="s">
        <v>464</v>
      </c>
      <c r="B93112" s="14" t="s">
        <v>1</v>
      </c>
      <c r="C93112" s="14" t="s">
        <v>38</v>
      </c>
      <c r="D93112" s="14" t="s">
        <v>465</v>
      </c>
      <c r="E93112" s="15">
        <v>45413</v>
      </c>
      <c r="F93112" s="14" t="s">
        <v>15</v>
      </c>
      <c r="G93112" s="16">
        <v>0.16159670719473318</v>
      </c>
    </row>
    <row r="93113" spans="1:7" x14ac:dyDescent="0.3">
      <c r="A93113" s="13" t="s">
        <v>464</v>
      </c>
      <c r="B93113" s="14" t="s">
        <v>1</v>
      </c>
      <c r="C93113" s="14" t="s">
        <v>38</v>
      </c>
      <c r="D93113" s="14" t="s">
        <v>465</v>
      </c>
      <c r="E93113" s="15">
        <v>45414</v>
      </c>
      <c r="F93113" s="14" t="s">
        <v>15</v>
      </c>
      <c r="G93113" s="16">
        <v>0.15738242479192668</v>
      </c>
    </row>
    <row r="93114" spans="1:7" x14ac:dyDescent="0.3">
      <c r="A93114" s="13" t="s">
        <v>464</v>
      </c>
      <c r="B93114" s="14" t="s">
        <v>1</v>
      </c>
      <c r="C93114" s="14" t="s">
        <v>38</v>
      </c>
      <c r="D93114" s="14" t="s">
        <v>465</v>
      </c>
      <c r="E93114" s="15">
        <v>45415</v>
      </c>
      <c r="F93114" s="14" t="s">
        <v>15</v>
      </c>
      <c r="G93114" s="16">
        <v>0.15205049533029663</v>
      </c>
    </row>
    <row r="93115" spans="1:7" x14ac:dyDescent="0.3">
      <c r="A93115" s="13" t="s">
        <v>464</v>
      </c>
      <c r="B93115" s="14" t="s">
        <v>1</v>
      </c>
      <c r="C93115" s="14" t="s">
        <v>38</v>
      </c>
      <c r="D93115" s="14" t="s">
        <v>465</v>
      </c>
      <c r="E93115" s="15">
        <v>45416</v>
      </c>
      <c r="F93115" s="14" t="s">
        <v>15</v>
      </c>
      <c r="G93115" s="16">
        <v>0.15205049533029663</v>
      </c>
    </row>
    <row r="93116" spans="1:7" x14ac:dyDescent="0.3">
      <c r="A93116" s="13" t="s">
        <v>464</v>
      </c>
      <c r="B93116" s="14" t="s">
        <v>1</v>
      </c>
      <c r="C93116" s="14" t="s">
        <v>38</v>
      </c>
      <c r="D93116" s="14" t="s">
        <v>465</v>
      </c>
      <c r="E93116" s="15">
        <v>45417</v>
      </c>
      <c r="F93116" s="14" t="s">
        <v>15</v>
      </c>
      <c r="G93116" s="16">
        <v>0.15205049533029663</v>
      </c>
    </row>
    <row r="93117" spans="1:7" x14ac:dyDescent="0.3">
      <c r="A93117" s="13" t="s">
        <v>464</v>
      </c>
      <c r="B93117" s="14" t="s">
        <v>1</v>
      </c>
      <c r="C93117" s="14" t="s">
        <v>38</v>
      </c>
      <c r="D93117" s="14" t="s">
        <v>465</v>
      </c>
      <c r="E93117" s="15">
        <v>45418</v>
      </c>
      <c r="F93117" s="14" t="s">
        <v>15</v>
      </c>
      <c r="G93117" s="16">
        <v>0.15205049533029663</v>
      </c>
    </row>
    <row r="93118" spans="1:7" x14ac:dyDescent="0.3">
      <c r="A93118" s="13" t="s">
        <v>464</v>
      </c>
      <c r="B93118" s="14" t="s">
        <v>1</v>
      </c>
      <c r="C93118" s="14" t="s">
        <v>38</v>
      </c>
      <c r="D93118" s="14" t="s">
        <v>465</v>
      </c>
      <c r="E93118" s="15">
        <v>45419</v>
      </c>
      <c r="F93118" s="14" t="s">
        <v>15</v>
      </c>
      <c r="G93118" s="16">
        <v>0.1478236078854733</v>
      </c>
    </row>
    <row r="93119" spans="1:7" x14ac:dyDescent="0.3">
      <c r="A93119" s="13" t="s">
        <v>464</v>
      </c>
      <c r="B93119" s="14" t="s">
        <v>1</v>
      </c>
      <c r="C93119" s="14" t="s">
        <v>38</v>
      </c>
      <c r="D93119" s="14" t="s">
        <v>465</v>
      </c>
      <c r="E93119" s="15">
        <v>45420</v>
      </c>
      <c r="F93119" s="14" t="s">
        <v>15</v>
      </c>
      <c r="G93119" s="16">
        <v>0.13085302296165838</v>
      </c>
    </row>
    <row r="93120" spans="1:7" x14ac:dyDescent="0.3">
      <c r="A93120" s="13" t="s">
        <v>464</v>
      </c>
      <c r="B93120" s="14" t="s">
        <v>1</v>
      </c>
      <c r="C93120" s="14" t="s">
        <v>38</v>
      </c>
      <c r="D93120" s="14" t="s">
        <v>465</v>
      </c>
      <c r="E93120" s="15">
        <v>45421</v>
      </c>
      <c r="F93120" s="14" t="s">
        <v>15</v>
      </c>
      <c r="G93120" s="16">
        <v>0.21097907669330565</v>
      </c>
    </row>
    <row r="93121" spans="1:7" x14ac:dyDescent="0.3">
      <c r="A93121" s="13" t="s">
        <v>464</v>
      </c>
      <c r="B93121" s="14" t="s">
        <v>1</v>
      </c>
      <c r="C93121" s="14" t="s">
        <v>38</v>
      </c>
      <c r="D93121" s="14" t="s">
        <v>465</v>
      </c>
      <c r="E93121" s="15">
        <v>45422</v>
      </c>
      <c r="F93121" s="14" t="s">
        <v>15</v>
      </c>
      <c r="G93121" s="16">
        <v>0.40230260941654955</v>
      </c>
    </row>
    <row r="93122" spans="1:7" x14ac:dyDescent="0.3">
      <c r="A93122" s="13" t="s">
        <v>464</v>
      </c>
      <c r="B93122" s="14" t="s">
        <v>1</v>
      </c>
      <c r="C93122" s="14" t="s">
        <v>38</v>
      </c>
      <c r="D93122" s="14" t="s">
        <v>465</v>
      </c>
      <c r="E93122" s="15">
        <v>45423</v>
      </c>
      <c r="F93122" s="14" t="s">
        <v>15</v>
      </c>
      <c r="G93122" s="16">
        <v>0.40230260941654955</v>
      </c>
    </row>
    <row r="93123" spans="1:7" x14ac:dyDescent="0.3">
      <c r="A93123" s="13" t="s">
        <v>464</v>
      </c>
      <c r="B93123" s="14" t="s">
        <v>1</v>
      </c>
      <c r="C93123" s="14" t="s">
        <v>38</v>
      </c>
      <c r="D93123" s="14" t="s">
        <v>465</v>
      </c>
      <c r="E93123" s="15">
        <v>45424</v>
      </c>
      <c r="F93123" s="14" t="s">
        <v>15</v>
      </c>
      <c r="G93123" s="16">
        <v>0.40230260941654955</v>
      </c>
    </row>
    <row r="93124" spans="1:7" x14ac:dyDescent="0.3">
      <c r="A93124" s="13" t="s">
        <v>464</v>
      </c>
      <c r="B93124" s="14" t="s">
        <v>1</v>
      </c>
      <c r="C93124" s="14" t="s">
        <v>38</v>
      </c>
      <c r="D93124" s="14" t="s">
        <v>465</v>
      </c>
      <c r="E93124" s="15">
        <v>45425</v>
      </c>
      <c r="F93124" s="14" t="s">
        <v>15</v>
      </c>
      <c r="G93124" s="16">
        <v>0.39806731861038164</v>
      </c>
    </row>
    <row r="93125" spans="1:7" x14ac:dyDescent="0.3">
      <c r="A93125" s="13" t="s">
        <v>464</v>
      </c>
      <c r="B93125" s="14" t="s">
        <v>1</v>
      </c>
      <c r="C93125" s="14" t="s">
        <v>38</v>
      </c>
      <c r="D93125" s="14" t="s">
        <v>465</v>
      </c>
      <c r="E93125" s="15">
        <v>45426</v>
      </c>
      <c r="F93125" s="14" t="s">
        <v>15</v>
      </c>
      <c r="G93125" s="16">
        <v>0.41332782612354152</v>
      </c>
    </row>
    <row r="93126" spans="1:7" x14ac:dyDescent="0.3">
      <c r="A93126" s="13" t="s">
        <v>464</v>
      </c>
      <c r="B93126" s="14" t="s">
        <v>1</v>
      </c>
      <c r="C93126" s="14" t="s">
        <v>38</v>
      </c>
      <c r="D93126" s="14" t="s">
        <v>465</v>
      </c>
      <c r="E93126" s="15">
        <v>45427</v>
      </c>
      <c r="F93126" s="14" t="s">
        <v>15</v>
      </c>
      <c r="G93126" s="16">
        <v>0.51486144288039892</v>
      </c>
    </row>
    <row r="93127" spans="1:7" x14ac:dyDescent="0.3">
      <c r="A93127" s="13" t="s">
        <v>464</v>
      </c>
      <c r="B93127" s="14" t="s">
        <v>1</v>
      </c>
      <c r="C93127" s="14" t="s">
        <v>38</v>
      </c>
      <c r="D93127" s="14" t="s">
        <v>465</v>
      </c>
      <c r="E93127" s="15">
        <v>45428</v>
      </c>
      <c r="F93127" s="14" t="s">
        <v>15</v>
      </c>
      <c r="G93127" s="16">
        <v>0.51056732854481923</v>
      </c>
    </row>
    <row r="93128" spans="1:7" x14ac:dyDescent="0.3">
      <c r="A93128" s="13" t="s">
        <v>464</v>
      </c>
      <c r="B93128" s="14" t="s">
        <v>1</v>
      </c>
      <c r="C93128" s="14" t="s">
        <v>38</v>
      </c>
      <c r="D93128" s="14" t="s">
        <v>465</v>
      </c>
      <c r="E93128" s="15">
        <v>45429</v>
      </c>
      <c r="F93128" s="14" t="s">
        <v>15</v>
      </c>
      <c r="G93128" s="16">
        <v>0.50625220580587826</v>
      </c>
    </row>
    <row r="93129" spans="1:7" x14ac:dyDescent="0.3">
      <c r="A93129" s="13" t="s">
        <v>464</v>
      </c>
      <c r="B93129" s="14" t="s">
        <v>1</v>
      </c>
      <c r="C93129" s="14" t="s">
        <v>38</v>
      </c>
      <c r="D93129" s="14" t="s">
        <v>465</v>
      </c>
      <c r="E93129" s="15">
        <v>45430</v>
      </c>
      <c r="F93129" s="14" t="s">
        <v>15</v>
      </c>
      <c r="G93129" s="16">
        <v>0.50625220580587826</v>
      </c>
    </row>
    <row r="93130" spans="1:7" x14ac:dyDescent="0.3">
      <c r="A93130" s="13" t="s">
        <v>464</v>
      </c>
      <c r="B93130" s="14" t="s">
        <v>1</v>
      </c>
      <c r="C93130" s="14" t="s">
        <v>38</v>
      </c>
      <c r="D93130" s="14" t="s">
        <v>465</v>
      </c>
      <c r="E93130" s="15">
        <v>45431</v>
      </c>
      <c r="F93130" s="14" t="s">
        <v>15</v>
      </c>
      <c r="G93130" s="16">
        <v>0.50625220580587826</v>
      </c>
    </row>
    <row r="93131" spans="1:7" x14ac:dyDescent="0.3">
      <c r="A93131" s="13" t="s">
        <v>464</v>
      </c>
      <c r="B93131" s="14" t="s">
        <v>1</v>
      </c>
      <c r="C93131" s="14" t="s">
        <v>38</v>
      </c>
      <c r="D93131" s="14" t="s">
        <v>465</v>
      </c>
      <c r="E93131" s="15">
        <v>45432</v>
      </c>
      <c r="F93131" s="14" t="s">
        <v>15</v>
      </c>
      <c r="G93131" s="16">
        <v>0.50190346962155918</v>
      </c>
    </row>
    <row r="93132" spans="1:7" x14ac:dyDescent="0.3">
      <c r="A93132" s="13" t="s">
        <v>464</v>
      </c>
      <c r="B93132" s="14" t="s">
        <v>1</v>
      </c>
      <c r="C93132" s="14" t="s">
        <v>38</v>
      </c>
      <c r="D93132" s="14" t="s">
        <v>465</v>
      </c>
      <c r="E93132" s="15">
        <v>45433</v>
      </c>
      <c r="F93132" s="14" t="s">
        <v>15</v>
      </c>
      <c r="G93132" s="16">
        <v>0.48878162419354254</v>
      </c>
    </row>
    <row r="93133" spans="1:7" x14ac:dyDescent="0.3">
      <c r="A93133" s="13" t="s">
        <v>464</v>
      </c>
      <c r="B93133" s="14" t="s">
        <v>1</v>
      </c>
      <c r="C93133" s="14" t="s">
        <v>38</v>
      </c>
      <c r="D93133" s="14" t="s">
        <v>465</v>
      </c>
      <c r="E93133" s="15">
        <v>45434</v>
      </c>
      <c r="F93133" s="14" t="s">
        <v>15</v>
      </c>
      <c r="G93133" s="16">
        <v>0.48878162419354254</v>
      </c>
    </row>
    <row r="93134" spans="1:7" x14ac:dyDescent="0.3">
      <c r="A93134" s="13" t="s">
        <v>464</v>
      </c>
      <c r="B93134" s="14" t="s">
        <v>1</v>
      </c>
      <c r="C93134" s="14" t="s">
        <v>38</v>
      </c>
      <c r="D93134" s="14" t="s">
        <v>465</v>
      </c>
      <c r="E93134" s="15">
        <v>45435</v>
      </c>
      <c r="F93134" s="14" t="s">
        <v>15</v>
      </c>
      <c r="G93134" s="16">
        <v>0.48442028296720657</v>
      </c>
    </row>
    <row r="93135" spans="1:7" x14ac:dyDescent="0.3">
      <c r="A93135" s="13" t="s">
        <v>464</v>
      </c>
      <c r="B93135" s="14" t="s">
        <v>1</v>
      </c>
      <c r="C93135" s="14" t="s">
        <v>38</v>
      </c>
      <c r="D93135" s="14" t="s">
        <v>465</v>
      </c>
      <c r="E93135" s="15">
        <v>45436</v>
      </c>
      <c r="F93135" s="14" t="s">
        <v>15</v>
      </c>
      <c r="G93135" s="16">
        <v>0.52686986611061848</v>
      </c>
    </row>
    <row r="93136" spans="1:7" x14ac:dyDescent="0.3">
      <c r="A93136" s="13" t="s">
        <v>464</v>
      </c>
      <c r="B93136" s="14" t="s">
        <v>1</v>
      </c>
      <c r="C93136" s="14" t="s">
        <v>38</v>
      </c>
      <c r="D93136" s="14" t="s">
        <v>465</v>
      </c>
      <c r="E93136" s="15">
        <v>45437</v>
      </c>
      <c r="F93136" s="14" t="s">
        <v>15</v>
      </c>
      <c r="G93136" s="16">
        <v>0.52686986611061848</v>
      </c>
    </row>
    <row r="93137" spans="1:7" x14ac:dyDescent="0.3">
      <c r="A93137" s="13" t="s">
        <v>464</v>
      </c>
      <c r="B93137" s="14" t="s">
        <v>1</v>
      </c>
      <c r="C93137" s="14" t="s">
        <v>38</v>
      </c>
      <c r="D93137" s="14" t="s">
        <v>465</v>
      </c>
      <c r="E93137" s="15">
        <v>45438</v>
      </c>
      <c r="F93137" s="14" t="s">
        <v>15</v>
      </c>
      <c r="G93137" s="16">
        <v>0.52686986611061848</v>
      </c>
    </row>
    <row r="93138" spans="1:7" x14ac:dyDescent="0.3">
      <c r="A93138" s="13" t="s">
        <v>464</v>
      </c>
      <c r="B93138" s="14" t="s">
        <v>1</v>
      </c>
      <c r="C93138" s="14" t="s">
        <v>38</v>
      </c>
      <c r="D93138" s="14" t="s">
        <v>465</v>
      </c>
      <c r="E93138" s="15">
        <v>45439</v>
      </c>
      <c r="F93138" s="14" t="s">
        <v>15</v>
      </c>
      <c r="G93138" s="16">
        <v>0.52253793664898851</v>
      </c>
    </row>
    <row r="93139" spans="1:7" x14ac:dyDescent="0.3">
      <c r="A93139" s="13" t="s">
        <v>464</v>
      </c>
      <c r="B93139" s="14" t="s">
        <v>1</v>
      </c>
      <c r="C93139" s="14" t="s">
        <v>38</v>
      </c>
      <c r="D93139" s="14" t="s">
        <v>465</v>
      </c>
      <c r="E93139" s="15">
        <v>45440</v>
      </c>
      <c r="F93139" s="14" t="s">
        <v>15</v>
      </c>
      <c r="G93139" s="16">
        <v>0.50964298197727442</v>
      </c>
    </row>
    <row r="93140" spans="1:7" x14ac:dyDescent="0.3">
      <c r="A93140" s="13" t="s">
        <v>464</v>
      </c>
      <c r="B93140" s="14" t="s">
        <v>1</v>
      </c>
      <c r="C93140" s="14" t="s">
        <v>38</v>
      </c>
      <c r="D93140" s="14" t="s">
        <v>465</v>
      </c>
      <c r="E93140" s="15">
        <v>45441</v>
      </c>
      <c r="F93140" s="14" t="s">
        <v>15</v>
      </c>
      <c r="G93140" s="16">
        <v>0.58863878360808131</v>
      </c>
    </row>
    <row r="93141" spans="1:7" x14ac:dyDescent="0.3">
      <c r="A93141" s="13" t="s">
        <v>464</v>
      </c>
      <c r="B93141" s="14" t="s">
        <v>1</v>
      </c>
      <c r="C93141" s="14" t="s">
        <v>38</v>
      </c>
      <c r="D93141" s="14" t="s">
        <v>465</v>
      </c>
      <c r="E93141" s="15">
        <v>45442</v>
      </c>
      <c r="F93141" s="14" t="s">
        <v>15</v>
      </c>
      <c r="G93141" s="16">
        <v>0.62608416507082099</v>
      </c>
    </row>
    <row r="93142" spans="1:7" x14ac:dyDescent="0.3">
      <c r="A93142" s="13" t="s">
        <v>464</v>
      </c>
      <c r="B93142" s="14" t="s">
        <v>1</v>
      </c>
      <c r="C93142" s="14" t="s">
        <v>38</v>
      </c>
      <c r="D93142" s="14" t="s">
        <v>465</v>
      </c>
      <c r="E93142" s="15">
        <v>45443</v>
      </c>
      <c r="F93142" s="14" t="s">
        <v>15</v>
      </c>
      <c r="G93142" s="16">
        <v>0.62185727762599763</v>
      </c>
    </row>
    <row r="93143" spans="1:7" x14ac:dyDescent="0.3">
      <c r="A93143" s="13" t="s">
        <v>464</v>
      </c>
      <c r="B93143" s="14" t="s">
        <v>1</v>
      </c>
      <c r="C93143" s="14" t="s">
        <v>38</v>
      </c>
      <c r="D93143" s="14" t="s">
        <v>465</v>
      </c>
      <c r="E93143" s="15">
        <v>45444</v>
      </c>
      <c r="F93143" s="14" t="s">
        <v>15</v>
      </c>
      <c r="G93143" s="16">
        <v>0.62185727762599763</v>
      </c>
    </row>
    <row r="93144" spans="1:7" x14ac:dyDescent="0.3">
      <c r="A93144" s="13" t="s">
        <v>464</v>
      </c>
      <c r="B93144" s="14" t="s">
        <v>1</v>
      </c>
      <c r="C93144" s="14" t="s">
        <v>38</v>
      </c>
      <c r="D93144" s="14" t="s">
        <v>465</v>
      </c>
      <c r="E93144" s="15">
        <v>45445</v>
      </c>
      <c r="F93144" s="14" t="s">
        <v>15</v>
      </c>
      <c r="G93144" s="16">
        <v>0.62185727762599763</v>
      </c>
    </row>
    <row r="93145" spans="1:7" x14ac:dyDescent="0.3">
      <c r="A93145" s="13" t="s">
        <v>464</v>
      </c>
      <c r="B93145" s="14" t="s">
        <v>1</v>
      </c>
      <c r="C93145" s="14" t="s">
        <v>38</v>
      </c>
      <c r="D93145" s="14" t="s">
        <v>465</v>
      </c>
      <c r="E93145" s="15">
        <v>45446</v>
      </c>
      <c r="F93145" s="14" t="s">
        <v>15</v>
      </c>
      <c r="G93145" s="16">
        <v>0.62185727762599763</v>
      </c>
    </row>
    <row r="93146" spans="1:7" x14ac:dyDescent="0.3">
      <c r="A93146" s="13" t="s">
        <v>464</v>
      </c>
      <c r="B93146" s="14" t="s">
        <v>1</v>
      </c>
      <c r="C93146" s="14" t="s">
        <v>38</v>
      </c>
      <c r="D93146" s="14" t="s">
        <v>465</v>
      </c>
      <c r="E93146" s="15">
        <v>45447</v>
      </c>
      <c r="F93146" s="14" t="s">
        <v>15</v>
      </c>
      <c r="G93146" s="16">
        <v>0.61761358345848527</v>
      </c>
    </row>
    <row r="93147" spans="1:7" x14ac:dyDescent="0.3">
      <c r="A93147" s="13" t="s">
        <v>464</v>
      </c>
      <c r="B93147" s="14" t="s">
        <v>1</v>
      </c>
      <c r="C93147" s="14" t="s">
        <v>38</v>
      </c>
      <c r="D93147" s="14" t="s">
        <v>465</v>
      </c>
      <c r="E93147" s="15">
        <v>45448</v>
      </c>
      <c r="F93147" s="14" t="s">
        <v>15</v>
      </c>
      <c r="G93147" s="16">
        <v>0.60170182206408218</v>
      </c>
    </row>
    <row r="93148" spans="1:7" x14ac:dyDescent="0.3">
      <c r="A93148" s="13" t="s">
        <v>464</v>
      </c>
      <c r="B93148" s="14" t="s">
        <v>1</v>
      </c>
      <c r="C93148" s="14" t="s">
        <v>38</v>
      </c>
      <c r="D93148" s="14" t="s">
        <v>465</v>
      </c>
      <c r="E93148" s="15">
        <v>45449</v>
      </c>
      <c r="F93148" s="14" t="s">
        <v>15</v>
      </c>
      <c r="G93148" s="16">
        <v>0.65635308587976304</v>
      </c>
    </row>
    <row r="93149" spans="1:7" x14ac:dyDescent="0.3">
      <c r="A93149" s="13" t="s">
        <v>464</v>
      </c>
      <c r="B93149" s="14" t="s">
        <v>1</v>
      </c>
      <c r="C93149" s="14" t="s">
        <v>38</v>
      </c>
      <c r="D93149" s="14" t="s">
        <v>465</v>
      </c>
      <c r="E93149" s="15">
        <v>45450</v>
      </c>
      <c r="F93149" s="14" t="s">
        <v>15</v>
      </c>
      <c r="G93149" s="16">
        <v>0.65206737490552791</v>
      </c>
    </row>
    <row r="93150" spans="1:7" x14ac:dyDescent="0.3">
      <c r="A93150" s="13" t="s">
        <v>464</v>
      </c>
      <c r="B93150" s="14" t="s">
        <v>1</v>
      </c>
      <c r="C93150" s="14" t="s">
        <v>38</v>
      </c>
      <c r="D93150" s="14" t="s">
        <v>465</v>
      </c>
      <c r="E93150" s="15">
        <v>45451</v>
      </c>
      <c r="F93150" s="14" t="s">
        <v>15</v>
      </c>
      <c r="G93150" s="16">
        <v>0.65206737490552791</v>
      </c>
    </row>
    <row r="93151" spans="1:7" x14ac:dyDescent="0.3">
      <c r="A93151" s="13" t="s">
        <v>464</v>
      </c>
      <c r="B93151" s="14" t="s">
        <v>1</v>
      </c>
      <c r="C93151" s="14" t="s">
        <v>38</v>
      </c>
      <c r="D93151" s="14" t="s">
        <v>465</v>
      </c>
      <c r="E93151" s="15">
        <v>45452</v>
      </c>
      <c r="F93151" s="14" t="s">
        <v>15</v>
      </c>
      <c r="G93151" s="16">
        <v>0.65206737490552791</v>
      </c>
    </row>
    <row r="93152" spans="1:7" x14ac:dyDescent="0.3">
      <c r="A93152" s="13" t="s">
        <v>464</v>
      </c>
      <c r="B93152" s="14" t="s">
        <v>1</v>
      </c>
      <c r="C93152" s="14" t="s">
        <v>38</v>
      </c>
      <c r="D93152" s="14" t="s">
        <v>465</v>
      </c>
      <c r="E93152" s="15">
        <v>45453</v>
      </c>
      <c r="F93152" s="14" t="s">
        <v>15</v>
      </c>
      <c r="G93152" s="16">
        <v>0.653487546284234</v>
      </c>
    </row>
    <row r="93153" spans="1:7" x14ac:dyDescent="0.3">
      <c r="A93153" s="13" t="s">
        <v>464</v>
      </c>
      <c r="B93153" s="14" t="s">
        <v>1</v>
      </c>
      <c r="C93153" s="14" t="s">
        <v>38</v>
      </c>
      <c r="D93153" s="14" t="s">
        <v>465</v>
      </c>
      <c r="E93153" s="15">
        <v>45454</v>
      </c>
      <c r="F93153" s="14" t="s">
        <v>15</v>
      </c>
      <c r="G93153" s="16">
        <v>0.64055477648646952</v>
      </c>
    </row>
    <row r="93154" spans="1:7" x14ac:dyDescent="0.3">
      <c r="A93154" s="13" t="s">
        <v>464</v>
      </c>
      <c r="B93154" s="14" t="s">
        <v>1</v>
      </c>
      <c r="C93154" s="14" t="s">
        <v>38</v>
      </c>
      <c r="D93154" s="14" t="s">
        <v>465</v>
      </c>
      <c r="E93154" s="15">
        <v>45455</v>
      </c>
      <c r="F93154" s="14" t="s">
        <v>15</v>
      </c>
      <c r="G93154" s="16">
        <v>0.67895393946181426</v>
      </c>
    </row>
    <row r="93155" spans="1:7" x14ac:dyDescent="0.3">
      <c r="A93155" s="13" t="s">
        <v>464</v>
      </c>
      <c r="B93155" s="14" t="s">
        <v>1</v>
      </c>
      <c r="C93155" s="14" t="s">
        <v>38</v>
      </c>
      <c r="D93155" s="14" t="s">
        <v>465</v>
      </c>
      <c r="E93155" s="15">
        <v>45456</v>
      </c>
      <c r="F93155" s="14" t="s">
        <v>15</v>
      </c>
      <c r="G93155" s="16">
        <v>0.67468083352959596</v>
      </c>
    </row>
    <row r="93156" spans="1:7" x14ac:dyDescent="0.3">
      <c r="A93156" s="13" t="s">
        <v>464</v>
      </c>
      <c r="B93156" s="14" t="s">
        <v>1</v>
      </c>
      <c r="C93156" s="14" t="s">
        <v>38</v>
      </c>
      <c r="D93156" s="14" t="s">
        <v>465</v>
      </c>
      <c r="E93156" s="15">
        <v>45457</v>
      </c>
      <c r="F93156" s="14" t="s">
        <v>15</v>
      </c>
      <c r="G93156" s="16">
        <v>0.69013461835368017</v>
      </c>
    </row>
    <row r="93157" spans="1:7" x14ac:dyDescent="0.3">
      <c r="A93157" s="13" t="s">
        <v>464</v>
      </c>
      <c r="B93157" s="14" t="s">
        <v>1</v>
      </c>
      <c r="C93157" s="14" t="s">
        <v>38</v>
      </c>
      <c r="D93157" s="14" t="s">
        <v>465</v>
      </c>
      <c r="E93157" s="15">
        <v>45458</v>
      </c>
      <c r="F93157" s="14" t="s">
        <v>15</v>
      </c>
      <c r="G93157" s="16">
        <v>0.69013461835368017</v>
      </c>
    </row>
    <row r="93158" spans="1:7" x14ac:dyDescent="0.3">
      <c r="A93158" s="13" t="s">
        <v>464</v>
      </c>
      <c r="B93158" s="14" t="s">
        <v>1</v>
      </c>
      <c r="C93158" s="14" t="s">
        <v>38</v>
      </c>
      <c r="D93158" s="14" t="s">
        <v>465</v>
      </c>
      <c r="E93158" s="15">
        <v>45459</v>
      </c>
      <c r="F93158" s="14" t="s">
        <v>15</v>
      </c>
      <c r="G93158" s="16">
        <v>0.69013461835368017</v>
      </c>
    </row>
    <row r="93159" spans="1:7" x14ac:dyDescent="0.3">
      <c r="A93159" s="13" t="s">
        <v>464</v>
      </c>
      <c r="B93159" s="14" t="s">
        <v>1</v>
      </c>
      <c r="C93159" s="14" t="s">
        <v>38</v>
      </c>
      <c r="D93159" s="14" t="s">
        <v>465</v>
      </c>
      <c r="E93159" s="15">
        <v>45460</v>
      </c>
      <c r="F93159" s="14" t="s">
        <v>15</v>
      </c>
      <c r="G93159" s="16">
        <v>0.69013461835368017</v>
      </c>
    </row>
    <row r="93160" spans="1:7" x14ac:dyDescent="0.3">
      <c r="A93160" s="13" t="s">
        <v>464</v>
      </c>
      <c r="B93160" s="14" t="s">
        <v>1</v>
      </c>
      <c r="C93160" s="14" t="s">
        <v>38</v>
      </c>
      <c r="D93160" s="14" t="s">
        <v>465</v>
      </c>
      <c r="E93160" s="15">
        <v>45461</v>
      </c>
      <c r="F93160" s="14" t="s">
        <v>15</v>
      </c>
      <c r="G93160" s="16">
        <v>0.68577327712734426</v>
      </c>
    </row>
    <row r="93161" spans="1:7" x14ac:dyDescent="0.3">
      <c r="A93161" s="13" t="s">
        <v>464</v>
      </c>
      <c r="B93161" s="14" t="s">
        <v>1</v>
      </c>
      <c r="C93161" s="14" t="s">
        <v>38</v>
      </c>
      <c r="D93161" s="14" t="s">
        <v>465</v>
      </c>
      <c r="E93161" s="15">
        <v>45462</v>
      </c>
      <c r="F93161" s="14" t="s">
        <v>15</v>
      </c>
      <c r="G93161" s="16">
        <v>0.71170185186739499</v>
      </c>
    </row>
    <row r="93162" spans="1:7" x14ac:dyDescent="0.3">
      <c r="A93162" s="13" t="s">
        <v>464</v>
      </c>
      <c r="B93162" s="14" t="s">
        <v>1</v>
      </c>
      <c r="C93162" s="14" t="s">
        <v>38</v>
      </c>
      <c r="D93162" s="14" t="s">
        <v>465</v>
      </c>
      <c r="E93162" s="15">
        <v>45463</v>
      </c>
      <c r="F93162" s="14" t="s">
        <v>15</v>
      </c>
      <c r="G93162" s="16">
        <v>0.70732370391836985</v>
      </c>
    </row>
    <row r="93163" spans="1:7" x14ac:dyDescent="0.3">
      <c r="A93163" s="13" t="s">
        <v>464</v>
      </c>
      <c r="B93163" s="14" t="s">
        <v>1</v>
      </c>
      <c r="C93163" s="14" t="s">
        <v>38</v>
      </c>
      <c r="D93163" s="14" t="s">
        <v>465</v>
      </c>
      <c r="E93163" s="15">
        <v>45464</v>
      </c>
      <c r="F93163" s="14" t="s">
        <v>15</v>
      </c>
      <c r="G93163" s="16">
        <v>0.70286992571724405</v>
      </c>
    </row>
    <row r="93164" spans="1:7" x14ac:dyDescent="0.3">
      <c r="A93164" s="13" t="s">
        <v>464</v>
      </c>
      <c r="B93164" s="14" t="s">
        <v>1</v>
      </c>
      <c r="C93164" s="14" t="s">
        <v>38</v>
      </c>
      <c r="D93164" s="14" t="s">
        <v>465</v>
      </c>
      <c r="E93164" s="15">
        <v>45465</v>
      </c>
      <c r="F93164" s="14" t="s">
        <v>15</v>
      </c>
      <c r="G93164" s="16">
        <v>0.70286992571724405</v>
      </c>
    </row>
    <row r="93165" spans="1:7" x14ac:dyDescent="0.3">
      <c r="A93165" s="13" t="s">
        <v>464</v>
      </c>
      <c r="B93165" s="14" t="s">
        <v>1</v>
      </c>
      <c r="C93165" s="14" t="s">
        <v>38</v>
      </c>
      <c r="D93165" s="14" t="s">
        <v>465</v>
      </c>
      <c r="E93165" s="15">
        <v>45466</v>
      </c>
      <c r="F93165" s="14" t="s">
        <v>15</v>
      </c>
      <c r="G93165" s="16">
        <v>0.70286992571724405</v>
      </c>
    </row>
    <row r="93166" spans="1:7" x14ac:dyDescent="0.3">
      <c r="A93166" s="13" t="s">
        <v>464</v>
      </c>
      <c r="B93166" s="14" t="s">
        <v>1</v>
      </c>
      <c r="C93166" s="14" t="s">
        <v>38</v>
      </c>
      <c r="D93166" s="14" t="s">
        <v>465</v>
      </c>
      <c r="E93166" s="15">
        <v>45467</v>
      </c>
      <c r="F93166" s="14" t="s">
        <v>15</v>
      </c>
      <c r="G93166" s="16">
        <v>0.69841614751611825</v>
      </c>
    </row>
    <row r="93167" spans="1:7" x14ac:dyDescent="0.3">
      <c r="A93167" s="13" t="s">
        <v>464</v>
      </c>
      <c r="B93167" s="14" t="s">
        <v>1</v>
      </c>
      <c r="C93167" s="14" t="s">
        <v>38</v>
      </c>
      <c r="D93167" s="14" t="s">
        <v>465</v>
      </c>
      <c r="E93167" s="15">
        <v>45468</v>
      </c>
      <c r="F93167" s="14" t="s">
        <v>15</v>
      </c>
      <c r="G93167" s="16">
        <v>0.68519766343263944</v>
      </c>
    </row>
    <row r="93168" spans="1:7" x14ac:dyDescent="0.3">
      <c r="A93168" s="13" t="s">
        <v>464</v>
      </c>
      <c r="B93168" s="14" t="s">
        <v>1</v>
      </c>
      <c r="C93168" s="14" t="s">
        <v>38</v>
      </c>
      <c r="D93168" s="14" t="s">
        <v>465</v>
      </c>
      <c r="E93168" s="15">
        <v>45469</v>
      </c>
      <c r="F93168" s="14" t="s">
        <v>15</v>
      </c>
      <c r="G93168" s="16">
        <v>0.68081951548361441</v>
      </c>
    </row>
    <row r="93169" spans="1:7" x14ac:dyDescent="0.3">
      <c r="A93169" s="13" t="s">
        <v>464</v>
      </c>
      <c r="B93169" s="14" t="s">
        <v>1</v>
      </c>
      <c r="C93169" s="14" t="s">
        <v>38</v>
      </c>
      <c r="D93169" s="14" t="s">
        <v>465</v>
      </c>
      <c r="E93169" s="15">
        <v>45470</v>
      </c>
      <c r="F93169" s="14" t="s">
        <v>15</v>
      </c>
      <c r="G93169" s="16">
        <v>0.67642876249257256</v>
      </c>
    </row>
    <row r="93170" spans="1:7" x14ac:dyDescent="0.3">
      <c r="A93170" s="13" t="s">
        <v>464</v>
      </c>
      <c r="B93170" s="14" t="s">
        <v>1</v>
      </c>
      <c r="C93170" s="14" t="s">
        <v>38</v>
      </c>
      <c r="D93170" s="14" t="s">
        <v>465</v>
      </c>
      <c r="E93170" s="15">
        <v>45471</v>
      </c>
      <c r="F93170" s="14" t="s">
        <v>15</v>
      </c>
      <c r="G93170" s="16">
        <v>0.68996658093010221</v>
      </c>
    </row>
    <row r="93171" spans="1:7" x14ac:dyDescent="0.3">
      <c r="A93171" s="13" t="s">
        <v>464</v>
      </c>
      <c r="B93171" s="14" t="s">
        <v>1</v>
      </c>
      <c r="C93171" s="14" t="s">
        <v>38</v>
      </c>
      <c r="D93171" s="14" t="s">
        <v>465</v>
      </c>
      <c r="E93171" s="15">
        <v>45472</v>
      </c>
      <c r="F93171" s="14" t="s">
        <v>15</v>
      </c>
      <c r="G93171" s="16">
        <v>0.68996658093010221</v>
      </c>
    </row>
    <row r="93172" spans="1:7" x14ac:dyDescent="0.3">
      <c r="A93172" s="13" t="s">
        <v>464</v>
      </c>
      <c r="B93172" s="14" t="s">
        <v>1</v>
      </c>
      <c r="C93172" s="14" t="s">
        <v>38</v>
      </c>
      <c r="D93172" s="14" t="s">
        <v>465</v>
      </c>
      <c r="E93172" s="15">
        <v>45473</v>
      </c>
      <c r="F93172" s="14" t="s">
        <v>15</v>
      </c>
      <c r="G93172" s="16">
        <v>0.68996658093010221</v>
      </c>
    </row>
    <row r="93173" spans="1:7" x14ac:dyDescent="0.3">
      <c r="A93173" s="13" t="s">
        <v>464</v>
      </c>
      <c r="B93173" s="14" t="s">
        <v>1</v>
      </c>
      <c r="C93173" s="14" t="s">
        <v>38</v>
      </c>
      <c r="D93173" s="14" t="s">
        <v>465</v>
      </c>
      <c r="E93173" s="15">
        <v>45474</v>
      </c>
      <c r="F93173" s="14" t="s">
        <v>15</v>
      </c>
      <c r="G93173" s="16">
        <v>1.9768695957671818E-7</v>
      </c>
    </row>
    <row r="93174" spans="1:7" x14ac:dyDescent="0.3">
      <c r="A93174" s="13" t="s">
        <v>464</v>
      </c>
      <c r="B93174" s="14" t="s">
        <v>1</v>
      </c>
      <c r="C93174" s="14" t="s">
        <v>38</v>
      </c>
      <c r="D93174" s="14" t="s">
        <v>465</v>
      </c>
      <c r="E93174" s="15">
        <v>45475</v>
      </c>
      <c r="F93174" s="14" t="s">
        <v>15</v>
      </c>
      <c r="G93174" s="16">
        <v>0</v>
      </c>
    </row>
    <row r="93175" spans="1:7" x14ac:dyDescent="0.3">
      <c r="A93175" s="13" t="s">
        <v>464</v>
      </c>
      <c r="B93175" s="14" t="s">
        <v>1</v>
      </c>
      <c r="C93175" s="14" t="s">
        <v>38</v>
      </c>
      <c r="D93175" s="14" t="s">
        <v>465</v>
      </c>
      <c r="E93175" s="15">
        <v>45476</v>
      </c>
      <c r="F93175" s="14" t="s">
        <v>15</v>
      </c>
      <c r="G93175" s="16">
        <v>0</v>
      </c>
    </row>
    <row r="93176" spans="1:7" x14ac:dyDescent="0.3">
      <c r="A93176" s="13" t="s">
        <v>464</v>
      </c>
      <c r="B93176" s="14" t="s">
        <v>1</v>
      </c>
      <c r="C93176" s="14" t="s">
        <v>38</v>
      </c>
      <c r="D93176" s="14" t="s">
        <v>465</v>
      </c>
      <c r="E93176" s="15">
        <v>45477</v>
      </c>
      <c r="F93176" s="14" t="s">
        <v>15</v>
      </c>
      <c r="G93176" s="16">
        <v>0</v>
      </c>
    </row>
    <row r="93177" spans="1:7" x14ac:dyDescent="0.3">
      <c r="A93177" s="13" t="s">
        <v>464</v>
      </c>
      <c r="B93177" s="14" t="s">
        <v>1</v>
      </c>
      <c r="C93177" s="14" t="s">
        <v>38</v>
      </c>
      <c r="D93177" s="14" t="s">
        <v>465</v>
      </c>
      <c r="E93177" s="15">
        <v>45478</v>
      </c>
      <c r="F93177" s="14" t="s">
        <v>15</v>
      </c>
      <c r="G93177" s="16">
        <v>6.2201891605145325E-2</v>
      </c>
    </row>
    <row r="93178" spans="1:7" x14ac:dyDescent="0.3">
      <c r="A93178" s="13" t="s">
        <v>464</v>
      </c>
      <c r="B93178" s="14" t="s">
        <v>1</v>
      </c>
      <c r="C93178" s="14" t="s">
        <v>38</v>
      </c>
      <c r="D93178" s="14" t="s">
        <v>465</v>
      </c>
      <c r="E93178" s="15">
        <v>45479</v>
      </c>
      <c r="F93178" s="14" t="s">
        <v>15</v>
      </c>
      <c r="G93178" s="16">
        <v>6.2201891605145325E-2</v>
      </c>
    </row>
    <row r="93179" spans="1:7" x14ac:dyDescent="0.3">
      <c r="A93179" s="13" t="s">
        <v>464</v>
      </c>
      <c r="B93179" s="14" t="s">
        <v>1</v>
      </c>
      <c r="C93179" s="14" t="s">
        <v>38</v>
      </c>
      <c r="D93179" s="14" t="s">
        <v>465</v>
      </c>
      <c r="E93179" s="15">
        <v>45480</v>
      </c>
      <c r="F93179" s="14" t="s">
        <v>15</v>
      </c>
      <c r="G93179" s="16">
        <v>6.2201891605145325E-2</v>
      </c>
    </row>
    <row r="93180" spans="1:7" x14ac:dyDescent="0.3">
      <c r="A93180" s="13" t="s">
        <v>464</v>
      </c>
      <c r="B93180" s="14" t="s">
        <v>1</v>
      </c>
      <c r="C93180" s="14" t="s">
        <v>38</v>
      </c>
      <c r="D93180" s="14" t="s">
        <v>465</v>
      </c>
      <c r="E93180" s="15">
        <v>45481</v>
      </c>
      <c r="F93180" s="14" t="s">
        <v>15</v>
      </c>
      <c r="G93180" s="16">
        <v>6.9302735252758998E-2</v>
      </c>
    </row>
    <row r="93181" spans="1:7" x14ac:dyDescent="0.3">
      <c r="A93181" s="13" t="s">
        <v>464</v>
      </c>
      <c r="B93181" s="14" t="s">
        <v>1</v>
      </c>
      <c r="C93181" s="14" t="s">
        <v>38</v>
      </c>
      <c r="D93181" s="14" t="s">
        <v>465</v>
      </c>
      <c r="E93181" s="15">
        <v>45482</v>
      </c>
      <c r="F93181" s="14" t="s">
        <v>15</v>
      </c>
      <c r="G93181" s="16">
        <v>5.5752318396170966E-2</v>
      </c>
    </row>
    <row r="93182" spans="1:7" x14ac:dyDescent="0.3">
      <c r="A93182" s="13" t="s">
        <v>464</v>
      </c>
      <c r="B93182" s="14" t="s">
        <v>1</v>
      </c>
      <c r="C93182" s="14" t="s">
        <v>38</v>
      </c>
      <c r="D93182" s="14" t="s">
        <v>465</v>
      </c>
      <c r="E93182" s="15">
        <v>45483</v>
      </c>
      <c r="F93182" s="14" t="s">
        <v>15</v>
      </c>
      <c r="G93182" s="16">
        <v>5.1227111623616553E-2</v>
      </c>
    </row>
    <row r="93183" spans="1:7" x14ac:dyDescent="0.3">
      <c r="A93183" s="13" t="s">
        <v>464</v>
      </c>
      <c r="B93183" s="14" t="s">
        <v>1</v>
      </c>
      <c r="C93183" s="14" t="s">
        <v>38</v>
      </c>
      <c r="D93183" s="14" t="s">
        <v>465</v>
      </c>
      <c r="E93183" s="15">
        <v>45484</v>
      </c>
      <c r="F93183" s="14" t="s">
        <v>15</v>
      </c>
      <c r="G93183" s="16">
        <v>0.1478447619939193</v>
      </c>
    </row>
    <row r="93184" spans="1:7" x14ac:dyDescent="0.3">
      <c r="A93184" s="13" t="s">
        <v>464</v>
      </c>
      <c r="B93184" s="14" t="s">
        <v>1</v>
      </c>
      <c r="C93184" s="14" t="s">
        <v>38</v>
      </c>
      <c r="D93184" s="14" t="s">
        <v>465</v>
      </c>
      <c r="E93184" s="15">
        <v>45485</v>
      </c>
      <c r="F93184" s="14" t="s">
        <v>15</v>
      </c>
      <c r="G93184" s="16">
        <v>0.1669876224482556</v>
      </c>
    </row>
    <row r="93185" spans="1:7" x14ac:dyDescent="0.3">
      <c r="A93185" s="13" t="s">
        <v>464</v>
      </c>
      <c r="B93185" s="14" t="s">
        <v>1</v>
      </c>
      <c r="C93185" s="14" t="s">
        <v>38</v>
      </c>
      <c r="D93185" s="14" t="s">
        <v>465</v>
      </c>
      <c r="E93185" s="15">
        <v>45486</v>
      </c>
      <c r="F93185" s="14" t="s">
        <v>15</v>
      </c>
      <c r="G93185" s="16">
        <v>0.1669876224482556</v>
      </c>
    </row>
    <row r="93186" spans="1:7" x14ac:dyDescent="0.3">
      <c r="A93186" s="13" t="s">
        <v>464</v>
      </c>
      <c r="B93186" s="14" t="s">
        <v>1</v>
      </c>
      <c r="C93186" s="14" t="s">
        <v>38</v>
      </c>
      <c r="D93186" s="14" t="s">
        <v>465</v>
      </c>
      <c r="E93186" s="15">
        <v>45487</v>
      </c>
      <c r="F93186" s="14" t="s">
        <v>15</v>
      </c>
      <c r="G93186" s="16">
        <v>0.1669876224482556</v>
      </c>
    </row>
    <row r="93187" spans="1:7" x14ac:dyDescent="0.3">
      <c r="A93187" s="13" t="s">
        <v>464</v>
      </c>
      <c r="B93187" s="14" t="s">
        <v>1</v>
      </c>
      <c r="C93187" s="14" t="s">
        <v>38</v>
      </c>
      <c r="D93187" s="14" t="s">
        <v>465</v>
      </c>
      <c r="E93187" s="15">
        <v>45488</v>
      </c>
      <c r="F93187" s="14" t="s">
        <v>15</v>
      </c>
      <c r="G93187" s="16">
        <v>0.16240779382696163</v>
      </c>
    </row>
    <row r="93188" spans="1:7" x14ac:dyDescent="0.3">
      <c r="A93188" s="13" t="s">
        <v>464</v>
      </c>
      <c r="B93188" s="14" t="s">
        <v>1</v>
      </c>
      <c r="C93188" s="14" t="s">
        <v>38</v>
      </c>
      <c r="D93188" s="14" t="s">
        <v>465</v>
      </c>
      <c r="E93188" s="15">
        <v>45489</v>
      </c>
      <c r="F93188" s="14" t="s">
        <v>15</v>
      </c>
      <c r="G93188" s="16">
        <v>0.14873132655020554</v>
      </c>
    </row>
    <row r="93189" spans="1:7" x14ac:dyDescent="0.3">
      <c r="A93189" s="13" t="s">
        <v>464</v>
      </c>
      <c r="B93189" s="14" t="s">
        <v>1</v>
      </c>
      <c r="C93189" s="14" t="s">
        <v>38</v>
      </c>
      <c r="D93189" s="14" t="s">
        <v>465</v>
      </c>
      <c r="E93189" s="15">
        <v>45490</v>
      </c>
      <c r="F93189" s="14" t="s">
        <v>15</v>
      </c>
      <c r="G93189" s="16">
        <v>0.1999708256600041</v>
      </c>
    </row>
    <row r="93190" spans="1:7" x14ac:dyDescent="0.3">
      <c r="A93190" s="13" t="s">
        <v>464</v>
      </c>
      <c r="B93190" s="14" t="s">
        <v>1</v>
      </c>
      <c r="C93190" s="14" t="s">
        <v>38</v>
      </c>
      <c r="D93190" s="14" t="s">
        <v>465</v>
      </c>
      <c r="E93190" s="15">
        <v>45491</v>
      </c>
      <c r="F93190" s="14" t="s">
        <v>15</v>
      </c>
      <c r="G93190" s="16">
        <v>0.1954288121647606</v>
      </c>
    </row>
    <row r="93191" spans="1:7" x14ac:dyDescent="0.3">
      <c r="A93191" s="13" t="s">
        <v>464</v>
      </c>
      <c r="B93191" s="14" t="s">
        <v>1</v>
      </c>
      <c r="C93191" s="14" t="s">
        <v>38</v>
      </c>
      <c r="D93191" s="14" t="s">
        <v>465</v>
      </c>
      <c r="E93191" s="15">
        <v>45492</v>
      </c>
      <c r="F93191" s="14" t="s">
        <v>15</v>
      </c>
      <c r="G93191" s="16">
        <v>0.19089520203086166</v>
      </c>
    </row>
    <row r="93192" spans="1:7" x14ac:dyDescent="0.3">
      <c r="A93192" s="13" t="s">
        <v>464</v>
      </c>
      <c r="B93192" s="14" t="s">
        <v>1</v>
      </c>
      <c r="C93192" s="14" t="s">
        <v>38</v>
      </c>
      <c r="D93192" s="14" t="s">
        <v>465</v>
      </c>
      <c r="E93192" s="15">
        <v>45493</v>
      </c>
      <c r="F93192" s="14" t="s">
        <v>15</v>
      </c>
      <c r="G93192" s="16">
        <v>0.19089520203086166</v>
      </c>
    </row>
    <row r="93193" spans="1:7" x14ac:dyDescent="0.3">
      <c r="A93193" s="13" t="s">
        <v>464</v>
      </c>
      <c r="B93193" s="14" t="s">
        <v>1</v>
      </c>
      <c r="C93193" s="14" t="s">
        <v>38</v>
      </c>
      <c r="D93193" s="14" t="s">
        <v>465</v>
      </c>
      <c r="E93193" s="15">
        <v>45494</v>
      </c>
      <c r="F93193" s="14" t="s">
        <v>15</v>
      </c>
      <c r="G93193" s="16">
        <v>0.19089520203086166</v>
      </c>
    </row>
    <row r="93194" spans="1:7" x14ac:dyDescent="0.3">
      <c r="A93194" s="13" t="s">
        <v>464</v>
      </c>
      <c r="B93194" s="14" t="s">
        <v>1</v>
      </c>
      <c r="C93194" s="14" t="s">
        <v>38</v>
      </c>
      <c r="D93194" s="14" t="s">
        <v>465</v>
      </c>
      <c r="E93194" s="15">
        <v>45495</v>
      </c>
      <c r="F93194" s="14" t="s">
        <v>15</v>
      </c>
      <c r="G93194" s="16">
        <v>0.18640360870368536</v>
      </c>
    </row>
    <row r="93195" spans="1:7" x14ac:dyDescent="0.3">
      <c r="A93195" s="13" t="s">
        <v>464</v>
      </c>
      <c r="B93195" s="14" t="s">
        <v>1</v>
      </c>
      <c r="C93195" s="14" t="s">
        <v>38</v>
      </c>
      <c r="D93195" s="14" t="s">
        <v>465</v>
      </c>
      <c r="E93195" s="15">
        <v>45496</v>
      </c>
      <c r="F93195" s="14" t="s">
        <v>15</v>
      </c>
      <c r="G93195" s="16">
        <v>0.17315571285550072</v>
      </c>
    </row>
    <row r="93196" spans="1:7" x14ac:dyDescent="0.3">
      <c r="A93196" s="13" t="s">
        <v>464</v>
      </c>
      <c r="B93196" s="14" t="s">
        <v>1</v>
      </c>
      <c r="C93196" s="14" t="s">
        <v>38</v>
      </c>
      <c r="D93196" s="14" t="s">
        <v>465</v>
      </c>
      <c r="E93196" s="15">
        <v>45497</v>
      </c>
      <c r="F93196" s="14" t="s">
        <v>15</v>
      </c>
      <c r="G93196" s="16">
        <v>0.16880697667118161</v>
      </c>
    </row>
    <row r="93197" spans="1:7" x14ac:dyDescent="0.3">
      <c r="A93197" s="13" t="s">
        <v>464</v>
      </c>
      <c r="B93197" s="14" t="s">
        <v>1</v>
      </c>
      <c r="C93197" s="14" t="s">
        <v>38</v>
      </c>
      <c r="D93197" s="14" t="s">
        <v>465</v>
      </c>
      <c r="E93197" s="15">
        <v>45498</v>
      </c>
      <c r="F93197" s="14" t="s">
        <v>15</v>
      </c>
      <c r="G93197" s="16">
        <v>0.16440782031879525</v>
      </c>
    </row>
    <row r="93198" spans="1:7" x14ac:dyDescent="0.3">
      <c r="A93198" s="13" t="s">
        <v>464</v>
      </c>
      <c r="B93198" s="14" t="s">
        <v>1</v>
      </c>
      <c r="C93198" s="14" t="s">
        <v>38</v>
      </c>
      <c r="D93198" s="14" t="s">
        <v>465</v>
      </c>
      <c r="E93198" s="15">
        <v>45499</v>
      </c>
      <c r="F93198" s="14" t="s">
        <v>15</v>
      </c>
      <c r="G93198" s="16">
        <v>0.1600674874958207</v>
      </c>
    </row>
    <row r="93199" spans="1:7" x14ac:dyDescent="0.3">
      <c r="A93199" s="13" t="s">
        <v>464</v>
      </c>
      <c r="B93199" s="14" t="s">
        <v>1</v>
      </c>
      <c r="C93199" s="14" t="s">
        <v>38</v>
      </c>
      <c r="D93199" s="14" t="s">
        <v>465</v>
      </c>
      <c r="E93199" s="15">
        <v>45500</v>
      </c>
      <c r="F93199" s="14" t="s">
        <v>15</v>
      </c>
      <c r="G93199" s="16">
        <v>0.1600674874958207</v>
      </c>
    </row>
    <row r="93200" spans="1:7" x14ac:dyDescent="0.3">
      <c r="A93200" s="13" t="s">
        <v>464</v>
      </c>
      <c r="B93200" s="14" t="s">
        <v>1</v>
      </c>
      <c r="C93200" s="14" t="s">
        <v>38</v>
      </c>
      <c r="D93200" s="14" t="s">
        <v>465</v>
      </c>
      <c r="E93200" s="15">
        <v>45501</v>
      </c>
      <c r="F93200" s="14" t="s">
        <v>15</v>
      </c>
      <c r="G93200" s="16">
        <v>0.1600674874958207</v>
      </c>
    </row>
    <row r="93201" spans="1:7" x14ac:dyDescent="0.3">
      <c r="A93201" s="13" t="s">
        <v>464</v>
      </c>
      <c r="B93201" s="14" t="s">
        <v>1</v>
      </c>
      <c r="C93201" s="14" t="s">
        <v>38</v>
      </c>
      <c r="D93201" s="14" t="s">
        <v>465</v>
      </c>
      <c r="E93201" s="15">
        <v>45502</v>
      </c>
      <c r="F93201" s="14" t="s">
        <v>15</v>
      </c>
      <c r="G93201" s="16">
        <v>0.18754648240393856</v>
      </c>
    </row>
    <row r="93202" spans="1:7" x14ac:dyDescent="0.3">
      <c r="A93202" s="13" t="s">
        <v>464</v>
      </c>
      <c r="B93202" s="14" t="s">
        <v>1</v>
      </c>
      <c r="C93202" s="14" t="s">
        <v>38</v>
      </c>
      <c r="D93202" s="14" t="s">
        <v>465</v>
      </c>
      <c r="E93202" s="15">
        <v>45503</v>
      </c>
      <c r="F93202" s="14" t="s">
        <v>15</v>
      </c>
      <c r="G93202" s="16">
        <v>0.17481539327844298</v>
      </c>
    </row>
    <row r="93203" spans="1:7" x14ac:dyDescent="0.3">
      <c r="A93203" s="13" t="s">
        <v>464</v>
      </c>
      <c r="B93203" s="14" t="s">
        <v>1</v>
      </c>
      <c r="C93203" s="14" t="s">
        <v>38</v>
      </c>
      <c r="D93203" s="14" t="s">
        <v>465</v>
      </c>
      <c r="E93203" s="15">
        <v>45504</v>
      </c>
      <c r="F93203" s="14" t="s">
        <v>15</v>
      </c>
      <c r="G93203" s="16">
        <v>0.17058010247227515</v>
      </c>
    </row>
    <row r="93204" spans="1:7" x14ac:dyDescent="0.3">
      <c r="A93204" s="13" t="s">
        <v>464</v>
      </c>
      <c r="B93204" s="14" t="s">
        <v>1</v>
      </c>
      <c r="C93204" s="14" t="s">
        <v>38</v>
      </c>
      <c r="D93204" s="14" t="s">
        <v>465</v>
      </c>
      <c r="E93204" s="15">
        <v>45505</v>
      </c>
      <c r="F93204" s="14" t="s">
        <v>15</v>
      </c>
      <c r="G93204" s="16">
        <v>0.16635321502745185</v>
      </c>
    </row>
    <row r="93205" spans="1:7" x14ac:dyDescent="0.3">
      <c r="A93205" s="13" t="s">
        <v>464</v>
      </c>
      <c r="B93205" s="14" t="s">
        <v>1</v>
      </c>
      <c r="C93205" s="14" t="s">
        <v>38</v>
      </c>
      <c r="D93205" s="14" t="s">
        <v>465</v>
      </c>
      <c r="E93205" s="15">
        <v>45506</v>
      </c>
      <c r="F93205" s="14" t="s">
        <v>15</v>
      </c>
      <c r="G93205" s="16">
        <v>0.16211372254061174</v>
      </c>
    </row>
    <row r="93206" spans="1:7" x14ac:dyDescent="0.3">
      <c r="A93206" s="13" t="s">
        <v>464</v>
      </c>
      <c r="B93206" s="14" t="s">
        <v>1</v>
      </c>
      <c r="C93206" s="14" t="s">
        <v>38</v>
      </c>
      <c r="D93206" s="14" t="s">
        <v>465</v>
      </c>
      <c r="E93206" s="15">
        <v>45507</v>
      </c>
      <c r="F93206" s="14" t="s">
        <v>15</v>
      </c>
      <c r="G93206" s="16">
        <v>0.16211372254061174</v>
      </c>
    </row>
    <row r="93207" spans="1:7" x14ac:dyDescent="0.3">
      <c r="A93207" s="13" t="s">
        <v>464</v>
      </c>
      <c r="B93207" s="14" t="s">
        <v>1</v>
      </c>
      <c r="C93207" s="14" t="s">
        <v>38</v>
      </c>
      <c r="D93207" s="14" t="s">
        <v>465</v>
      </c>
      <c r="E93207" s="15">
        <v>45508</v>
      </c>
      <c r="F93207" s="14" t="s">
        <v>15</v>
      </c>
      <c r="G93207" s="16">
        <v>0.16211372254061174</v>
      </c>
    </row>
    <row r="93208" spans="1:7" x14ac:dyDescent="0.3">
      <c r="A93208" s="13" t="s">
        <v>464</v>
      </c>
      <c r="B93208" s="14" t="s">
        <v>1</v>
      </c>
      <c r="C93208" s="14" t="s">
        <v>38</v>
      </c>
      <c r="D93208" s="14" t="s">
        <v>465</v>
      </c>
      <c r="E93208" s="15">
        <v>45509</v>
      </c>
      <c r="F93208" s="14" t="s">
        <v>15</v>
      </c>
      <c r="G93208" s="16">
        <v>0.16211372254061174</v>
      </c>
    </row>
    <row r="93209" spans="1:7" x14ac:dyDescent="0.3">
      <c r="A93209" s="13" t="s">
        <v>464</v>
      </c>
      <c r="B93209" s="14" t="s">
        <v>1</v>
      </c>
      <c r="C93209" s="14" t="s">
        <v>38</v>
      </c>
      <c r="D93209" s="14" t="s">
        <v>465</v>
      </c>
      <c r="E93209" s="15">
        <v>45510</v>
      </c>
      <c r="F93209" s="14" t="s">
        <v>15</v>
      </c>
      <c r="G93209" s="16">
        <v>0.15781120484368755</v>
      </c>
    </row>
    <row r="93210" spans="1:7" x14ac:dyDescent="0.3">
      <c r="A93210" s="13" t="s">
        <v>464</v>
      </c>
      <c r="B93210" s="14" t="s">
        <v>1</v>
      </c>
      <c r="C93210" s="14" t="s">
        <v>38</v>
      </c>
      <c r="D93210" s="14" t="s">
        <v>465</v>
      </c>
      <c r="E93210" s="15">
        <v>45511</v>
      </c>
      <c r="F93210" s="14" t="s">
        <v>15</v>
      </c>
      <c r="G93210" s="16">
        <v>0.15107591403751972</v>
      </c>
    </row>
    <row r="93211" spans="1:7" x14ac:dyDescent="0.3">
      <c r="A93211" s="13" t="s">
        <v>464</v>
      </c>
      <c r="B93211" s="14" t="s">
        <v>1</v>
      </c>
      <c r="C93211" s="14" t="s">
        <v>38</v>
      </c>
      <c r="D93211" s="14" t="s">
        <v>465</v>
      </c>
      <c r="E93211" s="15">
        <v>45512</v>
      </c>
      <c r="F93211" s="14" t="s">
        <v>15</v>
      </c>
      <c r="G93211" s="16">
        <v>0.14709272407168797</v>
      </c>
    </row>
    <row r="93212" spans="1:7" x14ac:dyDescent="0.3">
      <c r="A93212" s="13" t="s">
        <v>464</v>
      </c>
      <c r="B93212" s="14" t="s">
        <v>1</v>
      </c>
      <c r="C93212" s="14" t="s">
        <v>38</v>
      </c>
      <c r="D93212" s="14" t="s">
        <v>465</v>
      </c>
      <c r="E93212" s="15">
        <v>45513</v>
      </c>
      <c r="F93212" s="14" t="s">
        <v>15</v>
      </c>
      <c r="G93212" s="16">
        <v>0.14709272407168797</v>
      </c>
    </row>
    <row r="93213" spans="1:7" x14ac:dyDescent="0.3">
      <c r="A93213" s="13" t="s">
        <v>464</v>
      </c>
      <c r="B93213" s="14" t="s">
        <v>1</v>
      </c>
      <c r="C93213" s="14" t="s">
        <v>38</v>
      </c>
      <c r="D93213" s="14" t="s">
        <v>465</v>
      </c>
      <c r="E93213" s="15">
        <v>45514</v>
      </c>
      <c r="F93213" s="14" t="s">
        <v>15</v>
      </c>
      <c r="G93213" s="16">
        <v>0.14709272407168797</v>
      </c>
    </row>
    <row r="93214" spans="1:7" x14ac:dyDescent="0.3">
      <c r="A93214" s="13" t="s">
        <v>464</v>
      </c>
      <c r="B93214" s="14" t="s">
        <v>1</v>
      </c>
      <c r="C93214" s="14" t="s">
        <v>38</v>
      </c>
      <c r="D93214" s="14" t="s">
        <v>465</v>
      </c>
      <c r="E93214" s="15">
        <v>45515</v>
      </c>
      <c r="F93214" s="14" t="s">
        <v>15</v>
      </c>
      <c r="G93214" s="16">
        <v>0.14709272407168797</v>
      </c>
    </row>
    <row r="93215" spans="1:7" x14ac:dyDescent="0.3">
      <c r="A93215" s="13" t="s">
        <v>464</v>
      </c>
      <c r="B93215" s="14" t="s">
        <v>1</v>
      </c>
      <c r="C93215" s="14" t="s">
        <v>38</v>
      </c>
      <c r="D93215" s="14" t="s">
        <v>465</v>
      </c>
      <c r="E93215" s="15">
        <v>45516</v>
      </c>
      <c r="F93215" s="14" t="s">
        <v>15</v>
      </c>
      <c r="G93215" s="16">
        <v>0.14299608872770497</v>
      </c>
    </row>
    <row r="93216" spans="1:7" x14ac:dyDescent="0.3">
      <c r="A93216" s="13" t="s">
        <v>464</v>
      </c>
      <c r="B93216" s="14" t="s">
        <v>1</v>
      </c>
      <c r="C93216" s="14" t="s">
        <v>38</v>
      </c>
      <c r="D93216" s="14" t="s">
        <v>465</v>
      </c>
      <c r="E93216" s="15">
        <v>45517</v>
      </c>
      <c r="F93216" s="14" t="s">
        <v>15</v>
      </c>
      <c r="G93216" s="16">
        <v>0.23026499960220928</v>
      </c>
    </row>
    <row r="93217" spans="1:7" x14ac:dyDescent="0.3">
      <c r="A93217" s="13" t="s">
        <v>464</v>
      </c>
      <c r="B93217" s="14" t="s">
        <v>1</v>
      </c>
      <c r="C93217" s="14" t="s">
        <v>38</v>
      </c>
      <c r="D93217" s="14" t="s">
        <v>465</v>
      </c>
      <c r="E93217" s="15">
        <v>45518</v>
      </c>
      <c r="F93217" s="14" t="s">
        <v>15</v>
      </c>
      <c r="G93217" s="16">
        <v>0.28561794409015917</v>
      </c>
    </row>
    <row r="93218" spans="1:7" x14ac:dyDescent="0.3">
      <c r="A93218" s="13" t="s">
        <v>464</v>
      </c>
      <c r="B93218" s="14" t="s">
        <v>1</v>
      </c>
      <c r="C93218" s="14" t="s">
        <v>38</v>
      </c>
      <c r="D93218" s="14" t="s">
        <v>465</v>
      </c>
      <c r="E93218" s="15">
        <v>45519</v>
      </c>
      <c r="F93218" s="14" t="s">
        <v>15</v>
      </c>
      <c r="G93218" s="16">
        <v>0.28142887177138631</v>
      </c>
    </row>
    <row r="93219" spans="1:7" x14ac:dyDescent="0.3">
      <c r="A93219" s="13" t="s">
        <v>464</v>
      </c>
      <c r="B93219" s="14" t="s">
        <v>1</v>
      </c>
      <c r="C93219" s="14" t="s">
        <v>38</v>
      </c>
      <c r="D93219" s="14" t="s">
        <v>465</v>
      </c>
      <c r="E93219" s="15">
        <v>45520</v>
      </c>
      <c r="F93219" s="14" t="s">
        <v>15</v>
      </c>
      <c r="G93219" s="16">
        <v>0.40737005155345385</v>
      </c>
    </row>
    <row r="93220" spans="1:7" x14ac:dyDescent="0.3">
      <c r="A93220" s="13" t="s">
        <v>464</v>
      </c>
      <c r="B93220" s="14" t="s">
        <v>1</v>
      </c>
      <c r="C93220" s="14" t="s">
        <v>38</v>
      </c>
      <c r="D93220" s="14" t="s">
        <v>465</v>
      </c>
      <c r="E93220" s="15">
        <v>45521</v>
      </c>
      <c r="F93220" s="14" t="s">
        <v>15</v>
      </c>
      <c r="G93220" s="16">
        <v>0.40737005155345385</v>
      </c>
    </row>
    <row r="93221" spans="1:7" x14ac:dyDescent="0.3">
      <c r="A93221" s="13" t="s">
        <v>464</v>
      </c>
      <c r="B93221" s="14" t="s">
        <v>1</v>
      </c>
      <c r="C93221" s="14" t="s">
        <v>38</v>
      </c>
      <c r="D93221" s="14" t="s">
        <v>465</v>
      </c>
      <c r="E93221" s="15">
        <v>45522</v>
      </c>
      <c r="F93221" s="14" t="s">
        <v>15</v>
      </c>
      <c r="G93221" s="16">
        <v>0.40737005155345385</v>
      </c>
    </row>
    <row r="93222" spans="1:7" x14ac:dyDescent="0.3">
      <c r="A93222" s="13" t="s">
        <v>464</v>
      </c>
      <c r="B93222" s="14" t="s">
        <v>1</v>
      </c>
      <c r="C93222" s="14" t="s">
        <v>38</v>
      </c>
      <c r="D93222" s="14" t="s">
        <v>465</v>
      </c>
      <c r="E93222" s="15">
        <v>45523</v>
      </c>
      <c r="F93222" s="14" t="s">
        <v>15</v>
      </c>
      <c r="G93222" s="16">
        <v>0.40313476074728605</v>
      </c>
    </row>
    <row r="93223" spans="1:7" x14ac:dyDescent="0.3">
      <c r="A93223" s="13" t="s">
        <v>464</v>
      </c>
      <c r="B93223" s="14" t="s">
        <v>1</v>
      </c>
      <c r="C93223" s="14" t="s">
        <v>38</v>
      </c>
      <c r="D93223" s="14" t="s">
        <v>465</v>
      </c>
      <c r="E93223" s="15">
        <v>45524</v>
      </c>
      <c r="F93223" s="14" t="s">
        <v>15</v>
      </c>
      <c r="G93223" s="16">
        <v>0.39018518422683235</v>
      </c>
    </row>
    <row r="93224" spans="1:7" x14ac:dyDescent="0.3">
      <c r="A93224" s="13" t="s">
        <v>464</v>
      </c>
      <c r="B93224" s="14" t="s">
        <v>1</v>
      </c>
      <c r="C93224" s="14" t="s">
        <v>38</v>
      </c>
      <c r="D93224" s="14" t="s">
        <v>465</v>
      </c>
      <c r="E93224" s="15">
        <v>45525</v>
      </c>
      <c r="F93224" s="14" t="s">
        <v>15</v>
      </c>
      <c r="G93224" s="16">
        <v>0.38584064972318544</v>
      </c>
    </row>
    <row r="93225" spans="1:7" x14ac:dyDescent="0.3">
      <c r="A93225" s="13" t="s">
        <v>464</v>
      </c>
      <c r="B93225" s="14" t="s">
        <v>1</v>
      </c>
      <c r="C93225" s="14" t="s">
        <v>38</v>
      </c>
      <c r="D93225" s="14" t="s">
        <v>465</v>
      </c>
      <c r="E93225" s="15">
        <v>45526</v>
      </c>
      <c r="F93225" s="14" t="s">
        <v>15</v>
      </c>
      <c r="G93225" s="16">
        <v>0.3814751068161773</v>
      </c>
    </row>
    <row r="93226" spans="1:7" x14ac:dyDescent="0.3">
      <c r="A93226" s="13" t="s">
        <v>464</v>
      </c>
      <c r="B93226" s="14" t="s">
        <v>1</v>
      </c>
      <c r="C93226" s="14" t="s">
        <v>38</v>
      </c>
      <c r="D93226" s="14" t="s">
        <v>465</v>
      </c>
      <c r="E93226" s="15">
        <v>45527</v>
      </c>
      <c r="F93226" s="14" t="s">
        <v>15</v>
      </c>
      <c r="G93226" s="16">
        <v>0.37714317735454728</v>
      </c>
    </row>
    <row r="93227" spans="1:7" x14ac:dyDescent="0.3">
      <c r="A93227" s="13" t="s">
        <v>464</v>
      </c>
      <c r="B93227" s="14" t="s">
        <v>1</v>
      </c>
      <c r="C93227" s="14" t="s">
        <v>38</v>
      </c>
      <c r="D93227" s="14" t="s">
        <v>465</v>
      </c>
      <c r="E93227" s="15">
        <v>45528</v>
      </c>
      <c r="F93227" s="14" t="s">
        <v>15</v>
      </c>
      <c r="G93227" s="16">
        <v>0.37714317735454728</v>
      </c>
    </row>
    <row r="93228" spans="1:7" x14ac:dyDescent="0.3">
      <c r="A93228" s="13" t="s">
        <v>464</v>
      </c>
      <c r="B93228" s="14" t="s">
        <v>1</v>
      </c>
      <c r="C93228" s="14" t="s">
        <v>38</v>
      </c>
      <c r="D93228" s="14" t="s">
        <v>465</v>
      </c>
      <c r="E93228" s="15">
        <v>45529</v>
      </c>
      <c r="F93228" s="14" t="s">
        <v>15</v>
      </c>
      <c r="G93228" s="16">
        <v>0.37714317735454728</v>
      </c>
    </row>
    <row r="93229" spans="1:7" x14ac:dyDescent="0.3">
      <c r="A93229" s="13" t="s">
        <v>464</v>
      </c>
      <c r="B93229" s="14" t="s">
        <v>1</v>
      </c>
      <c r="C93229" s="14" t="s">
        <v>38</v>
      </c>
      <c r="D93229" s="14" t="s">
        <v>465</v>
      </c>
      <c r="E93229" s="15">
        <v>45530</v>
      </c>
      <c r="F93229" s="14" t="s">
        <v>15</v>
      </c>
      <c r="G93229" s="16">
        <v>0.3727944411702282</v>
      </c>
    </row>
    <row r="93230" spans="1:7" x14ac:dyDescent="0.3">
      <c r="A93230" s="13" t="s">
        <v>464</v>
      </c>
      <c r="B93230" s="14" t="s">
        <v>1</v>
      </c>
      <c r="C93230" s="14" t="s">
        <v>38</v>
      </c>
      <c r="D93230" s="14" t="s">
        <v>465</v>
      </c>
      <c r="E93230" s="15">
        <v>45531</v>
      </c>
      <c r="F93230" s="14" t="s">
        <v>15</v>
      </c>
      <c r="G93230" s="16">
        <v>0.40057595708674931</v>
      </c>
    </row>
    <row r="93231" spans="1:7" x14ac:dyDescent="0.3">
      <c r="A93231" s="13" t="s">
        <v>464</v>
      </c>
      <c r="B93231" s="14" t="s">
        <v>1</v>
      </c>
      <c r="C93231" s="14" t="s">
        <v>38</v>
      </c>
      <c r="D93231" s="14" t="s">
        <v>465</v>
      </c>
      <c r="E93231" s="15">
        <v>45532</v>
      </c>
      <c r="F93231" s="14" t="s">
        <v>15</v>
      </c>
      <c r="G93231" s="16">
        <v>0.39625243098646384</v>
      </c>
    </row>
    <row r="93232" spans="1:7" x14ac:dyDescent="0.3">
      <c r="A93232" s="13" t="s">
        <v>464</v>
      </c>
      <c r="B93232" s="14" t="s">
        <v>1</v>
      </c>
      <c r="C93232" s="14" t="s">
        <v>38</v>
      </c>
      <c r="D93232" s="14" t="s">
        <v>465</v>
      </c>
      <c r="E93232" s="15">
        <v>45533</v>
      </c>
      <c r="F93232" s="14" t="s">
        <v>15</v>
      </c>
      <c r="G93232" s="16">
        <v>0.39190789648281693</v>
      </c>
    </row>
    <row r="93233" spans="1:7" x14ac:dyDescent="0.3">
      <c r="A93233" s="13" t="s">
        <v>464</v>
      </c>
      <c r="B93233" s="14" t="s">
        <v>1</v>
      </c>
      <c r="C93233" s="14" t="s">
        <v>38</v>
      </c>
      <c r="D93233" s="14" t="s">
        <v>465</v>
      </c>
      <c r="E93233" s="15">
        <v>45534</v>
      </c>
      <c r="F93233" s="14" t="s">
        <v>15</v>
      </c>
      <c r="G93233" s="16">
        <v>0.38756336197916996</v>
      </c>
    </row>
    <row r="93234" spans="1:7" x14ac:dyDescent="0.3">
      <c r="A93234" s="13" t="s">
        <v>464</v>
      </c>
      <c r="B93234" s="14" t="s">
        <v>1</v>
      </c>
      <c r="C93234" s="14" t="s">
        <v>38</v>
      </c>
      <c r="D93234" s="14" t="s">
        <v>465</v>
      </c>
      <c r="E93234" s="15">
        <v>45535</v>
      </c>
      <c r="F93234" s="14" t="s">
        <v>15</v>
      </c>
      <c r="G93234" s="16">
        <v>0.38756336197916996</v>
      </c>
    </row>
    <row r="93235" spans="1:7" x14ac:dyDescent="0.3">
      <c r="A93235" s="13" t="s">
        <v>464</v>
      </c>
      <c r="B93235" s="14" t="s">
        <v>1</v>
      </c>
      <c r="C93235" s="14" t="s">
        <v>38</v>
      </c>
      <c r="D93235" s="14" t="s">
        <v>465</v>
      </c>
      <c r="E93235" s="15">
        <v>45536</v>
      </c>
      <c r="F93235" s="14" t="s">
        <v>15</v>
      </c>
      <c r="G93235" s="16">
        <v>0.38756336197916996</v>
      </c>
    </row>
    <row r="93236" spans="1:7" x14ac:dyDescent="0.3">
      <c r="A93236" s="13" t="s">
        <v>464</v>
      </c>
      <c r="B93236" s="14" t="s">
        <v>1</v>
      </c>
      <c r="C93236" s="14" t="s">
        <v>38</v>
      </c>
      <c r="D93236" s="14" t="s">
        <v>465</v>
      </c>
      <c r="E93236" s="15">
        <v>45537</v>
      </c>
      <c r="F93236" s="14" t="s">
        <v>15</v>
      </c>
      <c r="G93236" s="16">
        <v>0.38321882747552305</v>
      </c>
    </row>
    <row r="93237" spans="1:7" x14ac:dyDescent="0.3">
      <c r="A93237" s="13" t="s">
        <v>464</v>
      </c>
      <c r="B93237" s="14" t="s">
        <v>1</v>
      </c>
      <c r="C93237" s="14" t="s">
        <v>38</v>
      </c>
      <c r="D93237" s="14" t="s">
        <v>465</v>
      </c>
      <c r="E93237" s="15">
        <v>45538</v>
      </c>
      <c r="F93237" s="14" t="s">
        <v>15</v>
      </c>
      <c r="G93237" s="16">
        <v>0.37014320053490146</v>
      </c>
    </row>
    <row r="93238" spans="1:7" x14ac:dyDescent="0.3">
      <c r="A93238" s="13" t="s">
        <v>464</v>
      </c>
      <c r="B93238" s="14" t="s">
        <v>1</v>
      </c>
      <c r="C93238" s="14" t="s">
        <v>38</v>
      </c>
      <c r="D93238" s="14" t="s">
        <v>465</v>
      </c>
      <c r="E93238" s="15">
        <v>45539</v>
      </c>
      <c r="F93238" s="14" t="s">
        <v>15</v>
      </c>
      <c r="G93238" s="16">
        <v>0.36578185930856549</v>
      </c>
    </row>
    <row r="93239" spans="1:7" x14ac:dyDescent="0.3">
      <c r="A93239" s="13" t="s">
        <v>464</v>
      </c>
      <c r="B93239" s="14" t="s">
        <v>1</v>
      </c>
      <c r="C93239" s="14" t="s">
        <v>38</v>
      </c>
      <c r="D93239" s="14" t="s">
        <v>465</v>
      </c>
      <c r="E93239" s="15">
        <v>45540</v>
      </c>
      <c r="F93239" s="14" t="s">
        <v>15</v>
      </c>
      <c r="G93239" s="16">
        <v>0.36144992984693547</v>
      </c>
    </row>
    <row r="93240" spans="1:7" x14ac:dyDescent="0.3">
      <c r="A93240" s="13" t="s">
        <v>464</v>
      </c>
      <c r="B93240" s="14" t="s">
        <v>1</v>
      </c>
      <c r="C93240" s="14" t="s">
        <v>38</v>
      </c>
      <c r="D93240" s="14" t="s">
        <v>465</v>
      </c>
      <c r="E93240" s="15">
        <v>45541</v>
      </c>
      <c r="F93240" s="14" t="s">
        <v>15</v>
      </c>
      <c r="G93240" s="16">
        <v>0.37342052139370868</v>
      </c>
    </row>
    <row r="93241" spans="1:7" x14ac:dyDescent="0.3">
      <c r="A93241" s="13" t="s">
        <v>464</v>
      </c>
      <c r="B93241" s="14" t="s">
        <v>1</v>
      </c>
      <c r="C93241" s="14" t="s">
        <v>38</v>
      </c>
      <c r="D93241" s="14" t="s">
        <v>465</v>
      </c>
      <c r="E93241" s="15">
        <v>45542</v>
      </c>
      <c r="F93241" s="14" t="s">
        <v>15</v>
      </c>
      <c r="G93241" s="16">
        <v>0.37342052139370868</v>
      </c>
    </row>
    <row r="93242" spans="1:7" x14ac:dyDescent="0.3">
      <c r="A93242" s="13" t="s">
        <v>464</v>
      </c>
      <c r="B93242" s="14" t="s">
        <v>1</v>
      </c>
      <c r="C93242" s="14" t="s">
        <v>38</v>
      </c>
      <c r="D93242" s="14" t="s">
        <v>465</v>
      </c>
      <c r="E93242" s="15">
        <v>45543</v>
      </c>
      <c r="F93242" s="14" t="s">
        <v>15</v>
      </c>
      <c r="G93242" s="16">
        <v>0.37342052139370868</v>
      </c>
    </row>
    <row r="93243" spans="1:7" x14ac:dyDescent="0.3">
      <c r="A93243" s="13" t="s">
        <v>464</v>
      </c>
      <c r="B93243" s="14" t="s">
        <v>1</v>
      </c>
      <c r="C93243" s="14" t="s">
        <v>38</v>
      </c>
      <c r="D93243" s="14" t="s">
        <v>465</v>
      </c>
      <c r="E93243" s="15">
        <v>45544</v>
      </c>
      <c r="F93243" s="14" t="s">
        <v>15</v>
      </c>
      <c r="G93243" s="16">
        <v>0.38068943226821311</v>
      </c>
    </row>
    <row r="93244" spans="1:7" x14ac:dyDescent="0.3">
      <c r="A93244" s="13" t="s">
        <v>464</v>
      </c>
      <c r="B93244" s="14" t="s">
        <v>1</v>
      </c>
      <c r="C93244" s="14" t="s">
        <v>38</v>
      </c>
      <c r="D93244" s="14" t="s">
        <v>465</v>
      </c>
      <c r="E93244" s="15">
        <v>45545</v>
      </c>
      <c r="F93244" s="14" t="s">
        <v>15</v>
      </c>
      <c r="G93244" s="16">
        <v>0.43127346919313764</v>
      </c>
    </row>
    <row r="93245" spans="1:7" x14ac:dyDescent="0.3">
      <c r="A93245" s="13" t="s">
        <v>464</v>
      </c>
      <c r="B93245" s="14" t="s">
        <v>1</v>
      </c>
      <c r="C93245" s="14" t="s">
        <v>38</v>
      </c>
      <c r="D93245" s="14" t="s">
        <v>465</v>
      </c>
      <c r="E93245" s="15">
        <v>45546</v>
      </c>
      <c r="F93245" s="14" t="s">
        <v>15</v>
      </c>
      <c r="G93245" s="16">
        <v>0.42706759015167556</v>
      </c>
    </row>
    <row r="93246" spans="1:7" x14ac:dyDescent="0.3">
      <c r="A93246" s="13" t="s">
        <v>464</v>
      </c>
      <c r="B93246" s="14" t="s">
        <v>1</v>
      </c>
      <c r="C93246" s="14" t="s">
        <v>38</v>
      </c>
      <c r="D93246" s="14" t="s">
        <v>465</v>
      </c>
      <c r="E93246" s="15">
        <v>45547</v>
      </c>
      <c r="F93246" s="14" t="s">
        <v>15</v>
      </c>
      <c r="G93246" s="16">
        <v>0.48381969430349098</v>
      </c>
    </row>
    <row r="93247" spans="1:7" x14ac:dyDescent="0.3">
      <c r="A93247" s="13" t="s">
        <v>464</v>
      </c>
      <c r="B93247" s="14" t="s">
        <v>1</v>
      </c>
      <c r="C93247" s="14" t="s">
        <v>38</v>
      </c>
      <c r="D93247" s="14" t="s">
        <v>465</v>
      </c>
      <c r="E93247" s="15">
        <v>45548</v>
      </c>
      <c r="F93247" s="14" t="s">
        <v>15</v>
      </c>
      <c r="G93247" s="16">
        <v>0.54668524383345751</v>
      </c>
    </row>
    <row r="93248" spans="1:7" x14ac:dyDescent="0.3">
      <c r="A93248" s="13" t="s">
        <v>464</v>
      </c>
      <c r="B93248" s="14" t="s">
        <v>1</v>
      </c>
      <c r="C93248" s="14" t="s">
        <v>38</v>
      </c>
      <c r="D93248" s="14" t="s">
        <v>465</v>
      </c>
      <c r="E93248" s="15">
        <v>45549</v>
      </c>
      <c r="F93248" s="14" t="s">
        <v>15</v>
      </c>
      <c r="G93248" s="16">
        <v>0.54668524383345751</v>
      </c>
    </row>
    <row r="93249" spans="1:7" x14ac:dyDescent="0.3">
      <c r="A93249" s="13" t="s">
        <v>464</v>
      </c>
      <c r="B93249" s="14" t="s">
        <v>1</v>
      </c>
      <c r="C93249" s="14" t="s">
        <v>38</v>
      </c>
      <c r="D93249" s="14" t="s">
        <v>465</v>
      </c>
      <c r="E93249" s="15">
        <v>45550</v>
      </c>
      <c r="F93249" s="14" t="s">
        <v>15</v>
      </c>
      <c r="G93249" s="16">
        <v>0.54668524383345751</v>
      </c>
    </row>
    <row r="93250" spans="1:7" x14ac:dyDescent="0.3">
      <c r="A93250" s="13" t="s">
        <v>464</v>
      </c>
      <c r="B93250" s="14" t="s">
        <v>1</v>
      </c>
      <c r="C93250" s="14" t="s">
        <v>38</v>
      </c>
      <c r="D93250" s="14" t="s">
        <v>465</v>
      </c>
      <c r="E93250" s="15">
        <v>45551</v>
      </c>
      <c r="F93250" s="14" t="s">
        <v>15</v>
      </c>
      <c r="G93250" s="16">
        <v>0.56233230596846606</v>
      </c>
    </row>
    <row r="93251" spans="1:7" x14ac:dyDescent="0.3">
      <c r="A93251" s="13" t="s">
        <v>464</v>
      </c>
      <c r="B93251" s="14" t="s">
        <v>1</v>
      </c>
      <c r="C93251" s="14" t="s">
        <v>38</v>
      </c>
      <c r="D93251" s="14" t="s">
        <v>465</v>
      </c>
      <c r="E93251" s="15">
        <v>45552</v>
      </c>
      <c r="F93251" s="14" t="s">
        <v>15</v>
      </c>
      <c r="G93251" s="16">
        <v>0.54951718322952503</v>
      </c>
    </row>
    <row r="93252" spans="1:7" x14ac:dyDescent="0.3">
      <c r="A93252" s="13" t="s">
        <v>464</v>
      </c>
      <c r="B93252" s="14" t="s">
        <v>1</v>
      </c>
      <c r="C93252" s="14" t="s">
        <v>38</v>
      </c>
      <c r="D93252" s="14" t="s">
        <v>465</v>
      </c>
      <c r="E93252" s="15">
        <v>45553</v>
      </c>
      <c r="F93252" s="14" t="s">
        <v>15</v>
      </c>
      <c r="G93252" s="16">
        <v>0.54523147225529001</v>
      </c>
    </row>
    <row r="93253" spans="1:7" x14ac:dyDescent="0.3">
      <c r="A93253" s="13" t="s">
        <v>464</v>
      </c>
      <c r="B93253" s="14" t="s">
        <v>1</v>
      </c>
      <c r="C93253" s="14" t="s">
        <v>38</v>
      </c>
      <c r="D93253" s="14" t="s">
        <v>465</v>
      </c>
      <c r="E93253" s="15">
        <v>45554</v>
      </c>
      <c r="F93253" s="14" t="s">
        <v>15</v>
      </c>
      <c r="G93253" s="16">
        <v>0.54092895455836598</v>
      </c>
    </row>
    <row r="93254" spans="1:7" x14ac:dyDescent="0.3">
      <c r="A93254" s="13" t="s">
        <v>464</v>
      </c>
      <c r="B93254" s="14" t="s">
        <v>1</v>
      </c>
      <c r="C93254" s="14" t="s">
        <v>38</v>
      </c>
      <c r="D93254" s="14" t="s">
        <v>465</v>
      </c>
      <c r="E93254" s="15">
        <v>45555</v>
      </c>
      <c r="F93254" s="14" t="s">
        <v>15</v>
      </c>
      <c r="G93254" s="16">
        <v>0.53665584862614757</v>
      </c>
    </row>
    <row r="93255" spans="1:7" x14ac:dyDescent="0.3">
      <c r="A93255" s="13" t="s">
        <v>464</v>
      </c>
      <c r="B93255" s="14" t="s">
        <v>1</v>
      </c>
      <c r="C93255" s="14" t="s">
        <v>38</v>
      </c>
      <c r="D93255" s="14" t="s">
        <v>465</v>
      </c>
      <c r="E93255" s="15">
        <v>45556</v>
      </c>
      <c r="F93255" s="14" t="s">
        <v>15</v>
      </c>
      <c r="G93255" s="16">
        <v>0.53665584862614757</v>
      </c>
    </row>
    <row r="93256" spans="1:7" x14ac:dyDescent="0.3">
      <c r="A93256" s="13" t="s">
        <v>464</v>
      </c>
      <c r="B93256" s="14" t="s">
        <v>1</v>
      </c>
      <c r="C93256" s="14" t="s">
        <v>38</v>
      </c>
      <c r="D93256" s="14" t="s">
        <v>465</v>
      </c>
      <c r="E93256" s="15">
        <v>45557</v>
      </c>
      <c r="F93256" s="14" t="s">
        <v>15</v>
      </c>
      <c r="G93256" s="16">
        <v>0.53665584862614757</v>
      </c>
    </row>
    <row r="93257" spans="1:7" x14ac:dyDescent="0.3">
      <c r="A93257" s="13" t="s">
        <v>464</v>
      </c>
      <c r="B93257" s="14" t="s">
        <v>1</v>
      </c>
      <c r="C93257" s="14" t="s">
        <v>38</v>
      </c>
      <c r="D93257" s="14" t="s">
        <v>465</v>
      </c>
      <c r="E93257" s="15">
        <v>45558</v>
      </c>
      <c r="F93257" s="14" t="s">
        <v>15</v>
      </c>
      <c r="G93257" s="16">
        <v>0.53231131412250066</v>
      </c>
    </row>
    <row r="93258" spans="1:7" x14ac:dyDescent="0.3">
      <c r="A93258" s="13" t="s">
        <v>464</v>
      </c>
      <c r="B93258" s="14" t="s">
        <v>1</v>
      </c>
      <c r="C93258" s="14" t="s">
        <v>38</v>
      </c>
      <c r="D93258" s="14" t="s">
        <v>465</v>
      </c>
      <c r="E93258" s="15">
        <v>45559</v>
      </c>
      <c r="F93258" s="14" t="s">
        <v>15</v>
      </c>
      <c r="G93258" s="16">
        <v>0.51920627541717312</v>
      </c>
    </row>
    <row r="93259" spans="1:7" x14ac:dyDescent="0.3">
      <c r="A93259" s="13" t="s">
        <v>464</v>
      </c>
      <c r="B93259" s="14" t="s">
        <v>1</v>
      </c>
      <c r="C93259" s="14" t="s">
        <v>38</v>
      </c>
      <c r="D93259" s="14" t="s">
        <v>465</v>
      </c>
      <c r="E93259" s="15">
        <v>45560</v>
      </c>
      <c r="F93259" s="14" t="s">
        <v>15</v>
      </c>
      <c r="G93259" s="16">
        <v>0.5148281274681481</v>
      </c>
    </row>
    <row r="93260" spans="1:7" x14ac:dyDescent="0.3">
      <c r="A93260" s="13" t="s">
        <v>464</v>
      </c>
      <c r="B93260" s="14" t="s">
        <v>1</v>
      </c>
      <c r="C93260" s="14" t="s">
        <v>38</v>
      </c>
      <c r="D93260" s="14" t="s">
        <v>465</v>
      </c>
      <c r="E93260" s="15">
        <v>45561</v>
      </c>
      <c r="F93260" s="14" t="s">
        <v>15</v>
      </c>
      <c r="G93260" s="16">
        <v>0.51039955935105585</v>
      </c>
    </row>
    <row r="93261" spans="1:7" x14ac:dyDescent="0.3">
      <c r="A93261" s="13" t="s">
        <v>464</v>
      </c>
      <c r="B93261" s="14" t="s">
        <v>1</v>
      </c>
      <c r="C93261" s="14" t="s">
        <v>38</v>
      </c>
      <c r="D93261" s="14" t="s">
        <v>465</v>
      </c>
      <c r="E93261" s="15">
        <v>45562</v>
      </c>
      <c r="F93261" s="14" t="s">
        <v>15</v>
      </c>
      <c r="G93261" s="16">
        <v>0.50596258787261916</v>
      </c>
    </row>
    <row r="93262" spans="1:7" x14ac:dyDescent="0.3">
      <c r="A93262" s="13" t="s">
        <v>464</v>
      </c>
      <c r="B93262" s="14" t="s">
        <v>1</v>
      </c>
      <c r="C93262" s="14" t="s">
        <v>38</v>
      </c>
      <c r="D93262" s="14" t="s">
        <v>465</v>
      </c>
      <c r="E93262" s="15">
        <v>45563</v>
      </c>
      <c r="F93262" s="14" t="s">
        <v>15</v>
      </c>
      <c r="G93262" s="16">
        <v>0.50596258787261916</v>
      </c>
    </row>
    <row r="93263" spans="1:7" x14ac:dyDescent="0.3">
      <c r="A93263" s="13" t="s">
        <v>464</v>
      </c>
      <c r="B93263" s="14" t="s">
        <v>1</v>
      </c>
      <c r="C93263" s="14" t="s">
        <v>38</v>
      </c>
      <c r="D93263" s="14" t="s">
        <v>465</v>
      </c>
      <c r="E93263" s="15">
        <v>45564</v>
      </c>
      <c r="F93263" s="14" t="s">
        <v>15</v>
      </c>
      <c r="G93263" s="16">
        <v>0.50596258787261916</v>
      </c>
    </row>
    <row r="93264" spans="1:7" x14ac:dyDescent="0.3">
      <c r="A93264" s="13" t="s">
        <v>464</v>
      </c>
      <c r="B93264" s="14" t="s">
        <v>1</v>
      </c>
      <c r="C93264" s="14" t="s">
        <v>38</v>
      </c>
      <c r="D93264" s="14" t="s">
        <v>465</v>
      </c>
      <c r="E93264" s="15">
        <v>45565</v>
      </c>
      <c r="F93264" s="14" t="s">
        <v>15</v>
      </c>
      <c r="G93264" s="16">
        <v>0.51995838950342599</v>
      </c>
    </row>
    <row r="93265" spans="1:7" x14ac:dyDescent="0.3">
      <c r="A93265" s="13" t="s">
        <v>464</v>
      </c>
      <c r="B93265" s="14" t="s">
        <v>1</v>
      </c>
      <c r="C93265" s="14" t="s">
        <v>38</v>
      </c>
      <c r="D93265" s="14" t="s">
        <v>465</v>
      </c>
      <c r="E93265" s="15">
        <v>45566</v>
      </c>
      <c r="F93265" s="14" t="s">
        <v>15</v>
      </c>
      <c r="G93265" s="16">
        <v>4.0962162789323236E-7</v>
      </c>
    </row>
    <row r="93266" spans="1:7" x14ac:dyDescent="0.3">
      <c r="A93266" s="13" t="s">
        <v>464</v>
      </c>
      <c r="B93266" s="14" t="s">
        <v>1</v>
      </c>
      <c r="C93266" s="14" t="s">
        <v>38</v>
      </c>
      <c r="D93266" s="14" t="s">
        <v>465</v>
      </c>
      <c r="E93266" s="15">
        <v>45567</v>
      </c>
      <c r="F93266" s="14" t="s">
        <v>15</v>
      </c>
      <c r="G93266" s="16">
        <v>0</v>
      </c>
    </row>
    <row r="93267" spans="1:7" x14ac:dyDescent="0.3">
      <c r="A93267" s="13" t="s">
        <v>464</v>
      </c>
      <c r="B93267" s="14" t="s">
        <v>1</v>
      </c>
      <c r="C93267" s="14" t="s">
        <v>38</v>
      </c>
      <c r="D93267" s="14" t="s">
        <v>465</v>
      </c>
      <c r="E93267" s="15">
        <v>45568</v>
      </c>
      <c r="F93267" s="14" t="s">
        <v>15</v>
      </c>
      <c r="G93267" s="16">
        <v>0</v>
      </c>
    </row>
    <row r="93268" spans="1:7" x14ac:dyDescent="0.3">
      <c r="A93268" s="13" t="s">
        <v>464</v>
      </c>
      <c r="B93268" s="14" t="s">
        <v>1</v>
      </c>
      <c r="C93268" s="14" t="s">
        <v>38</v>
      </c>
      <c r="D93268" s="14" t="s">
        <v>465</v>
      </c>
      <c r="E93268" s="15">
        <v>45569</v>
      </c>
      <c r="F93268" s="14" t="s">
        <v>15</v>
      </c>
      <c r="G93268" s="16">
        <v>0</v>
      </c>
    </row>
    <row r="93269" spans="1:7" x14ac:dyDescent="0.3">
      <c r="A93269" s="13" t="s">
        <v>464</v>
      </c>
      <c r="B93269" s="14" t="s">
        <v>1</v>
      </c>
      <c r="C93269" s="14" t="s">
        <v>38</v>
      </c>
      <c r="D93269" s="14" t="s">
        <v>465</v>
      </c>
      <c r="E93269" s="15">
        <v>45570</v>
      </c>
      <c r="F93269" s="14" t="s">
        <v>15</v>
      </c>
      <c r="G93269" s="16">
        <v>0</v>
      </c>
    </row>
    <row r="93270" spans="1:7" x14ac:dyDescent="0.3">
      <c r="A93270" s="13" t="s">
        <v>464</v>
      </c>
      <c r="B93270" s="14" t="s">
        <v>1</v>
      </c>
      <c r="C93270" s="14" t="s">
        <v>38</v>
      </c>
      <c r="D93270" s="14" t="s">
        <v>465</v>
      </c>
      <c r="E93270" s="15">
        <v>45571</v>
      </c>
      <c r="F93270" s="14" t="s">
        <v>15</v>
      </c>
      <c r="G93270" s="16">
        <v>0</v>
      </c>
    </row>
    <row r="93271" spans="1:7" x14ac:dyDescent="0.3">
      <c r="A93271" s="13" t="s">
        <v>464</v>
      </c>
      <c r="B93271" s="14" t="s">
        <v>1</v>
      </c>
      <c r="C93271" s="14" t="s">
        <v>38</v>
      </c>
      <c r="D93271" s="14" t="s">
        <v>465</v>
      </c>
      <c r="E93271" s="15">
        <v>45572</v>
      </c>
      <c r="F93271" s="14" t="s">
        <v>15</v>
      </c>
      <c r="G93271" s="16">
        <v>0</v>
      </c>
    </row>
    <row r="93272" spans="1:7" x14ac:dyDescent="0.3">
      <c r="A93272" s="13" t="s">
        <v>464</v>
      </c>
      <c r="B93272" s="14" t="s">
        <v>1</v>
      </c>
      <c r="C93272" s="14" t="s">
        <v>38</v>
      </c>
      <c r="D93272" s="14" t="s">
        <v>465</v>
      </c>
      <c r="E93272" s="15">
        <v>45573</v>
      </c>
      <c r="F93272" s="14" t="s">
        <v>15</v>
      </c>
      <c r="G93272" s="16">
        <v>0</v>
      </c>
    </row>
    <row r="93273" spans="1:7" x14ac:dyDescent="0.3">
      <c r="A93273" s="13" t="s">
        <v>464</v>
      </c>
      <c r="B93273" s="14" t="s">
        <v>1</v>
      </c>
      <c r="C93273" s="14" t="s">
        <v>38</v>
      </c>
      <c r="D93273" s="14" t="s">
        <v>465</v>
      </c>
      <c r="E93273" s="15">
        <v>45574</v>
      </c>
      <c r="F93273" s="14" t="s">
        <v>15</v>
      </c>
      <c r="G93273" s="16">
        <v>1.6563454700587094E-2</v>
      </c>
    </row>
    <row r="93274" spans="1:7" x14ac:dyDescent="0.3">
      <c r="A93274" s="13" t="s">
        <v>464</v>
      </c>
      <c r="B93274" s="14" t="s">
        <v>1</v>
      </c>
      <c r="C93274" s="14" t="s">
        <v>38</v>
      </c>
      <c r="D93274" s="14" t="s">
        <v>465</v>
      </c>
      <c r="E93274" s="15">
        <v>45575</v>
      </c>
      <c r="F93274" s="14" t="s">
        <v>15</v>
      </c>
      <c r="G93274" s="16">
        <v>1.2168500028872991E-2</v>
      </c>
    </row>
    <row r="93275" spans="1:7" x14ac:dyDescent="0.3">
      <c r="A93275" s="13" t="s">
        <v>464</v>
      </c>
      <c r="B93275" s="14" t="s">
        <v>1</v>
      </c>
      <c r="C93275" s="14" t="s">
        <v>38</v>
      </c>
      <c r="D93275" s="14" t="s">
        <v>465</v>
      </c>
      <c r="E93275" s="15">
        <v>45576</v>
      </c>
      <c r="F93275" s="14" t="s">
        <v>15</v>
      </c>
      <c r="G93275" s="16">
        <v>7.7693436764867179E-3</v>
      </c>
    </row>
    <row r="93276" spans="1:7" x14ac:dyDescent="0.3">
      <c r="A93276" s="13" t="s">
        <v>464</v>
      </c>
      <c r="B93276" s="14" t="s">
        <v>1</v>
      </c>
      <c r="C93276" s="14" t="s">
        <v>38</v>
      </c>
      <c r="D93276" s="14" t="s">
        <v>465</v>
      </c>
      <c r="E93276" s="15">
        <v>45577</v>
      </c>
      <c r="F93276" s="14" t="s">
        <v>15</v>
      </c>
      <c r="G93276" s="16">
        <v>7.7693436764867179E-3</v>
      </c>
    </row>
    <row r="93277" spans="1:7" x14ac:dyDescent="0.3">
      <c r="A93277" s="13" t="s">
        <v>464</v>
      </c>
      <c r="B93277" s="14" t="s">
        <v>1</v>
      </c>
      <c r="C93277" s="14" t="s">
        <v>38</v>
      </c>
      <c r="D93277" s="14" t="s">
        <v>465</v>
      </c>
      <c r="E93277" s="15">
        <v>45578</v>
      </c>
      <c r="F93277" s="14" t="s">
        <v>15</v>
      </c>
      <c r="G93277" s="16">
        <v>7.7693436764867179E-3</v>
      </c>
    </row>
    <row r="93278" spans="1:7" x14ac:dyDescent="0.3">
      <c r="A93278" s="13" t="s">
        <v>464</v>
      </c>
      <c r="B93278" s="14" t="s">
        <v>1</v>
      </c>
      <c r="C93278" s="14" t="s">
        <v>38</v>
      </c>
      <c r="D93278" s="14" t="s">
        <v>465</v>
      </c>
      <c r="E93278" s="15">
        <v>45579</v>
      </c>
      <c r="F93278" s="14" t="s">
        <v>15</v>
      </c>
      <c r="G93278" s="16">
        <v>3.3491789207390245E-3</v>
      </c>
    </row>
    <row r="93279" spans="1:7" x14ac:dyDescent="0.3">
      <c r="A93279" s="13" t="s">
        <v>464</v>
      </c>
      <c r="B93279" s="14" t="s">
        <v>1</v>
      </c>
      <c r="C93279" s="14" t="s">
        <v>38</v>
      </c>
      <c r="D93279" s="14" t="s">
        <v>465</v>
      </c>
      <c r="E93279" s="15">
        <v>45580</v>
      </c>
      <c r="F93279" s="14" t="s">
        <v>15</v>
      </c>
      <c r="G93279" s="16">
        <v>0</v>
      </c>
    </row>
    <row r="93280" spans="1:7" x14ac:dyDescent="0.3">
      <c r="A93280" s="13" t="s">
        <v>464</v>
      </c>
      <c r="B93280" s="14" t="s">
        <v>1</v>
      </c>
      <c r="C93280" s="14" t="s">
        <v>38</v>
      </c>
      <c r="D93280" s="14" t="s">
        <v>465</v>
      </c>
      <c r="E93280" s="15">
        <v>45581</v>
      </c>
      <c r="F93280" s="14" t="s">
        <v>15</v>
      </c>
      <c r="G93280" s="16">
        <v>0</v>
      </c>
    </row>
    <row r="93281" spans="1:7" x14ac:dyDescent="0.3">
      <c r="A93281" s="13" t="s">
        <v>464</v>
      </c>
      <c r="B93281" s="14" t="s">
        <v>1</v>
      </c>
      <c r="C93281" s="14" t="s">
        <v>38</v>
      </c>
      <c r="D93281" s="14" t="s">
        <v>465</v>
      </c>
      <c r="E93281" s="15">
        <v>45582</v>
      </c>
      <c r="F93281" s="14" t="s">
        <v>15</v>
      </c>
      <c r="G93281" s="16">
        <v>0</v>
      </c>
    </row>
    <row r="93282" spans="1:7" x14ac:dyDescent="0.3">
      <c r="A93282" s="13" t="s">
        <v>464</v>
      </c>
      <c r="B93282" s="14" t="s">
        <v>1</v>
      </c>
      <c r="C93282" s="14" t="s">
        <v>38</v>
      </c>
      <c r="D93282" s="14" t="s">
        <v>465</v>
      </c>
      <c r="E93282" s="15">
        <v>45583</v>
      </c>
      <c r="F93282" s="14" t="s">
        <v>15</v>
      </c>
      <c r="G93282" s="16">
        <v>0</v>
      </c>
    </row>
    <row r="93283" spans="1:7" x14ac:dyDescent="0.3">
      <c r="A93283" s="13" t="s">
        <v>464</v>
      </c>
      <c r="B93283" s="14" t="s">
        <v>1</v>
      </c>
      <c r="C93283" s="14" t="s">
        <v>38</v>
      </c>
      <c r="D93283" s="14" t="s">
        <v>465</v>
      </c>
      <c r="E93283" s="15">
        <v>45584</v>
      </c>
      <c r="F93283" s="14" t="s">
        <v>15</v>
      </c>
      <c r="G93283" s="16">
        <v>0</v>
      </c>
    </row>
    <row r="93284" spans="1:7" x14ac:dyDescent="0.3">
      <c r="A93284" s="13" t="s">
        <v>464</v>
      </c>
      <c r="B93284" s="14" t="s">
        <v>1</v>
      </c>
      <c r="C93284" s="14" t="s">
        <v>38</v>
      </c>
      <c r="D93284" s="14" t="s">
        <v>465</v>
      </c>
      <c r="E93284" s="15">
        <v>45585</v>
      </c>
      <c r="F93284" s="14" t="s">
        <v>15</v>
      </c>
      <c r="G93284" s="16">
        <v>0</v>
      </c>
    </row>
    <row r="93285" spans="1:7" x14ac:dyDescent="0.3">
      <c r="A93285" s="13" t="s">
        <v>464</v>
      </c>
      <c r="B93285" s="14" t="s">
        <v>1</v>
      </c>
      <c r="C93285" s="14" t="s">
        <v>38</v>
      </c>
      <c r="D93285" s="14" t="s">
        <v>465</v>
      </c>
      <c r="E93285" s="15">
        <v>45586</v>
      </c>
      <c r="F93285" s="14" t="s">
        <v>15</v>
      </c>
      <c r="G93285" s="16">
        <v>0</v>
      </c>
    </row>
    <row r="93286" spans="1:7" x14ac:dyDescent="0.3">
      <c r="A93286" s="13" t="s">
        <v>464</v>
      </c>
      <c r="B93286" s="14" t="s">
        <v>1</v>
      </c>
      <c r="C93286" s="14" t="s">
        <v>38</v>
      </c>
      <c r="D93286" s="14" t="s">
        <v>465</v>
      </c>
      <c r="E93286" s="15">
        <v>45587</v>
      </c>
      <c r="F93286" s="14" t="s">
        <v>15</v>
      </c>
      <c r="G93286" s="16">
        <v>0</v>
      </c>
    </row>
    <row r="93287" spans="1:7" x14ac:dyDescent="0.3">
      <c r="A93287" s="13" t="s">
        <v>464</v>
      </c>
      <c r="B93287" s="14" t="s">
        <v>1</v>
      </c>
      <c r="C93287" s="14" t="s">
        <v>38</v>
      </c>
      <c r="D93287" s="14" t="s">
        <v>465</v>
      </c>
      <c r="E93287" s="15">
        <v>45588</v>
      </c>
      <c r="F93287" s="14" t="s">
        <v>15</v>
      </c>
      <c r="G93287" s="16">
        <v>0</v>
      </c>
    </row>
    <row r="93288" spans="1:7" x14ac:dyDescent="0.3">
      <c r="A93288" s="13" t="s">
        <v>464</v>
      </c>
      <c r="B93288" s="14" t="s">
        <v>1</v>
      </c>
      <c r="C93288" s="14" t="s">
        <v>38</v>
      </c>
      <c r="D93288" s="14" t="s">
        <v>465</v>
      </c>
      <c r="E93288" s="15">
        <v>45589</v>
      </c>
      <c r="F93288" s="14" t="s">
        <v>15</v>
      </c>
      <c r="G93288" s="16">
        <v>0</v>
      </c>
    </row>
    <row r="93289" spans="1:7" x14ac:dyDescent="0.3">
      <c r="A93289" s="13" t="s">
        <v>464</v>
      </c>
      <c r="B93289" s="14" t="s">
        <v>1</v>
      </c>
      <c r="C93289" s="14" t="s">
        <v>38</v>
      </c>
      <c r="D93289" s="14" t="s">
        <v>465</v>
      </c>
      <c r="E93289" s="15">
        <v>45590</v>
      </c>
      <c r="F93289" s="14" t="s">
        <v>15</v>
      </c>
      <c r="G93289" s="16">
        <v>0</v>
      </c>
    </row>
    <row r="93290" spans="1:7" x14ac:dyDescent="0.3">
      <c r="A93290" s="13" t="s">
        <v>464</v>
      </c>
      <c r="B93290" s="14" t="s">
        <v>1</v>
      </c>
      <c r="C93290" s="14" t="s">
        <v>38</v>
      </c>
      <c r="D93290" s="14" t="s">
        <v>465</v>
      </c>
      <c r="E93290" s="15">
        <v>45591</v>
      </c>
      <c r="F93290" s="14" t="s">
        <v>15</v>
      </c>
      <c r="G93290" s="16">
        <v>0</v>
      </c>
    </row>
    <row r="93291" spans="1:7" x14ac:dyDescent="0.3">
      <c r="A93291" s="13" t="s">
        <v>464</v>
      </c>
      <c r="B93291" s="14" t="s">
        <v>1</v>
      </c>
      <c r="C93291" s="14" t="s">
        <v>38</v>
      </c>
      <c r="D93291" s="14" t="s">
        <v>465</v>
      </c>
      <c r="E93291" s="15">
        <v>45592</v>
      </c>
      <c r="F93291" s="14" t="s">
        <v>15</v>
      </c>
      <c r="G93291" s="16">
        <v>0</v>
      </c>
    </row>
    <row r="93292" spans="1:7" x14ac:dyDescent="0.3">
      <c r="A93292" s="13" t="s">
        <v>464</v>
      </c>
      <c r="B93292" s="14" t="s">
        <v>1</v>
      </c>
      <c r="C93292" s="14" t="s">
        <v>38</v>
      </c>
      <c r="D93292" s="14" t="s">
        <v>465</v>
      </c>
      <c r="E93292" s="15">
        <v>45593</v>
      </c>
      <c r="F93292" s="14" t="s">
        <v>15</v>
      </c>
      <c r="G93292" s="16">
        <v>0</v>
      </c>
    </row>
    <row r="93293" spans="1:7" x14ac:dyDescent="0.3">
      <c r="A93293" s="13" t="s">
        <v>464</v>
      </c>
      <c r="B93293" s="14" t="s">
        <v>1</v>
      </c>
      <c r="C93293" s="14" t="s">
        <v>38</v>
      </c>
      <c r="D93293" s="14" t="s">
        <v>465</v>
      </c>
      <c r="E93293" s="15">
        <v>45594</v>
      </c>
      <c r="F93293" s="14" t="s">
        <v>15</v>
      </c>
      <c r="G93293" s="16">
        <v>0</v>
      </c>
    </row>
    <row r="93294" spans="1:7" x14ac:dyDescent="0.3">
      <c r="A93294" s="13" t="s">
        <v>464</v>
      </c>
      <c r="B93294" s="14" t="s">
        <v>1</v>
      </c>
      <c r="C93294" s="14" t="s">
        <v>38</v>
      </c>
      <c r="D93294" s="14" t="s">
        <v>465</v>
      </c>
      <c r="E93294" s="15">
        <v>45595</v>
      </c>
      <c r="F93294" s="14" t="s">
        <v>15</v>
      </c>
      <c r="G93294" s="16">
        <v>0</v>
      </c>
    </row>
    <row r="93295" spans="1:7" x14ac:dyDescent="0.3">
      <c r="A93295" s="13" t="s">
        <v>464</v>
      </c>
      <c r="B93295" s="14" t="s">
        <v>1</v>
      </c>
      <c r="C93295" s="14" t="s">
        <v>38</v>
      </c>
      <c r="D93295" s="14" t="s">
        <v>465</v>
      </c>
      <c r="E93295" s="15">
        <v>45596</v>
      </c>
      <c r="F93295" s="14" t="s">
        <v>15</v>
      </c>
      <c r="G93295" s="16">
        <v>0</v>
      </c>
    </row>
    <row r="93296" spans="1:7" x14ac:dyDescent="0.3">
      <c r="A93296" s="13" t="s">
        <v>464</v>
      </c>
      <c r="B93296" s="14" t="s">
        <v>1</v>
      </c>
      <c r="C93296" s="14" t="s">
        <v>38</v>
      </c>
      <c r="D93296" s="14" t="s">
        <v>465</v>
      </c>
      <c r="E93296" s="15">
        <v>45597</v>
      </c>
      <c r="F93296" s="14" t="s">
        <v>15</v>
      </c>
      <c r="G93296" s="16">
        <v>0</v>
      </c>
    </row>
    <row r="93297" spans="1:7" x14ac:dyDescent="0.3">
      <c r="A93297" s="13" t="s">
        <v>464</v>
      </c>
      <c r="B93297" s="14" t="s">
        <v>1</v>
      </c>
      <c r="C93297" s="14" t="s">
        <v>38</v>
      </c>
      <c r="D93297" s="14" t="s">
        <v>465</v>
      </c>
      <c r="E93297" s="15">
        <v>45598</v>
      </c>
      <c r="F93297" s="14" t="s">
        <v>15</v>
      </c>
      <c r="G93297" s="16">
        <v>0</v>
      </c>
    </row>
    <row r="93298" spans="1:7" x14ac:dyDescent="0.3">
      <c r="A93298" s="13" t="s">
        <v>464</v>
      </c>
      <c r="B93298" s="14" t="s">
        <v>1</v>
      </c>
      <c r="C93298" s="14" t="s">
        <v>38</v>
      </c>
      <c r="D93298" s="14" t="s">
        <v>465</v>
      </c>
      <c r="E93298" s="15">
        <v>45599</v>
      </c>
      <c r="F93298" s="14" t="s">
        <v>15</v>
      </c>
      <c r="G93298" s="16">
        <v>0</v>
      </c>
    </row>
    <row r="93299" spans="1:7" x14ac:dyDescent="0.3">
      <c r="A93299" s="13" t="s">
        <v>464</v>
      </c>
      <c r="B93299" s="14" t="s">
        <v>1</v>
      </c>
      <c r="C93299" s="14" t="s">
        <v>38</v>
      </c>
      <c r="D93299" s="14" t="s">
        <v>465</v>
      </c>
      <c r="E93299" s="15">
        <v>45600</v>
      </c>
      <c r="F93299" s="14" t="s">
        <v>15</v>
      </c>
      <c r="G93299" s="16">
        <v>0</v>
      </c>
    </row>
    <row r="93300" spans="1:7" x14ac:dyDescent="0.3">
      <c r="A93300" s="13" t="s">
        <v>464</v>
      </c>
      <c r="B93300" s="14" t="s">
        <v>1</v>
      </c>
      <c r="C93300" s="14" t="s">
        <v>38</v>
      </c>
      <c r="D93300" s="14" t="s">
        <v>465</v>
      </c>
      <c r="E93300" s="15">
        <v>45601</v>
      </c>
      <c r="F93300" s="14" t="s">
        <v>15</v>
      </c>
      <c r="G93300" s="16">
        <v>0</v>
      </c>
    </row>
    <row r="93301" spans="1:7" x14ac:dyDescent="0.3">
      <c r="A93301" s="13" t="s">
        <v>464</v>
      </c>
      <c r="B93301" s="14" t="s">
        <v>1</v>
      </c>
      <c r="C93301" s="14" t="s">
        <v>38</v>
      </c>
      <c r="D93301" s="14" t="s">
        <v>465</v>
      </c>
      <c r="E93301" s="15">
        <v>45602</v>
      </c>
      <c r="F93301" s="14" t="s">
        <v>15</v>
      </c>
      <c r="G93301" s="16">
        <v>0</v>
      </c>
    </row>
    <row r="93302" spans="1:7" x14ac:dyDescent="0.3">
      <c r="A93302" s="13" t="s">
        <v>464</v>
      </c>
      <c r="B93302" s="14" t="s">
        <v>1</v>
      </c>
      <c r="C93302" s="14" t="s">
        <v>38</v>
      </c>
      <c r="D93302" s="14" t="s">
        <v>465</v>
      </c>
      <c r="E93302" s="15">
        <v>45603</v>
      </c>
      <c r="F93302" s="14" t="s">
        <v>15</v>
      </c>
      <c r="G93302" s="16">
        <v>0</v>
      </c>
    </row>
    <row r="93303" spans="1:7" x14ac:dyDescent="0.3">
      <c r="A93303" s="13" t="s">
        <v>464</v>
      </c>
      <c r="B93303" s="14" t="s">
        <v>1</v>
      </c>
      <c r="C93303" s="14" t="s">
        <v>38</v>
      </c>
      <c r="D93303" s="14" t="s">
        <v>465</v>
      </c>
      <c r="E93303" s="15">
        <v>45604</v>
      </c>
      <c r="F93303" s="14" t="s">
        <v>15</v>
      </c>
      <c r="G93303" s="16">
        <v>0</v>
      </c>
    </row>
    <row r="93304" spans="1:7" x14ac:dyDescent="0.3">
      <c r="A93304" s="13" t="s">
        <v>464</v>
      </c>
      <c r="B93304" s="14" t="s">
        <v>1</v>
      </c>
      <c r="C93304" s="14" t="s">
        <v>38</v>
      </c>
      <c r="D93304" s="14" t="s">
        <v>465</v>
      </c>
      <c r="E93304" s="15">
        <v>45605</v>
      </c>
      <c r="F93304" s="14" t="s">
        <v>15</v>
      </c>
      <c r="G93304" s="16">
        <v>0</v>
      </c>
    </row>
    <row r="93305" spans="1:7" x14ac:dyDescent="0.3">
      <c r="A93305" s="13" t="s">
        <v>464</v>
      </c>
      <c r="B93305" s="14" t="s">
        <v>1</v>
      </c>
      <c r="C93305" s="14" t="s">
        <v>38</v>
      </c>
      <c r="D93305" s="14" t="s">
        <v>465</v>
      </c>
      <c r="E93305" s="15">
        <v>45606</v>
      </c>
      <c r="F93305" s="14" t="s">
        <v>15</v>
      </c>
      <c r="G93305" s="16">
        <v>0</v>
      </c>
    </row>
    <row r="93306" spans="1:7" x14ac:dyDescent="0.3">
      <c r="A93306" s="13" t="s">
        <v>464</v>
      </c>
      <c r="B93306" s="14" t="s">
        <v>1</v>
      </c>
      <c r="C93306" s="14" t="s">
        <v>38</v>
      </c>
      <c r="D93306" s="14" t="s">
        <v>465</v>
      </c>
      <c r="E93306" s="15">
        <v>45607</v>
      </c>
      <c r="F93306" s="14" t="s">
        <v>15</v>
      </c>
      <c r="G93306" s="16">
        <v>0</v>
      </c>
    </row>
    <row r="93307" spans="1:7" x14ac:dyDescent="0.3">
      <c r="A93307" s="13" t="s">
        <v>464</v>
      </c>
      <c r="B93307" s="14" t="s">
        <v>1</v>
      </c>
      <c r="C93307" s="14" t="s">
        <v>38</v>
      </c>
      <c r="D93307" s="14" t="s">
        <v>465</v>
      </c>
      <c r="E93307" s="15">
        <v>45608</v>
      </c>
      <c r="F93307" s="14" t="s">
        <v>15</v>
      </c>
      <c r="G93307" s="16">
        <v>0</v>
      </c>
    </row>
    <row r="93308" spans="1:7" x14ac:dyDescent="0.3">
      <c r="A93308" s="13" t="s">
        <v>464</v>
      </c>
      <c r="B93308" s="14" t="s">
        <v>1</v>
      </c>
      <c r="C93308" s="14" t="s">
        <v>38</v>
      </c>
      <c r="D93308" s="14" t="s">
        <v>465</v>
      </c>
      <c r="E93308" s="15">
        <v>45609</v>
      </c>
      <c r="F93308" s="14" t="s">
        <v>15</v>
      </c>
      <c r="G93308" s="16">
        <v>0</v>
      </c>
    </row>
    <row r="93309" spans="1:7" x14ac:dyDescent="0.3">
      <c r="A93309" s="13" t="s">
        <v>464</v>
      </c>
      <c r="B93309" s="14" t="s">
        <v>1</v>
      </c>
      <c r="C93309" s="14" t="s">
        <v>38</v>
      </c>
      <c r="D93309" s="14" t="s">
        <v>465</v>
      </c>
      <c r="E93309" s="15">
        <v>45610</v>
      </c>
      <c r="F93309" s="14" t="s">
        <v>15</v>
      </c>
      <c r="G93309" s="16">
        <v>0</v>
      </c>
    </row>
    <row r="93310" spans="1:7" x14ac:dyDescent="0.3">
      <c r="A93310" s="13" t="s">
        <v>464</v>
      </c>
      <c r="B93310" s="14" t="s">
        <v>1</v>
      </c>
      <c r="C93310" s="14" t="s">
        <v>38</v>
      </c>
      <c r="D93310" s="14" t="s">
        <v>465</v>
      </c>
      <c r="E93310" s="15">
        <v>45611</v>
      </c>
      <c r="F93310" s="14" t="s">
        <v>15</v>
      </c>
      <c r="G93310" s="16">
        <v>0</v>
      </c>
    </row>
    <row r="93311" spans="1:7" x14ac:dyDescent="0.3">
      <c r="A93311" s="13" t="s">
        <v>464</v>
      </c>
      <c r="B93311" s="14" t="s">
        <v>1</v>
      </c>
      <c r="C93311" s="14" t="s">
        <v>38</v>
      </c>
      <c r="D93311" s="14" t="s">
        <v>465</v>
      </c>
      <c r="E93311" s="15">
        <v>45612</v>
      </c>
      <c r="F93311" s="14" t="s">
        <v>15</v>
      </c>
      <c r="G93311" s="16">
        <v>0</v>
      </c>
    </row>
    <row r="93312" spans="1:7" x14ac:dyDescent="0.3">
      <c r="A93312" s="13" t="s">
        <v>464</v>
      </c>
      <c r="B93312" s="14" t="s">
        <v>1</v>
      </c>
      <c r="C93312" s="14" t="s">
        <v>38</v>
      </c>
      <c r="D93312" s="14" t="s">
        <v>465</v>
      </c>
      <c r="E93312" s="15">
        <v>45613</v>
      </c>
      <c r="F93312" s="14" t="s">
        <v>15</v>
      </c>
      <c r="G93312" s="16">
        <v>0</v>
      </c>
    </row>
    <row r="93313" spans="1:7" x14ac:dyDescent="0.3">
      <c r="A93313" s="13" t="s">
        <v>464</v>
      </c>
      <c r="B93313" s="14" t="s">
        <v>1</v>
      </c>
      <c r="C93313" s="14" t="s">
        <v>38</v>
      </c>
      <c r="D93313" s="14" t="s">
        <v>465</v>
      </c>
      <c r="E93313" s="15">
        <v>45614</v>
      </c>
      <c r="F93313" s="14" t="s">
        <v>15</v>
      </c>
      <c r="G93313" s="16">
        <v>0</v>
      </c>
    </row>
    <row r="93314" spans="1:7" x14ac:dyDescent="0.3">
      <c r="A93314" s="13" t="s">
        <v>464</v>
      </c>
      <c r="B93314" s="14" t="s">
        <v>1</v>
      </c>
      <c r="C93314" s="14" t="s">
        <v>38</v>
      </c>
      <c r="D93314" s="14" t="s">
        <v>465</v>
      </c>
      <c r="E93314" s="15">
        <v>45615</v>
      </c>
      <c r="F93314" s="14" t="s">
        <v>15</v>
      </c>
      <c r="G93314" s="16">
        <v>0</v>
      </c>
    </row>
    <row r="93315" spans="1:7" x14ac:dyDescent="0.3">
      <c r="A93315" s="13" t="s">
        <v>464</v>
      </c>
      <c r="B93315" s="14" t="s">
        <v>1</v>
      </c>
      <c r="C93315" s="14" t="s">
        <v>38</v>
      </c>
      <c r="D93315" s="14" t="s">
        <v>465</v>
      </c>
      <c r="E93315" s="15">
        <v>45616</v>
      </c>
      <c r="F93315" s="14" t="s">
        <v>15</v>
      </c>
      <c r="G93315" s="16">
        <v>0</v>
      </c>
    </row>
    <row r="93316" spans="1:7" x14ac:dyDescent="0.3">
      <c r="A93316" s="13" t="s">
        <v>464</v>
      </c>
      <c r="B93316" s="14" t="s">
        <v>1</v>
      </c>
      <c r="C93316" s="14" t="s">
        <v>38</v>
      </c>
      <c r="D93316" s="14" t="s">
        <v>465</v>
      </c>
      <c r="E93316" s="15">
        <v>45617</v>
      </c>
      <c r="F93316" s="14" t="s">
        <v>15</v>
      </c>
      <c r="G93316" s="16">
        <v>5.3912818259203108E-3</v>
      </c>
    </row>
    <row r="93317" spans="1:7" x14ac:dyDescent="0.3">
      <c r="A93317" s="13" t="s">
        <v>464</v>
      </c>
      <c r="B93317" s="14" t="s">
        <v>1</v>
      </c>
      <c r="C93317" s="14" t="s">
        <v>38</v>
      </c>
      <c r="D93317" s="14" t="s">
        <v>465</v>
      </c>
      <c r="E93317" s="15">
        <v>45618</v>
      </c>
      <c r="F93317" s="14" t="s">
        <v>15</v>
      </c>
      <c r="G93317" s="16">
        <v>1.1055708516852912E-3</v>
      </c>
    </row>
    <row r="93318" spans="1:7" x14ac:dyDescent="0.3">
      <c r="A93318" s="13" t="s">
        <v>464</v>
      </c>
      <c r="B93318" s="14" t="s">
        <v>1</v>
      </c>
      <c r="C93318" s="14" t="s">
        <v>38</v>
      </c>
      <c r="D93318" s="14" t="s">
        <v>465</v>
      </c>
      <c r="E93318" s="15">
        <v>45619</v>
      </c>
      <c r="F93318" s="14" t="s">
        <v>15</v>
      </c>
      <c r="G93318" s="16">
        <v>1.1055708516852912E-3</v>
      </c>
    </row>
    <row r="93319" spans="1:7" x14ac:dyDescent="0.3">
      <c r="A93319" s="13" t="s">
        <v>464</v>
      </c>
      <c r="B93319" s="14" t="s">
        <v>1</v>
      </c>
      <c r="C93319" s="14" t="s">
        <v>38</v>
      </c>
      <c r="D93319" s="14" t="s">
        <v>465</v>
      </c>
      <c r="E93319" s="15">
        <v>45620</v>
      </c>
      <c r="F93319" s="14" t="s">
        <v>15</v>
      </c>
      <c r="G93319" s="16">
        <v>1.1055708516852912E-3</v>
      </c>
    </row>
    <row r="93320" spans="1:7" x14ac:dyDescent="0.3">
      <c r="A93320" s="13" t="s">
        <v>464</v>
      </c>
      <c r="B93320" s="14" t="s">
        <v>1</v>
      </c>
      <c r="C93320" s="14" t="s">
        <v>38</v>
      </c>
      <c r="D93320" s="14" t="s">
        <v>465</v>
      </c>
      <c r="E93320" s="15">
        <v>45621</v>
      </c>
      <c r="F93320" s="14" t="s">
        <v>15</v>
      </c>
      <c r="G93320" s="16">
        <v>0</v>
      </c>
    </row>
    <row r="93321" spans="1:7" x14ac:dyDescent="0.3">
      <c r="A93321" s="13" t="s">
        <v>464</v>
      </c>
      <c r="B93321" s="14" t="s">
        <v>1</v>
      </c>
      <c r="C93321" s="14" t="s">
        <v>38</v>
      </c>
      <c r="D93321" s="14" t="s">
        <v>465</v>
      </c>
      <c r="E93321" s="15">
        <v>45622</v>
      </c>
      <c r="F93321" s="14" t="s">
        <v>15</v>
      </c>
      <c r="G93321" s="16">
        <v>0</v>
      </c>
    </row>
    <row r="93322" spans="1:7" x14ac:dyDescent="0.3">
      <c r="A93322" s="13" t="s">
        <v>464</v>
      </c>
      <c r="B93322" s="14" t="s">
        <v>1</v>
      </c>
      <c r="C93322" s="14" t="s">
        <v>38</v>
      </c>
      <c r="D93322" s="14" t="s">
        <v>465</v>
      </c>
      <c r="E93322" s="15">
        <v>45623</v>
      </c>
      <c r="F93322" s="14" t="s">
        <v>15</v>
      </c>
      <c r="G93322" s="16">
        <v>0</v>
      </c>
    </row>
    <row r="93323" spans="1:7" x14ac:dyDescent="0.3">
      <c r="A93323" s="13" t="s">
        <v>464</v>
      </c>
      <c r="B93323" s="14" t="s">
        <v>1</v>
      </c>
      <c r="C93323" s="14" t="s">
        <v>38</v>
      </c>
      <c r="D93323" s="14" t="s">
        <v>465</v>
      </c>
      <c r="E93323" s="15">
        <v>45624</v>
      </c>
      <c r="F93323" s="14" t="s">
        <v>15</v>
      </c>
      <c r="G93323" s="16">
        <v>0</v>
      </c>
    </row>
    <row r="93324" spans="1:7" x14ac:dyDescent="0.3">
      <c r="A93324" s="13" t="s">
        <v>464</v>
      </c>
      <c r="B93324" s="14" t="s">
        <v>1</v>
      </c>
      <c r="C93324" s="14" t="s">
        <v>38</v>
      </c>
      <c r="D93324" s="14" t="s">
        <v>465</v>
      </c>
      <c r="E93324" s="15">
        <v>45625</v>
      </c>
      <c r="F93324" s="14" t="s">
        <v>15</v>
      </c>
      <c r="G93324" s="16">
        <v>7.8660916107619726E-3</v>
      </c>
    </row>
    <row r="93325" spans="1:7" x14ac:dyDescent="0.3">
      <c r="A93325" s="13" t="s">
        <v>464</v>
      </c>
      <c r="B93325" s="14" t="s">
        <v>1</v>
      </c>
      <c r="C93325" s="14" t="s">
        <v>38</v>
      </c>
      <c r="D93325" s="14" t="s">
        <v>465</v>
      </c>
      <c r="E93325" s="15">
        <v>45626</v>
      </c>
      <c r="F93325" s="14" t="s">
        <v>15</v>
      </c>
      <c r="G93325" s="16">
        <v>7.8660916107619726E-3</v>
      </c>
    </row>
    <row r="93326" spans="1:7" x14ac:dyDescent="0.3">
      <c r="A93326" s="13" t="s">
        <v>464</v>
      </c>
      <c r="B93326" s="14" t="s">
        <v>1</v>
      </c>
      <c r="C93326" s="14" t="s">
        <v>38</v>
      </c>
      <c r="D93326" s="14" t="s">
        <v>465</v>
      </c>
      <c r="E93326" s="15">
        <v>45627</v>
      </c>
      <c r="F93326" s="14" t="s">
        <v>15</v>
      </c>
      <c r="G93326" s="16">
        <v>7.8660916107619726E-3</v>
      </c>
    </row>
    <row r="93327" spans="1:7" x14ac:dyDescent="0.3">
      <c r="A93327" s="13" t="s">
        <v>464</v>
      </c>
      <c r="B93327" s="14" t="s">
        <v>1</v>
      </c>
      <c r="C93327" s="14" t="s">
        <v>38</v>
      </c>
      <c r="D93327" s="14" t="s">
        <v>465</v>
      </c>
      <c r="E93327" s="15">
        <v>45628</v>
      </c>
      <c r="F93327" s="14" t="s">
        <v>15</v>
      </c>
      <c r="G93327" s="16">
        <v>3.6097924012327121E-3</v>
      </c>
    </row>
    <row r="93328" spans="1:7" x14ac:dyDescent="0.3">
      <c r="A93328" s="13" t="s">
        <v>464</v>
      </c>
      <c r="B93328" s="14" t="s">
        <v>1</v>
      </c>
      <c r="C93328" s="14" t="s">
        <v>38</v>
      </c>
      <c r="D93328" s="14" t="s">
        <v>465</v>
      </c>
      <c r="E93328" s="15">
        <v>45629</v>
      </c>
      <c r="F93328" s="14" t="s">
        <v>15</v>
      </c>
      <c r="G93328" s="16">
        <v>0</v>
      </c>
    </row>
    <row r="93329" spans="1:7" x14ac:dyDescent="0.3">
      <c r="A93329" s="13" t="s">
        <v>464</v>
      </c>
      <c r="B93329" s="14" t="s">
        <v>1</v>
      </c>
      <c r="C93329" s="14" t="s">
        <v>38</v>
      </c>
      <c r="D93329" s="14" t="s">
        <v>465</v>
      </c>
      <c r="E93329" s="15">
        <v>45630</v>
      </c>
      <c r="F93329" s="14" t="s">
        <v>15</v>
      </c>
      <c r="G93329" s="16">
        <v>0</v>
      </c>
    </row>
    <row r="93330" spans="1:7" x14ac:dyDescent="0.3">
      <c r="A93330" s="13" t="s">
        <v>464</v>
      </c>
      <c r="B93330" s="14" t="s">
        <v>1</v>
      </c>
      <c r="C93330" s="14" t="s">
        <v>38</v>
      </c>
      <c r="D93330" s="14" t="s">
        <v>465</v>
      </c>
      <c r="E93330" s="15">
        <v>45631</v>
      </c>
      <c r="F93330" s="14" t="s">
        <v>15</v>
      </c>
      <c r="G93330" s="16">
        <v>0</v>
      </c>
    </row>
    <row r="93331" spans="1:7" x14ac:dyDescent="0.3">
      <c r="A93331" s="13" t="s">
        <v>464</v>
      </c>
      <c r="B93331" s="14" t="s">
        <v>1</v>
      </c>
      <c r="C93331" s="14" t="s">
        <v>38</v>
      </c>
      <c r="D93331" s="14" t="s">
        <v>465</v>
      </c>
      <c r="E93331" s="15">
        <v>45632</v>
      </c>
      <c r="F93331" s="14" t="s">
        <v>15</v>
      </c>
      <c r="G93331" s="16">
        <v>0</v>
      </c>
    </row>
    <row r="93332" spans="1:7" x14ac:dyDescent="0.3">
      <c r="A93332" s="13" t="s">
        <v>464</v>
      </c>
      <c r="B93332" s="14" t="s">
        <v>1</v>
      </c>
      <c r="C93332" s="14" t="s">
        <v>38</v>
      </c>
      <c r="D93332" s="14" t="s">
        <v>465</v>
      </c>
      <c r="E93332" s="15">
        <v>45633</v>
      </c>
      <c r="F93332" s="14" t="s">
        <v>15</v>
      </c>
      <c r="G93332" s="16">
        <v>0</v>
      </c>
    </row>
    <row r="93333" spans="1:7" x14ac:dyDescent="0.3">
      <c r="A93333" s="13" t="s">
        <v>464</v>
      </c>
      <c r="B93333" s="14" t="s">
        <v>1</v>
      </c>
      <c r="C93333" s="14" t="s">
        <v>38</v>
      </c>
      <c r="D93333" s="14" t="s">
        <v>465</v>
      </c>
      <c r="E93333" s="15">
        <v>45634</v>
      </c>
      <c r="F93333" s="14" t="s">
        <v>15</v>
      </c>
      <c r="G93333" s="16">
        <v>0</v>
      </c>
    </row>
    <row r="93334" spans="1:7" x14ac:dyDescent="0.3">
      <c r="A93334" s="13" t="s">
        <v>464</v>
      </c>
      <c r="B93334" s="14" t="s">
        <v>1</v>
      </c>
      <c r="C93334" s="14" t="s">
        <v>38</v>
      </c>
      <c r="D93334" s="14" t="s">
        <v>465</v>
      </c>
      <c r="E93334" s="15">
        <v>45635</v>
      </c>
      <c r="F93334" s="14" t="s">
        <v>15</v>
      </c>
      <c r="G93334" s="16">
        <v>0</v>
      </c>
    </row>
    <row r="93335" spans="1:7" x14ac:dyDescent="0.3">
      <c r="A93335" s="13" t="s">
        <v>464</v>
      </c>
      <c r="B93335" s="14" t="s">
        <v>1</v>
      </c>
      <c r="C93335" s="14" t="s">
        <v>38</v>
      </c>
      <c r="D93335" s="14" t="s">
        <v>465</v>
      </c>
      <c r="E93335" s="15">
        <v>45636</v>
      </c>
      <c r="F93335" s="14" t="s">
        <v>15</v>
      </c>
      <c r="G93335" s="16">
        <v>0</v>
      </c>
    </row>
    <row r="93336" spans="1:7" x14ac:dyDescent="0.3">
      <c r="A93336" s="13" t="s">
        <v>464</v>
      </c>
      <c r="B93336" s="14" t="s">
        <v>1</v>
      </c>
      <c r="C93336" s="14" t="s">
        <v>38</v>
      </c>
      <c r="D93336" s="14" t="s">
        <v>465</v>
      </c>
      <c r="E93336" s="15">
        <v>45637</v>
      </c>
      <c r="F93336" s="14" t="s">
        <v>15</v>
      </c>
      <c r="G93336" s="16">
        <v>0</v>
      </c>
    </row>
    <row r="93337" spans="1:7" x14ac:dyDescent="0.3">
      <c r="A93337" s="13" t="s">
        <v>464</v>
      </c>
      <c r="B93337" s="14" t="s">
        <v>1</v>
      </c>
      <c r="C93337" s="14" t="s">
        <v>38</v>
      </c>
      <c r="D93337" s="14" t="s">
        <v>465</v>
      </c>
      <c r="E93337" s="15">
        <v>45638</v>
      </c>
      <c r="F93337" s="14" t="s">
        <v>15</v>
      </c>
      <c r="G93337" s="16">
        <v>0</v>
      </c>
    </row>
    <row r="93338" spans="1:7" x14ac:dyDescent="0.3">
      <c r="A93338" s="13" t="s">
        <v>464</v>
      </c>
      <c r="B93338" s="14" t="s">
        <v>1</v>
      </c>
      <c r="C93338" s="14" t="s">
        <v>38</v>
      </c>
      <c r="D93338" s="14" t="s">
        <v>465</v>
      </c>
      <c r="E93338" s="15">
        <v>45639</v>
      </c>
      <c r="F93338" s="14" t="s">
        <v>15</v>
      </c>
      <c r="G93338" s="16">
        <v>0</v>
      </c>
    </row>
    <row r="93339" spans="1:7" x14ac:dyDescent="0.3">
      <c r="A93339" s="13" t="s">
        <v>464</v>
      </c>
      <c r="B93339" s="14" t="s">
        <v>1</v>
      </c>
      <c r="C93339" s="14" t="s">
        <v>38</v>
      </c>
      <c r="D93339" s="14" t="s">
        <v>465</v>
      </c>
      <c r="E93339" s="15">
        <v>45640</v>
      </c>
      <c r="F93339" s="14" t="s">
        <v>15</v>
      </c>
      <c r="G93339" s="16">
        <v>0</v>
      </c>
    </row>
    <row r="93340" spans="1:7" x14ac:dyDescent="0.3">
      <c r="A93340" s="13" t="s">
        <v>464</v>
      </c>
      <c r="B93340" s="14" t="s">
        <v>1</v>
      </c>
      <c r="C93340" s="14" t="s">
        <v>38</v>
      </c>
      <c r="D93340" s="14" t="s">
        <v>465</v>
      </c>
      <c r="E93340" s="15">
        <v>45641</v>
      </c>
      <c r="F93340" s="14" t="s">
        <v>15</v>
      </c>
      <c r="G93340" s="16">
        <v>0</v>
      </c>
    </row>
    <row r="93341" spans="1:7" x14ac:dyDescent="0.3">
      <c r="A93341" s="13" t="s">
        <v>464</v>
      </c>
      <c r="B93341" s="14" t="s">
        <v>1</v>
      </c>
      <c r="C93341" s="14" t="s">
        <v>38</v>
      </c>
      <c r="D93341" s="14" t="s">
        <v>465</v>
      </c>
      <c r="E93341" s="15">
        <v>45642</v>
      </c>
      <c r="F93341" s="14" t="s">
        <v>15</v>
      </c>
      <c r="G93341" s="16">
        <v>0</v>
      </c>
    </row>
    <row r="93342" spans="1:7" x14ac:dyDescent="0.3">
      <c r="A93342" s="13" t="s">
        <v>464</v>
      </c>
      <c r="B93342" s="14" t="s">
        <v>1</v>
      </c>
      <c r="C93342" s="14" t="s">
        <v>38</v>
      </c>
      <c r="D93342" s="14" t="s">
        <v>465</v>
      </c>
      <c r="E93342" s="15">
        <v>45643</v>
      </c>
      <c r="F93342" s="14" t="s">
        <v>15</v>
      </c>
      <c r="G93342" s="16">
        <v>0</v>
      </c>
    </row>
    <row r="93343" spans="1:7" x14ac:dyDescent="0.3">
      <c r="A93343" s="13" t="s">
        <v>464</v>
      </c>
      <c r="B93343" s="14" t="s">
        <v>1</v>
      </c>
      <c r="C93343" s="14" t="s">
        <v>38</v>
      </c>
      <c r="D93343" s="14" t="s">
        <v>465</v>
      </c>
      <c r="E93343" s="15">
        <v>45644</v>
      </c>
      <c r="F93343" s="14" t="s">
        <v>15</v>
      </c>
      <c r="G93343" s="16">
        <v>0</v>
      </c>
    </row>
    <row r="93344" spans="1:7" x14ac:dyDescent="0.3">
      <c r="A93344" s="13" t="s">
        <v>464</v>
      </c>
      <c r="B93344" s="14" t="s">
        <v>1</v>
      </c>
      <c r="C93344" s="14" t="s">
        <v>38</v>
      </c>
      <c r="D93344" s="14" t="s">
        <v>465</v>
      </c>
      <c r="E93344" s="15">
        <v>45645</v>
      </c>
      <c r="F93344" s="14" t="s">
        <v>15</v>
      </c>
      <c r="G93344" s="16">
        <v>0</v>
      </c>
    </row>
    <row r="93345" spans="1:7" x14ac:dyDescent="0.3">
      <c r="A93345" s="13" t="s">
        <v>464</v>
      </c>
      <c r="B93345" s="14" t="s">
        <v>1</v>
      </c>
      <c r="C93345" s="14" t="s">
        <v>38</v>
      </c>
      <c r="D93345" s="14" t="s">
        <v>465</v>
      </c>
      <c r="E93345" s="15">
        <v>45646</v>
      </c>
      <c r="F93345" s="14" t="s">
        <v>15</v>
      </c>
      <c r="G93345" s="16">
        <v>0</v>
      </c>
    </row>
    <row r="93346" spans="1:7" x14ac:dyDescent="0.3">
      <c r="A93346" s="13" t="s">
        <v>464</v>
      </c>
      <c r="B93346" s="14" t="s">
        <v>1</v>
      </c>
      <c r="C93346" s="14" t="s">
        <v>38</v>
      </c>
      <c r="D93346" s="14" t="s">
        <v>465</v>
      </c>
      <c r="E93346" s="15">
        <v>45647</v>
      </c>
      <c r="F93346" s="14" t="s">
        <v>15</v>
      </c>
      <c r="G93346" s="16">
        <v>0</v>
      </c>
    </row>
    <row r="93347" spans="1:7" x14ac:dyDescent="0.3">
      <c r="A93347" s="13" t="s">
        <v>464</v>
      </c>
      <c r="B93347" s="14" t="s">
        <v>1</v>
      </c>
      <c r="C93347" s="14" t="s">
        <v>38</v>
      </c>
      <c r="D93347" s="14" t="s">
        <v>465</v>
      </c>
      <c r="E93347" s="15">
        <v>45648</v>
      </c>
      <c r="F93347" s="14" t="s">
        <v>15</v>
      </c>
      <c r="G93347" s="16">
        <v>0</v>
      </c>
    </row>
    <row r="93348" spans="1:7" x14ac:dyDescent="0.3">
      <c r="A93348" s="13" t="s">
        <v>464</v>
      </c>
      <c r="B93348" s="14" t="s">
        <v>1</v>
      </c>
      <c r="C93348" s="14" t="s">
        <v>38</v>
      </c>
      <c r="D93348" s="14" t="s">
        <v>465</v>
      </c>
      <c r="E93348" s="15">
        <v>45649</v>
      </c>
      <c r="F93348" s="14" t="s">
        <v>15</v>
      </c>
      <c r="G93348" s="16">
        <v>0</v>
      </c>
    </row>
    <row r="93349" spans="1:7" x14ac:dyDescent="0.3">
      <c r="A93349" s="13" t="s">
        <v>464</v>
      </c>
      <c r="B93349" s="14" t="s">
        <v>1</v>
      </c>
      <c r="C93349" s="14" t="s">
        <v>38</v>
      </c>
      <c r="D93349" s="14" t="s">
        <v>465</v>
      </c>
      <c r="E93349" s="15">
        <v>45650</v>
      </c>
      <c r="F93349" s="14" t="s">
        <v>15</v>
      </c>
      <c r="G93349" s="16">
        <v>0</v>
      </c>
    </row>
    <row r="93350" spans="1:7" x14ac:dyDescent="0.3">
      <c r="A93350" s="13" t="s">
        <v>464</v>
      </c>
      <c r="B93350" s="14" t="s">
        <v>1</v>
      </c>
      <c r="C93350" s="14" t="s">
        <v>38</v>
      </c>
      <c r="D93350" s="14" t="s">
        <v>465</v>
      </c>
      <c r="E93350" s="15">
        <v>45651</v>
      </c>
      <c r="F93350" s="14" t="s">
        <v>15</v>
      </c>
      <c r="G93350" s="16">
        <v>0</v>
      </c>
    </row>
    <row r="93351" spans="1:7" x14ac:dyDescent="0.3">
      <c r="A93351" s="13" t="s">
        <v>464</v>
      </c>
      <c r="B93351" s="14" t="s">
        <v>1</v>
      </c>
      <c r="C93351" s="14" t="s">
        <v>38</v>
      </c>
      <c r="D93351" s="14" t="s">
        <v>465</v>
      </c>
      <c r="E93351" s="15">
        <v>45652</v>
      </c>
      <c r="F93351" s="14" t="s">
        <v>15</v>
      </c>
      <c r="G93351" s="16">
        <v>0</v>
      </c>
    </row>
    <row r="93352" spans="1:7" x14ac:dyDescent="0.3">
      <c r="A93352" s="13" t="s">
        <v>464</v>
      </c>
      <c r="B93352" s="14" t="s">
        <v>1</v>
      </c>
      <c r="C93352" s="14" t="s">
        <v>38</v>
      </c>
      <c r="D93352" s="14" t="s">
        <v>465</v>
      </c>
      <c r="E93352" s="15">
        <v>45653</v>
      </c>
      <c r="F93352" s="14" t="s">
        <v>15</v>
      </c>
      <c r="G93352" s="16">
        <v>0</v>
      </c>
    </row>
    <row r="93353" spans="1:7" x14ac:dyDescent="0.3">
      <c r="A93353" s="13" t="s">
        <v>464</v>
      </c>
      <c r="B93353" s="14" t="s">
        <v>1</v>
      </c>
      <c r="C93353" s="14" t="s">
        <v>38</v>
      </c>
      <c r="D93353" s="14" t="s">
        <v>465</v>
      </c>
      <c r="E93353" s="15">
        <v>45654</v>
      </c>
      <c r="F93353" s="14" t="s">
        <v>15</v>
      </c>
      <c r="G93353" s="16">
        <v>0</v>
      </c>
    </row>
    <row r="93354" spans="1:7" x14ac:dyDescent="0.3">
      <c r="A93354" s="13" t="s">
        <v>464</v>
      </c>
      <c r="B93354" s="14" t="s">
        <v>1</v>
      </c>
      <c r="C93354" s="14" t="s">
        <v>38</v>
      </c>
      <c r="D93354" s="14" t="s">
        <v>465</v>
      </c>
      <c r="E93354" s="15">
        <v>45655</v>
      </c>
      <c r="F93354" s="14" t="s">
        <v>15</v>
      </c>
      <c r="G93354" s="16">
        <v>0</v>
      </c>
    </row>
    <row r="93355" spans="1:7" x14ac:dyDescent="0.3">
      <c r="A93355" s="13" t="s">
        <v>464</v>
      </c>
      <c r="B93355" s="14" t="s">
        <v>1</v>
      </c>
      <c r="C93355" s="14" t="s">
        <v>38</v>
      </c>
      <c r="D93355" s="14" t="s">
        <v>465</v>
      </c>
      <c r="E93355" s="15">
        <v>45656</v>
      </c>
      <c r="F93355" s="14" t="s">
        <v>15</v>
      </c>
      <c r="G93355" s="16">
        <v>0</v>
      </c>
    </row>
    <row r="93356" spans="1:7" x14ac:dyDescent="0.3">
      <c r="A93356" s="13" t="s">
        <v>464</v>
      </c>
      <c r="B93356" s="14" t="s">
        <v>1</v>
      </c>
      <c r="C93356" s="14" t="s">
        <v>38</v>
      </c>
      <c r="D93356" s="14" t="s">
        <v>465</v>
      </c>
      <c r="E93356" s="15">
        <v>45657</v>
      </c>
      <c r="F93356" s="14" t="s">
        <v>15</v>
      </c>
      <c r="G93356" s="16">
        <v>0</v>
      </c>
    </row>
    <row r="93357" spans="1:7" x14ac:dyDescent="0.3">
      <c r="A93357" s="13" t="s">
        <v>464</v>
      </c>
      <c r="B93357" s="14" t="s">
        <v>1</v>
      </c>
      <c r="C93357" s="14" t="s">
        <v>38</v>
      </c>
      <c r="D93357" s="14" t="s">
        <v>465</v>
      </c>
      <c r="E93357" s="15">
        <v>45658</v>
      </c>
      <c r="F93357" s="14" t="s">
        <v>15</v>
      </c>
      <c r="G93357" s="16">
        <v>0</v>
      </c>
    </row>
    <row r="93358" spans="1:7" x14ac:dyDescent="0.3">
      <c r="A93358" s="13" t="s">
        <v>464</v>
      </c>
      <c r="B93358" s="14" t="s">
        <v>1</v>
      </c>
      <c r="C93358" s="14" t="s">
        <v>38</v>
      </c>
      <c r="D93358" s="14" t="s">
        <v>465</v>
      </c>
      <c r="E93358" s="15">
        <v>45659</v>
      </c>
      <c r="F93358" s="14" t="s">
        <v>15</v>
      </c>
      <c r="G93358" s="16">
        <v>0</v>
      </c>
    </row>
    <row r="93359" spans="1:7" x14ac:dyDescent="0.3">
      <c r="A93359" s="13" t="s">
        <v>464</v>
      </c>
      <c r="B93359" s="14" t="s">
        <v>1</v>
      </c>
      <c r="C93359" s="14" t="s">
        <v>38</v>
      </c>
      <c r="D93359" s="14" t="s">
        <v>465</v>
      </c>
      <c r="E93359" s="15">
        <v>45660</v>
      </c>
      <c r="F93359" s="14" t="s">
        <v>15</v>
      </c>
      <c r="G93359" s="16">
        <v>0.10276952249636272</v>
      </c>
    </row>
    <row r="93360" spans="1:7" x14ac:dyDescent="0.3">
      <c r="A93360" s="13" t="s">
        <v>464</v>
      </c>
      <c r="B93360" s="14" t="s">
        <v>1</v>
      </c>
      <c r="C93360" s="14" t="s">
        <v>38</v>
      </c>
      <c r="D93360" s="14" t="s">
        <v>465</v>
      </c>
      <c r="E93360" s="15">
        <v>45661</v>
      </c>
      <c r="F93360" s="14" t="s">
        <v>15</v>
      </c>
      <c r="G93360" s="16">
        <v>0.10276952249636272</v>
      </c>
    </row>
    <row r="93361" spans="1:7" x14ac:dyDescent="0.3">
      <c r="A93361" s="13" t="s">
        <v>464</v>
      </c>
      <c r="B93361" s="14" t="s">
        <v>1</v>
      </c>
      <c r="C93361" s="14" t="s">
        <v>38</v>
      </c>
      <c r="D93361" s="14" t="s">
        <v>465</v>
      </c>
      <c r="E93361" s="15">
        <v>45662</v>
      </c>
      <c r="F93361" s="14" t="s">
        <v>15</v>
      </c>
      <c r="G93361" s="16">
        <v>0.10276952249636272</v>
      </c>
    </row>
    <row r="93362" spans="1:7" x14ac:dyDescent="0.3">
      <c r="A93362" s="13" t="s">
        <v>464</v>
      </c>
      <c r="B93362" s="14" t="s">
        <v>1</v>
      </c>
      <c r="C93362" s="14" t="s">
        <v>38</v>
      </c>
      <c r="D93362" s="14" t="s">
        <v>465</v>
      </c>
      <c r="E93362" s="15">
        <v>45663</v>
      </c>
      <c r="F93362" s="14" t="s">
        <v>15</v>
      </c>
      <c r="G93362" s="16">
        <v>9.8462803118766276E-2</v>
      </c>
    </row>
    <row r="93363" spans="1:7" x14ac:dyDescent="0.3">
      <c r="A93363" s="13" t="s">
        <v>464</v>
      </c>
      <c r="B93363" s="14" t="s">
        <v>1</v>
      </c>
      <c r="C93363" s="14" t="s">
        <v>38</v>
      </c>
      <c r="D93363" s="14" t="s">
        <v>465</v>
      </c>
      <c r="E93363" s="15">
        <v>45664</v>
      </c>
      <c r="F93363" s="14" t="s">
        <v>15</v>
      </c>
      <c r="G93363" s="16">
        <v>8.5580453489069064E-2</v>
      </c>
    </row>
    <row r="93364" spans="1:7" x14ac:dyDescent="0.3">
      <c r="A93364" s="13" t="s">
        <v>464</v>
      </c>
      <c r="B93364" s="14" t="s">
        <v>1</v>
      </c>
      <c r="C93364" s="14" t="s">
        <v>38</v>
      </c>
      <c r="D93364" s="14" t="s">
        <v>465</v>
      </c>
      <c r="E93364" s="15">
        <v>45665</v>
      </c>
      <c r="F93364" s="14" t="s">
        <v>15</v>
      </c>
      <c r="G93364" s="16">
        <v>8.1240120666094498E-2</v>
      </c>
    </row>
    <row r="93365" spans="1:7" x14ac:dyDescent="0.3">
      <c r="A93365" s="13" t="s">
        <v>464</v>
      </c>
      <c r="B93365" s="14" t="s">
        <v>1</v>
      </c>
      <c r="C93365" s="14" t="s">
        <v>38</v>
      </c>
      <c r="D93365" s="14" t="s">
        <v>465</v>
      </c>
      <c r="E93365" s="15">
        <v>45666</v>
      </c>
      <c r="F93365" s="14" t="s">
        <v>15</v>
      </c>
      <c r="G93365" s="16">
        <v>7.6882981120430877E-2</v>
      </c>
    </row>
    <row r="93366" spans="1:7" x14ac:dyDescent="0.3">
      <c r="A93366" s="13" t="s">
        <v>464</v>
      </c>
      <c r="B93366" s="14" t="s">
        <v>1</v>
      </c>
      <c r="C93366" s="14" t="s">
        <v>38</v>
      </c>
      <c r="D93366" s="14" t="s">
        <v>465</v>
      </c>
      <c r="E93366" s="15">
        <v>45667</v>
      </c>
      <c r="F93366" s="14" t="s">
        <v>15</v>
      </c>
      <c r="G93366" s="16">
        <v>8.3525841574767182E-2</v>
      </c>
    </row>
    <row r="93367" spans="1:7" x14ac:dyDescent="0.3">
      <c r="A93367" s="13" t="s">
        <v>464</v>
      </c>
      <c r="B93367" s="14" t="s">
        <v>1</v>
      </c>
      <c r="C93367" s="14" t="s">
        <v>38</v>
      </c>
      <c r="D93367" s="14" t="s">
        <v>465</v>
      </c>
      <c r="E93367" s="15">
        <v>45668</v>
      </c>
      <c r="F93367" s="14" t="s">
        <v>15</v>
      </c>
      <c r="G93367" s="16">
        <v>8.3525841574767182E-2</v>
      </c>
    </row>
    <row r="93368" spans="1:7" x14ac:dyDescent="0.3">
      <c r="A93368" s="13" t="s">
        <v>464</v>
      </c>
      <c r="B93368" s="14" t="s">
        <v>1</v>
      </c>
      <c r="C93368" s="14" t="s">
        <v>38</v>
      </c>
      <c r="D93368" s="14" t="s">
        <v>465</v>
      </c>
      <c r="E93368" s="15">
        <v>45669</v>
      </c>
      <c r="F93368" s="14" t="s">
        <v>15</v>
      </c>
      <c r="G93368" s="16">
        <v>8.3525841574767182E-2</v>
      </c>
    </row>
    <row r="93369" spans="1:7" x14ac:dyDescent="0.3">
      <c r="A93369" s="13" t="s">
        <v>464</v>
      </c>
      <c r="B93369" s="14" t="s">
        <v>1</v>
      </c>
      <c r="C93369" s="14" t="s">
        <v>38</v>
      </c>
      <c r="D93369" s="14" t="s">
        <v>465</v>
      </c>
      <c r="E93369" s="15">
        <v>45670</v>
      </c>
      <c r="F93369" s="14" t="s">
        <v>15</v>
      </c>
      <c r="G93369" s="16">
        <v>7.9206517155153852E-2</v>
      </c>
    </row>
    <row r="93370" spans="1:7" x14ac:dyDescent="0.3">
      <c r="A93370" s="13" t="s">
        <v>464</v>
      </c>
      <c r="B93370" s="14" t="s">
        <v>1</v>
      </c>
      <c r="C93370" s="14" t="s">
        <v>38</v>
      </c>
      <c r="D93370" s="14" t="s">
        <v>465</v>
      </c>
      <c r="E93370" s="15">
        <v>45671</v>
      </c>
      <c r="F93370" s="14" t="s">
        <v>15</v>
      </c>
      <c r="G93370" s="16">
        <v>6.6425007861591001E-2</v>
      </c>
    </row>
    <row r="93371" spans="1:7" x14ac:dyDescent="0.3">
      <c r="A93371" s="13" t="s">
        <v>464</v>
      </c>
      <c r="B93371" s="14" t="s">
        <v>1</v>
      </c>
      <c r="C93371" s="14" t="s">
        <v>38</v>
      </c>
      <c r="D93371" s="14" t="s">
        <v>465</v>
      </c>
      <c r="E93371" s="15">
        <v>45672</v>
      </c>
      <c r="F93371" s="14" t="s">
        <v>15</v>
      </c>
      <c r="G93371" s="16">
        <v>6.2198120416767685E-2</v>
      </c>
    </row>
    <row r="93372" spans="1:7" x14ac:dyDescent="0.3">
      <c r="A93372" s="13" t="s">
        <v>464</v>
      </c>
      <c r="B93372" s="14" t="s">
        <v>1</v>
      </c>
      <c r="C93372" s="14" t="s">
        <v>38</v>
      </c>
      <c r="D93372" s="14" t="s">
        <v>465</v>
      </c>
      <c r="E93372" s="15">
        <v>45673</v>
      </c>
      <c r="F93372" s="14" t="s">
        <v>15</v>
      </c>
      <c r="G93372" s="16">
        <v>5.7929216165221731E-2</v>
      </c>
    </row>
    <row r="93373" spans="1:7" x14ac:dyDescent="0.3">
      <c r="A93373" s="13" t="s">
        <v>464</v>
      </c>
      <c r="B93373" s="14" t="s">
        <v>1</v>
      </c>
      <c r="C93373" s="14" t="s">
        <v>38</v>
      </c>
      <c r="D93373" s="14" t="s">
        <v>465</v>
      </c>
      <c r="E93373" s="15">
        <v>45674</v>
      </c>
      <c r="F93373" s="14" t="s">
        <v>15</v>
      </c>
      <c r="G93373" s="16">
        <v>5.3660311913675769E-2</v>
      </c>
    </row>
    <row r="93374" spans="1:7" x14ac:dyDescent="0.3">
      <c r="A93374" s="13" t="s">
        <v>464</v>
      </c>
      <c r="B93374" s="14" t="s">
        <v>1</v>
      </c>
      <c r="C93374" s="14" t="s">
        <v>38</v>
      </c>
      <c r="D93374" s="14" t="s">
        <v>465</v>
      </c>
      <c r="E93374" s="15">
        <v>45675</v>
      </c>
      <c r="F93374" s="14" t="s">
        <v>15</v>
      </c>
      <c r="G93374" s="16">
        <v>5.3660311913675769E-2</v>
      </c>
    </row>
    <row r="93375" spans="1:7" x14ac:dyDescent="0.3">
      <c r="A93375" s="13" t="s">
        <v>464</v>
      </c>
      <c r="B93375" s="14" t="s">
        <v>1</v>
      </c>
      <c r="C93375" s="14" t="s">
        <v>38</v>
      </c>
      <c r="D93375" s="14" t="s">
        <v>465</v>
      </c>
      <c r="E93375" s="15">
        <v>45676</v>
      </c>
      <c r="F93375" s="14" t="s">
        <v>15</v>
      </c>
      <c r="G93375" s="16">
        <v>5.3660311913675769E-2</v>
      </c>
    </row>
    <row r="93376" spans="1:7" x14ac:dyDescent="0.3">
      <c r="A93376" s="13" t="s">
        <v>464</v>
      </c>
      <c r="B93376" s="14" t="s">
        <v>1</v>
      </c>
      <c r="C93376" s="14" t="s">
        <v>38</v>
      </c>
      <c r="D93376" s="14" t="s">
        <v>465</v>
      </c>
      <c r="E93376" s="15">
        <v>45677</v>
      </c>
      <c r="F93376" s="14" t="s">
        <v>15</v>
      </c>
      <c r="G93376" s="16">
        <v>6.2538466485659208E-2</v>
      </c>
    </row>
    <row r="93377" spans="1:7" x14ac:dyDescent="0.3">
      <c r="A93377" s="13" t="s">
        <v>464</v>
      </c>
      <c r="B93377" s="14" t="s">
        <v>1</v>
      </c>
      <c r="C93377" s="14" t="s">
        <v>38</v>
      </c>
      <c r="D93377" s="14" t="s">
        <v>465</v>
      </c>
      <c r="E93377" s="15">
        <v>45678</v>
      </c>
      <c r="F93377" s="14" t="s">
        <v>15</v>
      </c>
      <c r="G93377" s="16">
        <v>4.9559478200499794E-2</v>
      </c>
    </row>
    <row r="93378" spans="1:7" x14ac:dyDescent="0.3">
      <c r="A93378" s="13" t="s">
        <v>464</v>
      </c>
      <c r="B93378" s="14" t="s">
        <v>1</v>
      </c>
      <c r="C93378" s="14" t="s">
        <v>38</v>
      </c>
      <c r="D93378" s="14" t="s">
        <v>465</v>
      </c>
      <c r="E93378" s="15">
        <v>45679</v>
      </c>
      <c r="F93378" s="14" t="s">
        <v>15</v>
      </c>
      <c r="G93378" s="16">
        <v>4.5202338654836173E-2</v>
      </c>
    </row>
    <row r="93379" spans="1:7" x14ac:dyDescent="0.3">
      <c r="A93379" s="13" t="s">
        <v>464</v>
      </c>
      <c r="B93379" s="14" t="s">
        <v>1</v>
      </c>
      <c r="C93379" s="14" t="s">
        <v>38</v>
      </c>
      <c r="D93379" s="14" t="s">
        <v>465</v>
      </c>
      <c r="E93379" s="15">
        <v>45680</v>
      </c>
      <c r="F93379" s="14" t="s">
        <v>15</v>
      </c>
      <c r="G93379" s="16">
        <v>4.0832594067155656E-2</v>
      </c>
    </row>
    <row r="93380" spans="1:7" x14ac:dyDescent="0.3">
      <c r="A93380" s="13" t="s">
        <v>464</v>
      </c>
      <c r="B93380" s="14" t="s">
        <v>1</v>
      </c>
      <c r="C93380" s="14" t="s">
        <v>38</v>
      </c>
      <c r="D93380" s="14" t="s">
        <v>465</v>
      </c>
      <c r="E93380" s="15">
        <v>45681</v>
      </c>
      <c r="F93380" s="14" t="s">
        <v>15</v>
      </c>
      <c r="G93380" s="16">
        <v>3.6462849479475146E-2</v>
      </c>
    </row>
    <row r="93381" spans="1:7" x14ac:dyDescent="0.3">
      <c r="A93381" s="13" t="s">
        <v>464</v>
      </c>
      <c r="B93381" s="14" t="s">
        <v>1</v>
      </c>
      <c r="C93381" s="14" t="s">
        <v>38</v>
      </c>
      <c r="D93381" s="14" t="s">
        <v>465</v>
      </c>
      <c r="E93381" s="15">
        <v>45682</v>
      </c>
      <c r="F93381" s="14" t="s">
        <v>15</v>
      </c>
      <c r="G93381" s="16">
        <v>3.6462849479475146E-2</v>
      </c>
    </row>
    <row r="93382" spans="1:7" x14ac:dyDescent="0.3">
      <c r="A93382" s="13" t="s">
        <v>464</v>
      </c>
      <c r="B93382" s="14" t="s">
        <v>1</v>
      </c>
      <c r="C93382" s="14" t="s">
        <v>38</v>
      </c>
      <c r="D93382" s="14" t="s">
        <v>465</v>
      </c>
      <c r="E93382" s="15">
        <v>45683</v>
      </c>
      <c r="F93382" s="14" t="s">
        <v>15</v>
      </c>
      <c r="G93382" s="16">
        <v>3.6462849479475146E-2</v>
      </c>
    </row>
    <row r="93383" spans="1:7" x14ac:dyDescent="0.3">
      <c r="A93383" s="13" t="s">
        <v>464</v>
      </c>
      <c r="B93383" s="14" t="s">
        <v>1</v>
      </c>
      <c r="C93383" s="14" t="s">
        <v>38</v>
      </c>
      <c r="D93383" s="14" t="s">
        <v>465</v>
      </c>
      <c r="E93383" s="15">
        <v>45684</v>
      </c>
      <c r="F93383" s="14" t="s">
        <v>15</v>
      </c>
      <c r="G93383" s="16">
        <v>3.2219155311962774E-2</v>
      </c>
    </row>
    <row r="93384" spans="1:7" x14ac:dyDescent="0.3">
      <c r="A93384" s="13" t="s">
        <v>464</v>
      </c>
      <c r="B93384" s="14" t="s">
        <v>1</v>
      </c>
      <c r="C93384" s="14" t="s">
        <v>38</v>
      </c>
      <c r="D93384" s="14" t="s">
        <v>465</v>
      </c>
      <c r="E93384" s="15">
        <v>45685</v>
      </c>
      <c r="F93384" s="14" t="s">
        <v>15</v>
      </c>
      <c r="G93384" s="16">
        <v>1.9013276270500857E-2</v>
      </c>
    </row>
    <row r="93385" spans="1:7" x14ac:dyDescent="0.3">
      <c r="A93385" s="13" t="s">
        <v>464</v>
      </c>
      <c r="B93385" s="14" t="s">
        <v>1</v>
      </c>
      <c r="C93385" s="14" t="s">
        <v>38</v>
      </c>
      <c r="D93385" s="14" t="s">
        <v>465</v>
      </c>
      <c r="E93385" s="15">
        <v>45686</v>
      </c>
      <c r="F93385" s="14" t="s">
        <v>15</v>
      </c>
      <c r="G93385" s="16">
        <v>1.9013276270500857E-2</v>
      </c>
    </row>
    <row r="93386" spans="1:7" x14ac:dyDescent="0.3">
      <c r="A93386" s="13" t="s">
        <v>464</v>
      </c>
      <c r="B93386" s="14" t="s">
        <v>1</v>
      </c>
      <c r="C93386" s="14" t="s">
        <v>38</v>
      </c>
      <c r="D93386" s="14" t="s">
        <v>465</v>
      </c>
      <c r="E93386" s="15">
        <v>45687</v>
      </c>
      <c r="F93386" s="14" t="s">
        <v>15</v>
      </c>
      <c r="G93386" s="16">
        <v>1.9013276270500857E-2</v>
      </c>
    </row>
    <row r="93387" spans="1:7" x14ac:dyDescent="0.3">
      <c r="A93387" s="13" t="s">
        <v>464</v>
      </c>
      <c r="B93387" s="14" t="s">
        <v>1</v>
      </c>
      <c r="C93387" s="14" t="s">
        <v>38</v>
      </c>
      <c r="D93387" s="14" t="s">
        <v>465</v>
      </c>
      <c r="E93387" s="15">
        <v>45688</v>
      </c>
      <c r="F93387" s="14" t="s">
        <v>15</v>
      </c>
      <c r="G93387" s="16">
        <v>1.4605716556770055E-2</v>
      </c>
    </row>
    <row r="93388" spans="1:7" x14ac:dyDescent="0.3">
      <c r="A93388" s="13" t="s">
        <v>464</v>
      </c>
      <c r="B93388" s="14" t="s">
        <v>1</v>
      </c>
      <c r="C93388" s="14" t="s">
        <v>38</v>
      </c>
      <c r="D93388" s="14" t="s">
        <v>465</v>
      </c>
      <c r="E93388" s="15">
        <v>45689</v>
      </c>
      <c r="F93388" s="14" t="s">
        <v>15</v>
      </c>
      <c r="G93388" s="16">
        <v>1.4605716556770055E-2</v>
      </c>
    </row>
    <row r="93389" spans="1:7" x14ac:dyDescent="0.3">
      <c r="A93389" s="13" t="s">
        <v>464</v>
      </c>
      <c r="B93389" s="14" t="s">
        <v>1</v>
      </c>
      <c r="C93389" s="14" t="s">
        <v>38</v>
      </c>
      <c r="D93389" s="14" t="s">
        <v>465</v>
      </c>
      <c r="E93389" s="15">
        <v>45690</v>
      </c>
      <c r="F93389" s="14" t="s">
        <v>15</v>
      </c>
      <c r="G93389" s="16">
        <v>1.4605716556770055E-2</v>
      </c>
    </row>
    <row r="93390" spans="1:7" x14ac:dyDescent="0.3">
      <c r="A93390" s="13" t="s">
        <v>464</v>
      </c>
      <c r="B93390" s="14" t="s">
        <v>1</v>
      </c>
      <c r="C93390" s="14" t="s">
        <v>38</v>
      </c>
      <c r="D93390" s="14" t="s">
        <v>465</v>
      </c>
      <c r="E93390" s="15">
        <v>45691</v>
      </c>
      <c r="F93390" s="14" t="s">
        <v>15</v>
      </c>
      <c r="G93390" s="16">
        <v>1.4605716556770055E-2</v>
      </c>
    </row>
    <row r="93391" spans="1:7" x14ac:dyDescent="0.3">
      <c r="A93391" s="13" t="s">
        <v>464</v>
      </c>
      <c r="B93391" s="14" t="s">
        <v>1</v>
      </c>
      <c r="C93391" s="14" t="s">
        <v>38</v>
      </c>
      <c r="D93391" s="14" t="s">
        <v>465</v>
      </c>
      <c r="E93391" s="15">
        <v>45692</v>
      </c>
      <c r="F93391" s="14" t="s">
        <v>15</v>
      </c>
      <c r="G93391" s="16">
        <v>1.50487953211486E-3</v>
      </c>
    </row>
    <row r="93392" spans="1:7" x14ac:dyDescent="0.3">
      <c r="A93392" s="13" t="s">
        <v>464</v>
      </c>
      <c r="B93392" s="14" t="s">
        <v>1</v>
      </c>
      <c r="C93392" s="14" t="s">
        <v>38</v>
      </c>
      <c r="D93392" s="14" t="s">
        <v>465</v>
      </c>
      <c r="E93392" s="15">
        <v>45693</v>
      </c>
      <c r="F93392" s="14" t="s">
        <v>15</v>
      </c>
      <c r="G93392" s="16">
        <v>0</v>
      </c>
    </row>
    <row r="93393" spans="1:7" x14ac:dyDescent="0.3">
      <c r="A93393" s="13" t="s">
        <v>464</v>
      </c>
      <c r="B93393" s="14" t="s">
        <v>1</v>
      </c>
      <c r="C93393" s="14" t="s">
        <v>38</v>
      </c>
      <c r="D93393" s="14" t="s">
        <v>465</v>
      </c>
      <c r="E93393" s="15">
        <v>45694</v>
      </c>
      <c r="F93393" s="14" t="s">
        <v>15</v>
      </c>
      <c r="G93393" s="16">
        <v>0</v>
      </c>
    </row>
    <row r="93394" spans="1:7" x14ac:dyDescent="0.3">
      <c r="A93394" s="13" t="s">
        <v>464</v>
      </c>
      <c r="B93394" s="14" t="s">
        <v>1</v>
      </c>
      <c r="C93394" s="14" t="s">
        <v>38</v>
      </c>
      <c r="D93394" s="14" t="s">
        <v>465</v>
      </c>
      <c r="E93394" s="15">
        <v>45695</v>
      </c>
      <c r="F93394" s="14" t="s">
        <v>15</v>
      </c>
      <c r="G93394" s="16">
        <v>0</v>
      </c>
    </row>
    <row r="93395" spans="1:7" x14ac:dyDescent="0.3">
      <c r="A93395" s="13" t="s">
        <v>464</v>
      </c>
      <c r="B93395" s="14" t="s">
        <v>1</v>
      </c>
      <c r="C93395" s="14" t="s">
        <v>38</v>
      </c>
      <c r="D93395" s="14" t="s">
        <v>465</v>
      </c>
      <c r="E93395" s="15">
        <v>45696</v>
      </c>
      <c r="F93395" s="14" t="s">
        <v>15</v>
      </c>
      <c r="G93395" s="16">
        <v>0</v>
      </c>
    </row>
    <row r="93396" spans="1:7" x14ac:dyDescent="0.3">
      <c r="A93396" s="13" t="s">
        <v>464</v>
      </c>
      <c r="B93396" s="14" t="s">
        <v>1</v>
      </c>
      <c r="C93396" s="14" t="s">
        <v>38</v>
      </c>
      <c r="D93396" s="14" t="s">
        <v>465</v>
      </c>
      <c r="E93396" s="15">
        <v>45697</v>
      </c>
      <c r="F93396" s="14" t="s">
        <v>15</v>
      </c>
      <c r="G93396" s="16">
        <v>0</v>
      </c>
    </row>
    <row r="93397" spans="1:7" x14ac:dyDescent="0.3">
      <c r="A93397" s="13" t="s">
        <v>464</v>
      </c>
      <c r="B93397" s="14" t="s">
        <v>1</v>
      </c>
      <c r="C93397" s="14" t="s">
        <v>38</v>
      </c>
      <c r="D93397" s="14" t="s">
        <v>465</v>
      </c>
      <c r="E93397" s="15">
        <v>45698</v>
      </c>
      <c r="F93397" s="14" t="s">
        <v>15</v>
      </c>
      <c r="G93397" s="16">
        <v>0</v>
      </c>
    </row>
    <row r="93398" spans="1:7" x14ac:dyDescent="0.3">
      <c r="A93398" s="13" t="s">
        <v>464</v>
      </c>
      <c r="B93398" s="14" t="s">
        <v>1</v>
      </c>
      <c r="C93398" s="14" t="s">
        <v>38</v>
      </c>
      <c r="D93398" s="14" t="s">
        <v>465</v>
      </c>
      <c r="E93398" s="15">
        <v>45699</v>
      </c>
      <c r="F93398" s="14" t="s">
        <v>15</v>
      </c>
      <c r="G93398" s="16">
        <v>0</v>
      </c>
    </row>
    <row r="93399" spans="1:7" x14ac:dyDescent="0.3">
      <c r="A93399" s="13" t="s">
        <v>464</v>
      </c>
      <c r="B93399" s="14" t="s">
        <v>1</v>
      </c>
      <c r="C93399" s="14" t="s">
        <v>38</v>
      </c>
      <c r="D93399" s="14" t="s">
        <v>465</v>
      </c>
      <c r="E93399" s="15">
        <v>45700</v>
      </c>
      <c r="F93399" s="14" t="s">
        <v>15</v>
      </c>
      <c r="G93399" s="16">
        <v>0</v>
      </c>
    </row>
    <row r="93400" spans="1:7" x14ac:dyDescent="0.3">
      <c r="A93400" s="13" t="s">
        <v>464</v>
      </c>
      <c r="B93400" s="14" t="s">
        <v>1</v>
      </c>
      <c r="C93400" s="14" t="s">
        <v>38</v>
      </c>
      <c r="D93400" s="14" t="s">
        <v>465</v>
      </c>
      <c r="E93400" s="15">
        <v>45701</v>
      </c>
      <c r="F93400" s="14" t="s">
        <v>15</v>
      </c>
      <c r="G93400" s="16">
        <v>0</v>
      </c>
    </row>
    <row r="93401" spans="1:7" x14ac:dyDescent="0.3">
      <c r="A93401" s="13" t="s">
        <v>464</v>
      </c>
      <c r="B93401" s="14" t="s">
        <v>1</v>
      </c>
      <c r="C93401" s="14" t="s">
        <v>38</v>
      </c>
      <c r="D93401" s="14" t="s">
        <v>465</v>
      </c>
      <c r="E93401" s="15">
        <v>45702</v>
      </c>
      <c r="F93401" s="14" t="s">
        <v>15</v>
      </c>
      <c r="G93401" s="16">
        <v>0</v>
      </c>
    </row>
    <row r="93402" spans="1:7" x14ac:dyDescent="0.3">
      <c r="A93402" s="13" t="s">
        <v>464</v>
      </c>
      <c r="B93402" s="14" t="s">
        <v>1</v>
      </c>
      <c r="C93402" s="14" t="s">
        <v>38</v>
      </c>
      <c r="D93402" s="14" t="s">
        <v>465</v>
      </c>
      <c r="E93402" s="15">
        <v>45703</v>
      </c>
      <c r="F93402" s="14" t="s">
        <v>15</v>
      </c>
      <c r="G93402" s="16">
        <v>0</v>
      </c>
    </row>
    <row r="93403" spans="1:7" x14ac:dyDescent="0.3">
      <c r="A93403" s="13" t="s">
        <v>464</v>
      </c>
      <c r="B93403" s="14" t="s">
        <v>1</v>
      </c>
      <c r="C93403" s="14" t="s">
        <v>38</v>
      </c>
      <c r="D93403" s="14" t="s">
        <v>465</v>
      </c>
      <c r="E93403" s="15">
        <v>45704</v>
      </c>
      <c r="F93403" s="14" t="s">
        <v>15</v>
      </c>
      <c r="G93403" s="16">
        <v>0</v>
      </c>
    </row>
    <row r="93404" spans="1:7" x14ac:dyDescent="0.3">
      <c r="A93404" s="13" t="s">
        <v>464</v>
      </c>
      <c r="B93404" s="14" t="s">
        <v>1</v>
      </c>
      <c r="C93404" s="14" t="s">
        <v>38</v>
      </c>
      <c r="D93404" s="14" t="s">
        <v>465</v>
      </c>
      <c r="E93404" s="15">
        <v>45705</v>
      </c>
      <c r="F93404" s="14" t="s">
        <v>15</v>
      </c>
      <c r="G93404" s="16">
        <v>0</v>
      </c>
    </row>
    <row r="93405" spans="1:7" x14ac:dyDescent="0.3">
      <c r="A93405" s="13" t="s">
        <v>464</v>
      </c>
      <c r="B93405" s="14" t="s">
        <v>1</v>
      </c>
      <c r="C93405" s="14" t="s">
        <v>38</v>
      </c>
      <c r="D93405" s="14" t="s">
        <v>465</v>
      </c>
      <c r="E93405" s="15">
        <v>45706</v>
      </c>
      <c r="F93405" s="14" t="s">
        <v>15</v>
      </c>
      <c r="G93405" s="16">
        <v>0</v>
      </c>
    </row>
    <row r="93406" spans="1:7" x14ac:dyDescent="0.3">
      <c r="A93406" s="13" t="s">
        <v>464</v>
      </c>
      <c r="B93406" s="14" t="s">
        <v>1</v>
      </c>
      <c r="C93406" s="14" t="s">
        <v>38</v>
      </c>
      <c r="D93406" s="14" t="s">
        <v>465</v>
      </c>
      <c r="E93406" s="15">
        <v>45707</v>
      </c>
      <c r="F93406" s="14" t="s">
        <v>15</v>
      </c>
      <c r="G93406" s="16">
        <v>0</v>
      </c>
    </row>
    <row r="93407" spans="1:7" x14ac:dyDescent="0.3">
      <c r="A93407" s="13" t="s">
        <v>464</v>
      </c>
      <c r="B93407" s="14" t="s">
        <v>1</v>
      </c>
      <c r="C93407" s="14" t="s">
        <v>38</v>
      </c>
      <c r="D93407" s="14" t="s">
        <v>465</v>
      </c>
      <c r="E93407" s="15">
        <v>45708</v>
      </c>
      <c r="F93407" s="14" t="s">
        <v>15</v>
      </c>
      <c r="G93407" s="16">
        <v>0</v>
      </c>
    </row>
    <row r="93408" spans="1:7" x14ac:dyDescent="0.3">
      <c r="A93408" s="13" t="s">
        <v>464</v>
      </c>
      <c r="B93408" s="14" t="s">
        <v>1</v>
      </c>
      <c r="C93408" s="14" t="s">
        <v>38</v>
      </c>
      <c r="D93408" s="14" t="s">
        <v>465</v>
      </c>
      <c r="E93408" s="15">
        <v>45709</v>
      </c>
      <c r="F93408" s="14" t="s">
        <v>15</v>
      </c>
      <c r="G93408" s="16">
        <v>0</v>
      </c>
    </row>
    <row r="93409" spans="1:7" x14ac:dyDescent="0.3">
      <c r="A93409" s="13" t="s">
        <v>464</v>
      </c>
      <c r="B93409" s="14" t="s">
        <v>1</v>
      </c>
      <c r="C93409" s="14" t="s">
        <v>38</v>
      </c>
      <c r="D93409" s="14" t="s">
        <v>465</v>
      </c>
      <c r="E93409" s="15">
        <v>45710</v>
      </c>
      <c r="F93409" s="14" t="s">
        <v>15</v>
      </c>
      <c r="G93409" s="16">
        <v>0</v>
      </c>
    </row>
    <row r="93410" spans="1:7" x14ac:dyDescent="0.3">
      <c r="A93410" s="13" t="s">
        <v>464</v>
      </c>
      <c r="B93410" s="14" t="s">
        <v>1</v>
      </c>
      <c r="C93410" s="14" t="s">
        <v>38</v>
      </c>
      <c r="D93410" s="14" t="s">
        <v>465</v>
      </c>
      <c r="E93410" s="15">
        <v>45711</v>
      </c>
      <c r="F93410" s="14" t="s">
        <v>15</v>
      </c>
      <c r="G93410" s="16">
        <v>0</v>
      </c>
    </row>
    <row r="93411" spans="1:7" x14ac:dyDescent="0.3">
      <c r="A93411" s="13" t="s">
        <v>464</v>
      </c>
      <c r="B93411" s="14" t="s">
        <v>1</v>
      </c>
      <c r="C93411" s="14" t="s">
        <v>38</v>
      </c>
      <c r="D93411" s="14" t="s">
        <v>465</v>
      </c>
      <c r="E93411" s="15">
        <v>45712</v>
      </c>
      <c r="F93411" s="14" t="s">
        <v>15</v>
      </c>
      <c r="G93411" s="16">
        <v>0</v>
      </c>
    </row>
    <row r="93412" spans="1:7" x14ac:dyDescent="0.3">
      <c r="A93412" s="13" t="s">
        <v>464</v>
      </c>
      <c r="B93412" s="14" t="s">
        <v>1</v>
      </c>
      <c r="C93412" s="14" t="s">
        <v>38</v>
      </c>
      <c r="D93412" s="14" t="s">
        <v>465</v>
      </c>
      <c r="E93412" s="15">
        <v>45713</v>
      </c>
      <c r="F93412" s="14" t="s">
        <v>15</v>
      </c>
      <c r="G93412" s="16">
        <v>0</v>
      </c>
    </row>
    <row r="93413" spans="1:7" x14ac:dyDescent="0.3">
      <c r="A93413" s="13" t="s">
        <v>464</v>
      </c>
      <c r="B93413" s="14" t="s">
        <v>1</v>
      </c>
      <c r="C93413" s="14" t="s">
        <v>38</v>
      </c>
      <c r="D93413" s="14" t="s">
        <v>465</v>
      </c>
      <c r="E93413" s="15">
        <v>45714</v>
      </c>
      <c r="F93413" s="14" t="s">
        <v>15</v>
      </c>
      <c r="G93413" s="16">
        <v>0</v>
      </c>
    </row>
    <row r="93414" spans="1:7" x14ac:dyDescent="0.3">
      <c r="A93414" s="13" t="s">
        <v>464</v>
      </c>
      <c r="B93414" s="14" t="s">
        <v>1</v>
      </c>
      <c r="C93414" s="14" t="s">
        <v>38</v>
      </c>
      <c r="D93414" s="14" t="s">
        <v>465</v>
      </c>
      <c r="E93414" s="15">
        <v>45715</v>
      </c>
      <c r="F93414" s="14" t="s">
        <v>15</v>
      </c>
      <c r="G93414" s="16">
        <v>0</v>
      </c>
    </row>
    <row r="93415" spans="1:7" x14ac:dyDescent="0.3">
      <c r="A93415" s="13" t="s">
        <v>464</v>
      </c>
      <c r="B93415" s="14" t="s">
        <v>1</v>
      </c>
      <c r="C93415" s="14" t="s">
        <v>38</v>
      </c>
      <c r="D93415" s="14" t="s">
        <v>465</v>
      </c>
      <c r="E93415" s="15">
        <v>45716</v>
      </c>
      <c r="F93415" s="14" t="s">
        <v>15</v>
      </c>
      <c r="G93415" s="16">
        <v>0</v>
      </c>
    </row>
    <row r="93416" spans="1:7" x14ac:dyDescent="0.3">
      <c r="A93416" s="13" t="s">
        <v>464</v>
      </c>
      <c r="B93416" s="14" t="s">
        <v>1</v>
      </c>
      <c r="C93416" s="14" t="s">
        <v>38</v>
      </c>
      <c r="D93416" s="14" t="s">
        <v>465</v>
      </c>
      <c r="E93416" s="15">
        <v>45717</v>
      </c>
      <c r="F93416" s="14" t="s">
        <v>15</v>
      </c>
      <c r="G93416" s="16">
        <v>0</v>
      </c>
    </row>
    <row r="93417" spans="1:7" x14ac:dyDescent="0.3">
      <c r="A93417" s="13" t="s">
        <v>464</v>
      </c>
      <c r="B93417" s="14" t="s">
        <v>1</v>
      </c>
      <c r="C93417" s="14" t="s">
        <v>38</v>
      </c>
      <c r="D93417" s="14" t="s">
        <v>465</v>
      </c>
      <c r="E93417" s="15">
        <v>45718</v>
      </c>
      <c r="F93417" s="14" t="s">
        <v>15</v>
      </c>
      <c r="G93417" s="16">
        <v>0</v>
      </c>
    </row>
    <row r="93418" spans="1:7" x14ac:dyDescent="0.3">
      <c r="A93418" s="13" t="s">
        <v>464</v>
      </c>
      <c r="B93418" s="14" t="s">
        <v>1</v>
      </c>
      <c r="C93418" s="14" t="s">
        <v>38</v>
      </c>
      <c r="D93418" s="14" t="s">
        <v>465</v>
      </c>
      <c r="E93418" s="15">
        <v>45719</v>
      </c>
      <c r="F93418" s="14" t="s">
        <v>15</v>
      </c>
      <c r="G93418" s="16">
        <v>0</v>
      </c>
    </row>
    <row r="93419" spans="1:7" x14ac:dyDescent="0.3">
      <c r="A93419" s="13" t="s">
        <v>464</v>
      </c>
      <c r="B93419" s="14" t="s">
        <v>1</v>
      </c>
      <c r="C93419" s="14" t="s">
        <v>38</v>
      </c>
      <c r="D93419" s="14" t="s">
        <v>465</v>
      </c>
      <c r="E93419" s="15">
        <v>45720</v>
      </c>
      <c r="F93419" s="14" t="s">
        <v>15</v>
      </c>
      <c r="G93419" s="16">
        <v>0</v>
      </c>
    </row>
    <row r="93420" spans="1:7" x14ac:dyDescent="0.3">
      <c r="A93420" s="13" t="s">
        <v>464</v>
      </c>
      <c r="B93420" s="14" t="s">
        <v>1</v>
      </c>
      <c r="C93420" s="14" t="s">
        <v>38</v>
      </c>
      <c r="D93420" s="14" t="s">
        <v>465</v>
      </c>
      <c r="E93420" s="15">
        <v>45721</v>
      </c>
      <c r="F93420" s="14" t="s">
        <v>15</v>
      </c>
      <c r="G93420" s="16">
        <v>0</v>
      </c>
    </row>
    <row r="93421" spans="1:7" x14ac:dyDescent="0.3">
      <c r="A93421" s="13" t="s">
        <v>464</v>
      </c>
      <c r="B93421" s="14" t="s">
        <v>1</v>
      </c>
      <c r="C93421" s="14" t="s">
        <v>38</v>
      </c>
      <c r="D93421" s="14" t="s">
        <v>465</v>
      </c>
      <c r="E93421" s="15">
        <v>45722</v>
      </c>
      <c r="F93421" s="14" t="s">
        <v>15</v>
      </c>
      <c r="G93421" s="16">
        <v>0</v>
      </c>
    </row>
    <row r="93422" spans="1:7" x14ac:dyDescent="0.3">
      <c r="A93422" s="13" t="s">
        <v>464</v>
      </c>
      <c r="B93422" s="14" t="s">
        <v>1</v>
      </c>
      <c r="C93422" s="14" t="s">
        <v>38</v>
      </c>
      <c r="D93422" s="14" t="s">
        <v>465</v>
      </c>
      <c r="E93422" s="15">
        <v>45723</v>
      </c>
      <c r="F93422" s="14" t="s">
        <v>15</v>
      </c>
      <c r="G93422" s="16">
        <v>5.6412518721346422E-2</v>
      </c>
    </row>
    <row r="93423" spans="1:7" x14ac:dyDescent="0.3">
      <c r="A93423" s="13" t="s">
        <v>464</v>
      </c>
      <c r="B93423" s="14" t="s">
        <v>1</v>
      </c>
      <c r="C93423" s="14" t="s">
        <v>38</v>
      </c>
      <c r="D93423" s="14" t="s">
        <v>465</v>
      </c>
      <c r="E93423" s="15">
        <v>45724</v>
      </c>
      <c r="F93423" s="14" t="s">
        <v>15</v>
      </c>
      <c r="G93423" s="16">
        <v>5.6412518721346422E-2</v>
      </c>
    </row>
    <row r="93424" spans="1:7" x14ac:dyDescent="0.3">
      <c r="A93424" s="13" t="s">
        <v>464</v>
      </c>
      <c r="B93424" s="14" t="s">
        <v>1</v>
      </c>
      <c r="C93424" s="14" t="s">
        <v>38</v>
      </c>
      <c r="D93424" s="14" t="s">
        <v>465</v>
      </c>
      <c r="E93424" s="15">
        <v>45725</v>
      </c>
      <c r="F93424" s="14" t="s">
        <v>15</v>
      </c>
      <c r="G93424" s="16">
        <v>5.6412518721346422E-2</v>
      </c>
    </row>
    <row r="93425" spans="1:7" x14ac:dyDescent="0.3">
      <c r="A93425" s="13" t="s">
        <v>464</v>
      </c>
      <c r="B93425" s="14" t="s">
        <v>1</v>
      </c>
      <c r="C93425" s="14" t="s">
        <v>38</v>
      </c>
      <c r="D93425" s="14" t="s">
        <v>465</v>
      </c>
      <c r="E93425" s="15">
        <v>45726</v>
      </c>
      <c r="F93425" s="14" t="s">
        <v>15</v>
      </c>
      <c r="G93425" s="16">
        <v>5.9168824553833994E-2</v>
      </c>
    </row>
    <row r="93426" spans="1:7" x14ac:dyDescent="0.3">
      <c r="A93426" s="13" t="s">
        <v>464</v>
      </c>
      <c r="B93426" s="14" t="s">
        <v>1</v>
      </c>
      <c r="C93426" s="14" t="s">
        <v>38</v>
      </c>
      <c r="D93426" s="14" t="s">
        <v>465</v>
      </c>
      <c r="E93426" s="15">
        <v>45727</v>
      </c>
      <c r="F93426" s="14" t="s">
        <v>15</v>
      </c>
      <c r="G93426" s="16">
        <v>4.5975550554388775E-2</v>
      </c>
    </row>
    <row r="93427" spans="1:7" x14ac:dyDescent="0.3">
      <c r="A93427" s="13" t="s">
        <v>464</v>
      </c>
      <c r="B93427" s="14" t="s">
        <v>1</v>
      </c>
      <c r="C93427" s="14" t="s">
        <v>38</v>
      </c>
      <c r="D93427" s="14" t="s">
        <v>465</v>
      </c>
      <c r="E93427" s="15">
        <v>45728</v>
      </c>
      <c r="F93427" s="14" t="s">
        <v>15</v>
      </c>
      <c r="G93427" s="16">
        <v>4.1601604286036091E-2</v>
      </c>
    </row>
    <row r="93428" spans="1:7" x14ac:dyDescent="0.3">
      <c r="A93428" s="13" t="s">
        <v>464</v>
      </c>
      <c r="B93428" s="14" t="s">
        <v>1</v>
      </c>
      <c r="C93428" s="14" t="s">
        <v>38</v>
      </c>
      <c r="D93428" s="14" t="s">
        <v>465</v>
      </c>
      <c r="E93428" s="15">
        <v>45729</v>
      </c>
      <c r="F93428" s="14" t="s">
        <v>15</v>
      </c>
      <c r="G93428" s="16">
        <v>3.7261271463061532E-2</v>
      </c>
    </row>
    <row r="93429" spans="1:7" x14ac:dyDescent="0.3">
      <c r="A93429" s="13" t="s">
        <v>464</v>
      </c>
      <c r="B93429" s="14" t="s">
        <v>1</v>
      </c>
      <c r="C93429" s="14" t="s">
        <v>38</v>
      </c>
      <c r="D93429" s="14" t="s">
        <v>465</v>
      </c>
      <c r="E93429" s="15">
        <v>45730</v>
      </c>
      <c r="F93429" s="14" t="s">
        <v>15</v>
      </c>
      <c r="G93429" s="16">
        <v>8.9702451245128934E-2</v>
      </c>
    </row>
    <row r="93430" spans="1:7" x14ac:dyDescent="0.3">
      <c r="A93430" s="13" t="s">
        <v>464</v>
      </c>
      <c r="B93430" s="14" t="s">
        <v>1</v>
      </c>
      <c r="C93430" s="14" t="s">
        <v>38</v>
      </c>
      <c r="D93430" s="14" t="s">
        <v>465</v>
      </c>
      <c r="E93430" s="15">
        <v>45731</v>
      </c>
      <c r="F93430" s="14" t="s">
        <v>15</v>
      </c>
      <c r="G93430" s="16">
        <v>8.9702451245128934E-2</v>
      </c>
    </row>
    <row r="93431" spans="1:7" x14ac:dyDescent="0.3">
      <c r="A93431" s="13" t="s">
        <v>464</v>
      </c>
      <c r="B93431" s="14" t="s">
        <v>1</v>
      </c>
      <c r="C93431" s="14" t="s">
        <v>38</v>
      </c>
      <c r="D93431" s="14" t="s">
        <v>465</v>
      </c>
      <c r="E93431" s="15">
        <v>45732</v>
      </c>
      <c r="F93431" s="14" t="s">
        <v>15</v>
      </c>
      <c r="G93431" s="16">
        <v>8.9702451245128934E-2</v>
      </c>
    </row>
    <row r="93432" spans="1:7" x14ac:dyDescent="0.3">
      <c r="A93432" s="13" t="s">
        <v>464</v>
      </c>
      <c r="B93432" s="14" t="s">
        <v>1</v>
      </c>
      <c r="C93432" s="14" t="s">
        <v>38</v>
      </c>
      <c r="D93432" s="14" t="s">
        <v>465</v>
      </c>
      <c r="E93432" s="15">
        <v>45733</v>
      </c>
      <c r="F93432" s="14" t="s">
        <v>15</v>
      </c>
      <c r="G93432" s="16">
        <v>8.9702451245128934E-2</v>
      </c>
    </row>
    <row r="93433" spans="1:7" x14ac:dyDescent="0.3">
      <c r="A93433" s="13" t="s">
        <v>464</v>
      </c>
      <c r="B93433" s="14" t="s">
        <v>1</v>
      </c>
      <c r="C93433" s="14" t="s">
        <v>38</v>
      </c>
      <c r="D93433" s="14" t="s">
        <v>465</v>
      </c>
      <c r="E93433" s="15">
        <v>45734</v>
      </c>
      <c r="F93433" s="14" t="s">
        <v>15</v>
      </c>
      <c r="G93433" s="16">
        <v>8.576127808601984E-2</v>
      </c>
    </row>
    <row r="93434" spans="1:7" x14ac:dyDescent="0.3">
      <c r="A93434" s="13" t="s">
        <v>464</v>
      </c>
      <c r="B93434" s="14" t="s">
        <v>1</v>
      </c>
      <c r="C93434" s="14" t="s">
        <v>38</v>
      </c>
      <c r="D93434" s="14" t="s">
        <v>465</v>
      </c>
      <c r="E93434" s="15">
        <v>45735</v>
      </c>
      <c r="F93434" s="14" t="s">
        <v>15</v>
      </c>
      <c r="G93434" s="16">
        <v>0.21637052509497798</v>
      </c>
    </row>
    <row r="93435" spans="1:7" x14ac:dyDescent="0.3">
      <c r="A93435" s="13" t="s">
        <v>464</v>
      </c>
      <c r="B93435" s="14" t="s">
        <v>1</v>
      </c>
      <c r="C93435" s="14" t="s">
        <v>38</v>
      </c>
      <c r="D93435" s="14" t="s">
        <v>465</v>
      </c>
      <c r="E93435" s="15">
        <v>45736</v>
      </c>
      <c r="F93435" s="14" t="s">
        <v>15</v>
      </c>
      <c r="G93435" s="16">
        <v>0.21195876370057481</v>
      </c>
    </row>
    <row r="93436" spans="1:7" x14ac:dyDescent="0.3">
      <c r="A93436" s="13" t="s">
        <v>464</v>
      </c>
      <c r="B93436" s="14" t="s">
        <v>1</v>
      </c>
      <c r="C93436" s="14" t="s">
        <v>38</v>
      </c>
      <c r="D93436" s="14" t="s">
        <v>465</v>
      </c>
      <c r="E93436" s="15">
        <v>45737</v>
      </c>
      <c r="F93436" s="14" t="s">
        <v>15</v>
      </c>
      <c r="G93436" s="16">
        <v>0.20755540566751618</v>
      </c>
    </row>
    <row r="93437" spans="1:7" x14ac:dyDescent="0.3">
      <c r="A93437" s="13" t="s">
        <v>464</v>
      </c>
      <c r="B93437" s="14" t="s">
        <v>1</v>
      </c>
      <c r="C93437" s="14" t="s">
        <v>38</v>
      </c>
      <c r="D93437" s="14" t="s">
        <v>465</v>
      </c>
      <c r="E93437" s="15">
        <v>45738</v>
      </c>
      <c r="F93437" s="14" t="s">
        <v>15</v>
      </c>
      <c r="G93437" s="16">
        <v>0.20755540566751618</v>
      </c>
    </row>
    <row r="93438" spans="1:7" x14ac:dyDescent="0.3">
      <c r="A93438" s="13" t="s">
        <v>464</v>
      </c>
      <c r="B93438" s="14" t="s">
        <v>1</v>
      </c>
      <c r="C93438" s="14" t="s">
        <v>38</v>
      </c>
      <c r="D93438" s="14" t="s">
        <v>465</v>
      </c>
      <c r="E93438" s="15">
        <v>45739</v>
      </c>
      <c r="F93438" s="14" t="s">
        <v>15</v>
      </c>
      <c r="G93438" s="16">
        <v>0.20755540566751618</v>
      </c>
    </row>
    <row r="93439" spans="1:7" x14ac:dyDescent="0.3">
      <c r="A93439" s="13" t="s">
        <v>464</v>
      </c>
      <c r="B93439" s="14" t="s">
        <v>1</v>
      </c>
      <c r="C93439" s="14" t="s">
        <v>38</v>
      </c>
      <c r="D93439" s="14" t="s">
        <v>465</v>
      </c>
      <c r="E93439" s="15">
        <v>45740</v>
      </c>
      <c r="F93439" s="14" t="s">
        <v>15</v>
      </c>
      <c r="G93439" s="16">
        <v>0.20316045099580207</v>
      </c>
    </row>
    <row r="93440" spans="1:7" x14ac:dyDescent="0.3">
      <c r="A93440" s="13" t="s">
        <v>464</v>
      </c>
      <c r="B93440" s="14" t="s">
        <v>1</v>
      </c>
      <c r="C93440" s="14" t="s">
        <v>38</v>
      </c>
      <c r="D93440" s="14" t="s">
        <v>465</v>
      </c>
      <c r="E93440" s="15">
        <v>45741</v>
      </c>
      <c r="F93440" s="14" t="s">
        <v>15</v>
      </c>
      <c r="G93440" s="16">
        <v>0.19008902573585265</v>
      </c>
    </row>
    <row r="93441" spans="1:7" x14ac:dyDescent="0.3">
      <c r="A93441" s="13" t="s">
        <v>464</v>
      </c>
      <c r="B93441" s="14" t="s">
        <v>1</v>
      </c>
      <c r="C93441" s="14" t="s">
        <v>38</v>
      </c>
      <c r="D93441" s="14" t="s">
        <v>465</v>
      </c>
      <c r="E93441" s="15">
        <v>45742</v>
      </c>
      <c r="F93441" s="14" t="s">
        <v>15</v>
      </c>
      <c r="G93441" s="16">
        <v>0.28330751644228985</v>
      </c>
    </row>
    <row r="93442" spans="1:7" x14ac:dyDescent="0.3">
      <c r="A93442" s="13" t="s">
        <v>464</v>
      </c>
      <c r="B93442" s="14" t="s">
        <v>1</v>
      </c>
      <c r="C93442" s="14" t="s">
        <v>38</v>
      </c>
      <c r="D93442" s="14" t="s">
        <v>465</v>
      </c>
      <c r="E93442" s="15">
        <v>45743</v>
      </c>
      <c r="F93442" s="14" t="s">
        <v>15</v>
      </c>
      <c r="G93442" s="16">
        <v>0.27895878025797077</v>
      </c>
    </row>
    <row r="93443" spans="1:7" x14ac:dyDescent="0.3">
      <c r="A93443" s="13" t="s">
        <v>464</v>
      </c>
      <c r="B93443" s="14" t="s">
        <v>1</v>
      </c>
      <c r="C93443" s="14" t="s">
        <v>38</v>
      </c>
      <c r="D93443" s="14" t="s">
        <v>465</v>
      </c>
      <c r="E93443" s="15">
        <v>45744</v>
      </c>
      <c r="F93443" s="14" t="s">
        <v>15</v>
      </c>
      <c r="G93443" s="16">
        <v>0.27464785919970197</v>
      </c>
    </row>
    <row r="93444" spans="1:7" x14ac:dyDescent="0.3">
      <c r="A93444" s="13" t="s">
        <v>464</v>
      </c>
      <c r="B93444" s="14" t="s">
        <v>1</v>
      </c>
      <c r="C93444" s="14" t="s">
        <v>38</v>
      </c>
      <c r="D93444" s="14" t="s">
        <v>465</v>
      </c>
      <c r="E93444" s="15">
        <v>45745</v>
      </c>
      <c r="F93444" s="14" t="s">
        <v>15</v>
      </c>
      <c r="G93444" s="16">
        <v>0.27464785919970197</v>
      </c>
    </row>
    <row r="93445" spans="1:7" x14ac:dyDescent="0.3">
      <c r="A93445" s="13" t="s">
        <v>464</v>
      </c>
      <c r="B93445" s="14" t="s">
        <v>1</v>
      </c>
      <c r="C93445" s="14" t="s">
        <v>38</v>
      </c>
      <c r="D93445" s="14" t="s">
        <v>465</v>
      </c>
      <c r="E93445" s="15">
        <v>45746</v>
      </c>
      <c r="F93445" s="14" t="s">
        <v>15</v>
      </c>
      <c r="G93445" s="16">
        <v>0.27464785919970197</v>
      </c>
    </row>
    <row r="93446" spans="1:7" x14ac:dyDescent="0.3">
      <c r="A93446" s="13" t="s">
        <v>464</v>
      </c>
      <c r="B93446" s="14" t="s">
        <v>1</v>
      </c>
      <c r="C93446" s="14" t="s">
        <v>38</v>
      </c>
      <c r="D93446" s="14" t="s">
        <v>465</v>
      </c>
      <c r="E93446" s="15">
        <v>45747</v>
      </c>
      <c r="F93446" s="14" t="s">
        <v>15</v>
      </c>
      <c r="G93446" s="16">
        <v>0.27464785919970197</v>
      </c>
    </row>
    <row r="93447" spans="1:7" x14ac:dyDescent="0.3">
      <c r="A93447" s="13" t="s">
        <v>466</v>
      </c>
      <c r="B93447" s="14" t="s">
        <v>1</v>
      </c>
      <c r="C93447" s="14" t="s">
        <v>252</v>
      </c>
      <c r="D93447" s="14" t="s">
        <v>246</v>
      </c>
      <c r="E93447" s="15">
        <v>45383</v>
      </c>
      <c r="F93447" s="14" t="s">
        <v>61</v>
      </c>
      <c r="G93447" s="16">
        <v>0</v>
      </c>
    </row>
    <row r="93448" spans="1:7" x14ac:dyDescent="0.3">
      <c r="A93448" s="13" t="s">
        <v>466</v>
      </c>
      <c r="B93448" s="14" t="s">
        <v>1</v>
      </c>
      <c r="C93448" s="14" t="s">
        <v>252</v>
      </c>
      <c r="D93448" s="14" t="s">
        <v>246</v>
      </c>
      <c r="E93448" s="15">
        <v>45384</v>
      </c>
      <c r="F93448" s="14" t="s">
        <v>61</v>
      </c>
      <c r="G93448" s="16">
        <v>0</v>
      </c>
    </row>
    <row r="93449" spans="1:7" x14ac:dyDescent="0.3">
      <c r="A93449" s="13" t="s">
        <v>466</v>
      </c>
      <c r="B93449" s="14" t="s">
        <v>1</v>
      </c>
      <c r="C93449" s="14" t="s">
        <v>252</v>
      </c>
      <c r="D93449" s="14" t="s">
        <v>246</v>
      </c>
      <c r="E93449" s="15">
        <v>45385</v>
      </c>
      <c r="F93449" s="14" t="s">
        <v>61</v>
      </c>
      <c r="G93449" s="16">
        <v>0</v>
      </c>
    </row>
    <row r="93450" spans="1:7" x14ac:dyDescent="0.3">
      <c r="A93450" s="13" t="s">
        <v>466</v>
      </c>
      <c r="B93450" s="14" t="s">
        <v>1</v>
      </c>
      <c r="C93450" s="14" t="s">
        <v>252</v>
      </c>
      <c r="D93450" s="14" t="s">
        <v>246</v>
      </c>
      <c r="E93450" s="15">
        <v>45386</v>
      </c>
      <c r="F93450" s="14" t="s">
        <v>61</v>
      </c>
      <c r="G93450" s="16">
        <v>0</v>
      </c>
    </row>
    <row r="93451" spans="1:7" x14ac:dyDescent="0.3">
      <c r="A93451" s="13" t="s">
        <v>466</v>
      </c>
      <c r="B93451" s="14" t="s">
        <v>1</v>
      </c>
      <c r="C93451" s="14" t="s">
        <v>252</v>
      </c>
      <c r="D93451" s="14" t="s">
        <v>246</v>
      </c>
      <c r="E93451" s="15">
        <v>45387</v>
      </c>
      <c r="F93451" s="14" t="s">
        <v>61</v>
      </c>
      <c r="G93451" s="16">
        <v>0</v>
      </c>
    </row>
    <row r="93452" spans="1:7" x14ac:dyDescent="0.3">
      <c r="A93452" s="13" t="s">
        <v>466</v>
      </c>
      <c r="B93452" s="14" t="s">
        <v>1</v>
      </c>
      <c r="C93452" s="14" t="s">
        <v>252</v>
      </c>
      <c r="D93452" s="14" t="s">
        <v>246</v>
      </c>
      <c r="E93452" s="15">
        <v>45388</v>
      </c>
      <c r="F93452" s="14" t="s">
        <v>61</v>
      </c>
      <c r="G93452" s="16">
        <v>0</v>
      </c>
    </row>
    <row r="93453" spans="1:7" x14ac:dyDescent="0.3">
      <c r="A93453" s="13" t="s">
        <v>466</v>
      </c>
      <c r="B93453" s="14" t="s">
        <v>1</v>
      </c>
      <c r="C93453" s="14" t="s">
        <v>252</v>
      </c>
      <c r="D93453" s="14" t="s">
        <v>246</v>
      </c>
      <c r="E93453" s="15">
        <v>45389</v>
      </c>
      <c r="F93453" s="14" t="s">
        <v>61</v>
      </c>
      <c r="G93453" s="16">
        <v>0</v>
      </c>
    </row>
    <row r="93454" spans="1:7" x14ac:dyDescent="0.3">
      <c r="A93454" s="13" t="s">
        <v>466</v>
      </c>
      <c r="B93454" s="14" t="s">
        <v>1</v>
      </c>
      <c r="C93454" s="14" t="s">
        <v>252</v>
      </c>
      <c r="D93454" s="14" t="s">
        <v>246</v>
      </c>
      <c r="E93454" s="15">
        <v>45390</v>
      </c>
      <c r="F93454" s="14" t="s">
        <v>61</v>
      </c>
      <c r="G93454" s="16">
        <v>0</v>
      </c>
    </row>
    <row r="93455" spans="1:7" x14ac:dyDescent="0.3">
      <c r="A93455" s="13" t="s">
        <v>466</v>
      </c>
      <c r="B93455" s="14" t="s">
        <v>1</v>
      </c>
      <c r="C93455" s="14" t="s">
        <v>252</v>
      </c>
      <c r="D93455" s="14" t="s">
        <v>246</v>
      </c>
      <c r="E93455" s="15">
        <v>45391</v>
      </c>
      <c r="F93455" s="14" t="s">
        <v>61</v>
      </c>
      <c r="G93455" s="16">
        <v>0</v>
      </c>
    </row>
    <row r="93456" spans="1:7" x14ac:dyDescent="0.3">
      <c r="A93456" s="13" t="s">
        <v>466</v>
      </c>
      <c r="B93456" s="14" t="s">
        <v>1</v>
      </c>
      <c r="C93456" s="14" t="s">
        <v>252</v>
      </c>
      <c r="D93456" s="14" t="s">
        <v>246</v>
      </c>
      <c r="E93456" s="15">
        <v>45392</v>
      </c>
      <c r="F93456" s="14" t="s">
        <v>61</v>
      </c>
      <c r="G93456" s="16">
        <v>0</v>
      </c>
    </row>
    <row r="93457" spans="1:7" x14ac:dyDescent="0.3">
      <c r="A93457" s="13" t="s">
        <v>466</v>
      </c>
      <c r="B93457" s="14" t="s">
        <v>1</v>
      </c>
      <c r="C93457" s="14" t="s">
        <v>252</v>
      </c>
      <c r="D93457" s="14" t="s">
        <v>246</v>
      </c>
      <c r="E93457" s="15">
        <v>45393</v>
      </c>
      <c r="F93457" s="14" t="s">
        <v>61</v>
      </c>
      <c r="G93457" s="16">
        <v>0</v>
      </c>
    </row>
    <row r="93458" spans="1:7" x14ac:dyDescent="0.3">
      <c r="A93458" s="13" t="s">
        <v>466</v>
      </c>
      <c r="B93458" s="14" t="s">
        <v>1</v>
      </c>
      <c r="C93458" s="14" t="s">
        <v>252</v>
      </c>
      <c r="D93458" s="14" t="s">
        <v>246</v>
      </c>
      <c r="E93458" s="15">
        <v>45394</v>
      </c>
      <c r="F93458" s="14" t="s">
        <v>61</v>
      </c>
      <c r="G93458" s="16">
        <v>0</v>
      </c>
    </row>
    <row r="93459" spans="1:7" x14ac:dyDescent="0.3">
      <c r="A93459" s="13" t="s">
        <v>466</v>
      </c>
      <c r="B93459" s="14" t="s">
        <v>1</v>
      </c>
      <c r="C93459" s="14" t="s">
        <v>252</v>
      </c>
      <c r="D93459" s="14" t="s">
        <v>246</v>
      </c>
      <c r="E93459" s="15">
        <v>45395</v>
      </c>
      <c r="F93459" s="14" t="s">
        <v>61</v>
      </c>
      <c r="G93459" s="16">
        <v>0</v>
      </c>
    </row>
    <row r="93460" spans="1:7" x14ac:dyDescent="0.3">
      <c r="A93460" s="13" t="s">
        <v>466</v>
      </c>
      <c r="B93460" s="14" t="s">
        <v>1</v>
      </c>
      <c r="C93460" s="14" t="s">
        <v>252</v>
      </c>
      <c r="D93460" s="14" t="s">
        <v>246</v>
      </c>
      <c r="E93460" s="15">
        <v>45396</v>
      </c>
      <c r="F93460" s="14" t="s">
        <v>61</v>
      </c>
      <c r="G93460" s="16">
        <v>0</v>
      </c>
    </row>
    <row r="93461" spans="1:7" x14ac:dyDescent="0.3">
      <c r="A93461" s="13" t="s">
        <v>466</v>
      </c>
      <c r="B93461" s="14" t="s">
        <v>1</v>
      </c>
      <c r="C93461" s="14" t="s">
        <v>252</v>
      </c>
      <c r="D93461" s="14" t="s">
        <v>246</v>
      </c>
      <c r="E93461" s="15">
        <v>45397</v>
      </c>
      <c r="F93461" s="14" t="s">
        <v>61</v>
      </c>
      <c r="G93461" s="16">
        <v>0</v>
      </c>
    </row>
    <row r="93462" spans="1:7" x14ac:dyDescent="0.3">
      <c r="A93462" s="13" t="s">
        <v>466</v>
      </c>
      <c r="B93462" s="14" t="s">
        <v>1</v>
      </c>
      <c r="C93462" s="14" t="s">
        <v>252</v>
      </c>
      <c r="D93462" s="14" t="s">
        <v>246</v>
      </c>
      <c r="E93462" s="15">
        <v>45398</v>
      </c>
      <c r="F93462" s="14" t="s">
        <v>61</v>
      </c>
      <c r="G93462" s="16">
        <v>0</v>
      </c>
    </row>
    <row r="93463" spans="1:7" x14ac:dyDescent="0.3">
      <c r="A93463" s="13" t="s">
        <v>466</v>
      </c>
      <c r="B93463" s="14" t="s">
        <v>1</v>
      </c>
      <c r="C93463" s="14" t="s">
        <v>252</v>
      </c>
      <c r="D93463" s="14" t="s">
        <v>246</v>
      </c>
      <c r="E93463" s="15">
        <v>45399</v>
      </c>
      <c r="F93463" s="14" t="s">
        <v>61</v>
      </c>
      <c r="G93463" s="16">
        <v>0</v>
      </c>
    </row>
    <row r="93464" spans="1:7" x14ac:dyDescent="0.3">
      <c r="A93464" s="13" t="s">
        <v>466</v>
      </c>
      <c r="B93464" s="14" t="s">
        <v>1</v>
      </c>
      <c r="C93464" s="14" t="s">
        <v>252</v>
      </c>
      <c r="D93464" s="14" t="s">
        <v>246</v>
      </c>
      <c r="E93464" s="15">
        <v>45400</v>
      </c>
      <c r="F93464" s="14" t="s">
        <v>61</v>
      </c>
      <c r="G93464" s="16">
        <v>0</v>
      </c>
    </row>
    <row r="93465" spans="1:7" x14ac:dyDescent="0.3">
      <c r="A93465" s="13" t="s">
        <v>466</v>
      </c>
      <c r="B93465" s="14" t="s">
        <v>1</v>
      </c>
      <c r="C93465" s="14" t="s">
        <v>252</v>
      </c>
      <c r="D93465" s="14" t="s">
        <v>246</v>
      </c>
      <c r="E93465" s="15">
        <v>45401</v>
      </c>
      <c r="F93465" s="14" t="s">
        <v>61</v>
      </c>
      <c r="G93465" s="16">
        <v>0</v>
      </c>
    </row>
    <row r="93466" spans="1:7" x14ac:dyDescent="0.3">
      <c r="A93466" s="13" t="s">
        <v>466</v>
      </c>
      <c r="B93466" s="14" t="s">
        <v>1</v>
      </c>
      <c r="C93466" s="14" t="s">
        <v>252</v>
      </c>
      <c r="D93466" s="14" t="s">
        <v>246</v>
      </c>
      <c r="E93466" s="15">
        <v>45402</v>
      </c>
      <c r="F93466" s="14" t="s">
        <v>61</v>
      </c>
      <c r="G93466" s="16">
        <v>0</v>
      </c>
    </row>
    <row r="93467" spans="1:7" x14ac:dyDescent="0.3">
      <c r="A93467" s="13" t="s">
        <v>466</v>
      </c>
      <c r="B93467" s="14" t="s">
        <v>1</v>
      </c>
      <c r="C93467" s="14" t="s">
        <v>252</v>
      </c>
      <c r="D93467" s="14" t="s">
        <v>246</v>
      </c>
      <c r="E93467" s="15">
        <v>45403</v>
      </c>
      <c r="F93467" s="14" t="s">
        <v>61</v>
      </c>
      <c r="G93467" s="16">
        <v>0</v>
      </c>
    </row>
    <row r="93468" spans="1:7" x14ac:dyDescent="0.3">
      <c r="A93468" s="13" t="s">
        <v>466</v>
      </c>
      <c r="B93468" s="14" t="s">
        <v>1</v>
      </c>
      <c r="C93468" s="14" t="s">
        <v>252</v>
      </c>
      <c r="D93468" s="14" t="s">
        <v>246</v>
      </c>
      <c r="E93468" s="15">
        <v>45404</v>
      </c>
      <c r="F93468" s="14" t="s">
        <v>61</v>
      </c>
      <c r="G93468" s="16">
        <v>0</v>
      </c>
    </row>
    <row r="93469" spans="1:7" x14ac:dyDescent="0.3">
      <c r="A93469" s="13" t="s">
        <v>466</v>
      </c>
      <c r="B93469" s="14" t="s">
        <v>1</v>
      </c>
      <c r="C93469" s="14" t="s">
        <v>252</v>
      </c>
      <c r="D93469" s="14" t="s">
        <v>246</v>
      </c>
      <c r="E93469" s="15">
        <v>45405</v>
      </c>
      <c r="F93469" s="14" t="s">
        <v>61</v>
      </c>
      <c r="G93469" s="16">
        <v>0</v>
      </c>
    </row>
    <row r="93470" spans="1:7" x14ac:dyDescent="0.3">
      <c r="A93470" s="13" t="s">
        <v>466</v>
      </c>
      <c r="B93470" s="14" t="s">
        <v>1</v>
      </c>
      <c r="C93470" s="14" t="s">
        <v>252</v>
      </c>
      <c r="D93470" s="14" t="s">
        <v>246</v>
      </c>
      <c r="E93470" s="15">
        <v>45406</v>
      </c>
      <c r="F93470" s="14" t="s">
        <v>61</v>
      </c>
      <c r="G93470" s="16">
        <v>0</v>
      </c>
    </row>
    <row r="93471" spans="1:7" x14ac:dyDescent="0.3">
      <c r="A93471" s="13" t="s">
        <v>466</v>
      </c>
      <c r="B93471" s="14" t="s">
        <v>1</v>
      </c>
      <c r="C93471" s="14" t="s">
        <v>252</v>
      </c>
      <c r="D93471" s="14" t="s">
        <v>246</v>
      </c>
      <c r="E93471" s="15">
        <v>45407</v>
      </c>
      <c r="F93471" s="14" t="s">
        <v>61</v>
      </c>
      <c r="G93471" s="16">
        <v>0</v>
      </c>
    </row>
    <row r="93472" spans="1:7" x14ac:dyDescent="0.3">
      <c r="A93472" s="13" t="s">
        <v>466</v>
      </c>
      <c r="B93472" s="14" t="s">
        <v>1</v>
      </c>
      <c r="C93472" s="14" t="s">
        <v>252</v>
      </c>
      <c r="D93472" s="14" t="s">
        <v>246</v>
      </c>
      <c r="E93472" s="15">
        <v>45408</v>
      </c>
      <c r="F93472" s="14" t="s">
        <v>61</v>
      </c>
      <c r="G93472" s="16">
        <v>0</v>
      </c>
    </row>
    <row r="93473" spans="1:7" x14ac:dyDescent="0.3">
      <c r="A93473" s="13" t="s">
        <v>466</v>
      </c>
      <c r="B93473" s="14" t="s">
        <v>1</v>
      </c>
      <c r="C93473" s="14" t="s">
        <v>252</v>
      </c>
      <c r="D93473" s="14" t="s">
        <v>246</v>
      </c>
      <c r="E93473" s="15">
        <v>45409</v>
      </c>
      <c r="F93473" s="14" t="s">
        <v>61</v>
      </c>
      <c r="G93473" s="16">
        <v>0</v>
      </c>
    </row>
    <row r="93474" spans="1:7" x14ac:dyDescent="0.3">
      <c r="A93474" s="13" t="s">
        <v>466</v>
      </c>
      <c r="B93474" s="14" t="s">
        <v>1</v>
      </c>
      <c r="C93474" s="14" t="s">
        <v>252</v>
      </c>
      <c r="D93474" s="14" t="s">
        <v>246</v>
      </c>
      <c r="E93474" s="15">
        <v>45410</v>
      </c>
      <c r="F93474" s="14" t="s">
        <v>61</v>
      </c>
      <c r="G93474" s="16">
        <v>0</v>
      </c>
    </row>
    <row r="93475" spans="1:7" x14ac:dyDescent="0.3">
      <c r="A93475" s="13" t="s">
        <v>466</v>
      </c>
      <c r="B93475" s="14" t="s">
        <v>1</v>
      </c>
      <c r="C93475" s="14" t="s">
        <v>252</v>
      </c>
      <c r="D93475" s="14" t="s">
        <v>246</v>
      </c>
      <c r="E93475" s="15">
        <v>45411</v>
      </c>
      <c r="F93475" s="14" t="s">
        <v>61</v>
      </c>
      <c r="G93475" s="16">
        <v>0</v>
      </c>
    </row>
    <row r="93476" spans="1:7" x14ac:dyDescent="0.3">
      <c r="A93476" s="13" t="s">
        <v>466</v>
      </c>
      <c r="B93476" s="14" t="s">
        <v>1</v>
      </c>
      <c r="C93476" s="14" t="s">
        <v>252</v>
      </c>
      <c r="D93476" s="14" t="s">
        <v>246</v>
      </c>
      <c r="E93476" s="15">
        <v>45412</v>
      </c>
      <c r="F93476" s="14" t="s">
        <v>61</v>
      </c>
      <c r="G93476" s="16">
        <v>0</v>
      </c>
    </row>
    <row r="93477" spans="1:7" x14ac:dyDescent="0.3">
      <c r="A93477" s="13" t="s">
        <v>466</v>
      </c>
      <c r="B93477" s="14" t="s">
        <v>1</v>
      </c>
      <c r="C93477" s="14" t="s">
        <v>252</v>
      </c>
      <c r="D93477" s="14" t="s">
        <v>246</v>
      </c>
      <c r="E93477" s="15">
        <v>45413</v>
      </c>
      <c r="F93477" s="14" t="s">
        <v>61</v>
      </c>
      <c r="G93477" s="16">
        <v>0</v>
      </c>
    </row>
    <row r="93478" spans="1:7" x14ac:dyDescent="0.3">
      <c r="A93478" s="13" t="s">
        <v>466</v>
      </c>
      <c r="B93478" s="14" t="s">
        <v>1</v>
      </c>
      <c r="C93478" s="14" t="s">
        <v>252</v>
      </c>
      <c r="D93478" s="14" t="s">
        <v>246</v>
      </c>
      <c r="E93478" s="15">
        <v>45414</v>
      </c>
      <c r="F93478" s="14" t="s">
        <v>61</v>
      </c>
      <c r="G93478" s="16">
        <v>0</v>
      </c>
    </row>
    <row r="93479" spans="1:7" x14ac:dyDescent="0.3">
      <c r="A93479" s="13" t="s">
        <v>466</v>
      </c>
      <c r="B93479" s="14" t="s">
        <v>1</v>
      </c>
      <c r="C93479" s="14" t="s">
        <v>252</v>
      </c>
      <c r="D93479" s="14" t="s">
        <v>246</v>
      </c>
      <c r="E93479" s="15">
        <v>45415</v>
      </c>
      <c r="F93479" s="14" t="s">
        <v>61</v>
      </c>
      <c r="G93479" s="16">
        <v>0</v>
      </c>
    </row>
    <row r="93480" spans="1:7" x14ac:dyDescent="0.3">
      <c r="A93480" s="13" t="s">
        <v>466</v>
      </c>
      <c r="B93480" s="14" t="s">
        <v>1</v>
      </c>
      <c r="C93480" s="14" t="s">
        <v>252</v>
      </c>
      <c r="D93480" s="14" t="s">
        <v>246</v>
      </c>
      <c r="E93480" s="15">
        <v>45416</v>
      </c>
      <c r="F93480" s="14" t="s">
        <v>61</v>
      </c>
      <c r="G93480" s="16">
        <v>0</v>
      </c>
    </row>
    <row r="93481" spans="1:7" x14ac:dyDescent="0.3">
      <c r="A93481" s="13" t="s">
        <v>466</v>
      </c>
      <c r="B93481" s="14" t="s">
        <v>1</v>
      </c>
      <c r="C93481" s="14" t="s">
        <v>252</v>
      </c>
      <c r="D93481" s="14" t="s">
        <v>246</v>
      </c>
      <c r="E93481" s="15">
        <v>45417</v>
      </c>
      <c r="F93481" s="14" t="s">
        <v>61</v>
      </c>
      <c r="G93481" s="16">
        <v>0</v>
      </c>
    </row>
    <row r="93482" spans="1:7" x14ac:dyDescent="0.3">
      <c r="A93482" s="13" t="s">
        <v>466</v>
      </c>
      <c r="B93482" s="14" t="s">
        <v>1</v>
      </c>
      <c r="C93482" s="14" t="s">
        <v>252</v>
      </c>
      <c r="D93482" s="14" t="s">
        <v>246</v>
      </c>
      <c r="E93482" s="15">
        <v>45418</v>
      </c>
      <c r="F93482" s="14" t="s">
        <v>61</v>
      </c>
      <c r="G93482" s="16">
        <v>0</v>
      </c>
    </row>
    <row r="93483" spans="1:7" x14ac:dyDescent="0.3">
      <c r="A93483" s="13" t="s">
        <v>466</v>
      </c>
      <c r="B93483" s="14" t="s">
        <v>1</v>
      </c>
      <c r="C93483" s="14" t="s">
        <v>252</v>
      </c>
      <c r="D93483" s="14" t="s">
        <v>246</v>
      </c>
      <c r="E93483" s="15">
        <v>45419</v>
      </c>
      <c r="F93483" s="14" t="s">
        <v>61</v>
      </c>
      <c r="G93483" s="16">
        <v>0</v>
      </c>
    </row>
    <row r="93484" spans="1:7" x14ac:dyDescent="0.3">
      <c r="A93484" s="13" t="s">
        <v>466</v>
      </c>
      <c r="B93484" s="14" t="s">
        <v>1</v>
      </c>
      <c r="C93484" s="14" t="s">
        <v>252</v>
      </c>
      <c r="D93484" s="14" t="s">
        <v>246</v>
      </c>
      <c r="E93484" s="15">
        <v>45420</v>
      </c>
      <c r="F93484" s="14" t="s">
        <v>61</v>
      </c>
      <c r="G93484" s="16">
        <v>0</v>
      </c>
    </row>
    <row r="93485" spans="1:7" x14ac:dyDescent="0.3">
      <c r="A93485" s="13" t="s">
        <v>466</v>
      </c>
      <c r="B93485" s="14" t="s">
        <v>1</v>
      </c>
      <c r="C93485" s="14" t="s">
        <v>252</v>
      </c>
      <c r="D93485" s="14" t="s">
        <v>246</v>
      </c>
      <c r="E93485" s="15">
        <v>45421</v>
      </c>
      <c r="F93485" s="14" t="s">
        <v>61</v>
      </c>
      <c r="G93485" s="16">
        <v>0</v>
      </c>
    </row>
    <row r="93486" spans="1:7" x14ac:dyDescent="0.3">
      <c r="A93486" s="13" t="s">
        <v>466</v>
      </c>
      <c r="B93486" s="14" t="s">
        <v>1</v>
      </c>
      <c r="C93486" s="14" t="s">
        <v>252</v>
      </c>
      <c r="D93486" s="14" t="s">
        <v>246</v>
      </c>
      <c r="E93486" s="15">
        <v>45422</v>
      </c>
      <c r="F93486" s="14" t="s">
        <v>61</v>
      </c>
      <c r="G93486" s="16">
        <v>0</v>
      </c>
    </row>
    <row r="93487" spans="1:7" x14ac:dyDescent="0.3">
      <c r="A93487" s="13" t="s">
        <v>466</v>
      </c>
      <c r="B93487" s="14" t="s">
        <v>1</v>
      </c>
      <c r="C93487" s="14" t="s">
        <v>252</v>
      </c>
      <c r="D93487" s="14" t="s">
        <v>246</v>
      </c>
      <c r="E93487" s="15">
        <v>45423</v>
      </c>
      <c r="F93487" s="14" t="s">
        <v>61</v>
      </c>
      <c r="G93487" s="16">
        <v>0</v>
      </c>
    </row>
    <row r="93488" spans="1:7" x14ac:dyDescent="0.3">
      <c r="A93488" s="13" t="s">
        <v>466</v>
      </c>
      <c r="B93488" s="14" t="s">
        <v>1</v>
      </c>
      <c r="C93488" s="14" t="s">
        <v>252</v>
      </c>
      <c r="D93488" s="14" t="s">
        <v>246</v>
      </c>
      <c r="E93488" s="15">
        <v>45424</v>
      </c>
      <c r="F93488" s="14" t="s">
        <v>61</v>
      </c>
      <c r="G93488" s="16">
        <v>0</v>
      </c>
    </row>
    <row r="93489" spans="1:7" x14ac:dyDescent="0.3">
      <c r="A93489" s="13" t="s">
        <v>466</v>
      </c>
      <c r="B93489" s="14" t="s">
        <v>1</v>
      </c>
      <c r="C93489" s="14" t="s">
        <v>252</v>
      </c>
      <c r="D93489" s="14" t="s">
        <v>246</v>
      </c>
      <c r="E93489" s="15">
        <v>45425</v>
      </c>
      <c r="F93489" s="14" t="s">
        <v>61</v>
      </c>
      <c r="G93489" s="16">
        <v>0</v>
      </c>
    </row>
    <row r="93490" spans="1:7" x14ac:dyDescent="0.3">
      <c r="A93490" s="13" t="s">
        <v>466</v>
      </c>
      <c r="B93490" s="14" t="s">
        <v>1</v>
      </c>
      <c r="C93490" s="14" t="s">
        <v>252</v>
      </c>
      <c r="D93490" s="14" t="s">
        <v>246</v>
      </c>
      <c r="E93490" s="15">
        <v>45426</v>
      </c>
      <c r="F93490" s="14" t="s">
        <v>61</v>
      </c>
      <c r="G93490" s="16">
        <v>0</v>
      </c>
    </row>
    <row r="93491" spans="1:7" x14ac:dyDescent="0.3">
      <c r="A93491" s="13" t="s">
        <v>466</v>
      </c>
      <c r="B93491" s="14" t="s">
        <v>1</v>
      </c>
      <c r="C93491" s="14" t="s">
        <v>252</v>
      </c>
      <c r="D93491" s="14" t="s">
        <v>246</v>
      </c>
      <c r="E93491" s="15">
        <v>45427</v>
      </c>
      <c r="F93491" s="14" t="s">
        <v>61</v>
      </c>
      <c r="G93491" s="16">
        <v>0</v>
      </c>
    </row>
    <row r="93492" spans="1:7" x14ac:dyDescent="0.3">
      <c r="A93492" s="13" t="s">
        <v>466</v>
      </c>
      <c r="B93492" s="14" t="s">
        <v>1</v>
      </c>
      <c r="C93492" s="14" t="s">
        <v>252</v>
      </c>
      <c r="D93492" s="14" t="s">
        <v>246</v>
      </c>
      <c r="E93492" s="15">
        <v>45428</v>
      </c>
      <c r="F93492" s="14" t="s">
        <v>61</v>
      </c>
      <c r="G93492" s="16">
        <v>0</v>
      </c>
    </row>
    <row r="93493" spans="1:7" x14ac:dyDescent="0.3">
      <c r="A93493" s="13" t="s">
        <v>466</v>
      </c>
      <c r="B93493" s="14" t="s">
        <v>1</v>
      </c>
      <c r="C93493" s="14" t="s">
        <v>252</v>
      </c>
      <c r="D93493" s="14" t="s">
        <v>246</v>
      </c>
      <c r="E93493" s="15">
        <v>45429</v>
      </c>
      <c r="F93493" s="14" t="s">
        <v>61</v>
      </c>
      <c r="G93493" s="16">
        <v>0</v>
      </c>
    </row>
    <row r="93494" spans="1:7" x14ac:dyDescent="0.3">
      <c r="A93494" s="13" t="s">
        <v>466</v>
      </c>
      <c r="B93494" s="14" t="s">
        <v>1</v>
      </c>
      <c r="C93494" s="14" t="s">
        <v>252</v>
      </c>
      <c r="D93494" s="14" t="s">
        <v>246</v>
      </c>
      <c r="E93494" s="15">
        <v>45430</v>
      </c>
      <c r="F93494" s="14" t="s">
        <v>61</v>
      </c>
      <c r="G93494" s="16">
        <v>0</v>
      </c>
    </row>
    <row r="93495" spans="1:7" x14ac:dyDescent="0.3">
      <c r="A93495" s="13" t="s">
        <v>466</v>
      </c>
      <c r="B93495" s="14" t="s">
        <v>1</v>
      </c>
      <c r="C93495" s="14" t="s">
        <v>252</v>
      </c>
      <c r="D93495" s="14" t="s">
        <v>246</v>
      </c>
      <c r="E93495" s="15">
        <v>45431</v>
      </c>
      <c r="F93495" s="14" t="s">
        <v>61</v>
      </c>
      <c r="G93495" s="16">
        <v>0</v>
      </c>
    </row>
    <row r="93496" spans="1:7" x14ac:dyDescent="0.3">
      <c r="A93496" s="13" t="s">
        <v>466</v>
      </c>
      <c r="B93496" s="14" t="s">
        <v>1</v>
      </c>
      <c r="C93496" s="14" t="s">
        <v>252</v>
      </c>
      <c r="D93496" s="14" t="s">
        <v>246</v>
      </c>
      <c r="E93496" s="15">
        <v>45432</v>
      </c>
      <c r="F93496" s="14" t="s">
        <v>61</v>
      </c>
      <c r="G93496" s="16">
        <v>0</v>
      </c>
    </row>
    <row r="93497" spans="1:7" x14ac:dyDescent="0.3">
      <c r="A93497" s="13" t="s">
        <v>466</v>
      </c>
      <c r="B93497" s="14" t="s">
        <v>1</v>
      </c>
      <c r="C93497" s="14" t="s">
        <v>252</v>
      </c>
      <c r="D93497" s="14" t="s">
        <v>246</v>
      </c>
      <c r="E93497" s="15">
        <v>45433</v>
      </c>
      <c r="F93497" s="14" t="s">
        <v>61</v>
      </c>
      <c r="G93497" s="16">
        <v>0</v>
      </c>
    </row>
    <row r="93498" spans="1:7" x14ac:dyDescent="0.3">
      <c r="A93498" s="13" t="s">
        <v>466</v>
      </c>
      <c r="B93498" s="14" t="s">
        <v>1</v>
      </c>
      <c r="C93498" s="14" t="s">
        <v>252</v>
      </c>
      <c r="D93498" s="14" t="s">
        <v>246</v>
      </c>
      <c r="E93498" s="15">
        <v>45434</v>
      </c>
      <c r="F93498" s="14" t="s">
        <v>61</v>
      </c>
      <c r="G93498" s="16">
        <v>0</v>
      </c>
    </row>
    <row r="93499" spans="1:7" x14ac:dyDescent="0.3">
      <c r="A93499" s="13" t="s">
        <v>466</v>
      </c>
      <c r="B93499" s="14" t="s">
        <v>1</v>
      </c>
      <c r="C93499" s="14" t="s">
        <v>252</v>
      </c>
      <c r="D93499" s="14" t="s">
        <v>246</v>
      </c>
      <c r="E93499" s="15">
        <v>45435</v>
      </c>
      <c r="F93499" s="14" t="s">
        <v>61</v>
      </c>
      <c r="G93499" s="16">
        <v>0</v>
      </c>
    </row>
    <row r="93500" spans="1:7" x14ac:dyDescent="0.3">
      <c r="A93500" s="13" t="s">
        <v>466</v>
      </c>
      <c r="B93500" s="14" t="s">
        <v>1</v>
      </c>
      <c r="C93500" s="14" t="s">
        <v>252</v>
      </c>
      <c r="D93500" s="14" t="s">
        <v>246</v>
      </c>
      <c r="E93500" s="15">
        <v>45436</v>
      </c>
      <c r="F93500" s="14" t="s">
        <v>61</v>
      </c>
      <c r="G93500" s="16">
        <v>0</v>
      </c>
    </row>
    <row r="93501" spans="1:7" x14ac:dyDescent="0.3">
      <c r="A93501" s="13" t="s">
        <v>466</v>
      </c>
      <c r="B93501" s="14" t="s">
        <v>1</v>
      </c>
      <c r="C93501" s="14" t="s">
        <v>252</v>
      </c>
      <c r="D93501" s="14" t="s">
        <v>246</v>
      </c>
      <c r="E93501" s="15">
        <v>45437</v>
      </c>
      <c r="F93501" s="14" t="s">
        <v>61</v>
      </c>
      <c r="G93501" s="16">
        <v>0</v>
      </c>
    </row>
    <row r="93502" spans="1:7" x14ac:dyDescent="0.3">
      <c r="A93502" s="13" t="s">
        <v>466</v>
      </c>
      <c r="B93502" s="14" t="s">
        <v>1</v>
      </c>
      <c r="C93502" s="14" t="s">
        <v>252</v>
      </c>
      <c r="D93502" s="14" t="s">
        <v>246</v>
      </c>
      <c r="E93502" s="15">
        <v>45438</v>
      </c>
      <c r="F93502" s="14" t="s">
        <v>61</v>
      </c>
      <c r="G93502" s="16">
        <v>0</v>
      </c>
    </row>
    <row r="93503" spans="1:7" x14ac:dyDescent="0.3">
      <c r="A93503" s="13" t="s">
        <v>466</v>
      </c>
      <c r="B93503" s="14" t="s">
        <v>1</v>
      </c>
      <c r="C93503" s="14" t="s">
        <v>252</v>
      </c>
      <c r="D93503" s="14" t="s">
        <v>246</v>
      </c>
      <c r="E93503" s="15">
        <v>45439</v>
      </c>
      <c r="F93503" s="14" t="s">
        <v>61</v>
      </c>
      <c r="G93503" s="16">
        <v>0</v>
      </c>
    </row>
    <row r="93504" spans="1:7" x14ac:dyDescent="0.3">
      <c r="A93504" s="13" t="s">
        <v>466</v>
      </c>
      <c r="B93504" s="14" t="s">
        <v>1</v>
      </c>
      <c r="C93504" s="14" t="s">
        <v>252</v>
      </c>
      <c r="D93504" s="14" t="s">
        <v>246</v>
      </c>
      <c r="E93504" s="15">
        <v>45440</v>
      </c>
      <c r="F93504" s="14" t="s">
        <v>61</v>
      </c>
      <c r="G93504" s="16">
        <v>0</v>
      </c>
    </row>
    <row r="93505" spans="1:7" x14ac:dyDescent="0.3">
      <c r="A93505" s="13" t="s">
        <v>466</v>
      </c>
      <c r="B93505" s="14" t="s">
        <v>1</v>
      </c>
      <c r="C93505" s="14" t="s">
        <v>252</v>
      </c>
      <c r="D93505" s="14" t="s">
        <v>246</v>
      </c>
      <c r="E93505" s="15">
        <v>45441</v>
      </c>
      <c r="F93505" s="14" t="s">
        <v>61</v>
      </c>
      <c r="G93505" s="16">
        <v>0</v>
      </c>
    </row>
    <row r="93506" spans="1:7" x14ac:dyDescent="0.3">
      <c r="A93506" s="13" t="s">
        <v>466</v>
      </c>
      <c r="B93506" s="14" t="s">
        <v>1</v>
      </c>
      <c r="C93506" s="14" t="s">
        <v>252</v>
      </c>
      <c r="D93506" s="14" t="s">
        <v>246</v>
      </c>
      <c r="E93506" s="15">
        <v>45442</v>
      </c>
      <c r="F93506" s="14" t="s">
        <v>61</v>
      </c>
      <c r="G93506" s="16">
        <v>0</v>
      </c>
    </row>
    <row r="93507" spans="1:7" x14ac:dyDescent="0.3">
      <c r="A93507" s="13" t="s">
        <v>466</v>
      </c>
      <c r="B93507" s="14" t="s">
        <v>1</v>
      </c>
      <c r="C93507" s="14" t="s">
        <v>252</v>
      </c>
      <c r="D93507" s="14" t="s">
        <v>246</v>
      </c>
      <c r="E93507" s="15">
        <v>45443</v>
      </c>
      <c r="F93507" s="14" t="s">
        <v>61</v>
      </c>
      <c r="G93507" s="16">
        <v>0</v>
      </c>
    </row>
    <row r="93508" spans="1:7" x14ac:dyDescent="0.3">
      <c r="A93508" s="13" t="s">
        <v>466</v>
      </c>
      <c r="B93508" s="14" t="s">
        <v>1</v>
      </c>
      <c r="C93508" s="14" t="s">
        <v>252</v>
      </c>
      <c r="D93508" s="14" t="s">
        <v>246</v>
      </c>
      <c r="E93508" s="15">
        <v>45444</v>
      </c>
      <c r="F93508" s="14" t="s">
        <v>61</v>
      </c>
      <c r="G93508" s="16">
        <v>0</v>
      </c>
    </row>
    <row r="93509" spans="1:7" x14ac:dyDescent="0.3">
      <c r="A93509" s="13" t="s">
        <v>466</v>
      </c>
      <c r="B93509" s="14" t="s">
        <v>1</v>
      </c>
      <c r="C93509" s="14" t="s">
        <v>252</v>
      </c>
      <c r="D93509" s="14" t="s">
        <v>246</v>
      </c>
      <c r="E93509" s="15">
        <v>45445</v>
      </c>
      <c r="F93509" s="14" t="s">
        <v>61</v>
      </c>
      <c r="G93509" s="16">
        <v>0</v>
      </c>
    </row>
    <row r="93510" spans="1:7" x14ac:dyDescent="0.3">
      <c r="A93510" s="13" t="s">
        <v>466</v>
      </c>
      <c r="B93510" s="14" t="s">
        <v>1</v>
      </c>
      <c r="C93510" s="14" t="s">
        <v>252</v>
      </c>
      <c r="D93510" s="14" t="s">
        <v>246</v>
      </c>
      <c r="E93510" s="15">
        <v>45446</v>
      </c>
      <c r="F93510" s="14" t="s">
        <v>61</v>
      </c>
      <c r="G93510" s="16">
        <v>0</v>
      </c>
    </row>
    <row r="93511" spans="1:7" x14ac:dyDescent="0.3">
      <c r="A93511" s="13" t="s">
        <v>466</v>
      </c>
      <c r="B93511" s="14" t="s">
        <v>1</v>
      </c>
      <c r="C93511" s="14" t="s">
        <v>252</v>
      </c>
      <c r="D93511" s="14" t="s">
        <v>246</v>
      </c>
      <c r="E93511" s="15">
        <v>45447</v>
      </c>
      <c r="F93511" s="14" t="s">
        <v>61</v>
      </c>
      <c r="G93511" s="16">
        <v>0</v>
      </c>
    </row>
    <row r="93512" spans="1:7" x14ac:dyDescent="0.3">
      <c r="A93512" s="13" t="s">
        <v>466</v>
      </c>
      <c r="B93512" s="14" t="s">
        <v>1</v>
      </c>
      <c r="C93512" s="14" t="s">
        <v>252</v>
      </c>
      <c r="D93512" s="14" t="s">
        <v>246</v>
      </c>
      <c r="E93512" s="15">
        <v>45448</v>
      </c>
      <c r="F93512" s="14" t="s">
        <v>61</v>
      </c>
      <c r="G93512" s="16">
        <v>0</v>
      </c>
    </row>
    <row r="93513" spans="1:7" x14ac:dyDescent="0.3">
      <c r="A93513" s="13" t="s">
        <v>466</v>
      </c>
      <c r="B93513" s="14" t="s">
        <v>1</v>
      </c>
      <c r="C93513" s="14" t="s">
        <v>252</v>
      </c>
      <c r="D93513" s="14" t="s">
        <v>246</v>
      </c>
      <c r="E93513" s="15">
        <v>45449</v>
      </c>
      <c r="F93513" s="14" t="s">
        <v>61</v>
      </c>
      <c r="G93513" s="16">
        <v>0</v>
      </c>
    </row>
    <row r="93514" spans="1:7" x14ac:dyDescent="0.3">
      <c r="A93514" s="13" t="s">
        <v>466</v>
      </c>
      <c r="B93514" s="14" t="s">
        <v>1</v>
      </c>
      <c r="C93514" s="14" t="s">
        <v>252</v>
      </c>
      <c r="D93514" s="14" t="s">
        <v>246</v>
      </c>
      <c r="E93514" s="15">
        <v>45450</v>
      </c>
      <c r="F93514" s="14" t="s">
        <v>61</v>
      </c>
      <c r="G93514" s="16">
        <v>0</v>
      </c>
    </row>
    <row r="93515" spans="1:7" x14ac:dyDescent="0.3">
      <c r="A93515" s="13" t="s">
        <v>466</v>
      </c>
      <c r="B93515" s="14" t="s">
        <v>1</v>
      </c>
      <c r="C93515" s="14" t="s">
        <v>252</v>
      </c>
      <c r="D93515" s="14" t="s">
        <v>246</v>
      </c>
      <c r="E93515" s="15">
        <v>45451</v>
      </c>
      <c r="F93515" s="14" t="s">
        <v>61</v>
      </c>
      <c r="G93515" s="16">
        <v>0</v>
      </c>
    </row>
    <row r="93516" spans="1:7" x14ac:dyDescent="0.3">
      <c r="A93516" s="13" t="s">
        <v>466</v>
      </c>
      <c r="B93516" s="14" t="s">
        <v>1</v>
      </c>
      <c r="C93516" s="14" t="s">
        <v>252</v>
      </c>
      <c r="D93516" s="14" t="s">
        <v>246</v>
      </c>
      <c r="E93516" s="15">
        <v>45452</v>
      </c>
      <c r="F93516" s="14" t="s">
        <v>61</v>
      </c>
      <c r="G93516" s="16">
        <v>0</v>
      </c>
    </row>
    <row r="93517" spans="1:7" x14ac:dyDescent="0.3">
      <c r="A93517" s="13" t="s">
        <v>466</v>
      </c>
      <c r="B93517" s="14" t="s">
        <v>1</v>
      </c>
      <c r="C93517" s="14" t="s">
        <v>252</v>
      </c>
      <c r="D93517" s="14" t="s">
        <v>246</v>
      </c>
      <c r="E93517" s="15">
        <v>45453</v>
      </c>
      <c r="F93517" s="14" t="s">
        <v>61</v>
      </c>
      <c r="G93517" s="16">
        <v>0</v>
      </c>
    </row>
    <row r="93518" spans="1:7" x14ac:dyDescent="0.3">
      <c r="A93518" s="13" t="s">
        <v>466</v>
      </c>
      <c r="B93518" s="14" t="s">
        <v>1</v>
      </c>
      <c r="C93518" s="14" t="s">
        <v>252</v>
      </c>
      <c r="D93518" s="14" t="s">
        <v>246</v>
      </c>
      <c r="E93518" s="15">
        <v>45454</v>
      </c>
      <c r="F93518" s="14" t="s">
        <v>61</v>
      </c>
      <c r="G93518" s="16">
        <v>0</v>
      </c>
    </row>
    <row r="93519" spans="1:7" x14ac:dyDescent="0.3">
      <c r="A93519" s="13" t="s">
        <v>466</v>
      </c>
      <c r="B93519" s="14" t="s">
        <v>1</v>
      </c>
      <c r="C93519" s="14" t="s">
        <v>252</v>
      </c>
      <c r="D93519" s="14" t="s">
        <v>246</v>
      </c>
      <c r="E93519" s="15">
        <v>45455</v>
      </c>
      <c r="F93519" s="14" t="s">
        <v>61</v>
      </c>
      <c r="G93519" s="16">
        <v>0</v>
      </c>
    </row>
    <row r="93520" spans="1:7" x14ac:dyDescent="0.3">
      <c r="A93520" s="13" t="s">
        <v>466</v>
      </c>
      <c r="B93520" s="14" t="s">
        <v>1</v>
      </c>
      <c r="C93520" s="14" t="s">
        <v>252</v>
      </c>
      <c r="D93520" s="14" t="s">
        <v>246</v>
      </c>
      <c r="E93520" s="15">
        <v>45456</v>
      </c>
      <c r="F93520" s="14" t="s">
        <v>61</v>
      </c>
      <c r="G93520" s="16">
        <v>0</v>
      </c>
    </row>
    <row r="93521" spans="1:7" x14ac:dyDescent="0.3">
      <c r="A93521" s="13" t="s">
        <v>466</v>
      </c>
      <c r="B93521" s="14" t="s">
        <v>1</v>
      </c>
      <c r="C93521" s="14" t="s">
        <v>252</v>
      </c>
      <c r="D93521" s="14" t="s">
        <v>246</v>
      </c>
      <c r="E93521" s="15">
        <v>45457</v>
      </c>
      <c r="F93521" s="14" t="s">
        <v>61</v>
      </c>
      <c r="G93521" s="16">
        <v>0</v>
      </c>
    </row>
    <row r="93522" spans="1:7" x14ac:dyDescent="0.3">
      <c r="A93522" s="13" t="s">
        <v>466</v>
      </c>
      <c r="B93522" s="14" t="s">
        <v>1</v>
      </c>
      <c r="C93522" s="14" t="s">
        <v>252</v>
      </c>
      <c r="D93522" s="14" t="s">
        <v>246</v>
      </c>
      <c r="E93522" s="15">
        <v>45458</v>
      </c>
      <c r="F93522" s="14" t="s">
        <v>61</v>
      </c>
      <c r="G93522" s="16">
        <v>0</v>
      </c>
    </row>
    <row r="93523" spans="1:7" x14ac:dyDescent="0.3">
      <c r="A93523" s="13" t="s">
        <v>466</v>
      </c>
      <c r="B93523" s="14" t="s">
        <v>1</v>
      </c>
      <c r="C93523" s="14" t="s">
        <v>252</v>
      </c>
      <c r="D93523" s="14" t="s">
        <v>246</v>
      </c>
      <c r="E93523" s="15">
        <v>45459</v>
      </c>
      <c r="F93523" s="14" t="s">
        <v>61</v>
      </c>
      <c r="G93523" s="16">
        <v>0</v>
      </c>
    </row>
    <row r="93524" spans="1:7" x14ac:dyDescent="0.3">
      <c r="A93524" s="13" t="s">
        <v>466</v>
      </c>
      <c r="B93524" s="14" t="s">
        <v>1</v>
      </c>
      <c r="C93524" s="14" t="s">
        <v>252</v>
      </c>
      <c r="D93524" s="14" t="s">
        <v>246</v>
      </c>
      <c r="E93524" s="15">
        <v>45460</v>
      </c>
      <c r="F93524" s="14" t="s">
        <v>61</v>
      </c>
      <c r="G93524" s="16">
        <v>0</v>
      </c>
    </row>
    <row r="93525" spans="1:7" x14ac:dyDescent="0.3">
      <c r="A93525" s="13" t="s">
        <v>466</v>
      </c>
      <c r="B93525" s="14" t="s">
        <v>1</v>
      </c>
      <c r="C93525" s="14" t="s">
        <v>252</v>
      </c>
      <c r="D93525" s="14" t="s">
        <v>246</v>
      </c>
      <c r="E93525" s="15">
        <v>45461</v>
      </c>
      <c r="F93525" s="14" t="s">
        <v>61</v>
      </c>
      <c r="G93525" s="16">
        <v>0</v>
      </c>
    </row>
    <row r="93526" spans="1:7" x14ac:dyDescent="0.3">
      <c r="A93526" s="13" t="s">
        <v>466</v>
      </c>
      <c r="B93526" s="14" t="s">
        <v>1</v>
      </c>
      <c r="C93526" s="14" t="s">
        <v>252</v>
      </c>
      <c r="D93526" s="14" t="s">
        <v>246</v>
      </c>
      <c r="E93526" s="15">
        <v>45462</v>
      </c>
      <c r="F93526" s="14" t="s">
        <v>61</v>
      </c>
      <c r="G93526" s="16">
        <v>0</v>
      </c>
    </row>
    <row r="93527" spans="1:7" x14ac:dyDescent="0.3">
      <c r="A93527" s="13" t="s">
        <v>466</v>
      </c>
      <c r="B93527" s="14" t="s">
        <v>1</v>
      </c>
      <c r="C93527" s="14" t="s">
        <v>252</v>
      </c>
      <c r="D93527" s="14" t="s">
        <v>246</v>
      </c>
      <c r="E93527" s="15">
        <v>45463</v>
      </c>
      <c r="F93527" s="14" t="s">
        <v>61</v>
      </c>
      <c r="G93527" s="16">
        <v>0</v>
      </c>
    </row>
    <row r="93528" spans="1:7" x14ac:dyDescent="0.3">
      <c r="A93528" s="13" t="s">
        <v>466</v>
      </c>
      <c r="B93528" s="14" t="s">
        <v>1</v>
      </c>
      <c r="C93528" s="14" t="s">
        <v>252</v>
      </c>
      <c r="D93528" s="14" t="s">
        <v>246</v>
      </c>
      <c r="E93528" s="15">
        <v>45464</v>
      </c>
      <c r="F93528" s="14" t="s">
        <v>61</v>
      </c>
      <c r="G93528" s="16">
        <v>0</v>
      </c>
    </row>
    <row r="93529" spans="1:7" x14ac:dyDescent="0.3">
      <c r="A93529" s="13" t="s">
        <v>466</v>
      </c>
      <c r="B93529" s="14" t="s">
        <v>1</v>
      </c>
      <c r="C93529" s="14" t="s">
        <v>252</v>
      </c>
      <c r="D93529" s="14" t="s">
        <v>246</v>
      </c>
      <c r="E93529" s="15">
        <v>45465</v>
      </c>
      <c r="F93529" s="14" t="s">
        <v>61</v>
      </c>
      <c r="G93529" s="16">
        <v>0</v>
      </c>
    </row>
    <row r="93530" spans="1:7" x14ac:dyDescent="0.3">
      <c r="A93530" s="13" t="s">
        <v>466</v>
      </c>
      <c r="B93530" s="14" t="s">
        <v>1</v>
      </c>
      <c r="C93530" s="14" t="s">
        <v>252</v>
      </c>
      <c r="D93530" s="14" t="s">
        <v>246</v>
      </c>
      <c r="E93530" s="15">
        <v>45466</v>
      </c>
      <c r="F93530" s="14" t="s">
        <v>61</v>
      </c>
      <c r="G93530" s="16">
        <v>0</v>
      </c>
    </row>
    <row r="93531" spans="1:7" x14ac:dyDescent="0.3">
      <c r="A93531" s="13" t="s">
        <v>466</v>
      </c>
      <c r="B93531" s="14" t="s">
        <v>1</v>
      </c>
      <c r="C93531" s="14" t="s">
        <v>252</v>
      </c>
      <c r="D93531" s="14" t="s">
        <v>246</v>
      </c>
      <c r="E93531" s="15">
        <v>45467</v>
      </c>
      <c r="F93531" s="14" t="s">
        <v>61</v>
      </c>
      <c r="G93531" s="16">
        <v>0</v>
      </c>
    </row>
    <row r="93532" spans="1:7" x14ac:dyDescent="0.3">
      <c r="A93532" s="13" t="s">
        <v>466</v>
      </c>
      <c r="B93532" s="14" t="s">
        <v>1</v>
      </c>
      <c r="C93532" s="14" t="s">
        <v>252</v>
      </c>
      <c r="D93532" s="14" t="s">
        <v>246</v>
      </c>
      <c r="E93532" s="15">
        <v>45468</v>
      </c>
      <c r="F93532" s="14" t="s">
        <v>61</v>
      </c>
      <c r="G93532" s="16">
        <v>0</v>
      </c>
    </row>
    <row r="93533" spans="1:7" x14ac:dyDescent="0.3">
      <c r="A93533" s="13" t="s">
        <v>466</v>
      </c>
      <c r="B93533" s="14" t="s">
        <v>1</v>
      </c>
      <c r="C93533" s="14" t="s">
        <v>252</v>
      </c>
      <c r="D93533" s="14" t="s">
        <v>246</v>
      </c>
      <c r="E93533" s="15">
        <v>45469</v>
      </c>
      <c r="F93533" s="14" t="s">
        <v>61</v>
      </c>
      <c r="G93533" s="16">
        <v>0</v>
      </c>
    </row>
    <row r="93534" spans="1:7" x14ac:dyDescent="0.3">
      <c r="A93534" s="13" t="s">
        <v>466</v>
      </c>
      <c r="B93534" s="14" t="s">
        <v>1</v>
      </c>
      <c r="C93534" s="14" t="s">
        <v>252</v>
      </c>
      <c r="D93534" s="14" t="s">
        <v>246</v>
      </c>
      <c r="E93534" s="15">
        <v>45470</v>
      </c>
      <c r="F93534" s="14" t="s">
        <v>61</v>
      </c>
      <c r="G93534" s="16">
        <v>0</v>
      </c>
    </row>
    <row r="93535" spans="1:7" x14ac:dyDescent="0.3">
      <c r="A93535" s="13" t="s">
        <v>466</v>
      </c>
      <c r="B93535" s="14" t="s">
        <v>1</v>
      </c>
      <c r="C93535" s="14" t="s">
        <v>252</v>
      </c>
      <c r="D93535" s="14" t="s">
        <v>246</v>
      </c>
      <c r="E93535" s="15">
        <v>45471</v>
      </c>
      <c r="F93535" s="14" t="s">
        <v>61</v>
      </c>
      <c r="G93535" s="16">
        <v>0</v>
      </c>
    </row>
    <row r="93536" spans="1:7" x14ac:dyDescent="0.3">
      <c r="A93536" s="13" t="s">
        <v>466</v>
      </c>
      <c r="B93536" s="14" t="s">
        <v>1</v>
      </c>
      <c r="C93536" s="14" t="s">
        <v>252</v>
      </c>
      <c r="D93536" s="14" t="s">
        <v>246</v>
      </c>
      <c r="E93536" s="15">
        <v>45472</v>
      </c>
      <c r="F93536" s="14" t="s">
        <v>61</v>
      </c>
      <c r="G93536" s="16">
        <v>0</v>
      </c>
    </row>
    <row r="93537" spans="1:7" x14ac:dyDescent="0.3">
      <c r="A93537" s="13" t="s">
        <v>466</v>
      </c>
      <c r="B93537" s="14" t="s">
        <v>1</v>
      </c>
      <c r="C93537" s="14" t="s">
        <v>252</v>
      </c>
      <c r="D93537" s="14" t="s">
        <v>246</v>
      </c>
      <c r="E93537" s="15">
        <v>45473</v>
      </c>
      <c r="F93537" s="14" t="s">
        <v>61</v>
      </c>
      <c r="G93537" s="16">
        <v>0</v>
      </c>
    </row>
    <row r="93538" spans="1:7" x14ac:dyDescent="0.3">
      <c r="A93538" s="13" t="s">
        <v>466</v>
      </c>
      <c r="B93538" s="14" t="s">
        <v>1</v>
      </c>
      <c r="C93538" s="14" t="s">
        <v>252</v>
      </c>
      <c r="D93538" s="14" t="s">
        <v>246</v>
      </c>
      <c r="E93538" s="15">
        <v>45474</v>
      </c>
      <c r="F93538" s="14" t="s">
        <v>61</v>
      </c>
      <c r="G93538" s="16">
        <v>0</v>
      </c>
    </row>
    <row r="93539" spans="1:7" x14ac:dyDescent="0.3">
      <c r="A93539" s="13" t="s">
        <v>466</v>
      </c>
      <c r="B93539" s="14" t="s">
        <v>1</v>
      </c>
      <c r="C93539" s="14" t="s">
        <v>252</v>
      </c>
      <c r="D93539" s="14" t="s">
        <v>246</v>
      </c>
      <c r="E93539" s="15">
        <v>45475</v>
      </c>
      <c r="F93539" s="14" t="s">
        <v>61</v>
      </c>
      <c r="G93539" s="16">
        <v>0</v>
      </c>
    </row>
    <row r="93540" spans="1:7" x14ac:dyDescent="0.3">
      <c r="A93540" s="13" t="s">
        <v>466</v>
      </c>
      <c r="B93540" s="14" t="s">
        <v>1</v>
      </c>
      <c r="C93540" s="14" t="s">
        <v>252</v>
      </c>
      <c r="D93540" s="14" t="s">
        <v>246</v>
      </c>
      <c r="E93540" s="15">
        <v>45476</v>
      </c>
      <c r="F93540" s="14" t="s">
        <v>61</v>
      </c>
      <c r="G93540" s="16">
        <v>0</v>
      </c>
    </row>
    <row r="93541" spans="1:7" x14ac:dyDescent="0.3">
      <c r="A93541" s="13" t="s">
        <v>466</v>
      </c>
      <c r="B93541" s="14" t="s">
        <v>1</v>
      </c>
      <c r="C93541" s="14" t="s">
        <v>252</v>
      </c>
      <c r="D93541" s="14" t="s">
        <v>246</v>
      </c>
      <c r="E93541" s="15">
        <v>45477</v>
      </c>
      <c r="F93541" s="14" t="s">
        <v>61</v>
      </c>
      <c r="G93541" s="16">
        <v>0</v>
      </c>
    </row>
    <row r="93542" spans="1:7" x14ac:dyDescent="0.3">
      <c r="A93542" s="13" t="s">
        <v>466</v>
      </c>
      <c r="B93542" s="14" t="s">
        <v>1</v>
      </c>
      <c r="C93542" s="14" t="s">
        <v>252</v>
      </c>
      <c r="D93542" s="14" t="s">
        <v>246</v>
      </c>
      <c r="E93542" s="15">
        <v>45478</v>
      </c>
      <c r="F93542" s="14" t="s">
        <v>61</v>
      </c>
      <c r="G93542" s="16">
        <v>0</v>
      </c>
    </row>
    <row r="93543" spans="1:7" x14ac:dyDescent="0.3">
      <c r="A93543" s="13" t="s">
        <v>466</v>
      </c>
      <c r="B93543" s="14" t="s">
        <v>1</v>
      </c>
      <c r="C93543" s="14" t="s">
        <v>252</v>
      </c>
      <c r="D93543" s="14" t="s">
        <v>246</v>
      </c>
      <c r="E93543" s="15">
        <v>45479</v>
      </c>
      <c r="F93543" s="14" t="s">
        <v>61</v>
      </c>
      <c r="G93543" s="16">
        <v>0</v>
      </c>
    </row>
    <row r="93544" spans="1:7" x14ac:dyDescent="0.3">
      <c r="A93544" s="13" t="s">
        <v>466</v>
      </c>
      <c r="B93544" s="14" t="s">
        <v>1</v>
      </c>
      <c r="C93544" s="14" t="s">
        <v>252</v>
      </c>
      <c r="D93544" s="14" t="s">
        <v>246</v>
      </c>
      <c r="E93544" s="15">
        <v>45480</v>
      </c>
      <c r="F93544" s="14" t="s">
        <v>61</v>
      </c>
      <c r="G93544" s="16">
        <v>0</v>
      </c>
    </row>
    <row r="93545" spans="1:7" x14ac:dyDescent="0.3">
      <c r="A93545" s="13" t="s">
        <v>466</v>
      </c>
      <c r="B93545" s="14" t="s">
        <v>1</v>
      </c>
      <c r="C93545" s="14" t="s">
        <v>252</v>
      </c>
      <c r="D93545" s="14" t="s">
        <v>246</v>
      </c>
      <c r="E93545" s="15">
        <v>45481</v>
      </c>
      <c r="F93545" s="14" t="s">
        <v>61</v>
      </c>
      <c r="G93545" s="16">
        <v>0</v>
      </c>
    </row>
    <row r="93546" spans="1:7" x14ac:dyDescent="0.3">
      <c r="A93546" s="13" t="s">
        <v>466</v>
      </c>
      <c r="B93546" s="14" t="s">
        <v>1</v>
      </c>
      <c r="C93546" s="14" t="s">
        <v>252</v>
      </c>
      <c r="D93546" s="14" t="s">
        <v>246</v>
      </c>
      <c r="E93546" s="15">
        <v>45482</v>
      </c>
      <c r="F93546" s="14" t="s">
        <v>61</v>
      </c>
      <c r="G93546" s="16">
        <v>0</v>
      </c>
    </row>
    <row r="93547" spans="1:7" x14ac:dyDescent="0.3">
      <c r="A93547" s="13" t="s">
        <v>466</v>
      </c>
      <c r="B93547" s="14" t="s">
        <v>1</v>
      </c>
      <c r="C93547" s="14" t="s">
        <v>252</v>
      </c>
      <c r="D93547" s="14" t="s">
        <v>246</v>
      </c>
      <c r="E93547" s="15">
        <v>45483</v>
      </c>
      <c r="F93547" s="14" t="s">
        <v>61</v>
      </c>
      <c r="G93547" s="16">
        <v>0</v>
      </c>
    </row>
    <row r="93548" spans="1:7" x14ac:dyDescent="0.3">
      <c r="A93548" s="13" t="s">
        <v>466</v>
      </c>
      <c r="B93548" s="14" t="s">
        <v>1</v>
      </c>
      <c r="C93548" s="14" t="s">
        <v>252</v>
      </c>
      <c r="D93548" s="14" t="s">
        <v>246</v>
      </c>
      <c r="E93548" s="15">
        <v>45484</v>
      </c>
      <c r="F93548" s="14" t="s">
        <v>61</v>
      </c>
      <c r="G93548" s="16">
        <v>0</v>
      </c>
    </row>
    <row r="93549" spans="1:7" x14ac:dyDescent="0.3">
      <c r="A93549" s="13" t="s">
        <v>466</v>
      </c>
      <c r="B93549" s="14" t="s">
        <v>1</v>
      </c>
      <c r="C93549" s="14" t="s">
        <v>252</v>
      </c>
      <c r="D93549" s="14" t="s">
        <v>246</v>
      </c>
      <c r="E93549" s="15">
        <v>45485</v>
      </c>
      <c r="F93549" s="14" t="s">
        <v>61</v>
      </c>
      <c r="G93549" s="16">
        <v>0</v>
      </c>
    </row>
    <row r="93550" spans="1:7" x14ac:dyDescent="0.3">
      <c r="A93550" s="13" t="s">
        <v>466</v>
      </c>
      <c r="B93550" s="14" t="s">
        <v>1</v>
      </c>
      <c r="C93550" s="14" t="s">
        <v>252</v>
      </c>
      <c r="D93550" s="14" t="s">
        <v>246</v>
      </c>
      <c r="E93550" s="15">
        <v>45486</v>
      </c>
      <c r="F93550" s="14" t="s">
        <v>61</v>
      </c>
      <c r="G93550" s="16">
        <v>0</v>
      </c>
    </row>
    <row r="93551" spans="1:7" x14ac:dyDescent="0.3">
      <c r="A93551" s="13" t="s">
        <v>466</v>
      </c>
      <c r="B93551" s="14" t="s">
        <v>1</v>
      </c>
      <c r="C93551" s="14" t="s">
        <v>252</v>
      </c>
      <c r="D93551" s="14" t="s">
        <v>246</v>
      </c>
      <c r="E93551" s="15">
        <v>45487</v>
      </c>
      <c r="F93551" s="14" t="s">
        <v>61</v>
      </c>
      <c r="G93551" s="16">
        <v>0</v>
      </c>
    </row>
    <row r="93552" spans="1:7" x14ac:dyDescent="0.3">
      <c r="A93552" s="13" t="s">
        <v>466</v>
      </c>
      <c r="B93552" s="14" t="s">
        <v>1</v>
      </c>
      <c r="C93552" s="14" t="s">
        <v>252</v>
      </c>
      <c r="D93552" s="14" t="s">
        <v>246</v>
      </c>
      <c r="E93552" s="15">
        <v>45488</v>
      </c>
      <c r="F93552" s="14" t="s">
        <v>61</v>
      </c>
      <c r="G93552" s="16">
        <v>0</v>
      </c>
    </row>
    <row r="93553" spans="1:7" x14ac:dyDescent="0.3">
      <c r="A93553" s="13" t="s">
        <v>466</v>
      </c>
      <c r="B93553" s="14" t="s">
        <v>1</v>
      </c>
      <c r="C93553" s="14" t="s">
        <v>252</v>
      </c>
      <c r="D93553" s="14" t="s">
        <v>246</v>
      </c>
      <c r="E93553" s="15">
        <v>45489</v>
      </c>
      <c r="F93553" s="14" t="s">
        <v>61</v>
      </c>
      <c r="G93553" s="16">
        <v>0</v>
      </c>
    </row>
    <row r="93554" spans="1:7" x14ac:dyDescent="0.3">
      <c r="A93554" s="13" t="s">
        <v>466</v>
      </c>
      <c r="B93554" s="14" t="s">
        <v>1</v>
      </c>
      <c r="C93554" s="14" t="s">
        <v>252</v>
      </c>
      <c r="D93554" s="14" t="s">
        <v>246</v>
      </c>
      <c r="E93554" s="15">
        <v>45490</v>
      </c>
      <c r="F93554" s="14" t="s">
        <v>61</v>
      </c>
      <c r="G93554" s="16">
        <v>0</v>
      </c>
    </row>
    <row r="93555" spans="1:7" x14ac:dyDescent="0.3">
      <c r="A93555" s="13" t="s">
        <v>466</v>
      </c>
      <c r="B93555" s="14" t="s">
        <v>1</v>
      </c>
      <c r="C93555" s="14" t="s">
        <v>252</v>
      </c>
      <c r="D93555" s="14" t="s">
        <v>246</v>
      </c>
      <c r="E93555" s="15">
        <v>45491</v>
      </c>
      <c r="F93555" s="14" t="s">
        <v>61</v>
      </c>
      <c r="G93555" s="16">
        <v>0</v>
      </c>
    </row>
    <row r="93556" spans="1:7" x14ac:dyDescent="0.3">
      <c r="A93556" s="13" t="s">
        <v>466</v>
      </c>
      <c r="B93556" s="14" t="s">
        <v>1</v>
      </c>
      <c r="C93556" s="14" t="s">
        <v>252</v>
      </c>
      <c r="D93556" s="14" t="s">
        <v>246</v>
      </c>
      <c r="E93556" s="15">
        <v>45492</v>
      </c>
      <c r="F93556" s="14" t="s">
        <v>61</v>
      </c>
      <c r="G93556" s="16">
        <v>0</v>
      </c>
    </row>
    <row r="93557" spans="1:7" x14ac:dyDescent="0.3">
      <c r="A93557" s="13" t="s">
        <v>466</v>
      </c>
      <c r="B93557" s="14" t="s">
        <v>1</v>
      </c>
      <c r="C93557" s="14" t="s">
        <v>252</v>
      </c>
      <c r="D93557" s="14" t="s">
        <v>246</v>
      </c>
      <c r="E93557" s="15">
        <v>45493</v>
      </c>
      <c r="F93557" s="14" t="s">
        <v>61</v>
      </c>
      <c r="G93557" s="16">
        <v>0</v>
      </c>
    </row>
    <row r="93558" spans="1:7" x14ac:dyDescent="0.3">
      <c r="A93558" s="13" t="s">
        <v>466</v>
      </c>
      <c r="B93558" s="14" t="s">
        <v>1</v>
      </c>
      <c r="C93558" s="14" t="s">
        <v>252</v>
      </c>
      <c r="D93558" s="14" t="s">
        <v>246</v>
      </c>
      <c r="E93558" s="15">
        <v>45494</v>
      </c>
      <c r="F93558" s="14" t="s">
        <v>61</v>
      </c>
      <c r="G93558" s="16">
        <v>0</v>
      </c>
    </row>
    <row r="93559" spans="1:7" x14ac:dyDescent="0.3">
      <c r="A93559" s="13" t="s">
        <v>466</v>
      </c>
      <c r="B93559" s="14" t="s">
        <v>1</v>
      </c>
      <c r="C93559" s="14" t="s">
        <v>252</v>
      </c>
      <c r="D93559" s="14" t="s">
        <v>246</v>
      </c>
      <c r="E93559" s="15">
        <v>45495</v>
      </c>
      <c r="F93559" s="14" t="s">
        <v>61</v>
      </c>
      <c r="G93559" s="16">
        <v>0</v>
      </c>
    </row>
    <row r="93560" spans="1:7" x14ac:dyDescent="0.3">
      <c r="A93560" s="13" t="s">
        <v>466</v>
      </c>
      <c r="B93560" s="14" t="s">
        <v>1</v>
      </c>
      <c r="C93560" s="14" t="s">
        <v>252</v>
      </c>
      <c r="D93560" s="14" t="s">
        <v>246</v>
      </c>
      <c r="E93560" s="15">
        <v>45496</v>
      </c>
      <c r="F93560" s="14" t="s">
        <v>61</v>
      </c>
      <c r="G93560" s="16">
        <v>0</v>
      </c>
    </row>
    <row r="93561" spans="1:7" x14ac:dyDescent="0.3">
      <c r="A93561" s="13" t="s">
        <v>466</v>
      </c>
      <c r="B93561" s="14" t="s">
        <v>1</v>
      </c>
      <c r="C93561" s="14" t="s">
        <v>252</v>
      </c>
      <c r="D93561" s="14" t="s">
        <v>246</v>
      </c>
      <c r="E93561" s="15">
        <v>45497</v>
      </c>
      <c r="F93561" s="14" t="s">
        <v>61</v>
      </c>
      <c r="G93561" s="16">
        <v>0</v>
      </c>
    </row>
    <row r="93562" spans="1:7" x14ac:dyDescent="0.3">
      <c r="A93562" s="13" t="s">
        <v>466</v>
      </c>
      <c r="B93562" s="14" t="s">
        <v>1</v>
      </c>
      <c r="C93562" s="14" t="s">
        <v>252</v>
      </c>
      <c r="D93562" s="14" t="s">
        <v>246</v>
      </c>
      <c r="E93562" s="15">
        <v>45498</v>
      </c>
      <c r="F93562" s="14" t="s">
        <v>61</v>
      </c>
      <c r="G93562" s="16">
        <v>0</v>
      </c>
    </row>
    <row r="93563" spans="1:7" x14ac:dyDescent="0.3">
      <c r="A93563" s="13" t="s">
        <v>466</v>
      </c>
      <c r="B93563" s="14" t="s">
        <v>1</v>
      </c>
      <c r="C93563" s="14" t="s">
        <v>252</v>
      </c>
      <c r="D93563" s="14" t="s">
        <v>246</v>
      </c>
      <c r="E93563" s="15">
        <v>45499</v>
      </c>
      <c r="F93563" s="14" t="s">
        <v>61</v>
      </c>
      <c r="G93563" s="16">
        <v>0</v>
      </c>
    </row>
    <row r="93564" spans="1:7" x14ac:dyDescent="0.3">
      <c r="A93564" s="13" t="s">
        <v>466</v>
      </c>
      <c r="B93564" s="14" t="s">
        <v>1</v>
      </c>
      <c r="C93564" s="14" t="s">
        <v>252</v>
      </c>
      <c r="D93564" s="14" t="s">
        <v>246</v>
      </c>
      <c r="E93564" s="15">
        <v>45500</v>
      </c>
      <c r="F93564" s="14" t="s">
        <v>61</v>
      </c>
      <c r="G93564" s="16">
        <v>0</v>
      </c>
    </row>
    <row r="93565" spans="1:7" x14ac:dyDescent="0.3">
      <c r="A93565" s="13" t="s">
        <v>466</v>
      </c>
      <c r="B93565" s="14" t="s">
        <v>1</v>
      </c>
      <c r="C93565" s="14" t="s">
        <v>252</v>
      </c>
      <c r="D93565" s="14" t="s">
        <v>246</v>
      </c>
      <c r="E93565" s="15">
        <v>45501</v>
      </c>
      <c r="F93565" s="14" t="s">
        <v>61</v>
      </c>
      <c r="G93565" s="16">
        <v>0</v>
      </c>
    </row>
    <row r="93566" spans="1:7" x14ac:dyDescent="0.3">
      <c r="A93566" s="13" t="s">
        <v>466</v>
      </c>
      <c r="B93566" s="14" t="s">
        <v>1</v>
      </c>
      <c r="C93566" s="14" t="s">
        <v>252</v>
      </c>
      <c r="D93566" s="14" t="s">
        <v>246</v>
      </c>
      <c r="E93566" s="15">
        <v>45502</v>
      </c>
      <c r="F93566" s="14" t="s">
        <v>61</v>
      </c>
      <c r="G93566" s="16">
        <v>0</v>
      </c>
    </row>
    <row r="93567" spans="1:7" x14ac:dyDescent="0.3">
      <c r="A93567" s="13" t="s">
        <v>466</v>
      </c>
      <c r="B93567" s="14" t="s">
        <v>1</v>
      </c>
      <c r="C93567" s="14" t="s">
        <v>252</v>
      </c>
      <c r="D93567" s="14" t="s">
        <v>246</v>
      </c>
      <c r="E93567" s="15">
        <v>45503</v>
      </c>
      <c r="F93567" s="14" t="s">
        <v>61</v>
      </c>
      <c r="G93567" s="16">
        <v>0</v>
      </c>
    </row>
    <row r="93568" spans="1:7" x14ac:dyDescent="0.3">
      <c r="A93568" s="13" t="s">
        <v>466</v>
      </c>
      <c r="B93568" s="14" t="s">
        <v>1</v>
      </c>
      <c r="C93568" s="14" t="s">
        <v>252</v>
      </c>
      <c r="D93568" s="14" t="s">
        <v>246</v>
      </c>
      <c r="E93568" s="15">
        <v>45504</v>
      </c>
      <c r="F93568" s="14" t="s">
        <v>61</v>
      </c>
      <c r="G93568" s="16">
        <v>0</v>
      </c>
    </row>
    <row r="93569" spans="1:7" x14ac:dyDescent="0.3">
      <c r="A93569" s="13" t="s">
        <v>466</v>
      </c>
      <c r="B93569" s="14" t="s">
        <v>1</v>
      </c>
      <c r="C93569" s="14" t="s">
        <v>252</v>
      </c>
      <c r="D93569" s="14" t="s">
        <v>246</v>
      </c>
      <c r="E93569" s="15">
        <v>45505</v>
      </c>
      <c r="F93569" s="14" t="s">
        <v>61</v>
      </c>
      <c r="G93569" s="16">
        <v>0</v>
      </c>
    </row>
    <row r="93570" spans="1:7" x14ac:dyDescent="0.3">
      <c r="A93570" s="13" t="s">
        <v>466</v>
      </c>
      <c r="B93570" s="14" t="s">
        <v>1</v>
      </c>
      <c r="C93570" s="14" t="s">
        <v>252</v>
      </c>
      <c r="D93570" s="14" t="s">
        <v>246</v>
      </c>
      <c r="E93570" s="15">
        <v>45506</v>
      </c>
      <c r="F93570" s="14" t="s">
        <v>61</v>
      </c>
      <c r="G93570" s="16">
        <v>0</v>
      </c>
    </row>
    <row r="93571" spans="1:7" x14ac:dyDescent="0.3">
      <c r="A93571" s="13" t="s">
        <v>466</v>
      </c>
      <c r="B93571" s="14" t="s">
        <v>1</v>
      </c>
      <c r="C93571" s="14" t="s">
        <v>252</v>
      </c>
      <c r="D93571" s="14" t="s">
        <v>246</v>
      </c>
      <c r="E93571" s="15">
        <v>45507</v>
      </c>
      <c r="F93571" s="14" t="s">
        <v>61</v>
      </c>
      <c r="G93571" s="16">
        <v>0</v>
      </c>
    </row>
    <row r="93572" spans="1:7" x14ac:dyDescent="0.3">
      <c r="A93572" s="13" t="s">
        <v>466</v>
      </c>
      <c r="B93572" s="14" t="s">
        <v>1</v>
      </c>
      <c r="C93572" s="14" t="s">
        <v>252</v>
      </c>
      <c r="D93572" s="14" t="s">
        <v>246</v>
      </c>
      <c r="E93572" s="15">
        <v>45508</v>
      </c>
      <c r="F93572" s="14" t="s">
        <v>61</v>
      </c>
      <c r="G93572" s="16">
        <v>0</v>
      </c>
    </row>
    <row r="93573" spans="1:7" x14ac:dyDescent="0.3">
      <c r="A93573" s="13" t="s">
        <v>466</v>
      </c>
      <c r="B93573" s="14" t="s">
        <v>1</v>
      </c>
      <c r="C93573" s="14" t="s">
        <v>252</v>
      </c>
      <c r="D93573" s="14" t="s">
        <v>246</v>
      </c>
      <c r="E93573" s="15">
        <v>45509</v>
      </c>
      <c r="F93573" s="14" t="s">
        <v>61</v>
      </c>
      <c r="G93573" s="16">
        <v>0</v>
      </c>
    </row>
    <row r="93574" spans="1:7" x14ac:dyDescent="0.3">
      <c r="A93574" s="13" t="s">
        <v>466</v>
      </c>
      <c r="B93574" s="14" t="s">
        <v>1</v>
      </c>
      <c r="C93574" s="14" t="s">
        <v>252</v>
      </c>
      <c r="D93574" s="14" t="s">
        <v>246</v>
      </c>
      <c r="E93574" s="15">
        <v>45510</v>
      </c>
      <c r="F93574" s="14" t="s">
        <v>61</v>
      </c>
      <c r="G93574" s="16">
        <v>0</v>
      </c>
    </row>
    <row r="93575" spans="1:7" x14ac:dyDescent="0.3">
      <c r="A93575" s="13" t="s">
        <v>466</v>
      </c>
      <c r="B93575" s="14" t="s">
        <v>1</v>
      </c>
      <c r="C93575" s="14" t="s">
        <v>252</v>
      </c>
      <c r="D93575" s="14" t="s">
        <v>246</v>
      </c>
      <c r="E93575" s="15">
        <v>45511</v>
      </c>
      <c r="F93575" s="14" t="s">
        <v>61</v>
      </c>
      <c r="G93575" s="16">
        <v>0</v>
      </c>
    </row>
    <row r="93576" spans="1:7" x14ac:dyDescent="0.3">
      <c r="A93576" s="13" t="s">
        <v>466</v>
      </c>
      <c r="B93576" s="14" t="s">
        <v>1</v>
      </c>
      <c r="C93576" s="14" t="s">
        <v>252</v>
      </c>
      <c r="D93576" s="14" t="s">
        <v>246</v>
      </c>
      <c r="E93576" s="15">
        <v>45512</v>
      </c>
      <c r="F93576" s="14" t="s">
        <v>61</v>
      </c>
      <c r="G93576" s="16">
        <v>0</v>
      </c>
    </row>
    <row r="93577" spans="1:7" x14ac:dyDescent="0.3">
      <c r="A93577" s="13" t="s">
        <v>466</v>
      </c>
      <c r="B93577" s="14" t="s">
        <v>1</v>
      </c>
      <c r="C93577" s="14" t="s">
        <v>252</v>
      </c>
      <c r="D93577" s="14" t="s">
        <v>246</v>
      </c>
      <c r="E93577" s="15">
        <v>45513</v>
      </c>
      <c r="F93577" s="14" t="s">
        <v>61</v>
      </c>
      <c r="G93577" s="16">
        <v>0</v>
      </c>
    </row>
    <row r="93578" spans="1:7" x14ac:dyDescent="0.3">
      <c r="A93578" s="13" t="s">
        <v>466</v>
      </c>
      <c r="B93578" s="14" t="s">
        <v>1</v>
      </c>
      <c r="C93578" s="14" t="s">
        <v>252</v>
      </c>
      <c r="D93578" s="14" t="s">
        <v>246</v>
      </c>
      <c r="E93578" s="15">
        <v>45514</v>
      </c>
      <c r="F93578" s="14" t="s">
        <v>61</v>
      </c>
      <c r="G93578" s="16">
        <v>0</v>
      </c>
    </row>
    <row r="93579" spans="1:7" x14ac:dyDescent="0.3">
      <c r="A93579" s="13" t="s">
        <v>466</v>
      </c>
      <c r="B93579" s="14" t="s">
        <v>1</v>
      </c>
      <c r="C93579" s="14" t="s">
        <v>252</v>
      </c>
      <c r="D93579" s="14" t="s">
        <v>246</v>
      </c>
      <c r="E93579" s="15">
        <v>45515</v>
      </c>
      <c r="F93579" s="14" t="s">
        <v>61</v>
      </c>
      <c r="G93579" s="16">
        <v>0</v>
      </c>
    </row>
    <row r="93580" spans="1:7" x14ac:dyDescent="0.3">
      <c r="A93580" s="13" t="s">
        <v>466</v>
      </c>
      <c r="B93580" s="14" t="s">
        <v>1</v>
      </c>
      <c r="C93580" s="14" t="s">
        <v>252</v>
      </c>
      <c r="D93580" s="14" t="s">
        <v>246</v>
      </c>
      <c r="E93580" s="15">
        <v>45516</v>
      </c>
      <c r="F93580" s="14" t="s">
        <v>61</v>
      </c>
      <c r="G93580" s="16">
        <v>0</v>
      </c>
    </row>
    <row r="93581" spans="1:7" x14ac:dyDescent="0.3">
      <c r="A93581" s="13" t="s">
        <v>466</v>
      </c>
      <c r="B93581" s="14" t="s">
        <v>1</v>
      </c>
      <c r="C93581" s="14" t="s">
        <v>252</v>
      </c>
      <c r="D93581" s="14" t="s">
        <v>246</v>
      </c>
      <c r="E93581" s="15">
        <v>45517</v>
      </c>
      <c r="F93581" s="14" t="s">
        <v>61</v>
      </c>
      <c r="G93581" s="16">
        <v>0</v>
      </c>
    </row>
    <row r="93582" spans="1:7" x14ac:dyDescent="0.3">
      <c r="A93582" s="13" t="s">
        <v>466</v>
      </c>
      <c r="B93582" s="14" t="s">
        <v>1</v>
      </c>
      <c r="C93582" s="14" t="s">
        <v>252</v>
      </c>
      <c r="D93582" s="14" t="s">
        <v>246</v>
      </c>
      <c r="E93582" s="15">
        <v>45518</v>
      </c>
      <c r="F93582" s="14" t="s">
        <v>61</v>
      </c>
      <c r="G93582" s="16">
        <v>0</v>
      </c>
    </row>
    <row r="93583" spans="1:7" x14ac:dyDescent="0.3">
      <c r="A93583" s="13" t="s">
        <v>466</v>
      </c>
      <c r="B93583" s="14" t="s">
        <v>1</v>
      </c>
      <c r="C93583" s="14" t="s">
        <v>252</v>
      </c>
      <c r="D93583" s="14" t="s">
        <v>246</v>
      </c>
      <c r="E93583" s="15">
        <v>45519</v>
      </c>
      <c r="F93583" s="14" t="s">
        <v>61</v>
      </c>
      <c r="G93583" s="16">
        <v>0</v>
      </c>
    </row>
    <row r="93584" spans="1:7" x14ac:dyDescent="0.3">
      <c r="A93584" s="13" t="s">
        <v>466</v>
      </c>
      <c r="B93584" s="14" t="s">
        <v>1</v>
      </c>
      <c r="C93584" s="14" t="s">
        <v>252</v>
      </c>
      <c r="D93584" s="14" t="s">
        <v>246</v>
      </c>
      <c r="E93584" s="15">
        <v>45520</v>
      </c>
      <c r="F93584" s="14" t="s">
        <v>61</v>
      </c>
      <c r="G93584" s="16">
        <v>0</v>
      </c>
    </row>
    <row r="93585" spans="1:7" x14ac:dyDescent="0.3">
      <c r="A93585" s="13" t="s">
        <v>466</v>
      </c>
      <c r="B93585" s="14" t="s">
        <v>1</v>
      </c>
      <c r="C93585" s="14" t="s">
        <v>252</v>
      </c>
      <c r="D93585" s="14" t="s">
        <v>246</v>
      </c>
      <c r="E93585" s="15">
        <v>45521</v>
      </c>
      <c r="F93585" s="14" t="s">
        <v>61</v>
      </c>
      <c r="G93585" s="16">
        <v>0</v>
      </c>
    </row>
    <row r="93586" spans="1:7" x14ac:dyDescent="0.3">
      <c r="A93586" s="13" t="s">
        <v>466</v>
      </c>
      <c r="B93586" s="14" t="s">
        <v>1</v>
      </c>
      <c r="C93586" s="14" t="s">
        <v>252</v>
      </c>
      <c r="D93586" s="14" t="s">
        <v>246</v>
      </c>
      <c r="E93586" s="15">
        <v>45522</v>
      </c>
      <c r="F93586" s="14" t="s">
        <v>61</v>
      </c>
      <c r="G93586" s="16">
        <v>0</v>
      </c>
    </row>
    <row r="93587" spans="1:7" x14ac:dyDescent="0.3">
      <c r="A93587" s="13" t="s">
        <v>466</v>
      </c>
      <c r="B93587" s="14" t="s">
        <v>1</v>
      </c>
      <c r="C93587" s="14" t="s">
        <v>252</v>
      </c>
      <c r="D93587" s="14" t="s">
        <v>246</v>
      </c>
      <c r="E93587" s="15">
        <v>45523</v>
      </c>
      <c r="F93587" s="14" t="s">
        <v>61</v>
      </c>
      <c r="G93587" s="16">
        <v>0</v>
      </c>
    </row>
    <row r="93588" spans="1:7" x14ac:dyDescent="0.3">
      <c r="A93588" s="13" t="s">
        <v>466</v>
      </c>
      <c r="B93588" s="14" t="s">
        <v>1</v>
      </c>
      <c r="C93588" s="14" t="s">
        <v>252</v>
      </c>
      <c r="D93588" s="14" t="s">
        <v>246</v>
      </c>
      <c r="E93588" s="15">
        <v>45524</v>
      </c>
      <c r="F93588" s="14" t="s">
        <v>61</v>
      </c>
      <c r="G93588" s="16">
        <v>0</v>
      </c>
    </row>
    <row r="93589" spans="1:7" x14ac:dyDescent="0.3">
      <c r="A93589" s="13" t="s">
        <v>466</v>
      </c>
      <c r="B93589" s="14" t="s">
        <v>1</v>
      </c>
      <c r="C93589" s="14" t="s">
        <v>252</v>
      </c>
      <c r="D93589" s="14" t="s">
        <v>246</v>
      </c>
      <c r="E93589" s="15">
        <v>45525</v>
      </c>
      <c r="F93589" s="14" t="s">
        <v>61</v>
      </c>
      <c r="G93589" s="16">
        <v>0</v>
      </c>
    </row>
    <row r="93590" spans="1:7" x14ac:dyDescent="0.3">
      <c r="A93590" s="13" t="s">
        <v>466</v>
      </c>
      <c r="B93590" s="14" t="s">
        <v>1</v>
      </c>
      <c r="C93590" s="14" t="s">
        <v>252</v>
      </c>
      <c r="D93590" s="14" t="s">
        <v>246</v>
      </c>
      <c r="E93590" s="15">
        <v>45526</v>
      </c>
      <c r="F93590" s="14" t="s">
        <v>61</v>
      </c>
      <c r="G93590" s="16">
        <v>0</v>
      </c>
    </row>
    <row r="93591" spans="1:7" x14ac:dyDescent="0.3">
      <c r="A93591" s="13" t="s">
        <v>466</v>
      </c>
      <c r="B93591" s="14" t="s">
        <v>1</v>
      </c>
      <c r="C93591" s="14" t="s">
        <v>252</v>
      </c>
      <c r="D93591" s="14" t="s">
        <v>246</v>
      </c>
      <c r="E93591" s="15">
        <v>45527</v>
      </c>
      <c r="F93591" s="14" t="s">
        <v>61</v>
      </c>
      <c r="G93591" s="16">
        <v>0</v>
      </c>
    </row>
    <row r="93592" spans="1:7" x14ac:dyDescent="0.3">
      <c r="A93592" s="13" t="s">
        <v>466</v>
      </c>
      <c r="B93592" s="14" t="s">
        <v>1</v>
      </c>
      <c r="C93592" s="14" t="s">
        <v>252</v>
      </c>
      <c r="D93592" s="14" t="s">
        <v>246</v>
      </c>
      <c r="E93592" s="15">
        <v>45528</v>
      </c>
      <c r="F93592" s="14" t="s">
        <v>61</v>
      </c>
      <c r="G93592" s="16">
        <v>0</v>
      </c>
    </row>
    <row r="93593" spans="1:7" x14ac:dyDescent="0.3">
      <c r="A93593" s="13" t="s">
        <v>466</v>
      </c>
      <c r="B93593" s="14" t="s">
        <v>1</v>
      </c>
      <c r="C93593" s="14" t="s">
        <v>252</v>
      </c>
      <c r="D93593" s="14" t="s">
        <v>246</v>
      </c>
      <c r="E93593" s="15">
        <v>45529</v>
      </c>
      <c r="F93593" s="14" t="s">
        <v>61</v>
      </c>
      <c r="G93593" s="16">
        <v>0</v>
      </c>
    </row>
    <row r="93594" spans="1:7" x14ac:dyDescent="0.3">
      <c r="A93594" s="13" t="s">
        <v>466</v>
      </c>
      <c r="B93594" s="14" t="s">
        <v>1</v>
      </c>
      <c r="C93594" s="14" t="s">
        <v>252</v>
      </c>
      <c r="D93594" s="14" t="s">
        <v>246</v>
      </c>
      <c r="E93594" s="15">
        <v>45530</v>
      </c>
      <c r="F93594" s="14" t="s">
        <v>61</v>
      </c>
      <c r="G93594" s="16">
        <v>0</v>
      </c>
    </row>
    <row r="93595" spans="1:7" x14ac:dyDescent="0.3">
      <c r="A93595" s="13" t="s">
        <v>466</v>
      </c>
      <c r="B93595" s="14" t="s">
        <v>1</v>
      </c>
      <c r="C93595" s="14" t="s">
        <v>252</v>
      </c>
      <c r="D93595" s="14" t="s">
        <v>246</v>
      </c>
      <c r="E93595" s="15">
        <v>45531</v>
      </c>
      <c r="F93595" s="14" t="s">
        <v>61</v>
      </c>
      <c r="G93595" s="16">
        <v>0</v>
      </c>
    </row>
    <row r="93596" spans="1:7" x14ac:dyDescent="0.3">
      <c r="A93596" s="13" t="s">
        <v>466</v>
      </c>
      <c r="B93596" s="14" t="s">
        <v>1</v>
      </c>
      <c r="C93596" s="14" t="s">
        <v>252</v>
      </c>
      <c r="D93596" s="14" t="s">
        <v>246</v>
      </c>
      <c r="E93596" s="15">
        <v>45532</v>
      </c>
      <c r="F93596" s="14" t="s">
        <v>61</v>
      </c>
      <c r="G93596" s="16">
        <v>0</v>
      </c>
    </row>
    <row r="93597" spans="1:7" x14ac:dyDescent="0.3">
      <c r="A93597" s="13" t="s">
        <v>466</v>
      </c>
      <c r="B93597" s="14" t="s">
        <v>1</v>
      </c>
      <c r="C93597" s="14" t="s">
        <v>252</v>
      </c>
      <c r="D93597" s="14" t="s">
        <v>246</v>
      </c>
      <c r="E93597" s="15">
        <v>45533</v>
      </c>
      <c r="F93597" s="14" t="s">
        <v>61</v>
      </c>
      <c r="G93597" s="16">
        <v>0</v>
      </c>
    </row>
    <row r="93598" spans="1:7" x14ac:dyDescent="0.3">
      <c r="A93598" s="13" t="s">
        <v>466</v>
      </c>
      <c r="B93598" s="14" t="s">
        <v>1</v>
      </c>
      <c r="C93598" s="14" t="s">
        <v>252</v>
      </c>
      <c r="D93598" s="14" t="s">
        <v>246</v>
      </c>
      <c r="E93598" s="15">
        <v>45534</v>
      </c>
      <c r="F93598" s="14" t="s">
        <v>61</v>
      </c>
      <c r="G93598" s="16">
        <v>0</v>
      </c>
    </row>
    <row r="93599" spans="1:7" x14ac:dyDescent="0.3">
      <c r="A93599" s="13" t="s">
        <v>466</v>
      </c>
      <c r="B93599" s="14" t="s">
        <v>1</v>
      </c>
      <c r="C93599" s="14" t="s">
        <v>252</v>
      </c>
      <c r="D93599" s="14" t="s">
        <v>246</v>
      </c>
      <c r="E93599" s="15">
        <v>45535</v>
      </c>
      <c r="F93599" s="14" t="s">
        <v>61</v>
      </c>
      <c r="G93599" s="16">
        <v>0</v>
      </c>
    </row>
    <row r="93600" spans="1:7" x14ac:dyDescent="0.3">
      <c r="A93600" s="13" t="s">
        <v>466</v>
      </c>
      <c r="B93600" s="14" t="s">
        <v>1</v>
      </c>
      <c r="C93600" s="14" t="s">
        <v>252</v>
      </c>
      <c r="D93600" s="14" t="s">
        <v>246</v>
      </c>
      <c r="E93600" s="15">
        <v>45536</v>
      </c>
      <c r="F93600" s="14" t="s">
        <v>61</v>
      </c>
      <c r="G93600" s="16">
        <v>0</v>
      </c>
    </row>
    <row r="93601" spans="1:7" x14ac:dyDescent="0.3">
      <c r="A93601" s="13" t="s">
        <v>466</v>
      </c>
      <c r="B93601" s="14" t="s">
        <v>1</v>
      </c>
      <c r="C93601" s="14" t="s">
        <v>252</v>
      </c>
      <c r="D93601" s="14" t="s">
        <v>246</v>
      </c>
      <c r="E93601" s="15">
        <v>45537</v>
      </c>
      <c r="F93601" s="14" t="s">
        <v>61</v>
      </c>
      <c r="G93601" s="16">
        <v>0</v>
      </c>
    </row>
    <row r="93602" spans="1:7" x14ac:dyDescent="0.3">
      <c r="A93602" s="13" t="s">
        <v>466</v>
      </c>
      <c r="B93602" s="14" t="s">
        <v>1</v>
      </c>
      <c r="C93602" s="14" t="s">
        <v>252</v>
      </c>
      <c r="D93602" s="14" t="s">
        <v>246</v>
      </c>
      <c r="E93602" s="15">
        <v>45538</v>
      </c>
      <c r="F93602" s="14" t="s">
        <v>61</v>
      </c>
      <c r="G93602" s="16">
        <v>0</v>
      </c>
    </row>
    <row r="93603" spans="1:7" x14ac:dyDescent="0.3">
      <c r="A93603" s="13" t="s">
        <v>466</v>
      </c>
      <c r="B93603" s="14" t="s">
        <v>1</v>
      </c>
      <c r="C93603" s="14" t="s">
        <v>252</v>
      </c>
      <c r="D93603" s="14" t="s">
        <v>246</v>
      </c>
      <c r="E93603" s="15">
        <v>45539</v>
      </c>
      <c r="F93603" s="14" t="s">
        <v>61</v>
      </c>
      <c r="G93603" s="16">
        <v>0</v>
      </c>
    </row>
    <row r="93604" spans="1:7" x14ac:dyDescent="0.3">
      <c r="A93604" s="13" t="s">
        <v>466</v>
      </c>
      <c r="B93604" s="14" t="s">
        <v>1</v>
      </c>
      <c r="C93604" s="14" t="s">
        <v>252</v>
      </c>
      <c r="D93604" s="14" t="s">
        <v>246</v>
      </c>
      <c r="E93604" s="15">
        <v>45540</v>
      </c>
      <c r="F93604" s="14" t="s">
        <v>61</v>
      </c>
      <c r="G93604" s="16">
        <v>0</v>
      </c>
    </row>
    <row r="93605" spans="1:7" x14ac:dyDescent="0.3">
      <c r="A93605" s="13" t="s">
        <v>466</v>
      </c>
      <c r="B93605" s="14" t="s">
        <v>1</v>
      </c>
      <c r="C93605" s="14" t="s">
        <v>252</v>
      </c>
      <c r="D93605" s="14" t="s">
        <v>246</v>
      </c>
      <c r="E93605" s="15">
        <v>45541</v>
      </c>
      <c r="F93605" s="14" t="s">
        <v>61</v>
      </c>
      <c r="G93605" s="16">
        <v>0</v>
      </c>
    </row>
    <row r="93606" spans="1:7" x14ac:dyDescent="0.3">
      <c r="A93606" s="13" t="s">
        <v>466</v>
      </c>
      <c r="B93606" s="14" t="s">
        <v>1</v>
      </c>
      <c r="C93606" s="14" t="s">
        <v>252</v>
      </c>
      <c r="D93606" s="14" t="s">
        <v>246</v>
      </c>
      <c r="E93606" s="15">
        <v>45542</v>
      </c>
      <c r="F93606" s="14" t="s">
        <v>61</v>
      </c>
      <c r="G93606" s="16">
        <v>0</v>
      </c>
    </row>
    <row r="93607" spans="1:7" x14ac:dyDescent="0.3">
      <c r="A93607" s="13" t="s">
        <v>466</v>
      </c>
      <c r="B93607" s="14" t="s">
        <v>1</v>
      </c>
      <c r="C93607" s="14" t="s">
        <v>252</v>
      </c>
      <c r="D93607" s="14" t="s">
        <v>246</v>
      </c>
      <c r="E93607" s="15">
        <v>45543</v>
      </c>
      <c r="F93607" s="14" t="s">
        <v>61</v>
      </c>
      <c r="G93607" s="16">
        <v>0</v>
      </c>
    </row>
    <row r="93608" spans="1:7" x14ac:dyDescent="0.3">
      <c r="A93608" s="13" t="s">
        <v>466</v>
      </c>
      <c r="B93608" s="14" t="s">
        <v>1</v>
      </c>
      <c r="C93608" s="14" t="s">
        <v>252</v>
      </c>
      <c r="D93608" s="14" t="s">
        <v>246</v>
      </c>
      <c r="E93608" s="15">
        <v>45544</v>
      </c>
      <c r="F93608" s="14" t="s">
        <v>61</v>
      </c>
      <c r="G93608" s="16">
        <v>0</v>
      </c>
    </row>
    <row r="93609" spans="1:7" x14ac:dyDescent="0.3">
      <c r="A93609" s="13" t="s">
        <v>466</v>
      </c>
      <c r="B93609" s="14" t="s">
        <v>1</v>
      </c>
      <c r="C93609" s="14" t="s">
        <v>252</v>
      </c>
      <c r="D93609" s="14" t="s">
        <v>246</v>
      </c>
      <c r="E93609" s="15">
        <v>45545</v>
      </c>
      <c r="F93609" s="14" t="s">
        <v>61</v>
      </c>
      <c r="G93609" s="16">
        <v>0</v>
      </c>
    </row>
    <row r="93610" spans="1:7" x14ac:dyDescent="0.3">
      <c r="A93610" s="13" t="s">
        <v>466</v>
      </c>
      <c r="B93610" s="14" t="s">
        <v>1</v>
      </c>
      <c r="C93610" s="14" t="s">
        <v>252</v>
      </c>
      <c r="D93610" s="14" t="s">
        <v>246</v>
      </c>
      <c r="E93610" s="15">
        <v>45546</v>
      </c>
      <c r="F93610" s="14" t="s">
        <v>61</v>
      </c>
      <c r="G93610" s="16">
        <v>0</v>
      </c>
    </row>
    <row r="93611" spans="1:7" x14ac:dyDescent="0.3">
      <c r="A93611" s="13" t="s">
        <v>466</v>
      </c>
      <c r="B93611" s="14" t="s">
        <v>1</v>
      </c>
      <c r="C93611" s="14" t="s">
        <v>252</v>
      </c>
      <c r="D93611" s="14" t="s">
        <v>246</v>
      </c>
      <c r="E93611" s="15">
        <v>45547</v>
      </c>
      <c r="F93611" s="14" t="s">
        <v>61</v>
      </c>
      <c r="G93611" s="16">
        <v>0</v>
      </c>
    </row>
    <row r="93612" spans="1:7" x14ac:dyDescent="0.3">
      <c r="A93612" s="13" t="s">
        <v>466</v>
      </c>
      <c r="B93612" s="14" t="s">
        <v>1</v>
      </c>
      <c r="C93612" s="14" t="s">
        <v>252</v>
      </c>
      <c r="D93612" s="14" t="s">
        <v>246</v>
      </c>
      <c r="E93612" s="15">
        <v>45548</v>
      </c>
      <c r="F93612" s="14" t="s">
        <v>61</v>
      </c>
      <c r="G93612" s="16">
        <v>0</v>
      </c>
    </row>
    <row r="93613" spans="1:7" x14ac:dyDescent="0.3">
      <c r="A93613" s="13" t="s">
        <v>466</v>
      </c>
      <c r="B93613" s="14" t="s">
        <v>1</v>
      </c>
      <c r="C93613" s="14" t="s">
        <v>252</v>
      </c>
      <c r="D93613" s="14" t="s">
        <v>246</v>
      </c>
      <c r="E93613" s="15">
        <v>45549</v>
      </c>
      <c r="F93613" s="14" t="s">
        <v>61</v>
      </c>
      <c r="G93613" s="16">
        <v>0</v>
      </c>
    </row>
    <row r="93614" spans="1:7" x14ac:dyDescent="0.3">
      <c r="A93614" s="13" t="s">
        <v>466</v>
      </c>
      <c r="B93614" s="14" t="s">
        <v>1</v>
      </c>
      <c r="C93614" s="14" t="s">
        <v>252</v>
      </c>
      <c r="D93614" s="14" t="s">
        <v>246</v>
      </c>
      <c r="E93614" s="15">
        <v>45550</v>
      </c>
      <c r="F93614" s="14" t="s">
        <v>61</v>
      </c>
      <c r="G93614" s="16">
        <v>0</v>
      </c>
    </row>
    <row r="93615" spans="1:7" x14ac:dyDescent="0.3">
      <c r="A93615" s="13" t="s">
        <v>466</v>
      </c>
      <c r="B93615" s="14" t="s">
        <v>1</v>
      </c>
      <c r="C93615" s="14" t="s">
        <v>252</v>
      </c>
      <c r="D93615" s="14" t="s">
        <v>246</v>
      </c>
      <c r="E93615" s="15">
        <v>45551</v>
      </c>
      <c r="F93615" s="14" t="s">
        <v>61</v>
      </c>
      <c r="G93615" s="16">
        <v>0</v>
      </c>
    </row>
    <row r="93616" spans="1:7" x14ac:dyDescent="0.3">
      <c r="A93616" s="13" t="s">
        <v>466</v>
      </c>
      <c r="B93616" s="14" t="s">
        <v>1</v>
      </c>
      <c r="C93616" s="14" t="s">
        <v>252</v>
      </c>
      <c r="D93616" s="14" t="s">
        <v>246</v>
      </c>
      <c r="E93616" s="15">
        <v>45552</v>
      </c>
      <c r="F93616" s="14" t="s">
        <v>61</v>
      </c>
      <c r="G93616" s="16">
        <v>0</v>
      </c>
    </row>
    <row r="93617" spans="1:7" x14ac:dyDescent="0.3">
      <c r="A93617" s="13" t="s">
        <v>466</v>
      </c>
      <c r="B93617" s="14" t="s">
        <v>1</v>
      </c>
      <c r="C93617" s="14" t="s">
        <v>252</v>
      </c>
      <c r="D93617" s="14" t="s">
        <v>246</v>
      </c>
      <c r="E93617" s="15">
        <v>45553</v>
      </c>
      <c r="F93617" s="14" t="s">
        <v>61</v>
      </c>
      <c r="G93617" s="16">
        <v>0</v>
      </c>
    </row>
    <row r="93618" spans="1:7" x14ac:dyDescent="0.3">
      <c r="A93618" s="13" t="s">
        <v>466</v>
      </c>
      <c r="B93618" s="14" t="s">
        <v>1</v>
      </c>
      <c r="C93618" s="14" t="s">
        <v>252</v>
      </c>
      <c r="D93618" s="14" t="s">
        <v>246</v>
      </c>
      <c r="E93618" s="15">
        <v>45554</v>
      </c>
      <c r="F93618" s="14" t="s">
        <v>61</v>
      </c>
      <c r="G93618" s="16">
        <v>0</v>
      </c>
    </row>
    <row r="93619" spans="1:7" x14ac:dyDescent="0.3">
      <c r="A93619" s="13" t="s">
        <v>466</v>
      </c>
      <c r="B93619" s="14" t="s">
        <v>1</v>
      </c>
      <c r="C93619" s="14" t="s">
        <v>252</v>
      </c>
      <c r="D93619" s="14" t="s">
        <v>246</v>
      </c>
      <c r="E93619" s="15">
        <v>45555</v>
      </c>
      <c r="F93619" s="14" t="s">
        <v>61</v>
      </c>
      <c r="G93619" s="16">
        <v>0</v>
      </c>
    </row>
    <row r="93620" spans="1:7" x14ac:dyDescent="0.3">
      <c r="A93620" s="13" t="s">
        <v>466</v>
      </c>
      <c r="B93620" s="14" t="s">
        <v>1</v>
      </c>
      <c r="C93620" s="14" t="s">
        <v>252</v>
      </c>
      <c r="D93620" s="14" t="s">
        <v>246</v>
      </c>
      <c r="E93620" s="15">
        <v>45556</v>
      </c>
      <c r="F93620" s="14" t="s">
        <v>61</v>
      </c>
      <c r="G93620" s="16">
        <v>0</v>
      </c>
    </row>
    <row r="93621" spans="1:7" x14ac:dyDescent="0.3">
      <c r="A93621" s="13" t="s">
        <v>466</v>
      </c>
      <c r="B93621" s="14" t="s">
        <v>1</v>
      </c>
      <c r="C93621" s="14" t="s">
        <v>252</v>
      </c>
      <c r="D93621" s="14" t="s">
        <v>246</v>
      </c>
      <c r="E93621" s="15">
        <v>45557</v>
      </c>
      <c r="F93621" s="14" t="s">
        <v>61</v>
      </c>
      <c r="G93621" s="16">
        <v>0</v>
      </c>
    </row>
    <row r="93622" spans="1:7" x14ac:dyDescent="0.3">
      <c r="A93622" s="13" t="s">
        <v>466</v>
      </c>
      <c r="B93622" s="14" t="s">
        <v>1</v>
      </c>
      <c r="C93622" s="14" t="s">
        <v>252</v>
      </c>
      <c r="D93622" s="14" t="s">
        <v>246</v>
      </c>
      <c r="E93622" s="15">
        <v>45558</v>
      </c>
      <c r="F93622" s="14" t="s">
        <v>61</v>
      </c>
      <c r="G93622" s="16">
        <v>0</v>
      </c>
    </row>
    <row r="93623" spans="1:7" x14ac:dyDescent="0.3">
      <c r="A93623" s="13" t="s">
        <v>466</v>
      </c>
      <c r="B93623" s="14" t="s">
        <v>1</v>
      </c>
      <c r="C93623" s="14" t="s">
        <v>252</v>
      </c>
      <c r="D93623" s="14" t="s">
        <v>246</v>
      </c>
      <c r="E93623" s="15">
        <v>45559</v>
      </c>
      <c r="F93623" s="14" t="s">
        <v>61</v>
      </c>
      <c r="G93623" s="16">
        <v>0</v>
      </c>
    </row>
    <row r="93624" spans="1:7" x14ac:dyDescent="0.3">
      <c r="A93624" s="13" t="s">
        <v>466</v>
      </c>
      <c r="B93624" s="14" t="s">
        <v>1</v>
      </c>
      <c r="C93624" s="14" t="s">
        <v>252</v>
      </c>
      <c r="D93624" s="14" t="s">
        <v>246</v>
      </c>
      <c r="E93624" s="15">
        <v>45560</v>
      </c>
      <c r="F93624" s="14" t="s">
        <v>61</v>
      </c>
      <c r="G93624" s="16">
        <v>0</v>
      </c>
    </row>
    <row r="93625" spans="1:7" x14ac:dyDescent="0.3">
      <c r="A93625" s="13" t="s">
        <v>466</v>
      </c>
      <c r="B93625" s="14" t="s">
        <v>1</v>
      </c>
      <c r="C93625" s="14" t="s">
        <v>252</v>
      </c>
      <c r="D93625" s="14" t="s">
        <v>246</v>
      </c>
      <c r="E93625" s="15">
        <v>45561</v>
      </c>
      <c r="F93625" s="14" t="s">
        <v>61</v>
      </c>
      <c r="G93625" s="16">
        <v>0</v>
      </c>
    </row>
    <row r="93626" spans="1:7" x14ac:dyDescent="0.3">
      <c r="A93626" s="13" t="s">
        <v>466</v>
      </c>
      <c r="B93626" s="14" t="s">
        <v>1</v>
      </c>
      <c r="C93626" s="14" t="s">
        <v>252</v>
      </c>
      <c r="D93626" s="14" t="s">
        <v>246</v>
      </c>
      <c r="E93626" s="15">
        <v>45562</v>
      </c>
      <c r="F93626" s="14" t="s">
        <v>61</v>
      </c>
      <c r="G93626" s="16">
        <v>0</v>
      </c>
    </row>
    <row r="93627" spans="1:7" x14ac:dyDescent="0.3">
      <c r="A93627" s="13" t="s">
        <v>466</v>
      </c>
      <c r="B93627" s="14" t="s">
        <v>1</v>
      </c>
      <c r="C93627" s="14" t="s">
        <v>252</v>
      </c>
      <c r="D93627" s="14" t="s">
        <v>246</v>
      </c>
      <c r="E93627" s="15">
        <v>45563</v>
      </c>
      <c r="F93627" s="14" t="s">
        <v>61</v>
      </c>
      <c r="G93627" s="16">
        <v>0</v>
      </c>
    </row>
    <row r="93628" spans="1:7" x14ac:dyDescent="0.3">
      <c r="A93628" s="13" t="s">
        <v>466</v>
      </c>
      <c r="B93628" s="14" t="s">
        <v>1</v>
      </c>
      <c r="C93628" s="14" t="s">
        <v>252</v>
      </c>
      <c r="D93628" s="14" t="s">
        <v>246</v>
      </c>
      <c r="E93628" s="15">
        <v>45564</v>
      </c>
      <c r="F93628" s="14" t="s">
        <v>61</v>
      </c>
      <c r="G93628" s="16">
        <v>0</v>
      </c>
    </row>
    <row r="93629" spans="1:7" x14ac:dyDescent="0.3">
      <c r="A93629" s="13" t="s">
        <v>466</v>
      </c>
      <c r="B93629" s="14" t="s">
        <v>1</v>
      </c>
      <c r="C93629" s="14" t="s">
        <v>252</v>
      </c>
      <c r="D93629" s="14" t="s">
        <v>246</v>
      </c>
      <c r="E93629" s="15">
        <v>45565</v>
      </c>
      <c r="F93629" s="14" t="s">
        <v>61</v>
      </c>
      <c r="G93629" s="16">
        <v>0</v>
      </c>
    </row>
    <row r="93630" spans="1:7" x14ac:dyDescent="0.3">
      <c r="A93630" s="13" t="s">
        <v>466</v>
      </c>
      <c r="B93630" s="14" t="s">
        <v>1</v>
      </c>
      <c r="C93630" s="14" t="s">
        <v>252</v>
      </c>
      <c r="D93630" s="14" t="s">
        <v>246</v>
      </c>
      <c r="E93630" s="15">
        <v>45566</v>
      </c>
      <c r="F93630" s="14" t="s">
        <v>61</v>
      </c>
      <c r="G93630" s="16">
        <v>0</v>
      </c>
    </row>
    <row r="93631" spans="1:7" x14ac:dyDescent="0.3">
      <c r="A93631" s="13" t="s">
        <v>466</v>
      </c>
      <c r="B93631" s="14" t="s">
        <v>1</v>
      </c>
      <c r="C93631" s="14" t="s">
        <v>252</v>
      </c>
      <c r="D93631" s="14" t="s">
        <v>246</v>
      </c>
      <c r="E93631" s="15">
        <v>45567</v>
      </c>
      <c r="F93631" s="14" t="s">
        <v>61</v>
      </c>
      <c r="G93631" s="16">
        <v>0</v>
      </c>
    </row>
    <row r="93632" spans="1:7" x14ac:dyDescent="0.3">
      <c r="A93632" s="13" t="s">
        <v>466</v>
      </c>
      <c r="B93632" s="14" t="s">
        <v>1</v>
      </c>
      <c r="C93632" s="14" t="s">
        <v>252</v>
      </c>
      <c r="D93632" s="14" t="s">
        <v>246</v>
      </c>
      <c r="E93632" s="15">
        <v>45568</v>
      </c>
      <c r="F93632" s="14" t="s">
        <v>61</v>
      </c>
      <c r="G93632" s="16">
        <v>0</v>
      </c>
    </row>
    <row r="93633" spans="1:7" x14ac:dyDescent="0.3">
      <c r="A93633" s="13" t="s">
        <v>466</v>
      </c>
      <c r="B93633" s="14" t="s">
        <v>1</v>
      </c>
      <c r="C93633" s="14" t="s">
        <v>252</v>
      </c>
      <c r="D93633" s="14" t="s">
        <v>246</v>
      </c>
      <c r="E93633" s="15">
        <v>45569</v>
      </c>
      <c r="F93633" s="14" t="s">
        <v>61</v>
      </c>
      <c r="G93633" s="16">
        <v>0</v>
      </c>
    </row>
    <row r="93634" spans="1:7" x14ac:dyDescent="0.3">
      <c r="A93634" s="13" t="s">
        <v>466</v>
      </c>
      <c r="B93634" s="14" t="s">
        <v>1</v>
      </c>
      <c r="C93634" s="14" t="s">
        <v>252</v>
      </c>
      <c r="D93634" s="14" t="s">
        <v>246</v>
      </c>
      <c r="E93634" s="15">
        <v>45570</v>
      </c>
      <c r="F93634" s="14" t="s">
        <v>61</v>
      </c>
      <c r="G93634" s="16">
        <v>0</v>
      </c>
    </row>
    <row r="93635" spans="1:7" x14ac:dyDescent="0.3">
      <c r="A93635" s="13" t="s">
        <v>466</v>
      </c>
      <c r="B93635" s="14" t="s">
        <v>1</v>
      </c>
      <c r="C93635" s="14" t="s">
        <v>252</v>
      </c>
      <c r="D93635" s="14" t="s">
        <v>246</v>
      </c>
      <c r="E93635" s="15">
        <v>45571</v>
      </c>
      <c r="F93635" s="14" t="s">
        <v>61</v>
      </c>
      <c r="G93635" s="16">
        <v>0</v>
      </c>
    </row>
    <row r="93636" spans="1:7" x14ac:dyDescent="0.3">
      <c r="A93636" s="13" t="s">
        <v>466</v>
      </c>
      <c r="B93636" s="14" t="s">
        <v>1</v>
      </c>
      <c r="C93636" s="14" t="s">
        <v>252</v>
      </c>
      <c r="D93636" s="14" t="s">
        <v>246</v>
      </c>
      <c r="E93636" s="15">
        <v>45572</v>
      </c>
      <c r="F93636" s="14" t="s">
        <v>61</v>
      </c>
      <c r="G93636" s="16">
        <v>0</v>
      </c>
    </row>
    <row r="93637" spans="1:7" x14ac:dyDescent="0.3">
      <c r="A93637" s="13" t="s">
        <v>466</v>
      </c>
      <c r="B93637" s="14" t="s">
        <v>1</v>
      </c>
      <c r="C93637" s="14" t="s">
        <v>252</v>
      </c>
      <c r="D93637" s="14" t="s">
        <v>246</v>
      </c>
      <c r="E93637" s="15">
        <v>45573</v>
      </c>
      <c r="F93637" s="14" t="s">
        <v>61</v>
      </c>
      <c r="G93637" s="16">
        <v>0</v>
      </c>
    </row>
    <row r="93638" spans="1:7" x14ac:dyDescent="0.3">
      <c r="A93638" s="13" t="s">
        <v>466</v>
      </c>
      <c r="B93638" s="14" t="s">
        <v>1</v>
      </c>
      <c r="C93638" s="14" t="s">
        <v>252</v>
      </c>
      <c r="D93638" s="14" t="s">
        <v>246</v>
      </c>
      <c r="E93638" s="15">
        <v>45574</v>
      </c>
      <c r="F93638" s="14" t="s">
        <v>61</v>
      </c>
      <c r="G93638" s="16">
        <v>0</v>
      </c>
    </row>
    <row r="93639" spans="1:7" x14ac:dyDescent="0.3">
      <c r="A93639" s="13" t="s">
        <v>466</v>
      </c>
      <c r="B93639" s="14" t="s">
        <v>1</v>
      </c>
      <c r="C93639" s="14" t="s">
        <v>252</v>
      </c>
      <c r="D93639" s="14" t="s">
        <v>246</v>
      </c>
      <c r="E93639" s="15">
        <v>45575</v>
      </c>
      <c r="F93639" s="14" t="s">
        <v>61</v>
      </c>
      <c r="G93639" s="16">
        <v>0</v>
      </c>
    </row>
    <row r="93640" spans="1:7" x14ac:dyDescent="0.3">
      <c r="A93640" s="13" t="s">
        <v>466</v>
      </c>
      <c r="B93640" s="14" t="s">
        <v>1</v>
      </c>
      <c r="C93640" s="14" t="s">
        <v>252</v>
      </c>
      <c r="D93640" s="14" t="s">
        <v>246</v>
      </c>
      <c r="E93640" s="15">
        <v>45576</v>
      </c>
      <c r="F93640" s="14" t="s">
        <v>61</v>
      </c>
      <c r="G93640" s="16">
        <v>0</v>
      </c>
    </row>
    <row r="93641" spans="1:7" x14ac:dyDescent="0.3">
      <c r="A93641" s="13" t="s">
        <v>466</v>
      </c>
      <c r="B93641" s="14" t="s">
        <v>1</v>
      </c>
      <c r="C93641" s="14" t="s">
        <v>252</v>
      </c>
      <c r="D93641" s="14" t="s">
        <v>246</v>
      </c>
      <c r="E93641" s="15">
        <v>45577</v>
      </c>
      <c r="F93641" s="14" t="s">
        <v>61</v>
      </c>
      <c r="G93641" s="16">
        <v>0</v>
      </c>
    </row>
    <row r="93642" spans="1:7" x14ac:dyDescent="0.3">
      <c r="A93642" s="13" t="s">
        <v>466</v>
      </c>
      <c r="B93642" s="14" t="s">
        <v>1</v>
      </c>
      <c r="C93642" s="14" t="s">
        <v>252</v>
      </c>
      <c r="D93642" s="14" t="s">
        <v>246</v>
      </c>
      <c r="E93642" s="15">
        <v>45578</v>
      </c>
      <c r="F93642" s="14" t="s">
        <v>61</v>
      </c>
      <c r="G93642" s="16">
        <v>0</v>
      </c>
    </row>
    <row r="93643" spans="1:7" x14ac:dyDescent="0.3">
      <c r="A93643" s="13" t="s">
        <v>466</v>
      </c>
      <c r="B93643" s="14" t="s">
        <v>1</v>
      </c>
      <c r="C93643" s="14" t="s">
        <v>252</v>
      </c>
      <c r="D93643" s="14" t="s">
        <v>246</v>
      </c>
      <c r="E93643" s="15">
        <v>45579</v>
      </c>
      <c r="F93643" s="14" t="s">
        <v>61</v>
      </c>
      <c r="G93643" s="16">
        <v>0</v>
      </c>
    </row>
    <row r="93644" spans="1:7" x14ac:dyDescent="0.3">
      <c r="A93644" s="13" t="s">
        <v>466</v>
      </c>
      <c r="B93644" s="14" t="s">
        <v>1</v>
      </c>
      <c r="C93644" s="14" t="s">
        <v>252</v>
      </c>
      <c r="D93644" s="14" t="s">
        <v>246</v>
      </c>
      <c r="E93644" s="15">
        <v>45580</v>
      </c>
      <c r="F93644" s="14" t="s">
        <v>61</v>
      </c>
      <c r="G93644" s="16">
        <v>0</v>
      </c>
    </row>
    <row r="93645" spans="1:7" x14ac:dyDescent="0.3">
      <c r="A93645" s="13" t="s">
        <v>466</v>
      </c>
      <c r="B93645" s="14" t="s">
        <v>1</v>
      </c>
      <c r="C93645" s="14" t="s">
        <v>252</v>
      </c>
      <c r="D93645" s="14" t="s">
        <v>246</v>
      </c>
      <c r="E93645" s="15">
        <v>45581</v>
      </c>
      <c r="F93645" s="14" t="s">
        <v>61</v>
      </c>
      <c r="G93645" s="16">
        <v>0</v>
      </c>
    </row>
    <row r="93646" spans="1:7" x14ac:dyDescent="0.3">
      <c r="A93646" s="13" t="s">
        <v>466</v>
      </c>
      <c r="B93646" s="14" t="s">
        <v>1</v>
      </c>
      <c r="C93646" s="14" t="s">
        <v>252</v>
      </c>
      <c r="D93646" s="14" t="s">
        <v>246</v>
      </c>
      <c r="E93646" s="15">
        <v>45582</v>
      </c>
      <c r="F93646" s="14" t="s">
        <v>61</v>
      </c>
      <c r="G93646" s="16">
        <v>0</v>
      </c>
    </row>
    <row r="93647" spans="1:7" x14ac:dyDescent="0.3">
      <c r="A93647" s="13" t="s">
        <v>466</v>
      </c>
      <c r="B93647" s="14" t="s">
        <v>1</v>
      </c>
      <c r="C93647" s="14" t="s">
        <v>252</v>
      </c>
      <c r="D93647" s="14" t="s">
        <v>246</v>
      </c>
      <c r="E93647" s="15">
        <v>45583</v>
      </c>
      <c r="F93647" s="14" t="s">
        <v>61</v>
      </c>
      <c r="G93647" s="16">
        <v>0</v>
      </c>
    </row>
    <row r="93648" spans="1:7" x14ac:dyDescent="0.3">
      <c r="A93648" s="13" t="s">
        <v>466</v>
      </c>
      <c r="B93648" s="14" t="s">
        <v>1</v>
      </c>
      <c r="C93648" s="14" t="s">
        <v>252</v>
      </c>
      <c r="D93648" s="14" t="s">
        <v>246</v>
      </c>
      <c r="E93648" s="15">
        <v>45584</v>
      </c>
      <c r="F93648" s="14" t="s">
        <v>61</v>
      </c>
      <c r="G93648" s="16">
        <v>0</v>
      </c>
    </row>
    <row r="93649" spans="1:7" x14ac:dyDescent="0.3">
      <c r="A93649" s="13" t="s">
        <v>466</v>
      </c>
      <c r="B93649" s="14" t="s">
        <v>1</v>
      </c>
      <c r="C93649" s="14" t="s">
        <v>252</v>
      </c>
      <c r="D93649" s="14" t="s">
        <v>246</v>
      </c>
      <c r="E93649" s="15">
        <v>45585</v>
      </c>
      <c r="F93649" s="14" t="s">
        <v>61</v>
      </c>
      <c r="G93649" s="16">
        <v>0</v>
      </c>
    </row>
    <row r="93650" spans="1:7" x14ac:dyDescent="0.3">
      <c r="A93650" s="13" t="s">
        <v>466</v>
      </c>
      <c r="B93650" s="14" t="s">
        <v>1</v>
      </c>
      <c r="C93650" s="14" t="s">
        <v>252</v>
      </c>
      <c r="D93650" s="14" t="s">
        <v>246</v>
      </c>
      <c r="E93650" s="15">
        <v>45586</v>
      </c>
      <c r="F93650" s="14" t="s">
        <v>61</v>
      </c>
      <c r="G93650" s="16">
        <v>0</v>
      </c>
    </row>
    <row r="93651" spans="1:7" x14ac:dyDescent="0.3">
      <c r="A93651" s="13" t="s">
        <v>466</v>
      </c>
      <c r="B93651" s="14" t="s">
        <v>1</v>
      </c>
      <c r="C93651" s="14" t="s">
        <v>252</v>
      </c>
      <c r="D93651" s="14" t="s">
        <v>246</v>
      </c>
      <c r="E93651" s="15">
        <v>45587</v>
      </c>
      <c r="F93651" s="14" t="s">
        <v>61</v>
      </c>
      <c r="G93651" s="16">
        <v>0</v>
      </c>
    </row>
    <row r="93652" spans="1:7" x14ac:dyDescent="0.3">
      <c r="A93652" s="13" t="s">
        <v>466</v>
      </c>
      <c r="B93652" s="14" t="s">
        <v>1</v>
      </c>
      <c r="C93652" s="14" t="s">
        <v>252</v>
      </c>
      <c r="D93652" s="14" t="s">
        <v>246</v>
      </c>
      <c r="E93652" s="15">
        <v>45588</v>
      </c>
      <c r="F93652" s="14" t="s">
        <v>61</v>
      </c>
      <c r="G93652" s="16">
        <v>0</v>
      </c>
    </row>
    <row r="93653" spans="1:7" x14ac:dyDescent="0.3">
      <c r="A93653" s="13" t="s">
        <v>466</v>
      </c>
      <c r="B93653" s="14" t="s">
        <v>1</v>
      </c>
      <c r="C93653" s="14" t="s">
        <v>252</v>
      </c>
      <c r="D93653" s="14" t="s">
        <v>246</v>
      </c>
      <c r="E93653" s="15">
        <v>45589</v>
      </c>
      <c r="F93653" s="14" t="s">
        <v>61</v>
      </c>
      <c r="G93653" s="16">
        <v>0</v>
      </c>
    </row>
    <row r="93654" spans="1:7" x14ac:dyDescent="0.3">
      <c r="A93654" s="13" t="s">
        <v>466</v>
      </c>
      <c r="B93654" s="14" t="s">
        <v>1</v>
      </c>
      <c r="C93654" s="14" t="s">
        <v>252</v>
      </c>
      <c r="D93654" s="14" t="s">
        <v>246</v>
      </c>
      <c r="E93654" s="15">
        <v>45590</v>
      </c>
      <c r="F93654" s="14" t="s">
        <v>61</v>
      </c>
      <c r="G93654" s="16">
        <v>0</v>
      </c>
    </row>
    <row r="93655" spans="1:7" x14ac:dyDescent="0.3">
      <c r="A93655" s="13" t="s">
        <v>466</v>
      </c>
      <c r="B93655" s="14" t="s">
        <v>1</v>
      </c>
      <c r="C93655" s="14" t="s">
        <v>252</v>
      </c>
      <c r="D93655" s="14" t="s">
        <v>246</v>
      </c>
      <c r="E93655" s="15">
        <v>45591</v>
      </c>
      <c r="F93655" s="14" t="s">
        <v>61</v>
      </c>
      <c r="G93655" s="16">
        <v>0</v>
      </c>
    </row>
    <row r="93656" spans="1:7" x14ac:dyDescent="0.3">
      <c r="A93656" s="13" t="s">
        <v>466</v>
      </c>
      <c r="B93656" s="14" t="s">
        <v>1</v>
      </c>
      <c r="C93656" s="14" t="s">
        <v>252</v>
      </c>
      <c r="D93656" s="14" t="s">
        <v>246</v>
      </c>
      <c r="E93656" s="15">
        <v>45592</v>
      </c>
      <c r="F93656" s="14" t="s">
        <v>61</v>
      </c>
      <c r="G93656" s="16">
        <v>0</v>
      </c>
    </row>
    <row r="93657" spans="1:7" x14ac:dyDescent="0.3">
      <c r="A93657" s="13" t="s">
        <v>466</v>
      </c>
      <c r="B93657" s="14" t="s">
        <v>1</v>
      </c>
      <c r="C93657" s="14" t="s">
        <v>252</v>
      </c>
      <c r="D93657" s="14" t="s">
        <v>246</v>
      </c>
      <c r="E93657" s="15">
        <v>45593</v>
      </c>
      <c r="F93657" s="14" t="s">
        <v>61</v>
      </c>
      <c r="G93657" s="16">
        <v>0</v>
      </c>
    </row>
    <row r="93658" spans="1:7" x14ac:dyDescent="0.3">
      <c r="A93658" s="13" t="s">
        <v>466</v>
      </c>
      <c r="B93658" s="14" t="s">
        <v>1</v>
      </c>
      <c r="C93658" s="14" t="s">
        <v>252</v>
      </c>
      <c r="D93658" s="14" t="s">
        <v>246</v>
      </c>
      <c r="E93658" s="15">
        <v>45594</v>
      </c>
      <c r="F93658" s="14" t="s">
        <v>61</v>
      </c>
      <c r="G93658" s="16">
        <v>0</v>
      </c>
    </row>
    <row r="93659" spans="1:7" x14ac:dyDescent="0.3">
      <c r="A93659" s="13" t="s">
        <v>466</v>
      </c>
      <c r="B93659" s="14" t="s">
        <v>1</v>
      </c>
      <c r="C93659" s="14" t="s">
        <v>252</v>
      </c>
      <c r="D93659" s="14" t="s">
        <v>246</v>
      </c>
      <c r="E93659" s="15">
        <v>45595</v>
      </c>
      <c r="F93659" s="14" t="s">
        <v>61</v>
      </c>
      <c r="G93659" s="16">
        <v>0</v>
      </c>
    </row>
    <row r="93660" spans="1:7" x14ac:dyDescent="0.3">
      <c r="A93660" s="13" t="s">
        <v>466</v>
      </c>
      <c r="B93660" s="14" t="s">
        <v>1</v>
      </c>
      <c r="C93660" s="14" t="s">
        <v>252</v>
      </c>
      <c r="D93660" s="14" t="s">
        <v>246</v>
      </c>
      <c r="E93660" s="15">
        <v>45596</v>
      </c>
      <c r="F93660" s="14" t="s">
        <v>61</v>
      </c>
      <c r="G93660" s="16">
        <v>0</v>
      </c>
    </row>
    <row r="93661" spans="1:7" x14ac:dyDescent="0.3">
      <c r="A93661" s="13" t="s">
        <v>466</v>
      </c>
      <c r="B93661" s="14" t="s">
        <v>1</v>
      </c>
      <c r="C93661" s="14" t="s">
        <v>252</v>
      </c>
      <c r="D93661" s="14" t="s">
        <v>246</v>
      </c>
      <c r="E93661" s="15">
        <v>45597</v>
      </c>
      <c r="F93661" s="14" t="s">
        <v>61</v>
      </c>
      <c r="G93661" s="16">
        <v>0</v>
      </c>
    </row>
    <row r="93662" spans="1:7" x14ac:dyDescent="0.3">
      <c r="A93662" s="13" t="s">
        <v>466</v>
      </c>
      <c r="B93662" s="14" t="s">
        <v>1</v>
      </c>
      <c r="C93662" s="14" t="s">
        <v>252</v>
      </c>
      <c r="D93662" s="14" t="s">
        <v>246</v>
      </c>
      <c r="E93662" s="15">
        <v>45598</v>
      </c>
      <c r="F93662" s="14" t="s">
        <v>61</v>
      </c>
      <c r="G93662" s="16">
        <v>0</v>
      </c>
    </row>
    <row r="93663" spans="1:7" x14ac:dyDescent="0.3">
      <c r="A93663" s="13" t="s">
        <v>466</v>
      </c>
      <c r="B93663" s="14" t="s">
        <v>1</v>
      </c>
      <c r="C93663" s="14" t="s">
        <v>252</v>
      </c>
      <c r="D93663" s="14" t="s">
        <v>246</v>
      </c>
      <c r="E93663" s="15">
        <v>45599</v>
      </c>
      <c r="F93663" s="14" t="s">
        <v>61</v>
      </c>
      <c r="G93663" s="16">
        <v>0</v>
      </c>
    </row>
    <row r="93664" spans="1:7" x14ac:dyDescent="0.3">
      <c r="A93664" s="13" t="s">
        <v>466</v>
      </c>
      <c r="B93664" s="14" t="s">
        <v>1</v>
      </c>
      <c r="C93664" s="14" t="s">
        <v>252</v>
      </c>
      <c r="D93664" s="14" t="s">
        <v>246</v>
      </c>
      <c r="E93664" s="15">
        <v>45600</v>
      </c>
      <c r="F93664" s="14" t="s">
        <v>61</v>
      </c>
      <c r="G93664" s="16">
        <v>0</v>
      </c>
    </row>
    <row r="93665" spans="1:7" x14ac:dyDescent="0.3">
      <c r="A93665" s="13" t="s">
        <v>466</v>
      </c>
      <c r="B93665" s="14" t="s">
        <v>1</v>
      </c>
      <c r="C93665" s="14" t="s">
        <v>252</v>
      </c>
      <c r="D93665" s="14" t="s">
        <v>246</v>
      </c>
      <c r="E93665" s="15">
        <v>45601</v>
      </c>
      <c r="F93665" s="14" t="s">
        <v>61</v>
      </c>
      <c r="G93665" s="16">
        <v>0</v>
      </c>
    </row>
    <row r="93666" spans="1:7" x14ac:dyDescent="0.3">
      <c r="A93666" s="13" t="s">
        <v>466</v>
      </c>
      <c r="B93666" s="14" t="s">
        <v>1</v>
      </c>
      <c r="C93666" s="14" t="s">
        <v>252</v>
      </c>
      <c r="D93666" s="14" t="s">
        <v>246</v>
      </c>
      <c r="E93666" s="15">
        <v>45602</v>
      </c>
      <c r="F93666" s="14" t="s">
        <v>61</v>
      </c>
      <c r="G93666" s="16">
        <v>0</v>
      </c>
    </row>
    <row r="93667" spans="1:7" x14ac:dyDescent="0.3">
      <c r="A93667" s="13" t="s">
        <v>466</v>
      </c>
      <c r="B93667" s="14" t="s">
        <v>1</v>
      </c>
      <c r="C93667" s="14" t="s">
        <v>252</v>
      </c>
      <c r="D93667" s="14" t="s">
        <v>246</v>
      </c>
      <c r="E93667" s="15">
        <v>45603</v>
      </c>
      <c r="F93667" s="14" t="s">
        <v>61</v>
      </c>
      <c r="G93667" s="16">
        <v>0</v>
      </c>
    </row>
    <row r="93668" spans="1:7" x14ac:dyDescent="0.3">
      <c r="A93668" s="13" t="s">
        <v>466</v>
      </c>
      <c r="B93668" s="14" t="s">
        <v>1</v>
      </c>
      <c r="C93668" s="14" t="s">
        <v>252</v>
      </c>
      <c r="D93668" s="14" t="s">
        <v>246</v>
      </c>
      <c r="E93668" s="15">
        <v>45604</v>
      </c>
      <c r="F93668" s="14" t="s">
        <v>61</v>
      </c>
      <c r="G93668" s="16">
        <v>0</v>
      </c>
    </row>
    <row r="93669" spans="1:7" x14ac:dyDescent="0.3">
      <c r="A93669" s="13" t="s">
        <v>466</v>
      </c>
      <c r="B93669" s="14" t="s">
        <v>1</v>
      </c>
      <c r="C93669" s="14" t="s">
        <v>252</v>
      </c>
      <c r="D93669" s="14" t="s">
        <v>246</v>
      </c>
      <c r="E93669" s="15">
        <v>45605</v>
      </c>
      <c r="F93669" s="14" t="s">
        <v>61</v>
      </c>
      <c r="G93669" s="16">
        <v>0</v>
      </c>
    </row>
    <row r="93670" spans="1:7" x14ac:dyDescent="0.3">
      <c r="A93670" s="13" t="s">
        <v>466</v>
      </c>
      <c r="B93670" s="14" t="s">
        <v>1</v>
      </c>
      <c r="C93670" s="14" t="s">
        <v>252</v>
      </c>
      <c r="D93670" s="14" t="s">
        <v>246</v>
      </c>
      <c r="E93670" s="15">
        <v>45606</v>
      </c>
      <c r="F93670" s="14" t="s">
        <v>61</v>
      </c>
      <c r="G93670" s="16">
        <v>0</v>
      </c>
    </row>
    <row r="93671" spans="1:7" x14ac:dyDescent="0.3">
      <c r="A93671" s="13" t="s">
        <v>466</v>
      </c>
      <c r="B93671" s="14" t="s">
        <v>1</v>
      </c>
      <c r="C93671" s="14" t="s">
        <v>252</v>
      </c>
      <c r="D93671" s="14" t="s">
        <v>246</v>
      </c>
      <c r="E93671" s="15">
        <v>45607</v>
      </c>
      <c r="F93671" s="14" t="s">
        <v>61</v>
      </c>
      <c r="G93671" s="16">
        <v>0</v>
      </c>
    </row>
    <row r="93672" spans="1:7" x14ac:dyDescent="0.3">
      <c r="A93672" s="13" t="s">
        <v>466</v>
      </c>
      <c r="B93672" s="14" t="s">
        <v>1</v>
      </c>
      <c r="C93672" s="14" t="s">
        <v>252</v>
      </c>
      <c r="D93672" s="14" t="s">
        <v>246</v>
      </c>
      <c r="E93672" s="15">
        <v>45608</v>
      </c>
      <c r="F93672" s="14" t="s">
        <v>61</v>
      </c>
      <c r="G93672" s="16">
        <v>0</v>
      </c>
    </row>
    <row r="93673" spans="1:7" x14ac:dyDescent="0.3">
      <c r="A93673" s="13" t="s">
        <v>466</v>
      </c>
      <c r="B93673" s="14" t="s">
        <v>1</v>
      </c>
      <c r="C93673" s="14" t="s">
        <v>252</v>
      </c>
      <c r="D93673" s="14" t="s">
        <v>246</v>
      </c>
      <c r="E93673" s="15">
        <v>45609</v>
      </c>
      <c r="F93673" s="14" t="s">
        <v>61</v>
      </c>
      <c r="G93673" s="16">
        <v>0</v>
      </c>
    </row>
    <row r="93674" spans="1:7" x14ac:dyDescent="0.3">
      <c r="A93674" s="13" t="s">
        <v>466</v>
      </c>
      <c r="B93674" s="14" t="s">
        <v>1</v>
      </c>
      <c r="C93674" s="14" t="s">
        <v>252</v>
      </c>
      <c r="D93674" s="14" t="s">
        <v>246</v>
      </c>
      <c r="E93674" s="15">
        <v>45610</v>
      </c>
      <c r="F93674" s="14" t="s">
        <v>61</v>
      </c>
      <c r="G93674" s="16">
        <v>0</v>
      </c>
    </row>
    <row r="93675" spans="1:7" x14ac:dyDescent="0.3">
      <c r="A93675" s="13" t="s">
        <v>466</v>
      </c>
      <c r="B93675" s="14" t="s">
        <v>1</v>
      </c>
      <c r="C93675" s="14" t="s">
        <v>252</v>
      </c>
      <c r="D93675" s="14" t="s">
        <v>246</v>
      </c>
      <c r="E93675" s="15">
        <v>45611</v>
      </c>
      <c r="F93675" s="14" t="s">
        <v>61</v>
      </c>
      <c r="G93675" s="16">
        <v>0</v>
      </c>
    </row>
    <row r="93676" spans="1:7" x14ac:dyDescent="0.3">
      <c r="A93676" s="13" t="s">
        <v>466</v>
      </c>
      <c r="B93676" s="14" t="s">
        <v>1</v>
      </c>
      <c r="C93676" s="14" t="s">
        <v>252</v>
      </c>
      <c r="D93676" s="14" t="s">
        <v>246</v>
      </c>
      <c r="E93676" s="15">
        <v>45612</v>
      </c>
      <c r="F93676" s="14" t="s">
        <v>61</v>
      </c>
      <c r="G93676" s="16">
        <v>0</v>
      </c>
    </row>
    <row r="93677" spans="1:7" x14ac:dyDescent="0.3">
      <c r="A93677" s="13" t="s">
        <v>466</v>
      </c>
      <c r="B93677" s="14" t="s">
        <v>1</v>
      </c>
      <c r="C93677" s="14" t="s">
        <v>252</v>
      </c>
      <c r="D93677" s="14" t="s">
        <v>246</v>
      </c>
      <c r="E93677" s="15">
        <v>45613</v>
      </c>
      <c r="F93677" s="14" t="s">
        <v>61</v>
      </c>
      <c r="G93677" s="16">
        <v>0</v>
      </c>
    </row>
    <row r="93678" spans="1:7" x14ac:dyDescent="0.3">
      <c r="A93678" s="13" t="s">
        <v>466</v>
      </c>
      <c r="B93678" s="14" t="s">
        <v>1</v>
      </c>
      <c r="C93678" s="14" t="s">
        <v>252</v>
      </c>
      <c r="D93678" s="14" t="s">
        <v>246</v>
      </c>
      <c r="E93678" s="15">
        <v>45614</v>
      </c>
      <c r="F93678" s="14" t="s">
        <v>61</v>
      </c>
      <c r="G93678" s="16">
        <v>0</v>
      </c>
    </row>
    <row r="93679" spans="1:7" x14ac:dyDescent="0.3">
      <c r="A93679" s="13" t="s">
        <v>466</v>
      </c>
      <c r="B93679" s="14" t="s">
        <v>1</v>
      </c>
      <c r="C93679" s="14" t="s">
        <v>252</v>
      </c>
      <c r="D93679" s="14" t="s">
        <v>246</v>
      </c>
      <c r="E93679" s="15">
        <v>45615</v>
      </c>
      <c r="F93679" s="14" t="s">
        <v>61</v>
      </c>
      <c r="G93679" s="16">
        <v>0</v>
      </c>
    </row>
    <row r="93680" spans="1:7" x14ac:dyDescent="0.3">
      <c r="A93680" s="13" t="s">
        <v>466</v>
      </c>
      <c r="B93680" s="14" t="s">
        <v>1</v>
      </c>
      <c r="C93680" s="14" t="s">
        <v>252</v>
      </c>
      <c r="D93680" s="14" t="s">
        <v>246</v>
      </c>
      <c r="E93680" s="15">
        <v>45616</v>
      </c>
      <c r="F93680" s="14" t="s">
        <v>61</v>
      </c>
      <c r="G93680" s="16">
        <v>0</v>
      </c>
    </row>
    <row r="93681" spans="1:7" x14ac:dyDescent="0.3">
      <c r="A93681" s="13" t="s">
        <v>466</v>
      </c>
      <c r="B93681" s="14" t="s">
        <v>1</v>
      </c>
      <c r="C93681" s="14" t="s">
        <v>252</v>
      </c>
      <c r="D93681" s="14" t="s">
        <v>246</v>
      </c>
      <c r="E93681" s="15">
        <v>45617</v>
      </c>
      <c r="F93681" s="14" t="s">
        <v>61</v>
      </c>
      <c r="G93681" s="16">
        <v>0</v>
      </c>
    </row>
    <row r="93682" spans="1:7" x14ac:dyDescent="0.3">
      <c r="A93682" s="13" t="s">
        <v>466</v>
      </c>
      <c r="B93682" s="14" t="s">
        <v>1</v>
      </c>
      <c r="C93682" s="14" t="s">
        <v>252</v>
      </c>
      <c r="D93682" s="14" t="s">
        <v>246</v>
      </c>
      <c r="E93682" s="15">
        <v>45618</v>
      </c>
      <c r="F93682" s="14" t="s">
        <v>61</v>
      </c>
      <c r="G93682" s="16">
        <v>0</v>
      </c>
    </row>
    <row r="93683" spans="1:7" x14ac:dyDescent="0.3">
      <c r="A93683" s="13" t="s">
        <v>466</v>
      </c>
      <c r="B93683" s="14" t="s">
        <v>1</v>
      </c>
      <c r="C93683" s="14" t="s">
        <v>252</v>
      </c>
      <c r="D93683" s="14" t="s">
        <v>246</v>
      </c>
      <c r="E93683" s="15">
        <v>45619</v>
      </c>
      <c r="F93683" s="14" t="s">
        <v>61</v>
      </c>
      <c r="G93683" s="16">
        <v>0</v>
      </c>
    </row>
    <row r="93684" spans="1:7" x14ac:dyDescent="0.3">
      <c r="A93684" s="13" t="s">
        <v>466</v>
      </c>
      <c r="B93684" s="14" t="s">
        <v>1</v>
      </c>
      <c r="C93684" s="14" t="s">
        <v>252</v>
      </c>
      <c r="D93684" s="14" t="s">
        <v>246</v>
      </c>
      <c r="E93684" s="15">
        <v>45620</v>
      </c>
      <c r="F93684" s="14" t="s">
        <v>61</v>
      </c>
      <c r="G93684" s="16">
        <v>0</v>
      </c>
    </row>
    <row r="93685" spans="1:7" x14ac:dyDescent="0.3">
      <c r="A93685" s="13" t="s">
        <v>466</v>
      </c>
      <c r="B93685" s="14" t="s">
        <v>1</v>
      </c>
      <c r="C93685" s="14" t="s">
        <v>252</v>
      </c>
      <c r="D93685" s="14" t="s">
        <v>246</v>
      </c>
      <c r="E93685" s="15">
        <v>45621</v>
      </c>
      <c r="F93685" s="14" t="s">
        <v>61</v>
      </c>
      <c r="G93685" s="16">
        <v>0</v>
      </c>
    </row>
    <row r="93686" spans="1:7" x14ac:dyDescent="0.3">
      <c r="A93686" s="13" t="s">
        <v>466</v>
      </c>
      <c r="B93686" s="14" t="s">
        <v>1</v>
      </c>
      <c r="C93686" s="14" t="s">
        <v>252</v>
      </c>
      <c r="D93686" s="14" t="s">
        <v>246</v>
      </c>
      <c r="E93686" s="15">
        <v>45622</v>
      </c>
      <c r="F93686" s="14" t="s">
        <v>61</v>
      </c>
      <c r="G93686" s="16">
        <v>0</v>
      </c>
    </row>
    <row r="93687" spans="1:7" x14ac:dyDescent="0.3">
      <c r="A93687" s="13" t="s">
        <v>466</v>
      </c>
      <c r="B93687" s="14" t="s">
        <v>1</v>
      </c>
      <c r="C93687" s="14" t="s">
        <v>252</v>
      </c>
      <c r="D93687" s="14" t="s">
        <v>246</v>
      </c>
      <c r="E93687" s="15">
        <v>45623</v>
      </c>
      <c r="F93687" s="14" t="s">
        <v>61</v>
      </c>
      <c r="G93687" s="16">
        <v>0</v>
      </c>
    </row>
    <row r="93688" spans="1:7" x14ac:dyDescent="0.3">
      <c r="A93688" s="13" t="s">
        <v>466</v>
      </c>
      <c r="B93688" s="14" t="s">
        <v>1</v>
      </c>
      <c r="C93688" s="14" t="s">
        <v>252</v>
      </c>
      <c r="D93688" s="14" t="s">
        <v>246</v>
      </c>
      <c r="E93688" s="15">
        <v>45624</v>
      </c>
      <c r="F93688" s="14" t="s">
        <v>61</v>
      </c>
      <c r="G93688" s="16">
        <v>0</v>
      </c>
    </row>
    <row r="93689" spans="1:7" x14ac:dyDescent="0.3">
      <c r="A93689" s="13" t="s">
        <v>466</v>
      </c>
      <c r="B93689" s="14" t="s">
        <v>1</v>
      </c>
      <c r="C93689" s="14" t="s">
        <v>252</v>
      </c>
      <c r="D93689" s="14" t="s">
        <v>246</v>
      </c>
      <c r="E93689" s="15">
        <v>45625</v>
      </c>
      <c r="F93689" s="14" t="s">
        <v>61</v>
      </c>
      <c r="G93689" s="16">
        <v>0</v>
      </c>
    </row>
    <row r="93690" spans="1:7" x14ac:dyDescent="0.3">
      <c r="A93690" s="13" t="s">
        <v>466</v>
      </c>
      <c r="B93690" s="14" t="s">
        <v>1</v>
      </c>
      <c r="C93690" s="14" t="s">
        <v>252</v>
      </c>
      <c r="D93690" s="14" t="s">
        <v>246</v>
      </c>
      <c r="E93690" s="15">
        <v>45626</v>
      </c>
      <c r="F93690" s="14" t="s">
        <v>61</v>
      </c>
      <c r="G93690" s="16">
        <v>0</v>
      </c>
    </row>
    <row r="93691" spans="1:7" x14ac:dyDescent="0.3">
      <c r="A93691" s="13" t="s">
        <v>466</v>
      </c>
      <c r="B93691" s="14" t="s">
        <v>1</v>
      </c>
      <c r="C93691" s="14" t="s">
        <v>252</v>
      </c>
      <c r="D93691" s="14" t="s">
        <v>246</v>
      </c>
      <c r="E93691" s="15">
        <v>45627</v>
      </c>
      <c r="F93691" s="14" t="s">
        <v>61</v>
      </c>
      <c r="G93691" s="16">
        <v>0</v>
      </c>
    </row>
    <row r="93692" spans="1:7" x14ac:dyDescent="0.3">
      <c r="A93692" s="13" t="s">
        <v>466</v>
      </c>
      <c r="B93692" s="14" t="s">
        <v>1</v>
      </c>
      <c r="C93692" s="14" t="s">
        <v>252</v>
      </c>
      <c r="D93692" s="14" t="s">
        <v>246</v>
      </c>
      <c r="E93692" s="15">
        <v>45628</v>
      </c>
      <c r="F93692" s="14" t="s">
        <v>61</v>
      </c>
      <c r="G93692" s="16">
        <v>0</v>
      </c>
    </row>
    <row r="93693" spans="1:7" x14ac:dyDescent="0.3">
      <c r="A93693" s="13" t="s">
        <v>466</v>
      </c>
      <c r="B93693" s="14" t="s">
        <v>1</v>
      </c>
      <c r="C93693" s="14" t="s">
        <v>252</v>
      </c>
      <c r="D93693" s="14" t="s">
        <v>246</v>
      </c>
      <c r="E93693" s="15">
        <v>45629</v>
      </c>
      <c r="F93693" s="14" t="s">
        <v>61</v>
      </c>
      <c r="G93693" s="16">
        <v>0</v>
      </c>
    </row>
    <row r="93694" spans="1:7" x14ac:dyDescent="0.3">
      <c r="A93694" s="13" t="s">
        <v>466</v>
      </c>
      <c r="B93694" s="14" t="s">
        <v>1</v>
      </c>
      <c r="C93694" s="14" t="s">
        <v>252</v>
      </c>
      <c r="D93694" s="14" t="s">
        <v>246</v>
      </c>
      <c r="E93694" s="15">
        <v>45630</v>
      </c>
      <c r="F93694" s="14" t="s">
        <v>61</v>
      </c>
      <c r="G93694" s="16">
        <v>0</v>
      </c>
    </row>
    <row r="93695" spans="1:7" x14ac:dyDescent="0.3">
      <c r="A93695" s="13" t="s">
        <v>466</v>
      </c>
      <c r="B93695" s="14" t="s">
        <v>1</v>
      </c>
      <c r="C93695" s="14" t="s">
        <v>252</v>
      </c>
      <c r="D93695" s="14" t="s">
        <v>246</v>
      </c>
      <c r="E93695" s="15">
        <v>45631</v>
      </c>
      <c r="F93695" s="14" t="s">
        <v>61</v>
      </c>
      <c r="G93695" s="16">
        <v>0</v>
      </c>
    </row>
    <row r="93696" spans="1:7" x14ac:dyDescent="0.3">
      <c r="A93696" s="13" t="s">
        <v>466</v>
      </c>
      <c r="B93696" s="14" t="s">
        <v>1</v>
      </c>
      <c r="C93696" s="14" t="s">
        <v>252</v>
      </c>
      <c r="D93696" s="14" t="s">
        <v>246</v>
      </c>
      <c r="E93696" s="15">
        <v>45632</v>
      </c>
      <c r="F93696" s="14" t="s">
        <v>61</v>
      </c>
      <c r="G93696" s="16">
        <v>0</v>
      </c>
    </row>
    <row r="93697" spans="1:7" x14ac:dyDescent="0.3">
      <c r="A93697" s="13" t="s">
        <v>466</v>
      </c>
      <c r="B93697" s="14" t="s">
        <v>1</v>
      </c>
      <c r="C93697" s="14" t="s">
        <v>252</v>
      </c>
      <c r="D93697" s="14" t="s">
        <v>246</v>
      </c>
      <c r="E93697" s="15">
        <v>45633</v>
      </c>
      <c r="F93697" s="14" t="s">
        <v>61</v>
      </c>
      <c r="G93697" s="16">
        <v>0</v>
      </c>
    </row>
    <row r="93698" spans="1:7" x14ac:dyDescent="0.3">
      <c r="A93698" s="13" t="s">
        <v>466</v>
      </c>
      <c r="B93698" s="14" t="s">
        <v>1</v>
      </c>
      <c r="C93698" s="14" t="s">
        <v>252</v>
      </c>
      <c r="D93698" s="14" t="s">
        <v>246</v>
      </c>
      <c r="E93698" s="15">
        <v>45634</v>
      </c>
      <c r="F93698" s="14" t="s">
        <v>61</v>
      </c>
      <c r="G93698" s="16">
        <v>0</v>
      </c>
    </row>
    <row r="93699" spans="1:7" x14ac:dyDescent="0.3">
      <c r="A93699" s="13" t="s">
        <v>466</v>
      </c>
      <c r="B93699" s="14" t="s">
        <v>1</v>
      </c>
      <c r="C93699" s="14" t="s">
        <v>252</v>
      </c>
      <c r="D93699" s="14" t="s">
        <v>246</v>
      </c>
      <c r="E93699" s="15">
        <v>45635</v>
      </c>
      <c r="F93699" s="14" t="s">
        <v>61</v>
      </c>
      <c r="G93699" s="16">
        <v>0</v>
      </c>
    </row>
    <row r="93700" spans="1:7" x14ac:dyDescent="0.3">
      <c r="A93700" s="13" t="s">
        <v>466</v>
      </c>
      <c r="B93700" s="14" t="s">
        <v>1</v>
      </c>
      <c r="C93700" s="14" t="s">
        <v>252</v>
      </c>
      <c r="D93700" s="14" t="s">
        <v>246</v>
      </c>
      <c r="E93700" s="15">
        <v>45636</v>
      </c>
      <c r="F93700" s="14" t="s">
        <v>61</v>
      </c>
      <c r="G93700" s="16">
        <v>0</v>
      </c>
    </row>
    <row r="93701" spans="1:7" x14ac:dyDescent="0.3">
      <c r="A93701" s="13" t="s">
        <v>466</v>
      </c>
      <c r="B93701" s="14" t="s">
        <v>1</v>
      </c>
      <c r="C93701" s="14" t="s">
        <v>252</v>
      </c>
      <c r="D93701" s="14" t="s">
        <v>246</v>
      </c>
      <c r="E93701" s="15">
        <v>45637</v>
      </c>
      <c r="F93701" s="14" t="s">
        <v>61</v>
      </c>
      <c r="G93701" s="16">
        <v>0</v>
      </c>
    </row>
    <row r="93702" spans="1:7" x14ac:dyDescent="0.3">
      <c r="A93702" s="13" t="s">
        <v>466</v>
      </c>
      <c r="B93702" s="14" t="s">
        <v>1</v>
      </c>
      <c r="C93702" s="14" t="s">
        <v>252</v>
      </c>
      <c r="D93702" s="14" t="s">
        <v>246</v>
      </c>
      <c r="E93702" s="15">
        <v>45638</v>
      </c>
      <c r="F93702" s="14" t="s">
        <v>61</v>
      </c>
      <c r="G93702" s="16">
        <v>0</v>
      </c>
    </row>
    <row r="93703" spans="1:7" x14ac:dyDescent="0.3">
      <c r="A93703" s="13" t="s">
        <v>466</v>
      </c>
      <c r="B93703" s="14" t="s">
        <v>1</v>
      </c>
      <c r="C93703" s="14" t="s">
        <v>252</v>
      </c>
      <c r="D93703" s="14" t="s">
        <v>246</v>
      </c>
      <c r="E93703" s="15">
        <v>45639</v>
      </c>
      <c r="F93703" s="14" t="s">
        <v>61</v>
      </c>
      <c r="G93703" s="16">
        <v>0</v>
      </c>
    </row>
    <row r="93704" spans="1:7" x14ac:dyDescent="0.3">
      <c r="A93704" s="13" t="s">
        <v>466</v>
      </c>
      <c r="B93704" s="14" t="s">
        <v>1</v>
      </c>
      <c r="C93704" s="14" t="s">
        <v>252</v>
      </c>
      <c r="D93704" s="14" t="s">
        <v>246</v>
      </c>
      <c r="E93704" s="15">
        <v>45640</v>
      </c>
      <c r="F93704" s="14" t="s">
        <v>61</v>
      </c>
      <c r="G93704" s="16">
        <v>0</v>
      </c>
    </row>
    <row r="93705" spans="1:7" x14ac:dyDescent="0.3">
      <c r="A93705" s="13" t="s">
        <v>466</v>
      </c>
      <c r="B93705" s="14" t="s">
        <v>1</v>
      </c>
      <c r="C93705" s="14" t="s">
        <v>252</v>
      </c>
      <c r="D93705" s="14" t="s">
        <v>246</v>
      </c>
      <c r="E93705" s="15">
        <v>45641</v>
      </c>
      <c r="F93705" s="14" t="s">
        <v>61</v>
      </c>
      <c r="G93705" s="16">
        <v>0</v>
      </c>
    </row>
    <row r="93706" spans="1:7" x14ac:dyDescent="0.3">
      <c r="A93706" s="13" t="s">
        <v>466</v>
      </c>
      <c r="B93706" s="14" t="s">
        <v>1</v>
      </c>
      <c r="C93706" s="14" t="s">
        <v>252</v>
      </c>
      <c r="D93706" s="14" t="s">
        <v>246</v>
      </c>
      <c r="E93706" s="15">
        <v>45642</v>
      </c>
      <c r="F93706" s="14" t="s">
        <v>61</v>
      </c>
      <c r="G93706" s="16">
        <v>0</v>
      </c>
    </row>
    <row r="93707" spans="1:7" x14ac:dyDescent="0.3">
      <c r="A93707" s="13" t="s">
        <v>466</v>
      </c>
      <c r="B93707" s="14" t="s">
        <v>1</v>
      </c>
      <c r="C93707" s="14" t="s">
        <v>252</v>
      </c>
      <c r="D93707" s="14" t="s">
        <v>246</v>
      </c>
      <c r="E93707" s="15">
        <v>45643</v>
      </c>
      <c r="F93707" s="14" t="s">
        <v>61</v>
      </c>
      <c r="G93707" s="16">
        <v>0</v>
      </c>
    </row>
    <row r="93708" spans="1:7" x14ac:dyDescent="0.3">
      <c r="A93708" s="13" t="s">
        <v>466</v>
      </c>
      <c r="B93708" s="14" t="s">
        <v>1</v>
      </c>
      <c r="C93708" s="14" t="s">
        <v>252</v>
      </c>
      <c r="D93708" s="14" t="s">
        <v>246</v>
      </c>
      <c r="E93708" s="15">
        <v>45644</v>
      </c>
      <c r="F93708" s="14" t="s">
        <v>61</v>
      </c>
      <c r="G93708" s="16">
        <v>0</v>
      </c>
    </row>
    <row r="93709" spans="1:7" x14ac:dyDescent="0.3">
      <c r="A93709" s="13" t="s">
        <v>466</v>
      </c>
      <c r="B93709" s="14" t="s">
        <v>1</v>
      </c>
      <c r="C93709" s="14" t="s">
        <v>252</v>
      </c>
      <c r="D93709" s="14" t="s">
        <v>246</v>
      </c>
      <c r="E93709" s="15">
        <v>45645</v>
      </c>
      <c r="F93709" s="14" t="s">
        <v>61</v>
      </c>
      <c r="G93709" s="16">
        <v>0</v>
      </c>
    </row>
    <row r="93710" spans="1:7" x14ac:dyDescent="0.3">
      <c r="A93710" s="13" t="s">
        <v>466</v>
      </c>
      <c r="B93710" s="14" t="s">
        <v>1</v>
      </c>
      <c r="C93710" s="14" t="s">
        <v>252</v>
      </c>
      <c r="D93710" s="14" t="s">
        <v>246</v>
      </c>
      <c r="E93710" s="15">
        <v>45646</v>
      </c>
      <c r="F93710" s="14" t="s">
        <v>61</v>
      </c>
      <c r="G93710" s="16">
        <v>0</v>
      </c>
    </row>
    <row r="93711" spans="1:7" x14ac:dyDescent="0.3">
      <c r="A93711" s="13" t="s">
        <v>466</v>
      </c>
      <c r="B93711" s="14" t="s">
        <v>1</v>
      </c>
      <c r="C93711" s="14" t="s">
        <v>252</v>
      </c>
      <c r="D93711" s="14" t="s">
        <v>246</v>
      </c>
      <c r="E93711" s="15">
        <v>45647</v>
      </c>
      <c r="F93711" s="14" t="s">
        <v>61</v>
      </c>
      <c r="G93711" s="16">
        <v>0</v>
      </c>
    </row>
    <row r="93712" spans="1:7" x14ac:dyDescent="0.3">
      <c r="A93712" s="13" t="s">
        <v>466</v>
      </c>
      <c r="B93712" s="14" t="s">
        <v>1</v>
      </c>
      <c r="C93712" s="14" t="s">
        <v>252</v>
      </c>
      <c r="D93712" s="14" t="s">
        <v>246</v>
      </c>
      <c r="E93712" s="15">
        <v>45648</v>
      </c>
      <c r="F93712" s="14" t="s">
        <v>61</v>
      </c>
      <c r="G93712" s="16">
        <v>0</v>
      </c>
    </row>
    <row r="93713" spans="1:7" x14ac:dyDescent="0.3">
      <c r="A93713" s="13" t="s">
        <v>466</v>
      </c>
      <c r="B93713" s="14" t="s">
        <v>1</v>
      </c>
      <c r="C93713" s="14" t="s">
        <v>252</v>
      </c>
      <c r="D93713" s="14" t="s">
        <v>246</v>
      </c>
      <c r="E93713" s="15">
        <v>45649</v>
      </c>
      <c r="F93713" s="14" t="s">
        <v>61</v>
      </c>
      <c r="G93713" s="16">
        <v>0</v>
      </c>
    </row>
    <row r="93714" spans="1:7" x14ac:dyDescent="0.3">
      <c r="A93714" s="13" t="s">
        <v>466</v>
      </c>
      <c r="B93714" s="14" t="s">
        <v>1</v>
      </c>
      <c r="C93714" s="14" t="s">
        <v>252</v>
      </c>
      <c r="D93714" s="14" t="s">
        <v>246</v>
      </c>
      <c r="E93714" s="15">
        <v>45650</v>
      </c>
      <c r="F93714" s="14" t="s">
        <v>61</v>
      </c>
      <c r="G93714" s="16">
        <v>0</v>
      </c>
    </row>
    <row r="93715" spans="1:7" x14ac:dyDescent="0.3">
      <c r="A93715" s="13" t="s">
        <v>466</v>
      </c>
      <c r="B93715" s="14" t="s">
        <v>1</v>
      </c>
      <c r="C93715" s="14" t="s">
        <v>252</v>
      </c>
      <c r="D93715" s="14" t="s">
        <v>246</v>
      </c>
      <c r="E93715" s="15">
        <v>45651</v>
      </c>
      <c r="F93715" s="14" t="s">
        <v>61</v>
      </c>
      <c r="G93715" s="16">
        <v>0</v>
      </c>
    </row>
    <row r="93716" spans="1:7" x14ac:dyDescent="0.3">
      <c r="A93716" s="13" t="s">
        <v>466</v>
      </c>
      <c r="B93716" s="14" t="s">
        <v>1</v>
      </c>
      <c r="C93716" s="14" t="s">
        <v>252</v>
      </c>
      <c r="D93716" s="14" t="s">
        <v>246</v>
      </c>
      <c r="E93716" s="15">
        <v>45652</v>
      </c>
      <c r="F93716" s="14" t="s">
        <v>61</v>
      </c>
      <c r="G93716" s="16">
        <v>0</v>
      </c>
    </row>
    <row r="93717" spans="1:7" x14ac:dyDescent="0.3">
      <c r="A93717" s="13" t="s">
        <v>466</v>
      </c>
      <c r="B93717" s="14" t="s">
        <v>1</v>
      </c>
      <c r="C93717" s="14" t="s">
        <v>252</v>
      </c>
      <c r="D93717" s="14" t="s">
        <v>246</v>
      </c>
      <c r="E93717" s="15">
        <v>45653</v>
      </c>
      <c r="F93717" s="14" t="s">
        <v>61</v>
      </c>
      <c r="G93717" s="16">
        <v>0</v>
      </c>
    </row>
    <row r="93718" spans="1:7" x14ac:dyDescent="0.3">
      <c r="A93718" s="13" t="s">
        <v>466</v>
      </c>
      <c r="B93718" s="14" t="s">
        <v>1</v>
      </c>
      <c r="C93718" s="14" t="s">
        <v>252</v>
      </c>
      <c r="D93718" s="14" t="s">
        <v>246</v>
      </c>
      <c r="E93718" s="15">
        <v>45654</v>
      </c>
      <c r="F93718" s="14" t="s">
        <v>61</v>
      </c>
      <c r="G93718" s="16">
        <v>0</v>
      </c>
    </row>
    <row r="93719" spans="1:7" x14ac:dyDescent="0.3">
      <c r="A93719" s="13" t="s">
        <v>466</v>
      </c>
      <c r="B93719" s="14" t="s">
        <v>1</v>
      </c>
      <c r="C93719" s="14" t="s">
        <v>252</v>
      </c>
      <c r="D93719" s="14" t="s">
        <v>246</v>
      </c>
      <c r="E93719" s="15">
        <v>45655</v>
      </c>
      <c r="F93719" s="14" t="s">
        <v>61</v>
      </c>
      <c r="G93719" s="16">
        <v>0</v>
      </c>
    </row>
    <row r="93720" spans="1:7" x14ac:dyDescent="0.3">
      <c r="A93720" s="13" t="s">
        <v>466</v>
      </c>
      <c r="B93720" s="14" t="s">
        <v>1</v>
      </c>
      <c r="C93720" s="14" t="s">
        <v>252</v>
      </c>
      <c r="D93720" s="14" t="s">
        <v>246</v>
      </c>
      <c r="E93720" s="15">
        <v>45656</v>
      </c>
      <c r="F93720" s="14" t="s">
        <v>61</v>
      </c>
      <c r="G93720" s="16">
        <v>0</v>
      </c>
    </row>
    <row r="93721" spans="1:7" x14ac:dyDescent="0.3">
      <c r="A93721" s="13" t="s">
        <v>466</v>
      </c>
      <c r="B93721" s="14" t="s">
        <v>1</v>
      </c>
      <c r="C93721" s="14" t="s">
        <v>252</v>
      </c>
      <c r="D93721" s="14" t="s">
        <v>246</v>
      </c>
      <c r="E93721" s="15">
        <v>45657</v>
      </c>
      <c r="F93721" s="14" t="s">
        <v>61</v>
      </c>
      <c r="G93721" s="16">
        <v>0</v>
      </c>
    </row>
    <row r="93722" spans="1:7" x14ac:dyDescent="0.3">
      <c r="A93722" s="13" t="s">
        <v>466</v>
      </c>
      <c r="B93722" s="14" t="s">
        <v>1</v>
      </c>
      <c r="C93722" s="14" t="s">
        <v>252</v>
      </c>
      <c r="D93722" s="14" t="s">
        <v>246</v>
      </c>
      <c r="E93722" s="15">
        <v>45658</v>
      </c>
      <c r="F93722" s="14" t="s">
        <v>61</v>
      </c>
      <c r="G93722" s="16">
        <v>0</v>
      </c>
    </row>
    <row r="93723" spans="1:7" x14ac:dyDescent="0.3">
      <c r="A93723" s="13" t="s">
        <v>466</v>
      </c>
      <c r="B93723" s="14" t="s">
        <v>1</v>
      </c>
      <c r="C93723" s="14" t="s">
        <v>252</v>
      </c>
      <c r="D93723" s="14" t="s">
        <v>246</v>
      </c>
      <c r="E93723" s="15">
        <v>45659</v>
      </c>
      <c r="F93723" s="14" t="s">
        <v>61</v>
      </c>
      <c r="G93723" s="16">
        <v>0</v>
      </c>
    </row>
    <row r="93724" spans="1:7" x14ac:dyDescent="0.3">
      <c r="A93724" s="13" t="s">
        <v>466</v>
      </c>
      <c r="B93724" s="14" t="s">
        <v>1</v>
      </c>
      <c r="C93724" s="14" t="s">
        <v>252</v>
      </c>
      <c r="D93724" s="14" t="s">
        <v>246</v>
      </c>
      <c r="E93724" s="15">
        <v>45660</v>
      </c>
      <c r="F93724" s="14" t="s">
        <v>61</v>
      </c>
      <c r="G93724" s="16">
        <v>0</v>
      </c>
    </row>
    <row r="93725" spans="1:7" x14ac:dyDescent="0.3">
      <c r="A93725" s="13" t="s">
        <v>466</v>
      </c>
      <c r="B93725" s="14" t="s">
        <v>1</v>
      </c>
      <c r="C93725" s="14" t="s">
        <v>252</v>
      </c>
      <c r="D93725" s="14" t="s">
        <v>246</v>
      </c>
      <c r="E93725" s="15">
        <v>45661</v>
      </c>
      <c r="F93725" s="14" t="s">
        <v>61</v>
      </c>
      <c r="G93725" s="16">
        <v>0</v>
      </c>
    </row>
    <row r="93726" spans="1:7" x14ac:dyDescent="0.3">
      <c r="A93726" s="13" t="s">
        <v>466</v>
      </c>
      <c r="B93726" s="14" t="s">
        <v>1</v>
      </c>
      <c r="C93726" s="14" t="s">
        <v>252</v>
      </c>
      <c r="D93726" s="14" t="s">
        <v>246</v>
      </c>
      <c r="E93726" s="15">
        <v>45662</v>
      </c>
      <c r="F93726" s="14" t="s">
        <v>61</v>
      </c>
      <c r="G93726" s="16">
        <v>0</v>
      </c>
    </row>
    <row r="93727" spans="1:7" x14ac:dyDescent="0.3">
      <c r="A93727" s="13" t="s">
        <v>466</v>
      </c>
      <c r="B93727" s="14" t="s">
        <v>1</v>
      </c>
      <c r="C93727" s="14" t="s">
        <v>252</v>
      </c>
      <c r="D93727" s="14" t="s">
        <v>246</v>
      </c>
      <c r="E93727" s="15">
        <v>45663</v>
      </c>
      <c r="F93727" s="14" t="s">
        <v>61</v>
      </c>
      <c r="G93727" s="16">
        <v>0</v>
      </c>
    </row>
    <row r="93728" spans="1:7" x14ac:dyDescent="0.3">
      <c r="A93728" s="13" t="s">
        <v>466</v>
      </c>
      <c r="B93728" s="14" t="s">
        <v>1</v>
      </c>
      <c r="C93728" s="14" t="s">
        <v>252</v>
      </c>
      <c r="D93728" s="14" t="s">
        <v>246</v>
      </c>
      <c r="E93728" s="15">
        <v>45664</v>
      </c>
      <c r="F93728" s="14" t="s">
        <v>61</v>
      </c>
      <c r="G93728" s="16">
        <v>0</v>
      </c>
    </row>
    <row r="93729" spans="1:7" x14ac:dyDescent="0.3">
      <c r="A93729" s="13" t="s">
        <v>466</v>
      </c>
      <c r="B93729" s="14" t="s">
        <v>1</v>
      </c>
      <c r="C93729" s="14" t="s">
        <v>252</v>
      </c>
      <c r="D93729" s="14" t="s">
        <v>246</v>
      </c>
      <c r="E93729" s="15">
        <v>45665</v>
      </c>
      <c r="F93729" s="14" t="s">
        <v>61</v>
      </c>
      <c r="G93729" s="16">
        <v>0</v>
      </c>
    </row>
    <row r="93730" spans="1:7" x14ac:dyDescent="0.3">
      <c r="A93730" s="13" t="s">
        <v>466</v>
      </c>
      <c r="B93730" s="14" t="s">
        <v>1</v>
      </c>
      <c r="C93730" s="14" t="s">
        <v>252</v>
      </c>
      <c r="D93730" s="14" t="s">
        <v>246</v>
      </c>
      <c r="E93730" s="15">
        <v>45666</v>
      </c>
      <c r="F93730" s="14" t="s">
        <v>61</v>
      </c>
      <c r="G93730" s="16">
        <v>0</v>
      </c>
    </row>
    <row r="93731" spans="1:7" x14ac:dyDescent="0.3">
      <c r="A93731" s="13" t="s">
        <v>466</v>
      </c>
      <c r="B93731" s="14" t="s">
        <v>1</v>
      </c>
      <c r="C93731" s="14" t="s">
        <v>252</v>
      </c>
      <c r="D93731" s="14" t="s">
        <v>246</v>
      </c>
      <c r="E93731" s="15">
        <v>45667</v>
      </c>
      <c r="F93731" s="14" t="s">
        <v>61</v>
      </c>
      <c r="G93731" s="16">
        <v>0</v>
      </c>
    </row>
    <row r="93732" spans="1:7" x14ac:dyDescent="0.3">
      <c r="A93732" s="13" t="s">
        <v>466</v>
      </c>
      <c r="B93732" s="14" t="s">
        <v>1</v>
      </c>
      <c r="C93732" s="14" t="s">
        <v>252</v>
      </c>
      <c r="D93732" s="14" t="s">
        <v>246</v>
      </c>
      <c r="E93732" s="15">
        <v>45668</v>
      </c>
      <c r="F93732" s="14" t="s">
        <v>61</v>
      </c>
      <c r="G93732" s="16">
        <v>0</v>
      </c>
    </row>
    <row r="93733" spans="1:7" x14ac:dyDescent="0.3">
      <c r="A93733" s="13" t="s">
        <v>466</v>
      </c>
      <c r="B93733" s="14" t="s">
        <v>1</v>
      </c>
      <c r="C93733" s="14" t="s">
        <v>252</v>
      </c>
      <c r="D93733" s="14" t="s">
        <v>246</v>
      </c>
      <c r="E93733" s="15">
        <v>45669</v>
      </c>
      <c r="F93733" s="14" t="s">
        <v>61</v>
      </c>
      <c r="G93733" s="16">
        <v>0</v>
      </c>
    </row>
    <row r="93734" spans="1:7" x14ac:dyDescent="0.3">
      <c r="A93734" s="13" t="s">
        <v>466</v>
      </c>
      <c r="B93734" s="14" t="s">
        <v>1</v>
      </c>
      <c r="C93734" s="14" t="s">
        <v>252</v>
      </c>
      <c r="D93734" s="14" t="s">
        <v>246</v>
      </c>
      <c r="E93734" s="15">
        <v>45670</v>
      </c>
      <c r="F93734" s="14" t="s">
        <v>61</v>
      </c>
      <c r="G93734" s="16">
        <v>0</v>
      </c>
    </row>
    <row r="93735" spans="1:7" x14ac:dyDescent="0.3">
      <c r="A93735" s="13" t="s">
        <v>466</v>
      </c>
      <c r="B93735" s="14" t="s">
        <v>1</v>
      </c>
      <c r="C93735" s="14" t="s">
        <v>252</v>
      </c>
      <c r="D93735" s="14" t="s">
        <v>246</v>
      </c>
      <c r="E93735" s="15">
        <v>45671</v>
      </c>
      <c r="F93735" s="14" t="s">
        <v>61</v>
      </c>
      <c r="G93735" s="16">
        <v>0</v>
      </c>
    </row>
    <row r="93736" spans="1:7" x14ac:dyDescent="0.3">
      <c r="A93736" s="13" t="s">
        <v>466</v>
      </c>
      <c r="B93736" s="14" t="s">
        <v>1</v>
      </c>
      <c r="C93736" s="14" t="s">
        <v>252</v>
      </c>
      <c r="D93736" s="14" t="s">
        <v>246</v>
      </c>
      <c r="E93736" s="15">
        <v>45672</v>
      </c>
      <c r="F93736" s="14" t="s">
        <v>61</v>
      </c>
      <c r="G93736" s="16">
        <v>0</v>
      </c>
    </row>
    <row r="93737" spans="1:7" x14ac:dyDescent="0.3">
      <c r="A93737" s="13" t="s">
        <v>466</v>
      </c>
      <c r="B93737" s="14" t="s">
        <v>1</v>
      </c>
      <c r="C93737" s="14" t="s">
        <v>252</v>
      </c>
      <c r="D93737" s="14" t="s">
        <v>246</v>
      </c>
      <c r="E93737" s="15">
        <v>45673</v>
      </c>
      <c r="F93737" s="14" t="s">
        <v>61</v>
      </c>
      <c r="G93737" s="16">
        <v>0</v>
      </c>
    </row>
    <row r="93738" spans="1:7" x14ac:dyDescent="0.3">
      <c r="A93738" s="13" t="s">
        <v>466</v>
      </c>
      <c r="B93738" s="14" t="s">
        <v>1</v>
      </c>
      <c r="C93738" s="14" t="s">
        <v>252</v>
      </c>
      <c r="D93738" s="14" t="s">
        <v>246</v>
      </c>
      <c r="E93738" s="15">
        <v>45674</v>
      </c>
      <c r="F93738" s="14" t="s">
        <v>61</v>
      </c>
      <c r="G93738" s="16">
        <v>0</v>
      </c>
    </row>
    <row r="93739" spans="1:7" x14ac:dyDescent="0.3">
      <c r="A93739" s="13" t="s">
        <v>466</v>
      </c>
      <c r="B93739" s="14" t="s">
        <v>1</v>
      </c>
      <c r="C93739" s="14" t="s">
        <v>252</v>
      </c>
      <c r="D93739" s="14" t="s">
        <v>246</v>
      </c>
      <c r="E93739" s="15">
        <v>45675</v>
      </c>
      <c r="F93739" s="14" t="s">
        <v>61</v>
      </c>
      <c r="G93739" s="16">
        <v>0</v>
      </c>
    </row>
    <row r="93740" spans="1:7" x14ac:dyDescent="0.3">
      <c r="A93740" s="13" t="s">
        <v>466</v>
      </c>
      <c r="B93740" s="14" t="s">
        <v>1</v>
      </c>
      <c r="C93740" s="14" t="s">
        <v>252</v>
      </c>
      <c r="D93740" s="14" t="s">
        <v>246</v>
      </c>
      <c r="E93740" s="15">
        <v>45676</v>
      </c>
      <c r="F93740" s="14" t="s">
        <v>61</v>
      </c>
      <c r="G93740" s="16">
        <v>0</v>
      </c>
    </row>
    <row r="93741" spans="1:7" x14ac:dyDescent="0.3">
      <c r="A93741" s="13" t="s">
        <v>466</v>
      </c>
      <c r="B93741" s="14" t="s">
        <v>1</v>
      </c>
      <c r="C93741" s="14" t="s">
        <v>252</v>
      </c>
      <c r="D93741" s="14" t="s">
        <v>246</v>
      </c>
      <c r="E93741" s="15">
        <v>45677</v>
      </c>
      <c r="F93741" s="14" t="s">
        <v>61</v>
      </c>
      <c r="G93741" s="16">
        <v>0</v>
      </c>
    </row>
    <row r="93742" spans="1:7" x14ac:dyDescent="0.3">
      <c r="A93742" s="13" t="s">
        <v>466</v>
      </c>
      <c r="B93742" s="14" t="s">
        <v>1</v>
      </c>
      <c r="C93742" s="14" t="s">
        <v>252</v>
      </c>
      <c r="D93742" s="14" t="s">
        <v>246</v>
      </c>
      <c r="E93742" s="15">
        <v>45678</v>
      </c>
      <c r="F93742" s="14" t="s">
        <v>61</v>
      </c>
      <c r="G93742" s="16">
        <v>0</v>
      </c>
    </row>
    <row r="93743" spans="1:7" x14ac:dyDescent="0.3">
      <c r="A93743" s="13" t="s">
        <v>466</v>
      </c>
      <c r="B93743" s="14" t="s">
        <v>1</v>
      </c>
      <c r="C93743" s="14" t="s">
        <v>252</v>
      </c>
      <c r="D93743" s="14" t="s">
        <v>246</v>
      </c>
      <c r="E93743" s="15">
        <v>45679</v>
      </c>
      <c r="F93743" s="14" t="s">
        <v>61</v>
      </c>
      <c r="G93743" s="16">
        <v>0</v>
      </c>
    </row>
    <row r="93744" spans="1:7" x14ac:dyDescent="0.3">
      <c r="A93744" s="13" t="s">
        <v>466</v>
      </c>
      <c r="B93744" s="14" t="s">
        <v>1</v>
      </c>
      <c r="C93744" s="14" t="s">
        <v>252</v>
      </c>
      <c r="D93744" s="14" t="s">
        <v>246</v>
      </c>
      <c r="E93744" s="15">
        <v>45680</v>
      </c>
      <c r="F93744" s="14" t="s">
        <v>61</v>
      </c>
      <c r="G93744" s="16">
        <v>0</v>
      </c>
    </row>
    <row r="93745" spans="1:7" x14ac:dyDescent="0.3">
      <c r="A93745" s="13" t="s">
        <v>466</v>
      </c>
      <c r="B93745" s="14" t="s">
        <v>1</v>
      </c>
      <c r="C93745" s="14" t="s">
        <v>252</v>
      </c>
      <c r="D93745" s="14" t="s">
        <v>246</v>
      </c>
      <c r="E93745" s="15">
        <v>45681</v>
      </c>
      <c r="F93745" s="14" t="s">
        <v>61</v>
      </c>
      <c r="G93745" s="16">
        <v>0</v>
      </c>
    </row>
    <row r="93746" spans="1:7" x14ac:dyDescent="0.3">
      <c r="A93746" s="13" t="s">
        <v>466</v>
      </c>
      <c r="B93746" s="14" t="s">
        <v>1</v>
      </c>
      <c r="C93746" s="14" t="s">
        <v>252</v>
      </c>
      <c r="D93746" s="14" t="s">
        <v>246</v>
      </c>
      <c r="E93746" s="15">
        <v>45682</v>
      </c>
      <c r="F93746" s="14" t="s">
        <v>61</v>
      </c>
      <c r="G93746" s="16">
        <v>0</v>
      </c>
    </row>
    <row r="93747" spans="1:7" x14ac:dyDescent="0.3">
      <c r="A93747" s="13" t="s">
        <v>466</v>
      </c>
      <c r="B93747" s="14" t="s">
        <v>1</v>
      </c>
      <c r="C93747" s="14" t="s">
        <v>252</v>
      </c>
      <c r="D93747" s="14" t="s">
        <v>246</v>
      </c>
      <c r="E93747" s="15">
        <v>45683</v>
      </c>
      <c r="F93747" s="14" t="s">
        <v>61</v>
      </c>
      <c r="G93747" s="16">
        <v>0</v>
      </c>
    </row>
    <row r="93748" spans="1:7" x14ac:dyDescent="0.3">
      <c r="A93748" s="13" t="s">
        <v>466</v>
      </c>
      <c r="B93748" s="14" t="s">
        <v>1</v>
      </c>
      <c r="C93748" s="14" t="s">
        <v>252</v>
      </c>
      <c r="D93748" s="14" t="s">
        <v>246</v>
      </c>
      <c r="E93748" s="15">
        <v>45684</v>
      </c>
      <c r="F93748" s="14" t="s">
        <v>61</v>
      </c>
      <c r="G93748" s="16">
        <v>0</v>
      </c>
    </row>
    <row r="93749" spans="1:7" x14ac:dyDescent="0.3">
      <c r="A93749" s="13" t="s">
        <v>466</v>
      </c>
      <c r="B93749" s="14" t="s">
        <v>1</v>
      </c>
      <c r="C93749" s="14" t="s">
        <v>252</v>
      </c>
      <c r="D93749" s="14" t="s">
        <v>246</v>
      </c>
      <c r="E93749" s="15">
        <v>45685</v>
      </c>
      <c r="F93749" s="14" t="s">
        <v>61</v>
      </c>
      <c r="G93749" s="16">
        <v>0</v>
      </c>
    </row>
    <row r="93750" spans="1:7" x14ac:dyDescent="0.3">
      <c r="A93750" s="13" t="s">
        <v>466</v>
      </c>
      <c r="B93750" s="14" t="s">
        <v>1</v>
      </c>
      <c r="C93750" s="14" t="s">
        <v>252</v>
      </c>
      <c r="D93750" s="14" t="s">
        <v>246</v>
      </c>
      <c r="E93750" s="15">
        <v>45686</v>
      </c>
      <c r="F93750" s="14" t="s">
        <v>61</v>
      </c>
      <c r="G93750" s="16">
        <v>0</v>
      </c>
    </row>
    <row r="93751" spans="1:7" x14ac:dyDescent="0.3">
      <c r="A93751" s="13" t="s">
        <v>466</v>
      </c>
      <c r="B93751" s="14" t="s">
        <v>1</v>
      </c>
      <c r="C93751" s="14" t="s">
        <v>252</v>
      </c>
      <c r="D93751" s="14" t="s">
        <v>246</v>
      </c>
      <c r="E93751" s="15">
        <v>45687</v>
      </c>
      <c r="F93751" s="14" t="s">
        <v>61</v>
      </c>
      <c r="G93751" s="16">
        <v>0</v>
      </c>
    </row>
    <row r="93752" spans="1:7" x14ac:dyDescent="0.3">
      <c r="A93752" s="13" t="s">
        <v>466</v>
      </c>
      <c r="B93752" s="14" t="s">
        <v>1</v>
      </c>
      <c r="C93752" s="14" t="s">
        <v>252</v>
      </c>
      <c r="D93752" s="14" t="s">
        <v>246</v>
      </c>
      <c r="E93752" s="15">
        <v>45688</v>
      </c>
      <c r="F93752" s="14" t="s">
        <v>61</v>
      </c>
      <c r="G93752" s="16">
        <v>0</v>
      </c>
    </row>
    <row r="93753" spans="1:7" x14ac:dyDescent="0.3">
      <c r="A93753" s="13" t="s">
        <v>466</v>
      </c>
      <c r="B93753" s="14" t="s">
        <v>1</v>
      </c>
      <c r="C93753" s="14" t="s">
        <v>252</v>
      </c>
      <c r="D93753" s="14" t="s">
        <v>246</v>
      </c>
      <c r="E93753" s="15">
        <v>45689</v>
      </c>
      <c r="F93753" s="14" t="s">
        <v>61</v>
      </c>
      <c r="G93753" s="16">
        <v>0</v>
      </c>
    </row>
    <row r="93754" spans="1:7" x14ac:dyDescent="0.3">
      <c r="A93754" s="13" t="s">
        <v>466</v>
      </c>
      <c r="B93754" s="14" t="s">
        <v>1</v>
      </c>
      <c r="C93754" s="14" t="s">
        <v>252</v>
      </c>
      <c r="D93754" s="14" t="s">
        <v>246</v>
      </c>
      <c r="E93754" s="15">
        <v>45690</v>
      </c>
      <c r="F93754" s="14" t="s">
        <v>61</v>
      </c>
      <c r="G93754" s="16">
        <v>0</v>
      </c>
    </row>
    <row r="93755" spans="1:7" x14ac:dyDescent="0.3">
      <c r="A93755" s="13" t="s">
        <v>466</v>
      </c>
      <c r="B93755" s="14" t="s">
        <v>1</v>
      </c>
      <c r="C93755" s="14" t="s">
        <v>252</v>
      </c>
      <c r="D93755" s="14" t="s">
        <v>246</v>
      </c>
      <c r="E93755" s="15">
        <v>45691</v>
      </c>
      <c r="F93755" s="14" t="s">
        <v>61</v>
      </c>
      <c r="G93755" s="16">
        <v>0</v>
      </c>
    </row>
    <row r="93756" spans="1:7" x14ac:dyDescent="0.3">
      <c r="A93756" s="13" t="s">
        <v>466</v>
      </c>
      <c r="B93756" s="14" t="s">
        <v>1</v>
      </c>
      <c r="C93756" s="14" t="s">
        <v>252</v>
      </c>
      <c r="D93756" s="14" t="s">
        <v>246</v>
      </c>
      <c r="E93756" s="15">
        <v>45692</v>
      </c>
      <c r="F93756" s="14" t="s">
        <v>61</v>
      </c>
      <c r="G93756" s="16">
        <v>0</v>
      </c>
    </row>
    <row r="93757" spans="1:7" x14ac:dyDescent="0.3">
      <c r="A93757" s="13" t="s">
        <v>466</v>
      </c>
      <c r="B93757" s="14" t="s">
        <v>1</v>
      </c>
      <c r="C93757" s="14" t="s">
        <v>252</v>
      </c>
      <c r="D93757" s="14" t="s">
        <v>246</v>
      </c>
      <c r="E93757" s="15">
        <v>45693</v>
      </c>
      <c r="F93757" s="14" t="s">
        <v>61</v>
      </c>
      <c r="G93757" s="16">
        <v>0</v>
      </c>
    </row>
    <row r="93758" spans="1:7" x14ac:dyDescent="0.3">
      <c r="A93758" s="13" t="s">
        <v>466</v>
      </c>
      <c r="B93758" s="14" t="s">
        <v>1</v>
      </c>
      <c r="C93758" s="14" t="s">
        <v>252</v>
      </c>
      <c r="D93758" s="14" t="s">
        <v>246</v>
      </c>
      <c r="E93758" s="15">
        <v>45694</v>
      </c>
      <c r="F93758" s="14" t="s">
        <v>61</v>
      </c>
      <c r="G93758" s="16">
        <v>0</v>
      </c>
    </row>
    <row r="93759" spans="1:7" x14ac:dyDescent="0.3">
      <c r="A93759" s="13" t="s">
        <v>466</v>
      </c>
      <c r="B93759" s="14" t="s">
        <v>1</v>
      </c>
      <c r="C93759" s="14" t="s">
        <v>252</v>
      </c>
      <c r="D93759" s="14" t="s">
        <v>246</v>
      </c>
      <c r="E93759" s="15">
        <v>45695</v>
      </c>
      <c r="F93759" s="14" t="s">
        <v>61</v>
      </c>
      <c r="G93759" s="16">
        <v>0</v>
      </c>
    </row>
    <row r="93760" spans="1:7" x14ac:dyDescent="0.3">
      <c r="A93760" s="13" t="s">
        <v>466</v>
      </c>
      <c r="B93760" s="14" t="s">
        <v>1</v>
      </c>
      <c r="C93760" s="14" t="s">
        <v>252</v>
      </c>
      <c r="D93760" s="14" t="s">
        <v>246</v>
      </c>
      <c r="E93760" s="15">
        <v>45696</v>
      </c>
      <c r="F93760" s="14" t="s">
        <v>61</v>
      </c>
      <c r="G93760" s="16">
        <v>0</v>
      </c>
    </row>
    <row r="93761" spans="1:7" x14ac:dyDescent="0.3">
      <c r="A93761" s="13" t="s">
        <v>466</v>
      </c>
      <c r="B93761" s="14" t="s">
        <v>1</v>
      </c>
      <c r="C93761" s="14" t="s">
        <v>252</v>
      </c>
      <c r="D93761" s="14" t="s">
        <v>246</v>
      </c>
      <c r="E93761" s="15">
        <v>45697</v>
      </c>
      <c r="F93761" s="14" t="s">
        <v>61</v>
      </c>
      <c r="G93761" s="16">
        <v>0</v>
      </c>
    </row>
    <row r="93762" spans="1:7" x14ac:dyDescent="0.3">
      <c r="A93762" s="13" t="s">
        <v>466</v>
      </c>
      <c r="B93762" s="14" t="s">
        <v>1</v>
      </c>
      <c r="C93762" s="14" t="s">
        <v>252</v>
      </c>
      <c r="D93762" s="14" t="s">
        <v>246</v>
      </c>
      <c r="E93762" s="15">
        <v>45698</v>
      </c>
      <c r="F93762" s="14" t="s">
        <v>61</v>
      </c>
      <c r="G93762" s="16">
        <v>0</v>
      </c>
    </row>
    <row r="93763" spans="1:7" x14ac:dyDescent="0.3">
      <c r="A93763" s="13" t="s">
        <v>466</v>
      </c>
      <c r="B93763" s="14" t="s">
        <v>1</v>
      </c>
      <c r="C93763" s="14" t="s">
        <v>252</v>
      </c>
      <c r="D93763" s="14" t="s">
        <v>246</v>
      </c>
      <c r="E93763" s="15">
        <v>45699</v>
      </c>
      <c r="F93763" s="14" t="s">
        <v>61</v>
      </c>
      <c r="G93763" s="16">
        <v>0</v>
      </c>
    </row>
    <row r="93764" spans="1:7" x14ac:dyDescent="0.3">
      <c r="A93764" s="13" t="s">
        <v>466</v>
      </c>
      <c r="B93764" s="14" t="s">
        <v>1</v>
      </c>
      <c r="C93764" s="14" t="s">
        <v>252</v>
      </c>
      <c r="D93764" s="14" t="s">
        <v>246</v>
      </c>
      <c r="E93764" s="15">
        <v>45700</v>
      </c>
      <c r="F93764" s="14" t="s">
        <v>61</v>
      </c>
      <c r="G93764" s="16">
        <v>0</v>
      </c>
    </row>
    <row r="93765" spans="1:7" x14ac:dyDescent="0.3">
      <c r="A93765" s="13" t="s">
        <v>466</v>
      </c>
      <c r="B93765" s="14" t="s">
        <v>1</v>
      </c>
      <c r="C93765" s="14" t="s">
        <v>252</v>
      </c>
      <c r="D93765" s="14" t="s">
        <v>246</v>
      </c>
      <c r="E93765" s="15">
        <v>45701</v>
      </c>
      <c r="F93765" s="14" t="s">
        <v>61</v>
      </c>
      <c r="G93765" s="16">
        <v>0</v>
      </c>
    </row>
    <row r="93766" spans="1:7" x14ac:dyDescent="0.3">
      <c r="A93766" s="13" t="s">
        <v>466</v>
      </c>
      <c r="B93766" s="14" t="s">
        <v>1</v>
      </c>
      <c r="C93766" s="14" t="s">
        <v>252</v>
      </c>
      <c r="D93766" s="14" t="s">
        <v>246</v>
      </c>
      <c r="E93766" s="15">
        <v>45702</v>
      </c>
      <c r="F93766" s="14" t="s">
        <v>61</v>
      </c>
      <c r="G93766" s="16">
        <v>0</v>
      </c>
    </row>
    <row r="93767" spans="1:7" x14ac:dyDescent="0.3">
      <c r="A93767" s="13" t="s">
        <v>466</v>
      </c>
      <c r="B93767" s="14" t="s">
        <v>1</v>
      </c>
      <c r="C93767" s="14" t="s">
        <v>252</v>
      </c>
      <c r="D93767" s="14" t="s">
        <v>246</v>
      </c>
      <c r="E93767" s="15">
        <v>45703</v>
      </c>
      <c r="F93767" s="14" t="s">
        <v>61</v>
      </c>
      <c r="G93767" s="16">
        <v>0</v>
      </c>
    </row>
    <row r="93768" spans="1:7" x14ac:dyDescent="0.3">
      <c r="A93768" s="13" t="s">
        <v>466</v>
      </c>
      <c r="B93768" s="14" t="s">
        <v>1</v>
      </c>
      <c r="C93768" s="14" t="s">
        <v>252</v>
      </c>
      <c r="D93768" s="14" t="s">
        <v>246</v>
      </c>
      <c r="E93768" s="15">
        <v>45704</v>
      </c>
      <c r="F93768" s="14" t="s">
        <v>61</v>
      </c>
      <c r="G93768" s="16">
        <v>0</v>
      </c>
    </row>
    <row r="93769" spans="1:7" x14ac:dyDescent="0.3">
      <c r="A93769" s="13" t="s">
        <v>466</v>
      </c>
      <c r="B93769" s="14" t="s">
        <v>1</v>
      </c>
      <c r="C93769" s="14" t="s">
        <v>252</v>
      </c>
      <c r="D93769" s="14" t="s">
        <v>246</v>
      </c>
      <c r="E93769" s="15">
        <v>45705</v>
      </c>
      <c r="F93769" s="14" t="s">
        <v>61</v>
      </c>
      <c r="G93769" s="16">
        <v>0</v>
      </c>
    </row>
    <row r="93770" spans="1:7" x14ac:dyDescent="0.3">
      <c r="A93770" s="13" t="s">
        <v>466</v>
      </c>
      <c r="B93770" s="14" t="s">
        <v>1</v>
      </c>
      <c r="C93770" s="14" t="s">
        <v>252</v>
      </c>
      <c r="D93770" s="14" t="s">
        <v>246</v>
      </c>
      <c r="E93770" s="15">
        <v>45706</v>
      </c>
      <c r="F93770" s="14" t="s">
        <v>61</v>
      </c>
      <c r="G93770" s="16">
        <v>0</v>
      </c>
    </row>
    <row r="93771" spans="1:7" x14ac:dyDescent="0.3">
      <c r="A93771" s="13" t="s">
        <v>466</v>
      </c>
      <c r="B93771" s="14" t="s">
        <v>1</v>
      </c>
      <c r="C93771" s="14" t="s">
        <v>252</v>
      </c>
      <c r="D93771" s="14" t="s">
        <v>246</v>
      </c>
      <c r="E93771" s="15">
        <v>45707</v>
      </c>
      <c r="F93771" s="14" t="s">
        <v>61</v>
      </c>
      <c r="G93771" s="16">
        <v>0</v>
      </c>
    </row>
    <row r="93772" spans="1:7" x14ac:dyDescent="0.3">
      <c r="A93772" s="13" t="s">
        <v>466</v>
      </c>
      <c r="B93772" s="14" t="s">
        <v>1</v>
      </c>
      <c r="C93772" s="14" t="s">
        <v>252</v>
      </c>
      <c r="D93772" s="14" t="s">
        <v>246</v>
      </c>
      <c r="E93772" s="15">
        <v>45708</v>
      </c>
      <c r="F93772" s="14" t="s">
        <v>61</v>
      </c>
      <c r="G93772" s="16">
        <v>0</v>
      </c>
    </row>
    <row r="93773" spans="1:7" x14ac:dyDescent="0.3">
      <c r="A93773" s="13" t="s">
        <v>466</v>
      </c>
      <c r="B93773" s="14" t="s">
        <v>1</v>
      </c>
      <c r="C93773" s="14" t="s">
        <v>252</v>
      </c>
      <c r="D93773" s="14" t="s">
        <v>246</v>
      </c>
      <c r="E93773" s="15">
        <v>45709</v>
      </c>
      <c r="F93773" s="14" t="s">
        <v>61</v>
      </c>
      <c r="G93773" s="16">
        <v>0</v>
      </c>
    </row>
    <row r="93774" spans="1:7" x14ac:dyDescent="0.3">
      <c r="A93774" s="13" t="s">
        <v>466</v>
      </c>
      <c r="B93774" s="14" t="s">
        <v>1</v>
      </c>
      <c r="C93774" s="14" t="s">
        <v>252</v>
      </c>
      <c r="D93774" s="14" t="s">
        <v>246</v>
      </c>
      <c r="E93774" s="15">
        <v>45710</v>
      </c>
      <c r="F93774" s="14" t="s">
        <v>61</v>
      </c>
      <c r="G93774" s="16">
        <v>0</v>
      </c>
    </row>
    <row r="93775" spans="1:7" x14ac:dyDescent="0.3">
      <c r="A93775" s="13" t="s">
        <v>466</v>
      </c>
      <c r="B93775" s="14" t="s">
        <v>1</v>
      </c>
      <c r="C93775" s="14" t="s">
        <v>252</v>
      </c>
      <c r="D93775" s="14" t="s">
        <v>246</v>
      </c>
      <c r="E93775" s="15">
        <v>45711</v>
      </c>
      <c r="F93775" s="14" t="s">
        <v>61</v>
      </c>
      <c r="G93775" s="16">
        <v>0</v>
      </c>
    </row>
    <row r="93776" spans="1:7" x14ac:dyDescent="0.3">
      <c r="A93776" s="13" t="s">
        <v>466</v>
      </c>
      <c r="B93776" s="14" t="s">
        <v>1</v>
      </c>
      <c r="C93776" s="14" t="s">
        <v>252</v>
      </c>
      <c r="D93776" s="14" t="s">
        <v>246</v>
      </c>
      <c r="E93776" s="15">
        <v>45712</v>
      </c>
      <c r="F93776" s="14" t="s">
        <v>61</v>
      </c>
      <c r="G93776" s="16">
        <v>0</v>
      </c>
    </row>
    <row r="93777" spans="1:7" x14ac:dyDescent="0.3">
      <c r="A93777" s="13" t="s">
        <v>466</v>
      </c>
      <c r="B93777" s="14" t="s">
        <v>1</v>
      </c>
      <c r="C93777" s="14" t="s">
        <v>252</v>
      </c>
      <c r="D93777" s="14" t="s">
        <v>246</v>
      </c>
      <c r="E93777" s="15">
        <v>45713</v>
      </c>
      <c r="F93777" s="14" t="s">
        <v>61</v>
      </c>
      <c r="G93777" s="16">
        <v>0</v>
      </c>
    </row>
    <row r="93778" spans="1:7" x14ac:dyDescent="0.3">
      <c r="A93778" s="13" t="s">
        <v>466</v>
      </c>
      <c r="B93778" s="14" t="s">
        <v>1</v>
      </c>
      <c r="C93778" s="14" t="s">
        <v>252</v>
      </c>
      <c r="D93778" s="14" t="s">
        <v>246</v>
      </c>
      <c r="E93778" s="15">
        <v>45714</v>
      </c>
      <c r="F93778" s="14" t="s">
        <v>61</v>
      </c>
      <c r="G93778" s="16">
        <v>0</v>
      </c>
    </row>
    <row r="93779" spans="1:7" x14ac:dyDescent="0.3">
      <c r="A93779" s="13" t="s">
        <v>466</v>
      </c>
      <c r="B93779" s="14" t="s">
        <v>1</v>
      </c>
      <c r="C93779" s="14" t="s">
        <v>252</v>
      </c>
      <c r="D93779" s="14" t="s">
        <v>246</v>
      </c>
      <c r="E93779" s="15">
        <v>45715</v>
      </c>
      <c r="F93779" s="14" t="s">
        <v>61</v>
      </c>
      <c r="G93779" s="16">
        <v>0</v>
      </c>
    </row>
    <row r="93780" spans="1:7" x14ac:dyDescent="0.3">
      <c r="A93780" s="13" t="s">
        <v>466</v>
      </c>
      <c r="B93780" s="14" t="s">
        <v>1</v>
      </c>
      <c r="C93780" s="14" t="s">
        <v>252</v>
      </c>
      <c r="D93780" s="14" t="s">
        <v>246</v>
      </c>
      <c r="E93780" s="15">
        <v>45716</v>
      </c>
      <c r="F93780" s="14" t="s">
        <v>61</v>
      </c>
      <c r="G93780" s="16">
        <v>0</v>
      </c>
    </row>
    <row r="93781" spans="1:7" x14ac:dyDescent="0.3">
      <c r="A93781" s="13" t="s">
        <v>466</v>
      </c>
      <c r="B93781" s="14" t="s">
        <v>1</v>
      </c>
      <c r="C93781" s="14" t="s">
        <v>252</v>
      </c>
      <c r="D93781" s="14" t="s">
        <v>246</v>
      </c>
      <c r="E93781" s="15">
        <v>45717</v>
      </c>
      <c r="F93781" s="14" t="s">
        <v>61</v>
      </c>
      <c r="G93781" s="16">
        <v>0</v>
      </c>
    </row>
    <row r="93782" spans="1:7" x14ac:dyDescent="0.3">
      <c r="A93782" s="13" t="s">
        <v>466</v>
      </c>
      <c r="B93782" s="14" t="s">
        <v>1</v>
      </c>
      <c r="C93782" s="14" t="s">
        <v>252</v>
      </c>
      <c r="D93782" s="14" t="s">
        <v>246</v>
      </c>
      <c r="E93782" s="15">
        <v>45718</v>
      </c>
      <c r="F93782" s="14" t="s">
        <v>61</v>
      </c>
      <c r="G93782" s="16">
        <v>0</v>
      </c>
    </row>
    <row r="93783" spans="1:7" x14ac:dyDescent="0.3">
      <c r="A93783" s="13" t="s">
        <v>466</v>
      </c>
      <c r="B93783" s="14" t="s">
        <v>1</v>
      </c>
      <c r="C93783" s="14" t="s">
        <v>252</v>
      </c>
      <c r="D93783" s="14" t="s">
        <v>246</v>
      </c>
      <c r="E93783" s="15">
        <v>45719</v>
      </c>
      <c r="F93783" s="14" t="s">
        <v>61</v>
      </c>
      <c r="G93783" s="16">
        <v>0</v>
      </c>
    </row>
    <row r="93784" spans="1:7" x14ac:dyDescent="0.3">
      <c r="A93784" s="13" t="s">
        <v>466</v>
      </c>
      <c r="B93784" s="14" t="s">
        <v>1</v>
      </c>
      <c r="C93784" s="14" t="s">
        <v>252</v>
      </c>
      <c r="D93784" s="14" t="s">
        <v>246</v>
      </c>
      <c r="E93784" s="15">
        <v>45720</v>
      </c>
      <c r="F93784" s="14" t="s">
        <v>61</v>
      </c>
      <c r="G93784" s="16">
        <v>0</v>
      </c>
    </row>
    <row r="93785" spans="1:7" x14ac:dyDescent="0.3">
      <c r="A93785" s="13" t="s">
        <v>466</v>
      </c>
      <c r="B93785" s="14" t="s">
        <v>1</v>
      </c>
      <c r="C93785" s="14" t="s">
        <v>252</v>
      </c>
      <c r="D93785" s="14" t="s">
        <v>246</v>
      </c>
      <c r="E93785" s="15">
        <v>45721</v>
      </c>
      <c r="F93785" s="14" t="s">
        <v>61</v>
      </c>
      <c r="G93785" s="16">
        <v>0</v>
      </c>
    </row>
    <row r="93786" spans="1:7" x14ac:dyDescent="0.3">
      <c r="A93786" s="13" t="s">
        <v>466</v>
      </c>
      <c r="B93786" s="14" t="s">
        <v>1</v>
      </c>
      <c r="C93786" s="14" t="s">
        <v>252</v>
      </c>
      <c r="D93786" s="14" t="s">
        <v>246</v>
      </c>
      <c r="E93786" s="15">
        <v>45722</v>
      </c>
      <c r="F93786" s="14" t="s">
        <v>61</v>
      </c>
      <c r="G93786" s="16">
        <v>0</v>
      </c>
    </row>
    <row r="93787" spans="1:7" x14ac:dyDescent="0.3">
      <c r="A93787" s="13" t="s">
        <v>466</v>
      </c>
      <c r="B93787" s="14" t="s">
        <v>1</v>
      </c>
      <c r="C93787" s="14" t="s">
        <v>252</v>
      </c>
      <c r="D93787" s="14" t="s">
        <v>246</v>
      </c>
      <c r="E93787" s="15">
        <v>45723</v>
      </c>
      <c r="F93787" s="14" t="s">
        <v>61</v>
      </c>
      <c r="G93787" s="16">
        <v>0</v>
      </c>
    </row>
    <row r="93788" spans="1:7" x14ac:dyDescent="0.3">
      <c r="A93788" s="13" t="s">
        <v>466</v>
      </c>
      <c r="B93788" s="14" t="s">
        <v>1</v>
      </c>
      <c r="C93788" s="14" t="s">
        <v>252</v>
      </c>
      <c r="D93788" s="14" t="s">
        <v>246</v>
      </c>
      <c r="E93788" s="15">
        <v>45724</v>
      </c>
      <c r="F93788" s="14" t="s">
        <v>61</v>
      </c>
      <c r="G93788" s="16">
        <v>0</v>
      </c>
    </row>
    <row r="93789" spans="1:7" x14ac:dyDescent="0.3">
      <c r="A93789" s="13" t="s">
        <v>466</v>
      </c>
      <c r="B93789" s="14" t="s">
        <v>1</v>
      </c>
      <c r="C93789" s="14" t="s">
        <v>252</v>
      </c>
      <c r="D93789" s="14" t="s">
        <v>246</v>
      </c>
      <c r="E93789" s="15">
        <v>45725</v>
      </c>
      <c r="F93789" s="14" t="s">
        <v>61</v>
      </c>
      <c r="G93789" s="16">
        <v>0</v>
      </c>
    </row>
    <row r="93790" spans="1:7" x14ac:dyDescent="0.3">
      <c r="A93790" s="13" t="s">
        <v>466</v>
      </c>
      <c r="B93790" s="14" t="s">
        <v>1</v>
      </c>
      <c r="C93790" s="14" t="s">
        <v>252</v>
      </c>
      <c r="D93790" s="14" t="s">
        <v>246</v>
      </c>
      <c r="E93790" s="15">
        <v>45726</v>
      </c>
      <c r="F93790" s="14" t="s">
        <v>61</v>
      </c>
      <c r="G93790" s="16">
        <v>0</v>
      </c>
    </row>
    <row r="93791" spans="1:7" x14ac:dyDescent="0.3">
      <c r="A93791" s="13" t="s">
        <v>466</v>
      </c>
      <c r="B93791" s="14" t="s">
        <v>1</v>
      </c>
      <c r="C93791" s="14" t="s">
        <v>252</v>
      </c>
      <c r="D93791" s="14" t="s">
        <v>246</v>
      </c>
      <c r="E93791" s="15">
        <v>45727</v>
      </c>
      <c r="F93791" s="14" t="s">
        <v>61</v>
      </c>
      <c r="G93791" s="16">
        <v>0</v>
      </c>
    </row>
    <row r="93792" spans="1:7" x14ac:dyDescent="0.3">
      <c r="A93792" s="13" t="s">
        <v>466</v>
      </c>
      <c r="B93792" s="14" t="s">
        <v>1</v>
      </c>
      <c r="C93792" s="14" t="s">
        <v>252</v>
      </c>
      <c r="D93792" s="14" t="s">
        <v>246</v>
      </c>
      <c r="E93792" s="15">
        <v>45728</v>
      </c>
      <c r="F93792" s="14" t="s">
        <v>61</v>
      </c>
      <c r="G93792" s="16">
        <v>0</v>
      </c>
    </row>
    <row r="93793" spans="1:7" x14ac:dyDescent="0.3">
      <c r="A93793" s="13" t="s">
        <v>466</v>
      </c>
      <c r="B93793" s="14" t="s">
        <v>1</v>
      </c>
      <c r="C93793" s="14" t="s">
        <v>252</v>
      </c>
      <c r="D93793" s="14" t="s">
        <v>246</v>
      </c>
      <c r="E93793" s="15">
        <v>45729</v>
      </c>
      <c r="F93793" s="14" t="s">
        <v>61</v>
      </c>
      <c r="G93793" s="16">
        <v>0</v>
      </c>
    </row>
    <row r="93794" spans="1:7" x14ac:dyDescent="0.3">
      <c r="A93794" s="13" t="s">
        <v>466</v>
      </c>
      <c r="B93794" s="14" t="s">
        <v>1</v>
      </c>
      <c r="C93794" s="14" t="s">
        <v>252</v>
      </c>
      <c r="D93794" s="14" t="s">
        <v>246</v>
      </c>
      <c r="E93794" s="15">
        <v>45730</v>
      </c>
      <c r="F93794" s="14" t="s">
        <v>61</v>
      </c>
      <c r="G93794" s="16">
        <v>0</v>
      </c>
    </row>
    <row r="93795" spans="1:7" x14ac:dyDescent="0.3">
      <c r="A93795" s="13" t="s">
        <v>466</v>
      </c>
      <c r="B93795" s="14" t="s">
        <v>1</v>
      </c>
      <c r="C93795" s="14" t="s">
        <v>252</v>
      </c>
      <c r="D93795" s="14" t="s">
        <v>246</v>
      </c>
      <c r="E93795" s="15">
        <v>45731</v>
      </c>
      <c r="F93795" s="14" t="s">
        <v>61</v>
      </c>
      <c r="G93795" s="16">
        <v>0</v>
      </c>
    </row>
    <row r="93796" spans="1:7" x14ac:dyDescent="0.3">
      <c r="A93796" s="13" t="s">
        <v>466</v>
      </c>
      <c r="B93796" s="14" t="s">
        <v>1</v>
      </c>
      <c r="C93796" s="14" t="s">
        <v>252</v>
      </c>
      <c r="D93796" s="14" t="s">
        <v>246</v>
      </c>
      <c r="E93796" s="15">
        <v>45732</v>
      </c>
      <c r="F93796" s="14" t="s">
        <v>61</v>
      </c>
      <c r="G93796" s="16">
        <v>0</v>
      </c>
    </row>
    <row r="93797" spans="1:7" x14ac:dyDescent="0.3">
      <c r="A93797" s="13" t="s">
        <v>466</v>
      </c>
      <c r="B93797" s="14" t="s">
        <v>1</v>
      </c>
      <c r="C93797" s="14" t="s">
        <v>252</v>
      </c>
      <c r="D93797" s="14" t="s">
        <v>246</v>
      </c>
      <c r="E93797" s="15">
        <v>45733</v>
      </c>
      <c r="F93797" s="14" t="s">
        <v>61</v>
      </c>
      <c r="G93797" s="16">
        <v>0</v>
      </c>
    </row>
    <row r="93798" spans="1:7" x14ac:dyDescent="0.3">
      <c r="A93798" s="13" t="s">
        <v>466</v>
      </c>
      <c r="B93798" s="14" t="s">
        <v>1</v>
      </c>
      <c r="C93798" s="14" t="s">
        <v>252</v>
      </c>
      <c r="D93798" s="14" t="s">
        <v>246</v>
      </c>
      <c r="E93798" s="15">
        <v>45734</v>
      </c>
      <c r="F93798" s="14" t="s">
        <v>61</v>
      </c>
      <c r="G93798" s="16">
        <v>0</v>
      </c>
    </row>
    <row r="93799" spans="1:7" x14ac:dyDescent="0.3">
      <c r="A93799" s="13" t="s">
        <v>466</v>
      </c>
      <c r="B93799" s="14" t="s">
        <v>1</v>
      </c>
      <c r="C93799" s="14" t="s">
        <v>252</v>
      </c>
      <c r="D93799" s="14" t="s">
        <v>246</v>
      </c>
      <c r="E93799" s="15">
        <v>45735</v>
      </c>
      <c r="F93799" s="14" t="s">
        <v>61</v>
      </c>
      <c r="G93799" s="16">
        <v>0</v>
      </c>
    </row>
    <row r="93800" spans="1:7" x14ac:dyDescent="0.3">
      <c r="A93800" s="13" t="s">
        <v>466</v>
      </c>
      <c r="B93800" s="14" t="s">
        <v>1</v>
      </c>
      <c r="C93800" s="14" t="s">
        <v>252</v>
      </c>
      <c r="D93800" s="14" t="s">
        <v>246</v>
      </c>
      <c r="E93800" s="15">
        <v>45736</v>
      </c>
      <c r="F93800" s="14" t="s">
        <v>61</v>
      </c>
      <c r="G93800" s="16">
        <v>0</v>
      </c>
    </row>
    <row r="93801" spans="1:7" x14ac:dyDescent="0.3">
      <c r="A93801" s="13" t="s">
        <v>466</v>
      </c>
      <c r="B93801" s="14" t="s">
        <v>1</v>
      </c>
      <c r="C93801" s="14" t="s">
        <v>252</v>
      </c>
      <c r="D93801" s="14" t="s">
        <v>246</v>
      </c>
      <c r="E93801" s="15">
        <v>45737</v>
      </c>
      <c r="F93801" s="14" t="s">
        <v>61</v>
      </c>
      <c r="G93801" s="16">
        <v>0</v>
      </c>
    </row>
    <row r="93802" spans="1:7" x14ac:dyDescent="0.3">
      <c r="A93802" s="13" t="s">
        <v>466</v>
      </c>
      <c r="B93802" s="14" t="s">
        <v>1</v>
      </c>
      <c r="C93802" s="14" t="s">
        <v>252</v>
      </c>
      <c r="D93802" s="14" t="s">
        <v>246</v>
      </c>
      <c r="E93802" s="15">
        <v>45738</v>
      </c>
      <c r="F93802" s="14" t="s">
        <v>61</v>
      </c>
      <c r="G93802" s="16">
        <v>0</v>
      </c>
    </row>
    <row r="93803" spans="1:7" x14ac:dyDescent="0.3">
      <c r="A93803" s="13" t="s">
        <v>466</v>
      </c>
      <c r="B93803" s="14" t="s">
        <v>1</v>
      </c>
      <c r="C93803" s="14" t="s">
        <v>252</v>
      </c>
      <c r="D93803" s="14" t="s">
        <v>246</v>
      </c>
      <c r="E93803" s="15">
        <v>45739</v>
      </c>
      <c r="F93803" s="14" t="s">
        <v>61</v>
      </c>
      <c r="G93803" s="16">
        <v>0</v>
      </c>
    </row>
    <row r="93804" spans="1:7" x14ac:dyDescent="0.3">
      <c r="A93804" s="13" t="s">
        <v>466</v>
      </c>
      <c r="B93804" s="14" t="s">
        <v>1</v>
      </c>
      <c r="C93804" s="14" t="s">
        <v>252</v>
      </c>
      <c r="D93804" s="14" t="s">
        <v>246</v>
      </c>
      <c r="E93804" s="15">
        <v>45740</v>
      </c>
      <c r="F93804" s="14" t="s">
        <v>61</v>
      </c>
      <c r="G93804" s="16">
        <v>0</v>
      </c>
    </row>
    <row r="93805" spans="1:7" x14ac:dyDescent="0.3">
      <c r="A93805" s="13" t="s">
        <v>466</v>
      </c>
      <c r="B93805" s="14" t="s">
        <v>1</v>
      </c>
      <c r="C93805" s="14" t="s">
        <v>252</v>
      </c>
      <c r="D93805" s="14" t="s">
        <v>246</v>
      </c>
      <c r="E93805" s="15">
        <v>45741</v>
      </c>
      <c r="F93805" s="14" t="s">
        <v>61</v>
      </c>
      <c r="G93805" s="16">
        <v>0</v>
      </c>
    </row>
    <row r="93806" spans="1:7" x14ac:dyDescent="0.3">
      <c r="A93806" s="13" t="s">
        <v>466</v>
      </c>
      <c r="B93806" s="14" t="s">
        <v>1</v>
      </c>
      <c r="C93806" s="14" t="s">
        <v>252</v>
      </c>
      <c r="D93806" s="14" t="s">
        <v>246</v>
      </c>
      <c r="E93806" s="15">
        <v>45742</v>
      </c>
      <c r="F93806" s="14" t="s">
        <v>61</v>
      </c>
      <c r="G93806" s="16">
        <v>0</v>
      </c>
    </row>
    <row r="93807" spans="1:7" x14ac:dyDescent="0.3">
      <c r="A93807" s="13" t="s">
        <v>466</v>
      </c>
      <c r="B93807" s="14" t="s">
        <v>1</v>
      </c>
      <c r="C93807" s="14" t="s">
        <v>252</v>
      </c>
      <c r="D93807" s="14" t="s">
        <v>246</v>
      </c>
      <c r="E93807" s="15">
        <v>45743</v>
      </c>
      <c r="F93807" s="14" t="s">
        <v>61</v>
      </c>
      <c r="G93807" s="16">
        <v>0</v>
      </c>
    </row>
    <row r="93808" spans="1:7" x14ac:dyDescent="0.3">
      <c r="A93808" s="13" t="s">
        <v>466</v>
      </c>
      <c r="B93808" s="14" t="s">
        <v>1</v>
      </c>
      <c r="C93808" s="14" t="s">
        <v>252</v>
      </c>
      <c r="D93808" s="14" t="s">
        <v>246</v>
      </c>
      <c r="E93808" s="15">
        <v>45744</v>
      </c>
      <c r="F93808" s="14" t="s">
        <v>61</v>
      </c>
      <c r="G93808" s="16">
        <v>0</v>
      </c>
    </row>
    <row r="93809" spans="1:7" x14ac:dyDescent="0.3">
      <c r="A93809" s="13" t="s">
        <v>466</v>
      </c>
      <c r="B93809" s="14" t="s">
        <v>1</v>
      </c>
      <c r="C93809" s="14" t="s">
        <v>252</v>
      </c>
      <c r="D93809" s="14" t="s">
        <v>246</v>
      </c>
      <c r="E93809" s="15">
        <v>45745</v>
      </c>
      <c r="F93809" s="14" t="s">
        <v>61</v>
      </c>
      <c r="G93809" s="16">
        <v>0</v>
      </c>
    </row>
    <row r="93810" spans="1:7" x14ac:dyDescent="0.3">
      <c r="A93810" s="13" t="s">
        <v>466</v>
      </c>
      <c r="B93810" s="14" t="s">
        <v>1</v>
      </c>
      <c r="C93810" s="14" t="s">
        <v>252</v>
      </c>
      <c r="D93810" s="14" t="s">
        <v>246</v>
      </c>
      <c r="E93810" s="15">
        <v>45746</v>
      </c>
      <c r="F93810" s="14" t="s">
        <v>61</v>
      </c>
      <c r="G93810" s="16">
        <v>0</v>
      </c>
    </row>
    <row r="93811" spans="1:7" x14ac:dyDescent="0.3">
      <c r="A93811" s="13" t="s">
        <v>466</v>
      </c>
      <c r="B93811" s="14" t="s">
        <v>1</v>
      </c>
      <c r="C93811" s="14" t="s">
        <v>252</v>
      </c>
      <c r="D93811" s="14" t="s">
        <v>246</v>
      </c>
      <c r="E93811" s="15">
        <v>45747</v>
      </c>
      <c r="F93811" s="14" t="s">
        <v>61</v>
      </c>
      <c r="G93811" s="16">
        <v>0</v>
      </c>
    </row>
    <row r="93812" spans="1:7" x14ac:dyDescent="0.3">
      <c r="A93812" s="13" t="s">
        <v>467</v>
      </c>
      <c r="B93812" s="14" t="s">
        <v>1</v>
      </c>
      <c r="C93812" s="14" t="s">
        <v>35</v>
      </c>
      <c r="D93812" s="14" t="s">
        <v>468</v>
      </c>
      <c r="E93812" s="15">
        <v>45383</v>
      </c>
      <c r="F93812" s="14" t="s">
        <v>25</v>
      </c>
      <c r="G93812" s="16">
        <v>0</v>
      </c>
    </row>
    <row r="93813" spans="1:7" x14ac:dyDescent="0.3">
      <c r="A93813" s="13" t="s">
        <v>467</v>
      </c>
      <c r="B93813" s="14" t="s">
        <v>1</v>
      </c>
      <c r="C93813" s="14" t="s">
        <v>35</v>
      </c>
      <c r="D93813" s="14" t="s">
        <v>468</v>
      </c>
      <c r="E93813" s="15">
        <v>45384</v>
      </c>
      <c r="F93813" s="14" t="s">
        <v>25</v>
      </c>
      <c r="G93813" s="16">
        <v>0</v>
      </c>
    </row>
    <row r="93814" spans="1:7" x14ac:dyDescent="0.3">
      <c r="A93814" s="13" t="s">
        <v>467</v>
      </c>
      <c r="B93814" s="14" t="s">
        <v>1</v>
      </c>
      <c r="C93814" s="14" t="s">
        <v>35</v>
      </c>
      <c r="D93814" s="14" t="s">
        <v>468</v>
      </c>
      <c r="E93814" s="15">
        <v>45385</v>
      </c>
      <c r="F93814" s="14" t="s">
        <v>25</v>
      </c>
      <c r="G93814" s="16">
        <v>0</v>
      </c>
    </row>
    <row r="93815" spans="1:7" x14ac:dyDescent="0.3">
      <c r="A93815" s="13" t="s">
        <v>467</v>
      </c>
      <c r="B93815" s="14" t="s">
        <v>1</v>
      </c>
      <c r="C93815" s="14" t="s">
        <v>35</v>
      </c>
      <c r="D93815" s="14" t="s">
        <v>468</v>
      </c>
      <c r="E93815" s="15">
        <v>45386</v>
      </c>
      <c r="F93815" s="14" t="s">
        <v>25</v>
      </c>
      <c r="G93815" s="16">
        <v>0</v>
      </c>
    </row>
    <row r="93816" spans="1:7" x14ac:dyDescent="0.3">
      <c r="A93816" s="13" t="s">
        <v>467</v>
      </c>
      <c r="B93816" s="14" t="s">
        <v>1</v>
      </c>
      <c r="C93816" s="14" t="s">
        <v>35</v>
      </c>
      <c r="D93816" s="14" t="s">
        <v>468</v>
      </c>
      <c r="E93816" s="15">
        <v>45387</v>
      </c>
      <c r="F93816" s="14" t="s">
        <v>25</v>
      </c>
      <c r="G93816" s="16">
        <v>0</v>
      </c>
    </row>
    <row r="93817" spans="1:7" x14ac:dyDescent="0.3">
      <c r="A93817" s="13" t="s">
        <v>467</v>
      </c>
      <c r="B93817" s="14" t="s">
        <v>1</v>
      </c>
      <c r="C93817" s="14" t="s">
        <v>35</v>
      </c>
      <c r="D93817" s="14" t="s">
        <v>468</v>
      </c>
      <c r="E93817" s="15">
        <v>45388</v>
      </c>
      <c r="F93817" s="14" t="s">
        <v>25</v>
      </c>
      <c r="G93817" s="16">
        <v>0</v>
      </c>
    </row>
    <row r="93818" spans="1:7" x14ac:dyDescent="0.3">
      <c r="A93818" s="13" t="s">
        <v>467</v>
      </c>
      <c r="B93818" s="14" t="s">
        <v>1</v>
      </c>
      <c r="C93818" s="14" t="s">
        <v>35</v>
      </c>
      <c r="D93818" s="14" t="s">
        <v>468</v>
      </c>
      <c r="E93818" s="15">
        <v>45389</v>
      </c>
      <c r="F93818" s="14" t="s">
        <v>25</v>
      </c>
      <c r="G93818" s="16">
        <v>0</v>
      </c>
    </row>
    <row r="93819" spans="1:7" x14ac:dyDescent="0.3">
      <c r="A93819" s="13" t="s">
        <v>467</v>
      </c>
      <c r="B93819" s="14" t="s">
        <v>1</v>
      </c>
      <c r="C93819" s="14" t="s">
        <v>35</v>
      </c>
      <c r="D93819" s="14" t="s">
        <v>468</v>
      </c>
      <c r="E93819" s="15">
        <v>45390</v>
      </c>
      <c r="F93819" s="14" t="s">
        <v>25</v>
      </c>
      <c r="G93819" s="16">
        <v>0</v>
      </c>
    </row>
    <row r="93820" spans="1:7" x14ac:dyDescent="0.3">
      <c r="A93820" s="13" t="s">
        <v>467</v>
      </c>
      <c r="B93820" s="14" t="s">
        <v>1</v>
      </c>
      <c r="C93820" s="14" t="s">
        <v>35</v>
      </c>
      <c r="D93820" s="14" t="s">
        <v>468</v>
      </c>
      <c r="E93820" s="15">
        <v>45391</v>
      </c>
      <c r="F93820" s="14" t="s">
        <v>25</v>
      </c>
      <c r="G93820" s="16">
        <v>0</v>
      </c>
    </row>
    <row r="93821" spans="1:7" x14ac:dyDescent="0.3">
      <c r="A93821" s="13" t="s">
        <v>467</v>
      </c>
      <c r="B93821" s="14" t="s">
        <v>1</v>
      </c>
      <c r="C93821" s="14" t="s">
        <v>35</v>
      </c>
      <c r="D93821" s="14" t="s">
        <v>468</v>
      </c>
      <c r="E93821" s="15">
        <v>45392</v>
      </c>
      <c r="F93821" s="14" t="s">
        <v>25</v>
      </c>
      <c r="G93821" s="16">
        <v>0</v>
      </c>
    </row>
    <row r="93822" spans="1:7" x14ac:dyDescent="0.3">
      <c r="A93822" s="13" t="s">
        <v>467</v>
      </c>
      <c r="B93822" s="14" t="s">
        <v>1</v>
      </c>
      <c r="C93822" s="14" t="s">
        <v>35</v>
      </c>
      <c r="D93822" s="14" t="s">
        <v>468</v>
      </c>
      <c r="E93822" s="15">
        <v>45393</v>
      </c>
      <c r="F93822" s="14" t="s">
        <v>25</v>
      </c>
      <c r="G93822" s="16">
        <v>0</v>
      </c>
    </row>
    <row r="93823" spans="1:7" x14ac:dyDescent="0.3">
      <c r="A93823" s="13" t="s">
        <v>467</v>
      </c>
      <c r="B93823" s="14" t="s">
        <v>1</v>
      </c>
      <c r="C93823" s="14" t="s">
        <v>35</v>
      </c>
      <c r="D93823" s="14" t="s">
        <v>468</v>
      </c>
      <c r="E93823" s="15">
        <v>45394</v>
      </c>
      <c r="F93823" s="14" t="s">
        <v>25</v>
      </c>
      <c r="G93823" s="16">
        <v>0</v>
      </c>
    </row>
    <row r="93824" spans="1:7" x14ac:dyDescent="0.3">
      <c r="A93824" s="13" t="s">
        <v>467</v>
      </c>
      <c r="B93824" s="14" t="s">
        <v>1</v>
      </c>
      <c r="C93824" s="14" t="s">
        <v>35</v>
      </c>
      <c r="D93824" s="14" t="s">
        <v>468</v>
      </c>
      <c r="E93824" s="15">
        <v>45395</v>
      </c>
      <c r="F93824" s="14" t="s">
        <v>25</v>
      </c>
      <c r="G93824" s="16">
        <v>0</v>
      </c>
    </row>
    <row r="93825" spans="1:7" x14ac:dyDescent="0.3">
      <c r="A93825" s="13" t="s">
        <v>467</v>
      </c>
      <c r="B93825" s="14" t="s">
        <v>1</v>
      </c>
      <c r="C93825" s="14" t="s">
        <v>35</v>
      </c>
      <c r="D93825" s="14" t="s">
        <v>468</v>
      </c>
      <c r="E93825" s="15">
        <v>45396</v>
      </c>
      <c r="F93825" s="14" t="s">
        <v>25</v>
      </c>
      <c r="G93825" s="16">
        <v>0</v>
      </c>
    </row>
    <row r="93826" spans="1:7" x14ac:dyDescent="0.3">
      <c r="A93826" s="13" t="s">
        <v>467</v>
      </c>
      <c r="B93826" s="14" t="s">
        <v>1</v>
      </c>
      <c r="C93826" s="14" t="s">
        <v>35</v>
      </c>
      <c r="D93826" s="14" t="s">
        <v>468</v>
      </c>
      <c r="E93826" s="15">
        <v>45397</v>
      </c>
      <c r="F93826" s="14" t="s">
        <v>25</v>
      </c>
      <c r="G93826" s="16">
        <v>0</v>
      </c>
    </row>
    <row r="93827" spans="1:7" x14ac:dyDescent="0.3">
      <c r="A93827" s="13" t="s">
        <v>467</v>
      </c>
      <c r="B93827" s="14" t="s">
        <v>1</v>
      </c>
      <c r="C93827" s="14" t="s">
        <v>35</v>
      </c>
      <c r="D93827" s="14" t="s">
        <v>468</v>
      </c>
      <c r="E93827" s="15">
        <v>45398</v>
      </c>
      <c r="F93827" s="14" t="s">
        <v>25</v>
      </c>
      <c r="G93827" s="16">
        <v>0</v>
      </c>
    </row>
    <row r="93828" spans="1:7" x14ac:dyDescent="0.3">
      <c r="A93828" s="13" t="s">
        <v>467</v>
      </c>
      <c r="B93828" s="14" t="s">
        <v>1</v>
      </c>
      <c r="C93828" s="14" t="s">
        <v>35</v>
      </c>
      <c r="D93828" s="14" t="s">
        <v>468</v>
      </c>
      <c r="E93828" s="15">
        <v>45399</v>
      </c>
      <c r="F93828" s="14" t="s">
        <v>25</v>
      </c>
      <c r="G93828" s="16">
        <v>0</v>
      </c>
    </row>
    <row r="93829" spans="1:7" x14ac:dyDescent="0.3">
      <c r="A93829" s="13" t="s">
        <v>467</v>
      </c>
      <c r="B93829" s="14" t="s">
        <v>1</v>
      </c>
      <c r="C93829" s="14" t="s">
        <v>35</v>
      </c>
      <c r="D93829" s="14" t="s">
        <v>468</v>
      </c>
      <c r="E93829" s="15">
        <v>45400</v>
      </c>
      <c r="F93829" s="14" t="s">
        <v>25</v>
      </c>
      <c r="G93829" s="16">
        <v>0</v>
      </c>
    </row>
    <row r="93830" spans="1:7" x14ac:dyDescent="0.3">
      <c r="A93830" s="13" t="s">
        <v>467</v>
      </c>
      <c r="B93830" s="14" t="s">
        <v>1</v>
      </c>
      <c r="C93830" s="14" t="s">
        <v>35</v>
      </c>
      <c r="D93830" s="14" t="s">
        <v>468</v>
      </c>
      <c r="E93830" s="15">
        <v>45401</v>
      </c>
      <c r="F93830" s="14" t="s">
        <v>25</v>
      </c>
      <c r="G93830" s="16">
        <v>0</v>
      </c>
    </row>
    <row r="93831" spans="1:7" x14ac:dyDescent="0.3">
      <c r="A93831" s="13" t="s">
        <v>467</v>
      </c>
      <c r="B93831" s="14" t="s">
        <v>1</v>
      </c>
      <c r="C93831" s="14" t="s">
        <v>35</v>
      </c>
      <c r="D93831" s="14" t="s">
        <v>468</v>
      </c>
      <c r="E93831" s="15">
        <v>45402</v>
      </c>
      <c r="F93831" s="14" t="s">
        <v>25</v>
      </c>
      <c r="G93831" s="16">
        <v>0</v>
      </c>
    </row>
    <row r="93832" spans="1:7" x14ac:dyDescent="0.3">
      <c r="A93832" s="13" t="s">
        <v>467</v>
      </c>
      <c r="B93832" s="14" t="s">
        <v>1</v>
      </c>
      <c r="C93832" s="14" t="s">
        <v>35</v>
      </c>
      <c r="D93832" s="14" t="s">
        <v>468</v>
      </c>
      <c r="E93832" s="15">
        <v>45403</v>
      </c>
      <c r="F93832" s="14" t="s">
        <v>25</v>
      </c>
      <c r="G93832" s="16">
        <v>0</v>
      </c>
    </row>
    <row r="93833" spans="1:7" x14ac:dyDescent="0.3">
      <c r="A93833" s="13" t="s">
        <v>467</v>
      </c>
      <c r="B93833" s="14" t="s">
        <v>1</v>
      </c>
      <c r="C93833" s="14" t="s">
        <v>35</v>
      </c>
      <c r="D93833" s="14" t="s">
        <v>468</v>
      </c>
      <c r="E93833" s="15">
        <v>45404</v>
      </c>
      <c r="F93833" s="14" t="s">
        <v>25</v>
      </c>
      <c r="G93833" s="16">
        <v>0</v>
      </c>
    </row>
    <row r="93834" spans="1:7" x14ac:dyDescent="0.3">
      <c r="A93834" s="13" t="s">
        <v>467</v>
      </c>
      <c r="B93834" s="14" t="s">
        <v>1</v>
      </c>
      <c r="C93834" s="14" t="s">
        <v>35</v>
      </c>
      <c r="D93834" s="14" t="s">
        <v>468</v>
      </c>
      <c r="E93834" s="15">
        <v>45405</v>
      </c>
      <c r="F93834" s="14" t="s">
        <v>25</v>
      </c>
      <c r="G93834" s="16">
        <v>0</v>
      </c>
    </row>
    <row r="93835" spans="1:7" x14ac:dyDescent="0.3">
      <c r="A93835" s="13" t="s">
        <v>467</v>
      </c>
      <c r="B93835" s="14" t="s">
        <v>1</v>
      </c>
      <c r="C93835" s="14" t="s">
        <v>35</v>
      </c>
      <c r="D93835" s="14" t="s">
        <v>468</v>
      </c>
      <c r="E93835" s="15">
        <v>45406</v>
      </c>
      <c r="F93835" s="14" t="s">
        <v>25</v>
      </c>
      <c r="G93835" s="16">
        <v>0</v>
      </c>
    </row>
    <row r="93836" spans="1:7" x14ac:dyDescent="0.3">
      <c r="A93836" s="13" t="s">
        <v>467</v>
      </c>
      <c r="B93836" s="14" t="s">
        <v>1</v>
      </c>
      <c r="C93836" s="14" t="s">
        <v>35</v>
      </c>
      <c r="D93836" s="14" t="s">
        <v>468</v>
      </c>
      <c r="E93836" s="15">
        <v>45407</v>
      </c>
      <c r="F93836" s="14" t="s">
        <v>25</v>
      </c>
      <c r="G93836" s="16">
        <v>0</v>
      </c>
    </row>
    <row r="93837" spans="1:7" x14ac:dyDescent="0.3">
      <c r="A93837" s="13" t="s">
        <v>467</v>
      </c>
      <c r="B93837" s="14" t="s">
        <v>1</v>
      </c>
      <c r="C93837" s="14" t="s">
        <v>35</v>
      </c>
      <c r="D93837" s="14" t="s">
        <v>468</v>
      </c>
      <c r="E93837" s="15">
        <v>45408</v>
      </c>
      <c r="F93837" s="14" t="s">
        <v>25</v>
      </c>
      <c r="G93837" s="16">
        <v>0</v>
      </c>
    </row>
    <row r="93838" spans="1:7" x14ac:dyDescent="0.3">
      <c r="A93838" s="13" t="s">
        <v>467</v>
      </c>
      <c r="B93838" s="14" t="s">
        <v>1</v>
      </c>
      <c r="C93838" s="14" t="s">
        <v>35</v>
      </c>
      <c r="D93838" s="14" t="s">
        <v>468</v>
      </c>
      <c r="E93838" s="15">
        <v>45409</v>
      </c>
      <c r="F93838" s="14" t="s">
        <v>25</v>
      </c>
      <c r="G93838" s="16">
        <v>0</v>
      </c>
    </row>
    <row r="93839" spans="1:7" x14ac:dyDescent="0.3">
      <c r="A93839" s="13" t="s">
        <v>467</v>
      </c>
      <c r="B93839" s="14" t="s">
        <v>1</v>
      </c>
      <c r="C93839" s="14" t="s">
        <v>35</v>
      </c>
      <c r="D93839" s="14" t="s">
        <v>468</v>
      </c>
      <c r="E93839" s="15">
        <v>45410</v>
      </c>
      <c r="F93839" s="14" t="s">
        <v>25</v>
      </c>
      <c r="G93839" s="16">
        <v>0</v>
      </c>
    </row>
    <row r="93840" spans="1:7" x14ac:dyDescent="0.3">
      <c r="A93840" s="13" t="s">
        <v>467</v>
      </c>
      <c r="B93840" s="14" t="s">
        <v>1</v>
      </c>
      <c r="C93840" s="14" t="s">
        <v>35</v>
      </c>
      <c r="D93840" s="14" t="s">
        <v>468</v>
      </c>
      <c r="E93840" s="15">
        <v>45411</v>
      </c>
      <c r="F93840" s="14" t="s">
        <v>25</v>
      </c>
      <c r="G93840" s="16">
        <v>0</v>
      </c>
    </row>
    <row r="93841" spans="1:7" x14ac:dyDescent="0.3">
      <c r="A93841" s="13" t="s">
        <v>467</v>
      </c>
      <c r="B93841" s="14" t="s">
        <v>1</v>
      </c>
      <c r="C93841" s="14" t="s">
        <v>35</v>
      </c>
      <c r="D93841" s="14" t="s">
        <v>468</v>
      </c>
      <c r="E93841" s="15">
        <v>45412</v>
      </c>
      <c r="F93841" s="14" t="s">
        <v>25</v>
      </c>
      <c r="G93841" s="16">
        <v>0</v>
      </c>
    </row>
    <row r="93842" spans="1:7" x14ac:dyDescent="0.3">
      <c r="A93842" s="13" t="s">
        <v>467</v>
      </c>
      <c r="B93842" s="14" t="s">
        <v>1</v>
      </c>
      <c r="C93842" s="14" t="s">
        <v>35</v>
      </c>
      <c r="D93842" s="14" t="s">
        <v>468</v>
      </c>
      <c r="E93842" s="15">
        <v>45413</v>
      </c>
      <c r="F93842" s="14" t="s">
        <v>25</v>
      </c>
      <c r="G93842" s="16">
        <v>0</v>
      </c>
    </row>
    <row r="93843" spans="1:7" x14ac:dyDescent="0.3">
      <c r="A93843" s="13" t="s">
        <v>467</v>
      </c>
      <c r="B93843" s="14" t="s">
        <v>1</v>
      </c>
      <c r="C93843" s="14" t="s">
        <v>35</v>
      </c>
      <c r="D93843" s="14" t="s">
        <v>468</v>
      </c>
      <c r="E93843" s="15">
        <v>45414</v>
      </c>
      <c r="F93843" s="14" t="s">
        <v>25</v>
      </c>
      <c r="G93843" s="16">
        <v>0</v>
      </c>
    </row>
    <row r="93844" spans="1:7" x14ac:dyDescent="0.3">
      <c r="A93844" s="13" t="s">
        <v>467</v>
      </c>
      <c r="B93844" s="14" t="s">
        <v>1</v>
      </c>
      <c r="C93844" s="14" t="s">
        <v>35</v>
      </c>
      <c r="D93844" s="14" t="s">
        <v>468</v>
      </c>
      <c r="E93844" s="15">
        <v>45415</v>
      </c>
      <c r="F93844" s="14" t="s">
        <v>25</v>
      </c>
      <c r="G93844" s="16">
        <v>0</v>
      </c>
    </row>
    <row r="93845" spans="1:7" x14ac:dyDescent="0.3">
      <c r="A93845" s="13" t="s">
        <v>467</v>
      </c>
      <c r="B93845" s="14" t="s">
        <v>1</v>
      </c>
      <c r="C93845" s="14" t="s">
        <v>35</v>
      </c>
      <c r="D93845" s="14" t="s">
        <v>468</v>
      </c>
      <c r="E93845" s="15">
        <v>45416</v>
      </c>
      <c r="F93845" s="14" t="s">
        <v>25</v>
      </c>
      <c r="G93845" s="16">
        <v>0</v>
      </c>
    </row>
    <row r="93846" spans="1:7" x14ac:dyDescent="0.3">
      <c r="A93846" s="13" t="s">
        <v>467</v>
      </c>
      <c r="B93846" s="14" t="s">
        <v>1</v>
      </c>
      <c r="C93846" s="14" t="s">
        <v>35</v>
      </c>
      <c r="D93846" s="14" t="s">
        <v>468</v>
      </c>
      <c r="E93846" s="15">
        <v>45417</v>
      </c>
      <c r="F93846" s="14" t="s">
        <v>25</v>
      </c>
      <c r="G93846" s="16">
        <v>0</v>
      </c>
    </row>
    <row r="93847" spans="1:7" x14ac:dyDescent="0.3">
      <c r="A93847" s="13" t="s">
        <v>467</v>
      </c>
      <c r="B93847" s="14" t="s">
        <v>1</v>
      </c>
      <c r="C93847" s="14" t="s">
        <v>35</v>
      </c>
      <c r="D93847" s="14" t="s">
        <v>468</v>
      </c>
      <c r="E93847" s="15">
        <v>45418</v>
      </c>
      <c r="F93847" s="14" t="s">
        <v>25</v>
      </c>
      <c r="G93847" s="16">
        <v>0</v>
      </c>
    </row>
    <row r="93848" spans="1:7" x14ac:dyDescent="0.3">
      <c r="A93848" s="13" t="s">
        <v>467</v>
      </c>
      <c r="B93848" s="14" t="s">
        <v>1</v>
      </c>
      <c r="C93848" s="14" t="s">
        <v>35</v>
      </c>
      <c r="D93848" s="14" t="s">
        <v>468</v>
      </c>
      <c r="E93848" s="15">
        <v>45419</v>
      </c>
      <c r="F93848" s="14" t="s">
        <v>25</v>
      </c>
      <c r="G93848" s="16">
        <v>0</v>
      </c>
    </row>
    <row r="93849" spans="1:7" x14ac:dyDescent="0.3">
      <c r="A93849" s="13" t="s">
        <v>467</v>
      </c>
      <c r="B93849" s="14" t="s">
        <v>1</v>
      </c>
      <c r="C93849" s="14" t="s">
        <v>35</v>
      </c>
      <c r="D93849" s="14" t="s">
        <v>468</v>
      </c>
      <c r="E93849" s="15">
        <v>45420</v>
      </c>
      <c r="F93849" s="14" t="s">
        <v>25</v>
      </c>
      <c r="G93849" s="16">
        <v>0</v>
      </c>
    </row>
    <row r="93850" spans="1:7" x14ac:dyDescent="0.3">
      <c r="A93850" s="13" t="s">
        <v>467</v>
      </c>
      <c r="B93850" s="14" t="s">
        <v>1</v>
      </c>
      <c r="C93850" s="14" t="s">
        <v>35</v>
      </c>
      <c r="D93850" s="14" t="s">
        <v>468</v>
      </c>
      <c r="E93850" s="15">
        <v>45421</v>
      </c>
      <c r="F93850" s="14" t="s">
        <v>25</v>
      </c>
      <c r="G93850" s="16">
        <v>0</v>
      </c>
    </row>
    <row r="93851" spans="1:7" x14ac:dyDescent="0.3">
      <c r="A93851" s="13" t="s">
        <v>467</v>
      </c>
      <c r="B93851" s="14" t="s">
        <v>1</v>
      </c>
      <c r="C93851" s="14" t="s">
        <v>35</v>
      </c>
      <c r="D93851" s="14" t="s">
        <v>468</v>
      </c>
      <c r="E93851" s="15">
        <v>45422</v>
      </c>
      <c r="F93851" s="14" t="s">
        <v>25</v>
      </c>
      <c r="G93851" s="16">
        <v>0</v>
      </c>
    </row>
    <row r="93852" spans="1:7" x14ac:dyDescent="0.3">
      <c r="A93852" s="13" t="s">
        <v>467</v>
      </c>
      <c r="B93852" s="14" t="s">
        <v>1</v>
      </c>
      <c r="C93852" s="14" t="s">
        <v>35</v>
      </c>
      <c r="D93852" s="14" t="s">
        <v>468</v>
      </c>
      <c r="E93852" s="15">
        <v>45423</v>
      </c>
      <c r="F93852" s="14" t="s">
        <v>25</v>
      </c>
      <c r="G93852" s="16">
        <v>0</v>
      </c>
    </row>
    <row r="93853" spans="1:7" x14ac:dyDescent="0.3">
      <c r="A93853" s="13" t="s">
        <v>467</v>
      </c>
      <c r="B93853" s="14" t="s">
        <v>1</v>
      </c>
      <c r="C93853" s="14" t="s">
        <v>35</v>
      </c>
      <c r="D93853" s="14" t="s">
        <v>468</v>
      </c>
      <c r="E93853" s="15">
        <v>45424</v>
      </c>
      <c r="F93853" s="14" t="s">
        <v>25</v>
      </c>
      <c r="G93853" s="16">
        <v>0</v>
      </c>
    </row>
    <row r="93854" spans="1:7" x14ac:dyDescent="0.3">
      <c r="A93854" s="13" t="s">
        <v>467</v>
      </c>
      <c r="B93854" s="14" t="s">
        <v>1</v>
      </c>
      <c r="C93854" s="14" t="s">
        <v>35</v>
      </c>
      <c r="D93854" s="14" t="s">
        <v>468</v>
      </c>
      <c r="E93854" s="15">
        <v>45425</v>
      </c>
      <c r="F93854" s="14" t="s">
        <v>25</v>
      </c>
      <c r="G93854" s="16">
        <v>0</v>
      </c>
    </row>
    <row r="93855" spans="1:7" x14ac:dyDescent="0.3">
      <c r="A93855" s="13" t="s">
        <v>467</v>
      </c>
      <c r="B93855" s="14" t="s">
        <v>1</v>
      </c>
      <c r="C93855" s="14" t="s">
        <v>35</v>
      </c>
      <c r="D93855" s="14" t="s">
        <v>468</v>
      </c>
      <c r="E93855" s="15">
        <v>45426</v>
      </c>
      <c r="F93855" s="14" t="s">
        <v>25</v>
      </c>
      <c r="G93855" s="16">
        <v>0</v>
      </c>
    </row>
    <row r="93856" spans="1:7" x14ac:dyDescent="0.3">
      <c r="A93856" s="13" t="s">
        <v>467</v>
      </c>
      <c r="B93856" s="14" t="s">
        <v>1</v>
      </c>
      <c r="C93856" s="14" t="s">
        <v>35</v>
      </c>
      <c r="D93856" s="14" t="s">
        <v>468</v>
      </c>
      <c r="E93856" s="15">
        <v>45427</v>
      </c>
      <c r="F93856" s="14" t="s">
        <v>25</v>
      </c>
      <c r="G93856" s="16">
        <v>0</v>
      </c>
    </row>
    <row r="93857" spans="1:7" x14ac:dyDescent="0.3">
      <c r="A93857" s="13" t="s">
        <v>467</v>
      </c>
      <c r="B93857" s="14" t="s">
        <v>1</v>
      </c>
      <c r="C93857" s="14" t="s">
        <v>35</v>
      </c>
      <c r="D93857" s="14" t="s">
        <v>468</v>
      </c>
      <c r="E93857" s="15">
        <v>45428</v>
      </c>
      <c r="F93857" s="14" t="s">
        <v>25</v>
      </c>
      <c r="G93857" s="16">
        <v>0</v>
      </c>
    </row>
    <row r="93858" spans="1:7" x14ac:dyDescent="0.3">
      <c r="A93858" s="13" t="s">
        <v>467</v>
      </c>
      <c r="B93858" s="14" t="s">
        <v>1</v>
      </c>
      <c r="C93858" s="14" t="s">
        <v>35</v>
      </c>
      <c r="D93858" s="14" t="s">
        <v>468</v>
      </c>
      <c r="E93858" s="15">
        <v>45429</v>
      </c>
      <c r="F93858" s="14" t="s">
        <v>25</v>
      </c>
      <c r="G93858" s="16">
        <v>0</v>
      </c>
    </row>
    <row r="93859" spans="1:7" x14ac:dyDescent="0.3">
      <c r="A93859" s="13" t="s">
        <v>467</v>
      </c>
      <c r="B93859" s="14" t="s">
        <v>1</v>
      </c>
      <c r="C93859" s="14" t="s">
        <v>35</v>
      </c>
      <c r="D93859" s="14" t="s">
        <v>468</v>
      </c>
      <c r="E93859" s="15">
        <v>45430</v>
      </c>
      <c r="F93859" s="14" t="s">
        <v>25</v>
      </c>
      <c r="G93859" s="16">
        <v>0</v>
      </c>
    </row>
    <row r="93860" spans="1:7" x14ac:dyDescent="0.3">
      <c r="A93860" s="13" t="s">
        <v>467</v>
      </c>
      <c r="B93860" s="14" t="s">
        <v>1</v>
      </c>
      <c r="C93860" s="14" t="s">
        <v>35</v>
      </c>
      <c r="D93860" s="14" t="s">
        <v>468</v>
      </c>
      <c r="E93860" s="15">
        <v>45431</v>
      </c>
      <c r="F93860" s="14" t="s">
        <v>25</v>
      </c>
      <c r="G93860" s="16">
        <v>0</v>
      </c>
    </row>
    <row r="93861" spans="1:7" x14ac:dyDescent="0.3">
      <c r="A93861" s="13" t="s">
        <v>467</v>
      </c>
      <c r="B93861" s="14" t="s">
        <v>1</v>
      </c>
      <c r="C93861" s="14" t="s">
        <v>35</v>
      </c>
      <c r="D93861" s="14" t="s">
        <v>468</v>
      </c>
      <c r="E93861" s="15">
        <v>45432</v>
      </c>
      <c r="F93861" s="14" t="s">
        <v>25</v>
      </c>
      <c r="G93861" s="16">
        <v>0</v>
      </c>
    </row>
    <row r="93862" spans="1:7" x14ac:dyDescent="0.3">
      <c r="A93862" s="13" t="s">
        <v>467</v>
      </c>
      <c r="B93862" s="14" t="s">
        <v>1</v>
      </c>
      <c r="C93862" s="14" t="s">
        <v>35</v>
      </c>
      <c r="D93862" s="14" t="s">
        <v>468</v>
      </c>
      <c r="E93862" s="15">
        <v>45433</v>
      </c>
      <c r="F93862" s="14" t="s">
        <v>25</v>
      </c>
      <c r="G93862" s="16">
        <v>0</v>
      </c>
    </row>
    <row r="93863" spans="1:7" x14ac:dyDescent="0.3">
      <c r="A93863" s="13" t="s">
        <v>467</v>
      </c>
      <c r="B93863" s="14" t="s">
        <v>1</v>
      </c>
      <c r="C93863" s="14" t="s">
        <v>35</v>
      </c>
      <c r="D93863" s="14" t="s">
        <v>468</v>
      </c>
      <c r="E93863" s="15">
        <v>45434</v>
      </c>
      <c r="F93863" s="14" t="s">
        <v>25</v>
      </c>
      <c r="G93863" s="16">
        <v>0</v>
      </c>
    </row>
    <row r="93864" spans="1:7" x14ac:dyDescent="0.3">
      <c r="A93864" s="13" t="s">
        <v>467</v>
      </c>
      <c r="B93864" s="14" t="s">
        <v>1</v>
      </c>
      <c r="C93864" s="14" t="s">
        <v>35</v>
      </c>
      <c r="D93864" s="14" t="s">
        <v>468</v>
      </c>
      <c r="E93864" s="15">
        <v>45435</v>
      </c>
      <c r="F93864" s="14" t="s">
        <v>25</v>
      </c>
      <c r="G93864" s="16">
        <v>0</v>
      </c>
    </row>
    <row r="93865" spans="1:7" x14ac:dyDescent="0.3">
      <c r="A93865" s="13" t="s">
        <v>467</v>
      </c>
      <c r="B93865" s="14" t="s">
        <v>1</v>
      </c>
      <c r="C93865" s="14" t="s">
        <v>35</v>
      </c>
      <c r="D93865" s="14" t="s">
        <v>468</v>
      </c>
      <c r="E93865" s="15">
        <v>45436</v>
      </c>
      <c r="F93865" s="14" t="s">
        <v>25</v>
      </c>
      <c r="G93865" s="16">
        <v>0</v>
      </c>
    </row>
    <row r="93866" spans="1:7" x14ac:dyDescent="0.3">
      <c r="A93866" s="13" t="s">
        <v>467</v>
      </c>
      <c r="B93866" s="14" t="s">
        <v>1</v>
      </c>
      <c r="C93866" s="14" t="s">
        <v>35</v>
      </c>
      <c r="D93866" s="14" t="s">
        <v>468</v>
      </c>
      <c r="E93866" s="15">
        <v>45437</v>
      </c>
      <c r="F93866" s="14" t="s">
        <v>25</v>
      </c>
      <c r="G93866" s="16">
        <v>0</v>
      </c>
    </row>
    <row r="93867" spans="1:7" x14ac:dyDescent="0.3">
      <c r="A93867" s="13" t="s">
        <v>467</v>
      </c>
      <c r="B93867" s="14" t="s">
        <v>1</v>
      </c>
      <c r="C93867" s="14" t="s">
        <v>35</v>
      </c>
      <c r="D93867" s="14" t="s">
        <v>468</v>
      </c>
      <c r="E93867" s="15">
        <v>45438</v>
      </c>
      <c r="F93867" s="14" t="s">
        <v>25</v>
      </c>
      <c r="G93867" s="16">
        <v>0</v>
      </c>
    </row>
    <row r="93868" spans="1:7" x14ac:dyDescent="0.3">
      <c r="A93868" s="13" t="s">
        <v>467</v>
      </c>
      <c r="B93868" s="14" t="s">
        <v>1</v>
      </c>
      <c r="C93868" s="14" t="s">
        <v>35</v>
      </c>
      <c r="D93868" s="14" t="s">
        <v>468</v>
      </c>
      <c r="E93868" s="15">
        <v>45439</v>
      </c>
      <c r="F93868" s="14" t="s">
        <v>25</v>
      </c>
      <c r="G93868" s="16">
        <v>0</v>
      </c>
    </row>
    <row r="93869" spans="1:7" x14ac:dyDescent="0.3">
      <c r="A93869" s="13" t="s">
        <v>467</v>
      </c>
      <c r="B93869" s="14" t="s">
        <v>1</v>
      </c>
      <c r="C93869" s="14" t="s">
        <v>35</v>
      </c>
      <c r="D93869" s="14" t="s">
        <v>468</v>
      </c>
      <c r="E93869" s="15">
        <v>45440</v>
      </c>
      <c r="F93869" s="14" t="s">
        <v>25</v>
      </c>
      <c r="G93869" s="16">
        <v>0</v>
      </c>
    </row>
    <row r="93870" spans="1:7" x14ac:dyDescent="0.3">
      <c r="A93870" s="13" t="s">
        <v>467</v>
      </c>
      <c r="B93870" s="14" t="s">
        <v>1</v>
      </c>
      <c r="C93870" s="14" t="s">
        <v>35</v>
      </c>
      <c r="D93870" s="14" t="s">
        <v>468</v>
      </c>
      <c r="E93870" s="15">
        <v>45441</v>
      </c>
      <c r="F93870" s="14" t="s">
        <v>25</v>
      </c>
      <c r="G93870" s="16">
        <v>0</v>
      </c>
    </row>
    <row r="93871" spans="1:7" x14ac:dyDescent="0.3">
      <c r="A93871" s="13" t="s">
        <v>467</v>
      </c>
      <c r="B93871" s="14" t="s">
        <v>1</v>
      </c>
      <c r="C93871" s="14" t="s">
        <v>35</v>
      </c>
      <c r="D93871" s="14" t="s">
        <v>468</v>
      </c>
      <c r="E93871" s="15">
        <v>45442</v>
      </c>
      <c r="F93871" s="14" t="s">
        <v>25</v>
      </c>
      <c r="G93871" s="16">
        <v>0</v>
      </c>
    </row>
    <row r="93872" spans="1:7" x14ac:dyDescent="0.3">
      <c r="A93872" s="13" t="s">
        <v>467</v>
      </c>
      <c r="B93872" s="14" t="s">
        <v>1</v>
      </c>
      <c r="C93872" s="14" t="s">
        <v>35</v>
      </c>
      <c r="D93872" s="14" t="s">
        <v>468</v>
      </c>
      <c r="E93872" s="15">
        <v>45443</v>
      </c>
      <c r="F93872" s="14" t="s">
        <v>25</v>
      </c>
      <c r="G93872" s="16">
        <v>0</v>
      </c>
    </row>
    <row r="93873" spans="1:7" x14ac:dyDescent="0.3">
      <c r="A93873" s="13" t="s">
        <v>467</v>
      </c>
      <c r="B93873" s="14" t="s">
        <v>1</v>
      </c>
      <c r="C93873" s="14" t="s">
        <v>35</v>
      </c>
      <c r="D93873" s="14" t="s">
        <v>468</v>
      </c>
      <c r="E93873" s="15">
        <v>45444</v>
      </c>
      <c r="F93873" s="14" t="s">
        <v>25</v>
      </c>
      <c r="G93873" s="16">
        <v>0</v>
      </c>
    </row>
    <row r="93874" spans="1:7" x14ac:dyDescent="0.3">
      <c r="A93874" s="13" t="s">
        <v>467</v>
      </c>
      <c r="B93874" s="14" t="s">
        <v>1</v>
      </c>
      <c r="C93874" s="14" t="s">
        <v>35</v>
      </c>
      <c r="D93874" s="14" t="s">
        <v>468</v>
      </c>
      <c r="E93874" s="15">
        <v>45445</v>
      </c>
      <c r="F93874" s="14" t="s">
        <v>25</v>
      </c>
      <c r="G93874" s="16">
        <v>0</v>
      </c>
    </row>
    <row r="93875" spans="1:7" x14ac:dyDescent="0.3">
      <c r="A93875" s="13" t="s">
        <v>467</v>
      </c>
      <c r="B93875" s="14" t="s">
        <v>1</v>
      </c>
      <c r="C93875" s="14" t="s">
        <v>35</v>
      </c>
      <c r="D93875" s="14" t="s">
        <v>468</v>
      </c>
      <c r="E93875" s="15">
        <v>45446</v>
      </c>
      <c r="F93875" s="14" t="s">
        <v>25</v>
      </c>
      <c r="G93875" s="16">
        <v>0</v>
      </c>
    </row>
    <row r="93876" spans="1:7" x14ac:dyDescent="0.3">
      <c r="A93876" s="13" t="s">
        <v>467</v>
      </c>
      <c r="B93876" s="14" t="s">
        <v>1</v>
      </c>
      <c r="C93876" s="14" t="s">
        <v>35</v>
      </c>
      <c r="D93876" s="14" t="s">
        <v>468</v>
      </c>
      <c r="E93876" s="15">
        <v>45447</v>
      </c>
      <c r="F93876" s="14" t="s">
        <v>25</v>
      </c>
      <c r="G93876" s="16">
        <v>0</v>
      </c>
    </row>
    <row r="93877" spans="1:7" x14ac:dyDescent="0.3">
      <c r="A93877" s="13" t="s">
        <v>467</v>
      </c>
      <c r="B93877" s="14" t="s">
        <v>1</v>
      </c>
      <c r="C93877" s="14" t="s">
        <v>35</v>
      </c>
      <c r="D93877" s="14" t="s">
        <v>468</v>
      </c>
      <c r="E93877" s="15">
        <v>45448</v>
      </c>
      <c r="F93877" s="14" t="s">
        <v>25</v>
      </c>
      <c r="G93877" s="16">
        <v>0</v>
      </c>
    </row>
    <row r="93878" spans="1:7" x14ac:dyDescent="0.3">
      <c r="A93878" s="13" t="s">
        <v>467</v>
      </c>
      <c r="B93878" s="14" t="s">
        <v>1</v>
      </c>
      <c r="C93878" s="14" t="s">
        <v>35</v>
      </c>
      <c r="D93878" s="14" t="s">
        <v>468</v>
      </c>
      <c r="E93878" s="15">
        <v>45449</v>
      </c>
      <c r="F93878" s="14" t="s">
        <v>25</v>
      </c>
      <c r="G93878" s="16">
        <v>0</v>
      </c>
    </row>
    <row r="93879" spans="1:7" x14ac:dyDescent="0.3">
      <c r="A93879" s="13" t="s">
        <v>467</v>
      </c>
      <c r="B93879" s="14" t="s">
        <v>1</v>
      </c>
      <c r="C93879" s="14" t="s">
        <v>35</v>
      </c>
      <c r="D93879" s="14" t="s">
        <v>468</v>
      </c>
      <c r="E93879" s="15">
        <v>45450</v>
      </c>
      <c r="F93879" s="14" t="s">
        <v>25</v>
      </c>
      <c r="G93879" s="16">
        <v>0</v>
      </c>
    </row>
    <row r="93880" spans="1:7" x14ac:dyDescent="0.3">
      <c r="A93880" s="13" t="s">
        <v>467</v>
      </c>
      <c r="B93880" s="14" t="s">
        <v>1</v>
      </c>
      <c r="C93880" s="14" t="s">
        <v>35</v>
      </c>
      <c r="D93880" s="14" t="s">
        <v>468</v>
      </c>
      <c r="E93880" s="15">
        <v>45451</v>
      </c>
      <c r="F93880" s="14" t="s">
        <v>25</v>
      </c>
      <c r="G93880" s="16">
        <v>0</v>
      </c>
    </row>
    <row r="93881" spans="1:7" x14ac:dyDescent="0.3">
      <c r="A93881" s="13" t="s">
        <v>467</v>
      </c>
      <c r="B93881" s="14" t="s">
        <v>1</v>
      </c>
      <c r="C93881" s="14" t="s">
        <v>35</v>
      </c>
      <c r="D93881" s="14" t="s">
        <v>468</v>
      </c>
      <c r="E93881" s="15">
        <v>45452</v>
      </c>
      <c r="F93881" s="14" t="s">
        <v>25</v>
      </c>
      <c r="G93881" s="16">
        <v>0</v>
      </c>
    </row>
    <row r="93882" spans="1:7" x14ac:dyDescent="0.3">
      <c r="A93882" s="13" t="s">
        <v>467</v>
      </c>
      <c r="B93882" s="14" t="s">
        <v>1</v>
      </c>
      <c r="C93882" s="14" t="s">
        <v>35</v>
      </c>
      <c r="D93882" s="14" t="s">
        <v>468</v>
      </c>
      <c r="E93882" s="15">
        <v>45453</v>
      </c>
      <c r="F93882" s="14" t="s">
        <v>25</v>
      </c>
      <c r="G93882" s="16">
        <v>0</v>
      </c>
    </row>
    <row r="93883" spans="1:7" x14ac:dyDescent="0.3">
      <c r="A93883" s="13" t="s">
        <v>467</v>
      </c>
      <c r="B93883" s="14" t="s">
        <v>1</v>
      </c>
      <c r="C93883" s="14" t="s">
        <v>35</v>
      </c>
      <c r="D93883" s="14" t="s">
        <v>468</v>
      </c>
      <c r="E93883" s="15">
        <v>45454</v>
      </c>
      <c r="F93883" s="14" t="s">
        <v>25</v>
      </c>
      <c r="G93883" s="16">
        <v>0</v>
      </c>
    </row>
    <row r="93884" spans="1:7" x14ac:dyDescent="0.3">
      <c r="A93884" s="13" t="s">
        <v>467</v>
      </c>
      <c r="B93884" s="14" t="s">
        <v>1</v>
      </c>
      <c r="C93884" s="14" t="s">
        <v>35</v>
      </c>
      <c r="D93884" s="14" t="s">
        <v>468</v>
      </c>
      <c r="E93884" s="15">
        <v>45455</v>
      </c>
      <c r="F93884" s="14" t="s">
        <v>25</v>
      </c>
      <c r="G93884" s="16">
        <v>0</v>
      </c>
    </row>
    <row r="93885" spans="1:7" x14ac:dyDescent="0.3">
      <c r="A93885" s="13" t="s">
        <v>467</v>
      </c>
      <c r="B93885" s="14" t="s">
        <v>1</v>
      </c>
      <c r="C93885" s="14" t="s">
        <v>35</v>
      </c>
      <c r="D93885" s="14" t="s">
        <v>468</v>
      </c>
      <c r="E93885" s="15">
        <v>45456</v>
      </c>
      <c r="F93885" s="14" t="s">
        <v>25</v>
      </c>
      <c r="G93885" s="16">
        <v>0</v>
      </c>
    </row>
    <row r="93886" spans="1:7" x14ac:dyDescent="0.3">
      <c r="A93886" s="13" t="s">
        <v>467</v>
      </c>
      <c r="B93886" s="14" t="s">
        <v>1</v>
      </c>
      <c r="C93886" s="14" t="s">
        <v>35</v>
      </c>
      <c r="D93886" s="14" t="s">
        <v>468</v>
      </c>
      <c r="E93886" s="15">
        <v>45457</v>
      </c>
      <c r="F93886" s="14" t="s">
        <v>25</v>
      </c>
      <c r="G93886" s="16">
        <v>8.5093388730147681E-3</v>
      </c>
    </row>
    <row r="93887" spans="1:7" x14ac:dyDescent="0.3">
      <c r="A93887" s="13" t="s">
        <v>467</v>
      </c>
      <c r="B93887" s="14" t="s">
        <v>1</v>
      </c>
      <c r="C93887" s="14" t="s">
        <v>35</v>
      </c>
      <c r="D93887" s="14" t="s">
        <v>468</v>
      </c>
      <c r="E93887" s="15">
        <v>45458</v>
      </c>
      <c r="F93887" s="14" t="s">
        <v>25</v>
      </c>
      <c r="G93887" s="16">
        <v>8.5093388730147681E-3</v>
      </c>
    </row>
    <row r="93888" spans="1:7" x14ac:dyDescent="0.3">
      <c r="A93888" s="13" t="s">
        <v>467</v>
      </c>
      <c r="B93888" s="14" t="s">
        <v>1</v>
      </c>
      <c r="C93888" s="14" t="s">
        <v>35</v>
      </c>
      <c r="D93888" s="14" t="s">
        <v>468</v>
      </c>
      <c r="E93888" s="15">
        <v>45459</v>
      </c>
      <c r="F93888" s="14" t="s">
        <v>25</v>
      </c>
      <c r="G93888" s="16">
        <v>8.5093388730147681E-3</v>
      </c>
    </row>
    <row r="93889" spans="1:7" x14ac:dyDescent="0.3">
      <c r="A93889" s="13" t="s">
        <v>467</v>
      </c>
      <c r="B93889" s="14" t="s">
        <v>1</v>
      </c>
      <c r="C93889" s="14" t="s">
        <v>35</v>
      </c>
      <c r="D93889" s="14" t="s">
        <v>468</v>
      </c>
      <c r="E93889" s="15">
        <v>45460</v>
      </c>
      <c r="F93889" s="14" t="s">
        <v>25</v>
      </c>
      <c r="G93889" s="16">
        <v>4.9997131239370909E-3</v>
      </c>
    </row>
    <row r="93890" spans="1:7" x14ac:dyDescent="0.3">
      <c r="A93890" s="13" t="s">
        <v>467</v>
      </c>
      <c r="B93890" s="14" t="s">
        <v>1</v>
      </c>
      <c r="C93890" s="14" t="s">
        <v>35</v>
      </c>
      <c r="D93890" s="14" t="s">
        <v>468</v>
      </c>
      <c r="E93890" s="15">
        <v>45461</v>
      </c>
      <c r="F93890" s="14" t="s">
        <v>25</v>
      </c>
      <c r="G93890" s="16">
        <v>0</v>
      </c>
    </row>
    <row r="93891" spans="1:7" x14ac:dyDescent="0.3">
      <c r="A93891" s="13" t="s">
        <v>467</v>
      </c>
      <c r="B93891" s="14" t="s">
        <v>1</v>
      </c>
      <c r="C93891" s="14" t="s">
        <v>35</v>
      </c>
      <c r="D93891" s="14" t="s">
        <v>468</v>
      </c>
      <c r="E93891" s="15">
        <v>45462</v>
      </c>
      <c r="F93891" s="14" t="s">
        <v>25</v>
      </c>
      <c r="G93891" s="16">
        <v>0</v>
      </c>
    </row>
    <row r="93892" spans="1:7" x14ac:dyDescent="0.3">
      <c r="A93892" s="13" t="s">
        <v>467</v>
      </c>
      <c r="B93892" s="14" t="s">
        <v>1</v>
      </c>
      <c r="C93892" s="14" t="s">
        <v>35</v>
      </c>
      <c r="D93892" s="14" t="s">
        <v>468</v>
      </c>
      <c r="E93892" s="15">
        <v>45463</v>
      </c>
      <c r="F93892" s="14" t="s">
        <v>25</v>
      </c>
      <c r="G93892" s="16">
        <v>0</v>
      </c>
    </row>
    <row r="93893" spans="1:7" x14ac:dyDescent="0.3">
      <c r="A93893" s="13" t="s">
        <v>467</v>
      </c>
      <c r="B93893" s="14" t="s">
        <v>1</v>
      </c>
      <c r="C93893" s="14" t="s">
        <v>35</v>
      </c>
      <c r="D93893" s="14" t="s">
        <v>468</v>
      </c>
      <c r="E93893" s="15">
        <v>45464</v>
      </c>
      <c r="F93893" s="14" t="s">
        <v>25</v>
      </c>
      <c r="G93893" s="16">
        <v>0</v>
      </c>
    </row>
    <row r="93894" spans="1:7" x14ac:dyDescent="0.3">
      <c r="A93894" s="13" t="s">
        <v>467</v>
      </c>
      <c r="B93894" s="14" t="s">
        <v>1</v>
      </c>
      <c r="C93894" s="14" t="s">
        <v>35</v>
      </c>
      <c r="D93894" s="14" t="s">
        <v>468</v>
      </c>
      <c r="E93894" s="15">
        <v>45465</v>
      </c>
      <c r="F93894" s="14" t="s">
        <v>25</v>
      </c>
      <c r="G93894" s="16">
        <v>0</v>
      </c>
    </row>
    <row r="93895" spans="1:7" x14ac:dyDescent="0.3">
      <c r="A93895" s="13" t="s">
        <v>467</v>
      </c>
      <c r="B93895" s="14" t="s">
        <v>1</v>
      </c>
      <c r="C93895" s="14" t="s">
        <v>35</v>
      </c>
      <c r="D93895" s="14" t="s">
        <v>468</v>
      </c>
      <c r="E93895" s="15">
        <v>45466</v>
      </c>
      <c r="F93895" s="14" t="s">
        <v>25</v>
      </c>
      <c r="G93895" s="16">
        <v>0</v>
      </c>
    </row>
    <row r="93896" spans="1:7" x14ac:dyDescent="0.3">
      <c r="A93896" s="13" t="s">
        <v>467</v>
      </c>
      <c r="B93896" s="14" t="s">
        <v>1</v>
      </c>
      <c r="C93896" s="14" t="s">
        <v>35</v>
      </c>
      <c r="D93896" s="14" t="s">
        <v>468</v>
      </c>
      <c r="E93896" s="15">
        <v>45467</v>
      </c>
      <c r="F93896" s="14" t="s">
        <v>25</v>
      </c>
      <c r="G93896" s="16">
        <v>0</v>
      </c>
    </row>
    <row r="93897" spans="1:7" x14ac:dyDescent="0.3">
      <c r="A93897" s="13" t="s">
        <v>467</v>
      </c>
      <c r="B93897" s="14" t="s">
        <v>1</v>
      </c>
      <c r="C93897" s="14" t="s">
        <v>35</v>
      </c>
      <c r="D93897" s="14" t="s">
        <v>468</v>
      </c>
      <c r="E93897" s="15">
        <v>45468</v>
      </c>
      <c r="F93897" s="14" t="s">
        <v>25</v>
      </c>
      <c r="G93897" s="16">
        <v>0</v>
      </c>
    </row>
    <row r="93898" spans="1:7" x14ac:dyDescent="0.3">
      <c r="A93898" s="13" t="s">
        <v>467</v>
      </c>
      <c r="B93898" s="14" t="s">
        <v>1</v>
      </c>
      <c r="C93898" s="14" t="s">
        <v>35</v>
      </c>
      <c r="D93898" s="14" t="s">
        <v>468</v>
      </c>
      <c r="E93898" s="15">
        <v>45469</v>
      </c>
      <c r="F93898" s="14" t="s">
        <v>25</v>
      </c>
      <c r="G93898" s="16">
        <v>0</v>
      </c>
    </row>
    <row r="93899" spans="1:7" x14ac:dyDescent="0.3">
      <c r="A93899" s="13" t="s">
        <v>467</v>
      </c>
      <c r="B93899" s="14" t="s">
        <v>1</v>
      </c>
      <c r="C93899" s="14" t="s">
        <v>35</v>
      </c>
      <c r="D93899" s="14" t="s">
        <v>468</v>
      </c>
      <c r="E93899" s="15">
        <v>45470</v>
      </c>
      <c r="F93899" s="14" t="s">
        <v>25</v>
      </c>
      <c r="G93899" s="16">
        <v>0</v>
      </c>
    </row>
    <row r="93900" spans="1:7" x14ac:dyDescent="0.3">
      <c r="A93900" s="13" t="s">
        <v>467</v>
      </c>
      <c r="B93900" s="14" t="s">
        <v>1</v>
      </c>
      <c r="C93900" s="14" t="s">
        <v>35</v>
      </c>
      <c r="D93900" s="14" t="s">
        <v>468</v>
      </c>
      <c r="E93900" s="15">
        <v>45471</v>
      </c>
      <c r="F93900" s="14" t="s">
        <v>25</v>
      </c>
      <c r="G93900" s="16">
        <v>0</v>
      </c>
    </row>
    <row r="93901" spans="1:7" x14ac:dyDescent="0.3">
      <c r="A93901" s="13" t="s">
        <v>467</v>
      </c>
      <c r="B93901" s="14" t="s">
        <v>1</v>
      </c>
      <c r="C93901" s="14" t="s">
        <v>35</v>
      </c>
      <c r="D93901" s="14" t="s">
        <v>468</v>
      </c>
      <c r="E93901" s="15">
        <v>45472</v>
      </c>
      <c r="F93901" s="14" t="s">
        <v>25</v>
      </c>
      <c r="G93901" s="16">
        <v>0</v>
      </c>
    </row>
    <row r="93902" spans="1:7" x14ac:dyDescent="0.3">
      <c r="A93902" s="13" t="s">
        <v>467</v>
      </c>
      <c r="B93902" s="14" t="s">
        <v>1</v>
      </c>
      <c r="C93902" s="14" t="s">
        <v>35</v>
      </c>
      <c r="D93902" s="14" t="s">
        <v>468</v>
      </c>
      <c r="E93902" s="15">
        <v>45473</v>
      </c>
      <c r="F93902" s="14" t="s">
        <v>25</v>
      </c>
      <c r="G93902" s="16">
        <v>0</v>
      </c>
    </row>
    <row r="93903" spans="1:7" x14ac:dyDescent="0.3">
      <c r="A93903" s="13" t="s">
        <v>467</v>
      </c>
      <c r="B93903" s="14" t="s">
        <v>1</v>
      </c>
      <c r="C93903" s="14" t="s">
        <v>35</v>
      </c>
      <c r="D93903" s="14" t="s">
        <v>468</v>
      </c>
      <c r="E93903" s="15">
        <v>45474</v>
      </c>
      <c r="F93903" s="14" t="s">
        <v>25</v>
      </c>
      <c r="G93903" s="16">
        <v>0</v>
      </c>
    </row>
    <row r="93904" spans="1:7" x14ac:dyDescent="0.3">
      <c r="A93904" s="13" t="s">
        <v>467</v>
      </c>
      <c r="B93904" s="14" t="s">
        <v>1</v>
      </c>
      <c r="C93904" s="14" t="s">
        <v>35</v>
      </c>
      <c r="D93904" s="14" t="s">
        <v>468</v>
      </c>
      <c r="E93904" s="15">
        <v>45475</v>
      </c>
      <c r="F93904" s="14" t="s">
        <v>25</v>
      </c>
      <c r="G93904" s="16">
        <v>0</v>
      </c>
    </row>
    <row r="93905" spans="1:7" x14ac:dyDescent="0.3">
      <c r="A93905" s="13" t="s">
        <v>467</v>
      </c>
      <c r="B93905" s="14" t="s">
        <v>1</v>
      </c>
      <c r="C93905" s="14" t="s">
        <v>35</v>
      </c>
      <c r="D93905" s="14" t="s">
        <v>468</v>
      </c>
      <c r="E93905" s="15">
        <v>45476</v>
      </c>
      <c r="F93905" s="14" t="s">
        <v>25</v>
      </c>
      <c r="G93905" s="16">
        <v>0</v>
      </c>
    </row>
    <row r="93906" spans="1:7" x14ac:dyDescent="0.3">
      <c r="A93906" s="13" t="s">
        <v>467</v>
      </c>
      <c r="B93906" s="14" t="s">
        <v>1</v>
      </c>
      <c r="C93906" s="14" t="s">
        <v>35</v>
      </c>
      <c r="D93906" s="14" t="s">
        <v>468</v>
      </c>
      <c r="E93906" s="15">
        <v>45477</v>
      </c>
      <c r="F93906" s="14" t="s">
        <v>25</v>
      </c>
      <c r="G93906" s="16">
        <v>0</v>
      </c>
    </row>
    <row r="93907" spans="1:7" x14ac:dyDescent="0.3">
      <c r="A93907" s="13" t="s">
        <v>467</v>
      </c>
      <c r="B93907" s="14" t="s">
        <v>1</v>
      </c>
      <c r="C93907" s="14" t="s">
        <v>35</v>
      </c>
      <c r="D93907" s="14" t="s">
        <v>468</v>
      </c>
      <c r="E93907" s="15">
        <v>45478</v>
      </c>
      <c r="F93907" s="14" t="s">
        <v>25</v>
      </c>
      <c r="G93907" s="16">
        <v>0</v>
      </c>
    </row>
    <row r="93908" spans="1:7" x14ac:dyDescent="0.3">
      <c r="A93908" s="13" t="s">
        <v>467</v>
      </c>
      <c r="B93908" s="14" t="s">
        <v>1</v>
      </c>
      <c r="C93908" s="14" t="s">
        <v>35</v>
      </c>
      <c r="D93908" s="14" t="s">
        <v>468</v>
      </c>
      <c r="E93908" s="15">
        <v>45479</v>
      </c>
      <c r="F93908" s="14" t="s">
        <v>25</v>
      </c>
      <c r="G93908" s="16">
        <v>0</v>
      </c>
    </row>
    <row r="93909" spans="1:7" x14ac:dyDescent="0.3">
      <c r="A93909" s="13" t="s">
        <v>467</v>
      </c>
      <c r="B93909" s="14" t="s">
        <v>1</v>
      </c>
      <c r="C93909" s="14" t="s">
        <v>35</v>
      </c>
      <c r="D93909" s="14" t="s">
        <v>468</v>
      </c>
      <c r="E93909" s="15">
        <v>45480</v>
      </c>
      <c r="F93909" s="14" t="s">
        <v>25</v>
      </c>
      <c r="G93909" s="16">
        <v>0</v>
      </c>
    </row>
    <row r="93910" spans="1:7" x14ac:dyDescent="0.3">
      <c r="A93910" s="13" t="s">
        <v>467</v>
      </c>
      <c r="B93910" s="14" t="s">
        <v>1</v>
      </c>
      <c r="C93910" s="14" t="s">
        <v>35</v>
      </c>
      <c r="D93910" s="14" t="s">
        <v>468</v>
      </c>
      <c r="E93910" s="15">
        <v>45481</v>
      </c>
      <c r="F93910" s="14" t="s">
        <v>25</v>
      </c>
      <c r="G93910" s="16">
        <v>0</v>
      </c>
    </row>
    <row r="93911" spans="1:7" x14ac:dyDescent="0.3">
      <c r="A93911" s="13" t="s">
        <v>467</v>
      </c>
      <c r="B93911" s="14" t="s">
        <v>1</v>
      </c>
      <c r="C93911" s="14" t="s">
        <v>35</v>
      </c>
      <c r="D93911" s="14" t="s">
        <v>468</v>
      </c>
      <c r="E93911" s="15">
        <v>45482</v>
      </c>
      <c r="F93911" s="14" t="s">
        <v>25</v>
      </c>
      <c r="G93911" s="16">
        <v>0</v>
      </c>
    </row>
    <row r="93912" spans="1:7" x14ac:dyDescent="0.3">
      <c r="A93912" s="13" t="s">
        <v>467</v>
      </c>
      <c r="B93912" s="14" t="s">
        <v>1</v>
      </c>
      <c r="C93912" s="14" t="s">
        <v>35</v>
      </c>
      <c r="D93912" s="14" t="s">
        <v>468</v>
      </c>
      <c r="E93912" s="15">
        <v>45483</v>
      </c>
      <c r="F93912" s="14" t="s">
        <v>25</v>
      </c>
      <c r="G93912" s="16">
        <v>0</v>
      </c>
    </row>
    <row r="93913" spans="1:7" x14ac:dyDescent="0.3">
      <c r="A93913" s="13" t="s">
        <v>467</v>
      </c>
      <c r="B93913" s="14" t="s">
        <v>1</v>
      </c>
      <c r="C93913" s="14" t="s">
        <v>35</v>
      </c>
      <c r="D93913" s="14" t="s">
        <v>468</v>
      </c>
      <c r="E93913" s="15">
        <v>45484</v>
      </c>
      <c r="F93913" s="14" t="s">
        <v>25</v>
      </c>
      <c r="G93913" s="16">
        <v>0</v>
      </c>
    </row>
    <row r="93914" spans="1:7" x14ac:dyDescent="0.3">
      <c r="A93914" s="13" t="s">
        <v>467</v>
      </c>
      <c r="B93914" s="14" t="s">
        <v>1</v>
      </c>
      <c r="C93914" s="14" t="s">
        <v>35</v>
      </c>
      <c r="D93914" s="14" t="s">
        <v>468</v>
      </c>
      <c r="E93914" s="15">
        <v>45485</v>
      </c>
      <c r="F93914" s="14" t="s">
        <v>25</v>
      </c>
      <c r="G93914" s="16">
        <v>0</v>
      </c>
    </row>
    <row r="93915" spans="1:7" x14ac:dyDescent="0.3">
      <c r="A93915" s="13" t="s">
        <v>467</v>
      </c>
      <c r="B93915" s="14" t="s">
        <v>1</v>
      </c>
      <c r="C93915" s="14" t="s">
        <v>35</v>
      </c>
      <c r="D93915" s="14" t="s">
        <v>468</v>
      </c>
      <c r="E93915" s="15">
        <v>45486</v>
      </c>
      <c r="F93915" s="14" t="s">
        <v>25</v>
      </c>
      <c r="G93915" s="16">
        <v>0</v>
      </c>
    </row>
    <row r="93916" spans="1:7" x14ac:dyDescent="0.3">
      <c r="A93916" s="13" t="s">
        <v>467</v>
      </c>
      <c r="B93916" s="14" t="s">
        <v>1</v>
      </c>
      <c r="C93916" s="14" t="s">
        <v>35</v>
      </c>
      <c r="D93916" s="14" t="s">
        <v>468</v>
      </c>
      <c r="E93916" s="15">
        <v>45487</v>
      </c>
      <c r="F93916" s="14" t="s">
        <v>25</v>
      </c>
      <c r="G93916" s="16">
        <v>0</v>
      </c>
    </row>
    <row r="93917" spans="1:7" x14ac:dyDescent="0.3">
      <c r="A93917" s="13" t="s">
        <v>467</v>
      </c>
      <c r="B93917" s="14" t="s">
        <v>1</v>
      </c>
      <c r="C93917" s="14" t="s">
        <v>35</v>
      </c>
      <c r="D93917" s="14" t="s">
        <v>468</v>
      </c>
      <c r="E93917" s="15">
        <v>45488</v>
      </c>
      <c r="F93917" s="14" t="s">
        <v>25</v>
      </c>
      <c r="G93917" s="16">
        <v>0</v>
      </c>
    </row>
    <row r="93918" spans="1:7" x14ac:dyDescent="0.3">
      <c r="A93918" s="13" t="s">
        <v>467</v>
      </c>
      <c r="B93918" s="14" t="s">
        <v>1</v>
      </c>
      <c r="C93918" s="14" t="s">
        <v>35</v>
      </c>
      <c r="D93918" s="14" t="s">
        <v>468</v>
      </c>
      <c r="E93918" s="15">
        <v>45489</v>
      </c>
      <c r="F93918" s="14" t="s">
        <v>25</v>
      </c>
      <c r="G93918" s="16">
        <v>0</v>
      </c>
    </row>
    <row r="93919" spans="1:7" x14ac:dyDescent="0.3">
      <c r="A93919" s="13" t="s">
        <v>467</v>
      </c>
      <c r="B93919" s="14" t="s">
        <v>1</v>
      </c>
      <c r="C93919" s="14" t="s">
        <v>35</v>
      </c>
      <c r="D93919" s="14" t="s">
        <v>468</v>
      </c>
      <c r="E93919" s="15">
        <v>45490</v>
      </c>
      <c r="F93919" s="14" t="s">
        <v>25</v>
      </c>
      <c r="G93919" s="16">
        <v>0</v>
      </c>
    </row>
    <row r="93920" spans="1:7" x14ac:dyDescent="0.3">
      <c r="A93920" s="13" t="s">
        <v>467</v>
      </c>
      <c r="B93920" s="14" t="s">
        <v>1</v>
      </c>
      <c r="C93920" s="14" t="s">
        <v>35</v>
      </c>
      <c r="D93920" s="14" t="s">
        <v>468</v>
      </c>
      <c r="E93920" s="15">
        <v>45491</v>
      </c>
      <c r="F93920" s="14" t="s">
        <v>25</v>
      </c>
      <c r="G93920" s="16">
        <v>0</v>
      </c>
    </row>
    <row r="93921" spans="1:7" x14ac:dyDescent="0.3">
      <c r="A93921" s="13" t="s">
        <v>467</v>
      </c>
      <c r="B93921" s="14" t="s">
        <v>1</v>
      </c>
      <c r="C93921" s="14" t="s">
        <v>35</v>
      </c>
      <c r="D93921" s="14" t="s">
        <v>468</v>
      </c>
      <c r="E93921" s="15">
        <v>45492</v>
      </c>
      <c r="F93921" s="14" t="s">
        <v>25</v>
      </c>
      <c r="G93921" s="16">
        <v>0</v>
      </c>
    </row>
    <row r="93922" spans="1:7" x14ac:dyDescent="0.3">
      <c r="A93922" s="13" t="s">
        <v>467</v>
      </c>
      <c r="B93922" s="14" t="s">
        <v>1</v>
      </c>
      <c r="C93922" s="14" t="s">
        <v>35</v>
      </c>
      <c r="D93922" s="14" t="s">
        <v>468</v>
      </c>
      <c r="E93922" s="15">
        <v>45493</v>
      </c>
      <c r="F93922" s="14" t="s">
        <v>25</v>
      </c>
      <c r="G93922" s="16">
        <v>0</v>
      </c>
    </row>
    <row r="93923" spans="1:7" x14ac:dyDescent="0.3">
      <c r="A93923" s="13" t="s">
        <v>467</v>
      </c>
      <c r="B93923" s="14" t="s">
        <v>1</v>
      </c>
      <c r="C93923" s="14" t="s">
        <v>35</v>
      </c>
      <c r="D93923" s="14" t="s">
        <v>468</v>
      </c>
      <c r="E93923" s="15">
        <v>45494</v>
      </c>
      <c r="F93923" s="14" t="s">
        <v>25</v>
      </c>
      <c r="G93923" s="16">
        <v>0</v>
      </c>
    </row>
    <row r="93924" spans="1:7" x14ac:dyDescent="0.3">
      <c r="A93924" s="13" t="s">
        <v>467</v>
      </c>
      <c r="B93924" s="14" t="s">
        <v>1</v>
      </c>
      <c r="C93924" s="14" t="s">
        <v>35</v>
      </c>
      <c r="D93924" s="14" t="s">
        <v>468</v>
      </c>
      <c r="E93924" s="15">
        <v>45495</v>
      </c>
      <c r="F93924" s="14" t="s">
        <v>25</v>
      </c>
      <c r="G93924" s="16">
        <v>0</v>
      </c>
    </row>
    <row r="93925" spans="1:7" x14ac:dyDescent="0.3">
      <c r="A93925" s="13" t="s">
        <v>467</v>
      </c>
      <c r="B93925" s="14" t="s">
        <v>1</v>
      </c>
      <c r="C93925" s="14" t="s">
        <v>35</v>
      </c>
      <c r="D93925" s="14" t="s">
        <v>468</v>
      </c>
      <c r="E93925" s="15">
        <v>45496</v>
      </c>
      <c r="F93925" s="14" t="s">
        <v>25</v>
      </c>
      <c r="G93925" s="16">
        <v>0</v>
      </c>
    </row>
    <row r="93926" spans="1:7" x14ac:dyDescent="0.3">
      <c r="A93926" s="13" t="s">
        <v>467</v>
      </c>
      <c r="B93926" s="14" t="s">
        <v>1</v>
      </c>
      <c r="C93926" s="14" t="s">
        <v>35</v>
      </c>
      <c r="D93926" s="14" t="s">
        <v>468</v>
      </c>
      <c r="E93926" s="15">
        <v>45497</v>
      </c>
      <c r="F93926" s="14" t="s">
        <v>25</v>
      </c>
      <c r="G93926" s="16">
        <v>0</v>
      </c>
    </row>
    <row r="93927" spans="1:7" x14ac:dyDescent="0.3">
      <c r="A93927" s="13" t="s">
        <v>467</v>
      </c>
      <c r="B93927" s="14" t="s">
        <v>1</v>
      </c>
      <c r="C93927" s="14" t="s">
        <v>35</v>
      </c>
      <c r="D93927" s="14" t="s">
        <v>468</v>
      </c>
      <c r="E93927" s="15">
        <v>45498</v>
      </c>
      <c r="F93927" s="14" t="s">
        <v>25</v>
      </c>
      <c r="G93927" s="16">
        <v>0</v>
      </c>
    </row>
    <row r="93928" spans="1:7" x14ac:dyDescent="0.3">
      <c r="A93928" s="13" t="s">
        <v>467</v>
      </c>
      <c r="B93928" s="14" t="s">
        <v>1</v>
      </c>
      <c r="C93928" s="14" t="s">
        <v>35</v>
      </c>
      <c r="D93928" s="14" t="s">
        <v>468</v>
      </c>
      <c r="E93928" s="15">
        <v>45499</v>
      </c>
      <c r="F93928" s="14" t="s">
        <v>25</v>
      </c>
      <c r="G93928" s="16">
        <v>0</v>
      </c>
    </row>
    <row r="93929" spans="1:7" x14ac:dyDescent="0.3">
      <c r="A93929" s="13" t="s">
        <v>467</v>
      </c>
      <c r="B93929" s="14" t="s">
        <v>1</v>
      </c>
      <c r="C93929" s="14" t="s">
        <v>35</v>
      </c>
      <c r="D93929" s="14" t="s">
        <v>468</v>
      </c>
      <c r="E93929" s="15">
        <v>45500</v>
      </c>
      <c r="F93929" s="14" t="s">
        <v>25</v>
      </c>
      <c r="G93929" s="16">
        <v>0</v>
      </c>
    </row>
    <row r="93930" spans="1:7" x14ac:dyDescent="0.3">
      <c r="A93930" s="13" t="s">
        <v>467</v>
      </c>
      <c r="B93930" s="14" t="s">
        <v>1</v>
      </c>
      <c r="C93930" s="14" t="s">
        <v>35</v>
      </c>
      <c r="D93930" s="14" t="s">
        <v>468</v>
      </c>
      <c r="E93930" s="15">
        <v>45501</v>
      </c>
      <c r="F93930" s="14" t="s">
        <v>25</v>
      </c>
      <c r="G93930" s="16">
        <v>0</v>
      </c>
    </row>
    <row r="93931" spans="1:7" x14ac:dyDescent="0.3">
      <c r="A93931" s="13" t="s">
        <v>467</v>
      </c>
      <c r="B93931" s="14" t="s">
        <v>1</v>
      </c>
      <c r="C93931" s="14" t="s">
        <v>35</v>
      </c>
      <c r="D93931" s="14" t="s">
        <v>468</v>
      </c>
      <c r="E93931" s="15">
        <v>45502</v>
      </c>
      <c r="F93931" s="14" t="s">
        <v>25</v>
      </c>
      <c r="G93931" s="16">
        <v>0</v>
      </c>
    </row>
    <row r="93932" spans="1:7" x14ac:dyDescent="0.3">
      <c r="A93932" s="13" t="s">
        <v>467</v>
      </c>
      <c r="B93932" s="14" t="s">
        <v>1</v>
      </c>
      <c r="C93932" s="14" t="s">
        <v>35</v>
      </c>
      <c r="D93932" s="14" t="s">
        <v>468</v>
      </c>
      <c r="E93932" s="15">
        <v>45503</v>
      </c>
      <c r="F93932" s="14" t="s">
        <v>25</v>
      </c>
      <c r="G93932" s="16">
        <v>0</v>
      </c>
    </row>
    <row r="93933" spans="1:7" x14ac:dyDescent="0.3">
      <c r="A93933" s="13" t="s">
        <v>467</v>
      </c>
      <c r="B93933" s="14" t="s">
        <v>1</v>
      </c>
      <c r="C93933" s="14" t="s">
        <v>35</v>
      </c>
      <c r="D93933" s="14" t="s">
        <v>468</v>
      </c>
      <c r="E93933" s="15">
        <v>45504</v>
      </c>
      <c r="F93933" s="14" t="s">
        <v>25</v>
      </c>
      <c r="G93933" s="16">
        <v>0</v>
      </c>
    </row>
    <row r="93934" spans="1:7" x14ac:dyDescent="0.3">
      <c r="A93934" s="13" t="s">
        <v>467</v>
      </c>
      <c r="B93934" s="14" t="s">
        <v>1</v>
      </c>
      <c r="C93934" s="14" t="s">
        <v>35</v>
      </c>
      <c r="D93934" s="14" t="s">
        <v>468</v>
      </c>
      <c r="E93934" s="15">
        <v>45505</v>
      </c>
      <c r="F93934" s="14" t="s">
        <v>25</v>
      </c>
      <c r="G93934" s="16">
        <v>0</v>
      </c>
    </row>
    <row r="93935" spans="1:7" x14ac:dyDescent="0.3">
      <c r="A93935" s="13" t="s">
        <v>467</v>
      </c>
      <c r="B93935" s="14" t="s">
        <v>1</v>
      </c>
      <c r="C93935" s="14" t="s">
        <v>35</v>
      </c>
      <c r="D93935" s="14" t="s">
        <v>468</v>
      </c>
      <c r="E93935" s="15">
        <v>45506</v>
      </c>
      <c r="F93935" s="14" t="s">
        <v>25</v>
      </c>
      <c r="G93935" s="16">
        <v>0</v>
      </c>
    </row>
    <row r="93936" spans="1:7" x14ac:dyDescent="0.3">
      <c r="A93936" s="13" t="s">
        <v>467</v>
      </c>
      <c r="B93936" s="14" t="s">
        <v>1</v>
      </c>
      <c r="C93936" s="14" t="s">
        <v>35</v>
      </c>
      <c r="D93936" s="14" t="s">
        <v>468</v>
      </c>
      <c r="E93936" s="15">
        <v>45507</v>
      </c>
      <c r="F93936" s="14" t="s">
        <v>25</v>
      </c>
      <c r="G93936" s="16">
        <v>0</v>
      </c>
    </row>
    <row r="93937" spans="1:7" x14ac:dyDescent="0.3">
      <c r="A93937" s="13" t="s">
        <v>467</v>
      </c>
      <c r="B93937" s="14" t="s">
        <v>1</v>
      </c>
      <c r="C93937" s="14" t="s">
        <v>35</v>
      </c>
      <c r="D93937" s="14" t="s">
        <v>468</v>
      </c>
      <c r="E93937" s="15">
        <v>45508</v>
      </c>
      <c r="F93937" s="14" t="s">
        <v>25</v>
      </c>
      <c r="G93937" s="16">
        <v>0</v>
      </c>
    </row>
    <row r="93938" spans="1:7" x14ac:dyDescent="0.3">
      <c r="A93938" s="13" t="s">
        <v>467</v>
      </c>
      <c r="B93938" s="14" t="s">
        <v>1</v>
      </c>
      <c r="C93938" s="14" t="s">
        <v>35</v>
      </c>
      <c r="D93938" s="14" t="s">
        <v>468</v>
      </c>
      <c r="E93938" s="15">
        <v>45509</v>
      </c>
      <c r="F93938" s="14" t="s">
        <v>25</v>
      </c>
      <c r="G93938" s="16">
        <v>0</v>
      </c>
    </row>
    <row r="93939" spans="1:7" x14ac:dyDescent="0.3">
      <c r="A93939" s="13" t="s">
        <v>467</v>
      </c>
      <c r="B93939" s="14" t="s">
        <v>1</v>
      </c>
      <c r="C93939" s="14" t="s">
        <v>35</v>
      </c>
      <c r="D93939" s="14" t="s">
        <v>468</v>
      </c>
      <c r="E93939" s="15">
        <v>45510</v>
      </c>
      <c r="F93939" s="14" t="s">
        <v>25</v>
      </c>
      <c r="G93939" s="16">
        <v>0</v>
      </c>
    </row>
    <row r="93940" spans="1:7" x14ac:dyDescent="0.3">
      <c r="A93940" s="13" t="s">
        <v>467</v>
      </c>
      <c r="B93940" s="14" t="s">
        <v>1</v>
      </c>
      <c r="C93940" s="14" t="s">
        <v>35</v>
      </c>
      <c r="D93940" s="14" t="s">
        <v>468</v>
      </c>
      <c r="E93940" s="15">
        <v>45511</v>
      </c>
      <c r="F93940" s="14" t="s">
        <v>25</v>
      </c>
      <c r="G93940" s="16">
        <v>0</v>
      </c>
    </row>
    <row r="93941" spans="1:7" x14ac:dyDescent="0.3">
      <c r="A93941" s="13" t="s">
        <v>467</v>
      </c>
      <c r="B93941" s="14" t="s">
        <v>1</v>
      </c>
      <c r="C93941" s="14" t="s">
        <v>35</v>
      </c>
      <c r="D93941" s="14" t="s">
        <v>468</v>
      </c>
      <c r="E93941" s="15">
        <v>45512</v>
      </c>
      <c r="F93941" s="14" t="s">
        <v>25</v>
      </c>
      <c r="G93941" s="16">
        <v>0</v>
      </c>
    </row>
    <row r="93942" spans="1:7" x14ac:dyDescent="0.3">
      <c r="A93942" s="13" t="s">
        <v>467</v>
      </c>
      <c r="B93942" s="14" t="s">
        <v>1</v>
      </c>
      <c r="C93942" s="14" t="s">
        <v>35</v>
      </c>
      <c r="D93942" s="14" t="s">
        <v>468</v>
      </c>
      <c r="E93942" s="15">
        <v>45513</v>
      </c>
      <c r="F93942" s="14" t="s">
        <v>25</v>
      </c>
      <c r="G93942" s="16">
        <v>0</v>
      </c>
    </row>
    <row r="93943" spans="1:7" x14ac:dyDescent="0.3">
      <c r="A93943" s="13" t="s">
        <v>467</v>
      </c>
      <c r="B93943" s="14" t="s">
        <v>1</v>
      </c>
      <c r="C93943" s="14" t="s">
        <v>35</v>
      </c>
      <c r="D93943" s="14" t="s">
        <v>468</v>
      </c>
      <c r="E93943" s="15">
        <v>45514</v>
      </c>
      <c r="F93943" s="14" t="s">
        <v>25</v>
      </c>
      <c r="G93943" s="16">
        <v>0</v>
      </c>
    </row>
    <row r="93944" spans="1:7" x14ac:dyDescent="0.3">
      <c r="A93944" s="13" t="s">
        <v>467</v>
      </c>
      <c r="B93944" s="14" t="s">
        <v>1</v>
      </c>
      <c r="C93944" s="14" t="s">
        <v>35</v>
      </c>
      <c r="D93944" s="14" t="s">
        <v>468</v>
      </c>
      <c r="E93944" s="15">
        <v>45515</v>
      </c>
      <c r="F93944" s="14" t="s">
        <v>25</v>
      </c>
      <c r="G93944" s="16">
        <v>0</v>
      </c>
    </row>
    <row r="93945" spans="1:7" x14ac:dyDescent="0.3">
      <c r="A93945" s="13" t="s">
        <v>467</v>
      </c>
      <c r="B93945" s="14" t="s">
        <v>1</v>
      </c>
      <c r="C93945" s="14" t="s">
        <v>35</v>
      </c>
      <c r="D93945" s="14" t="s">
        <v>468</v>
      </c>
      <c r="E93945" s="15">
        <v>45516</v>
      </c>
      <c r="F93945" s="14" t="s">
        <v>25</v>
      </c>
      <c r="G93945" s="16">
        <v>0</v>
      </c>
    </row>
    <row r="93946" spans="1:7" x14ac:dyDescent="0.3">
      <c r="A93946" s="13" t="s">
        <v>467</v>
      </c>
      <c r="B93946" s="14" t="s">
        <v>1</v>
      </c>
      <c r="C93946" s="14" t="s">
        <v>35</v>
      </c>
      <c r="D93946" s="14" t="s">
        <v>468</v>
      </c>
      <c r="E93946" s="15">
        <v>45517</v>
      </c>
      <c r="F93946" s="14" t="s">
        <v>25</v>
      </c>
      <c r="G93946" s="16">
        <v>0</v>
      </c>
    </row>
    <row r="93947" spans="1:7" x14ac:dyDescent="0.3">
      <c r="A93947" s="13" t="s">
        <v>467</v>
      </c>
      <c r="B93947" s="14" t="s">
        <v>1</v>
      </c>
      <c r="C93947" s="14" t="s">
        <v>35</v>
      </c>
      <c r="D93947" s="14" t="s">
        <v>468</v>
      </c>
      <c r="E93947" s="15">
        <v>45518</v>
      </c>
      <c r="F93947" s="14" t="s">
        <v>25</v>
      </c>
      <c r="G93947" s="16">
        <v>0</v>
      </c>
    </row>
    <row r="93948" spans="1:7" x14ac:dyDescent="0.3">
      <c r="A93948" s="13" t="s">
        <v>467</v>
      </c>
      <c r="B93948" s="14" t="s">
        <v>1</v>
      </c>
      <c r="C93948" s="14" t="s">
        <v>35</v>
      </c>
      <c r="D93948" s="14" t="s">
        <v>468</v>
      </c>
      <c r="E93948" s="15">
        <v>45519</v>
      </c>
      <c r="F93948" s="14" t="s">
        <v>25</v>
      </c>
      <c r="G93948" s="16">
        <v>0</v>
      </c>
    </row>
    <row r="93949" spans="1:7" x14ac:dyDescent="0.3">
      <c r="A93949" s="13" t="s">
        <v>467</v>
      </c>
      <c r="B93949" s="14" t="s">
        <v>1</v>
      </c>
      <c r="C93949" s="14" t="s">
        <v>35</v>
      </c>
      <c r="D93949" s="14" t="s">
        <v>468</v>
      </c>
      <c r="E93949" s="15">
        <v>45520</v>
      </c>
      <c r="F93949" s="14" t="s">
        <v>25</v>
      </c>
      <c r="G93949" s="16">
        <v>0</v>
      </c>
    </row>
    <row r="93950" spans="1:7" x14ac:dyDescent="0.3">
      <c r="A93950" s="13" t="s">
        <v>467</v>
      </c>
      <c r="B93950" s="14" t="s">
        <v>1</v>
      </c>
      <c r="C93950" s="14" t="s">
        <v>35</v>
      </c>
      <c r="D93950" s="14" t="s">
        <v>468</v>
      </c>
      <c r="E93950" s="15">
        <v>45521</v>
      </c>
      <c r="F93950" s="14" t="s">
        <v>25</v>
      </c>
      <c r="G93950" s="16">
        <v>0</v>
      </c>
    </row>
    <row r="93951" spans="1:7" x14ac:dyDescent="0.3">
      <c r="A93951" s="13" t="s">
        <v>467</v>
      </c>
      <c r="B93951" s="14" t="s">
        <v>1</v>
      </c>
      <c r="C93951" s="14" t="s">
        <v>35</v>
      </c>
      <c r="D93951" s="14" t="s">
        <v>468</v>
      </c>
      <c r="E93951" s="15">
        <v>45522</v>
      </c>
      <c r="F93951" s="14" t="s">
        <v>25</v>
      </c>
      <c r="G93951" s="16">
        <v>0</v>
      </c>
    </row>
    <row r="93952" spans="1:7" x14ac:dyDescent="0.3">
      <c r="A93952" s="13" t="s">
        <v>467</v>
      </c>
      <c r="B93952" s="14" t="s">
        <v>1</v>
      </c>
      <c r="C93952" s="14" t="s">
        <v>35</v>
      </c>
      <c r="D93952" s="14" t="s">
        <v>468</v>
      </c>
      <c r="E93952" s="15">
        <v>45523</v>
      </c>
      <c r="F93952" s="14" t="s">
        <v>25</v>
      </c>
      <c r="G93952" s="16">
        <v>0</v>
      </c>
    </row>
    <row r="93953" spans="1:7" x14ac:dyDescent="0.3">
      <c r="A93953" s="13" t="s">
        <v>467</v>
      </c>
      <c r="B93953" s="14" t="s">
        <v>1</v>
      </c>
      <c r="C93953" s="14" t="s">
        <v>35</v>
      </c>
      <c r="D93953" s="14" t="s">
        <v>468</v>
      </c>
      <c r="E93953" s="15">
        <v>45524</v>
      </c>
      <c r="F93953" s="14" t="s">
        <v>25</v>
      </c>
      <c r="G93953" s="16">
        <v>0</v>
      </c>
    </row>
    <row r="93954" spans="1:7" x14ac:dyDescent="0.3">
      <c r="A93954" s="13" t="s">
        <v>467</v>
      </c>
      <c r="B93954" s="14" t="s">
        <v>1</v>
      </c>
      <c r="C93954" s="14" t="s">
        <v>35</v>
      </c>
      <c r="D93954" s="14" t="s">
        <v>468</v>
      </c>
      <c r="E93954" s="15">
        <v>45525</v>
      </c>
      <c r="F93954" s="14" t="s">
        <v>25</v>
      </c>
      <c r="G93954" s="16">
        <v>0</v>
      </c>
    </row>
    <row r="93955" spans="1:7" x14ac:dyDescent="0.3">
      <c r="A93955" s="13" t="s">
        <v>467</v>
      </c>
      <c r="B93955" s="14" t="s">
        <v>1</v>
      </c>
      <c r="C93955" s="14" t="s">
        <v>35</v>
      </c>
      <c r="D93955" s="14" t="s">
        <v>468</v>
      </c>
      <c r="E93955" s="15">
        <v>45526</v>
      </c>
      <c r="F93955" s="14" t="s">
        <v>25</v>
      </c>
      <c r="G93955" s="16">
        <v>0</v>
      </c>
    </row>
    <row r="93956" spans="1:7" x14ac:dyDescent="0.3">
      <c r="A93956" s="13" t="s">
        <v>467</v>
      </c>
      <c r="B93956" s="14" t="s">
        <v>1</v>
      </c>
      <c r="C93956" s="14" t="s">
        <v>35</v>
      </c>
      <c r="D93956" s="14" t="s">
        <v>468</v>
      </c>
      <c r="E93956" s="15">
        <v>45527</v>
      </c>
      <c r="F93956" s="14" t="s">
        <v>25</v>
      </c>
      <c r="G93956" s="16">
        <v>0</v>
      </c>
    </row>
    <row r="93957" spans="1:7" x14ac:dyDescent="0.3">
      <c r="A93957" s="13" t="s">
        <v>467</v>
      </c>
      <c r="B93957" s="14" t="s">
        <v>1</v>
      </c>
      <c r="C93957" s="14" t="s">
        <v>35</v>
      </c>
      <c r="D93957" s="14" t="s">
        <v>468</v>
      </c>
      <c r="E93957" s="15">
        <v>45528</v>
      </c>
      <c r="F93957" s="14" t="s">
        <v>25</v>
      </c>
      <c r="G93957" s="16">
        <v>0</v>
      </c>
    </row>
    <row r="93958" spans="1:7" x14ac:dyDescent="0.3">
      <c r="A93958" s="13" t="s">
        <v>467</v>
      </c>
      <c r="B93958" s="14" t="s">
        <v>1</v>
      </c>
      <c r="C93958" s="14" t="s">
        <v>35</v>
      </c>
      <c r="D93958" s="14" t="s">
        <v>468</v>
      </c>
      <c r="E93958" s="15">
        <v>45529</v>
      </c>
      <c r="F93958" s="14" t="s">
        <v>25</v>
      </c>
      <c r="G93958" s="16">
        <v>0</v>
      </c>
    </row>
    <row r="93959" spans="1:7" x14ac:dyDescent="0.3">
      <c r="A93959" s="13" t="s">
        <v>467</v>
      </c>
      <c r="B93959" s="14" t="s">
        <v>1</v>
      </c>
      <c r="C93959" s="14" t="s">
        <v>35</v>
      </c>
      <c r="D93959" s="14" t="s">
        <v>468</v>
      </c>
      <c r="E93959" s="15">
        <v>45530</v>
      </c>
      <c r="F93959" s="14" t="s">
        <v>25</v>
      </c>
      <c r="G93959" s="16">
        <v>0</v>
      </c>
    </row>
    <row r="93960" spans="1:7" x14ac:dyDescent="0.3">
      <c r="A93960" s="13" t="s">
        <v>467</v>
      </c>
      <c r="B93960" s="14" t="s">
        <v>1</v>
      </c>
      <c r="C93960" s="14" t="s">
        <v>35</v>
      </c>
      <c r="D93960" s="14" t="s">
        <v>468</v>
      </c>
      <c r="E93960" s="15">
        <v>45531</v>
      </c>
      <c r="F93960" s="14" t="s">
        <v>25</v>
      </c>
      <c r="G93960" s="16">
        <v>0</v>
      </c>
    </row>
    <row r="93961" spans="1:7" x14ac:dyDescent="0.3">
      <c r="A93961" s="13" t="s">
        <v>467</v>
      </c>
      <c r="B93961" s="14" t="s">
        <v>1</v>
      </c>
      <c r="C93961" s="14" t="s">
        <v>35</v>
      </c>
      <c r="D93961" s="14" t="s">
        <v>468</v>
      </c>
      <c r="E93961" s="15">
        <v>45532</v>
      </c>
      <c r="F93961" s="14" t="s">
        <v>25</v>
      </c>
      <c r="G93961" s="16">
        <v>0</v>
      </c>
    </row>
    <row r="93962" spans="1:7" x14ac:dyDescent="0.3">
      <c r="A93962" s="13" t="s">
        <v>467</v>
      </c>
      <c r="B93962" s="14" t="s">
        <v>1</v>
      </c>
      <c r="C93962" s="14" t="s">
        <v>35</v>
      </c>
      <c r="D93962" s="14" t="s">
        <v>468</v>
      </c>
      <c r="E93962" s="15">
        <v>45533</v>
      </c>
      <c r="F93962" s="14" t="s">
        <v>25</v>
      </c>
      <c r="G93962" s="16">
        <v>0</v>
      </c>
    </row>
    <row r="93963" spans="1:7" x14ac:dyDescent="0.3">
      <c r="A93963" s="13" t="s">
        <v>467</v>
      </c>
      <c r="B93963" s="14" t="s">
        <v>1</v>
      </c>
      <c r="C93963" s="14" t="s">
        <v>35</v>
      </c>
      <c r="D93963" s="14" t="s">
        <v>468</v>
      </c>
      <c r="E93963" s="15">
        <v>45534</v>
      </c>
      <c r="F93963" s="14" t="s">
        <v>25</v>
      </c>
      <c r="G93963" s="16">
        <v>0</v>
      </c>
    </row>
    <row r="93964" spans="1:7" x14ac:dyDescent="0.3">
      <c r="A93964" s="13" t="s">
        <v>467</v>
      </c>
      <c r="B93964" s="14" t="s">
        <v>1</v>
      </c>
      <c r="C93964" s="14" t="s">
        <v>35</v>
      </c>
      <c r="D93964" s="14" t="s">
        <v>468</v>
      </c>
      <c r="E93964" s="15">
        <v>45535</v>
      </c>
      <c r="F93964" s="14" t="s">
        <v>25</v>
      </c>
      <c r="G93964" s="16">
        <v>0</v>
      </c>
    </row>
    <row r="93965" spans="1:7" x14ac:dyDescent="0.3">
      <c r="A93965" s="13" t="s">
        <v>467</v>
      </c>
      <c r="B93965" s="14" t="s">
        <v>1</v>
      </c>
      <c r="C93965" s="14" t="s">
        <v>35</v>
      </c>
      <c r="D93965" s="14" t="s">
        <v>468</v>
      </c>
      <c r="E93965" s="15">
        <v>45536</v>
      </c>
      <c r="F93965" s="14" t="s">
        <v>25</v>
      </c>
      <c r="G93965" s="16">
        <v>0</v>
      </c>
    </row>
    <row r="93966" spans="1:7" x14ac:dyDescent="0.3">
      <c r="A93966" s="13" t="s">
        <v>467</v>
      </c>
      <c r="B93966" s="14" t="s">
        <v>1</v>
      </c>
      <c r="C93966" s="14" t="s">
        <v>35</v>
      </c>
      <c r="D93966" s="14" t="s">
        <v>468</v>
      </c>
      <c r="E93966" s="15">
        <v>45537</v>
      </c>
      <c r="F93966" s="14" t="s">
        <v>25</v>
      </c>
      <c r="G93966" s="16">
        <v>0</v>
      </c>
    </row>
    <row r="93967" spans="1:7" x14ac:dyDescent="0.3">
      <c r="A93967" s="13" t="s">
        <v>467</v>
      </c>
      <c r="B93967" s="14" t="s">
        <v>1</v>
      </c>
      <c r="C93967" s="14" t="s">
        <v>35</v>
      </c>
      <c r="D93967" s="14" t="s">
        <v>468</v>
      </c>
      <c r="E93967" s="15">
        <v>45538</v>
      </c>
      <c r="F93967" s="14" t="s">
        <v>25</v>
      </c>
      <c r="G93967" s="16">
        <v>0</v>
      </c>
    </row>
    <row r="93968" spans="1:7" x14ac:dyDescent="0.3">
      <c r="A93968" s="13" t="s">
        <v>467</v>
      </c>
      <c r="B93968" s="14" t="s">
        <v>1</v>
      </c>
      <c r="C93968" s="14" t="s">
        <v>35</v>
      </c>
      <c r="D93968" s="14" t="s">
        <v>468</v>
      </c>
      <c r="E93968" s="15">
        <v>45539</v>
      </c>
      <c r="F93968" s="14" t="s">
        <v>25</v>
      </c>
      <c r="G93968" s="16">
        <v>0</v>
      </c>
    </row>
    <row r="93969" spans="1:7" x14ac:dyDescent="0.3">
      <c r="A93969" s="13" t="s">
        <v>467</v>
      </c>
      <c r="B93969" s="14" t="s">
        <v>1</v>
      </c>
      <c r="C93969" s="14" t="s">
        <v>35</v>
      </c>
      <c r="D93969" s="14" t="s">
        <v>468</v>
      </c>
      <c r="E93969" s="15">
        <v>45540</v>
      </c>
      <c r="F93969" s="14" t="s">
        <v>25</v>
      </c>
      <c r="G93969" s="16">
        <v>0</v>
      </c>
    </row>
    <row r="93970" spans="1:7" x14ac:dyDescent="0.3">
      <c r="A93970" s="13" t="s">
        <v>467</v>
      </c>
      <c r="B93970" s="14" t="s">
        <v>1</v>
      </c>
      <c r="C93970" s="14" t="s">
        <v>35</v>
      </c>
      <c r="D93970" s="14" t="s">
        <v>468</v>
      </c>
      <c r="E93970" s="15">
        <v>45541</v>
      </c>
      <c r="F93970" s="14" t="s">
        <v>25</v>
      </c>
      <c r="G93970" s="16">
        <v>0</v>
      </c>
    </row>
    <row r="93971" spans="1:7" x14ac:dyDescent="0.3">
      <c r="A93971" s="13" t="s">
        <v>467</v>
      </c>
      <c r="B93971" s="14" t="s">
        <v>1</v>
      </c>
      <c r="C93971" s="14" t="s">
        <v>35</v>
      </c>
      <c r="D93971" s="14" t="s">
        <v>468</v>
      </c>
      <c r="E93971" s="15">
        <v>45542</v>
      </c>
      <c r="F93971" s="14" t="s">
        <v>25</v>
      </c>
      <c r="G93971" s="16">
        <v>0</v>
      </c>
    </row>
    <row r="93972" spans="1:7" x14ac:dyDescent="0.3">
      <c r="A93972" s="13" t="s">
        <v>467</v>
      </c>
      <c r="B93972" s="14" t="s">
        <v>1</v>
      </c>
      <c r="C93972" s="14" t="s">
        <v>35</v>
      </c>
      <c r="D93972" s="14" t="s">
        <v>468</v>
      </c>
      <c r="E93972" s="15">
        <v>45543</v>
      </c>
      <c r="F93972" s="14" t="s">
        <v>25</v>
      </c>
      <c r="G93972" s="16">
        <v>0</v>
      </c>
    </row>
    <row r="93973" spans="1:7" x14ac:dyDescent="0.3">
      <c r="A93973" s="13" t="s">
        <v>467</v>
      </c>
      <c r="B93973" s="14" t="s">
        <v>1</v>
      </c>
      <c r="C93973" s="14" t="s">
        <v>35</v>
      </c>
      <c r="D93973" s="14" t="s">
        <v>468</v>
      </c>
      <c r="E93973" s="15">
        <v>45544</v>
      </c>
      <c r="F93973" s="14" t="s">
        <v>25</v>
      </c>
      <c r="G93973" s="16">
        <v>0</v>
      </c>
    </row>
    <row r="93974" spans="1:7" x14ac:dyDescent="0.3">
      <c r="A93974" s="13" t="s">
        <v>467</v>
      </c>
      <c r="B93974" s="14" t="s">
        <v>1</v>
      </c>
      <c r="C93974" s="14" t="s">
        <v>35</v>
      </c>
      <c r="D93974" s="14" t="s">
        <v>468</v>
      </c>
      <c r="E93974" s="15">
        <v>45545</v>
      </c>
      <c r="F93974" s="14" t="s">
        <v>25</v>
      </c>
      <c r="G93974" s="16">
        <v>0</v>
      </c>
    </row>
    <row r="93975" spans="1:7" x14ac:dyDescent="0.3">
      <c r="A93975" s="13" t="s">
        <v>467</v>
      </c>
      <c r="B93975" s="14" t="s">
        <v>1</v>
      </c>
      <c r="C93975" s="14" t="s">
        <v>35</v>
      </c>
      <c r="D93975" s="14" t="s">
        <v>468</v>
      </c>
      <c r="E93975" s="15">
        <v>45546</v>
      </c>
      <c r="F93975" s="14" t="s">
        <v>25</v>
      </c>
      <c r="G93975" s="16">
        <v>0</v>
      </c>
    </row>
    <row r="93976" spans="1:7" x14ac:dyDescent="0.3">
      <c r="A93976" s="13" t="s">
        <v>467</v>
      </c>
      <c r="B93976" s="14" t="s">
        <v>1</v>
      </c>
      <c r="C93976" s="14" t="s">
        <v>35</v>
      </c>
      <c r="D93976" s="14" t="s">
        <v>468</v>
      </c>
      <c r="E93976" s="15">
        <v>45547</v>
      </c>
      <c r="F93976" s="14" t="s">
        <v>25</v>
      </c>
      <c r="G93976" s="16">
        <v>0</v>
      </c>
    </row>
    <row r="93977" spans="1:7" x14ac:dyDescent="0.3">
      <c r="A93977" s="13" t="s">
        <v>467</v>
      </c>
      <c r="B93977" s="14" t="s">
        <v>1</v>
      </c>
      <c r="C93977" s="14" t="s">
        <v>35</v>
      </c>
      <c r="D93977" s="14" t="s">
        <v>468</v>
      </c>
      <c r="E93977" s="15">
        <v>45548</v>
      </c>
      <c r="F93977" s="14" t="s">
        <v>25</v>
      </c>
      <c r="G93977" s="16">
        <v>0</v>
      </c>
    </row>
    <row r="93978" spans="1:7" x14ac:dyDescent="0.3">
      <c r="A93978" s="13" t="s">
        <v>467</v>
      </c>
      <c r="B93978" s="14" t="s">
        <v>1</v>
      </c>
      <c r="C93978" s="14" t="s">
        <v>35</v>
      </c>
      <c r="D93978" s="14" t="s">
        <v>468</v>
      </c>
      <c r="E93978" s="15">
        <v>45549</v>
      </c>
      <c r="F93978" s="14" t="s">
        <v>25</v>
      </c>
      <c r="G93978" s="16">
        <v>0</v>
      </c>
    </row>
    <row r="93979" spans="1:7" x14ac:dyDescent="0.3">
      <c r="A93979" s="13" t="s">
        <v>467</v>
      </c>
      <c r="B93979" s="14" t="s">
        <v>1</v>
      </c>
      <c r="C93979" s="14" t="s">
        <v>35</v>
      </c>
      <c r="D93979" s="14" t="s">
        <v>468</v>
      </c>
      <c r="E93979" s="15">
        <v>45550</v>
      </c>
      <c r="F93979" s="14" t="s">
        <v>25</v>
      </c>
      <c r="G93979" s="16">
        <v>0</v>
      </c>
    </row>
    <row r="93980" spans="1:7" x14ac:dyDescent="0.3">
      <c r="A93980" s="13" t="s">
        <v>467</v>
      </c>
      <c r="B93980" s="14" t="s">
        <v>1</v>
      </c>
      <c r="C93980" s="14" t="s">
        <v>35</v>
      </c>
      <c r="D93980" s="14" t="s">
        <v>468</v>
      </c>
      <c r="E93980" s="15">
        <v>45551</v>
      </c>
      <c r="F93980" s="14" t="s">
        <v>25</v>
      </c>
      <c r="G93980" s="16">
        <v>0</v>
      </c>
    </row>
    <row r="93981" spans="1:7" x14ac:dyDescent="0.3">
      <c r="A93981" s="13" t="s">
        <v>467</v>
      </c>
      <c r="B93981" s="14" t="s">
        <v>1</v>
      </c>
      <c r="C93981" s="14" t="s">
        <v>35</v>
      </c>
      <c r="D93981" s="14" t="s">
        <v>468</v>
      </c>
      <c r="E93981" s="15">
        <v>45552</v>
      </c>
      <c r="F93981" s="14" t="s">
        <v>25</v>
      </c>
      <c r="G93981" s="16">
        <v>0</v>
      </c>
    </row>
    <row r="93982" spans="1:7" x14ac:dyDescent="0.3">
      <c r="A93982" s="13" t="s">
        <v>467</v>
      </c>
      <c r="B93982" s="14" t="s">
        <v>1</v>
      </c>
      <c r="C93982" s="14" t="s">
        <v>35</v>
      </c>
      <c r="D93982" s="14" t="s">
        <v>468</v>
      </c>
      <c r="E93982" s="15">
        <v>45553</v>
      </c>
      <c r="F93982" s="14" t="s">
        <v>25</v>
      </c>
      <c r="G93982" s="16">
        <v>0</v>
      </c>
    </row>
    <row r="93983" spans="1:7" x14ac:dyDescent="0.3">
      <c r="A93983" s="13" t="s">
        <v>467</v>
      </c>
      <c r="B93983" s="14" t="s">
        <v>1</v>
      </c>
      <c r="C93983" s="14" t="s">
        <v>35</v>
      </c>
      <c r="D93983" s="14" t="s">
        <v>468</v>
      </c>
      <c r="E93983" s="15">
        <v>45554</v>
      </c>
      <c r="F93983" s="14" t="s">
        <v>25</v>
      </c>
      <c r="G93983" s="16">
        <v>0</v>
      </c>
    </row>
    <row r="93984" spans="1:7" x14ac:dyDescent="0.3">
      <c r="A93984" s="13" t="s">
        <v>467</v>
      </c>
      <c r="B93984" s="14" t="s">
        <v>1</v>
      </c>
      <c r="C93984" s="14" t="s">
        <v>35</v>
      </c>
      <c r="D93984" s="14" t="s">
        <v>468</v>
      </c>
      <c r="E93984" s="15">
        <v>45555</v>
      </c>
      <c r="F93984" s="14" t="s">
        <v>25</v>
      </c>
      <c r="G93984" s="16">
        <v>0</v>
      </c>
    </row>
    <row r="93985" spans="1:7" x14ac:dyDescent="0.3">
      <c r="A93985" s="13" t="s">
        <v>467</v>
      </c>
      <c r="B93985" s="14" t="s">
        <v>1</v>
      </c>
      <c r="C93985" s="14" t="s">
        <v>35</v>
      </c>
      <c r="D93985" s="14" t="s">
        <v>468</v>
      </c>
      <c r="E93985" s="15">
        <v>45556</v>
      </c>
      <c r="F93985" s="14" t="s">
        <v>25</v>
      </c>
      <c r="G93985" s="16">
        <v>0</v>
      </c>
    </row>
    <row r="93986" spans="1:7" x14ac:dyDescent="0.3">
      <c r="A93986" s="13" t="s">
        <v>467</v>
      </c>
      <c r="B93986" s="14" t="s">
        <v>1</v>
      </c>
      <c r="C93986" s="14" t="s">
        <v>35</v>
      </c>
      <c r="D93986" s="14" t="s">
        <v>468</v>
      </c>
      <c r="E93986" s="15">
        <v>45557</v>
      </c>
      <c r="F93986" s="14" t="s">
        <v>25</v>
      </c>
      <c r="G93986" s="16">
        <v>0</v>
      </c>
    </row>
    <row r="93987" spans="1:7" x14ac:dyDescent="0.3">
      <c r="A93987" s="13" t="s">
        <v>467</v>
      </c>
      <c r="B93987" s="14" t="s">
        <v>1</v>
      </c>
      <c r="C93987" s="14" t="s">
        <v>35</v>
      </c>
      <c r="D93987" s="14" t="s">
        <v>468</v>
      </c>
      <c r="E93987" s="15">
        <v>45558</v>
      </c>
      <c r="F93987" s="14" t="s">
        <v>25</v>
      </c>
      <c r="G93987" s="16">
        <v>0</v>
      </c>
    </row>
    <row r="93988" spans="1:7" x14ac:dyDescent="0.3">
      <c r="A93988" s="13" t="s">
        <v>467</v>
      </c>
      <c r="B93988" s="14" t="s">
        <v>1</v>
      </c>
      <c r="C93988" s="14" t="s">
        <v>35</v>
      </c>
      <c r="D93988" s="14" t="s">
        <v>468</v>
      </c>
      <c r="E93988" s="15">
        <v>45559</v>
      </c>
      <c r="F93988" s="14" t="s">
        <v>25</v>
      </c>
      <c r="G93988" s="16">
        <v>0</v>
      </c>
    </row>
    <row r="93989" spans="1:7" x14ac:dyDescent="0.3">
      <c r="A93989" s="13" t="s">
        <v>467</v>
      </c>
      <c r="B93989" s="14" t="s">
        <v>1</v>
      </c>
      <c r="C93989" s="14" t="s">
        <v>35</v>
      </c>
      <c r="D93989" s="14" t="s">
        <v>468</v>
      </c>
      <c r="E93989" s="15">
        <v>45560</v>
      </c>
      <c r="F93989" s="14" t="s">
        <v>25</v>
      </c>
      <c r="G93989" s="16">
        <v>0</v>
      </c>
    </row>
    <row r="93990" spans="1:7" x14ac:dyDescent="0.3">
      <c r="A93990" s="13" t="s">
        <v>467</v>
      </c>
      <c r="B93990" s="14" t="s">
        <v>1</v>
      </c>
      <c r="C93990" s="14" t="s">
        <v>35</v>
      </c>
      <c r="D93990" s="14" t="s">
        <v>468</v>
      </c>
      <c r="E93990" s="15">
        <v>45561</v>
      </c>
      <c r="F93990" s="14" t="s">
        <v>25</v>
      </c>
      <c r="G93990" s="16">
        <v>0</v>
      </c>
    </row>
    <row r="93991" spans="1:7" x14ac:dyDescent="0.3">
      <c r="A93991" s="13" t="s">
        <v>467</v>
      </c>
      <c r="B93991" s="14" t="s">
        <v>1</v>
      </c>
      <c r="C93991" s="14" t="s">
        <v>35</v>
      </c>
      <c r="D93991" s="14" t="s">
        <v>468</v>
      </c>
      <c r="E93991" s="15">
        <v>45562</v>
      </c>
      <c r="F93991" s="14" t="s">
        <v>25</v>
      </c>
      <c r="G93991" s="16">
        <v>0</v>
      </c>
    </row>
    <row r="93992" spans="1:7" x14ac:dyDescent="0.3">
      <c r="A93992" s="13" t="s">
        <v>467</v>
      </c>
      <c r="B93992" s="14" t="s">
        <v>1</v>
      </c>
      <c r="C93992" s="14" t="s">
        <v>35</v>
      </c>
      <c r="D93992" s="14" t="s">
        <v>468</v>
      </c>
      <c r="E93992" s="15">
        <v>45563</v>
      </c>
      <c r="F93992" s="14" t="s">
        <v>25</v>
      </c>
      <c r="G93992" s="16">
        <v>0</v>
      </c>
    </row>
    <row r="93993" spans="1:7" x14ac:dyDescent="0.3">
      <c r="A93993" s="13" t="s">
        <v>467</v>
      </c>
      <c r="B93993" s="14" t="s">
        <v>1</v>
      </c>
      <c r="C93993" s="14" t="s">
        <v>35</v>
      </c>
      <c r="D93993" s="14" t="s">
        <v>468</v>
      </c>
      <c r="E93993" s="15">
        <v>45564</v>
      </c>
      <c r="F93993" s="14" t="s">
        <v>25</v>
      </c>
      <c r="G93993" s="16">
        <v>0</v>
      </c>
    </row>
    <row r="93994" spans="1:7" x14ac:dyDescent="0.3">
      <c r="A93994" s="13" t="s">
        <v>467</v>
      </c>
      <c r="B93994" s="14" t="s">
        <v>1</v>
      </c>
      <c r="C93994" s="14" t="s">
        <v>35</v>
      </c>
      <c r="D93994" s="14" t="s">
        <v>468</v>
      </c>
      <c r="E93994" s="15">
        <v>45565</v>
      </c>
      <c r="F93994" s="14" t="s">
        <v>25</v>
      </c>
      <c r="G93994" s="16">
        <v>0</v>
      </c>
    </row>
    <row r="93995" spans="1:7" x14ac:dyDescent="0.3">
      <c r="A93995" s="13" t="s">
        <v>467</v>
      </c>
      <c r="B93995" s="14" t="s">
        <v>1</v>
      </c>
      <c r="C93995" s="14" t="s">
        <v>35</v>
      </c>
      <c r="D93995" s="14" t="s">
        <v>468</v>
      </c>
      <c r="E93995" s="15">
        <v>45566</v>
      </c>
      <c r="F93995" s="14" t="s">
        <v>25</v>
      </c>
      <c r="G93995" s="16">
        <v>0</v>
      </c>
    </row>
    <row r="93996" spans="1:7" x14ac:dyDescent="0.3">
      <c r="A93996" s="13" t="s">
        <v>467</v>
      </c>
      <c r="B93996" s="14" t="s">
        <v>1</v>
      </c>
      <c r="C93996" s="14" t="s">
        <v>35</v>
      </c>
      <c r="D93996" s="14" t="s">
        <v>468</v>
      </c>
      <c r="E93996" s="15">
        <v>45567</v>
      </c>
      <c r="F93996" s="14" t="s">
        <v>25</v>
      </c>
      <c r="G93996" s="16">
        <v>0</v>
      </c>
    </row>
    <row r="93997" spans="1:7" x14ac:dyDescent="0.3">
      <c r="A93997" s="13" t="s">
        <v>467</v>
      </c>
      <c r="B93997" s="14" t="s">
        <v>1</v>
      </c>
      <c r="C93997" s="14" t="s">
        <v>35</v>
      </c>
      <c r="D93997" s="14" t="s">
        <v>468</v>
      </c>
      <c r="E93997" s="15">
        <v>45568</v>
      </c>
      <c r="F93997" s="14" t="s">
        <v>25</v>
      </c>
      <c r="G93997" s="16">
        <v>0</v>
      </c>
    </row>
    <row r="93998" spans="1:7" x14ac:dyDescent="0.3">
      <c r="A93998" s="13" t="s">
        <v>467</v>
      </c>
      <c r="B93998" s="14" t="s">
        <v>1</v>
      </c>
      <c r="C93998" s="14" t="s">
        <v>35</v>
      </c>
      <c r="D93998" s="14" t="s">
        <v>468</v>
      </c>
      <c r="E93998" s="15">
        <v>45569</v>
      </c>
      <c r="F93998" s="14" t="s">
        <v>25</v>
      </c>
      <c r="G93998" s="16">
        <v>0</v>
      </c>
    </row>
    <row r="93999" spans="1:7" x14ac:dyDescent="0.3">
      <c r="A93999" s="13" t="s">
        <v>467</v>
      </c>
      <c r="B93999" s="14" t="s">
        <v>1</v>
      </c>
      <c r="C93999" s="14" t="s">
        <v>35</v>
      </c>
      <c r="D93999" s="14" t="s">
        <v>468</v>
      </c>
      <c r="E93999" s="15">
        <v>45570</v>
      </c>
      <c r="F93999" s="14" t="s">
        <v>25</v>
      </c>
      <c r="G93999" s="16">
        <v>0</v>
      </c>
    </row>
    <row r="94000" spans="1:7" x14ac:dyDescent="0.3">
      <c r="A94000" s="13" t="s">
        <v>467</v>
      </c>
      <c r="B94000" s="14" t="s">
        <v>1</v>
      </c>
      <c r="C94000" s="14" t="s">
        <v>35</v>
      </c>
      <c r="D94000" s="14" t="s">
        <v>468</v>
      </c>
      <c r="E94000" s="15">
        <v>45571</v>
      </c>
      <c r="F94000" s="14" t="s">
        <v>25</v>
      </c>
      <c r="G94000" s="16">
        <v>0</v>
      </c>
    </row>
    <row r="94001" spans="1:7" x14ac:dyDescent="0.3">
      <c r="A94001" s="13" t="s">
        <v>467</v>
      </c>
      <c r="B94001" s="14" t="s">
        <v>1</v>
      </c>
      <c r="C94001" s="14" t="s">
        <v>35</v>
      </c>
      <c r="D94001" s="14" t="s">
        <v>468</v>
      </c>
      <c r="E94001" s="15">
        <v>45572</v>
      </c>
      <c r="F94001" s="14" t="s">
        <v>25</v>
      </c>
      <c r="G94001" s="16">
        <v>0</v>
      </c>
    </row>
    <row r="94002" spans="1:7" x14ac:dyDescent="0.3">
      <c r="A94002" s="13" t="s">
        <v>467</v>
      </c>
      <c r="B94002" s="14" t="s">
        <v>1</v>
      </c>
      <c r="C94002" s="14" t="s">
        <v>35</v>
      </c>
      <c r="D94002" s="14" t="s">
        <v>468</v>
      </c>
      <c r="E94002" s="15">
        <v>45573</v>
      </c>
      <c r="F94002" s="14" t="s">
        <v>25</v>
      </c>
      <c r="G94002" s="16">
        <v>0</v>
      </c>
    </row>
    <row r="94003" spans="1:7" x14ac:dyDescent="0.3">
      <c r="A94003" s="13" t="s">
        <v>467</v>
      </c>
      <c r="B94003" s="14" t="s">
        <v>1</v>
      </c>
      <c r="C94003" s="14" t="s">
        <v>35</v>
      </c>
      <c r="D94003" s="14" t="s">
        <v>468</v>
      </c>
      <c r="E94003" s="15">
        <v>45574</v>
      </c>
      <c r="F94003" s="14" t="s">
        <v>25</v>
      </c>
      <c r="G94003" s="16">
        <v>0</v>
      </c>
    </row>
    <row r="94004" spans="1:7" x14ac:dyDescent="0.3">
      <c r="A94004" s="13" t="s">
        <v>467</v>
      </c>
      <c r="B94004" s="14" t="s">
        <v>1</v>
      </c>
      <c r="C94004" s="14" t="s">
        <v>35</v>
      </c>
      <c r="D94004" s="14" t="s">
        <v>468</v>
      </c>
      <c r="E94004" s="15">
        <v>45575</v>
      </c>
      <c r="F94004" s="14" t="s">
        <v>25</v>
      </c>
      <c r="G94004" s="16">
        <v>0</v>
      </c>
    </row>
    <row r="94005" spans="1:7" x14ac:dyDescent="0.3">
      <c r="A94005" s="13" t="s">
        <v>467</v>
      </c>
      <c r="B94005" s="14" t="s">
        <v>1</v>
      </c>
      <c r="C94005" s="14" t="s">
        <v>35</v>
      </c>
      <c r="D94005" s="14" t="s">
        <v>468</v>
      </c>
      <c r="E94005" s="15">
        <v>45576</v>
      </c>
      <c r="F94005" s="14" t="s">
        <v>25</v>
      </c>
      <c r="G94005" s="16">
        <v>0</v>
      </c>
    </row>
    <row r="94006" spans="1:7" x14ac:dyDescent="0.3">
      <c r="A94006" s="13" t="s">
        <v>467</v>
      </c>
      <c r="B94006" s="14" t="s">
        <v>1</v>
      </c>
      <c r="C94006" s="14" t="s">
        <v>35</v>
      </c>
      <c r="D94006" s="14" t="s">
        <v>468</v>
      </c>
      <c r="E94006" s="15">
        <v>45577</v>
      </c>
      <c r="F94006" s="14" t="s">
        <v>25</v>
      </c>
      <c r="G94006" s="16">
        <v>0</v>
      </c>
    </row>
    <row r="94007" spans="1:7" x14ac:dyDescent="0.3">
      <c r="A94007" s="13" t="s">
        <v>467</v>
      </c>
      <c r="B94007" s="14" t="s">
        <v>1</v>
      </c>
      <c r="C94007" s="14" t="s">
        <v>35</v>
      </c>
      <c r="D94007" s="14" t="s">
        <v>468</v>
      </c>
      <c r="E94007" s="15">
        <v>45578</v>
      </c>
      <c r="F94007" s="14" t="s">
        <v>25</v>
      </c>
      <c r="G94007" s="16">
        <v>0</v>
      </c>
    </row>
    <row r="94008" spans="1:7" x14ac:dyDescent="0.3">
      <c r="A94008" s="13" t="s">
        <v>467</v>
      </c>
      <c r="B94008" s="14" t="s">
        <v>1</v>
      </c>
      <c r="C94008" s="14" t="s">
        <v>35</v>
      </c>
      <c r="D94008" s="14" t="s">
        <v>468</v>
      </c>
      <c r="E94008" s="15">
        <v>45579</v>
      </c>
      <c r="F94008" s="14" t="s">
        <v>25</v>
      </c>
      <c r="G94008" s="16">
        <v>0</v>
      </c>
    </row>
    <row r="94009" spans="1:7" x14ac:dyDescent="0.3">
      <c r="A94009" s="13" t="s">
        <v>467</v>
      </c>
      <c r="B94009" s="14" t="s">
        <v>1</v>
      </c>
      <c r="C94009" s="14" t="s">
        <v>35</v>
      </c>
      <c r="D94009" s="14" t="s">
        <v>468</v>
      </c>
      <c r="E94009" s="15">
        <v>45580</v>
      </c>
      <c r="F94009" s="14" t="s">
        <v>25</v>
      </c>
      <c r="G94009" s="16">
        <v>0</v>
      </c>
    </row>
    <row r="94010" spans="1:7" x14ac:dyDescent="0.3">
      <c r="A94010" s="13" t="s">
        <v>467</v>
      </c>
      <c r="B94010" s="14" t="s">
        <v>1</v>
      </c>
      <c r="C94010" s="14" t="s">
        <v>35</v>
      </c>
      <c r="D94010" s="14" t="s">
        <v>468</v>
      </c>
      <c r="E94010" s="15">
        <v>45581</v>
      </c>
      <c r="F94010" s="14" t="s">
        <v>25</v>
      </c>
      <c r="G94010" s="16">
        <v>0</v>
      </c>
    </row>
    <row r="94011" spans="1:7" x14ac:dyDescent="0.3">
      <c r="A94011" s="13" t="s">
        <v>467</v>
      </c>
      <c r="B94011" s="14" t="s">
        <v>1</v>
      </c>
      <c r="C94011" s="14" t="s">
        <v>35</v>
      </c>
      <c r="D94011" s="14" t="s">
        <v>468</v>
      </c>
      <c r="E94011" s="15">
        <v>45582</v>
      </c>
      <c r="F94011" s="14" t="s">
        <v>25</v>
      </c>
      <c r="G94011" s="16">
        <v>0</v>
      </c>
    </row>
    <row r="94012" spans="1:7" x14ac:dyDescent="0.3">
      <c r="A94012" s="13" t="s">
        <v>467</v>
      </c>
      <c r="B94012" s="14" t="s">
        <v>1</v>
      </c>
      <c r="C94012" s="14" t="s">
        <v>35</v>
      </c>
      <c r="D94012" s="14" t="s">
        <v>468</v>
      </c>
      <c r="E94012" s="15">
        <v>45583</v>
      </c>
      <c r="F94012" s="14" t="s">
        <v>25</v>
      </c>
      <c r="G94012" s="16">
        <v>0</v>
      </c>
    </row>
    <row r="94013" spans="1:7" x14ac:dyDescent="0.3">
      <c r="A94013" s="13" t="s">
        <v>467</v>
      </c>
      <c r="B94013" s="14" t="s">
        <v>1</v>
      </c>
      <c r="C94013" s="14" t="s">
        <v>35</v>
      </c>
      <c r="D94013" s="14" t="s">
        <v>468</v>
      </c>
      <c r="E94013" s="15">
        <v>45584</v>
      </c>
      <c r="F94013" s="14" t="s">
        <v>25</v>
      </c>
      <c r="G94013" s="16">
        <v>0</v>
      </c>
    </row>
    <row r="94014" spans="1:7" x14ac:dyDescent="0.3">
      <c r="A94014" s="13" t="s">
        <v>467</v>
      </c>
      <c r="B94014" s="14" t="s">
        <v>1</v>
      </c>
      <c r="C94014" s="14" t="s">
        <v>35</v>
      </c>
      <c r="D94014" s="14" t="s">
        <v>468</v>
      </c>
      <c r="E94014" s="15">
        <v>45585</v>
      </c>
      <c r="F94014" s="14" t="s">
        <v>25</v>
      </c>
      <c r="G94014" s="16">
        <v>0</v>
      </c>
    </row>
    <row r="94015" spans="1:7" x14ac:dyDescent="0.3">
      <c r="A94015" s="13" t="s">
        <v>467</v>
      </c>
      <c r="B94015" s="14" t="s">
        <v>1</v>
      </c>
      <c r="C94015" s="14" t="s">
        <v>35</v>
      </c>
      <c r="D94015" s="14" t="s">
        <v>468</v>
      </c>
      <c r="E94015" s="15">
        <v>45586</v>
      </c>
      <c r="F94015" s="14" t="s">
        <v>25</v>
      </c>
      <c r="G94015" s="16">
        <v>0</v>
      </c>
    </row>
    <row r="94016" spans="1:7" x14ac:dyDescent="0.3">
      <c r="A94016" s="13" t="s">
        <v>467</v>
      </c>
      <c r="B94016" s="14" t="s">
        <v>1</v>
      </c>
      <c r="C94016" s="14" t="s">
        <v>35</v>
      </c>
      <c r="D94016" s="14" t="s">
        <v>468</v>
      </c>
      <c r="E94016" s="15">
        <v>45587</v>
      </c>
      <c r="F94016" s="14" t="s">
        <v>25</v>
      </c>
      <c r="G94016" s="16">
        <v>0</v>
      </c>
    </row>
    <row r="94017" spans="1:7" x14ac:dyDescent="0.3">
      <c r="A94017" s="13" t="s">
        <v>467</v>
      </c>
      <c r="B94017" s="14" t="s">
        <v>1</v>
      </c>
      <c r="C94017" s="14" t="s">
        <v>35</v>
      </c>
      <c r="D94017" s="14" t="s">
        <v>468</v>
      </c>
      <c r="E94017" s="15">
        <v>45588</v>
      </c>
      <c r="F94017" s="14" t="s">
        <v>25</v>
      </c>
      <c r="G94017" s="16">
        <v>0</v>
      </c>
    </row>
    <row r="94018" spans="1:7" x14ac:dyDescent="0.3">
      <c r="A94018" s="13" t="s">
        <v>467</v>
      </c>
      <c r="B94018" s="14" t="s">
        <v>1</v>
      </c>
      <c r="C94018" s="14" t="s">
        <v>35</v>
      </c>
      <c r="D94018" s="14" t="s">
        <v>468</v>
      </c>
      <c r="E94018" s="15">
        <v>45589</v>
      </c>
      <c r="F94018" s="14" t="s">
        <v>25</v>
      </c>
      <c r="G94018" s="16">
        <v>0</v>
      </c>
    </row>
    <row r="94019" spans="1:7" x14ac:dyDescent="0.3">
      <c r="A94019" s="13" t="s">
        <v>467</v>
      </c>
      <c r="B94019" s="14" t="s">
        <v>1</v>
      </c>
      <c r="C94019" s="14" t="s">
        <v>35</v>
      </c>
      <c r="D94019" s="14" t="s">
        <v>468</v>
      </c>
      <c r="E94019" s="15">
        <v>45590</v>
      </c>
      <c r="F94019" s="14" t="s">
        <v>25</v>
      </c>
      <c r="G94019" s="16">
        <v>0</v>
      </c>
    </row>
    <row r="94020" spans="1:7" x14ac:dyDescent="0.3">
      <c r="A94020" s="13" t="s">
        <v>467</v>
      </c>
      <c r="B94020" s="14" t="s">
        <v>1</v>
      </c>
      <c r="C94020" s="14" t="s">
        <v>35</v>
      </c>
      <c r="D94020" s="14" t="s">
        <v>468</v>
      </c>
      <c r="E94020" s="15">
        <v>45591</v>
      </c>
      <c r="F94020" s="14" t="s">
        <v>25</v>
      </c>
      <c r="G94020" s="16">
        <v>0</v>
      </c>
    </row>
    <row r="94021" spans="1:7" x14ac:dyDescent="0.3">
      <c r="A94021" s="13" t="s">
        <v>467</v>
      </c>
      <c r="B94021" s="14" t="s">
        <v>1</v>
      </c>
      <c r="C94021" s="14" t="s">
        <v>35</v>
      </c>
      <c r="D94021" s="14" t="s">
        <v>468</v>
      </c>
      <c r="E94021" s="15">
        <v>45592</v>
      </c>
      <c r="F94021" s="14" t="s">
        <v>25</v>
      </c>
      <c r="G94021" s="16">
        <v>0</v>
      </c>
    </row>
    <row r="94022" spans="1:7" x14ac:dyDescent="0.3">
      <c r="A94022" s="13" t="s">
        <v>467</v>
      </c>
      <c r="B94022" s="14" t="s">
        <v>1</v>
      </c>
      <c r="C94022" s="14" t="s">
        <v>35</v>
      </c>
      <c r="D94022" s="14" t="s">
        <v>468</v>
      </c>
      <c r="E94022" s="15">
        <v>45593</v>
      </c>
      <c r="F94022" s="14" t="s">
        <v>25</v>
      </c>
      <c r="G94022" s="16">
        <v>0</v>
      </c>
    </row>
    <row r="94023" spans="1:7" x14ac:dyDescent="0.3">
      <c r="A94023" s="13" t="s">
        <v>467</v>
      </c>
      <c r="B94023" s="14" t="s">
        <v>1</v>
      </c>
      <c r="C94023" s="14" t="s">
        <v>35</v>
      </c>
      <c r="D94023" s="14" t="s">
        <v>468</v>
      </c>
      <c r="E94023" s="15">
        <v>45594</v>
      </c>
      <c r="F94023" s="14" t="s">
        <v>25</v>
      </c>
      <c r="G94023" s="16">
        <v>0</v>
      </c>
    </row>
    <row r="94024" spans="1:7" x14ac:dyDescent="0.3">
      <c r="A94024" s="13" t="s">
        <v>467</v>
      </c>
      <c r="B94024" s="14" t="s">
        <v>1</v>
      </c>
      <c r="C94024" s="14" t="s">
        <v>35</v>
      </c>
      <c r="D94024" s="14" t="s">
        <v>468</v>
      </c>
      <c r="E94024" s="15">
        <v>45595</v>
      </c>
      <c r="F94024" s="14" t="s">
        <v>25</v>
      </c>
      <c r="G94024" s="16">
        <v>0</v>
      </c>
    </row>
    <row r="94025" spans="1:7" x14ac:dyDescent="0.3">
      <c r="A94025" s="13" t="s">
        <v>467</v>
      </c>
      <c r="B94025" s="14" t="s">
        <v>1</v>
      </c>
      <c r="C94025" s="14" t="s">
        <v>35</v>
      </c>
      <c r="D94025" s="14" t="s">
        <v>468</v>
      </c>
      <c r="E94025" s="15">
        <v>45596</v>
      </c>
      <c r="F94025" s="14" t="s">
        <v>25</v>
      </c>
      <c r="G94025" s="16">
        <v>0</v>
      </c>
    </row>
    <row r="94026" spans="1:7" x14ac:dyDescent="0.3">
      <c r="A94026" s="13" t="s">
        <v>467</v>
      </c>
      <c r="B94026" s="14" t="s">
        <v>1</v>
      </c>
      <c r="C94026" s="14" t="s">
        <v>35</v>
      </c>
      <c r="D94026" s="14" t="s">
        <v>468</v>
      </c>
      <c r="E94026" s="15">
        <v>45597</v>
      </c>
      <c r="F94026" s="14" t="s">
        <v>25</v>
      </c>
      <c r="G94026" s="16">
        <v>0</v>
      </c>
    </row>
    <row r="94027" spans="1:7" x14ac:dyDescent="0.3">
      <c r="A94027" s="13" t="s">
        <v>467</v>
      </c>
      <c r="B94027" s="14" t="s">
        <v>1</v>
      </c>
      <c r="C94027" s="14" t="s">
        <v>35</v>
      </c>
      <c r="D94027" s="14" t="s">
        <v>468</v>
      </c>
      <c r="E94027" s="15">
        <v>45598</v>
      </c>
      <c r="F94027" s="14" t="s">
        <v>25</v>
      </c>
      <c r="G94027" s="16">
        <v>0</v>
      </c>
    </row>
    <row r="94028" spans="1:7" x14ac:dyDescent="0.3">
      <c r="A94028" s="13" t="s">
        <v>467</v>
      </c>
      <c r="B94028" s="14" t="s">
        <v>1</v>
      </c>
      <c r="C94028" s="14" t="s">
        <v>35</v>
      </c>
      <c r="D94028" s="14" t="s">
        <v>468</v>
      </c>
      <c r="E94028" s="15">
        <v>45599</v>
      </c>
      <c r="F94028" s="14" t="s">
        <v>25</v>
      </c>
      <c r="G94028" s="16">
        <v>0</v>
      </c>
    </row>
    <row r="94029" spans="1:7" x14ac:dyDescent="0.3">
      <c r="A94029" s="13" t="s">
        <v>467</v>
      </c>
      <c r="B94029" s="14" t="s">
        <v>1</v>
      </c>
      <c r="C94029" s="14" t="s">
        <v>35</v>
      </c>
      <c r="D94029" s="14" t="s">
        <v>468</v>
      </c>
      <c r="E94029" s="15">
        <v>45600</v>
      </c>
      <c r="F94029" s="14" t="s">
        <v>25</v>
      </c>
      <c r="G94029" s="16">
        <v>0</v>
      </c>
    </row>
    <row r="94030" spans="1:7" x14ac:dyDescent="0.3">
      <c r="A94030" s="13" t="s">
        <v>467</v>
      </c>
      <c r="B94030" s="14" t="s">
        <v>1</v>
      </c>
      <c r="C94030" s="14" t="s">
        <v>35</v>
      </c>
      <c r="D94030" s="14" t="s">
        <v>468</v>
      </c>
      <c r="E94030" s="15">
        <v>45601</v>
      </c>
      <c r="F94030" s="14" t="s">
        <v>25</v>
      </c>
      <c r="G94030" s="16">
        <v>0</v>
      </c>
    </row>
    <row r="94031" spans="1:7" x14ac:dyDescent="0.3">
      <c r="A94031" s="13" t="s">
        <v>467</v>
      </c>
      <c r="B94031" s="14" t="s">
        <v>1</v>
      </c>
      <c r="C94031" s="14" t="s">
        <v>35</v>
      </c>
      <c r="D94031" s="14" t="s">
        <v>468</v>
      </c>
      <c r="E94031" s="15">
        <v>45602</v>
      </c>
      <c r="F94031" s="14" t="s">
        <v>25</v>
      </c>
      <c r="G94031" s="16">
        <v>0</v>
      </c>
    </row>
    <row r="94032" spans="1:7" x14ac:dyDescent="0.3">
      <c r="A94032" s="13" t="s">
        <v>467</v>
      </c>
      <c r="B94032" s="14" t="s">
        <v>1</v>
      </c>
      <c r="C94032" s="14" t="s">
        <v>35</v>
      </c>
      <c r="D94032" s="14" t="s">
        <v>468</v>
      </c>
      <c r="E94032" s="15">
        <v>45603</v>
      </c>
      <c r="F94032" s="14" t="s">
        <v>25</v>
      </c>
      <c r="G94032" s="16">
        <v>0</v>
      </c>
    </row>
    <row r="94033" spans="1:7" x14ac:dyDescent="0.3">
      <c r="A94033" s="13" t="s">
        <v>467</v>
      </c>
      <c r="B94033" s="14" t="s">
        <v>1</v>
      </c>
      <c r="C94033" s="14" t="s">
        <v>35</v>
      </c>
      <c r="D94033" s="14" t="s">
        <v>468</v>
      </c>
      <c r="E94033" s="15">
        <v>45604</v>
      </c>
      <c r="F94033" s="14" t="s">
        <v>25</v>
      </c>
      <c r="G94033" s="16">
        <v>0</v>
      </c>
    </row>
    <row r="94034" spans="1:7" x14ac:dyDescent="0.3">
      <c r="A94034" s="13" t="s">
        <v>467</v>
      </c>
      <c r="B94034" s="14" t="s">
        <v>1</v>
      </c>
      <c r="C94034" s="14" t="s">
        <v>35</v>
      </c>
      <c r="D94034" s="14" t="s">
        <v>468</v>
      </c>
      <c r="E94034" s="15">
        <v>45605</v>
      </c>
      <c r="F94034" s="14" t="s">
        <v>25</v>
      </c>
      <c r="G94034" s="16">
        <v>0</v>
      </c>
    </row>
    <row r="94035" spans="1:7" x14ac:dyDescent="0.3">
      <c r="A94035" s="13" t="s">
        <v>467</v>
      </c>
      <c r="B94035" s="14" t="s">
        <v>1</v>
      </c>
      <c r="C94035" s="14" t="s">
        <v>35</v>
      </c>
      <c r="D94035" s="14" t="s">
        <v>468</v>
      </c>
      <c r="E94035" s="15">
        <v>45606</v>
      </c>
      <c r="F94035" s="14" t="s">
        <v>25</v>
      </c>
      <c r="G94035" s="16">
        <v>0</v>
      </c>
    </row>
    <row r="94036" spans="1:7" x14ac:dyDescent="0.3">
      <c r="A94036" s="13" t="s">
        <v>467</v>
      </c>
      <c r="B94036" s="14" t="s">
        <v>1</v>
      </c>
      <c r="C94036" s="14" t="s">
        <v>35</v>
      </c>
      <c r="D94036" s="14" t="s">
        <v>468</v>
      </c>
      <c r="E94036" s="15">
        <v>45607</v>
      </c>
      <c r="F94036" s="14" t="s">
        <v>25</v>
      </c>
      <c r="G94036" s="16">
        <v>0</v>
      </c>
    </row>
    <row r="94037" spans="1:7" x14ac:dyDescent="0.3">
      <c r="A94037" s="13" t="s">
        <v>467</v>
      </c>
      <c r="B94037" s="14" t="s">
        <v>1</v>
      </c>
      <c r="C94037" s="14" t="s">
        <v>35</v>
      </c>
      <c r="D94037" s="14" t="s">
        <v>468</v>
      </c>
      <c r="E94037" s="15">
        <v>45608</v>
      </c>
      <c r="F94037" s="14" t="s">
        <v>25</v>
      </c>
      <c r="G94037" s="16">
        <v>0</v>
      </c>
    </row>
    <row r="94038" spans="1:7" x14ac:dyDescent="0.3">
      <c r="A94038" s="13" t="s">
        <v>467</v>
      </c>
      <c r="B94038" s="14" t="s">
        <v>1</v>
      </c>
      <c r="C94038" s="14" t="s">
        <v>35</v>
      </c>
      <c r="D94038" s="14" t="s">
        <v>468</v>
      </c>
      <c r="E94038" s="15">
        <v>45609</v>
      </c>
      <c r="F94038" s="14" t="s">
        <v>25</v>
      </c>
      <c r="G94038" s="16">
        <v>0</v>
      </c>
    </row>
    <row r="94039" spans="1:7" x14ac:dyDescent="0.3">
      <c r="A94039" s="13" t="s">
        <v>467</v>
      </c>
      <c r="B94039" s="14" t="s">
        <v>1</v>
      </c>
      <c r="C94039" s="14" t="s">
        <v>35</v>
      </c>
      <c r="D94039" s="14" t="s">
        <v>468</v>
      </c>
      <c r="E94039" s="15">
        <v>45610</v>
      </c>
      <c r="F94039" s="14" t="s">
        <v>25</v>
      </c>
      <c r="G94039" s="16">
        <v>0</v>
      </c>
    </row>
    <row r="94040" spans="1:7" x14ac:dyDescent="0.3">
      <c r="A94040" s="13" t="s">
        <v>467</v>
      </c>
      <c r="B94040" s="14" t="s">
        <v>1</v>
      </c>
      <c r="C94040" s="14" t="s">
        <v>35</v>
      </c>
      <c r="D94040" s="14" t="s">
        <v>468</v>
      </c>
      <c r="E94040" s="15">
        <v>45611</v>
      </c>
      <c r="F94040" s="14" t="s">
        <v>25</v>
      </c>
      <c r="G94040" s="16">
        <v>0</v>
      </c>
    </row>
    <row r="94041" spans="1:7" x14ac:dyDescent="0.3">
      <c r="A94041" s="13" t="s">
        <v>467</v>
      </c>
      <c r="B94041" s="14" t="s">
        <v>1</v>
      </c>
      <c r="C94041" s="14" t="s">
        <v>35</v>
      </c>
      <c r="D94041" s="14" t="s">
        <v>468</v>
      </c>
      <c r="E94041" s="15">
        <v>45612</v>
      </c>
      <c r="F94041" s="14" t="s">
        <v>25</v>
      </c>
      <c r="G94041" s="16">
        <v>0</v>
      </c>
    </row>
    <row r="94042" spans="1:7" x14ac:dyDescent="0.3">
      <c r="A94042" s="13" t="s">
        <v>467</v>
      </c>
      <c r="B94042" s="14" t="s">
        <v>1</v>
      </c>
      <c r="C94042" s="14" t="s">
        <v>35</v>
      </c>
      <c r="D94042" s="14" t="s">
        <v>468</v>
      </c>
      <c r="E94042" s="15">
        <v>45613</v>
      </c>
      <c r="F94042" s="14" t="s">
        <v>25</v>
      </c>
      <c r="G94042" s="16">
        <v>0</v>
      </c>
    </row>
    <row r="94043" spans="1:7" x14ac:dyDescent="0.3">
      <c r="A94043" s="13" t="s">
        <v>467</v>
      </c>
      <c r="B94043" s="14" t="s">
        <v>1</v>
      </c>
      <c r="C94043" s="14" t="s">
        <v>35</v>
      </c>
      <c r="D94043" s="14" t="s">
        <v>468</v>
      </c>
      <c r="E94043" s="15">
        <v>45614</v>
      </c>
      <c r="F94043" s="14" t="s">
        <v>25</v>
      </c>
      <c r="G94043" s="16">
        <v>0</v>
      </c>
    </row>
    <row r="94044" spans="1:7" x14ac:dyDescent="0.3">
      <c r="A94044" s="13" t="s">
        <v>467</v>
      </c>
      <c r="B94044" s="14" t="s">
        <v>1</v>
      </c>
      <c r="C94044" s="14" t="s">
        <v>35</v>
      </c>
      <c r="D94044" s="14" t="s">
        <v>468</v>
      </c>
      <c r="E94044" s="15">
        <v>45615</v>
      </c>
      <c r="F94044" s="14" t="s">
        <v>25</v>
      </c>
      <c r="G94044" s="16">
        <v>0</v>
      </c>
    </row>
    <row r="94045" spans="1:7" x14ac:dyDescent="0.3">
      <c r="A94045" s="13" t="s">
        <v>467</v>
      </c>
      <c r="B94045" s="14" t="s">
        <v>1</v>
      </c>
      <c r="C94045" s="14" t="s">
        <v>35</v>
      </c>
      <c r="D94045" s="14" t="s">
        <v>468</v>
      </c>
      <c r="E94045" s="15">
        <v>45616</v>
      </c>
      <c r="F94045" s="14" t="s">
        <v>25</v>
      </c>
      <c r="G94045" s="16">
        <v>0</v>
      </c>
    </row>
    <row r="94046" spans="1:7" x14ac:dyDescent="0.3">
      <c r="A94046" s="13" t="s">
        <v>467</v>
      </c>
      <c r="B94046" s="14" t="s">
        <v>1</v>
      </c>
      <c r="C94046" s="14" t="s">
        <v>35</v>
      </c>
      <c r="D94046" s="14" t="s">
        <v>468</v>
      </c>
      <c r="E94046" s="15">
        <v>45617</v>
      </c>
      <c r="F94046" s="14" t="s">
        <v>25</v>
      </c>
      <c r="G94046" s="16">
        <v>0</v>
      </c>
    </row>
    <row r="94047" spans="1:7" x14ac:dyDescent="0.3">
      <c r="A94047" s="13" t="s">
        <v>467</v>
      </c>
      <c r="B94047" s="14" t="s">
        <v>1</v>
      </c>
      <c r="C94047" s="14" t="s">
        <v>35</v>
      </c>
      <c r="D94047" s="14" t="s">
        <v>468</v>
      </c>
      <c r="E94047" s="15">
        <v>45618</v>
      </c>
      <c r="F94047" s="14" t="s">
        <v>25</v>
      </c>
      <c r="G94047" s="16">
        <v>0</v>
      </c>
    </row>
    <row r="94048" spans="1:7" x14ac:dyDescent="0.3">
      <c r="A94048" s="13" t="s">
        <v>467</v>
      </c>
      <c r="B94048" s="14" t="s">
        <v>1</v>
      </c>
      <c r="C94048" s="14" t="s">
        <v>35</v>
      </c>
      <c r="D94048" s="14" t="s">
        <v>468</v>
      </c>
      <c r="E94048" s="15">
        <v>45619</v>
      </c>
      <c r="F94048" s="14" t="s">
        <v>25</v>
      </c>
      <c r="G94048" s="16">
        <v>0</v>
      </c>
    </row>
    <row r="94049" spans="1:7" x14ac:dyDescent="0.3">
      <c r="A94049" s="13" t="s">
        <v>467</v>
      </c>
      <c r="B94049" s="14" t="s">
        <v>1</v>
      </c>
      <c r="C94049" s="14" t="s">
        <v>35</v>
      </c>
      <c r="D94049" s="14" t="s">
        <v>468</v>
      </c>
      <c r="E94049" s="15">
        <v>45620</v>
      </c>
      <c r="F94049" s="14" t="s">
        <v>25</v>
      </c>
      <c r="G94049" s="16">
        <v>0</v>
      </c>
    </row>
    <row r="94050" spans="1:7" x14ac:dyDescent="0.3">
      <c r="A94050" s="13" t="s">
        <v>467</v>
      </c>
      <c r="B94050" s="14" t="s">
        <v>1</v>
      </c>
      <c r="C94050" s="14" t="s">
        <v>35</v>
      </c>
      <c r="D94050" s="14" t="s">
        <v>468</v>
      </c>
      <c r="E94050" s="15">
        <v>45621</v>
      </c>
      <c r="F94050" s="14" t="s">
        <v>25</v>
      </c>
      <c r="G94050" s="16">
        <v>0</v>
      </c>
    </row>
    <row r="94051" spans="1:7" x14ac:dyDescent="0.3">
      <c r="A94051" s="13" t="s">
        <v>467</v>
      </c>
      <c r="B94051" s="14" t="s">
        <v>1</v>
      </c>
      <c r="C94051" s="14" t="s">
        <v>35</v>
      </c>
      <c r="D94051" s="14" t="s">
        <v>468</v>
      </c>
      <c r="E94051" s="15">
        <v>45622</v>
      </c>
      <c r="F94051" s="14" t="s">
        <v>25</v>
      </c>
      <c r="G94051" s="16">
        <v>0</v>
      </c>
    </row>
    <row r="94052" spans="1:7" x14ac:dyDescent="0.3">
      <c r="A94052" s="13" t="s">
        <v>467</v>
      </c>
      <c r="B94052" s="14" t="s">
        <v>1</v>
      </c>
      <c r="C94052" s="14" t="s">
        <v>35</v>
      </c>
      <c r="D94052" s="14" t="s">
        <v>468</v>
      </c>
      <c r="E94052" s="15">
        <v>45623</v>
      </c>
      <c r="F94052" s="14" t="s">
        <v>25</v>
      </c>
      <c r="G94052" s="16">
        <v>0</v>
      </c>
    </row>
    <row r="94053" spans="1:7" x14ac:dyDescent="0.3">
      <c r="A94053" s="13" t="s">
        <v>467</v>
      </c>
      <c r="B94053" s="14" t="s">
        <v>1</v>
      </c>
      <c r="C94053" s="14" t="s">
        <v>35</v>
      </c>
      <c r="D94053" s="14" t="s">
        <v>468</v>
      </c>
      <c r="E94053" s="15">
        <v>45624</v>
      </c>
      <c r="F94053" s="14" t="s">
        <v>25</v>
      </c>
      <c r="G94053" s="16">
        <v>0</v>
      </c>
    </row>
    <row r="94054" spans="1:7" x14ac:dyDescent="0.3">
      <c r="A94054" s="13" t="s">
        <v>467</v>
      </c>
      <c r="B94054" s="14" t="s">
        <v>1</v>
      </c>
      <c r="C94054" s="14" t="s">
        <v>35</v>
      </c>
      <c r="D94054" s="14" t="s">
        <v>468</v>
      </c>
      <c r="E94054" s="15">
        <v>45625</v>
      </c>
      <c r="F94054" s="14" t="s">
        <v>25</v>
      </c>
      <c r="G94054" s="16">
        <v>0</v>
      </c>
    </row>
    <row r="94055" spans="1:7" x14ac:dyDescent="0.3">
      <c r="A94055" s="13" t="s">
        <v>467</v>
      </c>
      <c r="B94055" s="14" t="s">
        <v>1</v>
      </c>
      <c r="C94055" s="14" t="s">
        <v>35</v>
      </c>
      <c r="D94055" s="14" t="s">
        <v>468</v>
      </c>
      <c r="E94055" s="15">
        <v>45626</v>
      </c>
      <c r="F94055" s="14" t="s">
        <v>25</v>
      </c>
      <c r="G94055" s="16">
        <v>0</v>
      </c>
    </row>
    <row r="94056" spans="1:7" x14ac:dyDescent="0.3">
      <c r="A94056" s="13" t="s">
        <v>467</v>
      </c>
      <c r="B94056" s="14" t="s">
        <v>1</v>
      </c>
      <c r="C94056" s="14" t="s">
        <v>35</v>
      </c>
      <c r="D94056" s="14" t="s">
        <v>468</v>
      </c>
      <c r="E94056" s="15">
        <v>45627</v>
      </c>
      <c r="F94056" s="14" t="s">
        <v>25</v>
      </c>
      <c r="G94056" s="16">
        <v>0</v>
      </c>
    </row>
    <row r="94057" spans="1:7" x14ac:dyDescent="0.3">
      <c r="A94057" s="13" t="s">
        <v>467</v>
      </c>
      <c r="B94057" s="14" t="s">
        <v>1</v>
      </c>
      <c r="C94057" s="14" t="s">
        <v>35</v>
      </c>
      <c r="D94057" s="14" t="s">
        <v>468</v>
      </c>
      <c r="E94057" s="15">
        <v>45628</v>
      </c>
      <c r="F94057" s="14" t="s">
        <v>25</v>
      </c>
      <c r="G94057" s="16">
        <v>0</v>
      </c>
    </row>
    <row r="94058" spans="1:7" x14ac:dyDescent="0.3">
      <c r="A94058" s="13" t="s">
        <v>467</v>
      </c>
      <c r="B94058" s="14" t="s">
        <v>1</v>
      </c>
      <c r="C94058" s="14" t="s">
        <v>35</v>
      </c>
      <c r="D94058" s="14" t="s">
        <v>468</v>
      </c>
      <c r="E94058" s="15">
        <v>45629</v>
      </c>
      <c r="F94058" s="14" t="s">
        <v>25</v>
      </c>
      <c r="G94058" s="16">
        <v>0</v>
      </c>
    </row>
    <row r="94059" spans="1:7" x14ac:dyDescent="0.3">
      <c r="A94059" s="13" t="s">
        <v>467</v>
      </c>
      <c r="B94059" s="14" t="s">
        <v>1</v>
      </c>
      <c r="C94059" s="14" t="s">
        <v>35</v>
      </c>
      <c r="D94059" s="14" t="s">
        <v>468</v>
      </c>
      <c r="E94059" s="15">
        <v>45630</v>
      </c>
      <c r="F94059" s="14" t="s">
        <v>25</v>
      </c>
      <c r="G94059" s="16">
        <v>0</v>
      </c>
    </row>
    <row r="94060" spans="1:7" x14ac:dyDescent="0.3">
      <c r="A94060" s="13" t="s">
        <v>467</v>
      </c>
      <c r="B94060" s="14" t="s">
        <v>1</v>
      </c>
      <c r="C94060" s="14" t="s">
        <v>35</v>
      </c>
      <c r="D94060" s="14" t="s">
        <v>468</v>
      </c>
      <c r="E94060" s="15">
        <v>45631</v>
      </c>
      <c r="F94060" s="14" t="s">
        <v>25</v>
      </c>
      <c r="G94060" s="16">
        <v>0</v>
      </c>
    </row>
    <row r="94061" spans="1:7" x14ac:dyDescent="0.3">
      <c r="A94061" s="13" t="s">
        <v>467</v>
      </c>
      <c r="B94061" s="14" t="s">
        <v>1</v>
      </c>
      <c r="C94061" s="14" t="s">
        <v>35</v>
      </c>
      <c r="D94061" s="14" t="s">
        <v>468</v>
      </c>
      <c r="E94061" s="15">
        <v>45632</v>
      </c>
      <c r="F94061" s="14" t="s">
        <v>25</v>
      </c>
      <c r="G94061" s="16">
        <v>0</v>
      </c>
    </row>
    <row r="94062" spans="1:7" x14ac:dyDescent="0.3">
      <c r="A94062" s="13" t="s">
        <v>467</v>
      </c>
      <c r="B94062" s="14" t="s">
        <v>1</v>
      </c>
      <c r="C94062" s="14" t="s">
        <v>35</v>
      </c>
      <c r="D94062" s="14" t="s">
        <v>468</v>
      </c>
      <c r="E94062" s="15">
        <v>45633</v>
      </c>
      <c r="F94062" s="14" t="s">
        <v>25</v>
      </c>
      <c r="G94062" s="16">
        <v>0</v>
      </c>
    </row>
    <row r="94063" spans="1:7" x14ac:dyDescent="0.3">
      <c r="A94063" s="13" t="s">
        <v>467</v>
      </c>
      <c r="B94063" s="14" t="s">
        <v>1</v>
      </c>
      <c r="C94063" s="14" t="s">
        <v>35</v>
      </c>
      <c r="D94063" s="14" t="s">
        <v>468</v>
      </c>
      <c r="E94063" s="15">
        <v>45634</v>
      </c>
      <c r="F94063" s="14" t="s">
        <v>25</v>
      </c>
      <c r="G94063" s="16">
        <v>0</v>
      </c>
    </row>
    <row r="94064" spans="1:7" x14ac:dyDescent="0.3">
      <c r="A94064" s="13" t="s">
        <v>467</v>
      </c>
      <c r="B94064" s="14" t="s">
        <v>1</v>
      </c>
      <c r="C94064" s="14" t="s">
        <v>35</v>
      </c>
      <c r="D94064" s="14" t="s">
        <v>468</v>
      </c>
      <c r="E94064" s="15">
        <v>45635</v>
      </c>
      <c r="F94064" s="14" t="s">
        <v>25</v>
      </c>
      <c r="G94064" s="16">
        <v>0</v>
      </c>
    </row>
    <row r="94065" spans="1:7" x14ac:dyDescent="0.3">
      <c r="A94065" s="13" t="s">
        <v>467</v>
      </c>
      <c r="B94065" s="14" t="s">
        <v>1</v>
      </c>
      <c r="C94065" s="14" t="s">
        <v>35</v>
      </c>
      <c r="D94065" s="14" t="s">
        <v>468</v>
      </c>
      <c r="E94065" s="15">
        <v>45636</v>
      </c>
      <c r="F94065" s="14" t="s">
        <v>25</v>
      </c>
      <c r="G94065" s="16">
        <v>0</v>
      </c>
    </row>
    <row r="94066" spans="1:7" x14ac:dyDescent="0.3">
      <c r="A94066" s="13" t="s">
        <v>467</v>
      </c>
      <c r="B94066" s="14" t="s">
        <v>1</v>
      </c>
      <c r="C94066" s="14" t="s">
        <v>35</v>
      </c>
      <c r="D94066" s="14" t="s">
        <v>468</v>
      </c>
      <c r="E94066" s="15">
        <v>45637</v>
      </c>
      <c r="F94066" s="14" t="s">
        <v>25</v>
      </c>
      <c r="G94066" s="16">
        <v>0</v>
      </c>
    </row>
    <row r="94067" spans="1:7" x14ac:dyDescent="0.3">
      <c r="A94067" s="13" t="s">
        <v>467</v>
      </c>
      <c r="B94067" s="14" t="s">
        <v>1</v>
      </c>
      <c r="C94067" s="14" t="s">
        <v>35</v>
      </c>
      <c r="D94067" s="14" t="s">
        <v>468</v>
      </c>
      <c r="E94067" s="15">
        <v>45638</v>
      </c>
      <c r="F94067" s="14" t="s">
        <v>25</v>
      </c>
      <c r="G94067" s="16">
        <v>0</v>
      </c>
    </row>
    <row r="94068" spans="1:7" x14ac:dyDescent="0.3">
      <c r="A94068" s="13" t="s">
        <v>467</v>
      </c>
      <c r="B94068" s="14" t="s">
        <v>1</v>
      </c>
      <c r="C94068" s="14" t="s">
        <v>35</v>
      </c>
      <c r="D94068" s="14" t="s">
        <v>468</v>
      </c>
      <c r="E94068" s="15">
        <v>45639</v>
      </c>
      <c r="F94068" s="14" t="s">
        <v>25</v>
      </c>
      <c r="G94068" s="16">
        <v>0</v>
      </c>
    </row>
    <row r="94069" spans="1:7" x14ac:dyDescent="0.3">
      <c r="A94069" s="13" t="s">
        <v>467</v>
      </c>
      <c r="B94069" s="14" t="s">
        <v>1</v>
      </c>
      <c r="C94069" s="14" t="s">
        <v>35</v>
      </c>
      <c r="D94069" s="14" t="s">
        <v>468</v>
      </c>
      <c r="E94069" s="15">
        <v>45640</v>
      </c>
      <c r="F94069" s="14" t="s">
        <v>25</v>
      </c>
      <c r="G94069" s="16">
        <v>0</v>
      </c>
    </row>
    <row r="94070" spans="1:7" x14ac:dyDescent="0.3">
      <c r="A94070" s="13" t="s">
        <v>467</v>
      </c>
      <c r="B94070" s="14" t="s">
        <v>1</v>
      </c>
      <c r="C94070" s="14" t="s">
        <v>35</v>
      </c>
      <c r="D94070" s="14" t="s">
        <v>468</v>
      </c>
      <c r="E94070" s="15">
        <v>45641</v>
      </c>
      <c r="F94070" s="14" t="s">
        <v>25</v>
      </c>
      <c r="G94070" s="16">
        <v>0</v>
      </c>
    </row>
    <row r="94071" spans="1:7" x14ac:dyDescent="0.3">
      <c r="A94071" s="13" t="s">
        <v>467</v>
      </c>
      <c r="B94071" s="14" t="s">
        <v>1</v>
      </c>
      <c r="C94071" s="14" t="s">
        <v>35</v>
      </c>
      <c r="D94071" s="14" t="s">
        <v>468</v>
      </c>
      <c r="E94071" s="15">
        <v>45642</v>
      </c>
      <c r="F94071" s="14" t="s">
        <v>25</v>
      </c>
      <c r="G94071" s="16">
        <v>0</v>
      </c>
    </row>
    <row r="94072" spans="1:7" x14ac:dyDescent="0.3">
      <c r="A94072" s="13" t="s">
        <v>467</v>
      </c>
      <c r="B94072" s="14" t="s">
        <v>1</v>
      </c>
      <c r="C94072" s="14" t="s">
        <v>35</v>
      </c>
      <c r="D94072" s="14" t="s">
        <v>468</v>
      </c>
      <c r="E94072" s="15">
        <v>45643</v>
      </c>
      <c r="F94072" s="14" t="s">
        <v>25</v>
      </c>
      <c r="G94072" s="16">
        <v>0</v>
      </c>
    </row>
    <row r="94073" spans="1:7" x14ac:dyDescent="0.3">
      <c r="A94073" s="13" t="s">
        <v>467</v>
      </c>
      <c r="B94073" s="14" t="s">
        <v>1</v>
      </c>
      <c r="C94073" s="14" t="s">
        <v>35</v>
      </c>
      <c r="D94073" s="14" t="s">
        <v>468</v>
      </c>
      <c r="E94073" s="15">
        <v>45644</v>
      </c>
      <c r="F94073" s="14" t="s">
        <v>25</v>
      </c>
      <c r="G94073" s="16">
        <v>0</v>
      </c>
    </row>
    <row r="94074" spans="1:7" x14ac:dyDescent="0.3">
      <c r="A94074" s="13" t="s">
        <v>467</v>
      </c>
      <c r="B94074" s="14" t="s">
        <v>1</v>
      </c>
      <c r="C94074" s="14" t="s">
        <v>35</v>
      </c>
      <c r="D94074" s="14" t="s">
        <v>468</v>
      </c>
      <c r="E94074" s="15">
        <v>45645</v>
      </c>
      <c r="F94074" s="14" t="s">
        <v>25</v>
      </c>
      <c r="G94074" s="16">
        <v>0</v>
      </c>
    </row>
    <row r="94075" spans="1:7" x14ac:dyDescent="0.3">
      <c r="A94075" s="13" t="s">
        <v>467</v>
      </c>
      <c r="B94075" s="14" t="s">
        <v>1</v>
      </c>
      <c r="C94075" s="14" t="s">
        <v>35</v>
      </c>
      <c r="D94075" s="14" t="s">
        <v>468</v>
      </c>
      <c r="E94075" s="15">
        <v>45646</v>
      </c>
      <c r="F94075" s="14" t="s">
        <v>25</v>
      </c>
      <c r="G94075" s="16">
        <v>0</v>
      </c>
    </row>
    <row r="94076" spans="1:7" x14ac:dyDescent="0.3">
      <c r="A94076" s="13" t="s">
        <v>467</v>
      </c>
      <c r="B94076" s="14" t="s">
        <v>1</v>
      </c>
      <c r="C94076" s="14" t="s">
        <v>35</v>
      </c>
      <c r="D94076" s="14" t="s">
        <v>468</v>
      </c>
      <c r="E94076" s="15">
        <v>45647</v>
      </c>
      <c r="F94076" s="14" t="s">
        <v>25</v>
      </c>
      <c r="G94076" s="16">
        <v>0</v>
      </c>
    </row>
    <row r="94077" spans="1:7" x14ac:dyDescent="0.3">
      <c r="A94077" s="13" t="s">
        <v>467</v>
      </c>
      <c r="B94077" s="14" t="s">
        <v>1</v>
      </c>
      <c r="C94077" s="14" t="s">
        <v>35</v>
      </c>
      <c r="D94077" s="14" t="s">
        <v>468</v>
      </c>
      <c r="E94077" s="15">
        <v>45648</v>
      </c>
      <c r="F94077" s="14" t="s">
        <v>25</v>
      </c>
      <c r="G94077" s="16">
        <v>0</v>
      </c>
    </row>
    <row r="94078" spans="1:7" x14ac:dyDescent="0.3">
      <c r="A94078" s="13" t="s">
        <v>467</v>
      </c>
      <c r="B94078" s="14" t="s">
        <v>1</v>
      </c>
      <c r="C94078" s="14" t="s">
        <v>35</v>
      </c>
      <c r="D94078" s="14" t="s">
        <v>468</v>
      </c>
      <c r="E94078" s="15">
        <v>45649</v>
      </c>
      <c r="F94078" s="14" t="s">
        <v>25</v>
      </c>
      <c r="G94078" s="16">
        <v>0</v>
      </c>
    </row>
    <row r="94079" spans="1:7" x14ac:dyDescent="0.3">
      <c r="A94079" s="13" t="s">
        <v>467</v>
      </c>
      <c r="B94079" s="14" t="s">
        <v>1</v>
      </c>
      <c r="C94079" s="14" t="s">
        <v>35</v>
      </c>
      <c r="D94079" s="14" t="s">
        <v>468</v>
      </c>
      <c r="E94079" s="15">
        <v>45650</v>
      </c>
      <c r="F94079" s="14" t="s">
        <v>25</v>
      </c>
      <c r="G94079" s="16">
        <v>0</v>
      </c>
    </row>
    <row r="94080" spans="1:7" x14ac:dyDescent="0.3">
      <c r="A94080" s="13" t="s">
        <v>467</v>
      </c>
      <c r="B94080" s="14" t="s">
        <v>1</v>
      </c>
      <c r="C94080" s="14" t="s">
        <v>35</v>
      </c>
      <c r="D94080" s="14" t="s">
        <v>468</v>
      </c>
      <c r="E94080" s="15">
        <v>45651</v>
      </c>
      <c r="F94080" s="14" t="s">
        <v>25</v>
      </c>
      <c r="G94080" s="16">
        <v>0</v>
      </c>
    </row>
    <row r="94081" spans="1:7" x14ac:dyDescent="0.3">
      <c r="A94081" s="13" t="s">
        <v>467</v>
      </c>
      <c r="B94081" s="14" t="s">
        <v>1</v>
      </c>
      <c r="C94081" s="14" t="s">
        <v>35</v>
      </c>
      <c r="D94081" s="14" t="s">
        <v>468</v>
      </c>
      <c r="E94081" s="15">
        <v>45652</v>
      </c>
      <c r="F94081" s="14" t="s">
        <v>25</v>
      </c>
      <c r="G94081" s="16">
        <v>0</v>
      </c>
    </row>
    <row r="94082" spans="1:7" x14ac:dyDescent="0.3">
      <c r="A94082" s="13" t="s">
        <v>467</v>
      </c>
      <c r="B94082" s="14" t="s">
        <v>1</v>
      </c>
      <c r="C94082" s="14" t="s">
        <v>35</v>
      </c>
      <c r="D94082" s="14" t="s">
        <v>468</v>
      </c>
      <c r="E94082" s="15">
        <v>45653</v>
      </c>
      <c r="F94082" s="14" t="s">
        <v>25</v>
      </c>
      <c r="G94082" s="16">
        <v>0</v>
      </c>
    </row>
    <row r="94083" spans="1:7" x14ac:dyDescent="0.3">
      <c r="A94083" s="13" t="s">
        <v>467</v>
      </c>
      <c r="B94083" s="14" t="s">
        <v>1</v>
      </c>
      <c r="C94083" s="14" t="s">
        <v>35</v>
      </c>
      <c r="D94083" s="14" t="s">
        <v>468</v>
      </c>
      <c r="E94083" s="15">
        <v>45654</v>
      </c>
      <c r="F94083" s="14" t="s">
        <v>25</v>
      </c>
      <c r="G94083" s="16">
        <v>0</v>
      </c>
    </row>
    <row r="94084" spans="1:7" x14ac:dyDescent="0.3">
      <c r="A94084" s="13" t="s">
        <v>467</v>
      </c>
      <c r="B94084" s="14" t="s">
        <v>1</v>
      </c>
      <c r="C94084" s="14" t="s">
        <v>35</v>
      </c>
      <c r="D94084" s="14" t="s">
        <v>468</v>
      </c>
      <c r="E94084" s="15">
        <v>45655</v>
      </c>
      <c r="F94084" s="14" t="s">
        <v>25</v>
      </c>
      <c r="G94084" s="16">
        <v>0</v>
      </c>
    </row>
    <row r="94085" spans="1:7" x14ac:dyDescent="0.3">
      <c r="A94085" s="13" t="s">
        <v>467</v>
      </c>
      <c r="B94085" s="14" t="s">
        <v>1</v>
      </c>
      <c r="C94085" s="14" t="s">
        <v>35</v>
      </c>
      <c r="D94085" s="14" t="s">
        <v>468</v>
      </c>
      <c r="E94085" s="15">
        <v>45656</v>
      </c>
      <c r="F94085" s="14" t="s">
        <v>25</v>
      </c>
      <c r="G94085" s="16">
        <v>0</v>
      </c>
    </row>
    <row r="94086" spans="1:7" x14ac:dyDescent="0.3">
      <c r="A94086" s="13" t="s">
        <v>467</v>
      </c>
      <c r="B94086" s="14" t="s">
        <v>1</v>
      </c>
      <c r="C94086" s="14" t="s">
        <v>35</v>
      </c>
      <c r="D94086" s="14" t="s">
        <v>468</v>
      </c>
      <c r="E94086" s="15">
        <v>45657</v>
      </c>
      <c r="F94086" s="14" t="s">
        <v>25</v>
      </c>
      <c r="G94086" s="16">
        <v>0</v>
      </c>
    </row>
    <row r="94087" spans="1:7" x14ac:dyDescent="0.3">
      <c r="A94087" s="13" t="s">
        <v>467</v>
      </c>
      <c r="B94087" s="14" t="s">
        <v>1</v>
      </c>
      <c r="C94087" s="14" t="s">
        <v>35</v>
      </c>
      <c r="D94087" s="14" t="s">
        <v>468</v>
      </c>
      <c r="E94087" s="15">
        <v>45658</v>
      </c>
      <c r="F94087" s="14" t="s">
        <v>25</v>
      </c>
      <c r="G94087" s="16">
        <v>0</v>
      </c>
    </row>
    <row r="94088" spans="1:7" x14ac:dyDescent="0.3">
      <c r="A94088" s="13" t="s">
        <v>467</v>
      </c>
      <c r="B94088" s="14" t="s">
        <v>1</v>
      </c>
      <c r="C94088" s="14" t="s">
        <v>35</v>
      </c>
      <c r="D94088" s="14" t="s">
        <v>468</v>
      </c>
      <c r="E94088" s="15">
        <v>45659</v>
      </c>
      <c r="F94088" s="14" t="s">
        <v>25</v>
      </c>
      <c r="G94088" s="16">
        <v>0</v>
      </c>
    </row>
    <row r="94089" spans="1:7" x14ac:dyDescent="0.3">
      <c r="A94089" s="13" t="s">
        <v>467</v>
      </c>
      <c r="B94089" s="14" t="s">
        <v>1</v>
      </c>
      <c r="C94089" s="14" t="s">
        <v>35</v>
      </c>
      <c r="D94089" s="14" t="s">
        <v>468</v>
      </c>
      <c r="E94089" s="15">
        <v>45660</v>
      </c>
      <c r="F94089" s="14" t="s">
        <v>25</v>
      </c>
      <c r="G94089" s="16">
        <v>0</v>
      </c>
    </row>
    <row r="94090" spans="1:7" x14ac:dyDescent="0.3">
      <c r="A94090" s="13" t="s">
        <v>467</v>
      </c>
      <c r="B94090" s="14" t="s">
        <v>1</v>
      </c>
      <c r="C94090" s="14" t="s">
        <v>35</v>
      </c>
      <c r="D94090" s="14" t="s">
        <v>468</v>
      </c>
      <c r="E94090" s="15">
        <v>45661</v>
      </c>
      <c r="F94090" s="14" t="s">
        <v>25</v>
      </c>
      <c r="G94090" s="16">
        <v>0</v>
      </c>
    </row>
    <row r="94091" spans="1:7" x14ac:dyDescent="0.3">
      <c r="A94091" s="13" t="s">
        <v>467</v>
      </c>
      <c r="B94091" s="14" t="s">
        <v>1</v>
      </c>
      <c r="C94091" s="14" t="s">
        <v>35</v>
      </c>
      <c r="D94091" s="14" t="s">
        <v>468</v>
      </c>
      <c r="E94091" s="15">
        <v>45662</v>
      </c>
      <c r="F94091" s="14" t="s">
        <v>25</v>
      </c>
      <c r="G94091" s="16">
        <v>0</v>
      </c>
    </row>
    <row r="94092" spans="1:7" x14ac:dyDescent="0.3">
      <c r="A94092" s="13" t="s">
        <v>467</v>
      </c>
      <c r="B94092" s="14" t="s">
        <v>1</v>
      </c>
      <c r="C94092" s="14" t="s">
        <v>35</v>
      </c>
      <c r="D94092" s="14" t="s">
        <v>468</v>
      </c>
      <c r="E94092" s="15">
        <v>45663</v>
      </c>
      <c r="F94092" s="14" t="s">
        <v>25</v>
      </c>
      <c r="G94092" s="16">
        <v>0</v>
      </c>
    </row>
    <row r="94093" spans="1:7" x14ac:dyDescent="0.3">
      <c r="A94093" s="13" t="s">
        <v>467</v>
      </c>
      <c r="B94093" s="14" t="s">
        <v>1</v>
      </c>
      <c r="C94093" s="14" t="s">
        <v>35</v>
      </c>
      <c r="D94093" s="14" t="s">
        <v>468</v>
      </c>
      <c r="E94093" s="15">
        <v>45664</v>
      </c>
      <c r="F94093" s="14" t="s">
        <v>25</v>
      </c>
      <c r="G94093" s="16">
        <v>0</v>
      </c>
    </row>
    <row r="94094" spans="1:7" x14ac:dyDescent="0.3">
      <c r="A94094" s="13" t="s">
        <v>467</v>
      </c>
      <c r="B94094" s="14" t="s">
        <v>1</v>
      </c>
      <c r="C94094" s="14" t="s">
        <v>35</v>
      </c>
      <c r="D94094" s="14" t="s">
        <v>468</v>
      </c>
      <c r="E94094" s="15">
        <v>45665</v>
      </c>
      <c r="F94094" s="14" t="s">
        <v>25</v>
      </c>
      <c r="G94094" s="16">
        <v>0</v>
      </c>
    </row>
    <row r="94095" spans="1:7" x14ac:dyDescent="0.3">
      <c r="A94095" s="13" t="s">
        <v>467</v>
      </c>
      <c r="B94095" s="14" t="s">
        <v>1</v>
      </c>
      <c r="C94095" s="14" t="s">
        <v>35</v>
      </c>
      <c r="D94095" s="14" t="s">
        <v>468</v>
      </c>
      <c r="E94095" s="15">
        <v>45666</v>
      </c>
      <c r="F94095" s="14" t="s">
        <v>25</v>
      </c>
      <c r="G94095" s="16">
        <v>0</v>
      </c>
    </row>
    <row r="94096" spans="1:7" x14ac:dyDescent="0.3">
      <c r="A94096" s="13" t="s">
        <v>467</v>
      </c>
      <c r="B94096" s="14" t="s">
        <v>1</v>
      </c>
      <c r="C94096" s="14" t="s">
        <v>35</v>
      </c>
      <c r="D94096" s="14" t="s">
        <v>468</v>
      </c>
      <c r="E94096" s="15">
        <v>45667</v>
      </c>
      <c r="F94096" s="14" t="s">
        <v>25</v>
      </c>
      <c r="G94096" s="16">
        <v>0</v>
      </c>
    </row>
    <row r="94097" spans="1:7" x14ac:dyDescent="0.3">
      <c r="A94097" s="13" t="s">
        <v>467</v>
      </c>
      <c r="B94097" s="14" t="s">
        <v>1</v>
      </c>
      <c r="C94097" s="14" t="s">
        <v>35</v>
      </c>
      <c r="D94097" s="14" t="s">
        <v>468</v>
      </c>
      <c r="E94097" s="15">
        <v>45668</v>
      </c>
      <c r="F94097" s="14" t="s">
        <v>25</v>
      </c>
      <c r="G94097" s="16">
        <v>0</v>
      </c>
    </row>
    <row r="94098" spans="1:7" x14ac:dyDescent="0.3">
      <c r="A94098" s="13" t="s">
        <v>467</v>
      </c>
      <c r="B94098" s="14" t="s">
        <v>1</v>
      </c>
      <c r="C94098" s="14" t="s">
        <v>35</v>
      </c>
      <c r="D94098" s="14" t="s">
        <v>468</v>
      </c>
      <c r="E94098" s="15">
        <v>45669</v>
      </c>
      <c r="F94098" s="14" t="s">
        <v>25</v>
      </c>
      <c r="G94098" s="16">
        <v>0</v>
      </c>
    </row>
    <row r="94099" spans="1:7" x14ac:dyDescent="0.3">
      <c r="A94099" s="13" t="s">
        <v>467</v>
      </c>
      <c r="B94099" s="14" t="s">
        <v>1</v>
      </c>
      <c r="C94099" s="14" t="s">
        <v>35</v>
      </c>
      <c r="D94099" s="14" t="s">
        <v>468</v>
      </c>
      <c r="E94099" s="15">
        <v>45670</v>
      </c>
      <c r="F94099" s="14" t="s">
        <v>25</v>
      </c>
      <c r="G94099" s="16">
        <v>0</v>
      </c>
    </row>
    <row r="94100" spans="1:7" x14ac:dyDescent="0.3">
      <c r="A94100" s="13" t="s">
        <v>467</v>
      </c>
      <c r="B94100" s="14" t="s">
        <v>1</v>
      </c>
      <c r="C94100" s="14" t="s">
        <v>35</v>
      </c>
      <c r="D94100" s="14" t="s">
        <v>468</v>
      </c>
      <c r="E94100" s="15">
        <v>45671</v>
      </c>
      <c r="F94100" s="14" t="s">
        <v>25</v>
      </c>
      <c r="G94100" s="16">
        <v>0</v>
      </c>
    </row>
    <row r="94101" spans="1:7" x14ac:dyDescent="0.3">
      <c r="A94101" s="13" t="s">
        <v>467</v>
      </c>
      <c r="B94101" s="14" t="s">
        <v>1</v>
      </c>
      <c r="C94101" s="14" t="s">
        <v>35</v>
      </c>
      <c r="D94101" s="14" t="s">
        <v>468</v>
      </c>
      <c r="E94101" s="15">
        <v>45672</v>
      </c>
      <c r="F94101" s="14" t="s">
        <v>25</v>
      </c>
      <c r="G94101" s="16">
        <v>0</v>
      </c>
    </row>
    <row r="94102" spans="1:7" x14ac:dyDescent="0.3">
      <c r="A94102" s="13" t="s">
        <v>467</v>
      </c>
      <c r="B94102" s="14" t="s">
        <v>1</v>
      </c>
      <c r="C94102" s="14" t="s">
        <v>35</v>
      </c>
      <c r="D94102" s="14" t="s">
        <v>468</v>
      </c>
      <c r="E94102" s="15">
        <v>45673</v>
      </c>
      <c r="F94102" s="14" t="s">
        <v>25</v>
      </c>
      <c r="G94102" s="16">
        <v>0</v>
      </c>
    </row>
    <row r="94103" spans="1:7" x14ac:dyDescent="0.3">
      <c r="A94103" s="13" t="s">
        <v>467</v>
      </c>
      <c r="B94103" s="14" t="s">
        <v>1</v>
      </c>
      <c r="C94103" s="14" t="s">
        <v>35</v>
      </c>
      <c r="D94103" s="14" t="s">
        <v>468</v>
      </c>
      <c r="E94103" s="15">
        <v>45674</v>
      </c>
      <c r="F94103" s="14" t="s">
        <v>25</v>
      </c>
      <c r="G94103" s="16">
        <v>0</v>
      </c>
    </row>
    <row r="94104" spans="1:7" x14ac:dyDescent="0.3">
      <c r="A94104" s="13" t="s">
        <v>467</v>
      </c>
      <c r="B94104" s="14" t="s">
        <v>1</v>
      </c>
      <c r="C94104" s="14" t="s">
        <v>35</v>
      </c>
      <c r="D94104" s="14" t="s">
        <v>468</v>
      </c>
      <c r="E94104" s="15">
        <v>45675</v>
      </c>
      <c r="F94104" s="14" t="s">
        <v>25</v>
      </c>
      <c r="G94104" s="16">
        <v>0</v>
      </c>
    </row>
    <row r="94105" spans="1:7" x14ac:dyDescent="0.3">
      <c r="A94105" s="13" t="s">
        <v>467</v>
      </c>
      <c r="B94105" s="14" t="s">
        <v>1</v>
      </c>
      <c r="C94105" s="14" t="s">
        <v>35</v>
      </c>
      <c r="D94105" s="14" t="s">
        <v>468</v>
      </c>
      <c r="E94105" s="15">
        <v>45676</v>
      </c>
      <c r="F94105" s="14" t="s">
        <v>25</v>
      </c>
      <c r="G94105" s="16">
        <v>0</v>
      </c>
    </row>
    <row r="94106" spans="1:7" x14ac:dyDescent="0.3">
      <c r="A94106" s="13" t="s">
        <v>467</v>
      </c>
      <c r="B94106" s="14" t="s">
        <v>1</v>
      </c>
      <c r="C94106" s="14" t="s">
        <v>35</v>
      </c>
      <c r="D94106" s="14" t="s">
        <v>468</v>
      </c>
      <c r="E94106" s="15">
        <v>45677</v>
      </c>
      <c r="F94106" s="14" t="s">
        <v>25</v>
      </c>
      <c r="G94106" s="16">
        <v>0</v>
      </c>
    </row>
    <row r="94107" spans="1:7" x14ac:dyDescent="0.3">
      <c r="A94107" s="13" t="s">
        <v>467</v>
      </c>
      <c r="B94107" s="14" t="s">
        <v>1</v>
      </c>
      <c r="C94107" s="14" t="s">
        <v>35</v>
      </c>
      <c r="D94107" s="14" t="s">
        <v>468</v>
      </c>
      <c r="E94107" s="15">
        <v>45678</v>
      </c>
      <c r="F94107" s="14" t="s">
        <v>25</v>
      </c>
      <c r="G94107" s="16">
        <v>0</v>
      </c>
    </row>
    <row r="94108" spans="1:7" x14ac:dyDescent="0.3">
      <c r="A94108" s="13" t="s">
        <v>467</v>
      </c>
      <c r="B94108" s="14" t="s">
        <v>1</v>
      </c>
      <c r="C94108" s="14" t="s">
        <v>35</v>
      </c>
      <c r="D94108" s="14" t="s">
        <v>468</v>
      </c>
      <c r="E94108" s="15">
        <v>45679</v>
      </c>
      <c r="F94108" s="14" t="s">
        <v>25</v>
      </c>
      <c r="G94108" s="16">
        <v>0</v>
      </c>
    </row>
    <row r="94109" spans="1:7" x14ac:dyDescent="0.3">
      <c r="A94109" s="13" t="s">
        <v>467</v>
      </c>
      <c r="B94109" s="14" t="s">
        <v>1</v>
      </c>
      <c r="C94109" s="14" t="s">
        <v>35</v>
      </c>
      <c r="D94109" s="14" t="s">
        <v>468</v>
      </c>
      <c r="E94109" s="15">
        <v>45680</v>
      </c>
      <c r="F94109" s="14" t="s">
        <v>25</v>
      </c>
      <c r="G94109" s="16">
        <v>0</v>
      </c>
    </row>
    <row r="94110" spans="1:7" x14ac:dyDescent="0.3">
      <c r="A94110" s="13" t="s">
        <v>467</v>
      </c>
      <c r="B94110" s="14" t="s">
        <v>1</v>
      </c>
      <c r="C94110" s="14" t="s">
        <v>35</v>
      </c>
      <c r="D94110" s="14" t="s">
        <v>468</v>
      </c>
      <c r="E94110" s="15">
        <v>45681</v>
      </c>
      <c r="F94110" s="14" t="s">
        <v>25</v>
      </c>
      <c r="G94110" s="16">
        <v>0</v>
      </c>
    </row>
    <row r="94111" spans="1:7" x14ac:dyDescent="0.3">
      <c r="A94111" s="13" t="s">
        <v>467</v>
      </c>
      <c r="B94111" s="14" t="s">
        <v>1</v>
      </c>
      <c r="C94111" s="14" t="s">
        <v>35</v>
      </c>
      <c r="D94111" s="14" t="s">
        <v>468</v>
      </c>
      <c r="E94111" s="15">
        <v>45682</v>
      </c>
      <c r="F94111" s="14" t="s">
        <v>25</v>
      </c>
      <c r="G94111" s="16">
        <v>0</v>
      </c>
    </row>
    <row r="94112" spans="1:7" x14ac:dyDescent="0.3">
      <c r="A94112" s="13" t="s">
        <v>467</v>
      </c>
      <c r="B94112" s="14" t="s">
        <v>1</v>
      </c>
      <c r="C94112" s="14" t="s">
        <v>35</v>
      </c>
      <c r="D94112" s="14" t="s">
        <v>468</v>
      </c>
      <c r="E94112" s="15">
        <v>45683</v>
      </c>
      <c r="F94112" s="14" t="s">
        <v>25</v>
      </c>
      <c r="G94112" s="16">
        <v>0</v>
      </c>
    </row>
    <row r="94113" spans="1:7" x14ac:dyDescent="0.3">
      <c r="A94113" s="13" t="s">
        <v>467</v>
      </c>
      <c r="B94113" s="14" t="s">
        <v>1</v>
      </c>
      <c r="C94113" s="14" t="s">
        <v>35</v>
      </c>
      <c r="D94113" s="14" t="s">
        <v>468</v>
      </c>
      <c r="E94113" s="15">
        <v>45684</v>
      </c>
      <c r="F94113" s="14" t="s">
        <v>25</v>
      </c>
      <c r="G94113" s="16">
        <v>0</v>
      </c>
    </row>
    <row r="94114" spans="1:7" x14ac:dyDescent="0.3">
      <c r="A94114" s="13" t="s">
        <v>467</v>
      </c>
      <c r="B94114" s="14" t="s">
        <v>1</v>
      </c>
      <c r="C94114" s="14" t="s">
        <v>35</v>
      </c>
      <c r="D94114" s="14" t="s">
        <v>468</v>
      </c>
      <c r="E94114" s="15">
        <v>45685</v>
      </c>
      <c r="F94114" s="14" t="s">
        <v>25</v>
      </c>
      <c r="G94114" s="16">
        <v>0</v>
      </c>
    </row>
    <row r="94115" spans="1:7" x14ac:dyDescent="0.3">
      <c r="A94115" s="13" t="s">
        <v>467</v>
      </c>
      <c r="B94115" s="14" t="s">
        <v>1</v>
      </c>
      <c r="C94115" s="14" t="s">
        <v>35</v>
      </c>
      <c r="D94115" s="14" t="s">
        <v>468</v>
      </c>
      <c r="E94115" s="15">
        <v>45686</v>
      </c>
      <c r="F94115" s="14" t="s">
        <v>25</v>
      </c>
      <c r="G94115" s="16">
        <v>0</v>
      </c>
    </row>
    <row r="94116" spans="1:7" x14ac:dyDescent="0.3">
      <c r="A94116" s="13" t="s">
        <v>467</v>
      </c>
      <c r="B94116" s="14" t="s">
        <v>1</v>
      </c>
      <c r="C94116" s="14" t="s">
        <v>35</v>
      </c>
      <c r="D94116" s="14" t="s">
        <v>468</v>
      </c>
      <c r="E94116" s="15">
        <v>45687</v>
      </c>
      <c r="F94116" s="14" t="s">
        <v>25</v>
      </c>
      <c r="G94116" s="16">
        <v>0</v>
      </c>
    </row>
    <row r="94117" spans="1:7" x14ac:dyDescent="0.3">
      <c r="A94117" s="13" t="s">
        <v>467</v>
      </c>
      <c r="B94117" s="14" t="s">
        <v>1</v>
      </c>
      <c r="C94117" s="14" t="s">
        <v>35</v>
      </c>
      <c r="D94117" s="14" t="s">
        <v>468</v>
      </c>
      <c r="E94117" s="15">
        <v>45688</v>
      </c>
      <c r="F94117" s="14" t="s">
        <v>25</v>
      </c>
      <c r="G94117" s="16">
        <v>0</v>
      </c>
    </row>
    <row r="94118" spans="1:7" x14ac:dyDescent="0.3">
      <c r="A94118" s="13" t="s">
        <v>467</v>
      </c>
      <c r="B94118" s="14" t="s">
        <v>1</v>
      </c>
      <c r="C94118" s="14" t="s">
        <v>35</v>
      </c>
      <c r="D94118" s="14" t="s">
        <v>468</v>
      </c>
      <c r="E94118" s="15">
        <v>45689</v>
      </c>
      <c r="F94118" s="14" t="s">
        <v>25</v>
      </c>
      <c r="G94118" s="16">
        <v>0</v>
      </c>
    </row>
    <row r="94119" spans="1:7" x14ac:dyDescent="0.3">
      <c r="A94119" s="13" t="s">
        <v>467</v>
      </c>
      <c r="B94119" s="14" t="s">
        <v>1</v>
      </c>
      <c r="C94119" s="14" t="s">
        <v>35</v>
      </c>
      <c r="D94119" s="14" t="s">
        <v>468</v>
      </c>
      <c r="E94119" s="15">
        <v>45690</v>
      </c>
      <c r="F94119" s="14" t="s">
        <v>25</v>
      </c>
      <c r="G94119" s="16">
        <v>0</v>
      </c>
    </row>
    <row r="94120" spans="1:7" x14ac:dyDescent="0.3">
      <c r="A94120" s="13" t="s">
        <v>467</v>
      </c>
      <c r="B94120" s="14" t="s">
        <v>1</v>
      </c>
      <c r="C94120" s="14" t="s">
        <v>35</v>
      </c>
      <c r="D94120" s="14" t="s">
        <v>468</v>
      </c>
      <c r="E94120" s="15">
        <v>45691</v>
      </c>
      <c r="F94120" s="14" t="s">
        <v>25</v>
      </c>
      <c r="G94120" s="16">
        <v>0</v>
      </c>
    </row>
    <row r="94121" spans="1:7" x14ac:dyDescent="0.3">
      <c r="A94121" s="13" t="s">
        <v>467</v>
      </c>
      <c r="B94121" s="14" t="s">
        <v>1</v>
      </c>
      <c r="C94121" s="14" t="s">
        <v>35</v>
      </c>
      <c r="D94121" s="14" t="s">
        <v>468</v>
      </c>
      <c r="E94121" s="15">
        <v>45692</v>
      </c>
      <c r="F94121" s="14" t="s">
        <v>25</v>
      </c>
      <c r="G94121" s="16">
        <v>0</v>
      </c>
    </row>
    <row r="94122" spans="1:7" x14ac:dyDescent="0.3">
      <c r="A94122" s="13" t="s">
        <v>467</v>
      </c>
      <c r="B94122" s="14" t="s">
        <v>1</v>
      </c>
      <c r="C94122" s="14" t="s">
        <v>35</v>
      </c>
      <c r="D94122" s="14" t="s">
        <v>468</v>
      </c>
      <c r="E94122" s="15">
        <v>45693</v>
      </c>
      <c r="F94122" s="14" t="s">
        <v>25</v>
      </c>
      <c r="G94122" s="16">
        <v>0</v>
      </c>
    </row>
    <row r="94123" spans="1:7" x14ac:dyDescent="0.3">
      <c r="A94123" s="13" t="s">
        <v>467</v>
      </c>
      <c r="B94123" s="14" t="s">
        <v>1</v>
      </c>
      <c r="C94123" s="14" t="s">
        <v>35</v>
      </c>
      <c r="D94123" s="14" t="s">
        <v>468</v>
      </c>
      <c r="E94123" s="15">
        <v>45694</v>
      </c>
      <c r="F94123" s="14" t="s">
        <v>25</v>
      </c>
      <c r="G94123" s="16">
        <v>0</v>
      </c>
    </row>
    <row r="94124" spans="1:7" x14ac:dyDescent="0.3">
      <c r="A94124" s="13" t="s">
        <v>467</v>
      </c>
      <c r="B94124" s="14" t="s">
        <v>1</v>
      </c>
      <c r="C94124" s="14" t="s">
        <v>35</v>
      </c>
      <c r="D94124" s="14" t="s">
        <v>468</v>
      </c>
      <c r="E94124" s="15">
        <v>45695</v>
      </c>
      <c r="F94124" s="14" t="s">
        <v>25</v>
      </c>
      <c r="G94124" s="16">
        <v>0</v>
      </c>
    </row>
    <row r="94125" spans="1:7" x14ac:dyDescent="0.3">
      <c r="A94125" s="13" t="s">
        <v>467</v>
      </c>
      <c r="B94125" s="14" t="s">
        <v>1</v>
      </c>
      <c r="C94125" s="14" t="s">
        <v>35</v>
      </c>
      <c r="D94125" s="14" t="s">
        <v>468</v>
      </c>
      <c r="E94125" s="15">
        <v>45696</v>
      </c>
      <c r="F94125" s="14" t="s">
        <v>25</v>
      </c>
      <c r="G94125" s="16">
        <v>0</v>
      </c>
    </row>
    <row r="94126" spans="1:7" x14ac:dyDescent="0.3">
      <c r="A94126" s="13" t="s">
        <v>467</v>
      </c>
      <c r="B94126" s="14" t="s">
        <v>1</v>
      </c>
      <c r="C94126" s="14" t="s">
        <v>35</v>
      </c>
      <c r="D94126" s="14" t="s">
        <v>468</v>
      </c>
      <c r="E94126" s="15">
        <v>45697</v>
      </c>
      <c r="F94126" s="14" t="s">
        <v>25</v>
      </c>
      <c r="G94126" s="16">
        <v>0</v>
      </c>
    </row>
    <row r="94127" spans="1:7" x14ac:dyDescent="0.3">
      <c r="A94127" s="13" t="s">
        <v>467</v>
      </c>
      <c r="B94127" s="14" t="s">
        <v>1</v>
      </c>
      <c r="C94127" s="14" t="s">
        <v>35</v>
      </c>
      <c r="D94127" s="14" t="s">
        <v>468</v>
      </c>
      <c r="E94127" s="15">
        <v>45698</v>
      </c>
      <c r="F94127" s="14" t="s">
        <v>25</v>
      </c>
      <c r="G94127" s="16">
        <v>0</v>
      </c>
    </row>
    <row r="94128" spans="1:7" x14ac:dyDescent="0.3">
      <c r="A94128" s="13" t="s">
        <v>467</v>
      </c>
      <c r="B94128" s="14" t="s">
        <v>1</v>
      </c>
      <c r="C94128" s="14" t="s">
        <v>35</v>
      </c>
      <c r="D94128" s="14" t="s">
        <v>468</v>
      </c>
      <c r="E94128" s="15">
        <v>45699</v>
      </c>
      <c r="F94128" s="14" t="s">
        <v>25</v>
      </c>
      <c r="G94128" s="16">
        <v>0</v>
      </c>
    </row>
    <row r="94129" spans="1:7" x14ac:dyDescent="0.3">
      <c r="A94129" s="13" t="s">
        <v>467</v>
      </c>
      <c r="B94129" s="14" t="s">
        <v>1</v>
      </c>
      <c r="C94129" s="14" t="s">
        <v>35</v>
      </c>
      <c r="D94129" s="14" t="s">
        <v>468</v>
      </c>
      <c r="E94129" s="15">
        <v>45700</v>
      </c>
      <c r="F94129" s="14" t="s">
        <v>25</v>
      </c>
      <c r="G94129" s="16">
        <v>0</v>
      </c>
    </row>
    <row r="94130" spans="1:7" x14ac:dyDescent="0.3">
      <c r="A94130" s="13" t="s">
        <v>467</v>
      </c>
      <c r="B94130" s="14" t="s">
        <v>1</v>
      </c>
      <c r="C94130" s="14" t="s">
        <v>35</v>
      </c>
      <c r="D94130" s="14" t="s">
        <v>468</v>
      </c>
      <c r="E94130" s="15">
        <v>45701</v>
      </c>
      <c r="F94130" s="14" t="s">
        <v>25</v>
      </c>
      <c r="G94130" s="16">
        <v>0</v>
      </c>
    </row>
    <row r="94131" spans="1:7" x14ac:dyDescent="0.3">
      <c r="A94131" s="13" t="s">
        <v>467</v>
      </c>
      <c r="B94131" s="14" t="s">
        <v>1</v>
      </c>
      <c r="C94131" s="14" t="s">
        <v>35</v>
      </c>
      <c r="D94131" s="14" t="s">
        <v>468</v>
      </c>
      <c r="E94131" s="15">
        <v>45702</v>
      </c>
      <c r="F94131" s="14" t="s">
        <v>25</v>
      </c>
      <c r="G94131" s="16">
        <v>0</v>
      </c>
    </row>
    <row r="94132" spans="1:7" x14ac:dyDescent="0.3">
      <c r="A94132" s="13" t="s">
        <v>467</v>
      </c>
      <c r="B94132" s="14" t="s">
        <v>1</v>
      </c>
      <c r="C94132" s="14" t="s">
        <v>35</v>
      </c>
      <c r="D94132" s="14" t="s">
        <v>468</v>
      </c>
      <c r="E94132" s="15">
        <v>45703</v>
      </c>
      <c r="F94132" s="14" t="s">
        <v>25</v>
      </c>
      <c r="G94132" s="16">
        <v>0</v>
      </c>
    </row>
    <row r="94133" spans="1:7" x14ac:dyDescent="0.3">
      <c r="A94133" s="13" t="s">
        <v>467</v>
      </c>
      <c r="B94133" s="14" t="s">
        <v>1</v>
      </c>
      <c r="C94133" s="14" t="s">
        <v>35</v>
      </c>
      <c r="D94133" s="14" t="s">
        <v>468</v>
      </c>
      <c r="E94133" s="15">
        <v>45704</v>
      </c>
      <c r="F94133" s="14" t="s">
        <v>25</v>
      </c>
      <c r="G94133" s="16">
        <v>0</v>
      </c>
    </row>
    <row r="94134" spans="1:7" x14ac:dyDescent="0.3">
      <c r="A94134" s="13" t="s">
        <v>467</v>
      </c>
      <c r="B94134" s="14" t="s">
        <v>1</v>
      </c>
      <c r="C94134" s="14" t="s">
        <v>35</v>
      </c>
      <c r="D94134" s="14" t="s">
        <v>468</v>
      </c>
      <c r="E94134" s="15">
        <v>45705</v>
      </c>
      <c r="F94134" s="14" t="s">
        <v>25</v>
      </c>
      <c r="G94134" s="16">
        <v>0</v>
      </c>
    </row>
    <row r="94135" spans="1:7" x14ac:dyDescent="0.3">
      <c r="A94135" s="13" t="s">
        <v>467</v>
      </c>
      <c r="B94135" s="14" t="s">
        <v>1</v>
      </c>
      <c r="C94135" s="14" t="s">
        <v>35</v>
      </c>
      <c r="D94135" s="14" t="s">
        <v>468</v>
      </c>
      <c r="E94135" s="15">
        <v>45706</v>
      </c>
      <c r="F94135" s="14" t="s">
        <v>25</v>
      </c>
      <c r="G94135" s="16">
        <v>0</v>
      </c>
    </row>
    <row r="94136" spans="1:7" x14ac:dyDescent="0.3">
      <c r="A94136" s="13" t="s">
        <v>467</v>
      </c>
      <c r="B94136" s="14" t="s">
        <v>1</v>
      </c>
      <c r="C94136" s="14" t="s">
        <v>35</v>
      </c>
      <c r="D94136" s="14" t="s">
        <v>468</v>
      </c>
      <c r="E94136" s="15">
        <v>45707</v>
      </c>
      <c r="F94136" s="14" t="s">
        <v>25</v>
      </c>
      <c r="G94136" s="16">
        <v>0</v>
      </c>
    </row>
    <row r="94137" spans="1:7" x14ac:dyDescent="0.3">
      <c r="A94137" s="13" t="s">
        <v>467</v>
      </c>
      <c r="B94137" s="14" t="s">
        <v>1</v>
      </c>
      <c r="C94137" s="14" t="s">
        <v>35</v>
      </c>
      <c r="D94137" s="14" t="s">
        <v>468</v>
      </c>
      <c r="E94137" s="15">
        <v>45708</v>
      </c>
      <c r="F94137" s="14" t="s">
        <v>25</v>
      </c>
      <c r="G94137" s="16">
        <v>0</v>
      </c>
    </row>
    <row r="94138" spans="1:7" x14ac:dyDescent="0.3">
      <c r="A94138" s="13" t="s">
        <v>467</v>
      </c>
      <c r="B94138" s="14" t="s">
        <v>1</v>
      </c>
      <c r="C94138" s="14" t="s">
        <v>35</v>
      </c>
      <c r="D94138" s="14" t="s">
        <v>468</v>
      </c>
      <c r="E94138" s="15">
        <v>45709</v>
      </c>
      <c r="F94138" s="14" t="s">
        <v>25</v>
      </c>
      <c r="G94138" s="16">
        <v>0</v>
      </c>
    </row>
    <row r="94139" spans="1:7" x14ac:dyDescent="0.3">
      <c r="A94139" s="13" t="s">
        <v>467</v>
      </c>
      <c r="B94139" s="14" t="s">
        <v>1</v>
      </c>
      <c r="C94139" s="14" t="s">
        <v>35</v>
      </c>
      <c r="D94139" s="14" t="s">
        <v>468</v>
      </c>
      <c r="E94139" s="15">
        <v>45710</v>
      </c>
      <c r="F94139" s="14" t="s">
        <v>25</v>
      </c>
      <c r="G94139" s="16">
        <v>0</v>
      </c>
    </row>
    <row r="94140" spans="1:7" x14ac:dyDescent="0.3">
      <c r="A94140" s="13" t="s">
        <v>467</v>
      </c>
      <c r="B94140" s="14" t="s">
        <v>1</v>
      </c>
      <c r="C94140" s="14" t="s">
        <v>35</v>
      </c>
      <c r="D94140" s="14" t="s">
        <v>468</v>
      </c>
      <c r="E94140" s="15">
        <v>45711</v>
      </c>
      <c r="F94140" s="14" t="s">
        <v>25</v>
      </c>
      <c r="G94140" s="16">
        <v>0</v>
      </c>
    </row>
    <row r="94141" spans="1:7" x14ac:dyDescent="0.3">
      <c r="A94141" s="13" t="s">
        <v>467</v>
      </c>
      <c r="B94141" s="14" t="s">
        <v>1</v>
      </c>
      <c r="C94141" s="14" t="s">
        <v>35</v>
      </c>
      <c r="D94141" s="14" t="s">
        <v>468</v>
      </c>
      <c r="E94141" s="15">
        <v>45712</v>
      </c>
      <c r="F94141" s="14" t="s">
        <v>25</v>
      </c>
      <c r="G94141" s="16">
        <v>0</v>
      </c>
    </row>
    <row r="94142" spans="1:7" x14ac:dyDescent="0.3">
      <c r="A94142" s="13" t="s">
        <v>467</v>
      </c>
      <c r="B94142" s="14" t="s">
        <v>1</v>
      </c>
      <c r="C94142" s="14" t="s">
        <v>35</v>
      </c>
      <c r="D94142" s="14" t="s">
        <v>468</v>
      </c>
      <c r="E94142" s="15">
        <v>45713</v>
      </c>
      <c r="F94142" s="14" t="s">
        <v>25</v>
      </c>
      <c r="G94142" s="16">
        <v>0</v>
      </c>
    </row>
    <row r="94143" spans="1:7" x14ac:dyDescent="0.3">
      <c r="A94143" s="13" t="s">
        <v>467</v>
      </c>
      <c r="B94143" s="14" t="s">
        <v>1</v>
      </c>
      <c r="C94143" s="14" t="s">
        <v>35</v>
      </c>
      <c r="D94143" s="14" t="s">
        <v>468</v>
      </c>
      <c r="E94143" s="15">
        <v>45714</v>
      </c>
      <c r="F94143" s="14" t="s">
        <v>25</v>
      </c>
      <c r="G94143" s="16">
        <v>0</v>
      </c>
    </row>
    <row r="94144" spans="1:7" x14ac:dyDescent="0.3">
      <c r="A94144" s="13" t="s">
        <v>467</v>
      </c>
      <c r="B94144" s="14" t="s">
        <v>1</v>
      </c>
      <c r="C94144" s="14" t="s">
        <v>35</v>
      </c>
      <c r="D94144" s="14" t="s">
        <v>468</v>
      </c>
      <c r="E94144" s="15">
        <v>45715</v>
      </c>
      <c r="F94144" s="14" t="s">
        <v>25</v>
      </c>
      <c r="G94144" s="16">
        <v>0</v>
      </c>
    </row>
    <row r="94145" spans="1:7" x14ac:dyDescent="0.3">
      <c r="A94145" s="13" t="s">
        <v>467</v>
      </c>
      <c r="B94145" s="14" t="s">
        <v>1</v>
      </c>
      <c r="C94145" s="14" t="s">
        <v>35</v>
      </c>
      <c r="D94145" s="14" t="s">
        <v>468</v>
      </c>
      <c r="E94145" s="15">
        <v>45716</v>
      </c>
      <c r="F94145" s="14" t="s">
        <v>25</v>
      </c>
      <c r="G94145" s="16">
        <v>0</v>
      </c>
    </row>
    <row r="94146" spans="1:7" x14ac:dyDescent="0.3">
      <c r="A94146" s="13" t="s">
        <v>467</v>
      </c>
      <c r="B94146" s="14" t="s">
        <v>1</v>
      </c>
      <c r="C94146" s="14" t="s">
        <v>35</v>
      </c>
      <c r="D94146" s="14" t="s">
        <v>468</v>
      </c>
      <c r="E94146" s="15">
        <v>45717</v>
      </c>
      <c r="F94146" s="14" t="s">
        <v>25</v>
      </c>
      <c r="G94146" s="16">
        <v>0</v>
      </c>
    </row>
    <row r="94147" spans="1:7" x14ac:dyDescent="0.3">
      <c r="A94147" s="13" t="s">
        <v>467</v>
      </c>
      <c r="B94147" s="14" t="s">
        <v>1</v>
      </c>
      <c r="C94147" s="14" t="s">
        <v>35</v>
      </c>
      <c r="D94147" s="14" t="s">
        <v>468</v>
      </c>
      <c r="E94147" s="15">
        <v>45718</v>
      </c>
      <c r="F94147" s="14" t="s">
        <v>25</v>
      </c>
      <c r="G94147" s="16">
        <v>0</v>
      </c>
    </row>
    <row r="94148" spans="1:7" x14ac:dyDescent="0.3">
      <c r="A94148" s="13" t="s">
        <v>467</v>
      </c>
      <c r="B94148" s="14" t="s">
        <v>1</v>
      </c>
      <c r="C94148" s="14" t="s">
        <v>35</v>
      </c>
      <c r="D94148" s="14" t="s">
        <v>468</v>
      </c>
      <c r="E94148" s="15">
        <v>45719</v>
      </c>
      <c r="F94148" s="14" t="s">
        <v>25</v>
      </c>
      <c r="G94148" s="16">
        <v>0</v>
      </c>
    </row>
    <row r="94149" spans="1:7" x14ac:dyDescent="0.3">
      <c r="A94149" s="13" t="s">
        <v>467</v>
      </c>
      <c r="B94149" s="14" t="s">
        <v>1</v>
      </c>
      <c r="C94149" s="14" t="s">
        <v>35</v>
      </c>
      <c r="D94149" s="14" t="s">
        <v>468</v>
      </c>
      <c r="E94149" s="15">
        <v>45720</v>
      </c>
      <c r="F94149" s="14" t="s">
        <v>25</v>
      </c>
      <c r="G94149" s="16">
        <v>0</v>
      </c>
    </row>
    <row r="94150" spans="1:7" x14ac:dyDescent="0.3">
      <c r="A94150" s="13" t="s">
        <v>467</v>
      </c>
      <c r="B94150" s="14" t="s">
        <v>1</v>
      </c>
      <c r="C94150" s="14" t="s">
        <v>35</v>
      </c>
      <c r="D94150" s="14" t="s">
        <v>468</v>
      </c>
      <c r="E94150" s="15">
        <v>45721</v>
      </c>
      <c r="F94150" s="14" t="s">
        <v>25</v>
      </c>
      <c r="G94150" s="16">
        <v>0</v>
      </c>
    </row>
    <row r="94151" spans="1:7" x14ac:dyDescent="0.3">
      <c r="A94151" s="13" t="s">
        <v>467</v>
      </c>
      <c r="B94151" s="14" t="s">
        <v>1</v>
      </c>
      <c r="C94151" s="14" t="s">
        <v>35</v>
      </c>
      <c r="D94151" s="14" t="s">
        <v>468</v>
      </c>
      <c r="E94151" s="15">
        <v>45722</v>
      </c>
      <c r="F94151" s="14" t="s">
        <v>25</v>
      </c>
      <c r="G94151" s="16">
        <v>0</v>
      </c>
    </row>
    <row r="94152" spans="1:7" x14ac:dyDescent="0.3">
      <c r="A94152" s="13" t="s">
        <v>467</v>
      </c>
      <c r="B94152" s="14" t="s">
        <v>1</v>
      </c>
      <c r="C94152" s="14" t="s">
        <v>35</v>
      </c>
      <c r="D94152" s="14" t="s">
        <v>468</v>
      </c>
      <c r="E94152" s="15">
        <v>45723</v>
      </c>
      <c r="F94152" s="14" t="s">
        <v>25</v>
      </c>
      <c r="G94152" s="16">
        <v>0</v>
      </c>
    </row>
    <row r="94153" spans="1:7" x14ac:dyDescent="0.3">
      <c r="A94153" s="13" t="s">
        <v>467</v>
      </c>
      <c r="B94153" s="14" t="s">
        <v>1</v>
      </c>
      <c r="C94153" s="14" t="s">
        <v>35</v>
      </c>
      <c r="D94153" s="14" t="s">
        <v>468</v>
      </c>
      <c r="E94153" s="15">
        <v>45724</v>
      </c>
      <c r="F94153" s="14" t="s">
        <v>25</v>
      </c>
      <c r="G94153" s="16">
        <v>0</v>
      </c>
    </row>
    <row r="94154" spans="1:7" x14ac:dyDescent="0.3">
      <c r="A94154" s="13" t="s">
        <v>467</v>
      </c>
      <c r="B94154" s="14" t="s">
        <v>1</v>
      </c>
      <c r="C94154" s="14" t="s">
        <v>35</v>
      </c>
      <c r="D94154" s="14" t="s">
        <v>468</v>
      </c>
      <c r="E94154" s="15">
        <v>45725</v>
      </c>
      <c r="F94154" s="14" t="s">
        <v>25</v>
      </c>
      <c r="G94154" s="16">
        <v>0</v>
      </c>
    </row>
    <row r="94155" spans="1:7" x14ac:dyDescent="0.3">
      <c r="A94155" s="13" t="s">
        <v>467</v>
      </c>
      <c r="B94155" s="14" t="s">
        <v>1</v>
      </c>
      <c r="C94155" s="14" t="s">
        <v>35</v>
      </c>
      <c r="D94155" s="14" t="s">
        <v>468</v>
      </c>
      <c r="E94155" s="15">
        <v>45726</v>
      </c>
      <c r="F94155" s="14" t="s">
        <v>25</v>
      </c>
      <c r="G94155" s="16">
        <v>0</v>
      </c>
    </row>
    <row r="94156" spans="1:7" x14ac:dyDescent="0.3">
      <c r="A94156" s="13" t="s">
        <v>467</v>
      </c>
      <c r="B94156" s="14" t="s">
        <v>1</v>
      </c>
      <c r="C94156" s="14" t="s">
        <v>35</v>
      </c>
      <c r="D94156" s="14" t="s">
        <v>468</v>
      </c>
      <c r="E94156" s="15">
        <v>45727</v>
      </c>
      <c r="F94156" s="14" t="s">
        <v>25</v>
      </c>
      <c r="G94156" s="16">
        <v>0</v>
      </c>
    </row>
    <row r="94157" spans="1:7" x14ac:dyDescent="0.3">
      <c r="A94157" s="13" t="s">
        <v>467</v>
      </c>
      <c r="B94157" s="14" t="s">
        <v>1</v>
      </c>
      <c r="C94157" s="14" t="s">
        <v>35</v>
      </c>
      <c r="D94157" s="14" t="s">
        <v>468</v>
      </c>
      <c r="E94157" s="15">
        <v>45728</v>
      </c>
      <c r="F94157" s="14" t="s">
        <v>25</v>
      </c>
      <c r="G94157" s="16">
        <v>0</v>
      </c>
    </row>
    <row r="94158" spans="1:7" x14ac:dyDescent="0.3">
      <c r="A94158" s="13" t="s">
        <v>467</v>
      </c>
      <c r="B94158" s="14" t="s">
        <v>1</v>
      </c>
      <c r="C94158" s="14" t="s">
        <v>35</v>
      </c>
      <c r="D94158" s="14" t="s">
        <v>468</v>
      </c>
      <c r="E94158" s="15">
        <v>45729</v>
      </c>
      <c r="F94158" s="14" t="s">
        <v>25</v>
      </c>
      <c r="G94158" s="16">
        <v>0</v>
      </c>
    </row>
    <row r="94159" spans="1:7" x14ac:dyDescent="0.3">
      <c r="A94159" s="13" t="s">
        <v>467</v>
      </c>
      <c r="B94159" s="14" t="s">
        <v>1</v>
      </c>
      <c r="C94159" s="14" t="s">
        <v>35</v>
      </c>
      <c r="D94159" s="14" t="s">
        <v>468</v>
      </c>
      <c r="E94159" s="15">
        <v>45730</v>
      </c>
      <c r="F94159" s="14" t="s">
        <v>25</v>
      </c>
      <c r="G94159" s="16">
        <v>0</v>
      </c>
    </row>
    <row r="94160" spans="1:7" x14ac:dyDescent="0.3">
      <c r="A94160" s="13" t="s">
        <v>467</v>
      </c>
      <c r="B94160" s="14" t="s">
        <v>1</v>
      </c>
      <c r="C94160" s="14" t="s">
        <v>35</v>
      </c>
      <c r="D94160" s="14" t="s">
        <v>468</v>
      </c>
      <c r="E94160" s="15">
        <v>45731</v>
      </c>
      <c r="F94160" s="14" t="s">
        <v>25</v>
      </c>
      <c r="G94160" s="16">
        <v>0</v>
      </c>
    </row>
    <row r="94161" spans="1:7" x14ac:dyDescent="0.3">
      <c r="A94161" s="13" t="s">
        <v>467</v>
      </c>
      <c r="B94161" s="14" t="s">
        <v>1</v>
      </c>
      <c r="C94161" s="14" t="s">
        <v>35</v>
      </c>
      <c r="D94161" s="14" t="s">
        <v>468</v>
      </c>
      <c r="E94161" s="15">
        <v>45732</v>
      </c>
      <c r="F94161" s="14" t="s">
        <v>25</v>
      </c>
      <c r="G94161" s="16">
        <v>0</v>
      </c>
    </row>
    <row r="94162" spans="1:7" x14ac:dyDescent="0.3">
      <c r="A94162" s="13" t="s">
        <v>467</v>
      </c>
      <c r="B94162" s="14" t="s">
        <v>1</v>
      </c>
      <c r="C94162" s="14" t="s">
        <v>35</v>
      </c>
      <c r="D94162" s="14" t="s">
        <v>468</v>
      </c>
      <c r="E94162" s="15">
        <v>45733</v>
      </c>
      <c r="F94162" s="14" t="s">
        <v>25</v>
      </c>
      <c r="G94162" s="16">
        <v>0</v>
      </c>
    </row>
    <row r="94163" spans="1:7" x14ac:dyDescent="0.3">
      <c r="A94163" s="13" t="s">
        <v>467</v>
      </c>
      <c r="B94163" s="14" t="s">
        <v>1</v>
      </c>
      <c r="C94163" s="14" t="s">
        <v>35</v>
      </c>
      <c r="D94163" s="14" t="s">
        <v>468</v>
      </c>
      <c r="E94163" s="15">
        <v>45734</v>
      </c>
      <c r="F94163" s="14" t="s">
        <v>25</v>
      </c>
      <c r="G94163" s="16">
        <v>0</v>
      </c>
    </row>
    <row r="94164" spans="1:7" x14ac:dyDescent="0.3">
      <c r="A94164" s="13" t="s">
        <v>467</v>
      </c>
      <c r="B94164" s="14" t="s">
        <v>1</v>
      </c>
      <c r="C94164" s="14" t="s">
        <v>35</v>
      </c>
      <c r="D94164" s="14" t="s">
        <v>468</v>
      </c>
      <c r="E94164" s="15">
        <v>45735</v>
      </c>
      <c r="F94164" s="14" t="s">
        <v>25</v>
      </c>
      <c r="G94164" s="16">
        <v>0</v>
      </c>
    </row>
    <row r="94165" spans="1:7" x14ac:dyDescent="0.3">
      <c r="A94165" s="13" t="s">
        <v>467</v>
      </c>
      <c r="B94165" s="14" t="s">
        <v>1</v>
      </c>
      <c r="C94165" s="14" t="s">
        <v>35</v>
      </c>
      <c r="D94165" s="14" t="s">
        <v>468</v>
      </c>
      <c r="E94165" s="15">
        <v>45736</v>
      </c>
      <c r="F94165" s="14" t="s">
        <v>25</v>
      </c>
      <c r="G94165" s="16">
        <v>0</v>
      </c>
    </row>
    <row r="94166" spans="1:7" x14ac:dyDescent="0.3">
      <c r="A94166" s="13" t="s">
        <v>467</v>
      </c>
      <c r="B94166" s="14" t="s">
        <v>1</v>
      </c>
      <c r="C94166" s="14" t="s">
        <v>35</v>
      </c>
      <c r="D94166" s="14" t="s">
        <v>468</v>
      </c>
      <c r="E94166" s="15">
        <v>45737</v>
      </c>
      <c r="F94166" s="14" t="s">
        <v>25</v>
      </c>
      <c r="G94166" s="16">
        <v>0</v>
      </c>
    </row>
    <row r="94167" spans="1:7" x14ac:dyDescent="0.3">
      <c r="A94167" s="13" t="s">
        <v>467</v>
      </c>
      <c r="B94167" s="14" t="s">
        <v>1</v>
      </c>
      <c r="C94167" s="14" t="s">
        <v>35</v>
      </c>
      <c r="D94167" s="14" t="s">
        <v>468</v>
      </c>
      <c r="E94167" s="15">
        <v>45738</v>
      </c>
      <c r="F94167" s="14" t="s">
        <v>25</v>
      </c>
      <c r="G94167" s="16">
        <v>0</v>
      </c>
    </row>
    <row r="94168" spans="1:7" x14ac:dyDescent="0.3">
      <c r="A94168" s="13" t="s">
        <v>467</v>
      </c>
      <c r="B94168" s="14" t="s">
        <v>1</v>
      </c>
      <c r="C94168" s="14" t="s">
        <v>35</v>
      </c>
      <c r="D94168" s="14" t="s">
        <v>468</v>
      </c>
      <c r="E94168" s="15">
        <v>45739</v>
      </c>
      <c r="F94168" s="14" t="s">
        <v>25</v>
      </c>
      <c r="G94168" s="16">
        <v>0</v>
      </c>
    </row>
    <row r="94169" spans="1:7" x14ac:dyDescent="0.3">
      <c r="A94169" s="13" t="s">
        <v>467</v>
      </c>
      <c r="B94169" s="14" t="s">
        <v>1</v>
      </c>
      <c r="C94169" s="14" t="s">
        <v>35</v>
      </c>
      <c r="D94169" s="14" t="s">
        <v>468</v>
      </c>
      <c r="E94169" s="15">
        <v>45740</v>
      </c>
      <c r="F94169" s="14" t="s">
        <v>25</v>
      </c>
      <c r="G94169" s="16">
        <v>0</v>
      </c>
    </row>
    <row r="94170" spans="1:7" x14ac:dyDescent="0.3">
      <c r="A94170" s="13" t="s">
        <v>467</v>
      </c>
      <c r="B94170" s="14" t="s">
        <v>1</v>
      </c>
      <c r="C94170" s="14" t="s">
        <v>35</v>
      </c>
      <c r="D94170" s="14" t="s">
        <v>468</v>
      </c>
      <c r="E94170" s="15">
        <v>45741</v>
      </c>
      <c r="F94170" s="14" t="s">
        <v>25</v>
      </c>
      <c r="G94170" s="16">
        <v>0</v>
      </c>
    </row>
    <row r="94171" spans="1:7" x14ac:dyDescent="0.3">
      <c r="A94171" s="13" t="s">
        <v>467</v>
      </c>
      <c r="B94171" s="14" t="s">
        <v>1</v>
      </c>
      <c r="C94171" s="14" t="s">
        <v>35</v>
      </c>
      <c r="D94171" s="14" t="s">
        <v>468</v>
      </c>
      <c r="E94171" s="15">
        <v>45742</v>
      </c>
      <c r="F94171" s="14" t="s">
        <v>25</v>
      </c>
      <c r="G94171" s="16">
        <v>0</v>
      </c>
    </row>
    <row r="94172" spans="1:7" x14ac:dyDescent="0.3">
      <c r="A94172" s="13" t="s">
        <v>467</v>
      </c>
      <c r="B94172" s="14" t="s">
        <v>1</v>
      </c>
      <c r="C94172" s="14" t="s">
        <v>35</v>
      </c>
      <c r="D94172" s="14" t="s">
        <v>468</v>
      </c>
      <c r="E94172" s="15">
        <v>45743</v>
      </c>
      <c r="F94172" s="14" t="s">
        <v>25</v>
      </c>
      <c r="G94172" s="16">
        <v>0</v>
      </c>
    </row>
    <row r="94173" spans="1:7" x14ac:dyDescent="0.3">
      <c r="A94173" s="13" t="s">
        <v>467</v>
      </c>
      <c r="B94173" s="14" t="s">
        <v>1</v>
      </c>
      <c r="C94173" s="14" t="s">
        <v>35</v>
      </c>
      <c r="D94173" s="14" t="s">
        <v>468</v>
      </c>
      <c r="E94173" s="15">
        <v>45744</v>
      </c>
      <c r="F94173" s="14" t="s">
        <v>25</v>
      </c>
      <c r="G94173" s="16">
        <v>0</v>
      </c>
    </row>
    <row r="94174" spans="1:7" x14ac:dyDescent="0.3">
      <c r="A94174" s="13" t="s">
        <v>467</v>
      </c>
      <c r="B94174" s="14" t="s">
        <v>1</v>
      </c>
      <c r="C94174" s="14" t="s">
        <v>35</v>
      </c>
      <c r="D94174" s="14" t="s">
        <v>468</v>
      </c>
      <c r="E94174" s="15">
        <v>45745</v>
      </c>
      <c r="F94174" s="14" t="s">
        <v>25</v>
      </c>
      <c r="G94174" s="16">
        <v>0</v>
      </c>
    </row>
    <row r="94175" spans="1:7" x14ac:dyDescent="0.3">
      <c r="A94175" s="13" t="s">
        <v>467</v>
      </c>
      <c r="B94175" s="14" t="s">
        <v>1</v>
      </c>
      <c r="C94175" s="14" t="s">
        <v>35</v>
      </c>
      <c r="D94175" s="14" t="s">
        <v>468</v>
      </c>
      <c r="E94175" s="15">
        <v>45746</v>
      </c>
      <c r="F94175" s="14" t="s">
        <v>25</v>
      </c>
      <c r="G94175" s="16">
        <v>0</v>
      </c>
    </row>
    <row r="94176" spans="1:7" x14ac:dyDescent="0.3">
      <c r="A94176" s="13" t="s">
        <v>467</v>
      </c>
      <c r="B94176" s="14" t="s">
        <v>1</v>
      </c>
      <c r="C94176" s="14" t="s">
        <v>35</v>
      </c>
      <c r="D94176" s="14" t="s">
        <v>468</v>
      </c>
      <c r="E94176" s="15">
        <v>45747</v>
      </c>
      <c r="F94176" s="14" t="s">
        <v>25</v>
      </c>
      <c r="G94176" s="16">
        <v>0</v>
      </c>
    </row>
    <row r="94177" spans="1:7" x14ac:dyDescent="0.3">
      <c r="A94177" s="13" t="s">
        <v>469</v>
      </c>
      <c r="B94177" s="14" t="s">
        <v>1</v>
      </c>
      <c r="C94177" s="14" t="s">
        <v>238</v>
      </c>
      <c r="D94177" s="14" t="s">
        <v>333</v>
      </c>
      <c r="E94177" s="15">
        <v>45383</v>
      </c>
      <c r="F94177" s="14" t="s">
        <v>61</v>
      </c>
      <c r="G94177" s="16">
        <v>0</v>
      </c>
    </row>
    <row r="94178" spans="1:7" x14ac:dyDescent="0.3">
      <c r="A94178" s="13" t="s">
        <v>469</v>
      </c>
      <c r="B94178" s="14" t="s">
        <v>1</v>
      </c>
      <c r="C94178" s="14" t="s">
        <v>238</v>
      </c>
      <c r="D94178" s="14" t="s">
        <v>333</v>
      </c>
      <c r="E94178" s="15">
        <v>45384</v>
      </c>
      <c r="F94178" s="14" t="s">
        <v>61</v>
      </c>
      <c r="G94178" s="16">
        <v>0</v>
      </c>
    </row>
    <row r="94179" spans="1:7" x14ac:dyDescent="0.3">
      <c r="A94179" s="13" t="s">
        <v>469</v>
      </c>
      <c r="B94179" s="14" t="s">
        <v>1</v>
      </c>
      <c r="C94179" s="14" t="s">
        <v>238</v>
      </c>
      <c r="D94179" s="14" t="s">
        <v>333</v>
      </c>
      <c r="E94179" s="15">
        <v>45385</v>
      </c>
      <c r="F94179" s="14" t="s">
        <v>61</v>
      </c>
      <c r="G94179" s="16">
        <v>3.980083845513871E-2</v>
      </c>
    </row>
    <row r="94180" spans="1:7" x14ac:dyDescent="0.3">
      <c r="A94180" s="13" t="s">
        <v>469</v>
      </c>
      <c r="B94180" s="14" t="s">
        <v>1</v>
      </c>
      <c r="C94180" s="14" t="s">
        <v>238</v>
      </c>
      <c r="D94180" s="14" t="s">
        <v>333</v>
      </c>
      <c r="E94180" s="15">
        <v>45386</v>
      </c>
      <c r="F94180" s="14" t="s">
        <v>61</v>
      </c>
      <c r="G94180" s="16">
        <v>4.8922722728672839E-2</v>
      </c>
    </row>
    <row r="94181" spans="1:7" x14ac:dyDescent="0.3">
      <c r="A94181" s="13" t="s">
        <v>469</v>
      </c>
      <c r="B94181" s="14" t="s">
        <v>1</v>
      </c>
      <c r="C94181" s="14" t="s">
        <v>238</v>
      </c>
      <c r="D94181" s="14" t="s">
        <v>333</v>
      </c>
      <c r="E94181" s="15">
        <v>45387</v>
      </c>
      <c r="F94181" s="14" t="s">
        <v>61</v>
      </c>
      <c r="G94181" s="16">
        <v>5.6998115116137435E-2</v>
      </c>
    </row>
    <row r="94182" spans="1:7" x14ac:dyDescent="0.3">
      <c r="A94182" s="13" t="s">
        <v>469</v>
      </c>
      <c r="B94182" s="14" t="s">
        <v>1</v>
      </c>
      <c r="C94182" s="14" t="s">
        <v>238</v>
      </c>
      <c r="D94182" s="14" t="s">
        <v>333</v>
      </c>
      <c r="E94182" s="15">
        <v>45388</v>
      </c>
      <c r="F94182" s="14" t="s">
        <v>61</v>
      </c>
      <c r="G94182" s="16">
        <v>5.6998115116137435E-2</v>
      </c>
    </row>
    <row r="94183" spans="1:7" x14ac:dyDescent="0.3">
      <c r="A94183" s="13" t="s">
        <v>469</v>
      </c>
      <c r="B94183" s="14" t="s">
        <v>1</v>
      </c>
      <c r="C94183" s="14" t="s">
        <v>238</v>
      </c>
      <c r="D94183" s="14" t="s">
        <v>333</v>
      </c>
      <c r="E94183" s="15">
        <v>45389</v>
      </c>
      <c r="F94183" s="14" t="s">
        <v>61</v>
      </c>
      <c r="G94183" s="16">
        <v>5.6998115116137435E-2</v>
      </c>
    </row>
    <row r="94184" spans="1:7" x14ac:dyDescent="0.3">
      <c r="A94184" s="13" t="s">
        <v>469</v>
      </c>
      <c r="B94184" s="14" t="s">
        <v>1</v>
      </c>
      <c r="C94184" s="14" t="s">
        <v>238</v>
      </c>
      <c r="D94184" s="14" t="s">
        <v>333</v>
      </c>
      <c r="E94184" s="15">
        <v>45390</v>
      </c>
      <c r="F94184" s="14" t="s">
        <v>61</v>
      </c>
      <c r="G94184" s="16">
        <v>6.5594230783712307E-2</v>
      </c>
    </row>
    <row r="94185" spans="1:7" x14ac:dyDescent="0.3">
      <c r="A94185" s="13" t="s">
        <v>469</v>
      </c>
      <c r="B94185" s="14" t="s">
        <v>1</v>
      </c>
      <c r="C94185" s="14" t="s">
        <v>238</v>
      </c>
      <c r="D94185" s="14" t="s">
        <v>333</v>
      </c>
      <c r="E94185" s="15">
        <v>45391</v>
      </c>
      <c r="F94185" s="14" t="s">
        <v>61</v>
      </c>
      <c r="G94185" s="16">
        <v>8.9826475121375149E-2</v>
      </c>
    </row>
    <row r="94186" spans="1:7" x14ac:dyDescent="0.3">
      <c r="A94186" s="13" t="s">
        <v>469</v>
      </c>
      <c r="B94186" s="14" t="s">
        <v>1</v>
      </c>
      <c r="C94186" s="14" t="s">
        <v>238</v>
      </c>
      <c r="D94186" s="14" t="s">
        <v>333</v>
      </c>
      <c r="E94186" s="15">
        <v>45392</v>
      </c>
      <c r="F94186" s="14" t="s">
        <v>61</v>
      </c>
      <c r="G94186" s="16">
        <v>9.7915225312147081E-2</v>
      </c>
    </row>
    <row r="94187" spans="1:7" x14ac:dyDescent="0.3">
      <c r="A94187" s="13" t="s">
        <v>469</v>
      </c>
      <c r="B94187" s="14" t="s">
        <v>1</v>
      </c>
      <c r="C94187" s="14" t="s">
        <v>238</v>
      </c>
      <c r="D94187" s="14" t="s">
        <v>333</v>
      </c>
      <c r="E94187" s="15">
        <v>45393</v>
      </c>
      <c r="F94187" s="14" t="s">
        <v>61</v>
      </c>
      <c r="G94187" s="16">
        <v>0.10593706617056406</v>
      </c>
    </row>
    <row r="94188" spans="1:7" x14ac:dyDescent="0.3">
      <c r="A94188" s="13" t="s">
        <v>469</v>
      </c>
      <c r="B94188" s="14" t="s">
        <v>1</v>
      </c>
      <c r="C94188" s="14" t="s">
        <v>238</v>
      </c>
      <c r="D94188" s="14" t="s">
        <v>333</v>
      </c>
      <c r="E94188" s="15">
        <v>45394</v>
      </c>
      <c r="F94188" s="14" t="s">
        <v>61</v>
      </c>
      <c r="G94188" s="16">
        <v>0.11397909289044242</v>
      </c>
    </row>
    <row r="94189" spans="1:7" x14ac:dyDescent="0.3">
      <c r="A94189" s="13" t="s">
        <v>469</v>
      </c>
      <c r="B94189" s="14" t="s">
        <v>1</v>
      </c>
      <c r="C94189" s="14" t="s">
        <v>238</v>
      </c>
      <c r="D94189" s="14" t="s">
        <v>333</v>
      </c>
      <c r="E94189" s="15">
        <v>45395</v>
      </c>
      <c r="F94189" s="14" t="s">
        <v>61</v>
      </c>
      <c r="G94189" s="16">
        <v>0.11397909289044242</v>
      </c>
    </row>
    <row r="94190" spans="1:7" x14ac:dyDescent="0.3">
      <c r="A94190" s="13" t="s">
        <v>469</v>
      </c>
      <c r="B94190" s="14" t="s">
        <v>1</v>
      </c>
      <c r="C94190" s="14" t="s">
        <v>238</v>
      </c>
      <c r="D94190" s="14" t="s">
        <v>333</v>
      </c>
      <c r="E94190" s="15">
        <v>45396</v>
      </c>
      <c r="F94190" s="14" t="s">
        <v>61</v>
      </c>
      <c r="G94190" s="16">
        <v>0.11397909289044242</v>
      </c>
    </row>
    <row r="94191" spans="1:7" x14ac:dyDescent="0.3">
      <c r="A94191" s="13" t="s">
        <v>469</v>
      </c>
      <c r="B94191" s="14" t="s">
        <v>1</v>
      </c>
      <c r="C94191" s="14" t="s">
        <v>238</v>
      </c>
      <c r="D94191" s="14" t="s">
        <v>333</v>
      </c>
      <c r="E94191" s="15">
        <v>45397</v>
      </c>
      <c r="F94191" s="14" t="s">
        <v>61</v>
      </c>
      <c r="G94191" s="16">
        <v>0.12202431186689175</v>
      </c>
    </row>
    <row r="94192" spans="1:7" x14ac:dyDescent="0.3">
      <c r="A94192" s="13" t="s">
        <v>469</v>
      </c>
      <c r="B94192" s="14" t="s">
        <v>1</v>
      </c>
      <c r="C94192" s="14" t="s">
        <v>238</v>
      </c>
      <c r="D94192" s="14" t="s">
        <v>333</v>
      </c>
      <c r="E94192" s="15">
        <v>45398</v>
      </c>
      <c r="F94192" s="14" t="s">
        <v>61</v>
      </c>
      <c r="G94192" s="16">
        <v>0.14601339878611469</v>
      </c>
    </row>
    <row r="94193" spans="1:7" x14ac:dyDescent="0.3">
      <c r="A94193" s="13" t="s">
        <v>469</v>
      </c>
      <c r="B94193" s="14" t="s">
        <v>1</v>
      </c>
      <c r="C94193" s="14" t="s">
        <v>238</v>
      </c>
      <c r="D94193" s="14" t="s">
        <v>333</v>
      </c>
      <c r="E94193" s="15">
        <v>45399</v>
      </c>
      <c r="F94193" s="14" t="s">
        <v>61</v>
      </c>
      <c r="G94193" s="16">
        <v>0.15405675347582659</v>
      </c>
    </row>
    <row r="94194" spans="1:7" x14ac:dyDescent="0.3">
      <c r="A94194" s="13" t="s">
        <v>469</v>
      </c>
      <c r="B94194" s="14" t="s">
        <v>1</v>
      </c>
      <c r="C94194" s="14" t="s">
        <v>238</v>
      </c>
      <c r="D94194" s="14" t="s">
        <v>333</v>
      </c>
      <c r="E94194" s="15">
        <v>45400</v>
      </c>
      <c r="F94194" s="14" t="s">
        <v>61</v>
      </c>
      <c r="G94194" s="16">
        <v>0.16213977117488459</v>
      </c>
    </row>
    <row r="94195" spans="1:7" x14ac:dyDescent="0.3">
      <c r="A94195" s="13" t="s">
        <v>469</v>
      </c>
      <c r="B94195" s="14" t="s">
        <v>1</v>
      </c>
      <c r="C94195" s="14" t="s">
        <v>238</v>
      </c>
      <c r="D94195" s="14" t="s">
        <v>333</v>
      </c>
      <c r="E94195" s="15">
        <v>45401</v>
      </c>
      <c r="F94195" s="14" t="s">
        <v>61</v>
      </c>
      <c r="G94195" s="16">
        <v>0.17029701872421235</v>
      </c>
    </row>
    <row r="94196" spans="1:7" x14ac:dyDescent="0.3">
      <c r="A94196" s="13" t="s">
        <v>469</v>
      </c>
      <c r="B94196" s="14" t="s">
        <v>1</v>
      </c>
      <c r="C94196" s="14" t="s">
        <v>238</v>
      </c>
      <c r="D94196" s="14" t="s">
        <v>333</v>
      </c>
      <c r="E94196" s="15">
        <v>45402</v>
      </c>
      <c r="F94196" s="14" t="s">
        <v>61</v>
      </c>
      <c r="G94196" s="16">
        <v>0.17029701872421235</v>
      </c>
    </row>
    <row r="94197" spans="1:7" x14ac:dyDescent="0.3">
      <c r="A94197" s="13" t="s">
        <v>469</v>
      </c>
      <c r="B94197" s="14" t="s">
        <v>1</v>
      </c>
      <c r="C94197" s="14" t="s">
        <v>238</v>
      </c>
      <c r="D94197" s="14" t="s">
        <v>333</v>
      </c>
      <c r="E94197" s="15">
        <v>45403</v>
      </c>
      <c r="F94197" s="14" t="s">
        <v>61</v>
      </c>
      <c r="G94197" s="16">
        <v>0.17029701872421235</v>
      </c>
    </row>
    <row r="94198" spans="1:7" x14ac:dyDescent="0.3">
      <c r="A94198" s="13" t="s">
        <v>469</v>
      </c>
      <c r="B94198" s="14" t="s">
        <v>1</v>
      </c>
      <c r="C94198" s="14" t="s">
        <v>238</v>
      </c>
      <c r="D94198" s="14" t="s">
        <v>333</v>
      </c>
      <c r="E94198" s="15">
        <v>45404</v>
      </c>
      <c r="F94198" s="14" t="s">
        <v>61</v>
      </c>
      <c r="G94198" s="16">
        <v>0.17842254104741265</v>
      </c>
    </row>
    <row r="94199" spans="1:7" x14ac:dyDescent="0.3">
      <c r="A94199" s="13" t="s">
        <v>469</v>
      </c>
      <c r="B94199" s="14" t="s">
        <v>1</v>
      </c>
      <c r="C94199" s="14" t="s">
        <v>238</v>
      </c>
      <c r="D94199" s="14" t="s">
        <v>333</v>
      </c>
      <c r="E94199" s="15">
        <v>45405</v>
      </c>
      <c r="F94199" s="14" t="s">
        <v>61</v>
      </c>
      <c r="G94199" s="16">
        <v>0.20280121272424864</v>
      </c>
    </row>
    <row r="94200" spans="1:7" x14ac:dyDescent="0.3">
      <c r="A94200" s="13" t="s">
        <v>469</v>
      </c>
      <c r="B94200" s="14" t="s">
        <v>1</v>
      </c>
      <c r="C94200" s="14" t="s">
        <v>238</v>
      </c>
      <c r="D94200" s="14" t="s">
        <v>333</v>
      </c>
      <c r="E94200" s="15">
        <v>45406</v>
      </c>
      <c r="F94200" s="14" t="s">
        <v>61</v>
      </c>
      <c r="G94200" s="16">
        <v>0.21130578268722619</v>
      </c>
    </row>
    <row r="94201" spans="1:7" x14ac:dyDescent="0.3">
      <c r="A94201" s="13" t="s">
        <v>469</v>
      </c>
      <c r="B94201" s="14" t="s">
        <v>1</v>
      </c>
      <c r="C94201" s="14" t="s">
        <v>238</v>
      </c>
      <c r="D94201" s="14" t="s">
        <v>333</v>
      </c>
      <c r="E94201" s="15">
        <v>45407</v>
      </c>
      <c r="F94201" s="14" t="s">
        <v>61</v>
      </c>
      <c r="G94201" s="16">
        <v>0.21942506265061851</v>
      </c>
    </row>
    <row r="94202" spans="1:7" x14ac:dyDescent="0.3">
      <c r="A94202" s="13" t="s">
        <v>469</v>
      </c>
      <c r="B94202" s="14" t="s">
        <v>1</v>
      </c>
      <c r="C94202" s="14" t="s">
        <v>238</v>
      </c>
      <c r="D94202" s="14" t="s">
        <v>333</v>
      </c>
      <c r="E94202" s="15">
        <v>45408</v>
      </c>
      <c r="F94202" s="14" t="s">
        <v>61</v>
      </c>
      <c r="G94202" s="16">
        <v>0.23256466381119334</v>
      </c>
    </row>
    <row r="94203" spans="1:7" x14ac:dyDescent="0.3">
      <c r="A94203" s="13" t="s">
        <v>469</v>
      </c>
      <c r="B94203" s="14" t="s">
        <v>1</v>
      </c>
      <c r="C94203" s="14" t="s">
        <v>238</v>
      </c>
      <c r="D94203" s="14" t="s">
        <v>333</v>
      </c>
      <c r="E94203" s="15">
        <v>45409</v>
      </c>
      <c r="F94203" s="14" t="s">
        <v>61</v>
      </c>
      <c r="G94203" s="16">
        <v>0.23256466381119334</v>
      </c>
    </row>
    <row r="94204" spans="1:7" x14ac:dyDescent="0.3">
      <c r="A94204" s="13" t="s">
        <v>469</v>
      </c>
      <c r="B94204" s="14" t="s">
        <v>1</v>
      </c>
      <c r="C94204" s="14" t="s">
        <v>238</v>
      </c>
      <c r="D94204" s="14" t="s">
        <v>333</v>
      </c>
      <c r="E94204" s="15">
        <v>45410</v>
      </c>
      <c r="F94204" s="14" t="s">
        <v>61</v>
      </c>
      <c r="G94204" s="16">
        <v>0.23256466381119334</v>
      </c>
    </row>
    <row r="94205" spans="1:7" x14ac:dyDescent="0.3">
      <c r="A94205" s="13" t="s">
        <v>469</v>
      </c>
      <c r="B94205" s="14" t="s">
        <v>1</v>
      </c>
      <c r="C94205" s="14" t="s">
        <v>238</v>
      </c>
      <c r="D94205" s="14" t="s">
        <v>333</v>
      </c>
      <c r="E94205" s="15">
        <v>45411</v>
      </c>
      <c r="F94205" s="14" t="s">
        <v>61</v>
      </c>
      <c r="G94205" s="16">
        <v>0.24068151604386406</v>
      </c>
    </row>
    <row r="94206" spans="1:7" x14ac:dyDescent="0.3">
      <c r="A94206" s="13" t="s">
        <v>469</v>
      </c>
      <c r="B94206" s="14" t="s">
        <v>1</v>
      </c>
      <c r="C94206" s="14" t="s">
        <v>238</v>
      </c>
      <c r="D94206" s="14" t="s">
        <v>333</v>
      </c>
      <c r="E94206" s="15">
        <v>45412</v>
      </c>
      <c r="F94206" s="14" t="s">
        <v>61</v>
      </c>
      <c r="G94206" s="16">
        <v>0.26500577688037025</v>
      </c>
    </row>
    <row r="94207" spans="1:7" x14ac:dyDescent="0.3">
      <c r="A94207" s="13" t="s">
        <v>469</v>
      </c>
      <c r="B94207" s="14" t="s">
        <v>1</v>
      </c>
      <c r="C94207" s="14" t="s">
        <v>238</v>
      </c>
      <c r="D94207" s="14" t="s">
        <v>333</v>
      </c>
      <c r="E94207" s="15">
        <v>45413</v>
      </c>
      <c r="F94207" s="14" t="s">
        <v>61</v>
      </c>
      <c r="G94207" s="16">
        <v>0.26500577688037025</v>
      </c>
    </row>
    <row r="94208" spans="1:7" x14ac:dyDescent="0.3">
      <c r="A94208" s="13" t="s">
        <v>469</v>
      </c>
      <c r="B94208" s="14" t="s">
        <v>1</v>
      </c>
      <c r="C94208" s="14" t="s">
        <v>238</v>
      </c>
      <c r="D94208" s="14" t="s">
        <v>333</v>
      </c>
      <c r="E94208" s="15">
        <v>45414</v>
      </c>
      <c r="F94208" s="14" t="s">
        <v>61</v>
      </c>
      <c r="G94208" s="16">
        <v>0.27310234274585227</v>
      </c>
    </row>
    <row r="94209" spans="1:7" x14ac:dyDescent="0.3">
      <c r="A94209" s="13" t="s">
        <v>469</v>
      </c>
      <c r="B94209" s="14" t="s">
        <v>1</v>
      </c>
      <c r="C94209" s="14" t="s">
        <v>238</v>
      </c>
      <c r="D94209" s="14" t="s">
        <v>333</v>
      </c>
      <c r="E94209" s="15">
        <v>45415</v>
      </c>
      <c r="F94209" s="14" t="s">
        <v>61</v>
      </c>
      <c r="G94209" s="16">
        <v>0.28964903585570806</v>
      </c>
    </row>
    <row r="94210" spans="1:7" x14ac:dyDescent="0.3">
      <c r="A94210" s="13" t="s">
        <v>469</v>
      </c>
      <c r="B94210" s="14" t="s">
        <v>1</v>
      </c>
      <c r="C94210" s="14" t="s">
        <v>238</v>
      </c>
      <c r="D94210" s="14" t="s">
        <v>333</v>
      </c>
      <c r="E94210" s="15">
        <v>45416</v>
      </c>
      <c r="F94210" s="14" t="s">
        <v>61</v>
      </c>
      <c r="G94210" s="16">
        <v>0.28964903585570806</v>
      </c>
    </row>
    <row r="94211" spans="1:7" x14ac:dyDescent="0.3">
      <c r="A94211" s="13" t="s">
        <v>469</v>
      </c>
      <c r="B94211" s="14" t="s">
        <v>1</v>
      </c>
      <c r="C94211" s="14" t="s">
        <v>238</v>
      </c>
      <c r="D94211" s="14" t="s">
        <v>333</v>
      </c>
      <c r="E94211" s="15">
        <v>45417</v>
      </c>
      <c r="F94211" s="14" t="s">
        <v>61</v>
      </c>
      <c r="G94211" s="16">
        <v>0.28964903585570806</v>
      </c>
    </row>
    <row r="94212" spans="1:7" x14ac:dyDescent="0.3">
      <c r="A94212" s="13" t="s">
        <v>469</v>
      </c>
      <c r="B94212" s="14" t="s">
        <v>1</v>
      </c>
      <c r="C94212" s="14" t="s">
        <v>238</v>
      </c>
      <c r="D94212" s="14" t="s">
        <v>333</v>
      </c>
      <c r="E94212" s="15">
        <v>45418</v>
      </c>
      <c r="F94212" s="14" t="s">
        <v>61</v>
      </c>
      <c r="G94212" s="16">
        <v>0.28964903585570806</v>
      </c>
    </row>
    <row r="94213" spans="1:7" x14ac:dyDescent="0.3">
      <c r="A94213" s="13" t="s">
        <v>469</v>
      </c>
      <c r="B94213" s="14" t="s">
        <v>1</v>
      </c>
      <c r="C94213" s="14" t="s">
        <v>238</v>
      </c>
      <c r="D94213" s="14" t="s">
        <v>333</v>
      </c>
      <c r="E94213" s="15">
        <v>45419</v>
      </c>
      <c r="F94213" s="14" t="s">
        <v>61</v>
      </c>
      <c r="G94213" s="16">
        <v>0.29773517716477221</v>
      </c>
    </row>
    <row r="94214" spans="1:7" x14ac:dyDescent="0.3">
      <c r="A94214" s="13" t="s">
        <v>469</v>
      </c>
      <c r="B94214" s="14" t="s">
        <v>1</v>
      </c>
      <c r="C94214" s="14" t="s">
        <v>238</v>
      </c>
      <c r="D94214" s="14" t="s">
        <v>333</v>
      </c>
      <c r="E94214" s="15">
        <v>45420</v>
      </c>
      <c r="F94214" s="14" t="s">
        <v>61</v>
      </c>
      <c r="G94214" s="16">
        <v>0.33000371186811683</v>
      </c>
    </row>
    <row r="94215" spans="1:7" x14ac:dyDescent="0.3">
      <c r="A94215" s="13" t="s">
        <v>469</v>
      </c>
      <c r="B94215" s="14" t="s">
        <v>1</v>
      </c>
      <c r="C94215" s="14" t="s">
        <v>238</v>
      </c>
      <c r="D94215" s="14" t="s">
        <v>333</v>
      </c>
      <c r="E94215" s="15">
        <v>45421</v>
      </c>
      <c r="F94215" s="14" t="s">
        <v>61</v>
      </c>
      <c r="G94215" s="16">
        <v>0.33000371186811683</v>
      </c>
    </row>
    <row r="94216" spans="1:7" x14ac:dyDescent="0.3">
      <c r="A94216" s="13" t="s">
        <v>469</v>
      </c>
      <c r="B94216" s="14" t="s">
        <v>1</v>
      </c>
      <c r="C94216" s="14" t="s">
        <v>238</v>
      </c>
      <c r="D94216" s="14" t="s">
        <v>333</v>
      </c>
      <c r="E94216" s="15">
        <v>45422</v>
      </c>
      <c r="F94216" s="14" t="s">
        <v>61</v>
      </c>
      <c r="G94216" s="16">
        <v>0.33807760786694235</v>
      </c>
    </row>
    <row r="94217" spans="1:7" x14ac:dyDescent="0.3">
      <c r="A94217" s="13" t="s">
        <v>469</v>
      </c>
      <c r="B94217" s="14" t="s">
        <v>1</v>
      </c>
      <c r="C94217" s="14" t="s">
        <v>238</v>
      </c>
      <c r="D94217" s="14" t="s">
        <v>333</v>
      </c>
      <c r="E94217" s="15">
        <v>45423</v>
      </c>
      <c r="F94217" s="14" t="s">
        <v>61</v>
      </c>
      <c r="G94217" s="16">
        <v>0.33807760786694235</v>
      </c>
    </row>
    <row r="94218" spans="1:7" x14ac:dyDescent="0.3">
      <c r="A94218" s="13" t="s">
        <v>469</v>
      </c>
      <c r="B94218" s="14" t="s">
        <v>1</v>
      </c>
      <c r="C94218" s="14" t="s">
        <v>238</v>
      </c>
      <c r="D94218" s="14" t="s">
        <v>333</v>
      </c>
      <c r="E94218" s="15">
        <v>45424</v>
      </c>
      <c r="F94218" s="14" t="s">
        <v>61</v>
      </c>
      <c r="G94218" s="16">
        <v>0.33807760786694235</v>
      </c>
    </row>
    <row r="94219" spans="1:7" x14ac:dyDescent="0.3">
      <c r="A94219" s="13" t="s">
        <v>469</v>
      </c>
      <c r="B94219" s="14" t="s">
        <v>1</v>
      </c>
      <c r="C94219" s="14" t="s">
        <v>238</v>
      </c>
      <c r="D94219" s="14" t="s">
        <v>333</v>
      </c>
      <c r="E94219" s="15">
        <v>45425</v>
      </c>
      <c r="F94219" s="14" t="s">
        <v>61</v>
      </c>
      <c r="G94219" s="16">
        <v>0.35087526097956973</v>
      </c>
    </row>
    <row r="94220" spans="1:7" x14ac:dyDescent="0.3">
      <c r="A94220" s="13" t="s">
        <v>469</v>
      </c>
      <c r="B94220" s="14" t="s">
        <v>1</v>
      </c>
      <c r="C94220" s="14" t="s">
        <v>238</v>
      </c>
      <c r="D94220" s="14" t="s">
        <v>333</v>
      </c>
      <c r="E94220" s="15">
        <v>45426</v>
      </c>
      <c r="F94220" s="14" t="s">
        <v>61</v>
      </c>
      <c r="G94220" s="16">
        <v>0.37505392517178554</v>
      </c>
    </row>
    <row r="94221" spans="1:7" x14ac:dyDescent="0.3">
      <c r="A94221" s="13" t="s">
        <v>469</v>
      </c>
      <c r="B94221" s="14" t="s">
        <v>1</v>
      </c>
      <c r="C94221" s="14" t="s">
        <v>238</v>
      </c>
      <c r="D94221" s="14" t="s">
        <v>333</v>
      </c>
      <c r="E94221" s="15">
        <v>45427</v>
      </c>
      <c r="F94221" s="14" t="s">
        <v>61</v>
      </c>
      <c r="G94221" s="16">
        <v>0.38311284067271018</v>
      </c>
    </row>
    <row r="94222" spans="1:7" x14ac:dyDescent="0.3">
      <c r="A94222" s="13" t="s">
        <v>469</v>
      </c>
      <c r="B94222" s="14" t="s">
        <v>1</v>
      </c>
      <c r="C94222" s="14" t="s">
        <v>238</v>
      </c>
      <c r="D94222" s="14" t="s">
        <v>333</v>
      </c>
      <c r="E94222" s="15">
        <v>45428</v>
      </c>
      <c r="F94222" s="14" t="s">
        <v>61</v>
      </c>
      <c r="G94222" s="16">
        <v>0.39110214839483759</v>
      </c>
    </row>
    <row r="94223" spans="1:7" x14ac:dyDescent="0.3">
      <c r="A94223" s="13" t="s">
        <v>469</v>
      </c>
      <c r="B94223" s="14" t="s">
        <v>1</v>
      </c>
      <c r="C94223" s="14" t="s">
        <v>238</v>
      </c>
      <c r="D94223" s="14" t="s">
        <v>333</v>
      </c>
      <c r="E94223" s="15">
        <v>45429</v>
      </c>
      <c r="F94223" s="14" t="s">
        <v>61</v>
      </c>
      <c r="G94223" s="16">
        <v>0.39907936628054097</v>
      </c>
    </row>
    <row r="94224" spans="1:7" x14ac:dyDescent="0.3">
      <c r="A94224" s="13" t="s">
        <v>469</v>
      </c>
      <c r="B94224" s="14" t="s">
        <v>1</v>
      </c>
      <c r="C94224" s="14" t="s">
        <v>238</v>
      </c>
      <c r="D94224" s="14" t="s">
        <v>333</v>
      </c>
      <c r="E94224" s="15">
        <v>45430</v>
      </c>
      <c r="F94224" s="14" t="s">
        <v>61</v>
      </c>
      <c r="G94224" s="16">
        <v>0.39907936628054097</v>
      </c>
    </row>
    <row r="94225" spans="1:7" x14ac:dyDescent="0.3">
      <c r="A94225" s="13" t="s">
        <v>469</v>
      </c>
      <c r="B94225" s="14" t="s">
        <v>1</v>
      </c>
      <c r="C94225" s="14" t="s">
        <v>238</v>
      </c>
      <c r="D94225" s="14" t="s">
        <v>333</v>
      </c>
      <c r="E94225" s="15">
        <v>45431</v>
      </c>
      <c r="F94225" s="14" t="s">
        <v>61</v>
      </c>
      <c r="G94225" s="16">
        <v>0.39907936628054097</v>
      </c>
    </row>
    <row r="94226" spans="1:7" x14ac:dyDescent="0.3">
      <c r="A94226" s="13" t="s">
        <v>469</v>
      </c>
      <c r="B94226" s="14" t="s">
        <v>1</v>
      </c>
      <c r="C94226" s="14" t="s">
        <v>238</v>
      </c>
      <c r="D94226" s="14" t="s">
        <v>333</v>
      </c>
      <c r="E94226" s="15">
        <v>45432</v>
      </c>
      <c r="F94226" s="14" t="s">
        <v>61</v>
      </c>
      <c r="G94226" s="16">
        <v>0.39907936628054097</v>
      </c>
    </row>
    <row r="94227" spans="1:7" x14ac:dyDescent="0.3">
      <c r="A94227" s="13" t="s">
        <v>469</v>
      </c>
      <c r="B94227" s="14" t="s">
        <v>1</v>
      </c>
      <c r="C94227" s="14" t="s">
        <v>238</v>
      </c>
      <c r="D94227" s="14" t="s">
        <v>333</v>
      </c>
      <c r="E94227" s="15">
        <v>45433</v>
      </c>
      <c r="F94227" s="14" t="s">
        <v>61</v>
      </c>
      <c r="G94227" s="16">
        <v>0.40717944983348237</v>
      </c>
    </row>
    <row r="94228" spans="1:7" x14ac:dyDescent="0.3">
      <c r="A94228" s="13" t="s">
        <v>469</v>
      </c>
      <c r="B94228" s="14" t="s">
        <v>1</v>
      </c>
      <c r="C94228" s="14" t="s">
        <v>238</v>
      </c>
      <c r="D94228" s="14" t="s">
        <v>333</v>
      </c>
      <c r="E94228" s="15">
        <v>45434</v>
      </c>
      <c r="F94228" s="14" t="s">
        <v>61</v>
      </c>
      <c r="G94228" s="16">
        <v>0.43968035538905276</v>
      </c>
    </row>
    <row r="94229" spans="1:7" x14ac:dyDescent="0.3">
      <c r="A94229" s="13" t="s">
        <v>469</v>
      </c>
      <c r="B94229" s="14" t="s">
        <v>1</v>
      </c>
      <c r="C94229" s="14" t="s">
        <v>238</v>
      </c>
      <c r="D94229" s="14" t="s">
        <v>333</v>
      </c>
      <c r="E94229" s="15">
        <v>45435</v>
      </c>
      <c r="F94229" s="14" t="s">
        <v>61</v>
      </c>
      <c r="G94229" s="16">
        <v>0.4478058371452267</v>
      </c>
    </row>
    <row r="94230" spans="1:7" x14ac:dyDescent="0.3">
      <c r="A94230" s="13" t="s">
        <v>469</v>
      </c>
      <c r="B94230" s="14" t="s">
        <v>1</v>
      </c>
      <c r="C94230" s="14" t="s">
        <v>238</v>
      </c>
      <c r="D94230" s="14" t="s">
        <v>333</v>
      </c>
      <c r="E94230" s="15">
        <v>45436</v>
      </c>
      <c r="F94230" s="14" t="s">
        <v>61</v>
      </c>
      <c r="G94230" s="16">
        <v>0.45593378809659513</v>
      </c>
    </row>
    <row r="94231" spans="1:7" x14ac:dyDescent="0.3">
      <c r="A94231" s="13" t="s">
        <v>469</v>
      </c>
      <c r="B94231" s="14" t="s">
        <v>1</v>
      </c>
      <c r="C94231" s="14" t="s">
        <v>238</v>
      </c>
      <c r="D94231" s="14" t="s">
        <v>333</v>
      </c>
      <c r="E94231" s="15">
        <v>45437</v>
      </c>
      <c r="F94231" s="14" t="s">
        <v>61</v>
      </c>
      <c r="G94231" s="16">
        <v>0.45593378809659513</v>
      </c>
    </row>
    <row r="94232" spans="1:7" x14ac:dyDescent="0.3">
      <c r="A94232" s="13" t="s">
        <v>469</v>
      </c>
      <c r="B94232" s="14" t="s">
        <v>1</v>
      </c>
      <c r="C94232" s="14" t="s">
        <v>238</v>
      </c>
      <c r="D94232" s="14" t="s">
        <v>333</v>
      </c>
      <c r="E94232" s="15">
        <v>45438</v>
      </c>
      <c r="F94232" s="14" t="s">
        <v>61</v>
      </c>
      <c r="G94232" s="16">
        <v>0.45593378809659513</v>
      </c>
    </row>
    <row r="94233" spans="1:7" x14ac:dyDescent="0.3">
      <c r="A94233" s="13" t="s">
        <v>469</v>
      </c>
      <c r="B94233" s="14" t="s">
        <v>1</v>
      </c>
      <c r="C94233" s="14" t="s">
        <v>238</v>
      </c>
      <c r="D94233" s="14" t="s">
        <v>333</v>
      </c>
      <c r="E94233" s="15">
        <v>45439</v>
      </c>
      <c r="F94233" s="14" t="s">
        <v>61</v>
      </c>
      <c r="G94233" s="16">
        <v>0.46408243478421157</v>
      </c>
    </row>
    <row r="94234" spans="1:7" x14ac:dyDescent="0.3">
      <c r="A94234" s="13" t="s">
        <v>469</v>
      </c>
      <c r="B94234" s="14" t="s">
        <v>1</v>
      </c>
      <c r="C94234" s="14" t="s">
        <v>238</v>
      </c>
      <c r="D94234" s="14" t="s">
        <v>333</v>
      </c>
      <c r="E94234" s="15">
        <v>45440</v>
      </c>
      <c r="F94234" s="14" t="s">
        <v>61</v>
      </c>
      <c r="G94234" s="16">
        <v>0.48837801650615192</v>
      </c>
    </row>
    <row r="94235" spans="1:7" x14ac:dyDescent="0.3">
      <c r="A94235" s="13" t="s">
        <v>469</v>
      </c>
      <c r="B94235" s="14" t="s">
        <v>1</v>
      </c>
      <c r="C94235" s="14" t="s">
        <v>238</v>
      </c>
      <c r="D94235" s="14" t="s">
        <v>333</v>
      </c>
      <c r="E94235" s="15">
        <v>45441</v>
      </c>
      <c r="F94235" s="14" t="s">
        <v>61</v>
      </c>
      <c r="G94235" s="16">
        <v>0.49654629719343674</v>
      </c>
    </row>
    <row r="94236" spans="1:7" x14ac:dyDescent="0.3">
      <c r="A94236" s="13" t="s">
        <v>469</v>
      </c>
      <c r="B94236" s="14" t="s">
        <v>1</v>
      </c>
      <c r="C94236" s="14" t="s">
        <v>238</v>
      </c>
      <c r="D94236" s="14" t="s">
        <v>333</v>
      </c>
      <c r="E94236" s="15">
        <v>45442</v>
      </c>
      <c r="F94236" s="14" t="s">
        <v>61</v>
      </c>
      <c r="G94236" s="16">
        <v>0.4987671306915642</v>
      </c>
    </row>
    <row r="94237" spans="1:7" x14ac:dyDescent="0.3">
      <c r="A94237" s="13" t="s">
        <v>469</v>
      </c>
      <c r="B94237" s="14" t="s">
        <v>1</v>
      </c>
      <c r="C94237" s="14" t="s">
        <v>238</v>
      </c>
      <c r="D94237" s="14" t="s">
        <v>333</v>
      </c>
      <c r="E94237" s="15">
        <v>45443</v>
      </c>
      <c r="F94237" s="14" t="s">
        <v>61</v>
      </c>
      <c r="G94237" s="16">
        <v>0.50690554440001723</v>
      </c>
    </row>
    <row r="94238" spans="1:7" x14ac:dyDescent="0.3">
      <c r="A94238" s="13" t="s">
        <v>469</v>
      </c>
      <c r="B94238" s="14" t="s">
        <v>1</v>
      </c>
      <c r="C94238" s="14" t="s">
        <v>238</v>
      </c>
      <c r="D94238" s="14" t="s">
        <v>333</v>
      </c>
      <c r="E94238" s="15">
        <v>45444</v>
      </c>
      <c r="F94238" s="14" t="s">
        <v>61</v>
      </c>
      <c r="G94238" s="16">
        <v>0.50690554440001723</v>
      </c>
    </row>
    <row r="94239" spans="1:7" x14ac:dyDescent="0.3">
      <c r="A94239" s="13" t="s">
        <v>469</v>
      </c>
      <c r="B94239" s="14" t="s">
        <v>1</v>
      </c>
      <c r="C94239" s="14" t="s">
        <v>238</v>
      </c>
      <c r="D94239" s="14" t="s">
        <v>333</v>
      </c>
      <c r="E94239" s="15">
        <v>45445</v>
      </c>
      <c r="F94239" s="14" t="s">
        <v>61</v>
      </c>
      <c r="G94239" s="16">
        <v>0.50690554440001723</v>
      </c>
    </row>
    <row r="94240" spans="1:7" x14ac:dyDescent="0.3">
      <c r="A94240" s="13" t="s">
        <v>469</v>
      </c>
      <c r="B94240" s="14" t="s">
        <v>1</v>
      </c>
      <c r="C94240" s="14" t="s">
        <v>238</v>
      </c>
      <c r="D94240" s="14" t="s">
        <v>333</v>
      </c>
      <c r="E94240" s="15">
        <v>45446</v>
      </c>
      <c r="F94240" s="14" t="s">
        <v>61</v>
      </c>
      <c r="G94240" s="16">
        <v>0.50690554440001723</v>
      </c>
    </row>
    <row r="94241" spans="1:7" x14ac:dyDescent="0.3">
      <c r="A94241" s="13" t="s">
        <v>469</v>
      </c>
      <c r="B94241" s="14" t="s">
        <v>1</v>
      </c>
      <c r="C94241" s="14" t="s">
        <v>238</v>
      </c>
      <c r="D94241" s="14" t="s">
        <v>333</v>
      </c>
      <c r="E94241" s="15">
        <v>45447</v>
      </c>
      <c r="F94241" s="14" t="s">
        <v>61</v>
      </c>
      <c r="G94241" s="16">
        <v>0.51504549842461944</v>
      </c>
    </row>
    <row r="94242" spans="1:7" x14ac:dyDescent="0.3">
      <c r="A94242" s="13" t="s">
        <v>469</v>
      </c>
      <c r="B94242" s="14" t="s">
        <v>1</v>
      </c>
      <c r="C94242" s="14" t="s">
        <v>238</v>
      </c>
      <c r="D94242" s="14" t="s">
        <v>333</v>
      </c>
      <c r="E94242" s="15">
        <v>45448</v>
      </c>
      <c r="F94242" s="14" t="s">
        <v>61</v>
      </c>
      <c r="G94242" s="16">
        <v>0.54793109624204317</v>
      </c>
    </row>
    <row r="94243" spans="1:7" x14ac:dyDescent="0.3">
      <c r="A94243" s="13" t="s">
        <v>469</v>
      </c>
      <c r="B94243" s="14" t="s">
        <v>1</v>
      </c>
      <c r="C94243" s="14" t="s">
        <v>238</v>
      </c>
      <c r="D94243" s="14" t="s">
        <v>333</v>
      </c>
      <c r="E94243" s="15">
        <v>45449</v>
      </c>
      <c r="F94243" s="14" t="s">
        <v>61</v>
      </c>
      <c r="G94243" s="16">
        <v>0.55608831028512251</v>
      </c>
    </row>
    <row r="94244" spans="1:7" x14ac:dyDescent="0.3">
      <c r="A94244" s="13" t="s">
        <v>469</v>
      </c>
      <c r="B94244" s="14" t="s">
        <v>1</v>
      </c>
      <c r="C94244" s="14" t="s">
        <v>238</v>
      </c>
      <c r="D94244" s="14" t="s">
        <v>333</v>
      </c>
      <c r="E94244" s="15">
        <v>45450</v>
      </c>
      <c r="F94244" s="14" t="s">
        <v>61</v>
      </c>
      <c r="G94244" s="16">
        <v>0.56425000894225075</v>
      </c>
    </row>
    <row r="94245" spans="1:7" x14ac:dyDescent="0.3">
      <c r="A94245" s="13" t="s">
        <v>469</v>
      </c>
      <c r="B94245" s="14" t="s">
        <v>1</v>
      </c>
      <c r="C94245" s="14" t="s">
        <v>238</v>
      </c>
      <c r="D94245" s="14" t="s">
        <v>333</v>
      </c>
      <c r="E94245" s="15">
        <v>45451</v>
      </c>
      <c r="F94245" s="14" t="s">
        <v>61</v>
      </c>
      <c r="G94245" s="16">
        <v>0.56425000894225075</v>
      </c>
    </row>
    <row r="94246" spans="1:7" x14ac:dyDescent="0.3">
      <c r="A94246" s="13" t="s">
        <v>469</v>
      </c>
      <c r="B94246" s="14" t="s">
        <v>1</v>
      </c>
      <c r="C94246" s="14" t="s">
        <v>238</v>
      </c>
      <c r="D94246" s="14" t="s">
        <v>333</v>
      </c>
      <c r="E94246" s="15">
        <v>45452</v>
      </c>
      <c r="F94246" s="14" t="s">
        <v>61</v>
      </c>
      <c r="G94246" s="16">
        <v>0.56425000894225075</v>
      </c>
    </row>
    <row r="94247" spans="1:7" x14ac:dyDescent="0.3">
      <c r="A94247" s="13" t="s">
        <v>469</v>
      </c>
      <c r="B94247" s="14" t="s">
        <v>1</v>
      </c>
      <c r="C94247" s="14" t="s">
        <v>238</v>
      </c>
      <c r="D94247" s="14" t="s">
        <v>333</v>
      </c>
      <c r="E94247" s="15">
        <v>45453</v>
      </c>
      <c r="F94247" s="14" t="s">
        <v>61</v>
      </c>
      <c r="G94247" s="16">
        <v>0.57294632823504787</v>
      </c>
    </row>
    <row r="94248" spans="1:7" x14ac:dyDescent="0.3">
      <c r="A94248" s="13" t="s">
        <v>469</v>
      </c>
      <c r="B94248" s="14" t="s">
        <v>1</v>
      </c>
      <c r="C94248" s="14" t="s">
        <v>238</v>
      </c>
      <c r="D94248" s="14" t="s">
        <v>333</v>
      </c>
      <c r="E94248" s="15">
        <v>45454</v>
      </c>
      <c r="F94248" s="14" t="s">
        <v>61</v>
      </c>
      <c r="G94248" s="16">
        <v>0.597425041368424</v>
      </c>
    </row>
    <row r="94249" spans="1:7" x14ac:dyDescent="0.3">
      <c r="A94249" s="13" t="s">
        <v>469</v>
      </c>
      <c r="B94249" s="14" t="s">
        <v>1</v>
      </c>
      <c r="C94249" s="14" t="s">
        <v>238</v>
      </c>
      <c r="D94249" s="14" t="s">
        <v>333</v>
      </c>
      <c r="E94249" s="15">
        <v>45455</v>
      </c>
      <c r="F94249" s="14" t="s">
        <v>61</v>
      </c>
      <c r="G94249" s="16">
        <v>0.60529747131821865</v>
      </c>
    </row>
    <row r="94250" spans="1:7" x14ac:dyDescent="0.3">
      <c r="A94250" s="13" t="s">
        <v>469</v>
      </c>
      <c r="B94250" s="14" t="s">
        <v>1</v>
      </c>
      <c r="C94250" s="14" t="s">
        <v>238</v>
      </c>
      <c r="D94250" s="14" t="s">
        <v>333</v>
      </c>
      <c r="E94250" s="15">
        <v>45456</v>
      </c>
      <c r="F94250" s="14" t="s">
        <v>61</v>
      </c>
      <c r="G94250" s="16">
        <v>0.6134508854668197</v>
      </c>
    </row>
    <row r="94251" spans="1:7" x14ac:dyDescent="0.3">
      <c r="A94251" s="13" t="s">
        <v>469</v>
      </c>
      <c r="B94251" s="14" t="s">
        <v>1</v>
      </c>
      <c r="C94251" s="14" t="s">
        <v>238</v>
      </c>
      <c r="D94251" s="14" t="s">
        <v>333</v>
      </c>
      <c r="E94251" s="15">
        <v>45457</v>
      </c>
      <c r="F94251" s="14" t="s">
        <v>61</v>
      </c>
      <c r="G94251" s="16">
        <v>0.62160891698479226</v>
      </c>
    </row>
    <row r="94252" spans="1:7" x14ac:dyDescent="0.3">
      <c r="A94252" s="13" t="s">
        <v>469</v>
      </c>
      <c r="B94252" s="14" t="s">
        <v>1</v>
      </c>
      <c r="C94252" s="14" t="s">
        <v>238</v>
      </c>
      <c r="D94252" s="14" t="s">
        <v>333</v>
      </c>
      <c r="E94252" s="15">
        <v>45458</v>
      </c>
      <c r="F94252" s="14" t="s">
        <v>61</v>
      </c>
      <c r="G94252" s="16">
        <v>0.62160891698479226</v>
      </c>
    </row>
    <row r="94253" spans="1:7" x14ac:dyDescent="0.3">
      <c r="A94253" s="13" t="s">
        <v>469</v>
      </c>
      <c r="B94253" s="14" t="s">
        <v>1</v>
      </c>
      <c r="C94253" s="14" t="s">
        <v>238</v>
      </c>
      <c r="D94253" s="14" t="s">
        <v>333</v>
      </c>
      <c r="E94253" s="15">
        <v>45459</v>
      </c>
      <c r="F94253" s="14" t="s">
        <v>61</v>
      </c>
      <c r="G94253" s="16">
        <v>0.62160891698479226</v>
      </c>
    </row>
    <row r="94254" spans="1:7" x14ac:dyDescent="0.3">
      <c r="A94254" s="13" t="s">
        <v>469</v>
      </c>
      <c r="B94254" s="14" t="s">
        <v>1</v>
      </c>
      <c r="C94254" s="14" t="s">
        <v>238</v>
      </c>
      <c r="D94254" s="14" t="s">
        <v>333</v>
      </c>
      <c r="E94254" s="15">
        <v>45460</v>
      </c>
      <c r="F94254" s="14" t="s">
        <v>61</v>
      </c>
      <c r="G94254" s="16">
        <v>0.62975746678141009</v>
      </c>
    </row>
    <row r="94255" spans="1:7" x14ac:dyDescent="0.3">
      <c r="A94255" s="13" t="s">
        <v>469</v>
      </c>
      <c r="B94255" s="14" t="s">
        <v>1</v>
      </c>
      <c r="C94255" s="14" t="s">
        <v>238</v>
      </c>
      <c r="D94255" s="14" t="s">
        <v>333</v>
      </c>
      <c r="E94255" s="15">
        <v>45461</v>
      </c>
      <c r="F94255" s="14" t="s">
        <v>61</v>
      </c>
      <c r="G94255" s="16">
        <v>0.65422314541622717</v>
      </c>
    </row>
    <row r="94256" spans="1:7" x14ac:dyDescent="0.3">
      <c r="A94256" s="13" t="s">
        <v>469</v>
      </c>
      <c r="B94256" s="14" t="s">
        <v>1</v>
      </c>
      <c r="C94256" s="14" t="s">
        <v>238</v>
      </c>
      <c r="D94256" s="14" t="s">
        <v>333</v>
      </c>
      <c r="E94256" s="15">
        <v>45462</v>
      </c>
      <c r="F94256" s="14" t="s">
        <v>61</v>
      </c>
      <c r="G94256" s="16">
        <v>0.66235037723429169</v>
      </c>
    </row>
    <row r="94257" spans="1:7" x14ac:dyDescent="0.3">
      <c r="A94257" s="13" t="s">
        <v>469</v>
      </c>
      <c r="B94257" s="14" t="s">
        <v>1</v>
      </c>
      <c r="C94257" s="14" t="s">
        <v>238</v>
      </c>
      <c r="D94257" s="14" t="s">
        <v>333</v>
      </c>
      <c r="E94257" s="15">
        <v>45463</v>
      </c>
      <c r="F94257" s="14" t="s">
        <v>61</v>
      </c>
      <c r="G94257" s="16">
        <v>0.67046864998550237</v>
      </c>
    </row>
    <row r="94258" spans="1:7" x14ac:dyDescent="0.3">
      <c r="A94258" s="13" t="s">
        <v>469</v>
      </c>
      <c r="B94258" s="14" t="s">
        <v>1</v>
      </c>
      <c r="C94258" s="14" t="s">
        <v>238</v>
      </c>
      <c r="D94258" s="14" t="s">
        <v>333</v>
      </c>
      <c r="E94258" s="15">
        <v>45464</v>
      </c>
      <c r="F94258" s="14" t="s">
        <v>61</v>
      </c>
      <c r="G94258" s="16">
        <v>0.6786134082804427</v>
      </c>
    </row>
    <row r="94259" spans="1:7" x14ac:dyDescent="0.3">
      <c r="A94259" s="13" t="s">
        <v>469</v>
      </c>
      <c r="B94259" s="14" t="s">
        <v>1</v>
      </c>
      <c r="C94259" s="14" t="s">
        <v>238</v>
      </c>
      <c r="D94259" s="14" t="s">
        <v>333</v>
      </c>
      <c r="E94259" s="15">
        <v>45465</v>
      </c>
      <c r="F94259" s="14" t="s">
        <v>61</v>
      </c>
      <c r="G94259" s="16">
        <v>0.6786134082804427</v>
      </c>
    </row>
    <row r="94260" spans="1:7" x14ac:dyDescent="0.3">
      <c r="A94260" s="13" t="s">
        <v>469</v>
      </c>
      <c r="B94260" s="14" t="s">
        <v>1</v>
      </c>
      <c r="C94260" s="14" t="s">
        <v>238</v>
      </c>
      <c r="D94260" s="14" t="s">
        <v>333</v>
      </c>
      <c r="E94260" s="15">
        <v>45466</v>
      </c>
      <c r="F94260" s="14" t="s">
        <v>61</v>
      </c>
      <c r="G94260" s="16">
        <v>0.6786134082804427</v>
      </c>
    </row>
    <row r="94261" spans="1:7" x14ac:dyDescent="0.3">
      <c r="A94261" s="13" t="s">
        <v>469</v>
      </c>
      <c r="B94261" s="14" t="s">
        <v>1</v>
      </c>
      <c r="C94261" s="14" t="s">
        <v>238</v>
      </c>
      <c r="D94261" s="14" t="s">
        <v>333</v>
      </c>
      <c r="E94261" s="15">
        <v>45467</v>
      </c>
      <c r="F94261" s="14" t="s">
        <v>61</v>
      </c>
      <c r="G94261" s="16">
        <v>0.69140137510521382</v>
      </c>
    </row>
    <row r="94262" spans="1:7" x14ac:dyDescent="0.3">
      <c r="A94262" s="13" t="s">
        <v>469</v>
      </c>
      <c r="B94262" s="14" t="s">
        <v>1</v>
      </c>
      <c r="C94262" s="14" t="s">
        <v>238</v>
      </c>
      <c r="D94262" s="14" t="s">
        <v>333</v>
      </c>
      <c r="E94262" s="15">
        <v>45468</v>
      </c>
      <c r="F94262" s="14" t="s">
        <v>61</v>
      </c>
      <c r="G94262" s="16">
        <v>0.71758036037238404</v>
      </c>
    </row>
    <row r="94263" spans="1:7" x14ac:dyDescent="0.3">
      <c r="A94263" s="13" t="s">
        <v>469</v>
      </c>
      <c r="B94263" s="14" t="s">
        <v>1</v>
      </c>
      <c r="C94263" s="14" t="s">
        <v>238</v>
      </c>
      <c r="D94263" s="14" t="s">
        <v>333</v>
      </c>
      <c r="E94263" s="15">
        <v>45469</v>
      </c>
      <c r="F94263" s="14" t="s">
        <v>61</v>
      </c>
      <c r="G94263" s="16">
        <v>0.7257489322841969</v>
      </c>
    </row>
    <row r="94264" spans="1:7" x14ac:dyDescent="0.3">
      <c r="A94264" s="13" t="s">
        <v>469</v>
      </c>
      <c r="B94264" s="14" t="s">
        <v>1</v>
      </c>
      <c r="C94264" s="14" t="s">
        <v>238</v>
      </c>
      <c r="D94264" s="14" t="s">
        <v>333</v>
      </c>
      <c r="E94264" s="15">
        <v>45470</v>
      </c>
      <c r="F94264" s="14" t="s">
        <v>61</v>
      </c>
      <c r="G94264" s="16">
        <v>0.73391144806145336</v>
      </c>
    </row>
    <row r="94265" spans="1:7" x14ac:dyDescent="0.3">
      <c r="A94265" s="13" t="s">
        <v>469</v>
      </c>
      <c r="B94265" s="14" t="s">
        <v>1</v>
      </c>
      <c r="C94265" s="14" t="s">
        <v>238</v>
      </c>
      <c r="D94265" s="14" t="s">
        <v>333</v>
      </c>
      <c r="E94265" s="15">
        <v>45471</v>
      </c>
      <c r="F94265" s="14" t="s">
        <v>61</v>
      </c>
      <c r="G94265" s="16">
        <v>0.74209481037626579</v>
      </c>
    </row>
    <row r="94266" spans="1:7" x14ac:dyDescent="0.3">
      <c r="A94266" s="13" t="s">
        <v>469</v>
      </c>
      <c r="B94266" s="14" t="s">
        <v>1</v>
      </c>
      <c r="C94266" s="14" t="s">
        <v>238</v>
      </c>
      <c r="D94266" s="14" t="s">
        <v>333</v>
      </c>
      <c r="E94266" s="15">
        <v>45472</v>
      </c>
      <c r="F94266" s="14" t="s">
        <v>61</v>
      </c>
      <c r="G94266" s="16">
        <v>0.74209481037626579</v>
      </c>
    </row>
    <row r="94267" spans="1:7" x14ac:dyDescent="0.3">
      <c r="A94267" s="13" t="s">
        <v>469</v>
      </c>
      <c r="B94267" s="14" t="s">
        <v>1</v>
      </c>
      <c r="C94267" s="14" t="s">
        <v>238</v>
      </c>
      <c r="D94267" s="14" t="s">
        <v>333</v>
      </c>
      <c r="E94267" s="15">
        <v>45473</v>
      </c>
      <c r="F94267" s="14" t="s">
        <v>61</v>
      </c>
      <c r="G94267" s="16">
        <v>0.74209481037626579</v>
      </c>
    </row>
    <row r="94268" spans="1:7" x14ac:dyDescent="0.3">
      <c r="A94268" s="13" t="s">
        <v>469</v>
      </c>
      <c r="B94268" s="14" t="s">
        <v>1</v>
      </c>
      <c r="C94268" s="14" t="s">
        <v>238</v>
      </c>
      <c r="D94268" s="14" t="s">
        <v>333</v>
      </c>
      <c r="E94268" s="15">
        <v>45474</v>
      </c>
      <c r="F94268" s="14" t="s">
        <v>61</v>
      </c>
      <c r="G94268" s="16">
        <v>0.75024358863712515</v>
      </c>
    </row>
    <row r="94269" spans="1:7" x14ac:dyDescent="0.3">
      <c r="A94269" s="13" t="s">
        <v>469</v>
      </c>
      <c r="B94269" s="14" t="s">
        <v>1</v>
      </c>
      <c r="C94269" s="14" t="s">
        <v>238</v>
      </c>
      <c r="D94269" s="14" t="s">
        <v>333</v>
      </c>
      <c r="E94269" s="15">
        <v>45475</v>
      </c>
      <c r="F94269" s="14" t="s">
        <v>61</v>
      </c>
      <c r="G94269" s="16">
        <v>0.77485839439919357</v>
      </c>
    </row>
    <row r="94270" spans="1:7" x14ac:dyDescent="0.3">
      <c r="A94270" s="13" t="s">
        <v>469</v>
      </c>
      <c r="B94270" s="14" t="s">
        <v>1</v>
      </c>
      <c r="C94270" s="14" t="s">
        <v>238</v>
      </c>
      <c r="D94270" s="14" t="s">
        <v>333</v>
      </c>
      <c r="E94270" s="15">
        <v>45476</v>
      </c>
      <c r="F94270" s="14" t="s">
        <v>61</v>
      </c>
      <c r="G94270" s="16">
        <v>0.78305986188555032</v>
      </c>
    </row>
    <row r="94271" spans="1:7" x14ac:dyDescent="0.3">
      <c r="A94271" s="13" t="s">
        <v>469</v>
      </c>
      <c r="B94271" s="14" t="s">
        <v>1</v>
      </c>
      <c r="C94271" s="14" t="s">
        <v>238</v>
      </c>
      <c r="D94271" s="14" t="s">
        <v>333</v>
      </c>
      <c r="E94271" s="15">
        <v>45477</v>
      </c>
      <c r="F94271" s="14" t="s">
        <v>61</v>
      </c>
      <c r="G94271" s="16">
        <v>0.7912053803278204</v>
      </c>
    </row>
    <row r="94272" spans="1:7" x14ac:dyDescent="0.3">
      <c r="A94272" s="13" t="s">
        <v>469</v>
      </c>
      <c r="B94272" s="14" t="s">
        <v>1</v>
      </c>
      <c r="C94272" s="14" t="s">
        <v>238</v>
      </c>
      <c r="D94272" s="14" t="s">
        <v>333</v>
      </c>
      <c r="E94272" s="15">
        <v>45478</v>
      </c>
      <c r="F94272" s="14" t="s">
        <v>61</v>
      </c>
      <c r="G94272" s="16">
        <v>0.79930210747929087</v>
      </c>
    </row>
    <row r="94273" spans="1:7" x14ac:dyDescent="0.3">
      <c r="A94273" s="13" t="s">
        <v>469</v>
      </c>
      <c r="B94273" s="14" t="s">
        <v>1</v>
      </c>
      <c r="C94273" s="14" t="s">
        <v>238</v>
      </c>
      <c r="D94273" s="14" t="s">
        <v>333</v>
      </c>
      <c r="E94273" s="15">
        <v>45479</v>
      </c>
      <c r="F94273" s="14" t="s">
        <v>61</v>
      </c>
      <c r="G94273" s="16">
        <v>0.79930210747929087</v>
      </c>
    </row>
    <row r="94274" spans="1:7" x14ac:dyDescent="0.3">
      <c r="A94274" s="13" t="s">
        <v>469</v>
      </c>
      <c r="B94274" s="14" t="s">
        <v>1</v>
      </c>
      <c r="C94274" s="14" t="s">
        <v>238</v>
      </c>
      <c r="D94274" s="14" t="s">
        <v>333</v>
      </c>
      <c r="E94274" s="15">
        <v>45480</v>
      </c>
      <c r="F94274" s="14" t="s">
        <v>61</v>
      </c>
      <c r="G94274" s="16">
        <v>0.79930210747929087</v>
      </c>
    </row>
    <row r="94275" spans="1:7" x14ac:dyDescent="0.3">
      <c r="A94275" s="13" t="s">
        <v>469</v>
      </c>
      <c r="B94275" s="14" t="s">
        <v>1</v>
      </c>
      <c r="C94275" s="14" t="s">
        <v>238</v>
      </c>
      <c r="D94275" s="14" t="s">
        <v>333</v>
      </c>
      <c r="E94275" s="15">
        <v>45481</v>
      </c>
      <c r="F94275" s="14" t="s">
        <v>61</v>
      </c>
      <c r="G94275" s="16">
        <v>0.80738464471760318</v>
      </c>
    </row>
    <row r="94276" spans="1:7" x14ac:dyDescent="0.3">
      <c r="A94276" s="13" t="s">
        <v>469</v>
      </c>
      <c r="B94276" s="14" t="s">
        <v>1</v>
      </c>
      <c r="C94276" s="14" t="s">
        <v>238</v>
      </c>
      <c r="D94276" s="14" t="s">
        <v>333</v>
      </c>
      <c r="E94276" s="15">
        <v>45482</v>
      </c>
      <c r="F94276" s="14" t="s">
        <v>61</v>
      </c>
      <c r="G94276" s="16">
        <v>0.83164085812962241</v>
      </c>
    </row>
    <row r="94277" spans="1:7" x14ac:dyDescent="0.3">
      <c r="A94277" s="13" t="s">
        <v>469</v>
      </c>
      <c r="B94277" s="14" t="s">
        <v>1</v>
      </c>
      <c r="C94277" s="14" t="s">
        <v>238</v>
      </c>
      <c r="D94277" s="14" t="s">
        <v>333</v>
      </c>
      <c r="E94277" s="15">
        <v>45483</v>
      </c>
      <c r="F94277" s="14" t="s">
        <v>61</v>
      </c>
      <c r="G94277" s="16">
        <v>0.84021056253624005</v>
      </c>
    </row>
    <row r="94278" spans="1:7" x14ac:dyDescent="0.3">
      <c r="A94278" s="13" t="s">
        <v>469</v>
      </c>
      <c r="B94278" s="14" t="s">
        <v>1</v>
      </c>
      <c r="C94278" s="14" t="s">
        <v>238</v>
      </c>
      <c r="D94278" s="14" t="s">
        <v>333</v>
      </c>
      <c r="E94278" s="15">
        <v>45484</v>
      </c>
      <c r="F94278" s="14" t="s">
        <v>61</v>
      </c>
      <c r="G94278" s="16">
        <v>0.84828811133892745</v>
      </c>
    </row>
    <row r="94279" spans="1:7" x14ac:dyDescent="0.3">
      <c r="A94279" s="13" t="s">
        <v>469</v>
      </c>
      <c r="B94279" s="14" t="s">
        <v>1</v>
      </c>
      <c r="C94279" s="14" t="s">
        <v>238</v>
      </c>
      <c r="D94279" s="14" t="s">
        <v>333</v>
      </c>
      <c r="E94279" s="15">
        <v>45485</v>
      </c>
      <c r="F94279" s="14" t="s">
        <v>61</v>
      </c>
      <c r="G94279" s="16">
        <v>0.85641518019193696</v>
      </c>
    </row>
    <row r="94280" spans="1:7" x14ac:dyDescent="0.3">
      <c r="A94280" s="13" t="s">
        <v>469</v>
      </c>
      <c r="B94280" s="14" t="s">
        <v>1</v>
      </c>
      <c r="C94280" s="14" t="s">
        <v>238</v>
      </c>
      <c r="D94280" s="14" t="s">
        <v>333</v>
      </c>
      <c r="E94280" s="15">
        <v>45486</v>
      </c>
      <c r="F94280" s="14" t="s">
        <v>61</v>
      </c>
      <c r="G94280" s="16">
        <v>0.85641518019193696</v>
      </c>
    </row>
    <row r="94281" spans="1:7" x14ac:dyDescent="0.3">
      <c r="A94281" s="13" t="s">
        <v>469</v>
      </c>
      <c r="B94281" s="14" t="s">
        <v>1</v>
      </c>
      <c r="C94281" s="14" t="s">
        <v>238</v>
      </c>
      <c r="D94281" s="14" t="s">
        <v>333</v>
      </c>
      <c r="E94281" s="15">
        <v>45487</v>
      </c>
      <c r="F94281" s="14" t="s">
        <v>61</v>
      </c>
      <c r="G94281" s="16">
        <v>0.85641518019193696</v>
      </c>
    </row>
    <row r="94282" spans="1:7" x14ac:dyDescent="0.3">
      <c r="A94282" s="13" t="s">
        <v>469</v>
      </c>
      <c r="B94282" s="14" t="s">
        <v>1</v>
      </c>
      <c r="C94282" s="14" t="s">
        <v>238</v>
      </c>
      <c r="D94282" s="14" t="s">
        <v>333</v>
      </c>
      <c r="E94282" s="15">
        <v>45488</v>
      </c>
      <c r="F94282" s="14" t="s">
        <v>61</v>
      </c>
      <c r="G94282" s="16">
        <v>0.86458516235776361</v>
      </c>
    </row>
    <row r="94283" spans="1:7" x14ac:dyDescent="0.3">
      <c r="A94283" s="13" t="s">
        <v>469</v>
      </c>
      <c r="B94283" s="14" t="s">
        <v>1</v>
      </c>
      <c r="C94283" s="14" t="s">
        <v>238</v>
      </c>
      <c r="D94283" s="14" t="s">
        <v>333</v>
      </c>
      <c r="E94283" s="15">
        <v>45489</v>
      </c>
      <c r="F94283" s="14" t="s">
        <v>61</v>
      </c>
      <c r="G94283" s="16">
        <v>0.88911742439904962</v>
      </c>
    </row>
    <row r="94284" spans="1:7" x14ac:dyDescent="0.3">
      <c r="A94284" s="13" t="s">
        <v>469</v>
      </c>
      <c r="B94284" s="14" t="s">
        <v>1</v>
      </c>
      <c r="C94284" s="14" t="s">
        <v>238</v>
      </c>
      <c r="D94284" s="14" t="s">
        <v>333</v>
      </c>
      <c r="E94284" s="15">
        <v>45490</v>
      </c>
      <c r="F94284" s="14" t="s">
        <v>61</v>
      </c>
      <c r="G94284" s="16">
        <v>0.89727797432099998</v>
      </c>
    </row>
    <row r="94285" spans="1:7" x14ac:dyDescent="0.3">
      <c r="A94285" s="13" t="s">
        <v>469</v>
      </c>
      <c r="B94285" s="14" t="s">
        <v>1</v>
      </c>
      <c r="C94285" s="14" t="s">
        <v>238</v>
      </c>
      <c r="D94285" s="14" t="s">
        <v>333</v>
      </c>
      <c r="E94285" s="15">
        <v>45491</v>
      </c>
      <c r="F94285" s="14" t="s">
        <v>61</v>
      </c>
      <c r="G94285" s="16">
        <v>0.90544719622776959</v>
      </c>
    </row>
    <row r="94286" spans="1:7" x14ac:dyDescent="0.3">
      <c r="A94286" s="13" t="s">
        <v>469</v>
      </c>
      <c r="B94286" s="14" t="s">
        <v>1</v>
      </c>
      <c r="C94286" s="14" t="s">
        <v>238</v>
      </c>
      <c r="D94286" s="14" t="s">
        <v>333</v>
      </c>
      <c r="E94286" s="15">
        <v>45492</v>
      </c>
      <c r="F94286" s="14" t="s">
        <v>61</v>
      </c>
      <c r="G94286" s="16">
        <v>0.913601190913362</v>
      </c>
    </row>
    <row r="94287" spans="1:7" x14ac:dyDescent="0.3">
      <c r="A94287" s="13" t="s">
        <v>469</v>
      </c>
      <c r="B94287" s="14" t="s">
        <v>1</v>
      </c>
      <c r="C94287" s="14" t="s">
        <v>238</v>
      </c>
      <c r="D94287" s="14" t="s">
        <v>333</v>
      </c>
      <c r="E94287" s="15">
        <v>45493</v>
      </c>
      <c r="F94287" s="14" t="s">
        <v>61</v>
      </c>
      <c r="G94287" s="16">
        <v>0.913601190913362</v>
      </c>
    </row>
    <row r="94288" spans="1:7" x14ac:dyDescent="0.3">
      <c r="A94288" s="13" t="s">
        <v>469</v>
      </c>
      <c r="B94288" s="14" t="s">
        <v>1</v>
      </c>
      <c r="C94288" s="14" t="s">
        <v>238</v>
      </c>
      <c r="D94288" s="14" t="s">
        <v>333</v>
      </c>
      <c r="E94288" s="15">
        <v>45494</v>
      </c>
      <c r="F94288" s="14" t="s">
        <v>61</v>
      </c>
      <c r="G94288" s="16">
        <v>0.913601190913362</v>
      </c>
    </row>
    <row r="94289" spans="1:7" x14ac:dyDescent="0.3">
      <c r="A94289" s="13" t="s">
        <v>469</v>
      </c>
      <c r="B94289" s="14" t="s">
        <v>1</v>
      </c>
      <c r="C94289" s="14" t="s">
        <v>238</v>
      </c>
      <c r="D94289" s="14" t="s">
        <v>333</v>
      </c>
      <c r="E94289" s="15">
        <v>45495</v>
      </c>
      <c r="F94289" s="14" t="s">
        <v>61</v>
      </c>
      <c r="G94289" s="16">
        <v>0.92176651259126408</v>
      </c>
    </row>
    <row r="94290" spans="1:7" x14ac:dyDescent="0.3">
      <c r="A94290" s="13" t="s">
        <v>469</v>
      </c>
      <c r="B94290" s="14" t="s">
        <v>1</v>
      </c>
      <c r="C94290" s="14" t="s">
        <v>238</v>
      </c>
      <c r="D94290" s="14" t="s">
        <v>333</v>
      </c>
      <c r="E94290" s="15">
        <v>45496</v>
      </c>
      <c r="F94290" s="14" t="s">
        <v>61</v>
      </c>
      <c r="G94290" s="16">
        <v>0.9436659935428594</v>
      </c>
    </row>
    <row r="94291" spans="1:7" x14ac:dyDescent="0.3">
      <c r="A94291" s="13" t="s">
        <v>469</v>
      </c>
      <c r="B94291" s="14" t="s">
        <v>1</v>
      </c>
      <c r="C94291" s="14" t="s">
        <v>238</v>
      </c>
      <c r="D94291" s="14" t="s">
        <v>333</v>
      </c>
      <c r="E94291" s="15">
        <v>45497</v>
      </c>
      <c r="F94291" s="14" t="s">
        <v>61</v>
      </c>
      <c r="G94291" s="16">
        <v>0.9518452277115218</v>
      </c>
    </row>
    <row r="94292" spans="1:7" x14ac:dyDescent="0.3">
      <c r="A94292" s="13" t="s">
        <v>469</v>
      </c>
      <c r="B94292" s="14" t="s">
        <v>1</v>
      </c>
      <c r="C94292" s="14" t="s">
        <v>238</v>
      </c>
      <c r="D94292" s="14" t="s">
        <v>333</v>
      </c>
      <c r="E94292" s="15">
        <v>45498</v>
      </c>
      <c r="F94292" s="14" t="s">
        <v>61</v>
      </c>
      <c r="G94292" s="16">
        <v>0.96001755948338718</v>
      </c>
    </row>
    <row r="94293" spans="1:7" x14ac:dyDescent="0.3">
      <c r="A94293" s="13" t="s">
        <v>469</v>
      </c>
      <c r="B94293" s="14" t="s">
        <v>1</v>
      </c>
      <c r="C94293" s="14" t="s">
        <v>238</v>
      </c>
      <c r="D94293" s="14" t="s">
        <v>333</v>
      </c>
      <c r="E94293" s="15">
        <v>45499</v>
      </c>
      <c r="F94293" s="14" t="s">
        <v>61</v>
      </c>
      <c r="G94293" s="16">
        <v>0.96814101231285055</v>
      </c>
    </row>
    <row r="94294" spans="1:7" x14ac:dyDescent="0.3">
      <c r="A94294" s="13" t="s">
        <v>469</v>
      </c>
      <c r="B94294" s="14" t="s">
        <v>1</v>
      </c>
      <c r="C94294" s="14" t="s">
        <v>238</v>
      </c>
      <c r="D94294" s="14" t="s">
        <v>333</v>
      </c>
      <c r="E94294" s="15">
        <v>45500</v>
      </c>
      <c r="F94294" s="14" t="s">
        <v>61</v>
      </c>
      <c r="G94294" s="16">
        <v>0.96814101231285055</v>
      </c>
    </row>
    <row r="94295" spans="1:7" x14ac:dyDescent="0.3">
      <c r="A94295" s="13" t="s">
        <v>469</v>
      </c>
      <c r="B94295" s="14" t="s">
        <v>1</v>
      </c>
      <c r="C94295" s="14" t="s">
        <v>238</v>
      </c>
      <c r="D94295" s="14" t="s">
        <v>333</v>
      </c>
      <c r="E94295" s="15">
        <v>45501</v>
      </c>
      <c r="F94295" s="14" t="s">
        <v>61</v>
      </c>
      <c r="G94295" s="16">
        <v>0.96814101231285055</v>
      </c>
    </row>
    <row r="94296" spans="1:7" x14ac:dyDescent="0.3">
      <c r="A94296" s="13" t="s">
        <v>469</v>
      </c>
      <c r="B94296" s="14" t="s">
        <v>1</v>
      </c>
      <c r="C94296" s="14" t="s">
        <v>238</v>
      </c>
      <c r="D94296" s="14" t="s">
        <v>333</v>
      </c>
      <c r="E94296" s="15">
        <v>45502</v>
      </c>
      <c r="F94296" s="14" t="s">
        <v>61</v>
      </c>
      <c r="G94296" s="16">
        <v>0.97471419563623174</v>
      </c>
    </row>
    <row r="94297" spans="1:7" x14ac:dyDescent="0.3">
      <c r="A94297" s="13" t="s">
        <v>469</v>
      </c>
      <c r="B94297" s="14" t="s">
        <v>1</v>
      </c>
      <c r="C94297" s="14" t="s">
        <v>238</v>
      </c>
      <c r="D94297" s="14" t="s">
        <v>333</v>
      </c>
      <c r="E94297" s="15">
        <v>45503</v>
      </c>
      <c r="F94297" s="14" t="s">
        <v>61</v>
      </c>
      <c r="G94297" s="16">
        <v>0.9992197006655652</v>
      </c>
    </row>
    <row r="94298" spans="1:7" x14ac:dyDescent="0.3">
      <c r="A94298" s="13" t="s">
        <v>469</v>
      </c>
      <c r="B94298" s="14" t="s">
        <v>1</v>
      </c>
      <c r="C94298" s="14" t="s">
        <v>238</v>
      </c>
      <c r="D94298" s="14" t="s">
        <v>333</v>
      </c>
      <c r="E94298" s="15">
        <v>45504</v>
      </c>
      <c r="F94298" s="14" t="s">
        <v>61</v>
      </c>
      <c r="G94298" s="16">
        <v>1.0073874562398477</v>
      </c>
    </row>
    <row r="94299" spans="1:7" x14ac:dyDescent="0.3">
      <c r="A94299" s="13" t="s">
        <v>469</v>
      </c>
      <c r="B94299" s="14" t="s">
        <v>1</v>
      </c>
      <c r="C94299" s="14" t="s">
        <v>238</v>
      </c>
      <c r="D94299" s="14" t="s">
        <v>333</v>
      </c>
      <c r="E94299" s="15">
        <v>45505</v>
      </c>
      <c r="F94299" s="14" t="s">
        <v>61</v>
      </c>
      <c r="G94299" s="16">
        <v>1.0073874562398477</v>
      </c>
    </row>
    <row r="94300" spans="1:7" x14ac:dyDescent="0.3">
      <c r="A94300" s="13" t="s">
        <v>469</v>
      </c>
      <c r="B94300" s="14" t="s">
        <v>1</v>
      </c>
      <c r="C94300" s="14" t="s">
        <v>238</v>
      </c>
      <c r="D94300" s="14" t="s">
        <v>333</v>
      </c>
      <c r="E94300" s="15">
        <v>45506</v>
      </c>
      <c r="F94300" s="14" t="s">
        <v>61</v>
      </c>
      <c r="G94300" s="16">
        <v>1.0159867944170431</v>
      </c>
    </row>
    <row r="94301" spans="1:7" x14ac:dyDescent="0.3">
      <c r="A94301" s="13" t="s">
        <v>469</v>
      </c>
      <c r="B94301" s="14" t="s">
        <v>1</v>
      </c>
      <c r="C94301" s="14" t="s">
        <v>238</v>
      </c>
      <c r="D94301" s="14" t="s">
        <v>333</v>
      </c>
      <c r="E94301" s="15">
        <v>45507</v>
      </c>
      <c r="F94301" s="14" t="s">
        <v>61</v>
      </c>
      <c r="G94301" s="16">
        <v>1.0159867944170431</v>
      </c>
    </row>
    <row r="94302" spans="1:7" x14ac:dyDescent="0.3">
      <c r="A94302" s="13" t="s">
        <v>469</v>
      </c>
      <c r="B94302" s="14" t="s">
        <v>1</v>
      </c>
      <c r="C94302" s="14" t="s">
        <v>238</v>
      </c>
      <c r="D94302" s="14" t="s">
        <v>333</v>
      </c>
      <c r="E94302" s="15">
        <v>45508</v>
      </c>
      <c r="F94302" s="14" t="s">
        <v>61</v>
      </c>
      <c r="G94302" s="16">
        <v>1.0159867944170431</v>
      </c>
    </row>
    <row r="94303" spans="1:7" x14ac:dyDescent="0.3">
      <c r="A94303" s="13" t="s">
        <v>469</v>
      </c>
      <c r="B94303" s="14" t="s">
        <v>1</v>
      </c>
      <c r="C94303" s="14" t="s">
        <v>238</v>
      </c>
      <c r="D94303" s="14" t="s">
        <v>333</v>
      </c>
      <c r="E94303" s="15">
        <v>45509</v>
      </c>
      <c r="F94303" s="14" t="s">
        <v>61</v>
      </c>
      <c r="G94303" s="16">
        <v>1.0159867944170431</v>
      </c>
    </row>
    <row r="94304" spans="1:7" x14ac:dyDescent="0.3">
      <c r="A94304" s="13" t="s">
        <v>469</v>
      </c>
      <c r="B94304" s="14" t="s">
        <v>1</v>
      </c>
      <c r="C94304" s="14" t="s">
        <v>238</v>
      </c>
      <c r="D94304" s="14" t="s">
        <v>333</v>
      </c>
      <c r="E94304" s="15">
        <v>45510</v>
      </c>
      <c r="F94304" s="14" t="s">
        <v>61</v>
      </c>
      <c r="G94304" s="16">
        <v>1.0325262805849638</v>
      </c>
    </row>
    <row r="94305" spans="1:7" x14ac:dyDescent="0.3">
      <c r="A94305" s="13" t="s">
        <v>469</v>
      </c>
      <c r="B94305" s="14" t="s">
        <v>1</v>
      </c>
      <c r="C94305" s="14" t="s">
        <v>238</v>
      </c>
      <c r="D94305" s="14" t="s">
        <v>333</v>
      </c>
      <c r="E94305" s="15">
        <v>45511</v>
      </c>
      <c r="F94305" s="14" t="s">
        <v>61</v>
      </c>
      <c r="G94305" s="16">
        <v>1.0656090633633801</v>
      </c>
    </row>
    <row r="94306" spans="1:7" x14ac:dyDescent="0.3">
      <c r="A94306" s="13" t="s">
        <v>469</v>
      </c>
      <c r="B94306" s="14" t="s">
        <v>1</v>
      </c>
      <c r="C94306" s="14" t="s">
        <v>238</v>
      </c>
      <c r="D94306" s="14" t="s">
        <v>333</v>
      </c>
      <c r="E94306" s="15">
        <v>45512</v>
      </c>
      <c r="F94306" s="14" t="s">
        <v>61</v>
      </c>
      <c r="G94306" s="16">
        <v>1.0717127350131306</v>
      </c>
    </row>
    <row r="94307" spans="1:7" x14ac:dyDescent="0.3">
      <c r="A94307" s="13" t="s">
        <v>469</v>
      </c>
      <c r="B94307" s="14" t="s">
        <v>1</v>
      </c>
      <c r="C94307" s="14" t="s">
        <v>238</v>
      </c>
      <c r="D94307" s="14" t="s">
        <v>333</v>
      </c>
      <c r="E94307" s="15">
        <v>45513</v>
      </c>
      <c r="F94307" s="14" t="s">
        <v>61</v>
      </c>
      <c r="G94307" s="16">
        <v>1.0798851525723301</v>
      </c>
    </row>
    <row r="94308" spans="1:7" x14ac:dyDescent="0.3">
      <c r="A94308" s="13" t="s">
        <v>469</v>
      </c>
      <c r="B94308" s="14" t="s">
        <v>1</v>
      </c>
      <c r="C94308" s="14" t="s">
        <v>238</v>
      </c>
      <c r="D94308" s="14" t="s">
        <v>333</v>
      </c>
      <c r="E94308" s="15">
        <v>45514</v>
      </c>
      <c r="F94308" s="14" t="s">
        <v>61</v>
      </c>
      <c r="G94308" s="16">
        <v>1.0798851525723301</v>
      </c>
    </row>
    <row r="94309" spans="1:7" x14ac:dyDescent="0.3">
      <c r="A94309" s="13" t="s">
        <v>469</v>
      </c>
      <c r="B94309" s="14" t="s">
        <v>1</v>
      </c>
      <c r="C94309" s="14" t="s">
        <v>238</v>
      </c>
      <c r="D94309" s="14" t="s">
        <v>333</v>
      </c>
      <c r="E94309" s="15">
        <v>45515</v>
      </c>
      <c r="F94309" s="14" t="s">
        <v>61</v>
      </c>
      <c r="G94309" s="16">
        <v>1.0798851525723301</v>
      </c>
    </row>
    <row r="94310" spans="1:7" x14ac:dyDescent="0.3">
      <c r="A94310" s="13" t="s">
        <v>469</v>
      </c>
      <c r="B94310" s="14" t="s">
        <v>1</v>
      </c>
      <c r="C94310" s="14" t="s">
        <v>238</v>
      </c>
      <c r="D94310" s="14" t="s">
        <v>333</v>
      </c>
      <c r="E94310" s="15">
        <v>45516</v>
      </c>
      <c r="F94310" s="14" t="s">
        <v>61</v>
      </c>
      <c r="G94310" s="16">
        <v>1.088037115895935</v>
      </c>
    </row>
    <row r="94311" spans="1:7" x14ac:dyDescent="0.3">
      <c r="A94311" s="13" t="s">
        <v>469</v>
      </c>
      <c r="B94311" s="14" t="s">
        <v>1</v>
      </c>
      <c r="C94311" s="14" t="s">
        <v>238</v>
      </c>
      <c r="D94311" s="14" t="s">
        <v>333</v>
      </c>
      <c r="E94311" s="15">
        <v>45517</v>
      </c>
      <c r="F94311" s="14" t="s">
        <v>61</v>
      </c>
      <c r="G94311" s="16">
        <v>1.1125008499003504</v>
      </c>
    </row>
    <row r="94312" spans="1:7" x14ac:dyDescent="0.3">
      <c r="A94312" s="13" t="s">
        <v>469</v>
      </c>
      <c r="B94312" s="14" t="s">
        <v>1</v>
      </c>
      <c r="C94312" s="14" t="s">
        <v>238</v>
      </c>
      <c r="D94312" s="14" t="s">
        <v>333</v>
      </c>
      <c r="E94312" s="15">
        <v>45518</v>
      </c>
      <c r="F94312" s="14" t="s">
        <v>61</v>
      </c>
      <c r="G94312" s="16">
        <v>1.1206568668780712</v>
      </c>
    </row>
    <row r="94313" spans="1:7" x14ac:dyDescent="0.3">
      <c r="A94313" s="13" t="s">
        <v>469</v>
      </c>
      <c r="B94313" s="14" t="s">
        <v>1</v>
      </c>
      <c r="C94313" s="14" t="s">
        <v>238</v>
      </c>
      <c r="D94313" s="14" t="s">
        <v>333</v>
      </c>
      <c r="E94313" s="15">
        <v>45519</v>
      </c>
      <c r="F94313" s="14" t="s">
        <v>61</v>
      </c>
      <c r="G94313" s="16">
        <v>1.1288042591030485</v>
      </c>
    </row>
    <row r="94314" spans="1:7" x14ac:dyDescent="0.3">
      <c r="A94314" s="13" t="s">
        <v>469</v>
      </c>
      <c r="B94314" s="14" t="s">
        <v>1</v>
      </c>
      <c r="C94314" s="14" t="s">
        <v>238</v>
      </c>
      <c r="D94314" s="14" t="s">
        <v>333</v>
      </c>
      <c r="E94314" s="15">
        <v>45520</v>
      </c>
      <c r="F94314" s="14" t="s">
        <v>61</v>
      </c>
      <c r="G94314" s="16">
        <v>1.1369571988713101</v>
      </c>
    </row>
    <row r="94315" spans="1:7" x14ac:dyDescent="0.3">
      <c r="A94315" s="13" t="s">
        <v>469</v>
      </c>
      <c r="B94315" s="14" t="s">
        <v>1</v>
      </c>
      <c r="C94315" s="14" t="s">
        <v>238</v>
      </c>
      <c r="D94315" s="14" t="s">
        <v>333</v>
      </c>
      <c r="E94315" s="15">
        <v>45521</v>
      </c>
      <c r="F94315" s="14" t="s">
        <v>61</v>
      </c>
      <c r="G94315" s="16">
        <v>1.1369571988713101</v>
      </c>
    </row>
    <row r="94316" spans="1:7" x14ac:dyDescent="0.3">
      <c r="A94316" s="13" t="s">
        <v>469</v>
      </c>
      <c r="B94316" s="14" t="s">
        <v>1</v>
      </c>
      <c r="C94316" s="14" t="s">
        <v>238</v>
      </c>
      <c r="D94316" s="14" t="s">
        <v>333</v>
      </c>
      <c r="E94316" s="15">
        <v>45522</v>
      </c>
      <c r="F94316" s="14" t="s">
        <v>61</v>
      </c>
      <c r="G94316" s="16">
        <v>1.1369571988713101</v>
      </c>
    </row>
    <row r="94317" spans="1:7" x14ac:dyDescent="0.3">
      <c r="A94317" s="13" t="s">
        <v>469</v>
      </c>
      <c r="B94317" s="14" t="s">
        <v>1</v>
      </c>
      <c r="C94317" s="14" t="s">
        <v>238</v>
      </c>
      <c r="D94317" s="14" t="s">
        <v>333</v>
      </c>
      <c r="E94317" s="15">
        <v>45523</v>
      </c>
      <c r="F94317" s="14" t="s">
        <v>61</v>
      </c>
      <c r="G94317" s="16">
        <v>1.1451132039604517</v>
      </c>
    </row>
    <row r="94318" spans="1:7" x14ac:dyDescent="0.3">
      <c r="A94318" s="13" t="s">
        <v>469</v>
      </c>
      <c r="B94318" s="14" t="s">
        <v>1</v>
      </c>
      <c r="C94318" s="14" t="s">
        <v>238</v>
      </c>
      <c r="D94318" s="14" t="s">
        <v>333</v>
      </c>
      <c r="E94318" s="15">
        <v>45524</v>
      </c>
      <c r="F94318" s="14" t="s">
        <v>61</v>
      </c>
      <c r="G94318" s="16">
        <v>1.1695621901983413</v>
      </c>
    </row>
    <row r="94319" spans="1:7" x14ac:dyDescent="0.3">
      <c r="A94319" s="13" t="s">
        <v>469</v>
      </c>
      <c r="B94319" s="14" t="s">
        <v>1</v>
      </c>
      <c r="C94319" s="14" t="s">
        <v>238</v>
      </c>
      <c r="D94319" s="14" t="s">
        <v>333</v>
      </c>
      <c r="E94319" s="15">
        <v>45525</v>
      </c>
      <c r="F94319" s="14" t="s">
        <v>61</v>
      </c>
      <c r="G94319" s="16">
        <v>1.1777121509692927</v>
      </c>
    </row>
    <row r="94320" spans="1:7" x14ac:dyDescent="0.3">
      <c r="A94320" s="13" t="s">
        <v>469</v>
      </c>
      <c r="B94320" s="14" t="s">
        <v>1</v>
      </c>
      <c r="C94320" s="14" t="s">
        <v>238</v>
      </c>
      <c r="D94320" s="14" t="s">
        <v>333</v>
      </c>
      <c r="E94320" s="15">
        <v>45526</v>
      </c>
      <c r="F94320" s="14" t="s">
        <v>61</v>
      </c>
      <c r="G94320" s="16">
        <v>1.1858542411426889</v>
      </c>
    </row>
    <row r="94321" spans="1:7" x14ac:dyDescent="0.3">
      <c r="A94321" s="13" t="s">
        <v>469</v>
      </c>
      <c r="B94321" s="14" t="s">
        <v>1</v>
      </c>
      <c r="C94321" s="14" t="s">
        <v>238</v>
      </c>
      <c r="D94321" s="14" t="s">
        <v>333</v>
      </c>
      <c r="E94321" s="15">
        <v>45527</v>
      </c>
      <c r="F94321" s="14" t="s">
        <v>61</v>
      </c>
      <c r="G94321" s="16">
        <v>1.1939841681396821</v>
      </c>
    </row>
    <row r="94322" spans="1:7" x14ac:dyDescent="0.3">
      <c r="A94322" s="13" t="s">
        <v>469</v>
      </c>
      <c r="B94322" s="14" t="s">
        <v>1</v>
      </c>
      <c r="C94322" s="14" t="s">
        <v>238</v>
      </c>
      <c r="D94322" s="14" t="s">
        <v>333</v>
      </c>
      <c r="E94322" s="15">
        <v>45528</v>
      </c>
      <c r="F94322" s="14" t="s">
        <v>61</v>
      </c>
      <c r="G94322" s="16">
        <v>1.1939841681396821</v>
      </c>
    </row>
    <row r="94323" spans="1:7" x14ac:dyDescent="0.3">
      <c r="A94323" s="13" t="s">
        <v>469</v>
      </c>
      <c r="B94323" s="14" t="s">
        <v>1</v>
      </c>
      <c r="C94323" s="14" t="s">
        <v>238</v>
      </c>
      <c r="D94323" s="14" t="s">
        <v>333</v>
      </c>
      <c r="E94323" s="15">
        <v>45529</v>
      </c>
      <c r="F94323" s="14" t="s">
        <v>61</v>
      </c>
      <c r="G94323" s="16">
        <v>1.1939841681396821</v>
      </c>
    </row>
    <row r="94324" spans="1:7" x14ac:dyDescent="0.3">
      <c r="A94324" s="13" t="s">
        <v>469</v>
      </c>
      <c r="B94324" s="14" t="s">
        <v>1</v>
      </c>
      <c r="C94324" s="14" t="s">
        <v>238</v>
      </c>
      <c r="D94324" s="14" t="s">
        <v>333</v>
      </c>
      <c r="E94324" s="15">
        <v>45530</v>
      </c>
      <c r="F94324" s="14" t="s">
        <v>61</v>
      </c>
      <c r="G94324" s="16">
        <v>1.2021215454527772</v>
      </c>
    </row>
    <row r="94325" spans="1:7" x14ac:dyDescent="0.3">
      <c r="A94325" s="13" t="s">
        <v>469</v>
      </c>
      <c r="B94325" s="14" t="s">
        <v>1</v>
      </c>
      <c r="C94325" s="14" t="s">
        <v>238</v>
      </c>
      <c r="D94325" s="14" t="s">
        <v>333</v>
      </c>
      <c r="E94325" s="15">
        <v>45531</v>
      </c>
      <c r="F94325" s="14" t="s">
        <v>61</v>
      </c>
      <c r="G94325" s="16">
        <v>1.2265339918900897</v>
      </c>
    </row>
    <row r="94326" spans="1:7" x14ac:dyDescent="0.3">
      <c r="A94326" s="13" t="s">
        <v>469</v>
      </c>
      <c r="B94326" s="14" t="s">
        <v>1</v>
      </c>
      <c r="C94326" s="14" t="s">
        <v>238</v>
      </c>
      <c r="D94326" s="14" t="s">
        <v>333</v>
      </c>
      <c r="E94326" s="15">
        <v>45532</v>
      </c>
      <c r="F94326" s="14" t="s">
        <v>61</v>
      </c>
      <c r="G94326" s="16">
        <v>1.2346695075714431</v>
      </c>
    </row>
    <row r="94327" spans="1:7" x14ac:dyDescent="0.3">
      <c r="A94327" s="13" t="s">
        <v>469</v>
      </c>
      <c r="B94327" s="14" t="s">
        <v>1</v>
      </c>
      <c r="C94327" s="14" t="s">
        <v>238</v>
      </c>
      <c r="D94327" s="14" t="s">
        <v>333</v>
      </c>
      <c r="E94327" s="15">
        <v>45533</v>
      </c>
      <c r="F94327" s="14" t="s">
        <v>61</v>
      </c>
      <c r="G94327" s="16">
        <v>1.2348975864039315</v>
      </c>
    </row>
    <row r="94328" spans="1:7" x14ac:dyDescent="0.3">
      <c r="A94328" s="13" t="s">
        <v>469</v>
      </c>
      <c r="B94328" s="14" t="s">
        <v>1</v>
      </c>
      <c r="C94328" s="14" t="s">
        <v>238</v>
      </c>
      <c r="D94328" s="14" t="s">
        <v>333</v>
      </c>
      <c r="E94328" s="15">
        <v>45534</v>
      </c>
      <c r="F94328" s="14" t="s">
        <v>61</v>
      </c>
      <c r="G94328" s="16">
        <v>1.2429881525010795</v>
      </c>
    </row>
    <row r="94329" spans="1:7" x14ac:dyDescent="0.3">
      <c r="A94329" s="13" t="s">
        <v>469</v>
      </c>
      <c r="B94329" s="14" t="s">
        <v>1</v>
      </c>
      <c r="C94329" s="14" t="s">
        <v>238</v>
      </c>
      <c r="D94329" s="14" t="s">
        <v>333</v>
      </c>
      <c r="E94329" s="15">
        <v>45535</v>
      </c>
      <c r="F94329" s="14" t="s">
        <v>61</v>
      </c>
      <c r="G94329" s="16">
        <v>1.2429881525010795</v>
      </c>
    </row>
    <row r="94330" spans="1:7" x14ac:dyDescent="0.3">
      <c r="A94330" s="13" t="s">
        <v>469</v>
      </c>
      <c r="B94330" s="14" t="s">
        <v>1</v>
      </c>
      <c r="C94330" s="14" t="s">
        <v>238</v>
      </c>
      <c r="D94330" s="14" t="s">
        <v>333</v>
      </c>
      <c r="E94330" s="15">
        <v>45536</v>
      </c>
      <c r="F94330" s="14" t="s">
        <v>61</v>
      </c>
      <c r="G94330" s="16">
        <v>1.2429881525010795</v>
      </c>
    </row>
    <row r="94331" spans="1:7" x14ac:dyDescent="0.3">
      <c r="A94331" s="13" t="s">
        <v>469</v>
      </c>
      <c r="B94331" s="14" t="s">
        <v>1</v>
      </c>
      <c r="C94331" s="14" t="s">
        <v>238</v>
      </c>
      <c r="D94331" s="14" t="s">
        <v>333</v>
      </c>
      <c r="E94331" s="15">
        <v>45537</v>
      </c>
      <c r="F94331" s="14" t="s">
        <v>61</v>
      </c>
      <c r="G94331" s="16">
        <v>1.2510842426134545</v>
      </c>
    </row>
    <row r="94332" spans="1:7" x14ac:dyDescent="0.3">
      <c r="A94332" s="13" t="s">
        <v>469</v>
      </c>
      <c r="B94332" s="14" t="s">
        <v>1</v>
      </c>
      <c r="C94332" s="14" t="s">
        <v>238</v>
      </c>
      <c r="D94332" s="14" t="s">
        <v>333</v>
      </c>
      <c r="E94332" s="15">
        <v>45538</v>
      </c>
      <c r="F94332" s="14" t="s">
        <v>61</v>
      </c>
      <c r="G94332" s="16">
        <v>1.2752765622520272</v>
      </c>
    </row>
    <row r="94333" spans="1:7" x14ac:dyDescent="0.3">
      <c r="A94333" s="13" t="s">
        <v>469</v>
      </c>
      <c r="B94333" s="14" t="s">
        <v>1</v>
      </c>
      <c r="C94333" s="14" t="s">
        <v>238</v>
      </c>
      <c r="D94333" s="14" t="s">
        <v>333</v>
      </c>
      <c r="E94333" s="15">
        <v>45539</v>
      </c>
      <c r="F94333" s="14" t="s">
        <v>61</v>
      </c>
      <c r="G94333" s="16">
        <v>1.2833290494414056</v>
      </c>
    </row>
    <row r="94334" spans="1:7" x14ac:dyDescent="0.3">
      <c r="A94334" s="13" t="s">
        <v>469</v>
      </c>
      <c r="B94334" s="14" t="s">
        <v>1</v>
      </c>
      <c r="C94334" s="14" t="s">
        <v>238</v>
      </c>
      <c r="D94334" s="14" t="s">
        <v>333</v>
      </c>
      <c r="E94334" s="15">
        <v>45540</v>
      </c>
      <c r="F94334" s="14" t="s">
        <v>61</v>
      </c>
      <c r="G94334" s="16">
        <v>1.2919841569498363</v>
      </c>
    </row>
    <row r="94335" spans="1:7" x14ac:dyDescent="0.3">
      <c r="A94335" s="13" t="s">
        <v>469</v>
      </c>
      <c r="B94335" s="14" t="s">
        <v>1</v>
      </c>
      <c r="C94335" s="14" t="s">
        <v>238</v>
      </c>
      <c r="D94335" s="14" t="s">
        <v>333</v>
      </c>
      <c r="E94335" s="15">
        <v>45541</v>
      </c>
      <c r="F94335" s="14" t="s">
        <v>61</v>
      </c>
      <c r="G94335" s="16">
        <v>1.3001132783053095</v>
      </c>
    </row>
    <row r="94336" spans="1:7" x14ac:dyDescent="0.3">
      <c r="A94336" s="13" t="s">
        <v>469</v>
      </c>
      <c r="B94336" s="14" t="s">
        <v>1</v>
      </c>
      <c r="C94336" s="14" t="s">
        <v>238</v>
      </c>
      <c r="D94336" s="14" t="s">
        <v>333</v>
      </c>
      <c r="E94336" s="15">
        <v>45542</v>
      </c>
      <c r="F94336" s="14" t="s">
        <v>61</v>
      </c>
      <c r="G94336" s="16">
        <v>1.3001132783053095</v>
      </c>
    </row>
    <row r="94337" spans="1:7" x14ac:dyDescent="0.3">
      <c r="A94337" s="13" t="s">
        <v>469</v>
      </c>
      <c r="B94337" s="14" t="s">
        <v>1</v>
      </c>
      <c r="C94337" s="14" t="s">
        <v>238</v>
      </c>
      <c r="D94337" s="14" t="s">
        <v>333</v>
      </c>
      <c r="E94337" s="15">
        <v>45543</v>
      </c>
      <c r="F94337" s="14" t="s">
        <v>61</v>
      </c>
      <c r="G94337" s="16">
        <v>1.3001132783053095</v>
      </c>
    </row>
    <row r="94338" spans="1:7" x14ac:dyDescent="0.3">
      <c r="A94338" s="13" t="s">
        <v>469</v>
      </c>
      <c r="B94338" s="14" t="s">
        <v>1</v>
      </c>
      <c r="C94338" s="14" t="s">
        <v>238</v>
      </c>
      <c r="D94338" s="14" t="s">
        <v>333</v>
      </c>
      <c r="E94338" s="15">
        <v>45544</v>
      </c>
      <c r="F94338" s="14" t="s">
        <v>61</v>
      </c>
      <c r="G94338" s="16">
        <v>1.3083014072835886</v>
      </c>
    </row>
    <row r="94339" spans="1:7" x14ac:dyDescent="0.3">
      <c r="A94339" s="13" t="s">
        <v>469</v>
      </c>
      <c r="B94339" s="14" t="s">
        <v>1</v>
      </c>
      <c r="C94339" s="14" t="s">
        <v>238</v>
      </c>
      <c r="D94339" s="14" t="s">
        <v>333</v>
      </c>
      <c r="E94339" s="15">
        <v>45545</v>
      </c>
      <c r="F94339" s="14" t="s">
        <v>61</v>
      </c>
      <c r="G94339" s="16">
        <v>1.3328430424527316</v>
      </c>
    </row>
    <row r="94340" spans="1:7" x14ac:dyDescent="0.3">
      <c r="A94340" s="13" t="s">
        <v>469</v>
      </c>
      <c r="B94340" s="14" t="s">
        <v>1</v>
      </c>
      <c r="C94340" s="14" t="s">
        <v>238</v>
      </c>
      <c r="D94340" s="14" t="s">
        <v>333</v>
      </c>
      <c r="E94340" s="15">
        <v>45546</v>
      </c>
      <c r="F94340" s="14" t="s">
        <v>61</v>
      </c>
      <c r="G94340" s="16">
        <v>1.3406490246045992</v>
      </c>
    </row>
    <row r="94341" spans="1:7" x14ac:dyDescent="0.3">
      <c r="A94341" s="13" t="s">
        <v>469</v>
      </c>
      <c r="B94341" s="14" t="s">
        <v>1</v>
      </c>
      <c r="C94341" s="14" t="s">
        <v>238</v>
      </c>
      <c r="D94341" s="14" t="s">
        <v>333</v>
      </c>
      <c r="E94341" s="15">
        <v>45547</v>
      </c>
      <c r="F94341" s="14" t="s">
        <v>61</v>
      </c>
      <c r="G94341" s="16">
        <v>1.3488230934869694</v>
      </c>
    </row>
    <row r="94342" spans="1:7" x14ac:dyDescent="0.3">
      <c r="A94342" s="13" t="s">
        <v>469</v>
      </c>
      <c r="B94342" s="14" t="s">
        <v>1</v>
      </c>
      <c r="C94342" s="14" t="s">
        <v>238</v>
      </c>
      <c r="D94342" s="14" t="s">
        <v>333</v>
      </c>
      <c r="E94342" s="15">
        <v>45548</v>
      </c>
      <c r="F94342" s="14" t="s">
        <v>61</v>
      </c>
      <c r="G94342" s="16">
        <v>1.3570181194779676</v>
      </c>
    </row>
    <row r="94343" spans="1:7" x14ac:dyDescent="0.3">
      <c r="A94343" s="13" t="s">
        <v>469</v>
      </c>
      <c r="B94343" s="14" t="s">
        <v>1</v>
      </c>
      <c r="C94343" s="14" t="s">
        <v>238</v>
      </c>
      <c r="D94343" s="14" t="s">
        <v>333</v>
      </c>
      <c r="E94343" s="15">
        <v>45549</v>
      </c>
      <c r="F94343" s="14" t="s">
        <v>61</v>
      </c>
      <c r="G94343" s="16">
        <v>1.3570181194779676</v>
      </c>
    </row>
    <row r="94344" spans="1:7" x14ac:dyDescent="0.3">
      <c r="A94344" s="13" t="s">
        <v>469</v>
      </c>
      <c r="B94344" s="14" t="s">
        <v>1</v>
      </c>
      <c r="C94344" s="14" t="s">
        <v>238</v>
      </c>
      <c r="D94344" s="14" t="s">
        <v>333</v>
      </c>
      <c r="E94344" s="15">
        <v>45550</v>
      </c>
      <c r="F94344" s="14" t="s">
        <v>61</v>
      </c>
      <c r="G94344" s="16">
        <v>1.3570181194779676</v>
      </c>
    </row>
    <row r="94345" spans="1:7" x14ac:dyDescent="0.3">
      <c r="A94345" s="13" t="s">
        <v>469</v>
      </c>
      <c r="B94345" s="14" t="s">
        <v>1</v>
      </c>
      <c r="C94345" s="14" t="s">
        <v>238</v>
      </c>
      <c r="D94345" s="14" t="s">
        <v>333</v>
      </c>
      <c r="E94345" s="15">
        <v>45551</v>
      </c>
      <c r="F94345" s="14" t="s">
        <v>61</v>
      </c>
      <c r="G94345" s="16">
        <v>1.3652273425295729</v>
      </c>
    </row>
    <row r="94346" spans="1:7" x14ac:dyDescent="0.3">
      <c r="A94346" s="13" t="s">
        <v>469</v>
      </c>
      <c r="B94346" s="14" t="s">
        <v>1</v>
      </c>
      <c r="C94346" s="14" t="s">
        <v>238</v>
      </c>
      <c r="D94346" s="14" t="s">
        <v>333</v>
      </c>
      <c r="E94346" s="15">
        <v>45552</v>
      </c>
      <c r="F94346" s="14" t="s">
        <v>61</v>
      </c>
      <c r="G94346" s="16">
        <v>1.3899435986962771</v>
      </c>
    </row>
    <row r="94347" spans="1:7" x14ac:dyDescent="0.3">
      <c r="A94347" s="13" t="s">
        <v>469</v>
      </c>
      <c r="B94347" s="14" t="s">
        <v>1</v>
      </c>
      <c r="C94347" s="14" t="s">
        <v>238</v>
      </c>
      <c r="D94347" s="14" t="s">
        <v>333</v>
      </c>
      <c r="E94347" s="15">
        <v>45553</v>
      </c>
      <c r="F94347" s="14" t="s">
        <v>61</v>
      </c>
      <c r="G94347" s="16">
        <v>1.3981852803671393</v>
      </c>
    </row>
    <row r="94348" spans="1:7" x14ac:dyDescent="0.3">
      <c r="A94348" s="13" t="s">
        <v>469</v>
      </c>
      <c r="B94348" s="14" t="s">
        <v>1</v>
      </c>
      <c r="C94348" s="14" t="s">
        <v>238</v>
      </c>
      <c r="D94348" s="14" t="s">
        <v>333</v>
      </c>
      <c r="E94348" s="15">
        <v>45554</v>
      </c>
      <c r="F94348" s="14" t="s">
        <v>61</v>
      </c>
      <c r="G94348" s="16">
        <v>1.4064329310202905</v>
      </c>
    </row>
    <row r="94349" spans="1:7" x14ac:dyDescent="0.3">
      <c r="A94349" s="13" t="s">
        <v>469</v>
      </c>
      <c r="B94349" s="14" t="s">
        <v>1</v>
      </c>
      <c r="C94349" s="14" t="s">
        <v>238</v>
      </c>
      <c r="D94349" s="14" t="s">
        <v>333</v>
      </c>
      <c r="E94349" s="15">
        <v>45555</v>
      </c>
      <c r="F94349" s="14" t="s">
        <v>61</v>
      </c>
      <c r="G94349" s="16">
        <v>1.4146135252876466</v>
      </c>
    </row>
    <row r="94350" spans="1:7" x14ac:dyDescent="0.3">
      <c r="A94350" s="13" t="s">
        <v>469</v>
      </c>
      <c r="B94350" s="14" t="s">
        <v>1</v>
      </c>
      <c r="C94350" s="14" t="s">
        <v>238</v>
      </c>
      <c r="D94350" s="14" t="s">
        <v>333</v>
      </c>
      <c r="E94350" s="15">
        <v>45556</v>
      </c>
      <c r="F94350" s="14" t="s">
        <v>61</v>
      </c>
      <c r="G94350" s="16">
        <v>1.4146135252876466</v>
      </c>
    </row>
    <row r="94351" spans="1:7" x14ac:dyDescent="0.3">
      <c r="A94351" s="13" t="s">
        <v>469</v>
      </c>
      <c r="B94351" s="14" t="s">
        <v>1</v>
      </c>
      <c r="C94351" s="14" t="s">
        <v>238</v>
      </c>
      <c r="D94351" s="14" t="s">
        <v>333</v>
      </c>
      <c r="E94351" s="15">
        <v>45557</v>
      </c>
      <c r="F94351" s="14" t="s">
        <v>61</v>
      </c>
      <c r="G94351" s="16">
        <v>1.4146135252876466</v>
      </c>
    </row>
    <row r="94352" spans="1:7" x14ac:dyDescent="0.3">
      <c r="A94352" s="13" t="s">
        <v>469</v>
      </c>
      <c r="B94352" s="14" t="s">
        <v>1</v>
      </c>
      <c r="C94352" s="14" t="s">
        <v>238</v>
      </c>
      <c r="D94352" s="14" t="s">
        <v>333</v>
      </c>
      <c r="E94352" s="15">
        <v>45558</v>
      </c>
      <c r="F94352" s="14" t="s">
        <v>61</v>
      </c>
      <c r="G94352" s="16">
        <v>1.4225327618195869</v>
      </c>
    </row>
    <row r="94353" spans="1:7" x14ac:dyDescent="0.3">
      <c r="A94353" s="13" t="s">
        <v>469</v>
      </c>
      <c r="B94353" s="14" t="s">
        <v>1</v>
      </c>
      <c r="C94353" s="14" t="s">
        <v>238</v>
      </c>
      <c r="D94353" s="14" t="s">
        <v>333</v>
      </c>
      <c r="E94353" s="15">
        <v>45559</v>
      </c>
      <c r="F94353" s="14" t="s">
        <v>61</v>
      </c>
      <c r="G94353" s="16">
        <v>1.4472978745730085</v>
      </c>
    </row>
    <row r="94354" spans="1:7" x14ac:dyDescent="0.3">
      <c r="A94354" s="13" t="s">
        <v>469</v>
      </c>
      <c r="B94354" s="14" t="s">
        <v>1</v>
      </c>
      <c r="C94354" s="14" t="s">
        <v>238</v>
      </c>
      <c r="D94354" s="14" t="s">
        <v>333</v>
      </c>
      <c r="E94354" s="15">
        <v>45560</v>
      </c>
      <c r="F94354" s="14" t="s">
        <v>61</v>
      </c>
      <c r="G94354" s="16">
        <v>1.4555247145391443</v>
      </c>
    </row>
    <row r="94355" spans="1:7" x14ac:dyDescent="0.3">
      <c r="A94355" s="13" t="s">
        <v>469</v>
      </c>
      <c r="B94355" s="14" t="s">
        <v>1</v>
      </c>
      <c r="C94355" s="14" t="s">
        <v>238</v>
      </c>
      <c r="D94355" s="14" t="s">
        <v>333</v>
      </c>
      <c r="E94355" s="15">
        <v>45561</v>
      </c>
      <c r="F94355" s="14" t="s">
        <v>61</v>
      </c>
      <c r="G94355" s="16">
        <v>1.4637335030750467</v>
      </c>
    </row>
    <row r="94356" spans="1:7" x14ac:dyDescent="0.3">
      <c r="A94356" s="13" t="s">
        <v>469</v>
      </c>
      <c r="B94356" s="14" t="s">
        <v>1</v>
      </c>
      <c r="C94356" s="14" t="s">
        <v>238</v>
      </c>
      <c r="D94356" s="14" t="s">
        <v>333</v>
      </c>
      <c r="E94356" s="15">
        <v>45562</v>
      </c>
      <c r="F94356" s="14" t="s">
        <v>61</v>
      </c>
      <c r="G94356" s="16">
        <v>1.4719364691514034</v>
      </c>
    </row>
    <row r="94357" spans="1:7" x14ac:dyDescent="0.3">
      <c r="A94357" s="13" t="s">
        <v>469</v>
      </c>
      <c r="B94357" s="14" t="s">
        <v>1</v>
      </c>
      <c r="C94357" s="14" t="s">
        <v>238</v>
      </c>
      <c r="D94357" s="14" t="s">
        <v>333</v>
      </c>
      <c r="E94357" s="15">
        <v>45563</v>
      </c>
      <c r="F94357" s="14" t="s">
        <v>61</v>
      </c>
      <c r="G94357" s="16">
        <v>1.4719364691514034</v>
      </c>
    </row>
    <row r="94358" spans="1:7" x14ac:dyDescent="0.3">
      <c r="A94358" s="13" t="s">
        <v>469</v>
      </c>
      <c r="B94358" s="14" t="s">
        <v>1</v>
      </c>
      <c r="C94358" s="14" t="s">
        <v>238</v>
      </c>
      <c r="D94358" s="14" t="s">
        <v>333</v>
      </c>
      <c r="E94358" s="15">
        <v>45564</v>
      </c>
      <c r="F94358" s="14" t="s">
        <v>61</v>
      </c>
      <c r="G94358" s="16">
        <v>1.4719364691514034</v>
      </c>
    </row>
    <row r="94359" spans="1:7" x14ac:dyDescent="0.3">
      <c r="A94359" s="13" t="s">
        <v>469</v>
      </c>
      <c r="B94359" s="14" t="s">
        <v>1</v>
      </c>
      <c r="C94359" s="14" t="s">
        <v>238</v>
      </c>
      <c r="D94359" s="14" t="s">
        <v>333</v>
      </c>
      <c r="E94359" s="15">
        <v>45565</v>
      </c>
      <c r="F94359" s="14" t="s">
        <v>61</v>
      </c>
      <c r="G94359" s="16">
        <v>1.4800401725121357</v>
      </c>
    </row>
    <row r="94360" spans="1:7" x14ac:dyDescent="0.3">
      <c r="A94360" s="13" t="s">
        <v>469</v>
      </c>
      <c r="B94360" s="14" t="s">
        <v>1</v>
      </c>
      <c r="C94360" s="14" t="s">
        <v>238</v>
      </c>
      <c r="D94360" s="14" t="s">
        <v>333</v>
      </c>
      <c r="E94360" s="15">
        <v>45566</v>
      </c>
      <c r="F94360" s="14" t="s">
        <v>61</v>
      </c>
      <c r="G94360" s="16">
        <v>1.5033989066121209</v>
      </c>
    </row>
    <row r="94361" spans="1:7" x14ac:dyDescent="0.3">
      <c r="A94361" s="13" t="s">
        <v>469</v>
      </c>
      <c r="B94361" s="14" t="s">
        <v>1</v>
      </c>
      <c r="C94361" s="14" t="s">
        <v>238</v>
      </c>
      <c r="D94361" s="14" t="s">
        <v>333</v>
      </c>
      <c r="E94361" s="15">
        <v>45567</v>
      </c>
      <c r="F94361" s="14" t="s">
        <v>61</v>
      </c>
      <c r="G94361" s="16">
        <v>1.5118574545991879</v>
      </c>
    </row>
    <row r="94362" spans="1:7" x14ac:dyDescent="0.3">
      <c r="A94362" s="13" t="s">
        <v>469</v>
      </c>
      <c r="B94362" s="14" t="s">
        <v>1</v>
      </c>
      <c r="C94362" s="14" t="s">
        <v>238</v>
      </c>
      <c r="D94362" s="14" t="s">
        <v>333</v>
      </c>
      <c r="E94362" s="15">
        <v>45568</v>
      </c>
      <c r="F94362" s="14" t="s">
        <v>61</v>
      </c>
      <c r="G94362" s="16">
        <v>1.5199761106102752</v>
      </c>
    </row>
    <row r="94363" spans="1:7" x14ac:dyDescent="0.3">
      <c r="A94363" s="13" t="s">
        <v>469</v>
      </c>
      <c r="B94363" s="14" t="s">
        <v>1</v>
      </c>
      <c r="C94363" s="14" t="s">
        <v>238</v>
      </c>
      <c r="D94363" s="14" t="s">
        <v>333</v>
      </c>
      <c r="E94363" s="15">
        <v>45569</v>
      </c>
      <c r="F94363" s="14" t="s">
        <v>61</v>
      </c>
      <c r="G94363" s="16">
        <v>1.5286622058278103</v>
      </c>
    </row>
    <row r="94364" spans="1:7" x14ac:dyDescent="0.3">
      <c r="A94364" s="13" t="s">
        <v>469</v>
      </c>
      <c r="B94364" s="14" t="s">
        <v>1</v>
      </c>
      <c r="C94364" s="14" t="s">
        <v>238</v>
      </c>
      <c r="D94364" s="14" t="s">
        <v>333</v>
      </c>
      <c r="E94364" s="15">
        <v>45570</v>
      </c>
      <c r="F94364" s="14" t="s">
        <v>61</v>
      </c>
      <c r="G94364" s="16">
        <v>1.5286622058278103</v>
      </c>
    </row>
    <row r="94365" spans="1:7" x14ac:dyDescent="0.3">
      <c r="A94365" s="13" t="s">
        <v>469</v>
      </c>
      <c r="B94365" s="14" t="s">
        <v>1</v>
      </c>
      <c r="C94365" s="14" t="s">
        <v>238</v>
      </c>
      <c r="D94365" s="14" t="s">
        <v>333</v>
      </c>
      <c r="E94365" s="15">
        <v>45571</v>
      </c>
      <c r="F94365" s="14" t="s">
        <v>61</v>
      </c>
      <c r="G94365" s="16">
        <v>1.5286622058278103</v>
      </c>
    </row>
    <row r="94366" spans="1:7" x14ac:dyDescent="0.3">
      <c r="A94366" s="13" t="s">
        <v>469</v>
      </c>
      <c r="B94366" s="14" t="s">
        <v>1</v>
      </c>
      <c r="C94366" s="14" t="s">
        <v>238</v>
      </c>
      <c r="D94366" s="14" t="s">
        <v>333</v>
      </c>
      <c r="E94366" s="15">
        <v>45572</v>
      </c>
      <c r="F94366" s="14" t="s">
        <v>61</v>
      </c>
      <c r="G94366" s="16">
        <v>1.5331724741889394</v>
      </c>
    </row>
    <row r="94367" spans="1:7" x14ac:dyDescent="0.3">
      <c r="A94367" s="13" t="s">
        <v>469</v>
      </c>
      <c r="B94367" s="14" t="s">
        <v>1</v>
      </c>
      <c r="C94367" s="14" t="s">
        <v>238</v>
      </c>
      <c r="D94367" s="14" t="s">
        <v>333</v>
      </c>
      <c r="E94367" s="15">
        <v>45573</v>
      </c>
      <c r="F94367" s="14" t="s">
        <v>61</v>
      </c>
      <c r="G94367" s="16">
        <v>1.5614549445972417</v>
      </c>
    </row>
    <row r="94368" spans="1:7" x14ac:dyDescent="0.3">
      <c r="A94368" s="13" t="s">
        <v>469</v>
      </c>
      <c r="B94368" s="14" t="s">
        <v>1</v>
      </c>
      <c r="C94368" s="14" t="s">
        <v>238</v>
      </c>
      <c r="D94368" s="14" t="s">
        <v>333</v>
      </c>
      <c r="E94368" s="15">
        <v>45574</v>
      </c>
      <c r="F94368" s="14" t="s">
        <v>61</v>
      </c>
      <c r="G94368" s="16">
        <v>1.5697341598923469</v>
      </c>
    </row>
    <row r="94369" spans="1:7" x14ac:dyDescent="0.3">
      <c r="A94369" s="13" t="s">
        <v>469</v>
      </c>
      <c r="B94369" s="14" t="s">
        <v>1</v>
      </c>
      <c r="C94369" s="14" t="s">
        <v>238</v>
      </c>
      <c r="D94369" s="14" t="s">
        <v>333</v>
      </c>
      <c r="E94369" s="15">
        <v>45575</v>
      </c>
      <c r="F94369" s="14" t="s">
        <v>61</v>
      </c>
      <c r="G94369" s="16">
        <v>1.5780142838126103</v>
      </c>
    </row>
    <row r="94370" spans="1:7" x14ac:dyDescent="0.3">
      <c r="A94370" s="13" t="s">
        <v>469</v>
      </c>
      <c r="B94370" s="14" t="s">
        <v>1</v>
      </c>
      <c r="C94370" s="14" t="s">
        <v>238</v>
      </c>
      <c r="D94370" s="14" t="s">
        <v>333</v>
      </c>
      <c r="E94370" s="15">
        <v>45576</v>
      </c>
      <c r="F94370" s="14" t="s">
        <v>61</v>
      </c>
      <c r="G94370" s="16">
        <v>1.5863619162123042</v>
      </c>
    </row>
    <row r="94371" spans="1:7" x14ac:dyDescent="0.3">
      <c r="A94371" s="13" t="s">
        <v>469</v>
      </c>
      <c r="B94371" s="14" t="s">
        <v>1</v>
      </c>
      <c r="C94371" s="14" t="s">
        <v>238</v>
      </c>
      <c r="D94371" s="14" t="s">
        <v>333</v>
      </c>
      <c r="E94371" s="15">
        <v>45577</v>
      </c>
      <c r="F94371" s="14" t="s">
        <v>61</v>
      </c>
      <c r="G94371" s="16">
        <v>1.5863619162123042</v>
      </c>
    </row>
    <row r="94372" spans="1:7" x14ac:dyDescent="0.3">
      <c r="A94372" s="13" t="s">
        <v>469</v>
      </c>
      <c r="B94372" s="14" t="s">
        <v>1</v>
      </c>
      <c r="C94372" s="14" t="s">
        <v>238</v>
      </c>
      <c r="D94372" s="14" t="s">
        <v>333</v>
      </c>
      <c r="E94372" s="15">
        <v>45578</v>
      </c>
      <c r="F94372" s="14" t="s">
        <v>61</v>
      </c>
      <c r="G94372" s="16">
        <v>1.5863619162123042</v>
      </c>
    </row>
    <row r="94373" spans="1:7" x14ac:dyDescent="0.3">
      <c r="A94373" s="13" t="s">
        <v>469</v>
      </c>
      <c r="B94373" s="14" t="s">
        <v>1</v>
      </c>
      <c r="C94373" s="14" t="s">
        <v>238</v>
      </c>
      <c r="D94373" s="14" t="s">
        <v>333</v>
      </c>
      <c r="E94373" s="15">
        <v>45579</v>
      </c>
      <c r="F94373" s="14" t="s">
        <v>61</v>
      </c>
      <c r="G94373" s="16">
        <v>1.5946549739211886</v>
      </c>
    </row>
    <row r="94374" spans="1:7" x14ac:dyDescent="0.3">
      <c r="A94374" s="13" t="s">
        <v>469</v>
      </c>
      <c r="B94374" s="14" t="s">
        <v>1</v>
      </c>
      <c r="C94374" s="14" t="s">
        <v>238</v>
      </c>
      <c r="D94374" s="14" t="s">
        <v>333</v>
      </c>
      <c r="E94374" s="15">
        <v>45580</v>
      </c>
      <c r="F94374" s="14" t="s">
        <v>61</v>
      </c>
      <c r="G94374" s="16">
        <v>1.6195316896601659</v>
      </c>
    </row>
    <row r="94375" spans="1:7" x14ac:dyDescent="0.3">
      <c r="A94375" s="13" t="s">
        <v>469</v>
      </c>
      <c r="B94375" s="14" t="s">
        <v>1</v>
      </c>
      <c r="C94375" s="14" t="s">
        <v>238</v>
      </c>
      <c r="D94375" s="14" t="s">
        <v>333</v>
      </c>
      <c r="E94375" s="15">
        <v>45581</v>
      </c>
      <c r="F94375" s="14" t="s">
        <v>61</v>
      </c>
      <c r="G94375" s="16">
        <v>1.6278290024314661</v>
      </c>
    </row>
    <row r="94376" spans="1:7" x14ac:dyDescent="0.3">
      <c r="A94376" s="13" t="s">
        <v>469</v>
      </c>
      <c r="B94376" s="14" t="s">
        <v>1</v>
      </c>
      <c r="C94376" s="14" t="s">
        <v>238</v>
      </c>
      <c r="D94376" s="14" t="s">
        <v>333</v>
      </c>
      <c r="E94376" s="15">
        <v>45582</v>
      </c>
      <c r="F94376" s="14" t="s">
        <v>61</v>
      </c>
      <c r="G94376" s="16">
        <v>1.6361173983052126</v>
      </c>
    </row>
    <row r="94377" spans="1:7" x14ac:dyDescent="0.3">
      <c r="A94377" s="13" t="s">
        <v>469</v>
      </c>
      <c r="B94377" s="14" t="s">
        <v>1</v>
      </c>
      <c r="C94377" s="14" t="s">
        <v>238</v>
      </c>
      <c r="D94377" s="14" t="s">
        <v>333</v>
      </c>
      <c r="E94377" s="15">
        <v>45583</v>
      </c>
      <c r="F94377" s="14" t="s">
        <v>61</v>
      </c>
      <c r="G94377" s="16">
        <v>1.6443990597812972</v>
      </c>
    </row>
    <row r="94378" spans="1:7" x14ac:dyDescent="0.3">
      <c r="A94378" s="13" t="s">
        <v>469</v>
      </c>
      <c r="B94378" s="14" t="s">
        <v>1</v>
      </c>
      <c r="C94378" s="14" t="s">
        <v>238</v>
      </c>
      <c r="D94378" s="14" t="s">
        <v>333</v>
      </c>
      <c r="E94378" s="15">
        <v>45584</v>
      </c>
      <c r="F94378" s="14" t="s">
        <v>61</v>
      </c>
      <c r="G94378" s="16">
        <v>1.6443990597812972</v>
      </c>
    </row>
    <row r="94379" spans="1:7" x14ac:dyDescent="0.3">
      <c r="A94379" s="13" t="s">
        <v>469</v>
      </c>
      <c r="B94379" s="14" t="s">
        <v>1</v>
      </c>
      <c r="C94379" s="14" t="s">
        <v>238</v>
      </c>
      <c r="D94379" s="14" t="s">
        <v>333</v>
      </c>
      <c r="E94379" s="15">
        <v>45585</v>
      </c>
      <c r="F94379" s="14" t="s">
        <v>61</v>
      </c>
      <c r="G94379" s="16">
        <v>1.6443990597812972</v>
      </c>
    </row>
    <row r="94380" spans="1:7" x14ac:dyDescent="0.3">
      <c r="A94380" s="13" t="s">
        <v>469</v>
      </c>
      <c r="B94380" s="14" t="s">
        <v>1</v>
      </c>
      <c r="C94380" s="14" t="s">
        <v>238</v>
      </c>
      <c r="D94380" s="14" t="s">
        <v>333</v>
      </c>
      <c r="E94380" s="15">
        <v>45586</v>
      </c>
      <c r="F94380" s="14" t="s">
        <v>61</v>
      </c>
      <c r="G94380" s="16">
        <v>1.6526777621968218</v>
      </c>
    </row>
    <row r="94381" spans="1:7" x14ac:dyDescent="0.3">
      <c r="A94381" s="13" t="s">
        <v>469</v>
      </c>
      <c r="B94381" s="14" t="s">
        <v>1</v>
      </c>
      <c r="C94381" s="14" t="s">
        <v>238</v>
      </c>
      <c r="D94381" s="14" t="s">
        <v>333</v>
      </c>
      <c r="E94381" s="15">
        <v>45587</v>
      </c>
      <c r="F94381" s="14" t="s">
        <v>61</v>
      </c>
      <c r="G94381" s="16">
        <v>1.6774759838604507</v>
      </c>
    </row>
    <row r="94382" spans="1:7" x14ac:dyDescent="0.3">
      <c r="A94382" s="13" t="s">
        <v>469</v>
      </c>
      <c r="B94382" s="14" t="s">
        <v>1</v>
      </c>
      <c r="C94382" s="14" t="s">
        <v>238</v>
      </c>
      <c r="D94382" s="14" t="s">
        <v>333</v>
      </c>
      <c r="E94382" s="15">
        <v>45588</v>
      </c>
      <c r="F94382" s="14" t="s">
        <v>61</v>
      </c>
      <c r="G94382" s="16">
        <v>1.6857127666769169</v>
      </c>
    </row>
    <row r="94383" spans="1:7" x14ac:dyDescent="0.3">
      <c r="A94383" s="13" t="s">
        <v>469</v>
      </c>
      <c r="B94383" s="14" t="s">
        <v>1</v>
      </c>
      <c r="C94383" s="14" t="s">
        <v>238</v>
      </c>
      <c r="D94383" s="14" t="s">
        <v>333</v>
      </c>
      <c r="E94383" s="15">
        <v>45589</v>
      </c>
      <c r="F94383" s="14" t="s">
        <v>61</v>
      </c>
      <c r="G94383" s="16">
        <v>1.6939480347770828</v>
      </c>
    </row>
    <row r="94384" spans="1:7" x14ac:dyDescent="0.3">
      <c r="A94384" s="13" t="s">
        <v>469</v>
      </c>
      <c r="B94384" s="14" t="s">
        <v>1</v>
      </c>
      <c r="C94384" s="14" t="s">
        <v>238</v>
      </c>
      <c r="D94384" s="14" t="s">
        <v>333</v>
      </c>
      <c r="E94384" s="15">
        <v>45590</v>
      </c>
      <c r="F94384" s="14" t="s">
        <v>61</v>
      </c>
      <c r="G94384" s="16">
        <v>1.702184809053096</v>
      </c>
    </row>
    <row r="94385" spans="1:7" x14ac:dyDescent="0.3">
      <c r="A94385" s="13" t="s">
        <v>469</v>
      </c>
      <c r="B94385" s="14" t="s">
        <v>1</v>
      </c>
      <c r="C94385" s="14" t="s">
        <v>238</v>
      </c>
      <c r="D94385" s="14" t="s">
        <v>333</v>
      </c>
      <c r="E94385" s="15">
        <v>45591</v>
      </c>
      <c r="F94385" s="14" t="s">
        <v>61</v>
      </c>
      <c r="G94385" s="16">
        <v>1.702184809053096</v>
      </c>
    </row>
    <row r="94386" spans="1:7" x14ac:dyDescent="0.3">
      <c r="A94386" s="13" t="s">
        <v>469</v>
      </c>
      <c r="B94386" s="14" t="s">
        <v>1</v>
      </c>
      <c r="C94386" s="14" t="s">
        <v>238</v>
      </c>
      <c r="D94386" s="14" t="s">
        <v>333</v>
      </c>
      <c r="E94386" s="15">
        <v>45592</v>
      </c>
      <c r="F94386" s="14" t="s">
        <v>61</v>
      </c>
      <c r="G94386" s="16">
        <v>1.702184809053096</v>
      </c>
    </row>
    <row r="94387" spans="1:7" x14ac:dyDescent="0.3">
      <c r="A94387" s="13" t="s">
        <v>469</v>
      </c>
      <c r="B94387" s="14" t="s">
        <v>1</v>
      </c>
      <c r="C94387" s="14" t="s">
        <v>238</v>
      </c>
      <c r="D94387" s="14" t="s">
        <v>333</v>
      </c>
      <c r="E94387" s="15">
        <v>45593</v>
      </c>
      <c r="F94387" s="14" t="s">
        <v>61</v>
      </c>
      <c r="G94387" s="16">
        <v>1.702184809053096</v>
      </c>
    </row>
    <row r="94388" spans="1:7" x14ac:dyDescent="0.3">
      <c r="A94388" s="13" t="s">
        <v>469</v>
      </c>
      <c r="B94388" s="14" t="s">
        <v>1</v>
      </c>
      <c r="C94388" s="14" t="s">
        <v>238</v>
      </c>
      <c r="D94388" s="14" t="s">
        <v>333</v>
      </c>
      <c r="E94388" s="15">
        <v>45594</v>
      </c>
      <c r="F94388" s="14" t="s">
        <v>61</v>
      </c>
      <c r="G94388" s="16">
        <v>1.7104295408627932</v>
      </c>
    </row>
    <row r="94389" spans="1:7" x14ac:dyDescent="0.3">
      <c r="A94389" s="13" t="s">
        <v>469</v>
      </c>
      <c r="B94389" s="14" t="s">
        <v>1</v>
      </c>
      <c r="C94389" s="14" t="s">
        <v>238</v>
      </c>
      <c r="D94389" s="14" t="s">
        <v>333</v>
      </c>
      <c r="E94389" s="15">
        <v>45595</v>
      </c>
      <c r="F94389" s="14" t="s">
        <v>61</v>
      </c>
      <c r="G94389" s="16">
        <v>1.743430752187626</v>
      </c>
    </row>
    <row r="94390" spans="1:7" x14ac:dyDescent="0.3">
      <c r="A94390" s="13" t="s">
        <v>469</v>
      </c>
      <c r="B94390" s="14" t="s">
        <v>1</v>
      </c>
      <c r="C94390" s="14" t="s">
        <v>238</v>
      </c>
      <c r="D94390" s="14" t="s">
        <v>333</v>
      </c>
      <c r="E94390" s="15">
        <v>45596</v>
      </c>
      <c r="F94390" s="14" t="s">
        <v>61</v>
      </c>
      <c r="G94390" s="16">
        <v>1.7516820375729414</v>
      </c>
    </row>
    <row r="94391" spans="1:7" x14ac:dyDescent="0.3">
      <c r="A94391" s="13" t="s">
        <v>469</v>
      </c>
      <c r="B94391" s="14" t="s">
        <v>1</v>
      </c>
      <c r="C94391" s="14" t="s">
        <v>238</v>
      </c>
      <c r="D94391" s="14" t="s">
        <v>333</v>
      </c>
      <c r="E94391" s="15">
        <v>45597</v>
      </c>
      <c r="F94391" s="14" t="s">
        <v>61</v>
      </c>
      <c r="G94391" s="16">
        <v>1.7599418054232618</v>
      </c>
    </row>
    <row r="94392" spans="1:7" x14ac:dyDescent="0.3">
      <c r="A94392" s="13" t="s">
        <v>469</v>
      </c>
      <c r="B94392" s="14" t="s">
        <v>1</v>
      </c>
      <c r="C94392" s="14" t="s">
        <v>238</v>
      </c>
      <c r="D94392" s="14" t="s">
        <v>333</v>
      </c>
      <c r="E94392" s="15">
        <v>45598</v>
      </c>
      <c r="F94392" s="14" t="s">
        <v>61</v>
      </c>
      <c r="G94392" s="16">
        <v>1.7599418054232618</v>
      </c>
    </row>
    <row r="94393" spans="1:7" x14ac:dyDescent="0.3">
      <c r="A94393" s="13" t="s">
        <v>469</v>
      </c>
      <c r="B94393" s="14" t="s">
        <v>1</v>
      </c>
      <c r="C94393" s="14" t="s">
        <v>238</v>
      </c>
      <c r="D94393" s="14" t="s">
        <v>333</v>
      </c>
      <c r="E94393" s="15">
        <v>45599</v>
      </c>
      <c r="F94393" s="14" t="s">
        <v>61</v>
      </c>
      <c r="G94393" s="16">
        <v>1.7599418054232618</v>
      </c>
    </row>
    <row r="94394" spans="1:7" x14ac:dyDescent="0.3">
      <c r="A94394" s="13" t="s">
        <v>469</v>
      </c>
      <c r="B94394" s="14" t="s">
        <v>1</v>
      </c>
      <c r="C94394" s="14" t="s">
        <v>238</v>
      </c>
      <c r="D94394" s="14" t="s">
        <v>333</v>
      </c>
      <c r="E94394" s="15">
        <v>45600</v>
      </c>
      <c r="F94394" s="14" t="s">
        <v>61</v>
      </c>
      <c r="G94394" s="16">
        <v>1.7678877663586992</v>
      </c>
    </row>
    <row r="94395" spans="1:7" x14ac:dyDescent="0.3">
      <c r="A94395" s="13" t="s">
        <v>469</v>
      </c>
      <c r="B94395" s="14" t="s">
        <v>1</v>
      </c>
      <c r="C94395" s="14" t="s">
        <v>238</v>
      </c>
      <c r="D94395" s="14" t="s">
        <v>333</v>
      </c>
      <c r="E94395" s="15">
        <v>45601</v>
      </c>
      <c r="F94395" s="14" t="s">
        <v>61</v>
      </c>
      <c r="G94395" s="16">
        <v>1.7926867015569956</v>
      </c>
    </row>
    <row r="94396" spans="1:7" x14ac:dyDescent="0.3">
      <c r="A94396" s="13" t="s">
        <v>469</v>
      </c>
      <c r="B94396" s="14" t="s">
        <v>1</v>
      </c>
      <c r="C94396" s="14" t="s">
        <v>238</v>
      </c>
      <c r="D94396" s="14" t="s">
        <v>333</v>
      </c>
      <c r="E94396" s="15">
        <v>45602</v>
      </c>
      <c r="F94396" s="14" t="s">
        <v>61</v>
      </c>
      <c r="G94396" s="16">
        <v>1.8013219263498572</v>
      </c>
    </row>
    <row r="94397" spans="1:7" x14ac:dyDescent="0.3">
      <c r="A94397" s="13" t="s">
        <v>469</v>
      </c>
      <c r="B94397" s="14" t="s">
        <v>1</v>
      </c>
      <c r="C94397" s="14" t="s">
        <v>238</v>
      </c>
      <c r="D94397" s="14" t="s">
        <v>333</v>
      </c>
      <c r="E94397" s="15">
        <v>45603</v>
      </c>
      <c r="F94397" s="14" t="s">
        <v>61</v>
      </c>
      <c r="G94397" s="16">
        <v>1.8095979035785335</v>
      </c>
    </row>
    <row r="94398" spans="1:7" x14ac:dyDescent="0.3">
      <c r="A94398" s="13" t="s">
        <v>469</v>
      </c>
      <c r="B94398" s="14" t="s">
        <v>1</v>
      </c>
      <c r="C94398" s="14" t="s">
        <v>238</v>
      </c>
      <c r="D94398" s="14" t="s">
        <v>333</v>
      </c>
      <c r="E94398" s="15">
        <v>45604</v>
      </c>
      <c r="F94398" s="14" t="s">
        <v>61</v>
      </c>
      <c r="G94398" s="16">
        <v>1.8247706646652775</v>
      </c>
    </row>
    <row r="94399" spans="1:7" x14ac:dyDescent="0.3">
      <c r="A94399" s="13" t="s">
        <v>469</v>
      </c>
      <c r="B94399" s="14" t="s">
        <v>1</v>
      </c>
      <c r="C94399" s="14" t="s">
        <v>238</v>
      </c>
      <c r="D94399" s="14" t="s">
        <v>333</v>
      </c>
      <c r="E94399" s="15">
        <v>45605</v>
      </c>
      <c r="F94399" s="14" t="s">
        <v>61</v>
      </c>
      <c r="G94399" s="16">
        <v>1.8247706646652775</v>
      </c>
    </row>
    <row r="94400" spans="1:7" x14ac:dyDescent="0.3">
      <c r="A94400" s="13" t="s">
        <v>469</v>
      </c>
      <c r="B94400" s="14" t="s">
        <v>1</v>
      </c>
      <c r="C94400" s="14" t="s">
        <v>238</v>
      </c>
      <c r="D94400" s="14" t="s">
        <v>333</v>
      </c>
      <c r="E94400" s="15">
        <v>45606</v>
      </c>
      <c r="F94400" s="14" t="s">
        <v>61</v>
      </c>
      <c r="G94400" s="16">
        <v>1.8247706646652775</v>
      </c>
    </row>
    <row r="94401" spans="1:7" x14ac:dyDescent="0.3">
      <c r="A94401" s="13" t="s">
        <v>469</v>
      </c>
      <c r="B94401" s="14" t="s">
        <v>1</v>
      </c>
      <c r="C94401" s="14" t="s">
        <v>238</v>
      </c>
      <c r="D94401" s="14" t="s">
        <v>333</v>
      </c>
      <c r="E94401" s="15">
        <v>45607</v>
      </c>
      <c r="F94401" s="14" t="s">
        <v>61</v>
      </c>
      <c r="G94401" s="16">
        <v>1.8330161480618998</v>
      </c>
    </row>
    <row r="94402" spans="1:7" x14ac:dyDescent="0.3">
      <c r="A94402" s="13" t="s">
        <v>469</v>
      </c>
      <c r="B94402" s="14" t="s">
        <v>1</v>
      </c>
      <c r="C94402" s="14" t="s">
        <v>238</v>
      </c>
      <c r="D94402" s="14" t="s">
        <v>333</v>
      </c>
      <c r="E94402" s="15">
        <v>45608</v>
      </c>
      <c r="F94402" s="14" t="s">
        <v>61</v>
      </c>
      <c r="G94402" s="16">
        <v>1.8577352160183001</v>
      </c>
    </row>
    <row r="94403" spans="1:7" x14ac:dyDescent="0.3">
      <c r="A94403" s="13" t="s">
        <v>469</v>
      </c>
      <c r="B94403" s="14" t="s">
        <v>1</v>
      </c>
      <c r="C94403" s="14" t="s">
        <v>238</v>
      </c>
      <c r="D94403" s="14" t="s">
        <v>333</v>
      </c>
      <c r="E94403" s="15">
        <v>45609</v>
      </c>
      <c r="F94403" s="14" t="s">
        <v>61</v>
      </c>
      <c r="G94403" s="16">
        <v>1.8659651697498694</v>
      </c>
    </row>
    <row r="94404" spans="1:7" x14ac:dyDescent="0.3">
      <c r="A94404" s="13" t="s">
        <v>469</v>
      </c>
      <c r="B94404" s="14" t="s">
        <v>1</v>
      </c>
      <c r="C94404" s="14" t="s">
        <v>238</v>
      </c>
      <c r="D94404" s="14" t="s">
        <v>333</v>
      </c>
      <c r="E94404" s="15">
        <v>45610</v>
      </c>
      <c r="F94404" s="14" t="s">
        <v>61</v>
      </c>
      <c r="G94404" s="16">
        <v>1.8741951810041459</v>
      </c>
    </row>
    <row r="94405" spans="1:7" x14ac:dyDescent="0.3">
      <c r="A94405" s="13" t="s">
        <v>469</v>
      </c>
      <c r="B94405" s="14" t="s">
        <v>1</v>
      </c>
      <c r="C94405" s="14" t="s">
        <v>238</v>
      </c>
      <c r="D94405" s="14" t="s">
        <v>333</v>
      </c>
      <c r="E94405" s="15">
        <v>45611</v>
      </c>
      <c r="F94405" s="14" t="s">
        <v>61</v>
      </c>
      <c r="G94405" s="16">
        <v>1.8824263997302308</v>
      </c>
    </row>
    <row r="94406" spans="1:7" x14ac:dyDescent="0.3">
      <c r="A94406" s="13" t="s">
        <v>469</v>
      </c>
      <c r="B94406" s="14" t="s">
        <v>1</v>
      </c>
      <c r="C94406" s="14" t="s">
        <v>238</v>
      </c>
      <c r="D94406" s="14" t="s">
        <v>333</v>
      </c>
      <c r="E94406" s="15">
        <v>45612</v>
      </c>
      <c r="F94406" s="14" t="s">
        <v>61</v>
      </c>
      <c r="G94406" s="16">
        <v>1.8824263997302308</v>
      </c>
    </row>
    <row r="94407" spans="1:7" x14ac:dyDescent="0.3">
      <c r="A94407" s="13" t="s">
        <v>469</v>
      </c>
      <c r="B94407" s="14" t="s">
        <v>1</v>
      </c>
      <c r="C94407" s="14" t="s">
        <v>238</v>
      </c>
      <c r="D94407" s="14" t="s">
        <v>333</v>
      </c>
      <c r="E94407" s="15">
        <v>45613</v>
      </c>
      <c r="F94407" s="14" t="s">
        <v>61</v>
      </c>
      <c r="G94407" s="16">
        <v>1.8824263997302308</v>
      </c>
    </row>
    <row r="94408" spans="1:7" x14ac:dyDescent="0.3">
      <c r="A94408" s="13" t="s">
        <v>469</v>
      </c>
      <c r="B94408" s="14" t="s">
        <v>1</v>
      </c>
      <c r="C94408" s="14" t="s">
        <v>238</v>
      </c>
      <c r="D94408" s="14" t="s">
        <v>333</v>
      </c>
      <c r="E94408" s="15">
        <v>45614</v>
      </c>
      <c r="F94408" s="14" t="s">
        <v>61</v>
      </c>
      <c r="G94408" s="16">
        <v>1.8906527755248943</v>
      </c>
    </row>
    <row r="94409" spans="1:7" x14ac:dyDescent="0.3">
      <c r="A94409" s="13" t="s">
        <v>469</v>
      </c>
      <c r="B94409" s="14" t="s">
        <v>1</v>
      </c>
      <c r="C94409" s="14" t="s">
        <v>238</v>
      </c>
      <c r="D94409" s="14" t="s">
        <v>333</v>
      </c>
      <c r="E94409" s="15">
        <v>45615</v>
      </c>
      <c r="F94409" s="14" t="s">
        <v>61</v>
      </c>
      <c r="G94409" s="16">
        <v>1.915309484492788</v>
      </c>
    </row>
    <row r="94410" spans="1:7" x14ac:dyDescent="0.3">
      <c r="A94410" s="13" t="s">
        <v>469</v>
      </c>
      <c r="B94410" s="14" t="s">
        <v>1</v>
      </c>
      <c r="C94410" s="14" t="s">
        <v>238</v>
      </c>
      <c r="D94410" s="14" t="s">
        <v>333</v>
      </c>
      <c r="E94410" s="15">
        <v>45616</v>
      </c>
      <c r="F94410" s="14" t="s">
        <v>61</v>
      </c>
      <c r="G94410" s="16">
        <v>1.9235335135369751</v>
      </c>
    </row>
    <row r="94411" spans="1:7" x14ac:dyDescent="0.3">
      <c r="A94411" s="13" t="s">
        <v>469</v>
      </c>
      <c r="B94411" s="14" t="s">
        <v>1</v>
      </c>
      <c r="C94411" s="14" t="s">
        <v>238</v>
      </c>
      <c r="D94411" s="14" t="s">
        <v>333</v>
      </c>
      <c r="E94411" s="15">
        <v>45617</v>
      </c>
      <c r="F94411" s="14" t="s">
        <v>61</v>
      </c>
      <c r="G94411" s="16">
        <v>1.9317724404614827</v>
      </c>
    </row>
    <row r="94412" spans="1:7" x14ac:dyDescent="0.3">
      <c r="A94412" s="13" t="s">
        <v>469</v>
      </c>
      <c r="B94412" s="14" t="s">
        <v>1</v>
      </c>
      <c r="C94412" s="14" t="s">
        <v>238</v>
      </c>
      <c r="D94412" s="14" t="s">
        <v>333</v>
      </c>
      <c r="E94412" s="15">
        <v>45618</v>
      </c>
      <c r="F94412" s="14" t="s">
        <v>61</v>
      </c>
      <c r="G94412" s="16">
        <v>1.9400108806511862</v>
      </c>
    </row>
    <row r="94413" spans="1:7" x14ac:dyDescent="0.3">
      <c r="A94413" s="13" t="s">
        <v>469</v>
      </c>
      <c r="B94413" s="14" t="s">
        <v>1</v>
      </c>
      <c r="C94413" s="14" t="s">
        <v>238</v>
      </c>
      <c r="D94413" s="14" t="s">
        <v>333</v>
      </c>
      <c r="E94413" s="15">
        <v>45619</v>
      </c>
      <c r="F94413" s="14" t="s">
        <v>61</v>
      </c>
      <c r="G94413" s="16">
        <v>1.9400108806511862</v>
      </c>
    </row>
    <row r="94414" spans="1:7" x14ac:dyDescent="0.3">
      <c r="A94414" s="13" t="s">
        <v>469</v>
      </c>
      <c r="B94414" s="14" t="s">
        <v>1</v>
      </c>
      <c r="C94414" s="14" t="s">
        <v>238</v>
      </c>
      <c r="D94414" s="14" t="s">
        <v>333</v>
      </c>
      <c r="E94414" s="15">
        <v>45620</v>
      </c>
      <c r="F94414" s="14" t="s">
        <v>61</v>
      </c>
      <c r="G94414" s="16">
        <v>1.9400108806511862</v>
      </c>
    </row>
    <row r="94415" spans="1:7" x14ac:dyDescent="0.3">
      <c r="A94415" s="13" t="s">
        <v>469</v>
      </c>
      <c r="B94415" s="14" t="s">
        <v>1</v>
      </c>
      <c r="C94415" s="14" t="s">
        <v>238</v>
      </c>
      <c r="D94415" s="14" t="s">
        <v>333</v>
      </c>
      <c r="E94415" s="15">
        <v>45621</v>
      </c>
      <c r="F94415" s="14" t="s">
        <v>61</v>
      </c>
      <c r="G94415" s="16">
        <v>1.9482775998972031</v>
      </c>
    </row>
    <row r="94416" spans="1:7" x14ac:dyDescent="0.3">
      <c r="A94416" s="13" t="s">
        <v>469</v>
      </c>
      <c r="B94416" s="14" t="s">
        <v>1</v>
      </c>
      <c r="C94416" s="14" t="s">
        <v>238</v>
      </c>
      <c r="D94416" s="14" t="s">
        <v>333</v>
      </c>
      <c r="E94416" s="15">
        <v>45622</v>
      </c>
      <c r="F94416" s="14" t="s">
        <v>61</v>
      </c>
      <c r="G94416" s="16">
        <v>1.9730619290393079</v>
      </c>
    </row>
    <row r="94417" spans="1:7" x14ac:dyDescent="0.3">
      <c r="A94417" s="13" t="s">
        <v>469</v>
      </c>
      <c r="B94417" s="14" t="s">
        <v>1</v>
      </c>
      <c r="C94417" s="14" t="s">
        <v>238</v>
      </c>
      <c r="D94417" s="14" t="s">
        <v>333</v>
      </c>
      <c r="E94417" s="15">
        <v>45623</v>
      </c>
      <c r="F94417" s="14" t="s">
        <v>61</v>
      </c>
      <c r="G94417" s="16">
        <v>1.9813282854781271</v>
      </c>
    </row>
    <row r="94418" spans="1:7" x14ac:dyDescent="0.3">
      <c r="A94418" s="13" t="s">
        <v>469</v>
      </c>
      <c r="B94418" s="14" t="s">
        <v>1</v>
      </c>
      <c r="C94418" s="14" t="s">
        <v>238</v>
      </c>
      <c r="D94418" s="14" t="s">
        <v>333</v>
      </c>
      <c r="E94418" s="15">
        <v>45624</v>
      </c>
      <c r="F94418" s="14" t="s">
        <v>61</v>
      </c>
      <c r="G94418" s="16">
        <v>1.9896750956804792</v>
      </c>
    </row>
    <row r="94419" spans="1:7" x14ac:dyDescent="0.3">
      <c r="A94419" s="13" t="s">
        <v>469</v>
      </c>
      <c r="B94419" s="14" t="s">
        <v>1</v>
      </c>
      <c r="C94419" s="14" t="s">
        <v>238</v>
      </c>
      <c r="D94419" s="14" t="s">
        <v>333</v>
      </c>
      <c r="E94419" s="15">
        <v>45625</v>
      </c>
      <c r="F94419" s="14" t="s">
        <v>61</v>
      </c>
      <c r="G94419" s="16">
        <v>1.9980232965000098</v>
      </c>
    </row>
    <row r="94420" spans="1:7" x14ac:dyDescent="0.3">
      <c r="A94420" s="13" t="s">
        <v>469</v>
      </c>
      <c r="B94420" s="14" t="s">
        <v>1</v>
      </c>
      <c r="C94420" s="14" t="s">
        <v>238</v>
      </c>
      <c r="D94420" s="14" t="s">
        <v>333</v>
      </c>
      <c r="E94420" s="15">
        <v>45626</v>
      </c>
      <c r="F94420" s="14" t="s">
        <v>61</v>
      </c>
      <c r="G94420" s="16">
        <v>1.9980232965000098</v>
      </c>
    </row>
    <row r="94421" spans="1:7" x14ac:dyDescent="0.3">
      <c r="A94421" s="13" t="s">
        <v>469</v>
      </c>
      <c r="B94421" s="14" t="s">
        <v>1</v>
      </c>
      <c r="C94421" s="14" t="s">
        <v>238</v>
      </c>
      <c r="D94421" s="14" t="s">
        <v>333</v>
      </c>
      <c r="E94421" s="15">
        <v>45627</v>
      </c>
      <c r="F94421" s="14" t="s">
        <v>61</v>
      </c>
      <c r="G94421" s="16">
        <v>1.9980232965000098</v>
      </c>
    </row>
    <row r="94422" spans="1:7" x14ac:dyDescent="0.3">
      <c r="A94422" s="13" t="s">
        <v>469</v>
      </c>
      <c r="B94422" s="14" t="s">
        <v>1</v>
      </c>
      <c r="C94422" s="14" t="s">
        <v>238</v>
      </c>
      <c r="D94422" s="14" t="s">
        <v>333</v>
      </c>
      <c r="E94422" s="15">
        <v>45628</v>
      </c>
      <c r="F94422" s="14" t="s">
        <v>61</v>
      </c>
      <c r="G94422" s="16">
        <v>2.0063675318747065</v>
      </c>
    </row>
    <row r="94423" spans="1:7" x14ac:dyDescent="0.3">
      <c r="A94423" s="13" t="s">
        <v>469</v>
      </c>
      <c r="B94423" s="14" t="s">
        <v>1</v>
      </c>
      <c r="C94423" s="14" t="s">
        <v>238</v>
      </c>
      <c r="D94423" s="14" t="s">
        <v>333</v>
      </c>
      <c r="E94423" s="15">
        <v>45629</v>
      </c>
      <c r="F94423" s="14" t="s">
        <v>61</v>
      </c>
      <c r="G94423" s="16">
        <v>2.0313394574709509</v>
      </c>
    </row>
    <row r="94424" spans="1:7" x14ac:dyDescent="0.3">
      <c r="A94424" s="13" t="s">
        <v>469</v>
      </c>
      <c r="B94424" s="14" t="s">
        <v>1</v>
      </c>
      <c r="C94424" s="14" t="s">
        <v>238</v>
      </c>
      <c r="D94424" s="14" t="s">
        <v>333</v>
      </c>
      <c r="E94424" s="15">
        <v>45630</v>
      </c>
      <c r="F94424" s="14" t="s">
        <v>61</v>
      </c>
      <c r="G94424" s="16">
        <v>2.0397254853803308</v>
      </c>
    </row>
    <row r="94425" spans="1:7" x14ac:dyDescent="0.3">
      <c r="A94425" s="13" t="s">
        <v>469</v>
      </c>
      <c r="B94425" s="14" t="s">
        <v>1</v>
      </c>
      <c r="C94425" s="14" t="s">
        <v>238</v>
      </c>
      <c r="D94425" s="14" t="s">
        <v>333</v>
      </c>
      <c r="E94425" s="15">
        <v>45631</v>
      </c>
      <c r="F94425" s="14" t="s">
        <v>61</v>
      </c>
      <c r="G94425" s="16">
        <v>2.0483454988666372</v>
      </c>
    </row>
    <row r="94426" spans="1:7" x14ac:dyDescent="0.3">
      <c r="A94426" s="13" t="s">
        <v>469</v>
      </c>
      <c r="B94426" s="14" t="s">
        <v>1</v>
      </c>
      <c r="C94426" s="14" t="s">
        <v>238</v>
      </c>
      <c r="D94426" s="14" t="s">
        <v>333</v>
      </c>
      <c r="E94426" s="15">
        <v>45632</v>
      </c>
      <c r="F94426" s="14" t="s">
        <v>61</v>
      </c>
      <c r="G94426" s="16">
        <v>2.0572551977254228</v>
      </c>
    </row>
    <row r="94427" spans="1:7" x14ac:dyDescent="0.3">
      <c r="A94427" s="13" t="s">
        <v>469</v>
      </c>
      <c r="B94427" s="14" t="s">
        <v>1</v>
      </c>
      <c r="C94427" s="14" t="s">
        <v>238</v>
      </c>
      <c r="D94427" s="14" t="s">
        <v>333</v>
      </c>
      <c r="E94427" s="15">
        <v>45633</v>
      </c>
      <c r="F94427" s="14" t="s">
        <v>61</v>
      </c>
      <c r="G94427" s="16">
        <v>2.0572551977254228</v>
      </c>
    </row>
    <row r="94428" spans="1:7" x14ac:dyDescent="0.3">
      <c r="A94428" s="13" t="s">
        <v>469</v>
      </c>
      <c r="B94428" s="14" t="s">
        <v>1</v>
      </c>
      <c r="C94428" s="14" t="s">
        <v>238</v>
      </c>
      <c r="D94428" s="14" t="s">
        <v>333</v>
      </c>
      <c r="E94428" s="15">
        <v>45634</v>
      </c>
      <c r="F94428" s="14" t="s">
        <v>61</v>
      </c>
      <c r="G94428" s="16">
        <v>2.0572551977254228</v>
      </c>
    </row>
    <row r="94429" spans="1:7" x14ac:dyDescent="0.3">
      <c r="A94429" s="13" t="s">
        <v>469</v>
      </c>
      <c r="B94429" s="14" t="s">
        <v>1</v>
      </c>
      <c r="C94429" s="14" t="s">
        <v>238</v>
      </c>
      <c r="D94429" s="14" t="s">
        <v>333</v>
      </c>
      <c r="E94429" s="15">
        <v>45635</v>
      </c>
      <c r="F94429" s="14" t="s">
        <v>61</v>
      </c>
      <c r="G94429" s="16">
        <v>2.0655851212272829</v>
      </c>
    </row>
    <row r="94430" spans="1:7" x14ac:dyDescent="0.3">
      <c r="A94430" s="13" t="s">
        <v>469</v>
      </c>
      <c r="B94430" s="14" t="s">
        <v>1</v>
      </c>
      <c r="C94430" s="14" t="s">
        <v>238</v>
      </c>
      <c r="D94430" s="14" t="s">
        <v>333</v>
      </c>
      <c r="E94430" s="15">
        <v>45636</v>
      </c>
      <c r="F94430" s="14" t="s">
        <v>61</v>
      </c>
      <c r="G94430" s="16">
        <v>2.0905057650544974</v>
      </c>
    </row>
    <row r="94431" spans="1:7" x14ac:dyDescent="0.3">
      <c r="A94431" s="13" t="s">
        <v>469</v>
      </c>
      <c r="B94431" s="14" t="s">
        <v>1</v>
      </c>
      <c r="C94431" s="14" t="s">
        <v>238</v>
      </c>
      <c r="D94431" s="14" t="s">
        <v>333</v>
      </c>
      <c r="E94431" s="15">
        <v>45637</v>
      </c>
      <c r="F94431" s="14" t="s">
        <v>61</v>
      </c>
      <c r="G94431" s="16">
        <v>2.0988279481956473</v>
      </c>
    </row>
    <row r="94432" spans="1:7" x14ac:dyDescent="0.3">
      <c r="A94432" s="13" t="s">
        <v>469</v>
      </c>
      <c r="B94432" s="14" t="s">
        <v>1</v>
      </c>
      <c r="C94432" s="14" t="s">
        <v>238</v>
      </c>
      <c r="D94432" s="14" t="s">
        <v>333</v>
      </c>
      <c r="E94432" s="15">
        <v>45638</v>
      </c>
      <c r="F94432" s="14" t="s">
        <v>61</v>
      </c>
      <c r="G94432" s="16">
        <v>2.1071320018975044</v>
      </c>
    </row>
    <row r="94433" spans="1:7" x14ac:dyDescent="0.3">
      <c r="A94433" s="13" t="s">
        <v>469</v>
      </c>
      <c r="B94433" s="14" t="s">
        <v>1</v>
      </c>
      <c r="C94433" s="14" t="s">
        <v>238</v>
      </c>
      <c r="D94433" s="14" t="s">
        <v>333</v>
      </c>
      <c r="E94433" s="15">
        <v>45639</v>
      </c>
      <c r="F94433" s="14" t="s">
        <v>61</v>
      </c>
      <c r="G94433" s="16">
        <v>2.1150530296635441</v>
      </c>
    </row>
    <row r="94434" spans="1:7" x14ac:dyDescent="0.3">
      <c r="A94434" s="13" t="s">
        <v>469</v>
      </c>
      <c r="B94434" s="14" t="s">
        <v>1</v>
      </c>
      <c r="C94434" s="14" t="s">
        <v>238</v>
      </c>
      <c r="D94434" s="14" t="s">
        <v>333</v>
      </c>
      <c r="E94434" s="15">
        <v>45640</v>
      </c>
      <c r="F94434" s="14" t="s">
        <v>61</v>
      </c>
      <c r="G94434" s="16">
        <v>2.1150530296635441</v>
      </c>
    </row>
    <row r="94435" spans="1:7" x14ac:dyDescent="0.3">
      <c r="A94435" s="13" t="s">
        <v>469</v>
      </c>
      <c r="B94435" s="14" t="s">
        <v>1</v>
      </c>
      <c r="C94435" s="14" t="s">
        <v>238</v>
      </c>
      <c r="D94435" s="14" t="s">
        <v>333</v>
      </c>
      <c r="E94435" s="15">
        <v>45641</v>
      </c>
      <c r="F94435" s="14" t="s">
        <v>61</v>
      </c>
      <c r="G94435" s="16">
        <v>2.1150530296635441</v>
      </c>
    </row>
    <row r="94436" spans="1:7" x14ac:dyDescent="0.3">
      <c r="A94436" s="13" t="s">
        <v>469</v>
      </c>
      <c r="B94436" s="14" t="s">
        <v>1</v>
      </c>
      <c r="C94436" s="14" t="s">
        <v>238</v>
      </c>
      <c r="D94436" s="14" t="s">
        <v>333</v>
      </c>
      <c r="E94436" s="15">
        <v>45642</v>
      </c>
      <c r="F94436" s="14" t="s">
        <v>61</v>
      </c>
      <c r="G94436" s="16">
        <v>2.1233461475209769</v>
      </c>
    </row>
    <row r="94437" spans="1:7" x14ac:dyDescent="0.3">
      <c r="A94437" s="13" t="s">
        <v>469</v>
      </c>
      <c r="B94437" s="14" t="s">
        <v>1</v>
      </c>
      <c r="C94437" s="14" t="s">
        <v>238</v>
      </c>
      <c r="D94437" s="14" t="s">
        <v>333</v>
      </c>
      <c r="E94437" s="15">
        <v>45643</v>
      </c>
      <c r="F94437" s="14" t="s">
        <v>61</v>
      </c>
      <c r="G94437" s="16">
        <v>2.1483067831237803</v>
      </c>
    </row>
    <row r="94438" spans="1:7" x14ac:dyDescent="0.3">
      <c r="A94438" s="13" t="s">
        <v>469</v>
      </c>
      <c r="B94438" s="14" t="s">
        <v>1</v>
      </c>
      <c r="C94438" s="14" t="s">
        <v>238</v>
      </c>
      <c r="D94438" s="14" t="s">
        <v>333</v>
      </c>
      <c r="E94438" s="15">
        <v>45644</v>
      </c>
      <c r="F94438" s="14" t="s">
        <v>61</v>
      </c>
      <c r="G94438" s="16">
        <v>2.1566361238073837</v>
      </c>
    </row>
    <row r="94439" spans="1:7" x14ac:dyDescent="0.3">
      <c r="A94439" s="13" t="s">
        <v>469</v>
      </c>
      <c r="B94439" s="14" t="s">
        <v>1</v>
      </c>
      <c r="C94439" s="14" t="s">
        <v>238</v>
      </c>
      <c r="D94439" s="14" t="s">
        <v>333</v>
      </c>
      <c r="E94439" s="15">
        <v>45645</v>
      </c>
      <c r="F94439" s="14" t="s">
        <v>61</v>
      </c>
      <c r="G94439" s="16">
        <v>2.1649695488388683</v>
      </c>
    </row>
    <row r="94440" spans="1:7" x14ac:dyDescent="0.3">
      <c r="A94440" s="13" t="s">
        <v>469</v>
      </c>
      <c r="B94440" s="14" t="s">
        <v>1</v>
      </c>
      <c r="C94440" s="14" t="s">
        <v>238</v>
      </c>
      <c r="D94440" s="14" t="s">
        <v>333</v>
      </c>
      <c r="E94440" s="15">
        <v>45646</v>
      </c>
      <c r="F94440" s="14" t="s">
        <v>61</v>
      </c>
      <c r="G94440" s="16">
        <v>2.1733000064037284</v>
      </c>
    </row>
    <row r="94441" spans="1:7" x14ac:dyDescent="0.3">
      <c r="A94441" s="13" t="s">
        <v>469</v>
      </c>
      <c r="B94441" s="14" t="s">
        <v>1</v>
      </c>
      <c r="C94441" s="14" t="s">
        <v>238</v>
      </c>
      <c r="D94441" s="14" t="s">
        <v>333</v>
      </c>
      <c r="E94441" s="15">
        <v>45647</v>
      </c>
      <c r="F94441" s="14" t="s">
        <v>61</v>
      </c>
      <c r="G94441" s="16">
        <v>2.1733000064037284</v>
      </c>
    </row>
    <row r="94442" spans="1:7" x14ac:dyDescent="0.3">
      <c r="A94442" s="13" t="s">
        <v>469</v>
      </c>
      <c r="B94442" s="14" t="s">
        <v>1</v>
      </c>
      <c r="C94442" s="14" t="s">
        <v>238</v>
      </c>
      <c r="D94442" s="14" t="s">
        <v>333</v>
      </c>
      <c r="E94442" s="15">
        <v>45648</v>
      </c>
      <c r="F94442" s="14" t="s">
        <v>61</v>
      </c>
      <c r="G94442" s="16">
        <v>2.1733000064037284</v>
      </c>
    </row>
    <row r="94443" spans="1:7" x14ac:dyDescent="0.3">
      <c r="A94443" s="13" t="s">
        <v>469</v>
      </c>
      <c r="B94443" s="14" t="s">
        <v>1</v>
      </c>
      <c r="C94443" s="14" t="s">
        <v>238</v>
      </c>
      <c r="D94443" s="14" t="s">
        <v>333</v>
      </c>
      <c r="E94443" s="15">
        <v>45649</v>
      </c>
      <c r="F94443" s="14" t="s">
        <v>61</v>
      </c>
      <c r="G94443" s="16">
        <v>2.1816337475219698</v>
      </c>
    </row>
    <row r="94444" spans="1:7" x14ac:dyDescent="0.3">
      <c r="A94444" s="13" t="s">
        <v>469</v>
      </c>
      <c r="B94444" s="14" t="s">
        <v>1</v>
      </c>
      <c r="C94444" s="14" t="s">
        <v>238</v>
      </c>
      <c r="D94444" s="14" t="s">
        <v>333</v>
      </c>
      <c r="E94444" s="15">
        <v>45650</v>
      </c>
      <c r="F94444" s="14" t="s">
        <v>61</v>
      </c>
      <c r="G94444" s="16">
        <v>2.2066311037082045</v>
      </c>
    </row>
    <row r="94445" spans="1:7" x14ac:dyDescent="0.3">
      <c r="A94445" s="13" t="s">
        <v>469</v>
      </c>
      <c r="B94445" s="14" t="s">
        <v>1</v>
      </c>
      <c r="C94445" s="14" t="s">
        <v>238</v>
      </c>
      <c r="D94445" s="14" t="s">
        <v>333</v>
      </c>
      <c r="E94445" s="15">
        <v>45651</v>
      </c>
      <c r="F94445" s="14" t="s">
        <v>61</v>
      </c>
      <c r="G94445" s="16">
        <v>2.2066311037082045</v>
      </c>
    </row>
    <row r="94446" spans="1:7" x14ac:dyDescent="0.3">
      <c r="A94446" s="13" t="s">
        <v>469</v>
      </c>
      <c r="B94446" s="14" t="s">
        <v>1</v>
      </c>
      <c r="C94446" s="14" t="s">
        <v>238</v>
      </c>
      <c r="D94446" s="14" t="s">
        <v>333</v>
      </c>
      <c r="E94446" s="15">
        <v>45652</v>
      </c>
      <c r="F94446" s="14" t="s">
        <v>61</v>
      </c>
      <c r="G94446" s="16">
        <v>2.2066311037082045</v>
      </c>
    </row>
    <row r="94447" spans="1:7" x14ac:dyDescent="0.3">
      <c r="A94447" s="13" t="s">
        <v>469</v>
      </c>
      <c r="B94447" s="14" t="s">
        <v>1</v>
      </c>
      <c r="C94447" s="14" t="s">
        <v>238</v>
      </c>
      <c r="D94447" s="14" t="s">
        <v>333</v>
      </c>
      <c r="E94447" s="15">
        <v>45653</v>
      </c>
      <c r="F94447" s="14" t="s">
        <v>61</v>
      </c>
      <c r="G94447" s="16">
        <v>2.2066311037082045</v>
      </c>
    </row>
    <row r="94448" spans="1:7" x14ac:dyDescent="0.3">
      <c r="A94448" s="13" t="s">
        <v>469</v>
      </c>
      <c r="B94448" s="14" t="s">
        <v>1</v>
      </c>
      <c r="C94448" s="14" t="s">
        <v>238</v>
      </c>
      <c r="D94448" s="14" t="s">
        <v>333</v>
      </c>
      <c r="E94448" s="15">
        <v>45654</v>
      </c>
      <c r="F94448" s="14" t="s">
        <v>61</v>
      </c>
      <c r="G94448" s="16">
        <v>2.2066311037082045</v>
      </c>
    </row>
    <row r="94449" spans="1:7" x14ac:dyDescent="0.3">
      <c r="A94449" s="13" t="s">
        <v>469</v>
      </c>
      <c r="B94449" s="14" t="s">
        <v>1</v>
      </c>
      <c r="C94449" s="14" t="s">
        <v>238</v>
      </c>
      <c r="D94449" s="14" t="s">
        <v>333</v>
      </c>
      <c r="E94449" s="15">
        <v>45655</v>
      </c>
      <c r="F94449" s="14" t="s">
        <v>61</v>
      </c>
      <c r="G94449" s="16">
        <v>2.2066311037082045</v>
      </c>
    </row>
    <row r="94450" spans="1:7" x14ac:dyDescent="0.3">
      <c r="A94450" s="13" t="s">
        <v>469</v>
      </c>
      <c r="B94450" s="14" t="s">
        <v>1</v>
      </c>
      <c r="C94450" s="14" t="s">
        <v>238</v>
      </c>
      <c r="D94450" s="14" t="s">
        <v>333</v>
      </c>
      <c r="E94450" s="15">
        <v>45656</v>
      </c>
      <c r="F94450" s="14" t="s">
        <v>61</v>
      </c>
      <c r="G94450" s="16">
        <v>2.2150046295914607</v>
      </c>
    </row>
    <row r="94451" spans="1:7" x14ac:dyDescent="0.3">
      <c r="A94451" s="13" t="s">
        <v>469</v>
      </c>
      <c r="B94451" s="14" t="s">
        <v>1</v>
      </c>
      <c r="C94451" s="14" t="s">
        <v>238</v>
      </c>
      <c r="D94451" s="14" t="s">
        <v>333</v>
      </c>
      <c r="E94451" s="15">
        <v>45657</v>
      </c>
      <c r="F94451" s="14" t="s">
        <v>61</v>
      </c>
      <c r="G94451" s="16">
        <v>2.2652407709252587</v>
      </c>
    </row>
    <row r="94452" spans="1:7" x14ac:dyDescent="0.3">
      <c r="A94452" s="13" t="s">
        <v>469</v>
      </c>
      <c r="B94452" s="14" t="s">
        <v>1</v>
      </c>
      <c r="C94452" s="14" t="s">
        <v>238</v>
      </c>
      <c r="D94452" s="14" t="s">
        <v>333</v>
      </c>
      <c r="E94452" s="15">
        <v>45658</v>
      </c>
      <c r="F94452" s="14" t="s">
        <v>61</v>
      </c>
      <c r="G94452" s="16">
        <v>2.2652407709252587</v>
      </c>
    </row>
    <row r="94453" spans="1:7" x14ac:dyDescent="0.3">
      <c r="A94453" s="13" t="s">
        <v>469</v>
      </c>
      <c r="B94453" s="14" t="s">
        <v>1</v>
      </c>
      <c r="C94453" s="14" t="s">
        <v>238</v>
      </c>
      <c r="D94453" s="14" t="s">
        <v>333</v>
      </c>
      <c r="E94453" s="15">
        <v>45659</v>
      </c>
      <c r="F94453" s="14" t="s">
        <v>61</v>
      </c>
      <c r="G94453" s="16">
        <v>2.2652407709252587</v>
      </c>
    </row>
    <row r="94454" spans="1:7" x14ac:dyDescent="0.3">
      <c r="A94454" s="13" t="s">
        <v>469</v>
      </c>
      <c r="B94454" s="14" t="s">
        <v>1</v>
      </c>
      <c r="C94454" s="14" t="s">
        <v>238</v>
      </c>
      <c r="D94454" s="14" t="s">
        <v>333</v>
      </c>
      <c r="E94454" s="15">
        <v>45660</v>
      </c>
      <c r="F94454" s="14" t="s">
        <v>61</v>
      </c>
      <c r="G94454" s="16">
        <v>2.2735811461783668</v>
      </c>
    </row>
    <row r="94455" spans="1:7" x14ac:dyDescent="0.3">
      <c r="A94455" s="13" t="s">
        <v>469</v>
      </c>
      <c r="B94455" s="14" t="s">
        <v>1</v>
      </c>
      <c r="C94455" s="14" t="s">
        <v>238</v>
      </c>
      <c r="D94455" s="14" t="s">
        <v>333</v>
      </c>
      <c r="E94455" s="15">
        <v>45661</v>
      </c>
      <c r="F94455" s="14" t="s">
        <v>61</v>
      </c>
      <c r="G94455" s="16">
        <v>2.2735811461783668</v>
      </c>
    </row>
    <row r="94456" spans="1:7" x14ac:dyDescent="0.3">
      <c r="A94456" s="13" t="s">
        <v>469</v>
      </c>
      <c r="B94456" s="14" t="s">
        <v>1</v>
      </c>
      <c r="C94456" s="14" t="s">
        <v>238</v>
      </c>
      <c r="D94456" s="14" t="s">
        <v>333</v>
      </c>
      <c r="E94456" s="15">
        <v>45662</v>
      </c>
      <c r="F94456" s="14" t="s">
        <v>61</v>
      </c>
      <c r="G94456" s="16">
        <v>2.2735811461783668</v>
      </c>
    </row>
    <row r="94457" spans="1:7" x14ac:dyDescent="0.3">
      <c r="A94457" s="13" t="s">
        <v>469</v>
      </c>
      <c r="B94457" s="14" t="s">
        <v>1</v>
      </c>
      <c r="C94457" s="14" t="s">
        <v>238</v>
      </c>
      <c r="D94457" s="14" t="s">
        <v>333</v>
      </c>
      <c r="E94457" s="15">
        <v>45663</v>
      </c>
      <c r="F94457" s="14" t="s">
        <v>61</v>
      </c>
      <c r="G94457" s="16">
        <v>2.2982813905928254</v>
      </c>
    </row>
    <row r="94458" spans="1:7" x14ac:dyDescent="0.3">
      <c r="A94458" s="13" t="s">
        <v>469</v>
      </c>
      <c r="B94458" s="14" t="s">
        <v>1</v>
      </c>
      <c r="C94458" s="14" t="s">
        <v>238</v>
      </c>
      <c r="D94458" s="14" t="s">
        <v>333</v>
      </c>
      <c r="E94458" s="15">
        <v>45664</v>
      </c>
      <c r="F94458" s="14" t="s">
        <v>61</v>
      </c>
      <c r="G94458" s="16">
        <v>2.3236521875538902</v>
      </c>
    </row>
    <row r="94459" spans="1:7" x14ac:dyDescent="0.3">
      <c r="A94459" s="13" t="s">
        <v>469</v>
      </c>
      <c r="B94459" s="14" t="s">
        <v>1</v>
      </c>
      <c r="C94459" s="14" t="s">
        <v>238</v>
      </c>
      <c r="D94459" s="14" t="s">
        <v>333</v>
      </c>
      <c r="E94459" s="15">
        <v>45665</v>
      </c>
      <c r="F94459" s="14" t="s">
        <v>61</v>
      </c>
      <c r="G94459" s="16">
        <v>2.331999429884537</v>
      </c>
    </row>
    <row r="94460" spans="1:7" x14ac:dyDescent="0.3">
      <c r="A94460" s="13" t="s">
        <v>469</v>
      </c>
      <c r="B94460" s="14" t="s">
        <v>1</v>
      </c>
      <c r="C94460" s="14" t="s">
        <v>238</v>
      </c>
      <c r="D94460" s="14" t="s">
        <v>333</v>
      </c>
      <c r="E94460" s="15">
        <v>45666</v>
      </c>
      <c r="F94460" s="14" t="s">
        <v>61</v>
      </c>
      <c r="G94460" s="16">
        <v>2.340346911679855</v>
      </c>
    </row>
    <row r="94461" spans="1:7" x14ac:dyDescent="0.3">
      <c r="A94461" s="13" t="s">
        <v>469</v>
      </c>
      <c r="B94461" s="14" t="s">
        <v>1</v>
      </c>
      <c r="C94461" s="14" t="s">
        <v>238</v>
      </c>
      <c r="D94461" s="14" t="s">
        <v>333</v>
      </c>
      <c r="E94461" s="15">
        <v>45667</v>
      </c>
      <c r="F94461" s="14" t="s">
        <v>61</v>
      </c>
      <c r="G94461" s="16">
        <v>2.3486825953213057</v>
      </c>
    </row>
    <row r="94462" spans="1:7" x14ac:dyDescent="0.3">
      <c r="A94462" s="13" t="s">
        <v>469</v>
      </c>
      <c r="B94462" s="14" t="s">
        <v>1</v>
      </c>
      <c r="C94462" s="14" t="s">
        <v>238</v>
      </c>
      <c r="D94462" s="14" t="s">
        <v>333</v>
      </c>
      <c r="E94462" s="15">
        <v>45668</v>
      </c>
      <c r="F94462" s="14" t="s">
        <v>61</v>
      </c>
      <c r="G94462" s="16">
        <v>2.3486825953213057</v>
      </c>
    </row>
    <row r="94463" spans="1:7" x14ac:dyDescent="0.3">
      <c r="A94463" s="13" t="s">
        <v>469</v>
      </c>
      <c r="B94463" s="14" t="s">
        <v>1</v>
      </c>
      <c r="C94463" s="14" t="s">
        <v>238</v>
      </c>
      <c r="D94463" s="14" t="s">
        <v>333</v>
      </c>
      <c r="E94463" s="15">
        <v>45669</v>
      </c>
      <c r="F94463" s="14" t="s">
        <v>61</v>
      </c>
      <c r="G94463" s="16">
        <v>2.3486825953213057</v>
      </c>
    </row>
    <row r="94464" spans="1:7" x14ac:dyDescent="0.3">
      <c r="A94464" s="13" t="s">
        <v>469</v>
      </c>
      <c r="B94464" s="14" t="s">
        <v>1</v>
      </c>
      <c r="C94464" s="14" t="s">
        <v>238</v>
      </c>
      <c r="D94464" s="14" t="s">
        <v>333</v>
      </c>
      <c r="E94464" s="15">
        <v>45670</v>
      </c>
      <c r="F94464" s="14" t="s">
        <v>61</v>
      </c>
      <c r="G94464" s="16">
        <v>2.3570230636220102</v>
      </c>
    </row>
    <row r="94465" spans="1:7" x14ac:dyDescent="0.3">
      <c r="A94465" s="13" t="s">
        <v>469</v>
      </c>
      <c r="B94465" s="14" t="s">
        <v>1</v>
      </c>
      <c r="C94465" s="14" t="s">
        <v>238</v>
      </c>
      <c r="D94465" s="14" t="s">
        <v>333</v>
      </c>
      <c r="E94465" s="15">
        <v>45671</v>
      </c>
      <c r="F94465" s="14" t="s">
        <v>61</v>
      </c>
      <c r="G94465" s="16">
        <v>2.3820711907480829</v>
      </c>
    </row>
    <row r="94466" spans="1:7" x14ac:dyDescent="0.3">
      <c r="A94466" s="13" t="s">
        <v>469</v>
      </c>
      <c r="B94466" s="14" t="s">
        <v>1</v>
      </c>
      <c r="C94466" s="14" t="s">
        <v>238</v>
      </c>
      <c r="D94466" s="14" t="s">
        <v>333</v>
      </c>
      <c r="E94466" s="15">
        <v>45672</v>
      </c>
      <c r="F94466" s="14" t="s">
        <v>61</v>
      </c>
      <c r="G94466" s="16">
        <v>2.3903978044361742</v>
      </c>
    </row>
    <row r="94467" spans="1:7" x14ac:dyDescent="0.3">
      <c r="A94467" s="13" t="s">
        <v>469</v>
      </c>
      <c r="B94467" s="14" t="s">
        <v>1</v>
      </c>
      <c r="C94467" s="14" t="s">
        <v>238</v>
      </c>
      <c r="D94467" s="14" t="s">
        <v>333</v>
      </c>
      <c r="E94467" s="15">
        <v>45673</v>
      </c>
      <c r="F94467" s="14" t="s">
        <v>61</v>
      </c>
      <c r="G94467" s="16">
        <v>2.3987282706442077</v>
      </c>
    </row>
    <row r="94468" spans="1:7" x14ac:dyDescent="0.3">
      <c r="A94468" s="13" t="s">
        <v>469</v>
      </c>
      <c r="B94468" s="14" t="s">
        <v>1</v>
      </c>
      <c r="C94468" s="14" t="s">
        <v>238</v>
      </c>
      <c r="D94468" s="14" t="s">
        <v>333</v>
      </c>
      <c r="E94468" s="15">
        <v>45674</v>
      </c>
      <c r="F94468" s="14" t="s">
        <v>61</v>
      </c>
      <c r="G94468" s="16">
        <v>2.4070522395207337</v>
      </c>
    </row>
    <row r="94469" spans="1:7" x14ac:dyDescent="0.3">
      <c r="A94469" s="13" t="s">
        <v>469</v>
      </c>
      <c r="B94469" s="14" t="s">
        <v>1</v>
      </c>
      <c r="C94469" s="14" t="s">
        <v>238</v>
      </c>
      <c r="D94469" s="14" t="s">
        <v>333</v>
      </c>
      <c r="E94469" s="15">
        <v>45675</v>
      </c>
      <c r="F94469" s="14" t="s">
        <v>61</v>
      </c>
      <c r="G94469" s="16">
        <v>2.4070522395207337</v>
      </c>
    </row>
    <row r="94470" spans="1:7" x14ac:dyDescent="0.3">
      <c r="A94470" s="13" t="s">
        <v>469</v>
      </c>
      <c r="B94470" s="14" t="s">
        <v>1</v>
      </c>
      <c r="C94470" s="14" t="s">
        <v>238</v>
      </c>
      <c r="D94470" s="14" t="s">
        <v>333</v>
      </c>
      <c r="E94470" s="15">
        <v>45676</v>
      </c>
      <c r="F94470" s="14" t="s">
        <v>61</v>
      </c>
      <c r="G94470" s="16">
        <v>2.4070522395207337</v>
      </c>
    </row>
    <row r="94471" spans="1:7" x14ac:dyDescent="0.3">
      <c r="A94471" s="13" t="s">
        <v>469</v>
      </c>
      <c r="B94471" s="14" t="s">
        <v>1</v>
      </c>
      <c r="C94471" s="14" t="s">
        <v>238</v>
      </c>
      <c r="D94471" s="14" t="s">
        <v>333</v>
      </c>
      <c r="E94471" s="15">
        <v>45677</v>
      </c>
      <c r="F94471" s="14" t="s">
        <v>61</v>
      </c>
      <c r="G94471" s="16">
        <v>2.4157803553969353</v>
      </c>
    </row>
    <row r="94472" spans="1:7" x14ac:dyDescent="0.3">
      <c r="A94472" s="13" t="s">
        <v>469</v>
      </c>
      <c r="B94472" s="14" t="s">
        <v>1</v>
      </c>
      <c r="C94472" s="14" t="s">
        <v>238</v>
      </c>
      <c r="D94472" s="14" t="s">
        <v>333</v>
      </c>
      <c r="E94472" s="15">
        <v>45678</v>
      </c>
      <c r="F94472" s="14" t="s">
        <v>61</v>
      </c>
      <c r="G94472" s="16">
        <v>2.4407132114731529</v>
      </c>
    </row>
    <row r="94473" spans="1:7" x14ac:dyDescent="0.3">
      <c r="A94473" s="13" t="s">
        <v>469</v>
      </c>
      <c r="B94473" s="14" t="s">
        <v>1</v>
      </c>
      <c r="C94473" s="14" t="s">
        <v>238</v>
      </c>
      <c r="D94473" s="14" t="s">
        <v>333</v>
      </c>
      <c r="E94473" s="15">
        <v>45679</v>
      </c>
      <c r="F94473" s="14" t="s">
        <v>61</v>
      </c>
      <c r="G94473" s="16">
        <v>2.4490207842256977</v>
      </c>
    </row>
    <row r="94474" spans="1:7" x14ac:dyDescent="0.3">
      <c r="A94474" s="13" t="s">
        <v>469</v>
      </c>
      <c r="B94474" s="14" t="s">
        <v>1</v>
      </c>
      <c r="C94474" s="14" t="s">
        <v>238</v>
      </c>
      <c r="D94474" s="14" t="s">
        <v>333</v>
      </c>
      <c r="E94474" s="15">
        <v>45680</v>
      </c>
      <c r="F94474" s="14" t="s">
        <v>61</v>
      </c>
      <c r="G94474" s="16">
        <v>2.4573313476433518</v>
      </c>
    </row>
    <row r="94475" spans="1:7" x14ac:dyDescent="0.3">
      <c r="A94475" s="13" t="s">
        <v>469</v>
      </c>
      <c r="B94475" s="14" t="s">
        <v>1</v>
      </c>
      <c r="C94475" s="14" t="s">
        <v>238</v>
      </c>
      <c r="D94475" s="14" t="s">
        <v>333</v>
      </c>
      <c r="E94475" s="15">
        <v>45681</v>
      </c>
      <c r="F94475" s="14" t="s">
        <v>61</v>
      </c>
      <c r="G94475" s="16">
        <v>2.4656490247747245</v>
      </c>
    </row>
    <row r="94476" spans="1:7" x14ac:dyDescent="0.3">
      <c r="A94476" s="13" t="s">
        <v>469</v>
      </c>
      <c r="B94476" s="14" t="s">
        <v>1</v>
      </c>
      <c r="C94476" s="14" t="s">
        <v>238</v>
      </c>
      <c r="D94476" s="14" t="s">
        <v>333</v>
      </c>
      <c r="E94476" s="15">
        <v>45682</v>
      </c>
      <c r="F94476" s="14" t="s">
        <v>61</v>
      </c>
      <c r="G94476" s="16">
        <v>2.4656490247747245</v>
      </c>
    </row>
    <row r="94477" spans="1:7" x14ac:dyDescent="0.3">
      <c r="A94477" s="13" t="s">
        <v>469</v>
      </c>
      <c r="B94477" s="14" t="s">
        <v>1</v>
      </c>
      <c r="C94477" s="14" t="s">
        <v>238</v>
      </c>
      <c r="D94477" s="14" t="s">
        <v>333</v>
      </c>
      <c r="E94477" s="15">
        <v>45683</v>
      </c>
      <c r="F94477" s="14" t="s">
        <v>61</v>
      </c>
      <c r="G94477" s="16">
        <v>2.4656490247747245</v>
      </c>
    </row>
    <row r="94478" spans="1:7" x14ac:dyDescent="0.3">
      <c r="A94478" s="13" t="s">
        <v>469</v>
      </c>
      <c r="B94478" s="14" t="s">
        <v>1</v>
      </c>
      <c r="C94478" s="14" t="s">
        <v>238</v>
      </c>
      <c r="D94478" s="14" t="s">
        <v>333</v>
      </c>
      <c r="E94478" s="15">
        <v>45684</v>
      </c>
      <c r="F94478" s="14" t="s">
        <v>61</v>
      </c>
      <c r="G94478" s="16">
        <v>2.4739638116528604</v>
      </c>
    </row>
    <row r="94479" spans="1:7" x14ac:dyDescent="0.3">
      <c r="A94479" s="13" t="s">
        <v>469</v>
      </c>
      <c r="B94479" s="14" t="s">
        <v>1</v>
      </c>
      <c r="C94479" s="14" t="s">
        <v>238</v>
      </c>
      <c r="D94479" s="14" t="s">
        <v>333</v>
      </c>
      <c r="E94479" s="15">
        <v>45685</v>
      </c>
      <c r="F94479" s="14" t="s">
        <v>61</v>
      </c>
      <c r="G94479" s="16">
        <v>2.4990483461180077</v>
      </c>
    </row>
    <row r="94480" spans="1:7" x14ac:dyDescent="0.3">
      <c r="A94480" s="13" t="s">
        <v>469</v>
      </c>
      <c r="B94480" s="14" t="s">
        <v>1</v>
      </c>
      <c r="C94480" s="14" t="s">
        <v>238</v>
      </c>
      <c r="D94480" s="14" t="s">
        <v>333</v>
      </c>
      <c r="E94480" s="15">
        <v>45686</v>
      </c>
      <c r="F94480" s="14" t="s">
        <v>61</v>
      </c>
      <c r="G94480" s="16">
        <v>2.5073990476831547</v>
      </c>
    </row>
    <row r="94481" spans="1:7" x14ac:dyDescent="0.3">
      <c r="A94481" s="13" t="s">
        <v>469</v>
      </c>
      <c r="B94481" s="14" t="s">
        <v>1</v>
      </c>
      <c r="C94481" s="14" t="s">
        <v>238</v>
      </c>
      <c r="D94481" s="14" t="s">
        <v>333</v>
      </c>
      <c r="E94481" s="15">
        <v>45687</v>
      </c>
      <c r="F94481" s="14" t="s">
        <v>61</v>
      </c>
      <c r="G94481" s="16">
        <v>2.5081198917614147</v>
      </c>
    </row>
    <row r="94482" spans="1:7" x14ac:dyDescent="0.3">
      <c r="A94482" s="13" t="s">
        <v>469</v>
      </c>
      <c r="B94482" s="14" t="s">
        <v>1</v>
      </c>
      <c r="C94482" s="14" t="s">
        <v>238</v>
      </c>
      <c r="D94482" s="14" t="s">
        <v>333</v>
      </c>
      <c r="E94482" s="15">
        <v>45688</v>
      </c>
      <c r="F94482" s="14" t="s">
        <v>61</v>
      </c>
      <c r="G94482" s="16">
        <v>2.5164346679915321</v>
      </c>
    </row>
    <row r="94483" spans="1:7" x14ac:dyDescent="0.3">
      <c r="A94483" s="13" t="s">
        <v>469</v>
      </c>
      <c r="B94483" s="14" t="s">
        <v>1</v>
      </c>
      <c r="C94483" s="14" t="s">
        <v>238</v>
      </c>
      <c r="D94483" s="14" t="s">
        <v>333</v>
      </c>
      <c r="E94483" s="15">
        <v>45689</v>
      </c>
      <c r="F94483" s="14" t="s">
        <v>61</v>
      </c>
      <c r="G94483" s="16">
        <v>2.5164346679915321</v>
      </c>
    </row>
    <row r="94484" spans="1:7" x14ac:dyDescent="0.3">
      <c r="A94484" s="13" t="s">
        <v>469</v>
      </c>
      <c r="B94484" s="14" t="s">
        <v>1</v>
      </c>
      <c r="C94484" s="14" t="s">
        <v>238</v>
      </c>
      <c r="D94484" s="14" t="s">
        <v>333</v>
      </c>
      <c r="E94484" s="15">
        <v>45690</v>
      </c>
      <c r="F94484" s="14" t="s">
        <v>61</v>
      </c>
      <c r="G94484" s="16">
        <v>2.5164346679915321</v>
      </c>
    </row>
    <row r="94485" spans="1:7" x14ac:dyDescent="0.3">
      <c r="A94485" s="13" t="s">
        <v>469</v>
      </c>
      <c r="B94485" s="14" t="s">
        <v>1</v>
      </c>
      <c r="C94485" s="14" t="s">
        <v>238</v>
      </c>
      <c r="D94485" s="14" t="s">
        <v>333</v>
      </c>
      <c r="E94485" s="15">
        <v>45691</v>
      </c>
      <c r="F94485" s="14" t="s">
        <v>61</v>
      </c>
      <c r="G94485" s="16">
        <v>2.5164346679915321</v>
      </c>
    </row>
    <row r="94486" spans="1:7" x14ac:dyDescent="0.3">
      <c r="A94486" s="13" t="s">
        <v>469</v>
      </c>
      <c r="B94486" s="14" t="s">
        <v>1</v>
      </c>
      <c r="C94486" s="14" t="s">
        <v>238</v>
      </c>
      <c r="D94486" s="14" t="s">
        <v>333</v>
      </c>
      <c r="E94486" s="15">
        <v>45692</v>
      </c>
      <c r="F94486" s="14" t="s">
        <v>61</v>
      </c>
      <c r="G94486" s="16">
        <v>2.5247630511774761</v>
      </c>
    </row>
    <row r="94487" spans="1:7" x14ac:dyDescent="0.3">
      <c r="A94487" s="13" t="s">
        <v>469</v>
      </c>
      <c r="B94487" s="14" t="s">
        <v>1</v>
      </c>
      <c r="C94487" s="14" t="s">
        <v>238</v>
      </c>
      <c r="D94487" s="14" t="s">
        <v>333</v>
      </c>
      <c r="E94487" s="15">
        <v>45693</v>
      </c>
      <c r="F94487" s="14" t="s">
        <v>61</v>
      </c>
      <c r="G94487" s="16">
        <v>2.5572110068063418</v>
      </c>
    </row>
    <row r="94488" spans="1:7" x14ac:dyDescent="0.3">
      <c r="A94488" s="13" t="s">
        <v>469</v>
      </c>
      <c r="B94488" s="14" t="s">
        <v>1</v>
      </c>
      <c r="C94488" s="14" t="s">
        <v>238</v>
      </c>
      <c r="D94488" s="14" t="s">
        <v>333</v>
      </c>
      <c r="E94488" s="15">
        <v>45694</v>
      </c>
      <c r="F94488" s="14" t="s">
        <v>61</v>
      </c>
      <c r="G94488" s="16">
        <v>2.5655615814473447</v>
      </c>
    </row>
    <row r="94489" spans="1:7" x14ac:dyDescent="0.3">
      <c r="A94489" s="13" t="s">
        <v>469</v>
      </c>
      <c r="B94489" s="14" t="s">
        <v>1</v>
      </c>
      <c r="C94489" s="14" t="s">
        <v>238</v>
      </c>
      <c r="D94489" s="14" t="s">
        <v>333</v>
      </c>
      <c r="E94489" s="15">
        <v>45695</v>
      </c>
      <c r="F94489" s="14" t="s">
        <v>61</v>
      </c>
      <c r="G94489" s="16">
        <v>2.5741858670740356</v>
      </c>
    </row>
    <row r="94490" spans="1:7" x14ac:dyDescent="0.3">
      <c r="A94490" s="13" t="s">
        <v>469</v>
      </c>
      <c r="B94490" s="14" t="s">
        <v>1</v>
      </c>
      <c r="C94490" s="14" t="s">
        <v>238</v>
      </c>
      <c r="D94490" s="14" t="s">
        <v>333</v>
      </c>
      <c r="E94490" s="15">
        <v>45696</v>
      </c>
      <c r="F94490" s="14" t="s">
        <v>61</v>
      </c>
      <c r="G94490" s="16">
        <v>2.5741858670740356</v>
      </c>
    </row>
    <row r="94491" spans="1:7" x14ac:dyDescent="0.3">
      <c r="A94491" s="13" t="s">
        <v>469</v>
      </c>
      <c r="B94491" s="14" t="s">
        <v>1</v>
      </c>
      <c r="C94491" s="14" t="s">
        <v>238</v>
      </c>
      <c r="D94491" s="14" t="s">
        <v>333</v>
      </c>
      <c r="E94491" s="15">
        <v>45697</v>
      </c>
      <c r="F94491" s="14" t="s">
        <v>61</v>
      </c>
      <c r="G94491" s="16">
        <v>2.5741858670740356</v>
      </c>
    </row>
    <row r="94492" spans="1:7" x14ac:dyDescent="0.3">
      <c r="A94492" s="13" t="s">
        <v>469</v>
      </c>
      <c r="B94492" s="14" t="s">
        <v>1</v>
      </c>
      <c r="C94492" s="14" t="s">
        <v>238</v>
      </c>
      <c r="D94492" s="14" t="s">
        <v>333</v>
      </c>
      <c r="E94492" s="15">
        <v>45698</v>
      </c>
      <c r="F94492" s="14" t="s">
        <v>61</v>
      </c>
      <c r="G94492" s="16">
        <v>2.582503529033374</v>
      </c>
    </row>
    <row r="94493" spans="1:7" x14ac:dyDescent="0.3">
      <c r="A94493" s="13" t="s">
        <v>469</v>
      </c>
      <c r="B94493" s="14" t="s">
        <v>1</v>
      </c>
      <c r="C94493" s="14" t="s">
        <v>238</v>
      </c>
      <c r="D94493" s="14" t="s">
        <v>333</v>
      </c>
      <c r="E94493" s="15">
        <v>45699</v>
      </c>
      <c r="F94493" s="14" t="s">
        <v>61</v>
      </c>
      <c r="G94493" s="16">
        <v>2.6074718423030014</v>
      </c>
    </row>
    <row r="94494" spans="1:7" x14ac:dyDescent="0.3">
      <c r="A94494" s="13" t="s">
        <v>469</v>
      </c>
      <c r="B94494" s="14" t="s">
        <v>1</v>
      </c>
      <c r="C94494" s="14" t="s">
        <v>238</v>
      </c>
      <c r="D94494" s="14" t="s">
        <v>333</v>
      </c>
      <c r="E94494" s="15">
        <v>45700</v>
      </c>
      <c r="F94494" s="14" t="s">
        <v>61</v>
      </c>
      <c r="G94494" s="16">
        <v>2.6157375940346936</v>
      </c>
    </row>
    <row r="94495" spans="1:7" x14ac:dyDescent="0.3">
      <c r="A94495" s="13" t="s">
        <v>469</v>
      </c>
      <c r="B94495" s="14" t="s">
        <v>1</v>
      </c>
      <c r="C94495" s="14" t="s">
        <v>238</v>
      </c>
      <c r="D94495" s="14" t="s">
        <v>333</v>
      </c>
      <c r="E94495" s="15">
        <v>45701</v>
      </c>
      <c r="F94495" s="14" t="s">
        <v>61</v>
      </c>
      <c r="G94495" s="16">
        <v>2.6240637979645092</v>
      </c>
    </row>
    <row r="94496" spans="1:7" x14ac:dyDescent="0.3">
      <c r="A94496" s="13" t="s">
        <v>469</v>
      </c>
      <c r="B94496" s="14" t="s">
        <v>1</v>
      </c>
      <c r="C94496" s="14" t="s">
        <v>238</v>
      </c>
      <c r="D94496" s="14" t="s">
        <v>333</v>
      </c>
      <c r="E94496" s="15">
        <v>45702</v>
      </c>
      <c r="F94496" s="14" t="s">
        <v>61</v>
      </c>
      <c r="G94496" s="16">
        <v>2.6323986425484116</v>
      </c>
    </row>
    <row r="94497" spans="1:7" x14ac:dyDescent="0.3">
      <c r="A94497" s="13" t="s">
        <v>469</v>
      </c>
      <c r="B94497" s="14" t="s">
        <v>1</v>
      </c>
      <c r="C94497" s="14" t="s">
        <v>238</v>
      </c>
      <c r="D94497" s="14" t="s">
        <v>333</v>
      </c>
      <c r="E94497" s="15">
        <v>45703</v>
      </c>
      <c r="F94497" s="14" t="s">
        <v>61</v>
      </c>
      <c r="G94497" s="16">
        <v>2.6323986425484116</v>
      </c>
    </row>
    <row r="94498" spans="1:7" x14ac:dyDescent="0.3">
      <c r="A94498" s="13" t="s">
        <v>469</v>
      </c>
      <c r="B94498" s="14" t="s">
        <v>1</v>
      </c>
      <c r="C94498" s="14" t="s">
        <v>238</v>
      </c>
      <c r="D94498" s="14" t="s">
        <v>333</v>
      </c>
      <c r="E94498" s="15">
        <v>45704</v>
      </c>
      <c r="F94498" s="14" t="s">
        <v>61</v>
      </c>
      <c r="G94498" s="16">
        <v>2.6323986425484116</v>
      </c>
    </row>
    <row r="94499" spans="1:7" x14ac:dyDescent="0.3">
      <c r="A94499" s="13" t="s">
        <v>469</v>
      </c>
      <c r="B94499" s="14" t="s">
        <v>1</v>
      </c>
      <c r="C94499" s="14" t="s">
        <v>238</v>
      </c>
      <c r="D94499" s="14" t="s">
        <v>333</v>
      </c>
      <c r="E94499" s="15">
        <v>45705</v>
      </c>
      <c r="F94499" s="14" t="s">
        <v>61</v>
      </c>
      <c r="G94499" s="16">
        <v>2.6407237991554449</v>
      </c>
    </row>
    <row r="94500" spans="1:7" x14ac:dyDescent="0.3">
      <c r="A94500" s="13" t="s">
        <v>469</v>
      </c>
      <c r="B94500" s="14" t="s">
        <v>1</v>
      </c>
      <c r="C94500" s="14" t="s">
        <v>238</v>
      </c>
      <c r="D94500" s="14" t="s">
        <v>333</v>
      </c>
      <c r="E94500" s="15">
        <v>45706</v>
      </c>
      <c r="F94500" s="14" t="s">
        <v>61</v>
      </c>
      <c r="G94500" s="16">
        <v>2.6656895468975952</v>
      </c>
    </row>
    <row r="94501" spans="1:7" x14ac:dyDescent="0.3">
      <c r="A94501" s="13" t="s">
        <v>469</v>
      </c>
      <c r="B94501" s="14" t="s">
        <v>1</v>
      </c>
      <c r="C94501" s="14" t="s">
        <v>238</v>
      </c>
      <c r="D94501" s="14" t="s">
        <v>333</v>
      </c>
      <c r="E94501" s="15">
        <v>45707</v>
      </c>
      <c r="F94501" s="14" t="s">
        <v>61</v>
      </c>
      <c r="G94501" s="16">
        <v>2.6740298866446381</v>
      </c>
    </row>
    <row r="94502" spans="1:7" x14ac:dyDescent="0.3">
      <c r="A94502" s="13" t="s">
        <v>469</v>
      </c>
      <c r="B94502" s="14" t="s">
        <v>1</v>
      </c>
      <c r="C94502" s="14" t="s">
        <v>238</v>
      </c>
      <c r="D94502" s="14" t="s">
        <v>333</v>
      </c>
      <c r="E94502" s="15">
        <v>45708</v>
      </c>
      <c r="F94502" s="14" t="s">
        <v>61</v>
      </c>
      <c r="G94502" s="16">
        <v>2.6823591616457159</v>
      </c>
    </row>
    <row r="94503" spans="1:7" x14ac:dyDescent="0.3">
      <c r="A94503" s="13" t="s">
        <v>469</v>
      </c>
      <c r="B94503" s="14" t="s">
        <v>1</v>
      </c>
      <c r="C94503" s="14" t="s">
        <v>238</v>
      </c>
      <c r="D94503" s="14" t="s">
        <v>333</v>
      </c>
      <c r="E94503" s="15">
        <v>45709</v>
      </c>
      <c r="F94503" s="14" t="s">
        <v>61</v>
      </c>
      <c r="G94503" s="16">
        <v>2.6906732070104167</v>
      </c>
    </row>
    <row r="94504" spans="1:7" x14ac:dyDescent="0.3">
      <c r="A94504" s="13" t="s">
        <v>469</v>
      </c>
      <c r="B94504" s="14" t="s">
        <v>1</v>
      </c>
      <c r="C94504" s="14" t="s">
        <v>238</v>
      </c>
      <c r="D94504" s="14" t="s">
        <v>333</v>
      </c>
      <c r="E94504" s="15">
        <v>45710</v>
      </c>
      <c r="F94504" s="14" t="s">
        <v>61</v>
      </c>
      <c r="G94504" s="16">
        <v>2.6906732070104167</v>
      </c>
    </row>
    <row r="94505" spans="1:7" x14ac:dyDescent="0.3">
      <c r="A94505" s="13" t="s">
        <v>469</v>
      </c>
      <c r="B94505" s="14" t="s">
        <v>1</v>
      </c>
      <c r="C94505" s="14" t="s">
        <v>238</v>
      </c>
      <c r="D94505" s="14" t="s">
        <v>333</v>
      </c>
      <c r="E94505" s="15">
        <v>45711</v>
      </c>
      <c r="F94505" s="14" t="s">
        <v>61</v>
      </c>
      <c r="G94505" s="16">
        <v>2.6906732070104167</v>
      </c>
    </row>
    <row r="94506" spans="1:7" x14ac:dyDescent="0.3">
      <c r="A94506" s="13" t="s">
        <v>469</v>
      </c>
      <c r="B94506" s="14" t="s">
        <v>1</v>
      </c>
      <c r="C94506" s="14" t="s">
        <v>238</v>
      </c>
      <c r="D94506" s="14" t="s">
        <v>333</v>
      </c>
      <c r="E94506" s="15">
        <v>45712</v>
      </c>
      <c r="F94506" s="14" t="s">
        <v>61</v>
      </c>
      <c r="G94506" s="16">
        <v>2.6990297089376454</v>
      </c>
    </row>
    <row r="94507" spans="1:7" x14ac:dyDescent="0.3">
      <c r="A94507" s="13" t="s">
        <v>469</v>
      </c>
      <c r="B94507" s="14" t="s">
        <v>1</v>
      </c>
      <c r="C94507" s="14" t="s">
        <v>238</v>
      </c>
      <c r="D94507" s="14" t="s">
        <v>333</v>
      </c>
      <c r="E94507" s="15">
        <v>45713</v>
      </c>
      <c r="F94507" s="14" t="s">
        <v>61</v>
      </c>
      <c r="G94507" s="16">
        <v>2.7240440478822885</v>
      </c>
    </row>
    <row r="94508" spans="1:7" x14ac:dyDescent="0.3">
      <c r="A94508" s="13" t="s">
        <v>469</v>
      </c>
      <c r="B94508" s="14" t="s">
        <v>1</v>
      </c>
      <c r="C94508" s="14" t="s">
        <v>238</v>
      </c>
      <c r="D94508" s="14" t="s">
        <v>333</v>
      </c>
      <c r="E94508" s="15">
        <v>45714</v>
      </c>
      <c r="F94508" s="14" t="s">
        <v>61</v>
      </c>
      <c r="G94508" s="16">
        <v>2.732359896689792</v>
      </c>
    </row>
    <row r="94509" spans="1:7" x14ac:dyDescent="0.3">
      <c r="A94509" s="13" t="s">
        <v>469</v>
      </c>
      <c r="B94509" s="14" t="s">
        <v>1</v>
      </c>
      <c r="C94509" s="14" t="s">
        <v>238</v>
      </c>
      <c r="D94509" s="14" t="s">
        <v>333</v>
      </c>
      <c r="E94509" s="15">
        <v>45715</v>
      </c>
      <c r="F94509" s="14" t="s">
        <v>61</v>
      </c>
      <c r="G94509" s="16">
        <v>2.7406498754593125</v>
      </c>
    </row>
    <row r="94510" spans="1:7" x14ac:dyDescent="0.3">
      <c r="A94510" s="13" t="s">
        <v>469</v>
      </c>
      <c r="B94510" s="14" t="s">
        <v>1</v>
      </c>
      <c r="C94510" s="14" t="s">
        <v>238</v>
      </c>
      <c r="D94510" s="14" t="s">
        <v>333</v>
      </c>
      <c r="E94510" s="15">
        <v>45716</v>
      </c>
      <c r="F94510" s="14" t="s">
        <v>61</v>
      </c>
      <c r="G94510" s="16">
        <v>2.7489568703761553</v>
      </c>
    </row>
    <row r="94511" spans="1:7" x14ac:dyDescent="0.3">
      <c r="A94511" s="13" t="s">
        <v>469</v>
      </c>
      <c r="B94511" s="14" t="s">
        <v>1</v>
      </c>
      <c r="C94511" s="14" t="s">
        <v>238</v>
      </c>
      <c r="D94511" s="14" t="s">
        <v>333</v>
      </c>
      <c r="E94511" s="15">
        <v>45717</v>
      </c>
      <c r="F94511" s="14" t="s">
        <v>61</v>
      </c>
      <c r="G94511" s="16">
        <v>2.7489568703761553</v>
      </c>
    </row>
    <row r="94512" spans="1:7" x14ac:dyDescent="0.3">
      <c r="A94512" s="13" t="s">
        <v>469</v>
      </c>
      <c r="B94512" s="14" t="s">
        <v>1</v>
      </c>
      <c r="C94512" s="14" t="s">
        <v>238</v>
      </c>
      <c r="D94512" s="14" t="s">
        <v>333</v>
      </c>
      <c r="E94512" s="15">
        <v>45718</v>
      </c>
      <c r="F94512" s="14" t="s">
        <v>61</v>
      </c>
      <c r="G94512" s="16">
        <v>2.7489568703761553</v>
      </c>
    </row>
    <row r="94513" spans="1:7" x14ac:dyDescent="0.3">
      <c r="A94513" s="13" t="s">
        <v>469</v>
      </c>
      <c r="B94513" s="14" t="s">
        <v>1</v>
      </c>
      <c r="C94513" s="14" t="s">
        <v>238</v>
      </c>
      <c r="D94513" s="14" t="s">
        <v>333</v>
      </c>
      <c r="E94513" s="15">
        <v>45719</v>
      </c>
      <c r="F94513" s="14" t="s">
        <v>61</v>
      </c>
      <c r="G94513" s="16">
        <v>2.7566009904895767</v>
      </c>
    </row>
    <row r="94514" spans="1:7" x14ac:dyDescent="0.3">
      <c r="A94514" s="13" t="s">
        <v>469</v>
      </c>
      <c r="B94514" s="14" t="s">
        <v>1</v>
      </c>
      <c r="C94514" s="14" t="s">
        <v>238</v>
      </c>
      <c r="D94514" s="14" t="s">
        <v>333</v>
      </c>
      <c r="E94514" s="15">
        <v>45720</v>
      </c>
      <c r="F94514" s="14" t="s">
        <v>61</v>
      </c>
      <c r="G94514" s="16">
        <v>2.7816295731213665</v>
      </c>
    </row>
    <row r="94515" spans="1:7" x14ac:dyDescent="0.3">
      <c r="A94515" s="13" t="s">
        <v>469</v>
      </c>
      <c r="B94515" s="14" t="s">
        <v>1</v>
      </c>
      <c r="C94515" s="14" t="s">
        <v>238</v>
      </c>
      <c r="D94515" s="14" t="s">
        <v>333</v>
      </c>
      <c r="E94515" s="15">
        <v>45721</v>
      </c>
      <c r="F94515" s="14" t="s">
        <v>61</v>
      </c>
      <c r="G94515" s="16">
        <v>2.7908444769317304</v>
      </c>
    </row>
    <row r="94516" spans="1:7" x14ac:dyDescent="0.3">
      <c r="A94516" s="13" t="s">
        <v>469</v>
      </c>
      <c r="B94516" s="14" t="s">
        <v>1</v>
      </c>
      <c r="C94516" s="14" t="s">
        <v>238</v>
      </c>
      <c r="D94516" s="14" t="s">
        <v>333</v>
      </c>
      <c r="E94516" s="15">
        <v>45722</v>
      </c>
      <c r="F94516" s="14" t="s">
        <v>61</v>
      </c>
      <c r="G94516" s="16">
        <v>2.7948523389053674</v>
      </c>
    </row>
    <row r="94517" spans="1:7" x14ac:dyDescent="0.3">
      <c r="A94517" s="13" t="s">
        <v>469</v>
      </c>
      <c r="B94517" s="14" t="s">
        <v>1</v>
      </c>
      <c r="C94517" s="14" t="s">
        <v>238</v>
      </c>
      <c r="D94517" s="14" t="s">
        <v>333</v>
      </c>
      <c r="E94517" s="15">
        <v>45723</v>
      </c>
      <c r="F94517" s="14" t="s">
        <v>61</v>
      </c>
      <c r="G94517" s="16">
        <v>2.8119087412641783</v>
      </c>
    </row>
    <row r="94518" spans="1:7" x14ac:dyDescent="0.3">
      <c r="A94518" s="13" t="s">
        <v>469</v>
      </c>
      <c r="B94518" s="14" t="s">
        <v>1</v>
      </c>
      <c r="C94518" s="14" t="s">
        <v>238</v>
      </c>
      <c r="D94518" s="14" t="s">
        <v>333</v>
      </c>
      <c r="E94518" s="15">
        <v>45724</v>
      </c>
      <c r="F94518" s="14" t="s">
        <v>61</v>
      </c>
      <c r="G94518" s="16">
        <v>2.8119087412641783</v>
      </c>
    </row>
    <row r="94519" spans="1:7" x14ac:dyDescent="0.3">
      <c r="A94519" s="13" t="s">
        <v>469</v>
      </c>
      <c r="B94519" s="14" t="s">
        <v>1</v>
      </c>
      <c r="C94519" s="14" t="s">
        <v>238</v>
      </c>
      <c r="D94519" s="14" t="s">
        <v>333</v>
      </c>
      <c r="E94519" s="15">
        <v>45725</v>
      </c>
      <c r="F94519" s="14" t="s">
        <v>61</v>
      </c>
      <c r="G94519" s="16">
        <v>2.8119087412641783</v>
      </c>
    </row>
    <row r="94520" spans="1:7" x14ac:dyDescent="0.3">
      <c r="A94520" s="13" t="s">
        <v>469</v>
      </c>
      <c r="B94520" s="14" t="s">
        <v>1</v>
      </c>
      <c r="C94520" s="14" t="s">
        <v>238</v>
      </c>
      <c r="D94520" s="14" t="s">
        <v>333</v>
      </c>
      <c r="E94520" s="15">
        <v>45726</v>
      </c>
      <c r="F94520" s="14" t="s">
        <v>61</v>
      </c>
      <c r="G94520" s="16">
        <v>2.8203288857307847</v>
      </c>
    </row>
    <row r="94521" spans="1:7" x14ac:dyDescent="0.3">
      <c r="A94521" s="13" t="s">
        <v>469</v>
      </c>
      <c r="B94521" s="14" t="s">
        <v>1</v>
      </c>
      <c r="C94521" s="14" t="s">
        <v>238</v>
      </c>
      <c r="D94521" s="14" t="s">
        <v>333</v>
      </c>
      <c r="E94521" s="15">
        <v>45727</v>
      </c>
      <c r="F94521" s="14" t="s">
        <v>61</v>
      </c>
      <c r="G94521" s="16">
        <v>2.8454953379110055</v>
      </c>
    </row>
    <row r="94522" spans="1:7" x14ac:dyDescent="0.3">
      <c r="A94522" s="13" t="s">
        <v>469</v>
      </c>
      <c r="B94522" s="14" t="s">
        <v>1</v>
      </c>
      <c r="C94522" s="14" t="s">
        <v>238</v>
      </c>
      <c r="D94522" s="14" t="s">
        <v>333</v>
      </c>
      <c r="E94522" s="15">
        <v>45728</v>
      </c>
      <c r="F94522" s="14" t="s">
        <v>61</v>
      </c>
      <c r="G94522" s="16">
        <v>2.8538824904196134</v>
      </c>
    </row>
    <row r="94523" spans="1:7" x14ac:dyDescent="0.3">
      <c r="A94523" s="13" t="s">
        <v>469</v>
      </c>
      <c r="B94523" s="14" t="s">
        <v>1</v>
      </c>
      <c r="C94523" s="14" t="s">
        <v>238</v>
      </c>
      <c r="D94523" s="14" t="s">
        <v>333</v>
      </c>
      <c r="E94523" s="15">
        <v>45729</v>
      </c>
      <c r="F94523" s="14" t="s">
        <v>61</v>
      </c>
      <c r="G94523" s="16">
        <v>2.8619625887225379</v>
      </c>
    </row>
    <row r="94524" spans="1:7" x14ac:dyDescent="0.3">
      <c r="A94524" s="13" t="s">
        <v>469</v>
      </c>
      <c r="B94524" s="14" t="s">
        <v>1</v>
      </c>
      <c r="C94524" s="14" t="s">
        <v>238</v>
      </c>
      <c r="D94524" s="14" t="s">
        <v>333</v>
      </c>
      <c r="E94524" s="15">
        <v>45730</v>
      </c>
      <c r="F94524" s="14" t="s">
        <v>61</v>
      </c>
      <c r="G94524" s="16">
        <v>2.8703722639987204</v>
      </c>
    </row>
    <row r="94525" spans="1:7" x14ac:dyDescent="0.3">
      <c r="A94525" s="13" t="s">
        <v>469</v>
      </c>
      <c r="B94525" s="14" t="s">
        <v>1</v>
      </c>
      <c r="C94525" s="14" t="s">
        <v>238</v>
      </c>
      <c r="D94525" s="14" t="s">
        <v>333</v>
      </c>
      <c r="E94525" s="15">
        <v>45731</v>
      </c>
      <c r="F94525" s="14" t="s">
        <v>61</v>
      </c>
      <c r="G94525" s="16">
        <v>2.8703722639987204</v>
      </c>
    </row>
    <row r="94526" spans="1:7" x14ac:dyDescent="0.3">
      <c r="A94526" s="13" t="s">
        <v>469</v>
      </c>
      <c r="B94526" s="14" t="s">
        <v>1</v>
      </c>
      <c r="C94526" s="14" t="s">
        <v>238</v>
      </c>
      <c r="D94526" s="14" t="s">
        <v>333</v>
      </c>
      <c r="E94526" s="15">
        <v>45732</v>
      </c>
      <c r="F94526" s="14" t="s">
        <v>61</v>
      </c>
      <c r="G94526" s="16">
        <v>2.8703722639987204</v>
      </c>
    </row>
    <row r="94527" spans="1:7" x14ac:dyDescent="0.3">
      <c r="A94527" s="13" t="s">
        <v>469</v>
      </c>
      <c r="B94527" s="14" t="s">
        <v>1</v>
      </c>
      <c r="C94527" s="14" t="s">
        <v>238</v>
      </c>
      <c r="D94527" s="14" t="s">
        <v>333</v>
      </c>
      <c r="E94527" s="15">
        <v>45733</v>
      </c>
      <c r="F94527" s="14" t="s">
        <v>61</v>
      </c>
      <c r="G94527" s="16">
        <v>2.8703722639987204</v>
      </c>
    </row>
    <row r="94528" spans="1:7" x14ac:dyDescent="0.3">
      <c r="A94528" s="13" t="s">
        <v>469</v>
      </c>
      <c r="B94528" s="14" t="s">
        <v>1</v>
      </c>
      <c r="C94528" s="14" t="s">
        <v>238</v>
      </c>
      <c r="D94528" s="14" t="s">
        <v>333</v>
      </c>
      <c r="E94528" s="15">
        <v>45734</v>
      </c>
      <c r="F94528" s="14" t="s">
        <v>61</v>
      </c>
      <c r="G94528" s="16">
        <v>2.8787858677590279</v>
      </c>
    </row>
    <row r="94529" spans="1:7" x14ac:dyDescent="0.3">
      <c r="A94529" s="13" t="s">
        <v>469</v>
      </c>
      <c r="B94529" s="14" t="s">
        <v>1</v>
      </c>
      <c r="C94529" s="14" t="s">
        <v>238</v>
      </c>
      <c r="D94529" s="14" t="s">
        <v>333</v>
      </c>
      <c r="E94529" s="15">
        <v>45735</v>
      </c>
      <c r="F94529" s="14" t="s">
        <v>61</v>
      </c>
      <c r="G94529" s="16">
        <v>2.9094625693968661</v>
      </c>
    </row>
    <row r="94530" spans="1:7" x14ac:dyDescent="0.3">
      <c r="A94530" s="13" t="s">
        <v>469</v>
      </c>
      <c r="B94530" s="14" t="s">
        <v>1</v>
      </c>
      <c r="C94530" s="14" t="s">
        <v>238</v>
      </c>
      <c r="D94530" s="14" t="s">
        <v>333</v>
      </c>
      <c r="E94530" s="15">
        <v>45736</v>
      </c>
      <c r="F94530" s="14" t="s">
        <v>61</v>
      </c>
      <c r="G94530" s="16">
        <v>2.9178465128223632</v>
      </c>
    </row>
    <row r="94531" spans="1:7" x14ac:dyDescent="0.3">
      <c r="A94531" s="13" t="s">
        <v>469</v>
      </c>
      <c r="B94531" s="14" t="s">
        <v>1</v>
      </c>
      <c r="C94531" s="14" t="s">
        <v>238</v>
      </c>
      <c r="D94531" s="14" t="s">
        <v>333</v>
      </c>
      <c r="E94531" s="15">
        <v>45737</v>
      </c>
      <c r="F94531" s="14" t="s">
        <v>61</v>
      </c>
      <c r="G94531" s="16">
        <v>2.9265890385084274</v>
      </c>
    </row>
    <row r="94532" spans="1:7" x14ac:dyDescent="0.3">
      <c r="A94532" s="13" t="s">
        <v>469</v>
      </c>
      <c r="B94532" s="14" t="s">
        <v>1</v>
      </c>
      <c r="C94532" s="14" t="s">
        <v>238</v>
      </c>
      <c r="D94532" s="14" t="s">
        <v>333</v>
      </c>
      <c r="E94532" s="15">
        <v>45738</v>
      </c>
      <c r="F94532" s="14" t="s">
        <v>61</v>
      </c>
      <c r="G94532" s="16">
        <v>2.9265890385084274</v>
      </c>
    </row>
    <row r="94533" spans="1:7" x14ac:dyDescent="0.3">
      <c r="A94533" s="13" t="s">
        <v>469</v>
      </c>
      <c r="B94533" s="14" t="s">
        <v>1</v>
      </c>
      <c r="C94533" s="14" t="s">
        <v>238</v>
      </c>
      <c r="D94533" s="14" t="s">
        <v>333</v>
      </c>
      <c r="E94533" s="15">
        <v>45739</v>
      </c>
      <c r="F94533" s="14" t="s">
        <v>61</v>
      </c>
      <c r="G94533" s="16">
        <v>2.9265890385084274</v>
      </c>
    </row>
    <row r="94534" spans="1:7" x14ac:dyDescent="0.3">
      <c r="A94534" s="13" t="s">
        <v>469</v>
      </c>
      <c r="B94534" s="14" t="s">
        <v>1</v>
      </c>
      <c r="C94534" s="14" t="s">
        <v>238</v>
      </c>
      <c r="D94534" s="14" t="s">
        <v>333</v>
      </c>
      <c r="E94534" s="15">
        <v>45740</v>
      </c>
      <c r="F94534" s="14" t="s">
        <v>61</v>
      </c>
      <c r="G94534" s="16">
        <v>2.9349867009930439</v>
      </c>
    </row>
    <row r="94535" spans="1:7" x14ac:dyDescent="0.3">
      <c r="A94535" s="13" t="s">
        <v>469</v>
      </c>
      <c r="B94535" s="14" t="s">
        <v>1</v>
      </c>
      <c r="C94535" s="14" t="s">
        <v>238</v>
      </c>
      <c r="D94535" s="14" t="s">
        <v>333</v>
      </c>
      <c r="E94535" s="15">
        <v>45741</v>
      </c>
      <c r="F94535" s="14" t="s">
        <v>61</v>
      </c>
      <c r="G94535" s="16">
        <v>2.9601805288559144</v>
      </c>
    </row>
    <row r="94536" spans="1:7" x14ac:dyDescent="0.3">
      <c r="A94536" s="13" t="s">
        <v>469</v>
      </c>
      <c r="B94536" s="14" t="s">
        <v>1</v>
      </c>
      <c r="C94536" s="14" t="s">
        <v>238</v>
      </c>
      <c r="D94536" s="14" t="s">
        <v>333</v>
      </c>
      <c r="E94536" s="15">
        <v>45742</v>
      </c>
      <c r="F94536" s="14" t="s">
        <v>61</v>
      </c>
      <c r="G94536" s="16">
        <v>2.9713207084137596</v>
      </c>
    </row>
    <row r="94537" spans="1:7" x14ac:dyDescent="0.3">
      <c r="A94537" s="13" t="s">
        <v>469</v>
      </c>
      <c r="B94537" s="14" t="s">
        <v>1</v>
      </c>
      <c r="C94537" s="14" t="s">
        <v>238</v>
      </c>
      <c r="D94537" s="14" t="s">
        <v>333</v>
      </c>
      <c r="E94537" s="15">
        <v>45743</v>
      </c>
      <c r="F94537" s="14" t="s">
        <v>61</v>
      </c>
      <c r="G94537" s="16">
        <v>2.9797138471121958</v>
      </c>
    </row>
    <row r="94538" spans="1:7" x14ac:dyDescent="0.3">
      <c r="A94538" s="13" t="s">
        <v>469</v>
      </c>
      <c r="B94538" s="14" t="s">
        <v>1</v>
      </c>
      <c r="C94538" s="14" t="s">
        <v>238</v>
      </c>
      <c r="D94538" s="14" t="s">
        <v>333</v>
      </c>
      <c r="E94538" s="15">
        <v>45744</v>
      </c>
      <c r="F94538" s="14" t="s">
        <v>61</v>
      </c>
      <c r="G94538" s="16">
        <v>2.9881110954112144</v>
      </c>
    </row>
    <row r="94539" spans="1:7" x14ac:dyDescent="0.3">
      <c r="A94539" s="13" t="s">
        <v>469</v>
      </c>
      <c r="B94539" s="14" t="s">
        <v>1</v>
      </c>
      <c r="C94539" s="14" t="s">
        <v>238</v>
      </c>
      <c r="D94539" s="14" t="s">
        <v>333</v>
      </c>
      <c r="E94539" s="15">
        <v>45745</v>
      </c>
      <c r="F94539" s="14" t="s">
        <v>61</v>
      </c>
      <c r="G94539" s="16">
        <v>2.9881110954112144</v>
      </c>
    </row>
    <row r="94540" spans="1:7" x14ac:dyDescent="0.3">
      <c r="A94540" s="13" t="s">
        <v>469</v>
      </c>
      <c r="B94540" s="14" t="s">
        <v>1</v>
      </c>
      <c r="C94540" s="14" t="s">
        <v>238</v>
      </c>
      <c r="D94540" s="14" t="s">
        <v>333</v>
      </c>
      <c r="E94540" s="15">
        <v>45746</v>
      </c>
      <c r="F94540" s="14" t="s">
        <v>61</v>
      </c>
      <c r="G94540" s="16">
        <v>2.9881110954112144</v>
      </c>
    </row>
    <row r="94541" spans="1:7" x14ac:dyDescent="0.3">
      <c r="A94541" s="13" t="s">
        <v>469</v>
      </c>
      <c r="B94541" s="14" t="s">
        <v>1</v>
      </c>
      <c r="C94541" s="14" t="s">
        <v>238</v>
      </c>
      <c r="D94541" s="14" t="s">
        <v>333</v>
      </c>
      <c r="E94541" s="15">
        <v>45747</v>
      </c>
      <c r="F94541" s="14" t="s">
        <v>61</v>
      </c>
      <c r="G94541" s="16">
        <v>2.9965061540246105</v>
      </c>
    </row>
    <row r="94542" spans="1:7" x14ac:dyDescent="0.3">
      <c r="A94542" s="13" t="s">
        <v>470</v>
      </c>
      <c r="B94542" s="14" t="s">
        <v>1</v>
      </c>
      <c r="C94542" s="14" t="s">
        <v>23</v>
      </c>
      <c r="D94542" s="14" t="s">
        <v>471</v>
      </c>
      <c r="E94542" s="15">
        <v>45383</v>
      </c>
      <c r="F94542" s="14" t="s">
        <v>28</v>
      </c>
      <c r="G94542" s="16">
        <v>0</v>
      </c>
    </row>
    <row r="94543" spans="1:7" x14ac:dyDescent="0.3">
      <c r="A94543" s="13" t="s">
        <v>470</v>
      </c>
      <c r="B94543" s="14" t="s">
        <v>1</v>
      </c>
      <c r="C94543" s="14" t="s">
        <v>23</v>
      </c>
      <c r="D94543" s="14" t="s">
        <v>471</v>
      </c>
      <c r="E94543" s="15">
        <v>45384</v>
      </c>
      <c r="F94543" s="14" t="s">
        <v>28</v>
      </c>
      <c r="G94543" s="16">
        <v>0</v>
      </c>
    </row>
    <row r="94544" spans="1:7" x14ac:dyDescent="0.3">
      <c r="A94544" s="13" t="s">
        <v>470</v>
      </c>
      <c r="B94544" s="14" t="s">
        <v>1</v>
      </c>
      <c r="C94544" s="14" t="s">
        <v>23</v>
      </c>
      <c r="D94544" s="14" t="s">
        <v>471</v>
      </c>
      <c r="E94544" s="15">
        <v>45385</v>
      </c>
      <c r="F94544" s="14" t="s">
        <v>28</v>
      </c>
      <c r="G94544" s="16">
        <v>6.030696185649357E-2</v>
      </c>
    </row>
    <row r="94545" spans="1:7" x14ac:dyDescent="0.3">
      <c r="A94545" s="13" t="s">
        <v>470</v>
      </c>
      <c r="B94545" s="14" t="s">
        <v>1</v>
      </c>
      <c r="C94545" s="14" t="s">
        <v>23</v>
      </c>
      <c r="D94545" s="14" t="s">
        <v>471</v>
      </c>
      <c r="E94545" s="15">
        <v>45386</v>
      </c>
      <c r="F94545" s="14" t="s">
        <v>28</v>
      </c>
      <c r="G94545" s="16">
        <v>7.6067993667144562E-2</v>
      </c>
    </row>
    <row r="94546" spans="1:7" x14ac:dyDescent="0.3">
      <c r="A94546" s="13" t="s">
        <v>470</v>
      </c>
      <c r="B94546" s="14" t="s">
        <v>1</v>
      </c>
      <c r="C94546" s="14" t="s">
        <v>23</v>
      </c>
      <c r="D94546" s="14" t="s">
        <v>471</v>
      </c>
      <c r="E94546" s="15">
        <v>45387</v>
      </c>
      <c r="F94546" s="14" t="s">
        <v>28</v>
      </c>
      <c r="G94546" s="16">
        <v>0.10186700224184561</v>
      </c>
    </row>
    <row r="94547" spans="1:7" x14ac:dyDescent="0.3">
      <c r="A94547" s="13" t="s">
        <v>470</v>
      </c>
      <c r="B94547" s="14" t="s">
        <v>1</v>
      </c>
      <c r="C94547" s="14" t="s">
        <v>23</v>
      </c>
      <c r="D94547" s="14" t="s">
        <v>471</v>
      </c>
      <c r="E94547" s="15">
        <v>45388</v>
      </c>
      <c r="F94547" s="14" t="s">
        <v>28</v>
      </c>
      <c r="G94547" s="16">
        <v>0.10186700224184561</v>
      </c>
    </row>
    <row r="94548" spans="1:7" x14ac:dyDescent="0.3">
      <c r="A94548" s="13" t="s">
        <v>470</v>
      </c>
      <c r="B94548" s="14" t="s">
        <v>1</v>
      </c>
      <c r="C94548" s="14" t="s">
        <v>23</v>
      </c>
      <c r="D94548" s="14" t="s">
        <v>471</v>
      </c>
      <c r="E94548" s="15">
        <v>45389</v>
      </c>
      <c r="F94548" s="14" t="s">
        <v>28</v>
      </c>
      <c r="G94548" s="16">
        <v>0.10186700224184561</v>
      </c>
    </row>
    <row r="94549" spans="1:7" x14ac:dyDescent="0.3">
      <c r="A94549" s="13" t="s">
        <v>470</v>
      </c>
      <c r="B94549" s="14" t="s">
        <v>1</v>
      </c>
      <c r="C94549" s="14" t="s">
        <v>23</v>
      </c>
      <c r="D94549" s="14" t="s">
        <v>471</v>
      </c>
      <c r="E94549" s="15">
        <v>45390</v>
      </c>
      <c r="F94549" s="14" t="s">
        <v>28</v>
      </c>
      <c r="G94549" s="16">
        <v>0.11561081222243766</v>
      </c>
    </row>
    <row r="94550" spans="1:7" x14ac:dyDescent="0.3">
      <c r="A94550" s="13" t="s">
        <v>470</v>
      </c>
      <c r="B94550" s="14" t="s">
        <v>1</v>
      </c>
      <c r="C94550" s="14" t="s">
        <v>23</v>
      </c>
      <c r="D94550" s="14" t="s">
        <v>471</v>
      </c>
      <c r="E94550" s="15">
        <v>45391</v>
      </c>
      <c r="F94550" s="14" t="s">
        <v>28</v>
      </c>
      <c r="G94550" s="16">
        <v>0.15671702851651895</v>
      </c>
    </row>
    <row r="94551" spans="1:7" x14ac:dyDescent="0.3">
      <c r="A94551" s="13" t="s">
        <v>470</v>
      </c>
      <c r="B94551" s="14" t="s">
        <v>1</v>
      </c>
      <c r="C94551" s="14" t="s">
        <v>23</v>
      </c>
      <c r="D94551" s="14" t="s">
        <v>471</v>
      </c>
      <c r="E94551" s="15">
        <v>45392</v>
      </c>
      <c r="F94551" s="14" t="s">
        <v>28</v>
      </c>
      <c r="G94551" s="16">
        <v>0.17450098334671313</v>
      </c>
    </row>
    <row r="94552" spans="1:7" x14ac:dyDescent="0.3">
      <c r="A94552" s="13" t="s">
        <v>470</v>
      </c>
      <c r="B94552" s="14" t="s">
        <v>1</v>
      </c>
      <c r="C94552" s="14" t="s">
        <v>23</v>
      </c>
      <c r="D94552" s="14" t="s">
        <v>471</v>
      </c>
      <c r="E94552" s="15">
        <v>45393</v>
      </c>
      <c r="F94552" s="14" t="s">
        <v>28</v>
      </c>
      <c r="G94552" s="16">
        <v>0.18950814574116162</v>
      </c>
    </row>
    <row r="94553" spans="1:7" x14ac:dyDescent="0.3">
      <c r="A94553" s="13" t="s">
        <v>470</v>
      </c>
      <c r="B94553" s="14" t="s">
        <v>1</v>
      </c>
      <c r="C94553" s="14" t="s">
        <v>23</v>
      </c>
      <c r="D94553" s="14" t="s">
        <v>471</v>
      </c>
      <c r="E94553" s="15">
        <v>45394</v>
      </c>
      <c r="F94553" s="14" t="s">
        <v>28</v>
      </c>
      <c r="G94553" s="16">
        <v>0.20465965019474361</v>
      </c>
    </row>
    <row r="94554" spans="1:7" x14ac:dyDescent="0.3">
      <c r="A94554" s="13" t="s">
        <v>470</v>
      </c>
      <c r="B94554" s="14" t="s">
        <v>1</v>
      </c>
      <c r="C94554" s="14" t="s">
        <v>23</v>
      </c>
      <c r="D94554" s="14" t="s">
        <v>471</v>
      </c>
      <c r="E94554" s="15">
        <v>45395</v>
      </c>
      <c r="F94554" s="14" t="s">
        <v>28</v>
      </c>
      <c r="G94554" s="16">
        <v>0.20465965019474361</v>
      </c>
    </row>
    <row r="94555" spans="1:7" x14ac:dyDescent="0.3">
      <c r="A94555" s="13" t="s">
        <v>470</v>
      </c>
      <c r="B94555" s="14" t="s">
        <v>1</v>
      </c>
      <c r="C94555" s="14" t="s">
        <v>23</v>
      </c>
      <c r="D94555" s="14" t="s">
        <v>471</v>
      </c>
      <c r="E94555" s="15">
        <v>45396</v>
      </c>
      <c r="F94555" s="14" t="s">
        <v>28</v>
      </c>
      <c r="G94555" s="16">
        <v>0.20465965019474361</v>
      </c>
    </row>
    <row r="94556" spans="1:7" x14ac:dyDescent="0.3">
      <c r="A94556" s="13" t="s">
        <v>470</v>
      </c>
      <c r="B94556" s="14" t="s">
        <v>1</v>
      </c>
      <c r="C94556" s="14" t="s">
        <v>23</v>
      </c>
      <c r="D94556" s="14" t="s">
        <v>471</v>
      </c>
      <c r="E94556" s="15">
        <v>45397</v>
      </c>
      <c r="F94556" s="14" t="s">
        <v>28</v>
      </c>
      <c r="G94556" s="16">
        <v>0.21997997589614102</v>
      </c>
    </row>
    <row r="94557" spans="1:7" x14ac:dyDescent="0.3">
      <c r="A94557" s="13" t="s">
        <v>470</v>
      </c>
      <c r="B94557" s="14" t="s">
        <v>1</v>
      </c>
      <c r="C94557" s="14" t="s">
        <v>23</v>
      </c>
      <c r="D94557" s="14" t="s">
        <v>471</v>
      </c>
      <c r="E94557" s="15">
        <v>45398</v>
      </c>
      <c r="F94557" s="14" t="s">
        <v>28</v>
      </c>
      <c r="G94557" s="16">
        <v>0.26135924442873687</v>
      </c>
    </row>
    <row r="94558" spans="1:7" x14ac:dyDescent="0.3">
      <c r="A94558" s="13" t="s">
        <v>470</v>
      </c>
      <c r="B94558" s="14" t="s">
        <v>1</v>
      </c>
      <c r="C94558" s="14" t="s">
        <v>23</v>
      </c>
      <c r="D94558" s="14" t="s">
        <v>471</v>
      </c>
      <c r="E94558" s="15">
        <v>45399</v>
      </c>
      <c r="F94558" s="14" t="s">
        <v>28</v>
      </c>
      <c r="G94558" s="16">
        <v>0.27405079710245417</v>
      </c>
    </row>
    <row r="94559" spans="1:7" x14ac:dyDescent="0.3">
      <c r="A94559" s="13" t="s">
        <v>470</v>
      </c>
      <c r="B94559" s="14" t="s">
        <v>1</v>
      </c>
      <c r="C94559" s="14" t="s">
        <v>23</v>
      </c>
      <c r="D94559" s="14" t="s">
        <v>471</v>
      </c>
      <c r="E94559" s="15">
        <v>45400</v>
      </c>
      <c r="F94559" s="14" t="s">
        <v>28</v>
      </c>
      <c r="G94559" s="16">
        <v>0.28797204131507875</v>
      </c>
    </row>
    <row r="94560" spans="1:7" x14ac:dyDescent="0.3">
      <c r="A94560" s="13" t="s">
        <v>470</v>
      </c>
      <c r="B94560" s="14" t="s">
        <v>1</v>
      </c>
      <c r="C94560" s="14" t="s">
        <v>23</v>
      </c>
      <c r="D94560" s="14" t="s">
        <v>471</v>
      </c>
      <c r="E94560" s="15">
        <v>45401</v>
      </c>
      <c r="F94560" s="14" t="s">
        <v>28</v>
      </c>
      <c r="G94560" s="16">
        <v>0.30150500828846005</v>
      </c>
    </row>
    <row r="94561" spans="1:7" x14ac:dyDescent="0.3">
      <c r="A94561" s="13" t="s">
        <v>470</v>
      </c>
      <c r="B94561" s="14" t="s">
        <v>1</v>
      </c>
      <c r="C94561" s="14" t="s">
        <v>23</v>
      </c>
      <c r="D94561" s="14" t="s">
        <v>471</v>
      </c>
      <c r="E94561" s="15">
        <v>45402</v>
      </c>
      <c r="F94561" s="14" t="s">
        <v>28</v>
      </c>
      <c r="G94561" s="16">
        <v>0.30150500828846005</v>
      </c>
    </row>
    <row r="94562" spans="1:7" x14ac:dyDescent="0.3">
      <c r="A94562" s="13" t="s">
        <v>470</v>
      </c>
      <c r="B94562" s="14" t="s">
        <v>1</v>
      </c>
      <c r="C94562" s="14" t="s">
        <v>23</v>
      </c>
      <c r="D94562" s="14" t="s">
        <v>471</v>
      </c>
      <c r="E94562" s="15">
        <v>45403</v>
      </c>
      <c r="F94562" s="14" t="s">
        <v>28</v>
      </c>
      <c r="G94562" s="16">
        <v>0.30150500828846005</v>
      </c>
    </row>
    <row r="94563" spans="1:7" x14ac:dyDescent="0.3">
      <c r="A94563" s="13" t="s">
        <v>470</v>
      </c>
      <c r="B94563" s="14" t="s">
        <v>1</v>
      </c>
      <c r="C94563" s="14" t="s">
        <v>23</v>
      </c>
      <c r="D94563" s="14" t="s">
        <v>471</v>
      </c>
      <c r="E94563" s="15">
        <v>45404</v>
      </c>
      <c r="F94563" s="14" t="s">
        <v>28</v>
      </c>
      <c r="G94563" s="16">
        <v>0.32214270076884005</v>
      </c>
    </row>
    <row r="94564" spans="1:7" x14ac:dyDescent="0.3">
      <c r="A94564" s="13" t="s">
        <v>470</v>
      </c>
      <c r="B94564" s="14" t="s">
        <v>1</v>
      </c>
      <c r="C94564" s="14" t="s">
        <v>23</v>
      </c>
      <c r="D94564" s="14" t="s">
        <v>471</v>
      </c>
      <c r="E94564" s="15">
        <v>45405</v>
      </c>
      <c r="F94564" s="14" t="s">
        <v>28</v>
      </c>
      <c r="G94564" s="16">
        <v>0.35654881474990419</v>
      </c>
    </row>
    <row r="94565" spans="1:7" x14ac:dyDescent="0.3">
      <c r="A94565" s="13" t="s">
        <v>470</v>
      </c>
      <c r="B94565" s="14" t="s">
        <v>1</v>
      </c>
      <c r="C94565" s="14" t="s">
        <v>23</v>
      </c>
      <c r="D94565" s="14" t="s">
        <v>471</v>
      </c>
      <c r="E94565" s="15">
        <v>45406</v>
      </c>
      <c r="F94565" s="14" t="s">
        <v>28</v>
      </c>
      <c r="G94565" s="16">
        <v>0.3677204356354028</v>
      </c>
    </row>
    <row r="94566" spans="1:7" x14ac:dyDescent="0.3">
      <c r="A94566" s="13" t="s">
        <v>470</v>
      </c>
      <c r="B94566" s="14" t="s">
        <v>1</v>
      </c>
      <c r="C94566" s="14" t="s">
        <v>23</v>
      </c>
      <c r="D94566" s="14" t="s">
        <v>471</v>
      </c>
      <c r="E94566" s="15">
        <v>45407</v>
      </c>
      <c r="F94566" s="14" t="s">
        <v>28</v>
      </c>
      <c r="G94566" s="16">
        <v>0.33282159765387731</v>
      </c>
    </row>
    <row r="94567" spans="1:7" x14ac:dyDescent="0.3">
      <c r="A94567" s="13" t="s">
        <v>470</v>
      </c>
      <c r="B94567" s="14" t="s">
        <v>1</v>
      </c>
      <c r="C94567" s="14" t="s">
        <v>23</v>
      </c>
      <c r="D94567" s="14" t="s">
        <v>471</v>
      </c>
      <c r="E94567" s="15">
        <v>45408</v>
      </c>
      <c r="F94567" s="14" t="s">
        <v>28</v>
      </c>
      <c r="G94567" s="16">
        <v>0.34618509271747533</v>
      </c>
    </row>
    <row r="94568" spans="1:7" x14ac:dyDescent="0.3">
      <c r="A94568" s="13" t="s">
        <v>470</v>
      </c>
      <c r="B94568" s="14" t="s">
        <v>1</v>
      </c>
      <c r="C94568" s="14" t="s">
        <v>23</v>
      </c>
      <c r="D94568" s="14" t="s">
        <v>471</v>
      </c>
      <c r="E94568" s="15">
        <v>45409</v>
      </c>
      <c r="F94568" s="14" t="s">
        <v>28</v>
      </c>
      <c r="G94568" s="16">
        <v>0.34618509271747533</v>
      </c>
    </row>
    <row r="94569" spans="1:7" x14ac:dyDescent="0.3">
      <c r="A94569" s="13" t="s">
        <v>470</v>
      </c>
      <c r="B94569" s="14" t="s">
        <v>1</v>
      </c>
      <c r="C94569" s="14" t="s">
        <v>23</v>
      </c>
      <c r="D94569" s="14" t="s">
        <v>471</v>
      </c>
      <c r="E94569" s="15">
        <v>45410</v>
      </c>
      <c r="F94569" s="14" t="s">
        <v>28</v>
      </c>
      <c r="G94569" s="16">
        <v>0.34618509271747533</v>
      </c>
    </row>
    <row r="94570" spans="1:7" x14ac:dyDescent="0.3">
      <c r="A94570" s="13" t="s">
        <v>470</v>
      </c>
      <c r="B94570" s="14" t="s">
        <v>1</v>
      </c>
      <c r="C94570" s="14" t="s">
        <v>23</v>
      </c>
      <c r="D94570" s="14" t="s">
        <v>471</v>
      </c>
      <c r="E94570" s="15">
        <v>45411</v>
      </c>
      <c r="F94570" s="14" t="s">
        <v>28</v>
      </c>
      <c r="G94570" s="16">
        <v>0.35946709445616698</v>
      </c>
    </row>
    <row r="94571" spans="1:7" x14ac:dyDescent="0.3">
      <c r="A94571" s="13" t="s">
        <v>470</v>
      </c>
      <c r="B94571" s="14" t="s">
        <v>1</v>
      </c>
      <c r="C94571" s="14" t="s">
        <v>23</v>
      </c>
      <c r="D94571" s="14" t="s">
        <v>471</v>
      </c>
      <c r="E94571" s="15">
        <v>45412</v>
      </c>
      <c r="F94571" s="14" t="s">
        <v>28</v>
      </c>
      <c r="G94571" s="16">
        <v>0.40347767549375146</v>
      </c>
    </row>
    <row r="94572" spans="1:7" x14ac:dyDescent="0.3">
      <c r="A94572" s="13" t="s">
        <v>470</v>
      </c>
      <c r="B94572" s="14" t="s">
        <v>1</v>
      </c>
      <c r="C94572" s="14" t="s">
        <v>23</v>
      </c>
      <c r="D94572" s="14" t="s">
        <v>471</v>
      </c>
      <c r="E94572" s="15">
        <v>45413</v>
      </c>
      <c r="F94572" s="14" t="s">
        <v>28</v>
      </c>
      <c r="G94572" s="16">
        <v>0</v>
      </c>
    </row>
    <row r="94573" spans="1:7" x14ac:dyDescent="0.3">
      <c r="A94573" s="13" t="s">
        <v>470</v>
      </c>
      <c r="B94573" s="14" t="s">
        <v>1</v>
      </c>
      <c r="C94573" s="14" t="s">
        <v>23</v>
      </c>
      <c r="D94573" s="14" t="s">
        <v>471</v>
      </c>
      <c r="E94573" s="15">
        <v>45414</v>
      </c>
      <c r="F94573" s="14" t="s">
        <v>28</v>
      </c>
      <c r="G94573" s="16">
        <v>1.2903785880542624E-2</v>
      </c>
    </row>
    <row r="94574" spans="1:7" x14ac:dyDescent="0.3">
      <c r="A94574" s="13" t="s">
        <v>470</v>
      </c>
      <c r="B94574" s="14" t="s">
        <v>1</v>
      </c>
      <c r="C94574" s="14" t="s">
        <v>23</v>
      </c>
      <c r="D94574" s="14" t="s">
        <v>471</v>
      </c>
      <c r="E94574" s="15">
        <v>45415</v>
      </c>
      <c r="F94574" s="14" t="s">
        <v>28</v>
      </c>
      <c r="G94574" s="16">
        <v>2.6729634161607299E-2</v>
      </c>
    </row>
    <row r="94575" spans="1:7" x14ac:dyDescent="0.3">
      <c r="A94575" s="13" t="s">
        <v>470</v>
      </c>
      <c r="B94575" s="14" t="s">
        <v>1</v>
      </c>
      <c r="C94575" s="14" t="s">
        <v>23</v>
      </c>
      <c r="D94575" s="14" t="s">
        <v>471</v>
      </c>
      <c r="E94575" s="15">
        <v>45416</v>
      </c>
      <c r="F94575" s="14" t="s">
        <v>28</v>
      </c>
      <c r="G94575" s="16">
        <v>2.6729634161607299E-2</v>
      </c>
    </row>
    <row r="94576" spans="1:7" x14ac:dyDescent="0.3">
      <c r="A94576" s="13" t="s">
        <v>470</v>
      </c>
      <c r="B94576" s="14" t="s">
        <v>1</v>
      </c>
      <c r="C94576" s="14" t="s">
        <v>23</v>
      </c>
      <c r="D94576" s="14" t="s">
        <v>471</v>
      </c>
      <c r="E94576" s="15">
        <v>45417</v>
      </c>
      <c r="F94576" s="14" t="s">
        <v>28</v>
      </c>
      <c r="G94576" s="16">
        <v>2.6729634161607299E-2</v>
      </c>
    </row>
    <row r="94577" spans="1:7" x14ac:dyDescent="0.3">
      <c r="A94577" s="13" t="s">
        <v>470</v>
      </c>
      <c r="B94577" s="14" t="s">
        <v>1</v>
      </c>
      <c r="C94577" s="14" t="s">
        <v>23</v>
      </c>
      <c r="D94577" s="14" t="s">
        <v>471</v>
      </c>
      <c r="E94577" s="15">
        <v>45418</v>
      </c>
      <c r="F94577" s="14" t="s">
        <v>28</v>
      </c>
      <c r="G94577" s="16">
        <v>2.6729634161607299E-2</v>
      </c>
    </row>
    <row r="94578" spans="1:7" x14ac:dyDescent="0.3">
      <c r="A94578" s="13" t="s">
        <v>470</v>
      </c>
      <c r="B94578" s="14" t="s">
        <v>1</v>
      </c>
      <c r="C94578" s="14" t="s">
        <v>23</v>
      </c>
      <c r="D94578" s="14" t="s">
        <v>471</v>
      </c>
      <c r="E94578" s="15">
        <v>45419</v>
      </c>
      <c r="F94578" s="14" t="s">
        <v>28</v>
      </c>
      <c r="G94578" s="16">
        <v>4.021747834537362E-2</v>
      </c>
    </row>
    <row r="94579" spans="1:7" x14ac:dyDescent="0.3">
      <c r="A94579" s="13" t="s">
        <v>470</v>
      </c>
      <c r="B94579" s="14" t="s">
        <v>1</v>
      </c>
      <c r="C94579" s="14" t="s">
        <v>23</v>
      </c>
      <c r="D94579" s="14" t="s">
        <v>471</v>
      </c>
      <c r="E94579" s="15">
        <v>45420</v>
      </c>
      <c r="F94579" s="14" t="s">
        <v>28</v>
      </c>
      <c r="G94579" s="16">
        <v>0.1107197498871678</v>
      </c>
    </row>
    <row r="94580" spans="1:7" x14ac:dyDescent="0.3">
      <c r="A94580" s="13" t="s">
        <v>470</v>
      </c>
      <c r="B94580" s="14" t="s">
        <v>1</v>
      </c>
      <c r="C94580" s="14" t="s">
        <v>23</v>
      </c>
      <c r="D94580" s="14" t="s">
        <v>471</v>
      </c>
      <c r="E94580" s="15">
        <v>45421</v>
      </c>
      <c r="F94580" s="14" t="s">
        <v>28</v>
      </c>
      <c r="G94580" s="16">
        <v>0.12445343478115868</v>
      </c>
    </row>
    <row r="94581" spans="1:7" x14ac:dyDescent="0.3">
      <c r="A94581" s="13" t="s">
        <v>470</v>
      </c>
      <c r="B94581" s="14" t="s">
        <v>1</v>
      </c>
      <c r="C94581" s="14" t="s">
        <v>23</v>
      </c>
      <c r="D94581" s="14" t="s">
        <v>471</v>
      </c>
      <c r="E94581" s="15">
        <v>45422</v>
      </c>
      <c r="F94581" s="14" t="s">
        <v>28</v>
      </c>
      <c r="G94581" s="16">
        <v>0.13847565265273123</v>
      </c>
    </row>
    <row r="94582" spans="1:7" x14ac:dyDescent="0.3">
      <c r="A94582" s="13" t="s">
        <v>470</v>
      </c>
      <c r="B94582" s="14" t="s">
        <v>1</v>
      </c>
      <c r="C94582" s="14" t="s">
        <v>23</v>
      </c>
      <c r="D94582" s="14" t="s">
        <v>471</v>
      </c>
      <c r="E94582" s="15">
        <v>45423</v>
      </c>
      <c r="F94582" s="14" t="s">
        <v>28</v>
      </c>
      <c r="G94582" s="16">
        <v>0.13847565265273123</v>
      </c>
    </row>
    <row r="94583" spans="1:7" x14ac:dyDescent="0.3">
      <c r="A94583" s="13" t="s">
        <v>470</v>
      </c>
      <c r="B94583" s="14" t="s">
        <v>1</v>
      </c>
      <c r="C94583" s="14" t="s">
        <v>23</v>
      </c>
      <c r="D94583" s="14" t="s">
        <v>471</v>
      </c>
      <c r="E94583" s="15">
        <v>45424</v>
      </c>
      <c r="F94583" s="14" t="s">
        <v>28</v>
      </c>
      <c r="G94583" s="16">
        <v>0.13847565265273123</v>
      </c>
    </row>
    <row r="94584" spans="1:7" x14ac:dyDescent="0.3">
      <c r="A94584" s="13" t="s">
        <v>470</v>
      </c>
      <c r="B94584" s="14" t="s">
        <v>1</v>
      </c>
      <c r="C94584" s="14" t="s">
        <v>23</v>
      </c>
      <c r="D94584" s="14" t="s">
        <v>471</v>
      </c>
      <c r="E94584" s="15">
        <v>45425</v>
      </c>
      <c r="F94584" s="14" t="s">
        <v>28</v>
      </c>
      <c r="G94584" s="16">
        <v>0.15286304905898618</v>
      </c>
    </row>
    <row r="94585" spans="1:7" x14ac:dyDescent="0.3">
      <c r="A94585" s="13" t="s">
        <v>470</v>
      </c>
      <c r="B94585" s="14" t="s">
        <v>1</v>
      </c>
      <c r="C94585" s="14" t="s">
        <v>23</v>
      </c>
      <c r="D94585" s="14" t="s">
        <v>471</v>
      </c>
      <c r="E94585" s="15">
        <v>45426</v>
      </c>
      <c r="F94585" s="14" t="s">
        <v>28</v>
      </c>
      <c r="G94585" s="16">
        <v>0.19587435450092125</v>
      </c>
    </row>
    <row r="94586" spans="1:7" x14ac:dyDescent="0.3">
      <c r="A94586" s="13" t="s">
        <v>470</v>
      </c>
      <c r="B94586" s="14" t="s">
        <v>1</v>
      </c>
      <c r="C94586" s="14" t="s">
        <v>23</v>
      </c>
      <c r="D94586" s="14" t="s">
        <v>471</v>
      </c>
      <c r="E94586" s="15">
        <v>45427</v>
      </c>
      <c r="F94586" s="14" t="s">
        <v>28</v>
      </c>
      <c r="G94586" s="16">
        <v>0.20869727598931248</v>
      </c>
    </row>
    <row r="94587" spans="1:7" x14ac:dyDescent="0.3">
      <c r="A94587" s="13" t="s">
        <v>470</v>
      </c>
      <c r="B94587" s="14" t="s">
        <v>1</v>
      </c>
      <c r="C94587" s="14" t="s">
        <v>23</v>
      </c>
      <c r="D94587" s="14" t="s">
        <v>471</v>
      </c>
      <c r="E94587" s="15">
        <v>45428</v>
      </c>
      <c r="F94587" s="14" t="s">
        <v>28</v>
      </c>
      <c r="G94587" s="16">
        <v>0.22281045415161135</v>
      </c>
    </row>
    <row r="94588" spans="1:7" x14ac:dyDescent="0.3">
      <c r="A94588" s="13" t="s">
        <v>470</v>
      </c>
      <c r="B94588" s="14" t="s">
        <v>1</v>
      </c>
      <c r="C94588" s="14" t="s">
        <v>23</v>
      </c>
      <c r="D94588" s="14" t="s">
        <v>471</v>
      </c>
      <c r="E94588" s="15">
        <v>45429</v>
      </c>
      <c r="F94588" s="14" t="s">
        <v>28</v>
      </c>
      <c r="G94588" s="16">
        <v>0.23677715778690564</v>
      </c>
    </row>
    <row r="94589" spans="1:7" x14ac:dyDescent="0.3">
      <c r="A94589" s="13" t="s">
        <v>470</v>
      </c>
      <c r="B94589" s="14" t="s">
        <v>1</v>
      </c>
      <c r="C94589" s="14" t="s">
        <v>23</v>
      </c>
      <c r="D94589" s="14" t="s">
        <v>471</v>
      </c>
      <c r="E94589" s="15">
        <v>45430</v>
      </c>
      <c r="F94589" s="14" t="s">
        <v>28</v>
      </c>
      <c r="G94589" s="16">
        <v>0.23677715778690564</v>
      </c>
    </row>
    <row r="94590" spans="1:7" x14ac:dyDescent="0.3">
      <c r="A94590" s="13" t="s">
        <v>470</v>
      </c>
      <c r="B94590" s="14" t="s">
        <v>1</v>
      </c>
      <c r="C94590" s="14" t="s">
        <v>23</v>
      </c>
      <c r="D94590" s="14" t="s">
        <v>471</v>
      </c>
      <c r="E94590" s="15">
        <v>45431</v>
      </c>
      <c r="F94590" s="14" t="s">
        <v>28</v>
      </c>
      <c r="G94590" s="16">
        <v>0.23677715778690564</v>
      </c>
    </row>
    <row r="94591" spans="1:7" x14ac:dyDescent="0.3">
      <c r="A94591" s="13" t="s">
        <v>470</v>
      </c>
      <c r="B94591" s="14" t="s">
        <v>1</v>
      </c>
      <c r="C94591" s="14" t="s">
        <v>23</v>
      </c>
      <c r="D94591" s="14" t="s">
        <v>471</v>
      </c>
      <c r="E94591" s="15">
        <v>45432</v>
      </c>
      <c r="F94591" s="14" t="s">
        <v>28</v>
      </c>
      <c r="G94591" s="16">
        <v>0.2513580750594363</v>
      </c>
    </row>
    <row r="94592" spans="1:7" x14ac:dyDescent="0.3">
      <c r="A94592" s="13" t="s">
        <v>470</v>
      </c>
      <c r="B94592" s="14" t="s">
        <v>1</v>
      </c>
      <c r="C94592" s="14" t="s">
        <v>23</v>
      </c>
      <c r="D94592" s="14" t="s">
        <v>471</v>
      </c>
      <c r="E94592" s="15">
        <v>45433</v>
      </c>
      <c r="F94592" s="14" t="s">
        <v>28</v>
      </c>
      <c r="G94592" s="16">
        <v>0.29372961777728046</v>
      </c>
    </row>
    <row r="94593" spans="1:7" x14ac:dyDescent="0.3">
      <c r="A94593" s="13" t="s">
        <v>470</v>
      </c>
      <c r="B94593" s="14" t="s">
        <v>1</v>
      </c>
      <c r="C94593" s="14" t="s">
        <v>23</v>
      </c>
      <c r="D94593" s="14" t="s">
        <v>471</v>
      </c>
      <c r="E94593" s="15">
        <v>45434</v>
      </c>
      <c r="F94593" s="14" t="s">
        <v>28</v>
      </c>
      <c r="G94593" s="16">
        <v>0.30861898487883177</v>
      </c>
    </row>
    <row r="94594" spans="1:7" x14ac:dyDescent="0.3">
      <c r="A94594" s="13" t="s">
        <v>470</v>
      </c>
      <c r="B94594" s="14" t="s">
        <v>1</v>
      </c>
      <c r="C94594" s="14" t="s">
        <v>23</v>
      </c>
      <c r="D94594" s="14" t="s">
        <v>471</v>
      </c>
      <c r="E94594" s="15">
        <v>45435</v>
      </c>
      <c r="F94594" s="14" t="s">
        <v>28</v>
      </c>
      <c r="G94594" s="16">
        <v>0.3252701355618739</v>
      </c>
    </row>
    <row r="94595" spans="1:7" x14ac:dyDescent="0.3">
      <c r="A94595" s="13" t="s">
        <v>470</v>
      </c>
      <c r="B94595" s="14" t="s">
        <v>1</v>
      </c>
      <c r="C94595" s="14" t="s">
        <v>23</v>
      </c>
      <c r="D94595" s="14" t="s">
        <v>471</v>
      </c>
      <c r="E94595" s="15">
        <v>45436</v>
      </c>
      <c r="F94595" s="14" t="s">
        <v>28</v>
      </c>
      <c r="G94595" s="16">
        <v>0.33858309867498032</v>
      </c>
    </row>
    <row r="94596" spans="1:7" x14ac:dyDescent="0.3">
      <c r="A94596" s="13" t="s">
        <v>470</v>
      </c>
      <c r="B94596" s="14" t="s">
        <v>1</v>
      </c>
      <c r="C94596" s="14" t="s">
        <v>23</v>
      </c>
      <c r="D94596" s="14" t="s">
        <v>471</v>
      </c>
      <c r="E94596" s="15">
        <v>45437</v>
      </c>
      <c r="F94596" s="14" t="s">
        <v>28</v>
      </c>
      <c r="G94596" s="16">
        <v>0.33858309867498032</v>
      </c>
    </row>
    <row r="94597" spans="1:7" x14ac:dyDescent="0.3">
      <c r="A94597" s="13" t="s">
        <v>470</v>
      </c>
      <c r="B94597" s="14" t="s">
        <v>1</v>
      </c>
      <c r="C94597" s="14" t="s">
        <v>23</v>
      </c>
      <c r="D94597" s="14" t="s">
        <v>471</v>
      </c>
      <c r="E94597" s="15">
        <v>45438</v>
      </c>
      <c r="F94597" s="14" t="s">
        <v>28</v>
      </c>
      <c r="G94597" s="16">
        <v>0.33858309867498032</v>
      </c>
    </row>
    <row r="94598" spans="1:7" x14ac:dyDescent="0.3">
      <c r="A94598" s="13" t="s">
        <v>470</v>
      </c>
      <c r="B94598" s="14" t="s">
        <v>1</v>
      </c>
      <c r="C94598" s="14" t="s">
        <v>23</v>
      </c>
      <c r="D94598" s="14" t="s">
        <v>471</v>
      </c>
      <c r="E94598" s="15">
        <v>45439</v>
      </c>
      <c r="F94598" s="14" t="s">
        <v>28</v>
      </c>
      <c r="G94598" s="16">
        <v>0.33858309867498032</v>
      </c>
    </row>
    <row r="94599" spans="1:7" x14ac:dyDescent="0.3">
      <c r="A94599" s="13" t="s">
        <v>470</v>
      </c>
      <c r="B94599" s="14" t="s">
        <v>1</v>
      </c>
      <c r="C94599" s="14" t="s">
        <v>23</v>
      </c>
      <c r="D94599" s="14" t="s">
        <v>471</v>
      </c>
      <c r="E94599" s="15">
        <v>45440</v>
      </c>
      <c r="F94599" s="14" t="s">
        <v>28</v>
      </c>
      <c r="G94599" s="16">
        <v>0.35207299515345197</v>
      </c>
    </row>
    <row r="94600" spans="1:7" x14ac:dyDescent="0.3">
      <c r="A94600" s="13" t="s">
        <v>470</v>
      </c>
      <c r="B94600" s="14" t="s">
        <v>1</v>
      </c>
      <c r="C94600" s="14" t="s">
        <v>23</v>
      </c>
      <c r="D94600" s="14" t="s">
        <v>471</v>
      </c>
      <c r="E94600" s="15">
        <v>45441</v>
      </c>
      <c r="F94600" s="14" t="s">
        <v>28</v>
      </c>
      <c r="G94600" s="16">
        <v>0.40356343175778647</v>
      </c>
    </row>
    <row r="94601" spans="1:7" x14ac:dyDescent="0.3">
      <c r="A94601" s="13" t="s">
        <v>470</v>
      </c>
      <c r="B94601" s="14" t="s">
        <v>1</v>
      </c>
      <c r="C94601" s="14" t="s">
        <v>23</v>
      </c>
      <c r="D94601" s="14" t="s">
        <v>471</v>
      </c>
      <c r="E94601" s="15">
        <v>45442</v>
      </c>
      <c r="F94601" s="14" t="s">
        <v>28</v>
      </c>
      <c r="G94601" s="16">
        <v>0.41864775338572452</v>
      </c>
    </row>
    <row r="94602" spans="1:7" x14ac:dyDescent="0.3">
      <c r="A94602" s="13" t="s">
        <v>470</v>
      </c>
      <c r="B94602" s="14" t="s">
        <v>1</v>
      </c>
      <c r="C94602" s="14" t="s">
        <v>23</v>
      </c>
      <c r="D94602" s="14" t="s">
        <v>471</v>
      </c>
      <c r="E94602" s="15">
        <v>45443</v>
      </c>
      <c r="F94602" s="14" t="s">
        <v>28</v>
      </c>
      <c r="G94602" s="16">
        <v>0.42792382256194028</v>
      </c>
    </row>
    <row r="94603" spans="1:7" x14ac:dyDescent="0.3">
      <c r="A94603" s="13" t="s">
        <v>470</v>
      </c>
      <c r="B94603" s="14" t="s">
        <v>1</v>
      </c>
      <c r="C94603" s="14" t="s">
        <v>23</v>
      </c>
      <c r="D94603" s="14" t="s">
        <v>471</v>
      </c>
      <c r="E94603" s="15">
        <v>45444</v>
      </c>
      <c r="F94603" s="14" t="s">
        <v>28</v>
      </c>
      <c r="G94603" s="16">
        <v>0.42792382256194028</v>
      </c>
    </row>
    <row r="94604" spans="1:7" x14ac:dyDescent="0.3">
      <c r="A94604" s="13" t="s">
        <v>470</v>
      </c>
      <c r="B94604" s="14" t="s">
        <v>1</v>
      </c>
      <c r="C94604" s="14" t="s">
        <v>23</v>
      </c>
      <c r="D94604" s="14" t="s">
        <v>471</v>
      </c>
      <c r="E94604" s="15">
        <v>45445</v>
      </c>
      <c r="F94604" s="14" t="s">
        <v>28</v>
      </c>
      <c r="G94604" s="16">
        <v>0.42792382256194028</v>
      </c>
    </row>
    <row r="94605" spans="1:7" x14ac:dyDescent="0.3">
      <c r="A94605" s="13" t="s">
        <v>470</v>
      </c>
      <c r="B94605" s="14" t="s">
        <v>1</v>
      </c>
      <c r="C94605" s="14" t="s">
        <v>23</v>
      </c>
      <c r="D94605" s="14" t="s">
        <v>471</v>
      </c>
      <c r="E94605" s="15">
        <v>45446</v>
      </c>
      <c r="F94605" s="14" t="s">
        <v>28</v>
      </c>
      <c r="G94605" s="16">
        <v>0.42792382256194028</v>
      </c>
    </row>
    <row r="94606" spans="1:7" x14ac:dyDescent="0.3">
      <c r="A94606" s="13" t="s">
        <v>470</v>
      </c>
      <c r="B94606" s="14" t="s">
        <v>1</v>
      </c>
      <c r="C94606" s="14" t="s">
        <v>23</v>
      </c>
      <c r="D94606" s="14" t="s">
        <v>471</v>
      </c>
      <c r="E94606" s="15">
        <v>45447</v>
      </c>
      <c r="F94606" s="14" t="s">
        <v>28</v>
      </c>
      <c r="G94606" s="16">
        <v>0</v>
      </c>
    </row>
    <row r="94607" spans="1:7" x14ac:dyDescent="0.3">
      <c r="A94607" s="13" t="s">
        <v>470</v>
      </c>
      <c r="B94607" s="14" t="s">
        <v>1</v>
      </c>
      <c r="C94607" s="14" t="s">
        <v>23</v>
      </c>
      <c r="D94607" s="14" t="s">
        <v>471</v>
      </c>
      <c r="E94607" s="15">
        <v>45448</v>
      </c>
      <c r="F94607" s="14" t="s">
        <v>28</v>
      </c>
      <c r="G94607" s="16">
        <v>5.7729555643120836E-2</v>
      </c>
    </row>
    <row r="94608" spans="1:7" x14ac:dyDescent="0.3">
      <c r="A94608" s="13" t="s">
        <v>470</v>
      </c>
      <c r="B94608" s="14" t="s">
        <v>1</v>
      </c>
      <c r="C94608" s="14" t="s">
        <v>23</v>
      </c>
      <c r="D94608" s="14" t="s">
        <v>471</v>
      </c>
      <c r="E94608" s="15">
        <v>45449</v>
      </c>
      <c r="F94608" s="14" t="s">
        <v>28</v>
      </c>
      <c r="G94608" s="16">
        <v>7.0843359596420907E-2</v>
      </c>
    </row>
    <row r="94609" spans="1:7" x14ac:dyDescent="0.3">
      <c r="A94609" s="13" t="s">
        <v>470</v>
      </c>
      <c r="B94609" s="14" t="s">
        <v>1</v>
      </c>
      <c r="C94609" s="14" t="s">
        <v>23</v>
      </c>
      <c r="D94609" s="14" t="s">
        <v>471</v>
      </c>
      <c r="E94609" s="15">
        <v>45450</v>
      </c>
      <c r="F94609" s="14" t="s">
        <v>28</v>
      </c>
      <c r="G94609" s="16">
        <v>0.10379145110872727</v>
      </c>
    </row>
    <row r="94610" spans="1:7" x14ac:dyDescent="0.3">
      <c r="A94610" s="13" t="s">
        <v>470</v>
      </c>
      <c r="B94610" s="14" t="s">
        <v>1</v>
      </c>
      <c r="C94610" s="14" t="s">
        <v>23</v>
      </c>
      <c r="D94610" s="14" t="s">
        <v>471</v>
      </c>
      <c r="E94610" s="15">
        <v>45451</v>
      </c>
      <c r="F94610" s="14" t="s">
        <v>28</v>
      </c>
      <c r="G94610" s="16">
        <v>0.10379145110872727</v>
      </c>
    </row>
    <row r="94611" spans="1:7" x14ac:dyDescent="0.3">
      <c r="A94611" s="13" t="s">
        <v>470</v>
      </c>
      <c r="B94611" s="14" t="s">
        <v>1</v>
      </c>
      <c r="C94611" s="14" t="s">
        <v>23</v>
      </c>
      <c r="D94611" s="14" t="s">
        <v>471</v>
      </c>
      <c r="E94611" s="15">
        <v>45452</v>
      </c>
      <c r="F94611" s="14" t="s">
        <v>28</v>
      </c>
      <c r="G94611" s="16">
        <v>0.10379145110872727</v>
      </c>
    </row>
    <row r="94612" spans="1:7" x14ac:dyDescent="0.3">
      <c r="A94612" s="13" t="s">
        <v>470</v>
      </c>
      <c r="B94612" s="14" t="s">
        <v>1</v>
      </c>
      <c r="C94612" s="14" t="s">
        <v>23</v>
      </c>
      <c r="D94612" s="14" t="s">
        <v>471</v>
      </c>
      <c r="E94612" s="15">
        <v>45453</v>
      </c>
      <c r="F94612" s="14" t="s">
        <v>28</v>
      </c>
      <c r="G94612" s="16">
        <v>0.11710227632426183</v>
      </c>
    </row>
    <row r="94613" spans="1:7" x14ac:dyDescent="0.3">
      <c r="A94613" s="13" t="s">
        <v>470</v>
      </c>
      <c r="B94613" s="14" t="s">
        <v>1</v>
      </c>
      <c r="C94613" s="14" t="s">
        <v>23</v>
      </c>
      <c r="D94613" s="14" t="s">
        <v>471</v>
      </c>
      <c r="E94613" s="15">
        <v>45454</v>
      </c>
      <c r="F94613" s="14" t="s">
        <v>28</v>
      </c>
      <c r="G94613" s="16">
        <v>0.15686731285486061</v>
      </c>
    </row>
    <row r="94614" spans="1:7" x14ac:dyDescent="0.3">
      <c r="A94614" s="13" t="s">
        <v>470</v>
      </c>
      <c r="B94614" s="14" t="s">
        <v>1</v>
      </c>
      <c r="C94614" s="14" t="s">
        <v>23</v>
      </c>
      <c r="D94614" s="14" t="s">
        <v>471</v>
      </c>
      <c r="E94614" s="15">
        <v>45455</v>
      </c>
      <c r="F94614" s="14" t="s">
        <v>28</v>
      </c>
      <c r="G94614" s="16">
        <v>0.16935482437046828</v>
      </c>
    </row>
    <row r="94615" spans="1:7" x14ac:dyDescent="0.3">
      <c r="A94615" s="13" t="s">
        <v>470</v>
      </c>
      <c r="B94615" s="14" t="s">
        <v>1</v>
      </c>
      <c r="C94615" s="14" t="s">
        <v>23</v>
      </c>
      <c r="D94615" s="14" t="s">
        <v>471</v>
      </c>
      <c r="E94615" s="15">
        <v>45456</v>
      </c>
      <c r="F94615" s="14" t="s">
        <v>28</v>
      </c>
      <c r="G94615" s="16">
        <v>0.1824888649408897</v>
      </c>
    </row>
    <row r="94616" spans="1:7" x14ac:dyDescent="0.3">
      <c r="A94616" s="13" t="s">
        <v>470</v>
      </c>
      <c r="B94616" s="14" t="s">
        <v>1</v>
      </c>
      <c r="C94616" s="14" t="s">
        <v>23</v>
      </c>
      <c r="D94616" s="14" t="s">
        <v>471</v>
      </c>
      <c r="E94616" s="15">
        <v>45457</v>
      </c>
      <c r="F94616" s="14" t="s">
        <v>28</v>
      </c>
      <c r="G94616" s="16">
        <v>0.19754294726358387</v>
      </c>
    </row>
    <row r="94617" spans="1:7" x14ac:dyDescent="0.3">
      <c r="A94617" s="13" t="s">
        <v>470</v>
      </c>
      <c r="B94617" s="14" t="s">
        <v>1</v>
      </c>
      <c r="C94617" s="14" t="s">
        <v>23</v>
      </c>
      <c r="D94617" s="14" t="s">
        <v>471</v>
      </c>
      <c r="E94617" s="15">
        <v>45458</v>
      </c>
      <c r="F94617" s="14" t="s">
        <v>28</v>
      </c>
      <c r="G94617" s="16">
        <v>0.19754294726358387</v>
      </c>
    </row>
    <row r="94618" spans="1:7" x14ac:dyDescent="0.3">
      <c r="A94618" s="13" t="s">
        <v>470</v>
      </c>
      <c r="B94618" s="14" t="s">
        <v>1</v>
      </c>
      <c r="C94618" s="14" t="s">
        <v>23</v>
      </c>
      <c r="D94618" s="14" t="s">
        <v>471</v>
      </c>
      <c r="E94618" s="15">
        <v>45459</v>
      </c>
      <c r="F94618" s="14" t="s">
        <v>28</v>
      </c>
      <c r="G94618" s="16">
        <v>0.19754294726358387</v>
      </c>
    </row>
    <row r="94619" spans="1:7" x14ac:dyDescent="0.3">
      <c r="A94619" s="13" t="s">
        <v>470</v>
      </c>
      <c r="B94619" s="14" t="s">
        <v>1</v>
      </c>
      <c r="C94619" s="14" t="s">
        <v>23</v>
      </c>
      <c r="D94619" s="14" t="s">
        <v>471</v>
      </c>
      <c r="E94619" s="15">
        <v>45460</v>
      </c>
      <c r="F94619" s="14" t="s">
        <v>28</v>
      </c>
      <c r="G94619" s="16">
        <v>0.21072583945275278</v>
      </c>
    </row>
    <row r="94620" spans="1:7" x14ac:dyDescent="0.3">
      <c r="A94620" s="13" t="s">
        <v>470</v>
      </c>
      <c r="B94620" s="14" t="s">
        <v>1</v>
      </c>
      <c r="C94620" s="14" t="s">
        <v>23</v>
      </c>
      <c r="D94620" s="14" t="s">
        <v>471</v>
      </c>
      <c r="E94620" s="15">
        <v>45461</v>
      </c>
      <c r="F94620" s="14" t="s">
        <v>28</v>
      </c>
      <c r="G94620" s="16">
        <v>0.25051852161370941</v>
      </c>
    </row>
    <row r="94621" spans="1:7" x14ac:dyDescent="0.3">
      <c r="A94621" s="13" t="s">
        <v>470</v>
      </c>
      <c r="B94621" s="14" t="s">
        <v>1</v>
      </c>
      <c r="C94621" s="14" t="s">
        <v>23</v>
      </c>
      <c r="D94621" s="14" t="s">
        <v>471</v>
      </c>
      <c r="E94621" s="15">
        <v>45462</v>
      </c>
      <c r="F94621" s="14" t="s">
        <v>28</v>
      </c>
      <c r="G94621" s="16">
        <v>0.25051852161370941</v>
      </c>
    </row>
    <row r="94622" spans="1:7" x14ac:dyDescent="0.3">
      <c r="A94622" s="13" t="s">
        <v>470</v>
      </c>
      <c r="B94622" s="14" t="s">
        <v>1</v>
      </c>
      <c r="C94622" s="14" t="s">
        <v>23</v>
      </c>
      <c r="D94622" s="14" t="s">
        <v>471</v>
      </c>
      <c r="E94622" s="15">
        <v>45463</v>
      </c>
      <c r="F94622" s="14" t="s">
        <v>28</v>
      </c>
      <c r="G94622" s="16">
        <v>0.26452960511408413</v>
      </c>
    </row>
    <row r="94623" spans="1:7" x14ac:dyDescent="0.3">
      <c r="A94623" s="13" t="s">
        <v>470</v>
      </c>
      <c r="B94623" s="14" t="s">
        <v>1</v>
      </c>
      <c r="C94623" s="14" t="s">
        <v>23</v>
      </c>
      <c r="D94623" s="14" t="s">
        <v>471</v>
      </c>
      <c r="E94623" s="15">
        <v>45464</v>
      </c>
      <c r="F94623" s="14" t="s">
        <v>28</v>
      </c>
      <c r="G94623" s="16">
        <v>0.29281123813449805</v>
      </c>
    </row>
    <row r="94624" spans="1:7" x14ac:dyDescent="0.3">
      <c r="A94624" s="13" t="s">
        <v>470</v>
      </c>
      <c r="B94624" s="14" t="s">
        <v>1</v>
      </c>
      <c r="C94624" s="14" t="s">
        <v>23</v>
      </c>
      <c r="D94624" s="14" t="s">
        <v>471</v>
      </c>
      <c r="E94624" s="15">
        <v>45465</v>
      </c>
      <c r="F94624" s="14" t="s">
        <v>28</v>
      </c>
      <c r="G94624" s="16">
        <v>0.29281123813449805</v>
      </c>
    </row>
    <row r="94625" spans="1:7" x14ac:dyDescent="0.3">
      <c r="A94625" s="13" t="s">
        <v>470</v>
      </c>
      <c r="B94625" s="14" t="s">
        <v>1</v>
      </c>
      <c r="C94625" s="14" t="s">
        <v>23</v>
      </c>
      <c r="D94625" s="14" t="s">
        <v>471</v>
      </c>
      <c r="E94625" s="15">
        <v>45466</v>
      </c>
      <c r="F94625" s="14" t="s">
        <v>28</v>
      </c>
      <c r="G94625" s="16">
        <v>0.29281123813449805</v>
      </c>
    </row>
    <row r="94626" spans="1:7" x14ac:dyDescent="0.3">
      <c r="A94626" s="13" t="s">
        <v>470</v>
      </c>
      <c r="B94626" s="14" t="s">
        <v>1</v>
      </c>
      <c r="C94626" s="14" t="s">
        <v>23</v>
      </c>
      <c r="D94626" s="14" t="s">
        <v>471</v>
      </c>
      <c r="E94626" s="15">
        <v>45467</v>
      </c>
      <c r="F94626" s="14" t="s">
        <v>28</v>
      </c>
      <c r="G94626" s="16">
        <v>0.30563307192494182</v>
      </c>
    </row>
    <row r="94627" spans="1:7" x14ac:dyDescent="0.3">
      <c r="A94627" s="13" t="s">
        <v>470</v>
      </c>
      <c r="B94627" s="14" t="s">
        <v>1</v>
      </c>
      <c r="C94627" s="14" t="s">
        <v>23</v>
      </c>
      <c r="D94627" s="14" t="s">
        <v>471</v>
      </c>
      <c r="E94627" s="15">
        <v>45468</v>
      </c>
      <c r="F94627" s="14" t="s">
        <v>28</v>
      </c>
      <c r="G94627" s="16">
        <v>0.3483579227446077</v>
      </c>
    </row>
    <row r="94628" spans="1:7" x14ac:dyDescent="0.3">
      <c r="A94628" s="13" t="s">
        <v>470</v>
      </c>
      <c r="B94628" s="14" t="s">
        <v>1</v>
      </c>
      <c r="C94628" s="14" t="s">
        <v>23</v>
      </c>
      <c r="D94628" s="14" t="s">
        <v>471</v>
      </c>
      <c r="E94628" s="15">
        <v>45469</v>
      </c>
      <c r="F94628" s="14" t="s">
        <v>28</v>
      </c>
      <c r="G94628" s="16">
        <v>0.36154465018589615</v>
      </c>
    </row>
    <row r="94629" spans="1:7" x14ac:dyDescent="0.3">
      <c r="A94629" s="13" t="s">
        <v>470</v>
      </c>
      <c r="B94629" s="14" t="s">
        <v>1</v>
      </c>
      <c r="C94629" s="14" t="s">
        <v>23</v>
      </c>
      <c r="D94629" s="14" t="s">
        <v>471</v>
      </c>
      <c r="E94629" s="15">
        <v>45470</v>
      </c>
      <c r="F94629" s="14" t="s">
        <v>28</v>
      </c>
      <c r="G94629" s="16">
        <v>0.37475213860112017</v>
      </c>
    </row>
    <row r="94630" spans="1:7" x14ac:dyDescent="0.3">
      <c r="A94630" s="13" t="s">
        <v>470</v>
      </c>
      <c r="B94630" s="14" t="s">
        <v>1</v>
      </c>
      <c r="C94630" s="14" t="s">
        <v>23</v>
      </c>
      <c r="D94630" s="14" t="s">
        <v>471</v>
      </c>
      <c r="E94630" s="15">
        <v>45471</v>
      </c>
      <c r="F94630" s="14" t="s">
        <v>28</v>
      </c>
      <c r="G94630" s="16">
        <v>0.38713208156108952</v>
      </c>
    </row>
    <row r="94631" spans="1:7" x14ac:dyDescent="0.3">
      <c r="A94631" s="13" t="s">
        <v>470</v>
      </c>
      <c r="B94631" s="14" t="s">
        <v>1</v>
      </c>
      <c r="C94631" s="14" t="s">
        <v>23</v>
      </c>
      <c r="D94631" s="14" t="s">
        <v>471</v>
      </c>
      <c r="E94631" s="15">
        <v>45472</v>
      </c>
      <c r="F94631" s="14" t="s">
        <v>28</v>
      </c>
      <c r="G94631" s="16">
        <v>0.38713208156108952</v>
      </c>
    </row>
    <row r="94632" spans="1:7" x14ac:dyDescent="0.3">
      <c r="A94632" s="13" t="s">
        <v>470</v>
      </c>
      <c r="B94632" s="14" t="s">
        <v>1</v>
      </c>
      <c r="C94632" s="14" t="s">
        <v>23</v>
      </c>
      <c r="D94632" s="14" t="s">
        <v>471</v>
      </c>
      <c r="E94632" s="15">
        <v>45473</v>
      </c>
      <c r="F94632" s="14" t="s">
        <v>28</v>
      </c>
      <c r="G94632" s="16">
        <v>0.38713208156108952</v>
      </c>
    </row>
    <row r="94633" spans="1:7" x14ac:dyDescent="0.3">
      <c r="A94633" s="13" t="s">
        <v>470</v>
      </c>
      <c r="B94633" s="14" t="s">
        <v>1</v>
      </c>
      <c r="C94633" s="14" t="s">
        <v>23</v>
      </c>
      <c r="D94633" s="14" t="s">
        <v>471</v>
      </c>
      <c r="E94633" s="15">
        <v>45474</v>
      </c>
      <c r="F94633" s="14" t="s">
        <v>28</v>
      </c>
      <c r="G94633" s="16">
        <v>0</v>
      </c>
    </row>
    <row r="94634" spans="1:7" x14ac:dyDescent="0.3">
      <c r="A94634" s="13" t="s">
        <v>470</v>
      </c>
      <c r="B94634" s="14" t="s">
        <v>1</v>
      </c>
      <c r="C94634" s="14" t="s">
        <v>23</v>
      </c>
      <c r="D94634" s="14" t="s">
        <v>471</v>
      </c>
      <c r="E94634" s="15">
        <v>45475</v>
      </c>
      <c r="F94634" s="14" t="s">
        <v>28</v>
      </c>
      <c r="G94634" s="16">
        <v>3.851072324556469E-2</v>
      </c>
    </row>
    <row r="94635" spans="1:7" x14ac:dyDescent="0.3">
      <c r="A94635" s="13" t="s">
        <v>470</v>
      </c>
      <c r="B94635" s="14" t="s">
        <v>1</v>
      </c>
      <c r="C94635" s="14" t="s">
        <v>23</v>
      </c>
      <c r="D94635" s="14" t="s">
        <v>471</v>
      </c>
      <c r="E94635" s="15">
        <v>45476</v>
      </c>
      <c r="F94635" s="14" t="s">
        <v>28</v>
      </c>
      <c r="G94635" s="16">
        <v>5.1779370524137565E-2</v>
      </c>
    </row>
    <row r="94636" spans="1:7" x14ac:dyDescent="0.3">
      <c r="A94636" s="13" t="s">
        <v>470</v>
      </c>
      <c r="B94636" s="14" t="s">
        <v>1</v>
      </c>
      <c r="C94636" s="14" t="s">
        <v>23</v>
      </c>
      <c r="D94636" s="14" t="s">
        <v>471</v>
      </c>
      <c r="E94636" s="15">
        <v>45477</v>
      </c>
      <c r="F94636" s="14" t="s">
        <v>28</v>
      </c>
      <c r="G94636" s="16">
        <v>5.1779370524137565E-2</v>
      </c>
    </row>
    <row r="94637" spans="1:7" x14ac:dyDescent="0.3">
      <c r="A94637" s="13" t="s">
        <v>470</v>
      </c>
      <c r="B94637" s="14" t="s">
        <v>1</v>
      </c>
      <c r="C94637" s="14" t="s">
        <v>23</v>
      </c>
      <c r="D94637" s="14" t="s">
        <v>471</v>
      </c>
      <c r="E94637" s="15">
        <v>45478</v>
      </c>
      <c r="F94637" s="14" t="s">
        <v>28</v>
      </c>
      <c r="G94637" s="16">
        <v>6.4989342234851352E-2</v>
      </c>
    </row>
    <row r="94638" spans="1:7" x14ac:dyDescent="0.3">
      <c r="A94638" s="13" t="s">
        <v>470</v>
      </c>
      <c r="B94638" s="14" t="s">
        <v>1</v>
      </c>
      <c r="C94638" s="14" t="s">
        <v>23</v>
      </c>
      <c r="D94638" s="14" t="s">
        <v>471</v>
      </c>
      <c r="E94638" s="15">
        <v>45479</v>
      </c>
      <c r="F94638" s="14" t="s">
        <v>28</v>
      </c>
      <c r="G94638" s="16">
        <v>6.4989342234851352E-2</v>
      </c>
    </row>
    <row r="94639" spans="1:7" x14ac:dyDescent="0.3">
      <c r="A94639" s="13" t="s">
        <v>470</v>
      </c>
      <c r="B94639" s="14" t="s">
        <v>1</v>
      </c>
      <c r="C94639" s="14" t="s">
        <v>23</v>
      </c>
      <c r="D94639" s="14" t="s">
        <v>471</v>
      </c>
      <c r="E94639" s="15">
        <v>45480</v>
      </c>
      <c r="F94639" s="14" t="s">
        <v>28</v>
      </c>
      <c r="G94639" s="16">
        <v>6.4989342234851352E-2</v>
      </c>
    </row>
    <row r="94640" spans="1:7" x14ac:dyDescent="0.3">
      <c r="A94640" s="13" t="s">
        <v>470</v>
      </c>
      <c r="B94640" s="14" t="s">
        <v>1</v>
      </c>
      <c r="C94640" s="14" t="s">
        <v>23</v>
      </c>
      <c r="D94640" s="14" t="s">
        <v>471</v>
      </c>
      <c r="E94640" s="15">
        <v>45481</v>
      </c>
      <c r="F94640" s="14" t="s">
        <v>28</v>
      </c>
      <c r="G94640" s="16">
        <v>0.11606061083153071</v>
      </c>
    </row>
    <row r="94641" spans="1:7" x14ac:dyDescent="0.3">
      <c r="A94641" s="13" t="s">
        <v>470</v>
      </c>
      <c r="B94641" s="14" t="s">
        <v>1</v>
      </c>
      <c r="C94641" s="14" t="s">
        <v>23</v>
      </c>
      <c r="D94641" s="14" t="s">
        <v>471</v>
      </c>
      <c r="E94641" s="15">
        <v>45482</v>
      </c>
      <c r="F94641" s="14" t="s">
        <v>28</v>
      </c>
      <c r="G94641" s="16">
        <v>0.15708687803574295</v>
      </c>
    </row>
    <row r="94642" spans="1:7" x14ac:dyDescent="0.3">
      <c r="A94642" s="13" t="s">
        <v>470</v>
      </c>
      <c r="B94642" s="14" t="s">
        <v>1</v>
      </c>
      <c r="C94642" s="14" t="s">
        <v>23</v>
      </c>
      <c r="D94642" s="14" t="s">
        <v>471</v>
      </c>
      <c r="E94642" s="15">
        <v>45483</v>
      </c>
      <c r="F94642" s="14" t="s">
        <v>28</v>
      </c>
      <c r="G94642" s="16">
        <v>0.17140661083745548</v>
      </c>
    </row>
    <row r="94643" spans="1:7" x14ac:dyDescent="0.3">
      <c r="A94643" s="13" t="s">
        <v>470</v>
      </c>
      <c r="B94643" s="14" t="s">
        <v>1</v>
      </c>
      <c r="C94643" s="14" t="s">
        <v>23</v>
      </c>
      <c r="D94643" s="14" t="s">
        <v>471</v>
      </c>
      <c r="E94643" s="15">
        <v>45484</v>
      </c>
      <c r="F94643" s="14" t="s">
        <v>28</v>
      </c>
      <c r="G94643" s="16">
        <v>0.18418835747573611</v>
      </c>
    </row>
    <row r="94644" spans="1:7" x14ac:dyDescent="0.3">
      <c r="A94644" s="13" t="s">
        <v>470</v>
      </c>
      <c r="B94644" s="14" t="s">
        <v>1</v>
      </c>
      <c r="C94644" s="14" t="s">
        <v>23</v>
      </c>
      <c r="D94644" s="14" t="s">
        <v>471</v>
      </c>
      <c r="E94644" s="15">
        <v>45485</v>
      </c>
      <c r="F94644" s="14" t="s">
        <v>28</v>
      </c>
      <c r="G94644" s="16">
        <v>0.19813277358097522</v>
      </c>
    </row>
    <row r="94645" spans="1:7" x14ac:dyDescent="0.3">
      <c r="A94645" s="13" t="s">
        <v>470</v>
      </c>
      <c r="B94645" s="14" t="s">
        <v>1</v>
      </c>
      <c r="C94645" s="14" t="s">
        <v>23</v>
      </c>
      <c r="D94645" s="14" t="s">
        <v>471</v>
      </c>
      <c r="E94645" s="15">
        <v>45486</v>
      </c>
      <c r="F94645" s="14" t="s">
        <v>28</v>
      </c>
      <c r="G94645" s="16">
        <v>0.19813277358097522</v>
      </c>
    </row>
    <row r="94646" spans="1:7" x14ac:dyDescent="0.3">
      <c r="A94646" s="13" t="s">
        <v>470</v>
      </c>
      <c r="B94646" s="14" t="s">
        <v>1</v>
      </c>
      <c r="C94646" s="14" t="s">
        <v>23</v>
      </c>
      <c r="D94646" s="14" t="s">
        <v>471</v>
      </c>
      <c r="E94646" s="15">
        <v>45487</v>
      </c>
      <c r="F94646" s="14" t="s">
        <v>28</v>
      </c>
      <c r="G94646" s="16">
        <v>0.19813277358097522</v>
      </c>
    </row>
    <row r="94647" spans="1:7" x14ac:dyDescent="0.3">
      <c r="A94647" s="13" t="s">
        <v>470</v>
      </c>
      <c r="B94647" s="14" t="s">
        <v>1</v>
      </c>
      <c r="C94647" s="14" t="s">
        <v>23</v>
      </c>
      <c r="D94647" s="14" t="s">
        <v>471</v>
      </c>
      <c r="E94647" s="15">
        <v>45488</v>
      </c>
      <c r="F94647" s="14" t="s">
        <v>28</v>
      </c>
      <c r="G94647" s="16">
        <v>0.21172416830772176</v>
      </c>
    </row>
    <row r="94648" spans="1:7" x14ac:dyDescent="0.3">
      <c r="A94648" s="13" t="s">
        <v>470</v>
      </c>
      <c r="B94648" s="14" t="s">
        <v>1</v>
      </c>
      <c r="C94648" s="14" t="s">
        <v>23</v>
      </c>
      <c r="D94648" s="14" t="s">
        <v>471</v>
      </c>
      <c r="E94648" s="15">
        <v>45489</v>
      </c>
      <c r="F94648" s="14" t="s">
        <v>28</v>
      </c>
      <c r="G94648" s="16">
        <v>0.25167820760370629</v>
      </c>
    </row>
    <row r="94649" spans="1:7" x14ac:dyDescent="0.3">
      <c r="A94649" s="13" t="s">
        <v>470</v>
      </c>
      <c r="B94649" s="14" t="s">
        <v>1</v>
      </c>
      <c r="C94649" s="14" t="s">
        <v>23</v>
      </c>
      <c r="D94649" s="14" t="s">
        <v>471</v>
      </c>
      <c r="E94649" s="15">
        <v>45490</v>
      </c>
      <c r="F94649" s="14" t="s">
        <v>28</v>
      </c>
      <c r="G94649" s="16">
        <v>0.26426988698221582</v>
      </c>
    </row>
    <row r="94650" spans="1:7" x14ac:dyDescent="0.3">
      <c r="A94650" s="13" t="s">
        <v>470</v>
      </c>
      <c r="B94650" s="14" t="s">
        <v>1</v>
      </c>
      <c r="C94650" s="14" t="s">
        <v>23</v>
      </c>
      <c r="D94650" s="14" t="s">
        <v>471</v>
      </c>
      <c r="E94650" s="15">
        <v>45491</v>
      </c>
      <c r="F94650" s="14" t="s">
        <v>28</v>
      </c>
      <c r="G94650" s="16">
        <v>0.27802189826407586</v>
      </c>
    </row>
    <row r="94651" spans="1:7" x14ac:dyDescent="0.3">
      <c r="A94651" s="13" t="s">
        <v>470</v>
      </c>
      <c r="B94651" s="14" t="s">
        <v>1</v>
      </c>
      <c r="C94651" s="14" t="s">
        <v>23</v>
      </c>
      <c r="D94651" s="14" t="s">
        <v>471</v>
      </c>
      <c r="E94651" s="15">
        <v>45492</v>
      </c>
      <c r="F94651" s="14" t="s">
        <v>28</v>
      </c>
      <c r="G94651" s="16">
        <v>0.29146023709754471</v>
      </c>
    </row>
    <row r="94652" spans="1:7" x14ac:dyDescent="0.3">
      <c r="A94652" s="13" t="s">
        <v>470</v>
      </c>
      <c r="B94652" s="14" t="s">
        <v>1</v>
      </c>
      <c r="C94652" s="14" t="s">
        <v>23</v>
      </c>
      <c r="D94652" s="14" t="s">
        <v>471</v>
      </c>
      <c r="E94652" s="15">
        <v>45493</v>
      </c>
      <c r="F94652" s="14" t="s">
        <v>28</v>
      </c>
      <c r="G94652" s="16">
        <v>0.29146023709754471</v>
      </c>
    </row>
    <row r="94653" spans="1:7" x14ac:dyDescent="0.3">
      <c r="A94653" s="13" t="s">
        <v>470</v>
      </c>
      <c r="B94653" s="14" t="s">
        <v>1</v>
      </c>
      <c r="C94653" s="14" t="s">
        <v>23</v>
      </c>
      <c r="D94653" s="14" t="s">
        <v>471</v>
      </c>
      <c r="E94653" s="15">
        <v>45494</v>
      </c>
      <c r="F94653" s="14" t="s">
        <v>28</v>
      </c>
      <c r="G94653" s="16">
        <v>0.29146023709754471</v>
      </c>
    </row>
    <row r="94654" spans="1:7" x14ac:dyDescent="0.3">
      <c r="A94654" s="13" t="s">
        <v>470</v>
      </c>
      <c r="B94654" s="14" t="s">
        <v>1</v>
      </c>
      <c r="C94654" s="14" t="s">
        <v>23</v>
      </c>
      <c r="D94654" s="14" t="s">
        <v>471</v>
      </c>
      <c r="E94654" s="15">
        <v>45495</v>
      </c>
      <c r="F94654" s="14" t="s">
        <v>28</v>
      </c>
      <c r="G94654" s="16">
        <v>0.30475685078256043</v>
      </c>
    </row>
    <row r="94655" spans="1:7" x14ac:dyDescent="0.3">
      <c r="A94655" s="13" t="s">
        <v>470</v>
      </c>
      <c r="B94655" s="14" t="s">
        <v>1</v>
      </c>
      <c r="C94655" s="14" t="s">
        <v>23</v>
      </c>
      <c r="D94655" s="14" t="s">
        <v>471</v>
      </c>
      <c r="E94655" s="15">
        <v>45496</v>
      </c>
      <c r="F94655" s="14" t="s">
        <v>28</v>
      </c>
      <c r="G94655" s="16">
        <v>0.34385940229322576</v>
      </c>
    </row>
    <row r="94656" spans="1:7" x14ac:dyDescent="0.3">
      <c r="A94656" s="13" t="s">
        <v>470</v>
      </c>
      <c r="B94656" s="14" t="s">
        <v>1</v>
      </c>
      <c r="C94656" s="14" t="s">
        <v>23</v>
      </c>
      <c r="D94656" s="14" t="s">
        <v>471</v>
      </c>
      <c r="E94656" s="15">
        <v>45497</v>
      </c>
      <c r="F94656" s="14" t="s">
        <v>28</v>
      </c>
      <c r="G94656" s="16">
        <v>0.35813102977205225</v>
      </c>
    </row>
    <row r="94657" spans="1:7" x14ac:dyDescent="0.3">
      <c r="A94657" s="13" t="s">
        <v>470</v>
      </c>
      <c r="B94657" s="14" t="s">
        <v>1</v>
      </c>
      <c r="C94657" s="14" t="s">
        <v>23</v>
      </c>
      <c r="D94657" s="14" t="s">
        <v>471</v>
      </c>
      <c r="E94657" s="15">
        <v>45498</v>
      </c>
      <c r="F94657" s="14" t="s">
        <v>28</v>
      </c>
      <c r="G94657" s="16">
        <v>0.37056682984359812</v>
      </c>
    </row>
    <row r="94658" spans="1:7" x14ac:dyDescent="0.3">
      <c r="A94658" s="13" t="s">
        <v>470</v>
      </c>
      <c r="B94658" s="14" t="s">
        <v>1</v>
      </c>
      <c r="C94658" s="14" t="s">
        <v>23</v>
      </c>
      <c r="D94658" s="14" t="s">
        <v>471</v>
      </c>
      <c r="E94658" s="15">
        <v>45499</v>
      </c>
      <c r="F94658" s="14" t="s">
        <v>28</v>
      </c>
      <c r="G94658" s="16">
        <v>0.38272750732113664</v>
      </c>
    </row>
    <row r="94659" spans="1:7" x14ac:dyDescent="0.3">
      <c r="A94659" s="13" t="s">
        <v>470</v>
      </c>
      <c r="B94659" s="14" t="s">
        <v>1</v>
      </c>
      <c r="C94659" s="14" t="s">
        <v>23</v>
      </c>
      <c r="D94659" s="14" t="s">
        <v>471</v>
      </c>
      <c r="E94659" s="15">
        <v>45500</v>
      </c>
      <c r="F94659" s="14" t="s">
        <v>28</v>
      </c>
      <c r="G94659" s="16">
        <v>0.38272750732113664</v>
      </c>
    </row>
    <row r="94660" spans="1:7" x14ac:dyDescent="0.3">
      <c r="A94660" s="13" t="s">
        <v>470</v>
      </c>
      <c r="B94660" s="14" t="s">
        <v>1</v>
      </c>
      <c r="C94660" s="14" t="s">
        <v>23</v>
      </c>
      <c r="D94660" s="14" t="s">
        <v>471</v>
      </c>
      <c r="E94660" s="15">
        <v>45501</v>
      </c>
      <c r="F94660" s="14" t="s">
        <v>28</v>
      </c>
      <c r="G94660" s="16">
        <v>0.38272750732113664</v>
      </c>
    </row>
    <row r="94661" spans="1:7" x14ac:dyDescent="0.3">
      <c r="A94661" s="13" t="s">
        <v>470</v>
      </c>
      <c r="B94661" s="14" t="s">
        <v>1</v>
      </c>
      <c r="C94661" s="14" t="s">
        <v>23</v>
      </c>
      <c r="D94661" s="14" t="s">
        <v>471</v>
      </c>
      <c r="E94661" s="15">
        <v>45502</v>
      </c>
      <c r="F94661" s="14" t="s">
        <v>28</v>
      </c>
      <c r="G94661" s="16">
        <v>0.39572328133851503</v>
      </c>
    </row>
    <row r="94662" spans="1:7" x14ac:dyDescent="0.3">
      <c r="A94662" s="13" t="s">
        <v>470</v>
      </c>
      <c r="B94662" s="14" t="s">
        <v>1</v>
      </c>
      <c r="C94662" s="14" t="s">
        <v>23</v>
      </c>
      <c r="D94662" s="14" t="s">
        <v>471</v>
      </c>
      <c r="E94662" s="15">
        <v>45503</v>
      </c>
      <c r="F94662" s="14" t="s">
        <v>28</v>
      </c>
      <c r="G94662" s="16">
        <v>0.4330556290856864</v>
      </c>
    </row>
    <row r="94663" spans="1:7" x14ac:dyDescent="0.3">
      <c r="A94663" s="13" t="s">
        <v>470</v>
      </c>
      <c r="B94663" s="14" t="s">
        <v>1</v>
      </c>
      <c r="C94663" s="14" t="s">
        <v>23</v>
      </c>
      <c r="D94663" s="14" t="s">
        <v>471</v>
      </c>
      <c r="E94663" s="15">
        <v>45504</v>
      </c>
      <c r="F94663" s="14" t="s">
        <v>28</v>
      </c>
      <c r="G94663" s="16">
        <v>0.44472190231128678</v>
      </c>
    </row>
    <row r="94664" spans="1:7" x14ac:dyDescent="0.3">
      <c r="A94664" s="13" t="s">
        <v>470</v>
      </c>
      <c r="B94664" s="14" t="s">
        <v>1</v>
      </c>
      <c r="C94664" s="14" t="s">
        <v>23</v>
      </c>
      <c r="D94664" s="14" t="s">
        <v>471</v>
      </c>
      <c r="E94664" s="15">
        <v>45505</v>
      </c>
      <c r="F94664" s="14" t="s">
        <v>28</v>
      </c>
      <c r="G94664" s="16">
        <v>0</v>
      </c>
    </row>
    <row r="94665" spans="1:7" x14ac:dyDescent="0.3">
      <c r="A94665" s="13" t="s">
        <v>470</v>
      </c>
      <c r="B94665" s="14" t="s">
        <v>1</v>
      </c>
      <c r="C94665" s="14" t="s">
        <v>23</v>
      </c>
      <c r="D94665" s="14" t="s">
        <v>471</v>
      </c>
      <c r="E94665" s="15">
        <v>45506</v>
      </c>
      <c r="F94665" s="14" t="s">
        <v>28</v>
      </c>
      <c r="G94665" s="16">
        <v>2.5855792732278507E-3</v>
      </c>
    </row>
    <row r="94666" spans="1:7" x14ac:dyDescent="0.3">
      <c r="A94666" s="13" t="s">
        <v>470</v>
      </c>
      <c r="B94666" s="14" t="s">
        <v>1</v>
      </c>
      <c r="C94666" s="14" t="s">
        <v>23</v>
      </c>
      <c r="D94666" s="14" t="s">
        <v>471</v>
      </c>
      <c r="E94666" s="15">
        <v>45507</v>
      </c>
      <c r="F94666" s="14" t="s">
        <v>28</v>
      </c>
      <c r="G94666" s="16">
        <v>2.5855792732278507E-3</v>
      </c>
    </row>
    <row r="94667" spans="1:7" x14ac:dyDescent="0.3">
      <c r="A94667" s="13" t="s">
        <v>470</v>
      </c>
      <c r="B94667" s="14" t="s">
        <v>1</v>
      </c>
      <c r="C94667" s="14" t="s">
        <v>23</v>
      </c>
      <c r="D94667" s="14" t="s">
        <v>471</v>
      </c>
      <c r="E94667" s="15">
        <v>45508</v>
      </c>
      <c r="F94667" s="14" t="s">
        <v>28</v>
      </c>
      <c r="G94667" s="16">
        <v>2.5855792732278507E-3</v>
      </c>
    </row>
    <row r="94668" spans="1:7" x14ac:dyDescent="0.3">
      <c r="A94668" s="13" t="s">
        <v>470</v>
      </c>
      <c r="B94668" s="14" t="s">
        <v>1</v>
      </c>
      <c r="C94668" s="14" t="s">
        <v>23</v>
      </c>
      <c r="D94668" s="14" t="s">
        <v>471</v>
      </c>
      <c r="E94668" s="15">
        <v>45509</v>
      </c>
      <c r="F94668" s="14" t="s">
        <v>28</v>
      </c>
      <c r="G94668" s="16">
        <v>2.5855792732278507E-3</v>
      </c>
    </row>
    <row r="94669" spans="1:7" x14ac:dyDescent="0.3">
      <c r="A94669" s="13" t="s">
        <v>470</v>
      </c>
      <c r="B94669" s="14" t="s">
        <v>1</v>
      </c>
      <c r="C94669" s="14" t="s">
        <v>23</v>
      </c>
      <c r="D94669" s="14" t="s">
        <v>471</v>
      </c>
      <c r="E94669" s="15">
        <v>45510</v>
      </c>
      <c r="F94669" s="14" t="s">
        <v>28</v>
      </c>
      <c r="G94669" s="16">
        <v>1.4313857068007552E-2</v>
      </c>
    </row>
    <row r="94670" spans="1:7" x14ac:dyDescent="0.3">
      <c r="A94670" s="13" t="s">
        <v>470</v>
      </c>
      <c r="B94670" s="14" t="s">
        <v>1</v>
      </c>
      <c r="C94670" s="14" t="s">
        <v>23</v>
      </c>
      <c r="D94670" s="14" t="s">
        <v>471</v>
      </c>
      <c r="E94670" s="15">
        <v>45511</v>
      </c>
      <c r="F94670" s="14" t="s">
        <v>28</v>
      </c>
      <c r="G94670" s="16">
        <v>7.9670369115138029E-2</v>
      </c>
    </row>
    <row r="94671" spans="1:7" x14ac:dyDescent="0.3">
      <c r="A94671" s="13" t="s">
        <v>470</v>
      </c>
      <c r="B94671" s="14" t="s">
        <v>1</v>
      </c>
      <c r="C94671" s="14" t="s">
        <v>23</v>
      </c>
      <c r="D94671" s="14" t="s">
        <v>471</v>
      </c>
      <c r="E94671" s="15">
        <v>45512</v>
      </c>
      <c r="F94671" s="14" t="s">
        <v>28</v>
      </c>
      <c r="G94671" s="16">
        <v>8.687913566346242E-2</v>
      </c>
    </row>
    <row r="94672" spans="1:7" x14ac:dyDescent="0.3">
      <c r="A94672" s="13" t="s">
        <v>470</v>
      </c>
      <c r="B94672" s="14" t="s">
        <v>1</v>
      </c>
      <c r="C94672" s="14" t="s">
        <v>23</v>
      </c>
      <c r="D94672" s="14" t="s">
        <v>471</v>
      </c>
      <c r="E94672" s="15">
        <v>45513</v>
      </c>
      <c r="F94672" s="14" t="s">
        <v>28</v>
      </c>
      <c r="G94672" s="16">
        <v>9.8431171226078348E-2</v>
      </c>
    </row>
    <row r="94673" spans="1:7" x14ac:dyDescent="0.3">
      <c r="A94673" s="13" t="s">
        <v>470</v>
      </c>
      <c r="B94673" s="14" t="s">
        <v>1</v>
      </c>
      <c r="C94673" s="14" t="s">
        <v>23</v>
      </c>
      <c r="D94673" s="14" t="s">
        <v>471</v>
      </c>
      <c r="E94673" s="15">
        <v>45514</v>
      </c>
      <c r="F94673" s="14" t="s">
        <v>28</v>
      </c>
      <c r="G94673" s="16">
        <v>9.8431171226078348E-2</v>
      </c>
    </row>
    <row r="94674" spans="1:7" x14ac:dyDescent="0.3">
      <c r="A94674" s="13" t="s">
        <v>470</v>
      </c>
      <c r="B94674" s="14" t="s">
        <v>1</v>
      </c>
      <c r="C94674" s="14" t="s">
        <v>23</v>
      </c>
      <c r="D94674" s="14" t="s">
        <v>471</v>
      </c>
      <c r="E94674" s="15">
        <v>45515</v>
      </c>
      <c r="F94674" s="14" t="s">
        <v>28</v>
      </c>
      <c r="G94674" s="16">
        <v>9.8431171226078348E-2</v>
      </c>
    </row>
    <row r="94675" spans="1:7" x14ac:dyDescent="0.3">
      <c r="A94675" s="13" t="s">
        <v>470</v>
      </c>
      <c r="B94675" s="14" t="s">
        <v>1</v>
      </c>
      <c r="C94675" s="14" t="s">
        <v>23</v>
      </c>
      <c r="D94675" s="14" t="s">
        <v>471</v>
      </c>
      <c r="E94675" s="15">
        <v>45516</v>
      </c>
      <c r="F94675" s="14" t="s">
        <v>28</v>
      </c>
      <c r="G94675" s="16">
        <v>0.11088018100503855</v>
      </c>
    </row>
    <row r="94676" spans="1:7" x14ac:dyDescent="0.3">
      <c r="A94676" s="13" t="s">
        <v>470</v>
      </c>
      <c r="B94676" s="14" t="s">
        <v>1</v>
      </c>
      <c r="C94676" s="14" t="s">
        <v>23</v>
      </c>
      <c r="D94676" s="14" t="s">
        <v>471</v>
      </c>
      <c r="E94676" s="15">
        <v>45517</v>
      </c>
      <c r="F94676" s="14" t="s">
        <v>28</v>
      </c>
      <c r="G94676" s="16">
        <v>0.14784448743916884</v>
      </c>
    </row>
    <row r="94677" spans="1:7" x14ac:dyDescent="0.3">
      <c r="A94677" s="13" t="s">
        <v>470</v>
      </c>
      <c r="B94677" s="14" t="s">
        <v>1</v>
      </c>
      <c r="C94677" s="14" t="s">
        <v>23</v>
      </c>
      <c r="D94677" s="14" t="s">
        <v>471</v>
      </c>
      <c r="E94677" s="15">
        <v>45518</v>
      </c>
      <c r="F94677" s="14" t="s">
        <v>28</v>
      </c>
      <c r="G94677" s="16">
        <v>0.15996694347912102</v>
      </c>
    </row>
    <row r="94678" spans="1:7" x14ac:dyDescent="0.3">
      <c r="A94678" s="13" t="s">
        <v>470</v>
      </c>
      <c r="B94678" s="14" t="s">
        <v>1</v>
      </c>
      <c r="C94678" s="14" t="s">
        <v>23</v>
      </c>
      <c r="D94678" s="14" t="s">
        <v>471</v>
      </c>
      <c r="E94678" s="15">
        <v>45519</v>
      </c>
      <c r="F94678" s="14" t="s">
        <v>28</v>
      </c>
      <c r="G94678" s="16">
        <v>0.16812695334867012</v>
      </c>
    </row>
    <row r="94679" spans="1:7" x14ac:dyDescent="0.3">
      <c r="A94679" s="13" t="s">
        <v>470</v>
      </c>
      <c r="B94679" s="14" t="s">
        <v>1</v>
      </c>
      <c r="C94679" s="14" t="s">
        <v>23</v>
      </c>
      <c r="D94679" s="14" t="s">
        <v>471</v>
      </c>
      <c r="E94679" s="15">
        <v>45520</v>
      </c>
      <c r="F94679" s="14" t="s">
        <v>28</v>
      </c>
      <c r="G94679" s="16">
        <v>0.17987182155490894</v>
      </c>
    </row>
    <row r="94680" spans="1:7" x14ac:dyDescent="0.3">
      <c r="A94680" s="13" t="s">
        <v>470</v>
      </c>
      <c r="B94680" s="14" t="s">
        <v>1</v>
      </c>
      <c r="C94680" s="14" t="s">
        <v>23</v>
      </c>
      <c r="D94680" s="14" t="s">
        <v>471</v>
      </c>
      <c r="E94680" s="15">
        <v>45521</v>
      </c>
      <c r="F94680" s="14" t="s">
        <v>28</v>
      </c>
      <c r="G94680" s="16">
        <v>0.17987182155490894</v>
      </c>
    </row>
    <row r="94681" spans="1:7" x14ac:dyDescent="0.3">
      <c r="A94681" s="13" t="s">
        <v>470</v>
      </c>
      <c r="B94681" s="14" t="s">
        <v>1</v>
      </c>
      <c r="C94681" s="14" t="s">
        <v>23</v>
      </c>
      <c r="D94681" s="14" t="s">
        <v>471</v>
      </c>
      <c r="E94681" s="15">
        <v>45522</v>
      </c>
      <c r="F94681" s="14" t="s">
        <v>28</v>
      </c>
      <c r="G94681" s="16">
        <v>0.17987182155490894</v>
      </c>
    </row>
    <row r="94682" spans="1:7" x14ac:dyDescent="0.3">
      <c r="A94682" s="13" t="s">
        <v>470</v>
      </c>
      <c r="B94682" s="14" t="s">
        <v>1</v>
      </c>
      <c r="C94682" s="14" t="s">
        <v>23</v>
      </c>
      <c r="D94682" s="14" t="s">
        <v>471</v>
      </c>
      <c r="E94682" s="15">
        <v>45523</v>
      </c>
      <c r="F94682" s="14" t="s">
        <v>28</v>
      </c>
      <c r="G94682" s="16">
        <v>0.19138629995452636</v>
      </c>
    </row>
    <row r="94683" spans="1:7" x14ac:dyDescent="0.3">
      <c r="A94683" s="13" t="s">
        <v>470</v>
      </c>
      <c r="B94683" s="14" t="s">
        <v>1</v>
      </c>
      <c r="C94683" s="14" t="s">
        <v>23</v>
      </c>
      <c r="D94683" s="14" t="s">
        <v>471</v>
      </c>
      <c r="E94683" s="15">
        <v>45524</v>
      </c>
      <c r="F94683" s="14" t="s">
        <v>28</v>
      </c>
      <c r="G94683" s="16">
        <v>0.22909994485810206</v>
      </c>
    </row>
    <row r="94684" spans="1:7" x14ac:dyDescent="0.3">
      <c r="A94684" s="13" t="s">
        <v>470</v>
      </c>
      <c r="B94684" s="14" t="s">
        <v>1</v>
      </c>
      <c r="C94684" s="14" t="s">
        <v>23</v>
      </c>
      <c r="D94684" s="14" t="s">
        <v>471</v>
      </c>
      <c r="E94684" s="15">
        <v>45525</v>
      </c>
      <c r="F94684" s="14" t="s">
        <v>28</v>
      </c>
      <c r="G94684" s="16">
        <v>0.23755751160317373</v>
      </c>
    </row>
    <row r="94685" spans="1:7" x14ac:dyDescent="0.3">
      <c r="A94685" s="13" t="s">
        <v>470</v>
      </c>
      <c r="B94685" s="14" t="s">
        <v>1</v>
      </c>
      <c r="C94685" s="14" t="s">
        <v>23</v>
      </c>
      <c r="D94685" s="14" t="s">
        <v>471</v>
      </c>
      <c r="E94685" s="15">
        <v>45526</v>
      </c>
      <c r="F94685" s="14" t="s">
        <v>28</v>
      </c>
      <c r="G94685" s="16">
        <v>0.25131964110528493</v>
      </c>
    </row>
    <row r="94686" spans="1:7" x14ac:dyDescent="0.3">
      <c r="A94686" s="13" t="s">
        <v>470</v>
      </c>
      <c r="B94686" s="14" t="s">
        <v>1</v>
      </c>
      <c r="C94686" s="14" t="s">
        <v>23</v>
      </c>
      <c r="D94686" s="14" t="s">
        <v>471</v>
      </c>
      <c r="E94686" s="15">
        <v>45527</v>
      </c>
      <c r="F94686" s="14" t="s">
        <v>28</v>
      </c>
      <c r="G94686" s="16">
        <v>0.26184782518789373</v>
      </c>
    </row>
    <row r="94687" spans="1:7" x14ac:dyDescent="0.3">
      <c r="A94687" s="13" t="s">
        <v>470</v>
      </c>
      <c r="B94687" s="14" t="s">
        <v>1</v>
      </c>
      <c r="C94687" s="14" t="s">
        <v>23</v>
      </c>
      <c r="D94687" s="14" t="s">
        <v>471</v>
      </c>
      <c r="E94687" s="15">
        <v>45528</v>
      </c>
      <c r="F94687" s="14" t="s">
        <v>28</v>
      </c>
      <c r="G94687" s="16">
        <v>0.26184782518789373</v>
      </c>
    </row>
    <row r="94688" spans="1:7" x14ac:dyDescent="0.3">
      <c r="A94688" s="13" t="s">
        <v>470</v>
      </c>
      <c r="B94688" s="14" t="s">
        <v>1</v>
      </c>
      <c r="C94688" s="14" t="s">
        <v>23</v>
      </c>
      <c r="D94688" s="14" t="s">
        <v>471</v>
      </c>
      <c r="E94688" s="15">
        <v>45529</v>
      </c>
      <c r="F94688" s="14" t="s">
        <v>28</v>
      </c>
      <c r="G94688" s="16">
        <v>0.26184782518789373</v>
      </c>
    </row>
    <row r="94689" spans="1:7" x14ac:dyDescent="0.3">
      <c r="A94689" s="13" t="s">
        <v>470</v>
      </c>
      <c r="B94689" s="14" t="s">
        <v>1</v>
      </c>
      <c r="C94689" s="14" t="s">
        <v>23</v>
      </c>
      <c r="D94689" s="14" t="s">
        <v>471</v>
      </c>
      <c r="E94689" s="15">
        <v>45530</v>
      </c>
      <c r="F94689" s="14" t="s">
        <v>28</v>
      </c>
      <c r="G94689" s="16">
        <v>0.27554341861815074</v>
      </c>
    </row>
    <row r="94690" spans="1:7" x14ac:dyDescent="0.3">
      <c r="A94690" s="13" t="s">
        <v>470</v>
      </c>
      <c r="B94690" s="14" t="s">
        <v>1</v>
      </c>
      <c r="C94690" s="14" t="s">
        <v>23</v>
      </c>
      <c r="D94690" s="14" t="s">
        <v>471</v>
      </c>
      <c r="E94690" s="15">
        <v>45531</v>
      </c>
      <c r="F94690" s="14" t="s">
        <v>28</v>
      </c>
      <c r="G94690" s="16">
        <v>0.31296900803836547</v>
      </c>
    </row>
    <row r="94691" spans="1:7" x14ac:dyDescent="0.3">
      <c r="A94691" s="13" t="s">
        <v>470</v>
      </c>
      <c r="B94691" s="14" t="s">
        <v>1</v>
      </c>
      <c r="C94691" s="14" t="s">
        <v>23</v>
      </c>
      <c r="D94691" s="14" t="s">
        <v>471</v>
      </c>
      <c r="E94691" s="15">
        <v>45532</v>
      </c>
      <c r="F94691" s="14" t="s">
        <v>28</v>
      </c>
      <c r="G94691" s="16">
        <v>0.32677904031267418</v>
      </c>
    </row>
    <row r="94692" spans="1:7" x14ac:dyDescent="0.3">
      <c r="A94692" s="13" t="s">
        <v>470</v>
      </c>
      <c r="B94692" s="14" t="s">
        <v>1</v>
      </c>
      <c r="C94692" s="14" t="s">
        <v>23</v>
      </c>
      <c r="D94692" s="14" t="s">
        <v>471</v>
      </c>
      <c r="E94692" s="15">
        <v>45533</v>
      </c>
      <c r="F94692" s="14" t="s">
        <v>28</v>
      </c>
      <c r="G94692" s="16">
        <v>0.33886700797384406</v>
      </c>
    </row>
    <row r="94693" spans="1:7" x14ac:dyDescent="0.3">
      <c r="A94693" s="13" t="s">
        <v>470</v>
      </c>
      <c r="B94693" s="14" t="s">
        <v>1</v>
      </c>
      <c r="C94693" s="14" t="s">
        <v>23</v>
      </c>
      <c r="D94693" s="14" t="s">
        <v>471</v>
      </c>
      <c r="E94693" s="15">
        <v>45534</v>
      </c>
      <c r="F94693" s="14" t="s">
        <v>28</v>
      </c>
      <c r="G94693" s="16">
        <v>0.35253411286787784</v>
      </c>
    </row>
    <row r="94694" spans="1:7" x14ac:dyDescent="0.3">
      <c r="A94694" s="13" t="s">
        <v>470</v>
      </c>
      <c r="B94694" s="14" t="s">
        <v>1</v>
      </c>
      <c r="C94694" s="14" t="s">
        <v>23</v>
      </c>
      <c r="D94694" s="14" t="s">
        <v>471</v>
      </c>
      <c r="E94694" s="15">
        <v>45535</v>
      </c>
      <c r="F94694" s="14" t="s">
        <v>28</v>
      </c>
      <c r="G94694" s="16">
        <v>0.35253411286787784</v>
      </c>
    </row>
    <row r="94695" spans="1:7" x14ac:dyDescent="0.3">
      <c r="A94695" s="13" t="s">
        <v>470</v>
      </c>
      <c r="B94695" s="14" t="s">
        <v>1</v>
      </c>
      <c r="C94695" s="14" t="s">
        <v>23</v>
      </c>
      <c r="D94695" s="14" t="s">
        <v>471</v>
      </c>
      <c r="E94695" s="15">
        <v>45536</v>
      </c>
      <c r="F94695" s="14" t="s">
        <v>28</v>
      </c>
      <c r="G94695" s="16">
        <v>0.35253411286787784</v>
      </c>
    </row>
    <row r="94696" spans="1:7" x14ac:dyDescent="0.3">
      <c r="A94696" s="13" t="s">
        <v>470</v>
      </c>
      <c r="B94696" s="14" t="s">
        <v>1</v>
      </c>
      <c r="C94696" s="14" t="s">
        <v>23</v>
      </c>
      <c r="D94696" s="14" t="s">
        <v>471</v>
      </c>
      <c r="E94696" s="15">
        <v>45537</v>
      </c>
      <c r="F94696" s="14" t="s">
        <v>28</v>
      </c>
      <c r="G94696" s="16">
        <v>0.35253411286787784</v>
      </c>
    </row>
    <row r="94697" spans="1:7" x14ac:dyDescent="0.3">
      <c r="A94697" s="13" t="s">
        <v>470</v>
      </c>
      <c r="B94697" s="14" t="s">
        <v>1</v>
      </c>
      <c r="C94697" s="14" t="s">
        <v>23</v>
      </c>
      <c r="D94697" s="14" t="s">
        <v>471</v>
      </c>
      <c r="E94697" s="15">
        <v>45538</v>
      </c>
      <c r="F94697" s="14" t="s">
        <v>28</v>
      </c>
      <c r="G94697" s="16">
        <v>0</v>
      </c>
    </row>
    <row r="94698" spans="1:7" x14ac:dyDescent="0.3">
      <c r="A94698" s="13" t="s">
        <v>470</v>
      </c>
      <c r="B94698" s="14" t="s">
        <v>1</v>
      </c>
      <c r="C94698" s="14" t="s">
        <v>23</v>
      </c>
      <c r="D94698" s="14" t="s">
        <v>471</v>
      </c>
      <c r="E94698" s="15">
        <v>45539</v>
      </c>
      <c r="F94698" s="14" t="s">
        <v>28</v>
      </c>
      <c r="G94698" s="16">
        <v>3.9146056829524871E-2</v>
      </c>
    </row>
    <row r="94699" spans="1:7" x14ac:dyDescent="0.3">
      <c r="A94699" s="13" t="s">
        <v>470</v>
      </c>
      <c r="B94699" s="14" t="s">
        <v>1</v>
      </c>
      <c r="C94699" s="14" t="s">
        <v>23</v>
      </c>
      <c r="D94699" s="14" t="s">
        <v>471</v>
      </c>
      <c r="E94699" s="15">
        <v>45540</v>
      </c>
      <c r="F94699" s="14" t="s">
        <v>28</v>
      </c>
      <c r="G94699" s="16">
        <v>5.1717153043468828E-2</v>
      </c>
    </row>
    <row r="94700" spans="1:7" x14ac:dyDescent="0.3">
      <c r="A94700" s="13" t="s">
        <v>470</v>
      </c>
      <c r="B94700" s="14" t="s">
        <v>1</v>
      </c>
      <c r="C94700" s="14" t="s">
        <v>23</v>
      </c>
      <c r="D94700" s="14" t="s">
        <v>471</v>
      </c>
      <c r="E94700" s="15">
        <v>45541</v>
      </c>
      <c r="F94700" s="14" t="s">
        <v>28</v>
      </c>
      <c r="G94700" s="16">
        <v>6.5000012600117868E-2</v>
      </c>
    </row>
    <row r="94701" spans="1:7" x14ac:dyDescent="0.3">
      <c r="A94701" s="13" t="s">
        <v>470</v>
      </c>
      <c r="B94701" s="14" t="s">
        <v>1</v>
      </c>
      <c r="C94701" s="14" t="s">
        <v>23</v>
      </c>
      <c r="D94701" s="14" t="s">
        <v>471</v>
      </c>
      <c r="E94701" s="15">
        <v>45542</v>
      </c>
      <c r="F94701" s="14" t="s">
        <v>28</v>
      </c>
      <c r="G94701" s="16">
        <v>6.5000012600117868E-2</v>
      </c>
    </row>
    <row r="94702" spans="1:7" x14ac:dyDescent="0.3">
      <c r="A94702" s="13" t="s">
        <v>470</v>
      </c>
      <c r="B94702" s="14" t="s">
        <v>1</v>
      </c>
      <c r="C94702" s="14" t="s">
        <v>23</v>
      </c>
      <c r="D94702" s="14" t="s">
        <v>471</v>
      </c>
      <c r="E94702" s="15">
        <v>45543</v>
      </c>
      <c r="F94702" s="14" t="s">
        <v>28</v>
      </c>
      <c r="G94702" s="16">
        <v>6.5000012600117868E-2</v>
      </c>
    </row>
    <row r="94703" spans="1:7" x14ac:dyDescent="0.3">
      <c r="A94703" s="13" t="s">
        <v>470</v>
      </c>
      <c r="B94703" s="14" t="s">
        <v>1</v>
      </c>
      <c r="C94703" s="14" t="s">
        <v>23</v>
      </c>
      <c r="D94703" s="14" t="s">
        <v>471</v>
      </c>
      <c r="E94703" s="15">
        <v>45544</v>
      </c>
      <c r="F94703" s="14" t="s">
        <v>28</v>
      </c>
      <c r="G94703" s="16">
        <v>0.10438547653535049</v>
      </c>
    </row>
    <row r="94704" spans="1:7" x14ac:dyDescent="0.3">
      <c r="A94704" s="13" t="s">
        <v>470</v>
      </c>
      <c r="B94704" s="14" t="s">
        <v>1</v>
      </c>
      <c r="C94704" s="14" t="s">
        <v>23</v>
      </c>
      <c r="D94704" s="14" t="s">
        <v>471</v>
      </c>
      <c r="E94704" s="15">
        <v>45545</v>
      </c>
      <c r="F94704" s="14" t="s">
        <v>28</v>
      </c>
      <c r="G94704" s="16">
        <v>0.139199287814186</v>
      </c>
    </row>
    <row r="94705" spans="1:7" x14ac:dyDescent="0.3">
      <c r="A94705" s="13" t="s">
        <v>470</v>
      </c>
      <c r="B94705" s="14" t="s">
        <v>1</v>
      </c>
      <c r="C94705" s="14" t="s">
        <v>23</v>
      </c>
      <c r="D94705" s="14" t="s">
        <v>471</v>
      </c>
      <c r="E94705" s="15">
        <v>45546</v>
      </c>
      <c r="F94705" s="14" t="s">
        <v>28</v>
      </c>
      <c r="G94705" s="16">
        <v>0.15024354505623588</v>
      </c>
    </row>
    <row r="94706" spans="1:7" x14ac:dyDescent="0.3">
      <c r="A94706" s="13" t="s">
        <v>470</v>
      </c>
      <c r="B94706" s="14" t="s">
        <v>1</v>
      </c>
      <c r="C94706" s="14" t="s">
        <v>23</v>
      </c>
      <c r="D94706" s="14" t="s">
        <v>471</v>
      </c>
      <c r="E94706" s="15">
        <v>45547</v>
      </c>
      <c r="F94706" s="14" t="s">
        <v>28</v>
      </c>
      <c r="G94706" s="16">
        <v>0.16276546896233512</v>
      </c>
    </row>
    <row r="94707" spans="1:7" x14ac:dyDescent="0.3">
      <c r="A94707" s="13" t="s">
        <v>470</v>
      </c>
      <c r="B94707" s="14" t="s">
        <v>1</v>
      </c>
      <c r="C94707" s="14" t="s">
        <v>23</v>
      </c>
      <c r="D94707" s="14" t="s">
        <v>471</v>
      </c>
      <c r="E94707" s="15">
        <v>45548</v>
      </c>
      <c r="F94707" s="14" t="s">
        <v>28</v>
      </c>
      <c r="G94707" s="16">
        <v>0.17499907138576073</v>
      </c>
    </row>
    <row r="94708" spans="1:7" x14ac:dyDescent="0.3">
      <c r="A94708" s="13" t="s">
        <v>470</v>
      </c>
      <c r="B94708" s="14" t="s">
        <v>1</v>
      </c>
      <c r="C94708" s="14" t="s">
        <v>23</v>
      </c>
      <c r="D94708" s="14" t="s">
        <v>471</v>
      </c>
      <c r="E94708" s="15">
        <v>45549</v>
      </c>
      <c r="F94708" s="14" t="s">
        <v>28</v>
      </c>
      <c r="G94708" s="16">
        <v>0.17499907138576073</v>
      </c>
    </row>
    <row r="94709" spans="1:7" x14ac:dyDescent="0.3">
      <c r="A94709" s="13" t="s">
        <v>470</v>
      </c>
      <c r="B94709" s="14" t="s">
        <v>1</v>
      </c>
      <c r="C94709" s="14" t="s">
        <v>23</v>
      </c>
      <c r="D94709" s="14" t="s">
        <v>471</v>
      </c>
      <c r="E94709" s="15">
        <v>45550</v>
      </c>
      <c r="F94709" s="14" t="s">
        <v>28</v>
      </c>
      <c r="G94709" s="16">
        <v>0.17499907138576073</v>
      </c>
    </row>
    <row r="94710" spans="1:7" x14ac:dyDescent="0.3">
      <c r="A94710" s="13" t="s">
        <v>470</v>
      </c>
      <c r="B94710" s="14" t="s">
        <v>1</v>
      </c>
      <c r="C94710" s="14" t="s">
        <v>23</v>
      </c>
      <c r="D94710" s="14" t="s">
        <v>471</v>
      </c>
      <c r="E94710" s="15">
        <v>45551</v>
      </c>
      <c r="F94710" s="14" t="s">
        <v>28</v>
      </c>
      <c r="G94710" s="16">
        <v>0.18743710865898056</v>
      </c>
    </row>
    <row r="94711" spans="1:7" x14ac:dyDescent="0.3">
      <c r="A94711" s="13" t="s">
        <v>470</v>
      </c>
      <c r="B94711" s="14" t="s">
        <v>1</v>
      </c>
      <c r="C94711" s="14" t="s">
        <v>23</v>
      </c>
      <c r="D94711" s="14" t="s">
        <v>471</v>
      </c>
      <c r="E94711" s="15">
        <v>45552</v>
      </c>
      <c r="F94711" s="14" t="s">
        <v>28</v>
      </c>
      <c r="G94711" s="16">
        <v>0.22733587180085607</v>
      </c>
    </row>
    <row r="94712" spans="1:7" x14ac:dyDescent="0.3">
      <c r="A94712" s="13" t="s">
        <v>470</v>
      </c>
      <c r="B94712" s="14" t="s">
        <v>1</v>
      </c>
      <c r="C94712" s="14" t="s">
        <v>23</v>
      </c>
      <c r="D94712" s="14" t="s">
        <v>471</v>
      </c>
      <c r="E94712" s="15">
        <v>45553</v>
      </c>
      <c r="F94712" s="14" t="s">
        <v>28</v>
      </c>
      <c r="G94712" s="16">
        <v>0.24018689701058438</v>
      </c>
    </row>
    <row r="94713" spans="1:7" x14ac:dyDescent="0.3">
      <c r="A94713" s="13" t="s">
        <v>470</v>
      </c>
      <c r="B94713" s="14" t="s">
        <v>1</v>
      </c>
      <c r="C94713" s="14" t="s">
        <v>23</v>
      </c>
      <c r="D94713" s="14" t="s">
        <v>471</v>
      </c>
      <c r="E94713" s="15">
        <v>45554</v>
      </c>
      <c r="F94713" s="14" t="s">
        <v>28</v>
      </c>
      <c r="G94713" s="16">
        <v>0.25208844277887565</v>
      </c>
    </row>
    <row r="94714" spans="1:7" x14ac:dyDescent="0.3">
      <c r="A94714" s="13" t="s">
        <v>470</v>
      </c>
      <c r="B94714" s="14" t="s">
        <v>1</v>
      </c>
      <c r="C94714" s="14" t="s">
        <v>23</v>
      </c>
      <c r="D94714" s="14" t="s">
        <v>471</v>
      </c>
      <c r="E94714" s="15">
        <v>45555</v>
      </c>
      <c r="F94714" s="14" t="s">
        <v>28</v>
      </c>
      <c r="G94714" s="16">
        <v>0.2652170383875011</v>
      </c>
    </row>
    <row r="94715" spans="1:7" x14ac:dyDescent="0.3">
      <c r="A94715" s="13" t="s">
        <v>470</v>
      </c>
      <c r="B94715" s="14" t="s">
        <v>1</v>
      </c>
      <c r="C94715" s="14" t="s">
        <v>23</v>
      </c>
      <c r="D94715" s="14" t="s">
        <v>471</v>
      </c>
      <c r="E94715" s="15">
        <v>45556</v>
      </c>
      <c r="F94715" s="14" t="s">
        <v>28</v>
      </c>
      <c r="G94715" s="16">
        <v>0.2652170383875011</v>
      </c>
    </row>
    <row r="94716" spans="1:7" x14ac:dyDescent="0.3">
      <c r="A94716" s="13" t="s">
        <v>470</v>
      </c>
      <c r="B94716" s="14" t="s">
        <v>1</v>
      </c>
      <c r="C94716" s="14" t="s">
        <v>23</v>
      </c>
      <c r="D94716" s="14" t="s">
        <v>471</v>
      </c>
      <c r="E94716" s="15">
        <v>45557</v>
      </c>
      <c r="F94716" s="14" t="s">
        <v>28</v>
      </c>
      <c r="G94716" s="16">
        <v>0.2652170383875011</v>
      </c>
    </row>
    <row r="94717" spans="1:7" x14ac:dyDescent="0.3">
      <c r="A94717" s="13" t="s">
        <v>470</v>
      </c>
      <c r="B94717" s="14" t="s">
        <v>1</v>
      </c>
      <c r="C94717" s="14" t="s">
        <v>23</v>
      </c>
      <c r="D94717" s="14" t="s">
        <v>471</v>
      </c>
      <c r="E94717" s="15">
        <v>45558</v>
      </c>
      <c r="F94717" s="14" t="s">
        <v>28</v>
      </c>
      <c r="G94717" s="16">
        <v>0.27880186158178555</v>
      </c>
    </row>
    <row r="94718" spans="1:7" x14ac:dyDescent="0.3">
      <c r="A94718" s="13" t="s">
        <v>470</v>
      </c>
      <c r="B94718" s="14" t="s">
        <v>1</v>
      </c>
      <c r="C94718" s="14" t="s">
        <v>23</v>
      </c>
      <c r="D94718" s="14" t="s">
        <v>471</v>
      </c>
      <c r="E94718" s="15">
        <v>45559</v>
      </c>
      <c r="F94718" s="14" t="s">
        <v>28</v>
      </c>
      <c r="G94718" s="16">
        <v>0.32883306620285546</v>
      </c>
    </row>
    <row r="94719" spans="1:7" x14ac:dyDescent="0.3">
      <c r="A94719" s="13" t="s">
        <v>470</v>
      </c>
      <c r="B94719" s="14" t="s">
        <v>1</v>
      </c>
      <c r="C94719" s="14" t="s">
        <v>23</v>
      </c>
      <c r="D94719" s="14" t="s">
        <v>471</v>
      </c>
      <c r="E94719" s="15">
        <v>45560</v>
      </c>
      <c r="F94719" s="14" t="s">
        <v>28</v>
      </c>
      <c r="G94719" s="16">
        <v>0.34406195318083405</v>
      </c>
    </row>
    <row r="94720" spans="1:7" x14ac:dyDescent="0.3">
      <c r="A94720" s="13" t="s">
        <v>470</v>
      </c>
      <c r="B94720" s="14" t="s">
        <v>1</v>
      </c>
      <c r="C94720" s="14" t="s">
        <v>23</v>
      </c>
      <c r="D94720" s="14" t="s">
        <v>471</v>
      </c>
      <c r="E94720" s="15">
        <v>45561</v>
      </c>
      <c r="F94720" s="14" t="s">
        <v>28</v>
      </c>
      <c r="G94720" s="16">
        <v>0.35587313085279254</v>
      </c>
    </row>
    <row r="94721" spans="1:7" x14ac:dyDescent="0.3">
      <c r="A94721" s="13" t="s">
        <v>470</v>
      </c>
      <c r="B94721" s="14" t="s">
        <v>1</v>
      </c>
      <c r="C94721" s="14" t="s">
        <v>23</v>
      </c>
      <c r="D94721" s="14" t="s">
        <v>471</v>
      </c>
      <c r="E94721" s="15">
        <v>45562</v>
      </c>
      <c r="F94721" s="14" t="s">
        <v>28</v>
      </c>
      <c r="G94721" s="16">
        <v>0.37142519242591276</v>
      </c>
    </row>
    <row r="94722" spans="1:7" x14ac:dyDescent="0.3">
      <c r="A94722" s="13" t="s">
        <v>470</v>
      </c>
      <c r="B94722" s="14" t="s">
        <v>1</v>
      </c>
      <c r="C94722" s="14" t="s">
        <v>23</v>
      </c>
      <c r="D94722" s="14" t="s">
        <v>471</v>
      </c>
      <c r="E94722" s="15">
        <v>45563</v>
      </c>
      <c r="F94722" s="14" t="s">
        <v>28</v>
      </c>
      <c r="G94722" s="16">
        <v>0.37142519242591276</v>
      </c>
    </row>
    <row r="94723" spans="1:7" x14ac:dyDescent="0.3">
      <c r="A94723" s="13" t="s">
        <v>470</v>
      </c>
      <c r="B94723" s="14" t="s">
        <v>1</v>
      </c>
      <c r="C94723" s="14" t="s">
        <v>23</v>
      </c>
      <c r="D94723" s="14" t="s">
        <v>471</v>
      </c>
      <c r="E94723" s="15">
        <v>45564</v>
      </c>
      <c r="F94723" s="14" t="s">
        <v>28</v>
      </c>
      <c r="G94723" s="16">
        <v>0.37142519242591276</v>
      </c>
    </row>
    <row r="94724" spans="1:7" x14ac:dyDescent="0.3">
      <c r="A94724" s="13" t="s">
        <v>470</v>
      </c>
      <c r="B94724" s="14" t="s">
        <v>1</v>
      </c>
      <c r="C94724" s="14" t="s">
        <v>23</v>
      </c>
      <c r="D94724" s="14" t="s">
        <v>471</v>
      </c>
      <c r="E94724" s="15">
        <v>45565</v>
      </c>
      <c r="F94724" s="14" t="s">
        <v>28</v>
      </c>
      <c r="G94724" s="16">
        <v>0.38620010039092928</v>
      </c>
    </row>
    <row r="94725" spans="1:7" x14ac:dyDescent="0.3">
      <c r="A94725" s="13" t="s">
        <v>470</v>
      </c>
      <c r="B94725" s="14" t="s">
        <v>1</v>
      </c>
      <c r="C94725" s="14" t="s">
        <v>23</v>
      </c>
      <c r="D94725" s="14" t="s">
        <v>471</v>
      </c>
      <c r="E94725" s="15">
        <v>45566</v>
      </c>
      <c r="F94725" s="14" t="s">
        <v>28</v>
      </c>
      <c r="G94725" s="16">
        <v>0</v>
      </c>
    </row>
    <row r="94726" spans="1:7" x14ac:dyDescent="0.3">
      <c r="A94726" s="13" t="s">
        <v>470</v>
      </c>
      <c r="B94726" s="14" t="s">
        <v>1</v>
      </c>
      <c r="C94726" s="14" t="s">
        <v>23</v>
      </c>
      <c r="D94726" s="14" t="s">
        <v>471</v>
      </c>
      <c r="E94726" s="15">
        <v>45567</v>
      </c>
      <c r="F94726" s="14" t="s">
        <v>28</v>
      </c>
      <c r="G94726" s="16">
        <v>9.8770856969510983E-3</v>
      </c>
    </row>
    <row r="94727" spans="1:7" x14ac:dyDescent="0.3">
      <c r="A94727" s="13" t="s">
        <v>470</v>
      </c>
      <c r="B94727" s="14" t="s">
        <v>1</v>
      </c>
      <c r="C94727" s="14" t="s">
        <v>23</v>
      </c>
      <c r="D94727" s="14" t="s">
        <v>471</v>
      </c>
      <c r="E94727" s="15">
        <v>45568</v>
      </c>
      <c r="F94727" s="14" t="s">
        <v>28</v>
      </c>
      <c r="G94727" s="16">
        <v>1.4631830106082043E-2</v>
      </c>
    </row>
    <row r="94728" spans="1:7" x14ac:dyDescent="0.3">
      <c r="A94728" s="13" t="s">
        <v>470</v>
      </c>
      <c r="B94728" s="14" t="s">
        <v>1</v>
      </c>
      <c r="C94728" s="14" t="s">
        <v>23</v>
      </c>
      <c r="D94728" s="14" t="s">
        <v>471</v>
      </c>
      <c r="E94728" s="15">
        <v>45569</v>
      </c>
      <c r="F94728" s="14" t="s">
        <v>28</v>
      </c>
      <c r="G94728" s="16">
        <v>2.8624422512245149E-2</v>
      </c>
    </row>
    <row r="94729" spans="1:7" x14ac:dyDescent="0.3">
      <c r="A94729" s="13" t="s">
        <v>470</v>
      </c>
      <c r="B94729" s="14" t="s">
        <v>1</v>
      </c>
      <c r="C94729" s="14" t="s">
        <v>23</v>
      </c>
      <c r="D94729" s="14" t="s">
        <v>471</v>
      </c>
      <c r="E94729" s="15">
        <v>45570</v>
      </c>
      <c r="F94729" s="14" t="s">
        <v>28</v>
      </c>
      <c r="G94729" s="16">
        <v>2.8624422512245149E-2</v>
      </c>
    </row>
    <row r="94730" spans="1:7" x14ac:dyDescent="0.3">
      <c r="A94730" s="13" t="s">
        <v>470</v>
      </c>
      <c r="B94730" s="14" t="s">
        <v>1</v>
      </c>
      <c r="C94730" s="14" t="s">
        <v>23</v>
      </c>
      <c r="D94730" s="14" t="s">
        <v>471</v>
      </c>
      <c r="E94730" s="15">
        <v>45571</v>
      </c>
      <c r="F94730" s="14" t="s">
        <v>28</v>
      </c>
      <c r="G94730" s="16">
        <v>2.8624422512245149E-2</v>
      </c>
    </row>
    <row r="94731" spans="1:7" x14ac:dyDescent="0.3">
      <c r="A94731" s="13" t="s">
        <v>470</v>
      </c>
      <c r="B94731" s="14" t="s">
        <v>1</v>
      </c>
      <c r="C94731" s="14" t="s">
        <v>23</v>
      </c>
      <c r="D94731" s="14" t="s">
        <v>471</v>
      </c>
      <c r="E94731" s="15">
        <v>45572</v>
      </c>
      <c r="F94731" s="14" t="s">
        <v>28</v>
      </c>
      <c r="G94731" s="16">
        <v>6.4295362868726572E-2</v>
      </c>
    </row>
    <row r="94732" spans="1:7" x14ac:dyDescent="0.3">
      <c r="A94732" s="13" t="s">
        <v>470</v>
      </c>
      <c r="B94732" s="14" t="s">
        <v>1</v>
      </c>
      <c r="C94732" s="14" t="s">
        <v>23</v>
      </c>
      <c r="D94732" s="14" t="s">
        <v>471</v>
      </c>
      <c r="E94732" s="15">
        <v>45573</v>
      </c>
      <c r="F94732" s="14" t="s">
        <v>28</v>
      </c>
      <c r="G94732" s="16">
        <v>0.1079078979004402</v>
      </c>
    </row>
    <row r="94733" spans="1:7" x14ac:dyDescent="0.3">
      <c r="A94733" s="13" t="s">
        <v>470</v>
      </c>
      <c r="B94733" s="14" t="s">
        <v>1</v>
      </c>
      <c r="C94733" s="14" t="s">
        <v>23</v>
      </c>
      <c r="D94733" s="14" t="s">
        <v>471</v>
      </c>
      <c r="E94733" s="15">
        <v>45574</v>
      </c>
      <c r="F94733" s="14" t="s">
        <v>28</v>
      </c>
      <c r="G94733" s="16">
        <v>0.12212604834591261</v>
      </c>
    </row>
    <row r="94734" spans="1:7" x14ac:dyDescent="0.3">
      <c r="A94734" s="13" t="s">
        <v>470</v>
      </c>
      <c r="B94734" s="14" t="s">
        <v>1</v>
      </c>
      <c r="C94734" s="14" t="s">
        <v>23</v>
      </c>
      <c r="D94734" s="14" t="s">
        <v>471</v>
      </c>
      <c r="E94734" s="15">
        <v>45575</v>
      </c>
      <c r="F94734" s="14" t="s">
        <v>28</v>
      </c>
      <c r="G94734" s="16">
        <v>0.13590577057073441</v>
      </c>
    </row>
    <row r="94735" spans="1:7" x14ac:dyDescent="0.3">
      <c r="A94735" s="13" t="s">
        <v>470</v>
      </c>
      <c r="B94735" s="14" t="s">
        <v>1</v>
      </c>
      <c r="C94735" s="14" t="s">
        <v>23</v>
      </c>
      <c r="D94735" s="14" t="s">
        <v>471</v>
      </c>
      <c r="E94735" s="15">
        <v>45576</v>
      </c>
      <c r="F94735" s="14" t="s">
        <v>28</v>
      </c>
      <c r="G94735" s="16">
        <v>0.14958490641028052</v>
      </c>
    </row>
    <row r="94736" spans="1:7" x14ac:dyDescent="0.3">
      <c r="A94736" s="13" t="s">
        <v>470</v>
      </c>
      <c r="B94736" s="14" t="s">
        <v>1</v>
      </c>
      <c r="C94736" s="14" t="s">
        <v>23</v>
      </c>
      <c r="D94736" s="14" t="s">
        <v>471</v>
      </c>
      <c r="E94736" s="15">
        <v>45577</v>
      </c>
      <c r="F94736" s="14" t="s">
        <v>28</v>
      </c>
      <c r="G94736" s="16">
        <v>0.14958490641028052</v>
      </c>
    </row>
    <row r="94737" spans="1:7" x14ac:dyDescent="0.3">
      <c r="A94737" s="13" t="s">
        <v>470</v>
      </c>
      <c r="B94737" s="14" t="s">
        <v>1</v>
      </c>
      <c r="C94737" s="14" t="s">
        <v>23</v>
      </c>
      <c r="D94737" s="14" t="s">
        <v>471</v>
      </c>
      <c r="E94737" s="15">
        <v>45578</v>
      </c>
      <c r="F94737" s="14" t="s">
        <v>28</v>
      </c>
      <c r="G94737" s="16">
        <v>0.14958490641028052</v>
      </c>
    </row>
    <row r="94738" spans="1:7" x14ac:dyDescent="0.3">
      <c r="A94738" s="13" t="s">
        <v>470</v>
      </c>
      <c r="B94738" s="14" t="s">
        <v>1</v>
      </c>
      <c r="C94738" s="14" t="s">
        <v>23</v>
      </c>
      <c r="D94738" s="14" t="s">
        <v>471</v>
      </c>
      <c r="E94738" s="15">
        <v>45579</v>
      </c>
      <c r="F94738" s="14" t="s">
        <v>28</v>
      </c>
      <c r="G94738" s="16">
        <v>0.14958490641028052</v>
      </c>
    </row>
    <row r="94739" spans="1:7" x14ac:dyDescent="0.3">
      <c r="A94739" s="13" t="s">
        <v>470</v>
      </c>
      <c r="B94739" s="14" t="s">
        <v>1</v>
      </c>
      <c r="C94739" s="14" t="s">
        <v>23</v>
      </c>
      <c r="D94739" s="14" t="s">
        <v>471</v>
      </c>
      <c r="E94739" s="15">
        <v>45580</v>
      </c>
      <c r="F94739" s="14" t="s">
        <v>28</v>
      </c>
      <c r="G94739" s="16">
        <v>0.1639178822274856</v>
      </c>
    </row>
    <row r="94740" spans="1:7" x14ac:dyDescent="0.3">
      <c r="A94740" s="13" t="s">
        <v>470</v>
      </c>
      <c r="B94740" s="14" t="s">
        <v>1</v>
      </c>
      <c r="C94740" s="14" t="s">
        <v>23</v>
      </c>
      <c r="D94740" s="14" t="s">
        <v>471</v>
      </c>
      <c r="E94740" s="15">
        <v>45581</v>
      </c>
      <c r="F94740" s="14" t="s">
        <v>28</v>
      </c>
      <c r="G94740" s="16">
        <v>0.22017601271702508</v>
      </c>
    </row>
    <row r="94741" spans="1:7" x14ac:dyDescent="0.3">
      <c r="A94741" s="13" t="s">
        <v>470</v>
      </c>
      <c r="B94741" s="14" t="s">
        <v>1</v>
      </c>
      <c r="C94741" s="14" t="s">
        <v>23</v>
      </c>
      <c r="D94741" s="14" t="s">
        <v>471</v>
      </c>
      <c r="E94741" s="15">
        <v>45582</v>
      </c>
      <c r="F94741" s="14" t="s">
        <v>28</v>
      </c>
      <c r="G94741" s="16">
        <v>0.23394820864584259</v>
      </c>
    </row>
    <row r="94742" spans="1:7" x14ac:dyDescent="0.3">
      <c r="A94742" s="13" t="s">
        <v>470</v>
      </c>
      <c r="B94742" s="14" t="s">
        <v>1</v>
      </c>
      <c r="C94742" s="14" t="s">
        <v>23</v>
      </c>
      <c r="D94742" s="14" t="s">
        <v>471</v>
      </c>
      <c r="E94742" s="15">
        <v>45583</v>
      </c>
      <c r="F94742" s="14" t="s">
        <v>28</v>
      </c>
      <c r="G94742" s="16">
        <v>0.24693084364279796</v>
      </c>
    </row>
    <row r="94743" spans="1:7" x14ac:dyDescent="0.3">
      <c r="A94743" s="13" t="s">
        <v>470</v>
      </c>
      <c r="B94743" s="14" t="s">
        <v>1</v>
      </c>
      <c r="C94743" s="14" t="s">
        <v>23</v>
      </c>
      <c r="D94743" s="14" t="s">
        <v>471</v>
      </c>
      <c r="E94743" s="15">
        <v>45584</v>
      </c>
      <c r="F94743" s="14" t="s">
        <v>28</v>
      </c>
      <c r="G94743" s="16">
        <v>0.24693084364279796</v>
      </c>
    </row>
    <row r="94744" spans="1:7" x14ac:dyDescent="0.3">
      <c r="A94744" s="13" t="s">
        <v>470</v>
      </c>
      <c r="B94744" s="14" t="s">
        <v>1</v>
      </c>
      <c r="C94744" s="14" t="s">
        <v>23</v>
      </c>
      <c r="D94744" s="14" t="s">
        <v>471</v>
      </c>
      <c r="E94744" s="15">
        <v>45585</v>
      </c>
      <c r="F94744" s="14" t="s">
        <v>28</v>
      </c>
      <c r="G94744" s="16">
        <v>0.24693084364279796</v>
      </c>
    </row>
    <row r="94745" spans="1:7" x14ac:dyDescent="0.3">
      <c r="A94745" s="13" t="s">
        <v>470</v>
      </c>
      <c r="B94745" s="14" t="s">
        <v>1</v>
      </c>
      <c r="C94745" s="14" t="s">
        <v>23</v>
      </c>
      <c r="D94745" s="14" t="s">
        <v>471</v>
      </c>
      <c r="E94745" s="15">
        <v>45586</v>
      </c>
      <c r="F94745" s="14" t="s">
        <v>28</v>
      </c>
      <c r="G94745" s="16">
        <v>0.26082419659768291</v>
      </c>
    </row>
    <row r="94746" spans="1:7" x14ac:dyDescent="0.3">
      <c r="A94746" s="13" t="s">
        <v>470</v>
      </c>
      <c r="B94746" s="14" t="s">
        <v>1</v>
      </c>
      <c r="C94746" s="14" t="s">
        <v>23</v>
      </c>
      <c r="D94746" s="14" t="s">
        <v>471</v>
      </c>
      <c r="E94746" s="15">
        <v>45587</v>
      </c>
      <c r="F94746" s="14" t="s">
        <v>28</v>
      </c>
      <c r="G94746" s="16">
        <v>0.30196052651604638</v>
      </c>
    </row>
    <row r="94747" spans="1:7" x14ac:dyDescent="0.3">
      <c r="A94747" s="13" t="s">
        <v>470</v>
      </c>
      <c r="B94747" s="14" t="s">
        <v>1</v>
      </c>
      <c r="C94747" s="14" t="s">
        <v>23</v>
      </c>
      <c r="D94747" s="14" t="s">
        <v>471</v>
      </c>
      <c r="E94747" s="15">
        <v>45588</v>
      </c>
      <c r="F94747" s="14" t="s">
        <v>28</v>
      </c>
      <c r="G94747" s="16">
        <v>0.3172630706530834</v>
      </c>
    </row>
    <row r="94748" spans="1:7" x14ac:dyDescent="0.3">
      <c r="A94748" s="13" t="s">
        <v>470</v>
      </c>
      <c r="B94748" s="14" t="s">
        <v>1</v>
      </c>
      <c r="C94748" s="14" t="s">
        <v>23</v>
      </c>
      <c r="D94748" s="14" t="s">
        <v>471</v>
      </c>
      <c r="E94748" s="15">
        <v>45589</v>
      </c>
      <c r="F94748" s="14" t="s">
        <v>28</v>
      </c>
      <c r="G94748" s="16">
        <v>0.32947621967539964</v>
      </c>
    </row>
    <row r="94749" spans="1:7" x14ac:dyDescent="0.3">
      <c r="A94749" s="13" t="s">
        <v>470</v>
      </c>
      <c r="B94749" s="14" t="s">
        <v>1</v>
      </c>
      <c r="C94749" s="14" t="s">
        <v>23</v>
      </c>
      <c r="D94749" s="14" t="s">
        <v>471</v>
      </c>
      <c r="E94749" s="15">
        <v>45590</v>
      </c>
      <c r="F94749" s="14" t="s">
        <v>28</v>
      </c>
      <c r="G94749" s="16">
        <v>0.34373859493781617</v>
      </c>
    </row>
    <row r="94750" spans="1:7" x14ac:dyDescent="0.3">
      <c r="A94750" s="13" t="s">
        <v>470</v>
      </c>
      <c r="B94750" s="14" t="s">
        <v>1</v>
      </c>
      <c r="C94750" s="14" t="s">
        <v>23</v>
      </c>
      <c r="D94750" s="14" t="s">
        <v>471</v>
      </c>
      <c r="E94750" s="15">
        <v>45591</v>
      </c>
      <c r="F94750" s="14" t="s">
        <v>28</v>
      </c>
      <c r="G94750" s="16">
        <v>0.34373859493781617</v>
      </c>
    </row>
    <row r="94751" spans="1:7" x14ac:dyDescent="0.3">
      <c r="A94751" s="13" t="s">
        <v>470</v>
      </c>
      <c r="B94751" s="14" t="s">
        <v>1</v>
      </c>
      <c r="C94751" s="14" t="s">
        <v>23</v>
      </c>
      <c r="D94751" s="14" t="s">
        <v>471</v>
      </c>
      <c r="E94751" s="15">
        <v>45592</v>
      </c>
      <c r="F94751" s="14" t="s">
        <v>28</v>
      </c>
      <c r="G94751" s="16">
        <v>0.34373859493781617</v>
      </c>
    </row>
    <row r="94752" spans="1:7" x14ac:dyDescent="0.3">
      <c r="A94752" s="13" t="s">
        <v>470</v>
      </c>
      <c r="B94752" s="14" t="s">
        <v>1</v>
      </c>
      <c r="C94752" s="14" t="s">
        <v>23</v>
      </c>
      <c r="D94752" s="14" t="s">
        <v>471</v>
      </c>
      <c r="E94752" s="15">
        <v>45593</v>
      </c>
      <c r="F94752" s="14" t="s">
        <v>28</v>
      </c>
      <c r="G94752" s="16">
        <v>0.34373859493781617</v>
      </c>
    </row>
    <row r="94753" spans="1:7" x14ac:dyDescent="0.3">
      <c r="A94753" s="13" t="s">
        <v>470</v>
      </c>
      <c r="B94753" s="14" t="s">
        <v>1</v>
      </c>
      <c r="C94753" s="14" t="s">
        <v>23</v>
      </c>
      <c r="D94753" s="14" t="s">
        <v>471</v>
      </c>
      <c r="E94753" s="15">
        <v>45594</v>
      </c>
      <c r="F94753" s="14" t="s">
        <v>28</v>
      </c>
      <c r="G94753" s="16">
        <v>0.36071707953503324</v>
      </c>
    </row>
    <row r="94754" spans="1:7" x14ac:dyDescent="0.3">
      <c r="A94754" s="13" t="s">
        <v>470</v>
      </c>
      <c r="B94754" s="14" t="s">
        <v>1</v>
      </c>
      <c r="C94754" s="14" t="s">
        <v>23</v>
      </c>
      <c r="D94754" s="14" t="s">
        <v>471</v>
      </c>
      <c r="E94754" s="15">
        <v>45595</v>
      </c>
      <c r="F94754" s="14" t="s">
        <v>28</v>
      </c>
      <c r="G94754" s="16">
        <v>0.41316677598437185</v>
      </c>
    </row>
    <row r="94755" spans="1:7" x14ac:dyDescent="0.3">
      <c r="A94755" s="13" t="s">
        <v>470</v>
      </c>
      <c r="B94755" s="14" t="s">
        <v>1</v>
      </c>
      <c r="C94755" s="14" t="s">
        <v>23</v>
      </c>
      <c r="D94755" s="14" t="s">
        <v>471</v>
      </c>
      <c r="E94755" s="15">
        <v>45596</v>
      </c>
      <c r="F94755" s="14" t="s">
        <v>28</v>
      </c>
      <c r="G94755" s="16">
        <v>0.41413252440908316</v>
      </c>
    </row>
    <row r="94756" spans="1:7" x14ac:dyDescent="0.3">
      <c r="A94756" s="13" t="s">
        <v>470</v>
      </c>
      <c r="B94756" s="14" t="s">
        <v>1</v>
      </c>
      <c r="C94756" s="14" t="s">
        <v>23</v>
      </c>
      <c r="D94756" s="14" t="s">
        <v>471</v>
      </c>
      <c r="E94756" s="15">
        <v>45597</v>
      </c>
      <c r="F94756" s="14" t="s">
        <v>28</v>
      </c>
      <c r="G94756" s="16">
        <v>0</v>
      </c>
    </row>
    <row r="94757" spans="1:7" x14ac:dyDescent="0.3">
      <c r="A94757" s="13" t="s">
        <v>470</v>
      </c>
      <c r="B94757" s="14" t="s">
        <v>1</v>
      </c>
      <c r="C94757" s="14" t="s">
        <v>23</v>
      </c>
      <c r="D94757" s="14" t="s">
        <v>471</v>
      </c>
      <c r="E94757" s="15">
        <v>45598</v>
      </c>
      <c r="F94757" s="14" t="s">
        <v>28</v>
      </c>
      <c r="G94757" s="16">
        <v>0</v>
      </c>
    </row>
    <row r="94758" spans="1:7" x14ac:dyDescent="0.3">
      <c r="A94758" s="13" t="s">
        <v>470</v>
      </c>
      <c r="B94758" s="14" t="s">
        <v>1</v>
      </c>
      <c r="C94758" s="14" t="s">
        <v>23</v>
      </c>
      <c r="D94758" s="14" t="s">
        <v>471</v>
      </c>
      <c r="E94758" s="15">
        <v>45599</v>
      </c>
      <c r="F94758" s="14" t="s">
        <v>28</v>
      </c>
      <c r="G94758" s="16">
        <v>0</v>
      </c>
    </row>
    <row r="94759" spans="1:7" x14ac:dyDescent="0.3">
      <c r="A94759" s="13" t="s">
        <v>470</v>
      </c>
      <c r="B94759" s="14" t="s">
        <v>1</v>
      </c>
      <c r="C94759" s="14" t="s">
        <v>23</v>
      </c>
      <c r="D94759" s="14" t="s">
        <v>471</v>
      </c>
      <c r="E94759" s="15">
        <v>45600</v>
      </c>
      <c r="F94759" s="14" t="s">
        <v>28</v>
      </c>
      <c r="G94759" s="16">
        <v>1.3107118942036788E-3</v>
      </c>
    </row>
    <row r="94760" spans="1:7" x14ac:dyDescent="0.3">
      <c r="A94760" s="13" t="s">
        <v>470</v>
      </c>
      <c r="B94760" s="14" t="s">
        <v>1</v>
      </c>
      <c r="C94760" s="14" t="s">
        <v>23</v>
      </c>
      <c r="D94760" s="14" t="s">
        <v>471</v>
      </c>
      <c r="E94760" s="15">
        <v>45601</v>
      </c>
      <c r="F94760" s="14" t="s">
        <v>28</v>
      </c>
      <c r="G94760" s="16">
        <v>4.1794700954396413E-2</v>
      </c>
    </row>
    <row r="94761" spans="1:7" x14ac:dyDescent="0.3">
      <c r="A94761" s="13" t="s">
        <v>470</v>
      </c>
      <c r="B94761" s="14" t="s">
        <v>1</v>
      </c>
      <c r="C94761" s="14" t="s">
        <v>23</v>
      </c>
      <c r="D94761" s="14" t="s">
        <v>471</v>
      </c>
      <c r="E94761" s="15">
        <v>45602</v>
      </c>
      <c r="F94761" s="14" t="s">
        <v>28</v>
      </c>
      <c r="G94761" s="16">
        <v>5.6039432316354366E-2</v>
      </c>
    </row>
    <row r="94762" spans="1:7" x14ac:dyDescent="0.3">
      <c r="A94762" s="13" t="s">
        <v>470</v>
      </c>
      <c r="B94762" s="14" t="s">
        <v>1</v>
      </c>
      <c r="C94762" s="14" t="s">
        <v>23</v>
      </c>
      <c r="D94762" s="14" t="s">
        <v>471</v>
      </c>
      <c r="E94762" s="15">
        <v>45603</v>
      </c>
      <c r="F94762" s="14" t="s">
        <v>28</v>
      </c>
      <c r="G94762" s="16">
        <v>7.0465857213614674E-2</v>
      </c>
    </row>
    <row r="94763" spans="1:7" x14ac:dyDescent="0.3">
      <c r="A94763" s="13" t="s">
        <v>470</v>
      </c>
      <c r="B94763" s="14" t="s">
        <v>1</v>
      </c>
      <c r="C94763" s="14" t="s">
        <v>23</v>
      </c>
      <c r="D94763" s="14" t="s">
        <v>471</v>
      </c>
      <c r="E94763" s="15">
        <v>45604</v>
      </c>
      <c r="F94763" s="14" t="s">
        <v>28</v>
      </c>
      <c r="G94763" s="16">
        <v>8.46917510363486E-2</v>
      </c>
    </row>
    <row r="94764" spans="1:7" x14ac:dyDescent="0.3">
      <c r="A94764" s="13" t="s">
        <v>470</v>
      </c>
      <c r="B94764" s="14" t="s">
        <v>1</v>
      </c>
      <c r="C94764" s="14" t="s">
        <v>23</v>
      </c>
      <c r="D94764" s="14" t="s">
        <v>471</v>
      </c>
      <c r="E94764" s="15">
        <v>45605</v>
      </c>
      <c r="F94764" s="14" t="s">
        <v>28</v>
      </c>
      <c r="G94764" s="16">
        <v>8.46917510363486E-2</v>
      </c>
    </row>
    <row r="94765" spans="1:7" x14ac:dyDescent="0.3">
      <c r="A94765" s="13" t="s">
        <v>470</v>
      </c>
      <c r="B94765" s="14" t="s">
        <v>1</v>
      </c>
      <c r="C94765" s="14" t="s">
        <v>23</v>
      </c>
      <c r="D94765" s="14" t="s">
        <v>471</v>
      </c>
      <c r="E94765" s="15">
        <v>45606</v>
      </c>
      <c r="F94765" s="14" t="s">
        <v>28</v>
      </c>
      <c r="G94765" s="16">
        <v>8.46917510363486E-2</v>
      </c>
    </row>
    <row r="94766" spans="1:7" x14ac:dyDescent="0.3">
      <c r="A94766" s="13" t="s">
        <v>470</v>
      </c>
      <c r="B94766" s="14" t="s">
        <v>1</v>
      </c>
      <c r="C94766" s="14" t="s">
        <v>23</v>
      </c>
      <c r="D94766" s="14" t="s">
        <v>471</v>
      </c>
      <c r="E94766" s="15">
        <v>45607</v>
      </c>
      <c r="F94766" s="14" t="s">
        <v>28</v>
      </c>
      <c r="G94766" s="16">
        <v>8.46917510363486E-2</v>
      </c>
    </row>
    <row r="94767" spans="1:7" x14ac:dyDescent="0.3">
      <c r="A94767" s="13" t="s">
        <v>470</v>
      </c>
      <c r="B94767" s="14" t="s">
        <v>1</v>
      </c>
      <c r="C94767" s="14" t="s">
        <v>23</v>
      </c>
      <c r="D94767" s="14" t="s">
        <v>471</v>
      </c>
      <c r="E94767" s="15">
        <v>45608</v>
      </c>
      <c r="F94767" s="14" t="s">
        <v>28</v>
      </c>
      <c r="G94767" s="16">
        <v>9.8589865353710809E-2</v>
      </c>
    </row>
    <row r="94768" spans="1:7" x14ac:dyDescent="0.3">
      <c r="A94768" s="13" t="s">
        <v>470</v>
      </c>
      <c r="B94768" s="14" t="s">
        <v>1</v>
      </c>
      <c r="C94768" s="14" t="s">
        <v>23</v>
      </c>
      <c r="D94768" s="14" t="s">
        <v>471</v>
      </c>
      <c r="E94768" s="15">
        <v>45609</v>
      </c>
      <c r="F94768" s="14" t="s">
        <v>28</v>
      </c>
      <c r="G94768" s="16">
        <v>0.16537593612382037</v>
      </c>
    </row>
    <row r="94769" spans="1:7" x14ac:dyDescent="0.3">
      <c r="A94769" s="13" t="s">
        <v>470</v>
      </c>
      <c r="B94769" s="14" t="s">
        <v>1</v>
      </c>
      <c r="C94769" s="14" t="s">
        <v>23</v>
      </c>
      <c r="D94769" s="14" t="s">
        <v>471</v>
      </c>
      <c r="E94769" s="15">
        <v>45610</v>
      </c>
      <c r="F94769" s="14" t="s">
        <v>28</v>
      </c>
      <c r="G94769" s="16">
        <v>0.1788961975788706</v>
      </c>
    </row>
    <row r="94770" spans="1:7" x14ac:dyDescent="0.3">
      <c r="A94770" s="13" t="s">
        <v>470</v>
      </c>
      <c r="B94770" s="14" t="s">
        <v>1</v>
      </c>
      <c r="C94770" s="14" t="s">
        <v>23</v>
      </c>
      <c r="D94770" s="14" t="s">
        <v>471</v>
      </c>
      <c r="E94770" s="15">
        <v>45611</v>
      </c>
      <c r="F94770" s="14" t="s">
        <v>28</v>
      </c>
      <c r="G94770" s="16">
        <v>0.19158917580089727</v>
      </c>
    </row>
    <row r="94771" spans="1:7" x14ac:dyDescent="0.3">
      <c r="A94771" s="13" t="s">
        <v>470</v>
      </c>
      <c r="B94771" s="14" t="s">
        <v>1</v>
      </c>
      <c r="C94771" s="14" t="s">
        <v>23</v>
      </c>
      <c r="D94771" s="14" t="s">
        <v>471</v>
      </c>
      <c r="E94771" s="15">
        <v>45612</v>
      </c>
      <c r="F94771" s="14" t="s">
        <v>28</v>
      </c>
      <c r="G94771" s="16">
        <v>0.19158917580089727</v>
      </c>
    </row>
    <row r="94772" spans="1:7" x14ac:dyDescent="0.3">
      <c r="A94772" s="13" t="s">
        <v>470</v>
      </c>
      <c r="B94772" s="14" t="s">
        <v>1</v>
      </c>
      <c r="C94772" s="14" t="s">
        <v>23</v>
      </c>
      <c r="D94772" s="14" t="s">
        <v>471</v>
      </c>
      <c r="E94772" s="15">
        <v>45613</v>
      </c>
      <c r="F94772" s="14" t="s">
        <v>28</v>
      </c>
      <c r="G94772" s="16">
        <v>0.19158917580089727</v>
      </c>
    </row>
    <row r="94773" spans="1:7" x14ac:dyDescent="0.3">
      <c r="A94773" s="13" t="s">
        <v>470</v>
      </c>
      <c r="B94773" s="14" t="s">
        <v>1</v>
      </c>
      <c r="C94773" s="14" t="s">
        <v>23</v>
      </c>
      <c r="D94773" s="14" t="s">
        <v>471</v>
      </c>
      <c r="E94773" s="15">
        <v>45614</v>
      </c>
      <c r="F94773" s="14" t="s">
        <v>28</v>
      </c>
      <c r="G94773" s="16">
        <v>0.20406959362301333</v>
      </c>
    </row>
    <row r="94774" spans="1:7" x14ac:dyDescent="0.3">
      <c r="A94774" s="13" t="s">
        <v>470</v>
      </c>
      <c r="B94774" s="14" t="s">
        <v>1</v>
      </c>
      <c r="C94774" s="14" t="s">
        <v>23</v>
      </c>
      <c r="D94774" s="14" t="s">
        <v>471</v>
      </c>
      <c r="E94774" s="15">
        <v>45615</v>
      </c>
      <c r="F94774" s="14" t="s">
        <v>28</v>
      </c>
      <c r="G94774" s="16">
        <v>0.24250319490012096</v>
      </c>
    </row>
    <row r="94775" spans="1:7" x14ac:dyDescent="0.3">
      <c r="A94775" s="13" t="s">
        <v>470</v>
      </c>
      <c r="B94775" s="14" t="s">
        <v>1</v>
      </c>
      <c r="C94775" s="14" t="s">
        <v>23</v>
      </c>
      <c r="D94775" s="14" t="s">
        <v>471</v>
      </c>
      <c r="E94775" s="15">
        <v>45616</v>
      </c>
      <c r="F94775" s="14" t="s">
        <v>28</v>
      </c>
      <c r="G94775" s="16">
        <v>0.25675322791675415</v>
      </c>
    </row>
    <row r="94776" spans="1:7" x14ac:dyDescent="0.3">
      <c r="A94776" s="13" t="s">
        <v>470</v>
      </c>
      <c r="B94776" s="14" t="s">
        <v>1</v>
      </c>
      <c r="C94776" s="14" t="s">
        <v>23</v>
      </c>
      <c r="D94776" s="14" t="s">
        <v>471</v>
      </c>
      <c r="E94776" s="15">
        <v>45617</v>
      </c>
      <c r="F94776" s="14" t="s">
        <v>28</v>
      </c>
      <c r="G94776" s="16">
        <v>0.27113027183834654</v>
      </c>
    </row>
    <row r="94777" spans="1:7" x14ac:dyDescent="0.3">
      <c r="A94777" s="13" t="s">
        <v>470</v>
      </c>
      <c r="B94777" s="14" t="s">
        <v>1</v>
      </c>
      <c r="C94777" s="14" t="s">
        <v>23</v>
      </c>
      <c r="D94777" s="14" t="s">
        <v>471</v>
      </c>
      <c r="E94777" s="15">
        <v>45618</v>
      </c>
      <c r="F94777" s="14" t="s">
        <v>28</v>
      </c>
      <c r="G94777" s="16">
        <v>0.28437896481141456</v>
      </c>
    </row>
    <row r="94778" spans="1:7" x14ac:dyDescent="0.3">
      <c r="A94778" s="13" t="s">
        <v>470</v>
      </c>
      <c r="B94778" s="14" t="s">
        <v>1</v>
      </c>
      <c r="C94778" s="14" t="s">
        <v>23</v>
      </c>
      <c r="D94778" s="14" t="s">
        <v>471</v>
      </c>
      <c r="E94778" s="15">
        <v>45619</v>
      </c>
      <c r="F94778" s="14" t="s">
        <v>28</v>
      </c>
      <c r="G94778" s="16">
        <v>0.28437896481141456</v>
      </c>
    </row>
    <row r="94779" spans="1:7" x14ac:dyDescent="0.3">
      <c r="A94779" s="13" t="s">
        <v>470</v>
      </c>
      <c r="B94779" s="14" t="s">
        <v>1</v>
      </c>
      <c r="C94779" s="14" t="s">
        <v>23</v>
      </c>
      <c r="D94779" s="14" t="s">
        <v>471</v>
      </c>
      <c r="E94779" s="15">
        <v>45620</v>
      </c>
      <c r="F94779" s="14" t="s">
        <v>28</v>
      </c>
      <c r="G94779" s="16">
        <v>0.28437896481141456</v>
      </c>
    </row>
    <row r="94780" spans="1:7" x14ac:dyDescent="0.3">
      <c r="A94780" s="13" t="s">
        <v>470</v>
      </c>
      <c r="B94780" s="14" t="s">
        <v>1</v>
      </c>
      <c r="C94780" s="14" t="s">
        <v>23</v>
      </c>
      <c r="D94780" s="14" t="s">
        <v>471</v>
      </c>
      <c r="E94780" s="15">
        <v>45621</v>
      </c>
      <c r="F94780" s="14" t="s">
        <v>28</v>
      </c>
      <c r="G94780" s="16">
        <v>0.29744551520325213</v>
      </c>
    </row>
    <row r="94781" spans="1:7" x14ac:dyDescent="0.3">
      <c r="A94781" s="13" t="s">
        <v>470</v>
      </c>
      <c r="B94781" s="14" t="s">
        <v>1</v>
      </c>
      <c r="C94781" s="14" t="s">
        <v>23</v>
      </c>
      <c r="D94781" s="14" t="s">
        <v>471</v>
      </c>
      <c r="E94781" s="15">
        <v>45622</v>
      </c>
      <c r="F94781" s="14" t="s">
        <v>28</v>
      </c>
      <c r="G94781" s="16">
        <v>0.33701317577750151</v>
      </c>
    </row>
    <row r="94782" spans="1:7" x14ac:dyDescent="0.3">
      <c r="A94782" s="13" t="s">
        <v>470</v>
      </c>
      <c r="B94782" s="14" t="s">
        <v>1</v>
      </c>
      <c r="C94782" s="14" t="s">
        <v>23</v>
      </c>
      <c r="D94782" s="14" t="s">
        <v>471</v>
      </c>
      <c r="E94782" s="15">
        <v>45623</v>
      </c>
      <c r="F94782" s="14" t="s">
        <v>28</v>
      </c>
      <c r="G94782" s="16">
        <v>0.34858778285746439</v>
      </c>
    </row>
    <row r="94783" spans="1:7" x14ac:dyDescent="0.3">
      <c r="A94783" s="13" t="s">
        <v>470</v>
      </c>
      <c r="B94783" s="14" t="s">
        <v>1</v>
      </c>
      <c r="C94783" s="14" t="s">
        <v>23</v>
      </c>
      <c r="D94783" s="14" t="s">
        <v>471</v>
      </c>
      <c r="E94783" s="15">
        <v>45624</v>
      </c>
      <c r="F94783" s="14" t="s">
        <v>28</v>
      </c>
      <c r="G94783" s="16">
        <v>0.34858778285746439</v>
      </c>
    </row>
    <row r="94784" spans="1:7" x14ac:dyDescent="0.3">
      <c r="A94784" s="13" t="s">
        <v>470</v>
      </c>
      <c r="B94784" s="14" t="s">
        <v>1</v>
      </c>
      <c r="C94784" s="14" t="s">
        <v>23</v>
      </c>
      <c r="D94784" s="14" t="s">
        <v>471</v>
      </c>
      <c r="E94784" s="15">
        <v>45625</v>
      </c>
      <c r="F94784" s="14" t="s">
        <v>28</v>
      </c>
      <c r="G94784" s="16">
        <v>0.36523635409272615</v>
      </c>
    </row>
    <row r="94785" spans="1:7" x14ac:dyDescent="0.3">
      <c r="A94785" s="13" t="s">
        <v>470</v>
      </c>
      <c r="B94785" s="14" t="s">
        <v>1</v>
      </c>
      <c r="C94785" s="14" t="s">
        <v>23</v>
      </c>
      <c r="D94785" s="14" t="s">
        <v>471</v>
      </c>
      <c r="E94785" s="15">
        <v>45626</v>
      </c>
      <c r="F94785" s="14" t="s">
        <v>28</v>
      </c>
      <c r="G94785" s="16">
        <v>0.36523635409272615</v>
      </c>
    </row>
    <row r="94786" spans="1:7" x14ac:dyDescent="0.3">
      <c r="A94786" s="13" t="s">
        <v>470</v>
      </c>
      <c r="B94786" s="14" t="s">
        <v>1</v>
      </c>
      <c r="C94786" s="14" t="s">
        <v>23</v>
      </c>
      <c r="D94786" s="14" t="s">
        <v>471</v>
      </c>
      <c r="E94786" s="15">
        <v>45627</v>
      </c>
      <c r="F94786" s="14" t="s">
        <v>28</v>
      </c>
      <c r="G94786" s="16">
        <v>0.36523635409272615</v>
      </c>
    </row>
    <row r="94787" spans="1:7" x14ac:dyDescent="0.3">
      <c r="A94787" s="13" t="s">
        <v>470</v>
      </c>
      <c r="B94787" s="14" t="s">
        <v>1</v>
      </c>
      <c r="C94787" s="14" t="s">
        <v>23</v>
      </c>
      <c r="D94787" s="14" t="s">
        <v>471</v>
      </c>
      <c r="E94787" s="15">
        <v>45628</v>
      </c>
      <c r="F94787" s="14" t="s">
        <v>28</v>
      </c>
      <c r="G94787" s="16">
        <v>0</v>
      </c>
    </row>
    <row r="94788" spans="1:7" x14ac:dyDescent="0.3">
      <c r="A94788" s="13" t="s">
        <v>470</v>
      </c>
      <c r="B94788" s="14" t="s">
        <v>1</v>
      </c>
      <c r="C94788" s="14" t="s">
        <v>23</v>
      </c>
      <c r="D94788" s="14" t="s">
        <v>471</v>
      </c>
      <c r="E94788" s="15">
        <v>45629</v>
      </c>
      <c r="F94788" s="14" t="s">
        <v>28</v>
      </c>
      <c r="G94788" s="16">
        <v>2.2863111620293558E-2</v>
      </c>
    </row>
    <row r="94789" spans="1:7" x14ac:dyDescent="0.3">
      <c r="A94789" s="13" t="s">
        <v>470</v>
      </c>
      <c r="B94789" s="14" t="s">
        <v>1</v>
      </c>
      <c r="C94789" s="14" t="s">
        <v>23</v>
      </c>
      <c r="D94789" s="14" t="s">
        <v>471</v>
      </c>
      <c r="E94789" s="15">
        <v>45630</v>
      </c>
      <c r="F94789" s="14" t="s">
        <v>28</v>
      </c>
      <c r="G94789" s="16">
        <v>3.4190578795899131E-2</v>
      </c>
    </row>
    <row r="94790" spans="1:7" x14ac:dyDescent="0.3">
      <c r="A94790" s="13" t="s">
        <v>470</v>
      </c>
      <c r="B94790" s="14" t="s">
        <v>1</v>
      </c>
      <c r="C94790" s="14" t="s">
        <v>23</v>
      </c>
      <c r="D94790" s="14" t="s">
        <v>471</v>
      </c>
      <c r="E94790" s="15">
        <v>45631</v>
      </c>
      <c r="F94790" s="14" t="s">
        <v>28</v>
      </c>
      <c r="G94790" s="16">
        <v>4.7187659804297469E-2</v>
      </c>
    </row>
    <row r="94791" spans="1:7" x14ac:dyDescent="0.3">
      <c r="A94791" s="13" t="s">
        <v>470</v>
      </c>
      <c r="B94791" s="14" t="s">
        <v>1</v>
      </c>
      <c r="C94791" s="14" t="s">
        <v>23</v>
      </c>
      <c r="D94791" s="14" t="s">
        <v>471</v>
      </c>
      <c r="E94791" s="15">
        <v>45632</v>
      </c>
      <c r="F94791" s="14" t="s">
        <v>28</v>
      </c>
      <c r="G94791" s="16">
        <v>6.0389845289394305E-2</v>
      </c>
    </row>
    <row r="94792" spans="1:7" x14ac:dyDescent="0.3">
      <c r="A94792" s="13" t="s">
        <v>470</v>
      </c>
      <c r="B94792" s="14" t="s">
        <v>1</v>
      </c>
      <c r="C94792" s="14" t="s">
        <v>23</v>
      </c>
      <c r="D94792" s="14" t="s">
        <v>471</v>
      </c>
      <c r="E94792" s="15">
        <v>45633</v>
      </c>
      <c r="F94792" s="14" t="s">
        <v>28</v>
      </c>
      <c r="G94792" s="16">
        <v>6.0389845289394305E-2</v>
      </c>
    </row>
    <row r="94793" spans="1:7" x14ac:dyDescent="0.3">
      <c r="A94793" s="13" t="s">
        <v>470</v>
      </c>
      <c r="B94793" s="14" t="s">
        <v>1</v>
      </c>
      <c r="C94793" s="14" t="s">
        <v>23</v>
      </c>
      <c r="D94793" s="14" t="s">
        <v>471</v>
      </c>
      <c r="E94793" s="15">
        <v>45634</v>
      </c>
      <c r="F94793" s="14" t="s">
        <v>28</v>
      </c>
      <c r="G94793" s="16">
        <v>6.0389845289394305E-2</v>
      </c>
    </row>
    <row r="94794" spans="1:7" x14ac:dyDescent="0.3">
      <c r="A94794" s="13" t="s">
        <v>470</v>
      </c>
      <c r="B94794" s="14" t="s">
        <v>1</v>
      </c>
      <c r="C94794" s="14" t="s">
        <v>23</v>
      </c>
      <c r="D94794" s="14" t="s">
        <v>471</v>
      </c>
      <c r="E94794" s="15">
        <v>45635</v>
      </c>
      <c r="F94794" s="14" t="s">
        <v>28</v>
      </c>
      <c r="G94794" s="16">
        <v>8.0152586935362868E-2</v>
      </c>
    </row>
    <row r="94795" spans="1:7" x14ac:dyDescent="0.3">
      <c r="A94795" s="13" t="s">
        <v>470</v>
      </c>
      <c r="B94795" s="14" t="s">
        <v>1</v>
      </c>
      <c r="C94795" s="14" t="s">
        <v>23</v>
      </c>
      <c r="D94795" s="14" t="s">
        <v>471</v>
      </c>
      <c r="E94795" s="15">
        <v>45636</v>
      </c>
      <c r="F94795" s="14" t="s">
        <v>28</v>
      </c>
      <c r="G94795" s="16">
        <v>0.11924752543690664</v>
      </c>
    </row>
    <row r="94796" spans="1:7" x14ac:dyDescent="0.3">
      <c r="A94796" s="13" t="s">
        <v>470</v>
      </c>
      <c r="B94796" s="14" t="s">
        <v>1</v>
      </c>
      <c r="C94796" s="14" t="s">
        <v>23</v>
      </c>
      <c r="D94796" s="14" t="s">
        <v>471</v>
      </c>
      <c r="E94796" s="15">
        <v>45637</v>
      </c>
      <c r="F94796" s="14" t="s">
        <v>28</v>
      </c>
      <c r="G94796" s="16">
        <v>0.13261364088886751</v>
      </c>
    </row>
    <row r="94797" spans="1:7" x14ac:dyDescent="0.3">
      <c r="A94797" s="13" t="s">
        <v>470</v>
      </c>
      <c r="B94797" s="14" t="s">
        <v>1</v>
      </c>
      <c r="C94797" s="14" t="s">
        <v>23</v>
      </c>
      <c r="D94797" s="14" t="s">
        <v>471</v>
      </c>
      <c r="E94797" s="15">
        <v>45638</v>
      </c>
      <c r="F94797" s="14" t="s">
        <v>28</v>
      </c>
      <c r="G94797" s="16">
        <v>0.14602250963128424</v>
      </c>
    </row>
    <row r="94798" spans="1:7" x14ac:dyDescent="0.3">
      <c r="A94798" s="13" t="s">
        <v>470</v>
      </c>
      <c r="B94798" s="14" t="s">
        <v>1</v>
      </c>
      <c r="C94798" s="14" t="s">
        <v>23</v>
      </c>
      <c r="D94798" s="14" t="s">
        <v>471</v>
      </c>
      <c r="E94798" s="15">
        <v>45639</v>
      </c>
      <c r="F94798" s="14" t="s">
        <v>28</v>
      </c>
      <c r="G94798" s="16">
        <v>0.15930800143239326</v>
      </c>
    </row>
    <row r="94799" spans="1:7" x14ac:dyDescent="0.3">
      <c r="A94799" s="13" t="s">
        <v>470</v>
      </c>
      <c r="B94799" s="14" t="s">
        <v>1</v>
      </c>
      <c r="C94799" s="14" t="s">
        <v>23</v>
      </c>
      <c r="D94799" s="14" t="s">
        <v>471</v>
      </c>
      <c r="E94799" s="15">
        <v>45640</v>
      </c>
      <c r="F94799" s="14" t="s">
        <v>28</v>
      </c>
      <c r="G94799" s="16">
        <v>0.15930800143239326</v>
      </c>
    </row>
    <row r="94800" spans="1:7" x14ac:dyDescent="0.3">
      <c r="A94800" s="13" t="s">
        <v>470</v>
      </c>
      <c r="B94800" s="14" t="s">
        <v>1</v>
      </c>
      <c r="C94800" s="14" t="s">
        <v>23</v>
      </c>
      <c r="D94800" s="14" t="s">
        <v>471</v>
      </c>
      <c r="E94800" s="15">
        <v>45641</v>
      </c>
      <c r="F94800" s="14" t="s">
        <v>28</v>
      </c>
      <c r="G94800" s="16">
        <v>0.15930800143239326</v>
      </c>
    </row>
    <row r="94801" spans="1:7" x14ac:dyDescent="0.3">
      <c r="A94801" s="13" t="s">
        <v>470</v>
      </c>
      <c r="B94801" s="14" t="s">
        <v>1</v>
      </c>
      <c r="C94801" s="14" t="s">
        <v>23</v>
      </c>
      <c r="D94801" s="14" t="s">
        <v>471</v>
      </c>
      <c r="E94801" s="15">
        <v>45642</v>
      </c>
      <c r="F94801" s="14" t="s">
        <v>28</v>
      </c>
      <c r="G94801" s="16">
        <v>0.17274454583064</v>
      </c>
    </row>
    <row r="94802" spans="1:7" x14ac:dyDescent="0.3">
      <c r="A94802" s="13" t="s">
        <v>470</v>
      </c>
      <c r="B94802" s="14" t="s">
        <v>1</v>
      </c>
      <c r="C94802" s="14" t="s">
        <v>23</v>
      </c>
      <c r="D94802" s="14" t="s">
        <v>471</v>
      </c>
      <c r="E94802" s="15">
        <v>45643</v>
      </c>
      <c r="F94802" s="14" t="s">
        <v>28</v>
      </c>
      <c r="G94802" s="16">
        <v>0.21182036523239983</v>
      </c>
    </row>
    <row r="94803" spans="1:7" x14ac:dyDescent="0.3">
      <c r="A94803" s="13" t="s">
        <v>470</v>
      </c>
      <c r="B94803" s="14" t="s">
        <v>1</v>
      </c>
      <c r="C94803" s="14" t="s">
        <v>23</v>
      </c>
      <c r="D94803" s="14" t="s">
        <v>471</v>
      </c>
      <c r="E94803" s="15">
        <v>45644</v>
      </c>
      <c r="F94803" s="14" t="s">
        <v>28</v>
      </c>
      <c r="G94803" s="16">
        <v>0.22751446948767462</v>
      </c>
    </row>
    <row r="94804" spans="1:7" x14ac:dyDescent="0.3">
      <c r="A94804" s="13" t="s">
        <v>470</v>
      </c>
      <c r="B94804" s="14" t="s">
        <v>1</v>
      </c>
      <c r="C94804" s="14" t="s">
        <v>23</v>
      </c>
      <c r="D94804" s="14" t="s">
        <v>471</v>
      </c>
      <c r="E94804" s="15">
        <v>45645</v>
      </c>
      <c r="F94804" s="14" t="s">
        <v>28</v>
      </c>
      <c r="G94804" s="16">
        <v>0.23972696598691567</v>
      </c>
    </row>
    <row r="94805" spans="1:7" x14ac:dyDescent="0.3">
      <c r="A94805" s="13" t="s">
        <v>470</v>
      </c>
      <c r="B94805" s="14" t="s">
        <v>1</v>
      </c>
      <c r="C94805" s="14" t="s">
        <v>23</v>
      </c>
      <c r="D94805" s="14" t="s">
        <v>471</v>
      </c>
      <c r="E94805" s="15">
        <v>45646</v>
      </c>
      <c r="F94805" s="14" t="s">
        <v>28</v>
      </c>
      <c r="G94805" s="16">
        <v>0.25122258349313104</v>
      </c>
    </row>
    <row r="94806" spans="1:7" x14ac:dyDescent="0.3">
      <c r="A94806" s="13" t="s">
        <v>470</v>
      </c>
      <c r="B94806" s="14" t="s">
        <v>1</v>
      </c>
      <c r="C94806" s="14" t="s">
        <v>23</v>
      </c>
      <c r="D94806" s="14" t="s">
        <v>471</v>
      </c>
      <c r="E94806" s="15">
        <v>45647</v>
      </c>
      <c r="F94806" s="14" t="s">
        <v>28</v>
      </c>
      <c r="G94806" s="16">
        <v>0.25122258349313104</v>
      </c>
    </row>
    <row r="94807" spans="1:7" x14ac:dyDescent="0.3">
      <c r="A94807" s="13" t="s">
        <v>470</v>
      </c>
      <c r="B94807" s="14" t="s">
        <v>1</v>
      </c>
      <c r="C94807" s="14" t="s">
        <v>23</v>
      </c>
      <c r="D94807" s="14" t="s">
        <v>471</v>
      </c>
      <c r="E94807" s="15">
        <v>45648</v>
      </c>
      <c r="F94807" s="14" t="s">
        <v>28</v>
      </c>
      <c r="G94807" s="16">
        <v>0.25122258349313104</v>
      </c>
    </row>
    <row r="94808" spans="1:7" x14ac:dyDescent="0.3">
      <c r="A94808" s="13" t="s">
        <v>470</v>
      </c>
      <c r="B94808" s="14" t="s">
        <v>1</v>
      </c>
      <c r="C94808" s="14" t="s">
        <v>23</v>
      </c>
      <c r="D94808" s="14" t="s">
        <v>471</v>
      </c>
      <c r="E94808" s="15">
        <v>45649</v>
      </c>
      <c r="F94808" s="14" t="s">
        <v>28</v>
      </c>
      <c r="G94808" s="16">
        <v>0.22912143524759157</v>
      </c>
    </row>
    <row r="94809" spans="1:7" x14ac:dyDescent="0.3">
      <c r="A94809" s="13" t="s">
        <v>470</v>
      </c>
      <c r="B94809" s="14" t="s">
        <v>1</v>
      </c>
      <c r="C94809" s="14" t="s">
        <v>23</v>
      </c>
      <c r="D94809" s="14" t="s">
        <v>471</v>
      </c>
      <c r="E94809" s="15">
        <v>45650</v>
      </c>
      <c r="F94809" s="14" t="s">
        <v>28</v>
      </c>
      <c r="G94809" s="16">
        <v>0.26424944174883613</v>
      </c>
    </row>
    <row r="94810" spans="1:7" x14ac:dyDescent="0.3">
      <c r="A94810" s="13" t="s">
        <v>470</v>
      </c>
      <c r="B94810" s="14" t="s">
        <v>1</v>
      </c>
      <c r="C94810" s="14" t="s">
        <v>23</v>
      </c>
      <c r="D94810" s="14" t="s">
        <v>471</v>
      </c>
      <c r="E94810" s="15">
        <v>45651</v>
      </c>
      <c r="F94810" s="14" t="s">
        <v>28</v>
      </c>
      <c r="G94810" s="16">
        <v>0.26424944174883613</v>
      </c>
    </row>
    <row r="94811" spans="1:7" x14ac:dyDescent="0.3">
      <c r="A94811" s="13" t="s">
        <v>470</v>
      </c>
      <c r="B94811" s="14" t="s">
        <v>1</v>
      </c>
      <c r="C94811" s="14" t="s">
        <v>23</v>
      </c>
      <c r="D94811" s="14" t="s">
        <v>471</v>
      </c>
      <c r="E94811" s="15">
        <v>45652</v>
      </c>
      <c r="F94811" s="14" t="s">
        <v>28</v>
      </c>
      <c r="G94811" s="16">
        <v>0.26424944174883613</v>
      </c>
    </row>
    <row r="94812" spans="1:7" x14ac:dyDescent="0.3">
      <c r="A94812" s="13" t="s">
        <v>470</v>
      </c>
      <c r="B94812" s="14" t="s">
        <v>1</v>
      </c>
      <c r="C94812" s="14" t="s">
        <v>23</v>
      </c>
      <c r="D94812" s="14" t="s">
        <v>471</v>
      </c>
      <c r="E94812" s="15">
        <v>45653</v>
      </c>
      <c r="F94812" s="14" t="s">
        <v>28</v>
      </c>
      <c r="G94812" s="16">
        <v>0.26424944174883613</v>
      </c>
    </row>
    <row r="94813" spans="1:7" x14ac:dyDescent="0.3">
      <c r="A94813" s="13" t="s">
        <v>470</v>
      </c>
      <c r="B94813" s="14" t="s">
        <v>1</v>
      </c>
      <c r="C94813" s="14" t="s">
        <v>23</v>
      </c>
      <c r="D94813" s="14" t="s">
        <v>471</v>
      </c>
      <c r="E94813" s="15">
        <v>45654</v>
      </c>
      <c r="F94813" s="14" t="s">
        <v>28</v>
      </c>
      <c r="G94813" s="16">
        <v>0.26424944174883613</v>
      </c>
    </row>
    <row r="94814" spans="1:7" x14ac:dyDescent="0.3">
      <c r="A94814" s="13" t="s">
        <v>470</v>
      </c>
      <c r="B94814" s="14" t="s">
        <v>1</v>
      </c>
      <c r="C94814" s="14" t="s">
        <v>23</v>
      </c>
      <c r="D94814" s="14" t="s">
        <v>471</v>
      </c>
      <c r="E94814" s="15">
        <v>45655</v>
      </c>
      <c r="F94814" s="14" t="s">
        <v>28</v>
      </c>
      <c r="G94814" s="16">
        <v>0.26424944174883613</v>
      </c>
    </row>
    <row r="94815" spans="1:7" x14ac:dyDescent="0.3">
      <c r="A94815" s="13" t="s">
        <v>470</v>
      </c>
      <c r="B94815" s="14" t="s">
        <v>1</v>
      </c>
      <c r="C94815" s="14" t="s">
        <v>23</v>
      </c>
      <c r="D94815" s="14" t="s">
        <v>471</v>
      </c>
      <c r="E94815" s="15">
        <v>45656</v>
      </c>
      <c r="F94815" s="14" t="s">
        <v>28</v>
      </c>
      <c r="G94815" s="16">
        <v>0.27785793647944379</v>
      </c>
    </row>
    <row r="94816" spans="1:7" x14ac:dyDescent="0.3">
      <c r="A94816" s="13" t="s">
        <v>470</v>
      </c>
      <c r="B94816" s="14" t="s">
        <v>1</v>
      </c>
      <c r="C94816" s="14" t="s">
        <v>23</v>
      </c>
      <c r="D94816" s="14" t="s">
        <v>471</v>
      </c>
      <c r="E94816" s="15">
        <v>45657</v>
      </c>
      <c r="F94816" s="14" t="s">
        <v>28</v>
      </c>
      <c r="G94816" s="16">
        <v>0.36264038393100395</v>
      </c>
    </row>
    <row r="94817" spans="1:7" x14ac:dyDescent="0.3">
      <c r="A94817" s="13" t="s">
        <v>470</v>
      </c>
      <c r="B94817" s="14" t="s">
        <v>1</v>
      </c>
      <c r="C94817" s="14" t="s">
        <v>23</v>
      </c>
      <c r="D94817" s="14" t="s">
        <v>471</v>
      </c>
      <c r="E94817" s="15">
        <v>45658</v>
      </c>
      <c r="F94817" s="14" t="s">
        <v>28</v>
      </c>
      <c r="G94817" s="16">
        <v>0.36264038393100395</v>
      </c>
    </row>
    <row r="94818" spans="1:7" x14ac:dyDescent="0.3">
      <c r="A94818" s="13" t="s">
        <v>470</v>
      </c>
      <c r="B94818" s="14" t="s">
        <v>1</v>
      </c>
      <c r="C94818" s="14" t="s">
        <v>23</v>
      </c>
      <c r="D94818" s="14" t="s">
        <v>471</v>
      </c>
      <c r="E94818" s="15">
        <v>45659</v>
      </c>
      <c r="F94818" s="14" t="s">
        <v>28</v>
      </c>
      <c r="G94818" s="16">
        <v>0</v>
      </c>
    </row>
    <row r="94819" spans="1:7" x14ac:dyDescent="0.3">
      <c r="A94819" s="13" t="s">
        <v>470</v>
      </c>
      <c r="B94819" s="14" t="s">
        <v>1</v>
      </c>
      <c r="C94819" s="14" t="s">
        <v>23</v>
      </c>
      <c r="D94819" s="14" t="s">
        <v>471</v>
      </c>
      <c r="E94819" s="15">
        <v>45660</v>
      </c>
      <c r="F94819" s="14" t="s">
        <v>28</v>
      </c>
      <c r="G94819" s="16">
        <v>1.2697635444625183E-2</v>
      </c>
    </row>
    <row r="94820" spans="1:7" x14ac:dyDescent="0.3">
      <c r="A94820" s="13" t="s">
        <v>470</v>
      </c>
      <c r="B94820" s="14" t="s">
        <v>1</v>
      </c>
      <c r="C94820" s="14" t="s">
        <v>23</v>
      </c>
      <c r="D94820" s="14" t="s">
        <v>471</v>
      </c>
      <c r="E94820" s="15">
        <v>45661</v>
      </c>
      <c r="F94820" s="14" t="s">
        <v>28</v>
      </c>
      <c r="G94820" s="16">
        <v>1.2697635444625183E-2</v>
      </c>
    </row>
    <row r="94821" spans="1:7" x14ac:dyDescent="0.3">
      <c r="A94821" s="13" t="s">
        <v>470</v>
      </c>
      <c r="B94821" s="14" t="s">
        <v>1</v>
      </c>
      <c r="C94821" s="14" t="s">
        <v>23</v>
      </c>
      <c r="D94821" s="14" t="s">
        <v>471</v>
      </c>
      <c r="E94821" s="15">
        <v>45662</v>
      </c>
      <c r="F94821" s="14" t="s">
        <v>28</v>
      </c>
      <c r="G94821" s="16">
        <v>1.2697635444625183E-2</v>
      </c>
    </row>
    <row r="94822" spans="1:7" x14ac:dyDescent="0.3">
      <c r="A94822" s="13" t="s">
        <v>470</v>
      </c>
      <c r="B94822" s="14" t="s">
        <v>1</v>
      </c>
      <c r="C94822" s="14" t="s">
        <v>23</v>
      </c>
      <c r="D94822" s="14" t="s">
        <v>471</v>
      </c>
      <c r="E94822" s="15">
        <v>45663</v>
      </c>
      <c r="F94822" s="14" t="s">
        <v>28</v>
      </c>
      <c r="G94822" s="16">
        <v>2.5789720255535005E-2</v>
      </c>
    </row>
    <row r="94823" spans="1:7" x14ac:dyDescent="0.3">
      <c r="A94823" s="13" t="s">
        <v>470</v>
      </c>
      <c r="B94823" s="14" t="s">
        <v>1</v>
      </c>
      <c r="C94823" s="14" t="s">
        <v>23</v>
      </c>
      <c r="D94823" s="14" t="s">
        <v>471</v>
      </c>
      <c r="E94823" s="15">
        <v>45664</v>
      </c>
      <c r="F94823" s="14" t="s">
        <v>28</v>
      </c>
      <c r="G94823" s="16">
        <v>6.6383252528250516E-2</v>
      </c>
    </row>
    <row r="94824" spans="1:7" x14ac:dyDescent="0.3">
      <c r="A94824" s="13" t="s">
        <v>470</v>
      </c>
      <c r="B94824" s="14" t="s">
        <v>1</v>
      </c>
      <c r="C94824" s="14" t="s">
        <v>23</v>
      </c>
      <c r="D94824" s="14" t="s">
        <v>471</v>
      </c>
      <c r="E94824" s="15">
        <v>45665</v>
      </c>
      <c r="F94824" s="14" t="s">
        <v>28</v>
      </c>
      <c r="G94824" s="16">
        <v>8.1472897968480423E-2</v>
      </c>
    </row>
    <row r="94825" spans="1:7" x14ac:dyDescent="0.3">
      <c r="A94825" s="13" t="s">
        <v>470</v>
      </c>
      <c r="B94825" s="14" t="s">
        <v>1</v>
      </c>
      <c r="C94825" s="14" t="s">
        <v>23</v>
      </c>
      <c r="D94825" s="14" t="s">
        <v>471</v>
      </c>
      <c r="E94825" s="15">
        <v>45666</v>
      </c>
      <c r="F94825" s="14" t="s">
        <v>28</v>
      </c>
      <c r="G94825" s="16">
        <v>8.1472897968480423E-2</v>
      </c>
    </row>
    <row r="94826" spans="1:7" x14ac:dyDescent="0.3">
      <c r="A94826" s="13" t="s">
        <v>470</v>
      </c>
      <c r="B94826" s="14" t="s">
        <v>1</v>
      </c>
      <c r="C94826" s="14" t="s">
        <v>23</v>
      </c>
      <c r="D94826" s="14" t="s">
        <v>471</v>
      </c>
      <c r="E94826" s="15">
        <v>45667</v>
      </c>
      <c r="F94826" s="14" t="s">
        <v>28</v>
      </c>
      <c r="G94826" s="16">
        <v>0.10016187045780883</v>
      </c>
    </row>
    <row r="94827" spans="1:7" x14ac:dyDescent="0.3">
      <c r="A94827" s="13" t="s">
        <v>470</v>
      </c>
      <c r="B94827" s="14" t="s">
        <v>1</v>
      </c>
      <c r="C94827" s="14" t="s">
        <v>23</v>
      </c>
      <c r="D94827" s="14" t="s">
        <v>471</v>
      </c>
      <c r="E94827" s="15">
        <v>45668</v>
      </c>
      <c r="F94827" s="14" t="s">
        <v>28</v>
      </c>
      <c r="G94827" s="16">
        <v>0.10016187045780883</v>
      </c>
    </row>
    <row r="94828" spans="1:7" x14ac:dyDescent="0.3">
      <c r="A94828" s="13" t="s">
        <v>470</v>
      </c>
      <c r="B94828" s="14" t="s">
        <v>1</v>
      </c>
      <c r="C94828" s="14" t="s">
        <v>23</v>
      </c>
      <c r="D94828" s="14" t="s">
        <v>471</v>
      </c>
      <c r="E94828" s="15">
        <v>45669</v>
      </c>
      <c r="F94828" s="14" t="s">
        <v>28</v>
      </c>
      <c r="G94828" s="16">
        <v>0.10016187045780883</v>
      </c>
    </row>
    <row r="94829" spans="1:7" x14ac:dyDescent="0.3">
      <c r="A94829" s="13" t="s">
        <v>470</v>
      </c>
      <c r="B94829" s="14" t="s">
        <v>1</v>
      </c>
      <c r="C94829" s="14" t="s">
        <v>23</v>
      </c>
      <c r="D94829" s="14" t="s">
        <v>471</v>
      </c>
      <c r="E94829" s="15">
        <v>45670</v>
      </c>
      <c r="F94829" s="14" t="s">
        <v>28</v>
      </c>
      <c r="G94829" s="16">
        <v>0.1286527788808543</v>
      </c>
    </row>
    <row r="94830" spans="1:7" x14ac:dyDescent="0.3">
      <c r="A94830" s="13" t="s">
        <v>470</v>
      </c>
      <c r="B94830" s="14" t="s">
        <v>1</v>
      </c>
      <c r="C94830" s="14" t="s">
        <v>23</v>
      </c>
      <c r="D94830" s="14" t="s">
        <v>471</v>
      </c>
      <c r="E94830" s="15">
        <v>45671</v>
      </c>
      <c r="F94830" s="14" t="s">
        <v>28</v>
      </c>
      <c r="G94830" s="16">
        <v>0.16349940966186696</v>
      </c>
    </row>
    <row r="94831" spans="1:7" x14ac:dyDescent="0.3">
      <c r="A94831" s="13" t="s">
        <v>470</v>
      </c>
      <c r="B94831" s="14" t="s">
        <v>1</v>
      </c>
      <c r="C94831" s="14" t="s">
        <v>23</v>
      </c>
      <c r="D94831" s="14" t="s">
        <v>471</v>
      </c>
      <c r="E94831" s="15">
        <v>45672</v>
      </c>
      <c r="F94831" s="14" t="s">
        <v>28</v>
      </c>
      <c r="G94831" s="16">
        <v>0.17689303259624614</v>
      </c>
    </row>
    <row r="94832" spans="1:7" x14ac:dyDescent="0.3">
      <c r="A94832" s="13" t="s">
        <v>470</v>
      </c>
      <c r="B94832" s="14" t="s">
        <v>1</v>
      </c>
      <c r="C94832" s="14" t="s">
        <v>23</v>
      </c>
      <c r="D94832" s="14" t="s">
        <v>471</v>
      </c>
      <c r="E94832" s="15">
        <v>45673</v>
      </c>
      <c r="F94832" s="14" t="s">
        <v>28</v>
      </c>
      <c r="G94832" s="16">
        <v>0.19017488937089197</v>
      </c>
    </row>
    <row r="94833" spans="1:7" x14ac:dyDescent="0.3">
      <c r="A94833" s="13" t="s">
        <v>470</v>
      </c>
      <c r="B94833" s="14" t="s">
        <v>1</v>
      </c>
      <c r="C94833" s="14" t="s">
        <v>23</v>
      </c>
      <c r="D94833" s="14" t="s">
        <v>471</v>
      </c>
      <c r="E94833" s="15">
        <v>45674</v>
      </c>
      <c r="F94833" s="14" t="s">
        <v>28</v>
      </c>
      <c r="G94833" s="16">
        <v>0.1960910550098032</v>
      </c>
    </row>
    <row r="94834" spans="1:7" x14ac:dyDescent="0.3">
      <c r="A94834" s="13" t="s">
        <v>470</v>
      </c>
      <c r="B94834" s="14" t="s">
        <v>1</v>
      </c>
      <c r="C94834" s="14" t="s">
        <v>23</v>
      </c>
      <c r="D94834" s="14" t="s">
        <v>471</v>
      </c>
      <c r="E94834" s="15">
        <v>45675</v>
      </c>
      <c r="F94834" s="14" t="s">
        <v>28</v>
      </c>
      <c r="G94834" s="16">
        <v>0.1960910550098032</v>
      </c>
    </row>
    <row r="94835" spans="1:7" x14ac:dyDescent="0.3">
      <c r="A94835" s="13" t="s">
        <v>470</v>
      </c>
      <c r="B94835" s="14" t="s">
        <v>1</v>
      </c>
      <c r="C94835" s="14" t="s">
        <v>23</v>
      </c>
      <c r="D94835" s="14" t="s">
        <v>471</v>
      </c>
      <c r="E94835" s="15">
        <v>45676</v>
      </c>
      <c r="F94835" s="14" t="s">
        <v>28</v>
      </c>
      <c r="G94835" s="16">
        <v>0.1960910550098032</v>
      </c>
    </row>
    <row r="94836" spans="1:7" x14ac:dyDescent="0.3">
      <c r="A94836" s="13" t="s">
        <v>470</v>
      </c>
      <c r="B94836" s="14" t="s">
        <v>1</v>
      </c>
      <c r="C94836" s="14" t="s">
        <v>23</v>
      </c>
      <c r="D94836" s="14" t="s">
        <v>471</v>
      </c>
      <c r="E94836" s="15">
        <v>45677</v>
      </c>
      <c r="F94836" s="14" t="s">
        <v>28</v>
      </c>
      <c r="G94836" s="16">
        <v>0.1960910550098032</v>
      </c>
    </row>
    <row r="94837" spans="1:7" x14ac:dyDescent="0.3">
      <c r="A94837" s="13" t="s">
        <v>470</v>
      </c>
      <c r="B94837" s="14" t="s">
        <v>1</v>
      </c>
      <c r="C94837" s="14" t="s">
        <v>23</v>
      </c>
      <c r="D94837" s="14" t="s">
        <v>471</v>
      </c>
      <c r="E94837" s="15">
        <v>45678</v>
      </c>
      <c r="F94837" s="14" t="s">
        <v>28</v>
      </c>
      <c r="G94837" s="16">
        <v>0.20762001634734298</v>
      </c>
    </row>
    <row r="94838" spans="1:7" x14ac:dyDescent="0.3">
      <c r="A94838" s="13" t="s">
        <v>470</v>
      </c>
      <c r="B94838" s="14" t="s">
        <v>1</v>
      </c>
      <c r="C94838" s="14" t="s">
        <v>23</v>
      </c>
      <c r="D94838" s="14" t="s">
        <v>471</v>
      </c>
      <c r="E94838" s="15">
        <v>45679</v>
      </c>
      <c r="F94838" s="14" t="s">
        <v>28</v>
      </c>
      <c r="G94838" s="16">
        <v>0.25744518174618874</v>
      </c>
    </row>
    <row r="94839" spans="1:7" x14ac:dyDescent="0.3">
      <c r="A94839" s="13" t="s">
        <v>470</v>
      </c>
      <c r="B94839" s="14" t="s">
        <v>1</v>
      </c>
      <c r="C94839" s="14" t="s">
        <v>23</v>
      </c>
      <c r="D94839" s="14" t="s">
        <v>471</v>
      </c>
      <c r="E94839" s="15">
        <v>45680</v>
      </c>
      <c r="F94839" s="14" t="s">
        <v>28</v>
      </c>
      <c r="G94839" s="16">
        <v>0.2698862286931028</v>
      </c>
    </row>
    <row r="94840" spans="1:7" x14ac:dyDescent="0.3">
      <c r="A94840" s="13" t="s">
        <v>470</v>
      </c>
      <c r="B94840" s="14" t="s">
        <v>1</v>
      </c>
      <c r="C94840" s="14" t="s">
        <v>23</v>
      </c>
      <c r="D94840" s="14" t="s">
        <v>471</v>
      </c>
      <c r="E94840" s="15">
        <v>45681</v>
      </c>
      <c r="F94840" s="14" t="s">
        <v>28</v>
      </c>
      <c r="G94840" s="16">
        <v>0.28038633094475124</v>
      </c>
    </row>
    <row r="94841" spans="1:7" x14ac:dyDescent="0.3">
      <c r="A94841" s="13" t="s">
        <v>470</v>
      </c>
      <c r="B94841" s="14" t="s">
        <v>1</v>
      </c>
      <c r="C94841" s="14" t="s">
        <v>23</v>
      </c>
      <c r="D94841" s="14" t="s">
        <v>471</v>
      </c>
      <c r="E94841" s="15">
        <v>45682</v>
      </c>
      <c r="F94841" s="14" t="s">
        <v>28</v>
      </c>
      <c r="G94841" s="16">
        <v>0.28038633094475124</v>
      </c>
    </row>
    <row r="94842" spans="1:7" x14ac:dyDescent="0.3">
      <c r="A94842" s="13" t="s">
        <v>470</v>
      </c>
      <c r="B94842" s="14" t="s">
        <v>1</v>
      </c>
      <c r="C94842" s="14" t="s">
        <v>23</v>
      </c>
      <c r="D94842" s="14" t="s">
        <v>471</v>
      </c>
      <c r="E94842" s="15">
        <v>45683</v>
      </c>
      <c r="F94842" s="14" t="s">
        <v>28</v>
      </c>
      <c r="G94842" s="16">
        <v>0.28038633094475124</v>
      </c>
    </row>
    <row r="94843" spans="1:7" x14ac:dyDescent="0.3">
      <c r="A94843" s="13" t="s">
        <v>470</v>
      </c>
      <c r="B94843" s="14" t="s">
        <v>1</v>
      </c>
      <c r="C94843" s="14" t="s">
        <v>23</v>
      </c>
      <c r="D94843" s="14" t="s">
        <v>471</v>
      </c>
      <c r="E94843" s="15">
        <v>45684</v>
      </c>
      <c r="F94843" s="14" t="s">
        <v>28</v>
      </c>
      <c r="G94843" s="16">
        <v>0.2938596537980907</v>
      </c>
    </row>
    <row r="94844" spans="1:7" x14ac:dyDescent="0.3">
      <c r="A94844" s="13" t="s">
        <v>470</v>
      </c>
      <c r="B94844" s="14" t="s">
        <v>1</v>
      </c>
      <c r="C94844" s="14" t="s">
        <v>23</v>
      </c>
      <c r="D94844" s="14" t="s">
        <v>471</v>
      </c>
      <c r="E94844" s="15">
        <v>45685</v>
      </c>
      <c r="F94844" s="14" t="s">
        <v>28</v>
      </c>
      <c r="G94844" s="16">
        <v>0.33316891824005462</v>
      </c>
    </row>
    <row r="94845" spans="1:7" x14ac:dyDescent="0.3">
      <c r="A94845" s="13" t="s">
        <v>470</v>
      </c>
      <c r="B94845" s="14" t="s">
        <v>1</v>
      </c>
      <c r="C94845" s="14" t="s">
        <v>23</v>
      </c>
      <c r="D94845" s="14" t="s">
        <v>471</v>
      </c>
      <c r="E94845" s="15">
        <v>45686</v>
      </c>
      <c r="F94845" s="14" t="s">
        <v>28</v>
      </c>
      <c r="G94845" s="16">
        <v>0.34529352446872041</v>
      </c>
    </row>
    <row r="94846" spans="1:7" x14ac:dyDescent="0.3">
      <c r="A94846" s="13" t="s">
        <v>470</v>
      </c>
      <c r="B94846" s="14" t="s">
        <v>1</v>
      </c>
      <c r="C94846" s="14" t="s">
        <v>23</v>
      </c>
      <c r="D94846" s="14" t="s">
        <v>471</v>
      </c>
      <c r="E94846" s="15">
        <v>45687</v>
      </c>
      <c r="F94846" s="14" t="s">
        <v>28</v>
      </c>
      <c r="G94846" s="16">
        <v>0.35969970356044251</v>
      </c>
    </row>
    <row r="94847" spans="1:7" x14ac:dyDescent="0.3">
      <c r="A94847" s="13" t="s">
        <v>470</v>
      </c>
      <c r="B94847" s="14" t="s">
        <v>1</v>
      </c>
      <c r="C94847" s="14" t="s">
        <v>23</v>
      </c>
      <c r="D94847" s="14" t="s">
        <v>471</v>
      </c>
      <c r="E94847" s="15">
        <v>45688</v>
      </c>
      <c r="F94847" s="14" t="s">
        <v>28</v>
      </c>
      <c r="G94847" s="16">
        <v>0.37365349530569286</v>
      </c>
    </row>
    <row r="94848" spans="1:7" x14ac:dyDescent="0.3">
      <c r="A94848" s="13" t="s">
        <v>470</v>
      </c>
      <c r="B94848" s="14" t="s">
        <v>1</v>
      </c>
      <c r="C94848" s="14" t="s">
        <v>23</v>
      </c>
      <c r="D94848" s="14" t="s">
        <v>471</v>
      </c>
      <c r="E94848" s="15">
        <v>45689</v>
      </c>
      <c r="F94848" s="14" t="s">
        <v>28</v>
      </c>
      <c r="G94848" s="16">
        <v>0.37365349530569286</v>
      </c>
    </row>
    <row r="94849" spans="1:7" x14ac:dyDescent="0.3">
      <c r="A94849" s="13" t="s">
        <v>470</v>
      </c>
      <c r="B94849" s="14" t="s">
        <v>1</v>
      </c>
      <c r="C94849" s="14" t="s">
        <v>23</v>
      </c>
      <c r="D94849" s="14" t="s">
        <v>471</v>
      </c>
      <c r="E94849" s="15">
        <v>45690</v>
      </c>
      <c r="F94849" s="14" t="s">
        <v>28</v>
      </c>
      <c r="G94849" s="16">
        <v>0.37365349530569286</v>
      </c>
    </row>
    <row r="94850" spans="1:7" x14ac:dyDescent="0.3">
      <c r="A94850" s="13" t="s">
        <v>470</v>
      </c>
      <c r="B94850" s="14" t="s">
        <v>1</v>
      </c>
      <c r="C94850" s="14" t="s">
        <v>23</v>
      </c>
      <c r="D94850" s="14" t="s">
        <v>471</v>
      </c>
      <c r="E94850" s="15">
        <v>45691</v>
      </c>
      <c r="F94850" s="14" t="s">
        <v>28</v>
      </c>
      <c r="G94850" s="16">
        <v>0.37365349530569286</v>
      </c>
    </row>
    <row r="94851" spans="1:7" x14ac:dyDescent="0.3">
      <c r="A94851" s="13" t="s">
        <v>470</v>
      </c>
      <c r="B94851" s="14" t="s">
        <v>1</v>
      </c>
      <c r="C94851" s="14" t="s">
        <v>23</v>
      </c>
      <c r="D94851" s="14" t="s">
        <v>471</v>
      </c>
      <c r="E94851" s="15">
        <v>45692</v>
      </c>
      <c r="F94851" s="14" t="s">
        <v>28</v>
      </c>
      <c r="G94851" s="16">
        <v>0</v>
      </c>
    </row>
    <row r="94852" spans="1:7" x14ac:dyDescent="0.3">
      <c r="A94852" s="13" t="s">
        <v>470</v>
      </c>
      <c r="B94852" s="14" t="s">
        <v>1</v>
      </c>
      <c r="C94852" s="14" t="s">
        <v>23</v>
      </c>
      <c r="D94852" s="14" t="s">
        <v>471</v>
      </c>
      <c r="E94852" s="15">
        <v>45693</v>
      </c>
      <c r="F94852" s="14" t="s">
        <v>28</v>
      </c>
      <c r="G94852" s="16">
        <v>3.5678531133832771E-2</v>
      </c>
    </row>
    <row r="94853" spans="1:7" x14ac:dyDescent="0.3">
      <c r="A94853" s="13" t="s">
        <v>470</v>
      </c>
      <c r="B94853" s="14" t="s">
        <v>1</v>
      </c>
      <c r="C94853" s="14" t="s">
        <v>23</v>
      </c>
      <c r="D94853" s="14" t="s">
        <v>471</v>
      </c>
      <c r="E94853" s="15">
        <v>45694</v>
      </c>
      <c r="F94853" s="14" t="s">
        <v>28</v>
      </c>
      <c r="G94853" s="16">
        <v>4.8299299717994959E-2</v>
      </c>
    </row>
    <row r="94854" spans="1:7" x14ac:dyDescent="0.3">
      <c r="A94854" s="13" t="s">
        <v>470</v>
      </c>
      <c r="B94854" s="14" t="s">
        <v>1</v>
      </c>
      <c r="C94854" s="14" t="s">
        <v>23</v>
      </c>
      <c r="D94854" s="14" t="s">
        <v>471</v>
      </c>
      <c r="E94854" s="15">
        <v>45695</v>
      </c>
      <c r="F94854" s="14" t="s">
        <v>28</v>
      </c>
      <c r="G94854" s="16">
        <v>6.114951115397755E-2</v>
      </c>
    </row>
    <row r="94855" spans="1:7" x14ac:dyDescent="0.3">
      <c r="A94855" s="13" t="s">
        <v>470</v>
      </c>
      <c r="B94855" s="14" t="s">
        <v>1</v>
      </c>
      <c r="C94855" s="14" t="s">
        <v>23</v>
      </c>
      <c r="D94855" s="14" t="s">
        <v>471</v>
      </c>
      <c r="E94855" s="15">
        <v>45696</v>
      </c>
      <c r="F94855" s="14" t="s">
        <v>28</v>
      </c>
      <c r="G94855" s="16">
        <v>6.114951115397755E-2</v>
      </c>
    </row>
    <row r="94856" spans="1:7" x14ac:dyDescent="0.3">
      <c r="A94856" s="13" t="s">
        <v>470</v>
      </c>
      <c r="B94856" s="14" t="s">
        <v>1</v>
      </c>
      <c r="C94856" s="14" t="s">
        <v>23</v>
      </c>
      <c r="D94856" s="14" t="s">
        <v>471</v>
      </c>
      <c r="E94856" s="15">
        <v>45697</v>
      </c>
      <c r="F94856" s="14" t="s">
        <v>28</v>
      </c>
      <c r="G94856" s="16">
        <v>6.114951115397755E-2</v>
      </c>
    </row>
    <row r="94857" spans="1:7" x14ac:dyDescent="0.3">
      <c r="A94857" s="13" t="s">
        <v>470</v>
      </c>
      <c r="B94857" s="14" t="s">
        <v>1</v>
      </c>
      <c r="C94857" s="14" t="s">
        <v>23</v>
      </c>
      <c r="D94857" s="14" t="s">
        <v>471</v>
      </c>
      <c r="E94857" s="15">
        <v>45698</v>
      </c>
      <c r="F94857" s="14" t="s">
        <v>28</v>
      </c>
      <c r="G94857" s="16">
        <v>8.1726457831319238E-2</v>
      </c>
    </row>
    <row r="94858" spans="1:7" x14ac:dyDescent="0.3">
      <c r="A94858" s="13" t="s">
        <v>470</v>
      </c>
      <c r="B94858" s="14" t="s">
        <v>1</v>
      </c>
      <c r="C94858" s="14" t="s">
        <v>23</v>
      </c>
      <c r="D94858" s="14" t="s">
        <v>471</v>
      </c>
      <c r="E94858" s="15">
        <v>45699</v>
      </c>
      <c r="F94858" s="14" t="s">
        <v>28</v>
      </c>
      <c r="G94858" s="16">
        <v>0.11928526820385789</v>
      </c>
    </row>
    <row r="94859" spans="1:7" x14ac:dyDescent="0.3">
      <c r="A94859" s="13" t="s">
        <v>470</v>
      </c>
      <c r="B94859" s="14" t="s">
        <v>1</v>
      </c>
      <c r="C94859" s="14" t="s">
        <v>23</v>
      </c>
      <c r="D94859" s="14" t="s">
        <v>471</v>
      </c>
      <c r="E94859" s="15">
        <v>45700</v>
      </c>
      <c r="F94859" s="14" t="s">
        <v>28</v>
      </c>
      <c r="G94859" s="16">
        <v>0.13173003607022732</v>
      </c>
    </row>
    <row r="94860" spans="1:7" x14ac:dyDescent="0.3">
      <c r="A94860" s="13" t="s">
        <v>470</v>
      </c>
      <c r="B94860" s="14" t="s">
        <v>1</v>
      </c>
      <c r="C94860" s="14" t="s">
        <v>23</v>
      </c>
      <c r="D94860" s="14" t="s">
        <v>471</v>
      </c>
      <c r="E94860" s="15">
        <v>45701</v>
      </c>
      <c r="F94860" s="14" t="s">
        <v>28</v>
      </c>
      <c r="G94860" s="16">
        <v>0.14462512141895878</v>
      </c>
    </row>
    <row r="94861" spans="1:7" x14ac:dyDescent="0.3">
      <c r="A94861" s="13" t="s">
        <v>470</v>
      </c>
      <c r="B94861" s="14" t="s">
        <v>1</v>
      </c>
      <c r="C94861" s="14" t="s">
        <v>23</v>
      </c>
      <c r="D94861" s="14" t="s">
        <v>471</v>
      </c>
      <c r="E94861" s="15">
        <v>45702</v>
      </c>
      <c r="F94861" s="14" t="s">
        <v>28</v>
      </c>
      <c r="G94861" s="16">
        <v>0.15642837257385803</v>
      </c>
    </row>
    <row r="94862" spans="1:7" x14ac:dyDescent="0.3">
      <c r="A94862" s="13" t="s">
        <v>470</v>
      </c>
      <c r="B94862" s="14" t="s">
        <v>1</v>
      </c>
      <c r="C94862" s="14" t="s">
        <v>23</v>
      </c>
      <c r="D94862" s="14" t="s">
        <v>471</v>
      </c>
      <c r="E94862" s="15">
        <v>45703</v>
      </c>
      <c r="F94862" s="14" t="s">
        <v>28</v>
      </c>
      <c r="G94862" s="16">
        <v>0.15642837257385803</v>
      </c>
    </row>
    <row r="94863" spans="1:7" x14ac:dyDescent="0.3">
      <c r="A94863" s="13" t="s">
        <v>470</v>
      </c>
      <c r="B94863" s="14" t="s">
        <v>1</v>
      </c>
      <c r="C94863" s="14" t="s">
        <v>23</v>
      </c>
      <c r="D94863" s="14" t="s">
        <v>471</v>
      </c>
      <c r="E94863" s="15">
        <v>45704</v>
      </c>
      <c r="F94863" s="14" t="s">
        <v>28</v>
      </c>
      <c r="G94863" s="16">
        <v>0.15642837257385803</v>
      </c>
    </row>
    <row r="94864" spans="1:7" x14ac:dyDescent="0.3">
      <c r="A94864" s="13" t="s">
        <v>470</v>
      </c>
      <c r="B94864" s="14" t="s">
        <v>1</v>
      </c>
      <c r="C94864" s="14" t="s">
        <v>23</v>
      </c>
      <c r="D94864" s="14" t="s">
        <v>471</v>
      </c>
      <c r="E94864" s="15">
        <v>45705</v>
      </c>
      <c r="F94864" s="14" t="s">
        <v>28</v>
      </c>
      <c r="G94864" s="16">
        <v>0.15642837257385803</v>
      </c>
    </row>
    <row r="94865" spans="1:7" x14ac:dyDescent="0.3">
      <c r="A94865" s="13" t="s">
        <v>470</v>
      </c>
      <c r="B94865" s="14" t="s">
        <v>1</v>
      </c>
      <c r="C94865" s="14" t="s">
        <v>23</v>
      </c>
      <c r="D94865" s="14" t="s">
        <v>471</v>
      </c>
      <c r="E94865" s="15">
        <v>45706</v>
      </c>
      <c r="F94865" s="14" t="s">
        <v>28</v>
      </c>
      <c r="G94865" s="16">
        <v>0.16922556988777415</v>
      </c>
    </row>
    <row r="94866" spans="1:7" x14ac:dyDescent="0.3">
      <c r="A94866" s="13" t="s">
        <v>470</v>
      </c>
      <c r="B94866" s="14" t="s">
        <v>1</v>
      </c>
      <c r="C94866" s="14" t="s">
        <v>23</v>
      </c>
      <c r="D94866" s="14" t="s">
        <v>471</v>
      </c>
      <c r="E94866" s="15">
        <v>45707</v>
      </c>
      <c r="F94866" s="14" t="s">
        <v>28</v>
      </c>
      <c r="G94866" s="16">
        <v>0.21935924275053117</v>
      </c>
    </row>
    <row r="94867" spans="1:7" x14ac:dyDescent="0.3">
      <c r="A94867" s="13" t="s">
        <v>470</v>
      </c>
      <c r="B94867" s="14" t="s">
        <v>1</v>
      </c>
      <c r="C94867" s="14" t="s">
        <v>23</v>
      </c>
      <c r="D94867" s="14" t="s">
        <v>471</v>
      </c>
      <c r="E94867" s="15">
        <v>45708</v>
      </c>
      <c r="F94867" s="14" t="s">
        <v>28</v>
      </c>
      <c r="G94867" s="16">
        <v>0.23022912459830075</v>
      </c>
    </row>
    <row r="94868" spans="1:7" x14ac:dyDescent="0.3">
      <c r="A94868" s="13" t="s">
        <v>470</v>
      </c>
      <c r="B94868" s="14" t="s">
        <v>1</v>
      </c>
      <c r="C94868" s="14" t="s">
        <v>23</v>
      </c>
      <c r="D94868" s="14" t="s">
        <v>471</v>
      </c>
      <c r="E94868" s="15">
        <v>45709</v>
      </c>
      <c r="F94868" s="14" t="s">
        <v>28</v>
      </c>
      <c r="G94868" s="16">
        <v>0.23751426592500705</v>
      </c>
    </row>
    <row r="94869" spans="1:7" x14ac:dyDescent="0.3">
      <c r="A94869" s="13" t="s">
        <v>470</v>
      </c>
      <c r="B94869" s="14" t="s">
        <v>1</v>
      </c>
      <c r="C94869" s="14" t="s">
        <v>23</v>
      </c>
      <c r="D94869" s="14" t="s">
        <v>471</v>
      </c>
      <c r="E94869" s="15">
        <v>45710</v>
      </c>
      <c r="F94869" s="14" t="s">
        <v>28</v>
      </c>
      <c r="G94869" s="16">
        <v>0.23751426592500705</v>
      </c>
    </row>
    <row r="94870" spans="1:7" x14ac:dyDescent="0.3">
      <c r="A94870" s="13" t="s">
        <v>470</v>
      </c>
      <c r="B94870" s="14" t="s">
        <v>1</v>
      </c>
      <c r="C94870" s="14" t="s">
        <v>23</v>
      </c>
      <c r="D94870" s="14" t="s">
        <v>471</v>
      </c>
      <c r="E94870" s="15">
        <v>45711</v>
      </c>
      <c r="F94870" s="14" t="s">
        <v>28</v>
      </c>
      <c r="G94870" s="16">
        <v>0.23751426592500705</v>
      </c>
    </row>
    <row r="94871" spans="1:7" x14ac:dyDescent="0.3">
      <c r="A94871" s="13" t="s">
        <v>470</v>
      </c>
      <c r="B94871" s="14" t="s">
        <v>1</v>
      </c>
      <c r="C94871" s="14" t="s">
        <v>23</v>
      </c>
      <c r="D94871" s="14" t="s">
        <v>471</v>
      </c>
      <c r="E94871" s="15">
        <v>45712</v>
      </c>
      <c r="F94871" s="14" t="s">
        <v>28</v>
      </c>
      <c r="G94871" s="16">
        <v>0.24759556507255256</v>
      </c>
    </row>
    <row r="94872" spans="1:7" x14ac:dyDescent="0.3">
      <c r="A94872" s="13" t="s">
        <v>470</v>
      </c>
      <c r="B94872" s="14" t="s">
        <v>1</v>
      </c>
      <c r="C94872" s="14" t="s">
        <v>23</v>
      </c>
      <c r="D94872" s="14" t="s">
        <v>471</v>
      </c>
      <c r="E94872" s="15">
        <v>45713</v>
      </c>
      <c r="F94872" s="14" t="s">
        <v>28</v>
      </c>
      <c r="G94872" s="16">
        <v>0.28453226282944077</v>
      </c>
    </row>
    <row r="94873" spans="1:7" x14ac:dyDescent="0.3">
      <c r="A94873" s="13" t="s">
        <v>470</v>
      </c>
      <c r="B94873" s="14" t="s">
        <v>1</v>
      </c>
      <c r="C94873" s="14" t="s">
        <v>23</v>
      </c>
      <c r="D94873" s="14" t="s">
        <v>471</v>
      </c>
      <c r="E94873" s="15">
        <v>45714</v>
      </c>
      <c r="F94873" s="14" t="s">
        <v>28</v>
      </c>
      <c r="G94873" s="16">
        <v>0.29526567338156029</v>
      </c>
    </row>
    <row r="94874" spans="1:7" x14ac:dyDescent="0.3">
      <c r="A94874" s="13" t="s">
        <v>470</v>
      </c>
      <c r="B94874" s="14" t="s">
        <v>1</v>
      </c>
      <c r="C94874" s="14" t="s">
        <v>23</v>
      </c>
      <c r="D94874" s="14" t="s">
        <v>471</v>
      </c>
      <c r="E94874" s="15">
        <v>45715</v>
      </c>
      <c r="F94874" s="14" t="s">
        <v>28</v>
      </c>
      <c r="G94874" s="16">
        <v>0.31041622364148019</v>
      </c>
    </row>
    <row r="94875" spans="1:7" x14ac:dyDescent="0.3">
      <c r="A94875" s="13" t="s">
        <v>470</v>
      </c>
      <c r="B94875" s="14" t="s">
        <v>1</v>
      </c>
      <c r="C94875" s="14" t="s">
        <v>23</v>
      </c>
      <c r="D94875" s="14" t="s">
        <v>471</v>
      </c>
      <c r="E94875" s="15">
        <v>45716</v>
      </c>
      <c r="F94875" s="14" t="s">
        <v>28</v>
      </c>
      <c r="G94875" s="16">
        <v>0.32357955329201116</v>
      </c>
    </row>
    <row r="94876" spans="1:7" x14ac:dyDescent="0.3">
      <c r="A94876" s="13" t="s">
        <v>470</v>
      </c>
      <c r="B94876" s="14" t="s">
        <v>1</v>
      </c>
      <c r="C94876" s="14" t="s">
        <v>23</v>
      </c>
      <c r="D94876" s="14" t="s">
        <v>471</v>
      </c>
      <c r="E94876" s="15">
        <v>45717</v>
      </c>
      <c r="F94876" s="14" t="s">
        <v>28</v>
      </c>
      <c r="G94876" s="16">
        <v>0.32357955329201116</v>
      </c>
    </row>
    <row r="94877" spans="1:7" x14ac:dyDescent="0.3">
      <c r="A94877" s="13" t="s">
        <v>470</v>
      </c>
      <c r="B94877" s="14" t="s">
        <v>1</v>
      </c>
      <c r="C94877" s="14" t="s">
        <v>23</v>
      </c>
      <c r="D94877" s="14" t="s">
        <v>471</v>
      </c>
      <c r="E94877" s="15">
        <v>45718</v>
      </c>
      <c r="F94877" s="14" t="s">
        <v>28</v>
      </c>
      <c r="G94877" s="16">
        <v>0.32357955329201116</v>
      </c>
    </row>
    <row r="94878" spans="1:7" x14ac:dyDescent="0.3">
      <c r="A94878" s="13" t="s">
        <v>470</v>
      </c>
      <c r="B94878" s="14" t="s">
        <v>1</v>
      </c>
      <c r="C94878" s="14" t="s">
        <v>23</v>
      </c>
      <c r="D94878" s="14" t="s">
        <v>471</v>
      </c>
      <c r="E94878" s="15">
        <v>45719</v>
      </c>
      <c r="F94878" s="14" t="s">
        <v>28</v>
      </c>
      <c r="G94878" s="16">
        <v>0</v>
      </c>
    </row>
    <row r="94879" spans="1:7" x14ac:dyDescent="0.3">
      <c r="A94879" s="13" t="s">
        <v>470</v>
      </c>
      <c r="B94879" s="14" t="s">
        <v>1</v>
      </c>
      <c r="C94879" s="14" t="s">
        <v>23</v>
      </c>
      <c r="D94879" s="14" t="s">
        <v>471</v>
      </c>
      <c r="E94879" s="15">
        <v>45720</v>
      </c>
      <c r="F94879" s="14" t="s">
        <v>28</v>
      </c>
      <c r="G94879" s="16">
        <v>3.1845988689247644E-2</v>
      </c>
    </row>
    <row r="94880" spans="1:7" x14ac:dyDescent="0.3">
      <c r="A94880" s="13" t="s">
        <v>470</v>
      </c>
      <c r="B94880" s="14" t="s">
        <v>1</v>
      </c>
      <c r="C94880" s="14" t="s">
        <v>23</v>
      </c>
      <c r="D94880" s="14" t="s">
        <v>471</v>
      </c>
      <c r="E94880" s="15">
        <v>45721</v>
      </c>
      <c r="F94880" s="14" t="s">
        <v>28</v>
      </c>
      <c r="G94880" s="16">
        <v>4.4296443748158734E-2</v>
      </c>
    </row>
    <row r="94881" spans="1:7" x14ac:dyDescent="0.3">
      <c r="A94881" s="13" t="s">
        <v>470</v>
      </c>
      <c r="B94881" s="14" t="s">
        <v>1</v>
      </c>
      <c r="C94881" s="14" t="s">
        <v>23</v>
      </c>
      <c r="D94881" s="14" t="s">
        <v>471</v>
      </c>
      <c r="E94881" s="15">
        <v>45722</v>
      </c>
      <c r="F94881" s="14" t="s">
        <v>28</v>
      </c>
      <c r="G94881" s="16">
        <v>5.7330878520377382E-2</v>
      </c>
    </row>
    <row r="94882" spans="1:7" x14ac:dyDescent="0.3">
      <c r="A94882" s="13" t="s">
        <v>470</v>
      </c>
      <c r="B94882" s="14" t="s">
        <v>1</v>
      </c>
      <c r="C94882" s="14" t="s">
        <v>23</v>
      </c>
      <c r="D94882" s="14" t="s">
        <v>471</v>
      </c>
      <c r="E94882" s="15">
        <v>45723</v>
      </c>
      <c r="F94882" s="14" t="s">
        <v>28</v>
      </c>
      <c r="G94882" s="16">
        <v>6.9777827281220867E-2</v>
      </c>
    </row>
    <row r="94883" spans="1:7" x14ac:dyDescent="0.3">
      <c r="A94883" s="13" t="s">
        <v>470</v>
      </c>
      <c r="B94883" s="14" t="s">
        <v>1</v>
      </c>
      <c r="C94883" s="14" t="s">
        <v>23</v>
      </c>
      <c r="D94883" s="14" t="s">
        <v>471</v>
      </c>
      <c r="E94883" s="15">
        <v>45724</v>
      </c>
      <c r="F94883" s="14" t="s">
        <v>28</v>
      </c>
      <c r="G94883" s="16">
        <v>6.9777827281220867E-2</v>
      </c>
    </row>
    <row r="94884" spans="1:7" x14ac:dyDescent="0.3">
      <c r="A94884" s="13" t="s">
        <v>470</v>
      </c>
      <c r="B94884" s="14" t="s">
        <v>1</v>
      </c>
      <c r="C94884" s="14" t="s">
        <v>23</v>
      </c>
      <c r="D94884" s="14" t="s">
        <v>471</v>
      </c>
      <c r="E94884" s="15">
        <v>45725</v>
      </c>
      <c r="F94884" s="14" t="s">
        <v>28</v>
      </c>
      <c r="G94884" s="16">
        <v>6.9777827281220867E-2</v>
      </c>
    </row>
    <row r="94885" spans="1:7" x14ac:dyDescent="0.3">
      <c r="A94885" s="13" t="s">
        <v>470</v>
      </c>
      <c r="B94885" s="14" t="s">
        <v>1</v>
      </c>
      <c r="C94885" s="14" t="s">
        <v>23</v>
      </c>
      <c r="D94885" s="14" t="s">
        <v>471</v>
      </c>
      <c r="E94885" s="15">
        <v>45726</v>
      </c>
      <c r="F94885" s="14" t="s">
        <v>28</v>
      </c>
      <c r="G94885" s="16">
        <v>9.0141292526229183E-2</v>
      </c>
    </row>
    <row r="94886" spans="1:7" x14ac:dyDescent="0.3">
      <c r="A94886" s="13" t="s">
        <v>470</v>
      </c>
      <c r="B94886" s="14" t="s">
        <v>1</v>
      </c>
      <c r="C94886" s="14" t="s">
        <v>23</v>
      </c>
      <c r="D94886" s="14" t="s">
        <v>471</v>
      </c>
      <c r="E94886" s="15">
        <v>45727</v>
      </c>
      <c r="F94886" s="14" t="s">
        <v>28</v>
      </c>
      <c r="G94886" s="16">
        <v>0.12720410557132356</v>
      </c>
    </row>
    <row r="94887" spans="1:7" x14ac:dyDescent="0.3">
      <c r="A94887" s="13" t="s">
        <v>470</v>
      </c>
      <c r="B94887" s="14" t="s">
        <v>1</v>
      </c>
      <c r="C94887" s="14" t="s">
        <v>23</v>
      </c>
      <c r="D94887" s="14" t="s">
        <v>471</v>
      </c>
      <c r="E94887" s="15">
        <v>45728</v>
      </c>
      <c r="F94887" s="14" t="s">
        <v>28</v>
      </c>
      <c r="G94887" s="16">
        <v>0.14115109942012108</v>
      </c>
    </row>
    <row r="94888" spans="1:7" x14ac:dyDescent="0.3">
      <c r="A94888" s="13" t="s">
        <v>470</v>
      </c>
      <c r="B94888" s="14" t="s">
        <v>1</v>
      </c>
      <c r="C94888" s="14" t="s">
        <v>23</v>
      </c>
      <c r="D94888" s="14" t="s">
        <v>471</v>
      </c>
      <c r="E94888" s="15">
        <v>45729</v>
      </c>
      <c r="F94888" s="14" t="s">
        <v>28</v>
      </c>
      <c r="G94888" s="16">
        <v>0.15225136777896697</v>
      </c>
    </row>
    <row r="94889" spans="1:7" x14ac:dyDescent="0.3">
      <c r="A94889" s="13" t="s">
        <v>470</v>
      </c>
      <c r="B94889" s="14" t="s">
        <v>1</v>
      </c>
      <c r="C94889" s="14" t="s">
        <v>23</v>
      </c>
      <c r="D94889" s="14" t="s">
        <v>471</v>
      </c>
      <c r="E94889" s="15">
        <v>45730</v>
      </c>
      <c r="F94889" s="14" t="s">
        <v>28</v>
      </c>
      <c r="G94889" s="16">
        <v>7.2754280901202409E-2</v>
      </c>
    </row>
    <row r="94890" spans="1:7" x14ac:dyDescent="0.3">
      <c r="A94890" s="13" t="s">
        <v>470</v>
      </c>
      <c r="B94890" s="14" t="s">
        <v>1</v>
      </c>
      <c r="C94890" s="14" t="s">
        <v>23</v>
      </c>
      <c r="D94890" s="14" t="s">
        <v>471</v>
      </c>
      <c r="E94890" s="15">
        <v>45731</v>
      </c>
      <c r="F94890" s="14" t="s">
        <v>28</v>
      </c>
      <c r="G94890" s="16">
        <v>7.2754280901202409E-2</v>
      </c>
    </row>
    <row r="94891" spans="1:7" x14ac:dyDescent="0.3">
      <c r="A94891" s="13" t="s">
        <v>470</v>
      </c>
      <c r="B94891" s="14" t="s">
        <v>1</v>
      </c>
      <c r="C94891" s="14" t="s">
        <v>23</v>
      </c>
      <c r="D94891" s="14" t="s">
        <v>471</v>
      </c>
      <c r="E94891" s="15">
        <v>45732</v>
      </c>
      <c r="F94891" s="14" t="s">
        <v>28</v>
      </c>
      <c r="G94891" s="16">
        <v>7.2754280901202409E-2</v>
      </c>
    </row>
    <row r="94892" spans="1:7" x14ac:dyDescent="0.3">
      <c r="A94892" s="13" t="s">
        <v>470</v>
      </c>
      <c r="B94892" s="14" t="s">
        <v>1</v>
      </c>
      <c r="C94892" s="14" t="s">
        <v>23</v>
      </c>
      <c r="D94892" s="14" t="s">
        <v>471</v>
      </c>
      <c r="E94892" s="15">
        <v>45733</v>
      </c>
      <c r="F94892" s="14" t="s">
        <v>28</v>
      </c>
      <c r="G94892" s="16">
        <v>7.2754280901202409E-2</v>
      </c>
    </row>
    <row r="94893" spans="1:7" x14ac:dyDescent="0.3">
      <c r="A94893" s="13" t="s">
        <v>470</v>
      </c>
      <c r="B94893" s="14" t="s">
        <v>1</v>
      </c>
      <c r="C94893" s="14" t="s">
        <v>23</v>
      </c>
      <c r="D94893" s="14" t="s">
        <v>471</v>
      </c>
      <c r="E94893" s="15">
        <v>45734</v>
      </c>
      <c r="F94893" s="14" t="s">
        <v>28</v>
      </c>
      <c r="G94893" s="16">
        <v>8.3344735350446855E-2</v>
      </c>
    </row>
    <row r="94894" spans="1:7" x14ac:dyDescent="0.3">
      <c r="A94894" s="13" t="s">
        <v>470</v>
      </c>
      <c r="B94894" s="14" t="s">
        <v>1</v>
      </c>
      <c r="C94894" s="14" t="s">
        <v>23</v>
      </c>
      <c r="D94894" s="14" t="s">
        <v>471</v>
      </c>
      <c r="E94894" s="15">
        <v>45735</v>
      </c>
      <c r="F94894" s="14" t="s">
        <v>28</v>
      </c>
      <c r="G94894" s="16">
        <v>0.12674042157945375</v>
      </c>
    </row>
    <row r="94895" spans="1:7" x14ac:dyDescent="0.3">
      <c r="A94895" s="13" t="s">
        <v>470</v>
      </c>
      <c r="B94895" s="14" t="s">
        <v>1</v>
      </c>
      <c r="C94895" s="14" t="s">
        <v>23</v>
      </c>
      <c r="D94895" s="14" t="s">
        <v>471</v>
      </c>
      <c r="E94895" s="15">
        <v>45736</v>
      </c>
      <c r="F94895" s="14" t="s">
        <v>28</v>
      </c>
      <c r="G94895" s="16">
        <v>0.13979233523655163</v>
      </c>
    </row>
    <row r="94896" spans="1:7" x14ac:dyDescent="0.3">
      <c r="A94896" s="13" t="s">
        <v>470</v>
      </c>
      <c r="B94896" s="14" t="s">
        <v>1</v>
      </c>
      <c r="C94896" s="14" t="s">
        <v>23</v>
      </c>
      <c r="D94896" s="14" t="s">
        <v>471</v>
      </c>
      <c r="E94896" s="15">
        <v>45737</v>
      </c>
      <c r="F94896" s="14" t="s">
        <v>28</v>
      </c>
      <c r="G94896" s="16">
        <v>0.15157709245880707</v>
      </c>
    </row>
    <row r="94897" spans="1:7" x14ac:dyDescent="0.3">
      <c r="A94897" s="13" t="s">
        <v>470</v>
      </c>
      <c r="B94897" s="14" t="s">
        <v>1</v>
      </c>
      <c r="C94897" s="14" t="s">
        <v>23</v>
      </c>
      <c r="D94897" s="14" t="s">
        <v>471</v>
      </c>
      <c r="E94897" s="15">
        <v>45738</v>
      </c>
      <c r="F94897" s="14" t="s">
        <v>28</v>
      </c>
      <c r="G94897" s="16">
        <v>0.15157709245880707</v>
      </c>
    </row>
    <row r="94898" spans="1:7" x14ac:dyDescent="0.3">
      <c r="A94898" s="13" t="s">
        <v>470</v>
      </c>
      <c r="B94898" s="14" t="s">
        <v>1</v>
      </c>
      <c r="C94898" s="14" t="s">
        <v>23</v>
      </c>
      <c r="D94898" s="14" t="s">
        <v>471</v>
      </c>
      <c r="E94898" s="15">
        <v>45739</v>
      </c>
      <c r="F94898" s="14" t="s">
        <v>28</v>
      </c>
      <c r="G94898" s="16">
        <v>0.15157709245880707</v>
      </c>
    </row>
    <row r="94899" spans="1:7" x14ac:dyDescent="0.3">
      <c r="A94899" s="13" t="s">
        <v>470</v>
      </c>
      <c r="B94899" s="14" t="s">
        <v>1</v>
      </c>
      <c r="C94899" s="14" t="s">
        <v>23</v>
      </c>
      <c r="D94899" s="14" t="s">
        <v>471</v>
      </c>
      <c r="E94899" s="15">
        <v>45740</v>
      </c>
      <c r="F94899" s="14" t="s">
        <v>28</v>
      </c>
      <c r="G94899" s="16">
        <v>0.16456949457075509</v>
      </c>
    </row>
    <row r="94900" spans="1:7" x14ac:dyDescent="0.3">
      <c r="A94900" s="13" t="s">
        <v>470</v>
      </c>
      <c r="B94900" s="14" t="s">
        <v>1</v>
      </c>
      <c r="C94900" s="14" t="s">
        <v>23</v>
      </c>
      <c r="D94900" s="14" t="s">
        <v>471</v>
      </c>
      <c r="E94900" s="15">
        <v>45741</v>
      </c>
      <c r="F94900" s="14" t="s">
        <v>28</v>
      </c>
      <c r="G94900" s="16">
        <v>0.20222398075184775</v>
      </c>
    </row>
    <row r="94901" spans="1:7" x14ac:dyDescent="0.3">
      <c r="A94901" s="13" t="s">
        <v>470</v>
      </c>
      <c r="B94901" s="14" t="s">
        <v>1</v>
      </c>
      <c r="C94901" s="14" t="s">
        <v>23</v>
      </c>
      <c r="D94901" s="14" t="s">
        <v>471</v>
      </c>
      <c r="E94901" s="15">
        <v>45742</v>
      </c>
      <c r="F94901" s="14" t="s">
        <v>28</v>
      </c>
      <c r="G94901" s="16">
        <v>0.2155415765204072</v>
      </c>
    </row>
    <row r="94902" spans="1:7" x14ac:dyDescent="0.3">
      <c r="A94902" s="13" t="s">
        <v>470</v>
      </c>
      <c r="B94902" s="14" t="s">
        <v>1</v>
      </c>
      <c r="C94902" s="14" t="s">
        <v>23</v>
      </c>
      <c r="D94902" s="14" t="s">
        <v>471</v>
      </c>
      <c r="E94902" s="15">
        <v>45743</v>
      </c>
      <c r="F94902" s="14" t="s">
        <v>28</v>
      </c>
      <c r="G94902" s="16">
        <v>0.22830151414509531</v>
      </c>
    </row>
    <row r="94903" spans="1:7" x14ac:dyDescent="0.3">
      <c r="A94903" s="13" t="s">
        <v>470</v>
      </c>
      <c r="B94903" s="14" t="s">
        <v>1</v>
      </c>
      <c r="C94903" s="14" t="s">
        <v>23</v>
      </c>
      <c r="D94903" s="14" t="s">
        <v>471</v>
      </c>
      <c r="E94903" s="15">
        <v>45744</v>
      </c>
      <c r="F94903" s="14" t="s">
        <v>28</v>
      </c>
      <c r="G94903" s="16">
        <v>0.24145432931205532</v>
      </c>
    </row>
    <row r="94904" spans="1:7" x14ac:dyDescent="0.3">
      <c r="A94904" s="13" t="s">
        <v>470</v>
      </c>
      <c r="B94904" s="14" t="s">
        <v>1</v>
      </c>
      <c r="C94904" s="14" t="s">
        <v>23</v>
      </c>
      <c r="D94904" s="14" t="s">
        <v>471</v>
      </c>
      <c r="E94904" s="15">
        <v>45745</v>
      </c>
      <c r="F94904" s="14" t="s">
        <v>28</v>
      </c>
      <c r="G94904" s="16">
        <v>0.24145432931205532</v>
      </c>
    </row>
    <row r="94905" spans="1:7" x14ac:dyDescent="0.3">
      <c r="A94905" s="13" t="s">
        <v>470</v>
      </c>
      <c r="B94905" s="14" t="s">
        <v>1</v>
      </c>
      <c r="C94905" s="14" t="s">
        <v>23</v>
      </c>
      <c r="D94905" s="14" t="s">
        <v>471</v>
      </c>
      <c r="E94905" s="15">
        <v>45746</v>
      </c>
      <c r="F94905" s="14" t="s">
        <v>28</v>
      </c>
      <c r="G94905" s="16">
        <v>0.24145432931205532</v>
      </c>
    </row>
    <row r="94906" spans="1:7" x14ac:dyDescent="0.3">
      <c r="A94906" s="13" t="s">
        <v>470</v>
      </c>
      <c r="B94906" s="14" t="s">
        <v>1</v>
      </c>
      <c r="C94906" s="14" t="s">
        <v>23</v>
      </c>
      <c r="D94906" s="14" t="s">
        <v>471</v>
      </c>
      <c r="E94906" s="15">
        <v>45747</v>
      </c>
      <c r="F94906" s="14" t="s">
        <v>28</v>
      </c>
      <c r="G94906" s="16">
        <v>0.25392272792077086</v>
      </c>
    </row>
    <row r="94907" spans="1:7" x14ac:dyDescent="0.3">
      <c r="A94907" s="13" t="s">
        <v>472</v>
      </c>
      <c r="B94907" s="14" t="s">
        <v>1</v>
      </c>
      <c r="C94907" s="14" t="s">
        <v>96</v>
      </c>
      <c r="D94907" s="14" t="s">
        <v>473</v>
      </c>
      <c r="E94907" s="15">
        <v>45383</v>
      </c>
      <c r="F94907" s="14" t="s">
        <v>53</v>
      </c>
      <c r="G94907" s="16">
        <v>0</v>
      </c>
    </row>
    <row r="94908" spans="1:7" x14ac:dyDescent="0.3">
      <c r="A94908" s="13" t="s">
        <v>472</v>
      </c>
      <c r="B94908" s="14" t="s">
        <v>1</v>
      </c>
      <c r="C94908" s="14" t="s">
        <v>96</v>
      </c>
      <c r="D94908" s="14" t="s">
        <v>473</v>
      </c>
      <c r="E94908" s="15">
        <v>45384</v>
      </c>
      <c r="F94908" s="14" t="s">
        <v>53</v>
      </c>
      <c r="G94908" s="16">
        <v>0</v>
      </c>
    </row>
    <row r="94909" spans="1:7" x14ac:dyDescent="0.3">
      <c r="A94909" s="13" t="s">
        <v>472</v>
      </c>
      <c r="B94909" s="14" t="s">
        <v>1</v>
      </c>
      <c r="C94909" s="14" t="s">
        <v>96</v>
      </c>
      <c r="D94909" s="14" t="s">
        <v>473</v>
      </c>
      <c r="E94909" s="15">
        <v>45385</v>
      </c>
      <c r="F94909" s="14" t="s">
        <v>53</v>
      </c>
      <c r="G94909" s="16">
        <v>0</v>
      </c>
    </row>
    <row r="94910" spans="1:7" x14ac:dyDescent="0.3">
      <c r="A94910" s="13" t="s">
        <v>472</v>
      </c>
      <c r="B94910" s="14" t="s">
        <v>1</v>
      </c>
      <c r="C94910" s="14" t="s">
        <v>96</v>
      </c>
      <c r="D94910" s="14" t="s">
        <v>473</v>
      </c>
      <c r="E94910" s="15">
        <v>45386</v>
      </c>
      <c r="F94910" s="14" t="s">
        <v>53</v>
      </c>
      <c r="G94910" s="16">
        <v>0</v>
      </c>
    </row>
    <row r="94911" spans="1:7" x14ac:dyDescent="0.3">
      <c r="A94911" s="13" t="s">
        <v>472</v>
      </c>
      <c r="B94911" s="14" t="s">
        <v>1</v>
      </c>
      <c r="C94911" s="14" t="s">
        <v>96</v>
      </c>
      <c r="D94911" s="14" t="s">
        <v>473</v>
      </c>
      <c r="E94911" s="15">
        <v>45387</v>
      </c>
      <c r="F94911" s="14" t="s">
        <v>53</v>
      </c>
      <c r="G94911" s="16">
        <v>0</v>
      </c>
    </row>
    <row r="94912" spans="1:7" x14ac:dyDescent="0.3">
      <c r="A94912" s="13" t="s">
        <v>472</v>
      </c>
      <c r="B94912" s="14" t="s">
        <v>1</v>
      </c>
      <c r="C94912" s="14" t="s">
        <v>96</v>
      </c>
      <c r="D94912" s="14" t="s">
        <v>473</v>
      </c>
      <c r="E94912" s="15">
        <v>45388</v>
      </c>
      <c r="F94912" s="14" t="s">
        <v>53</v>
      </c>
      <c r="G94912" s="16">
        <v>0</v>
      </c>
    </row>
    <row r="94913" spans="1:7" x14ac:dyDescent="0.3">
      <c r="A94913" s="13" t="s">
        <v>472</v>
      </c>
      <c r="B94913" s="14" t="s">
        <v>1</v>
      </c>
      <c r="C94913" s="14" t="s">
        <v>96</v>
      </c>
      <c r="D94913" s="14" t="s">
        <v>473</v>
      </c>
      <c r="E94913" s="15">
        <v>45389</v>
      </c>
      <c r="F94913" s="14" t="s">
        <v>53</v>
      </c>
      <c r="G94913" s="16">
        <v>0</v>
      </c>
    </row>
    <row r="94914" spans="1:7" x14ac:dyDescent="0.3">
      <c r="A94914" s="13" t="s">
        <v>472</v>
      </c>
      <c r="B94914" s="14" t="s">
        <v>1</v>
      </c>
      <c r="C94914" s="14" t="s">
        <v>96</v>
      </c>
      <c r="D94914" s="14" t="s">
        <v>473</v>
      </c>
      <c r="E94914" s="15">
        <v>45390</v>
      </c>
      <c r="F94914" s="14" t="s">
        <v>53</v>
      </c>
      <c r="G94914" s="16">
        <v>0</v>
      </c>
    </row>
    <row r="94915" spans="1:7" x14ac:dyDescent="0.3">
      <c r="A94915" s="13" t="s">
        <v>472</v>
      </c>
      <c r="B94915" s="14" t="s">
        <v>1</v>
      </c>
      <c r="C94915" s="14" t="s">
        <v>96</v>
      </c>
      <c r="D94915" s="14" t="s">
        <v>473</v>
      </c>
      <c r="E94915" s="15">
        <v>45391</v>
      </c>
      <c r="F94915" s="14" t="s">
        <v>53</v>
      </c>
      <c r="G94915" s="16">
        <v>0</v>
      </c>
    </row>
    <row r="94916" spans="1:7" x14ac:dyDescent="0.3">
      <c r="A94916" s="13" t="s">
        <v>472</v>
      </c>
      <c r="B94916" s="14" t="s">
        <v>1</v>
      </c>
      <c r="C94916" s="14" t="s">
        <v>96</v>
      </c>
      <c r="D94916" s="14" t="s">
        <v>473</v>
      </c>
      <c r="E94916" s="15">
        <v>45392</v>
      </c>
      <c r="F94916" s="14" t="s">
        <v>53</v>
      </c>
      <c r="G94916" s="16">
        <v>0</v>
      </c>
    </row>
    <row r="94917" spans="1:7" x14ac:dyDescent="0.3">
      <c r="A94917" s="13" t="s">
        <v>472</v>
      </c>
      <c r="B94917" s="14" t="s">
        <v>1</v>
      </c>
      <c r="C94917" s="14" t="s">
        <v>96</v>
      </c>
      <c r="D94917" s="14" t="s">
        <v>473</v>
      </c>
      <c r="E94917" s="15">
        <v>45393</v>
      </c>
      <c r="F94917" s="14" t="s">
        <v>53</v>
      </c>
      <c r="G94917" s="16">
        <v>0</v>
      </c>
    </row>
    <row r="94918" spans="1:7" x14ac:dyDescent="0.3">
      <c r="A94918" s="13" t="s">
        <v>472</v>
      </c>
      <c r="B94918" s="14" t="s">
        <v>1</v>
      </c>
      <c r="C94918" s="14" t="s">
        <v>96</v>
      </c>
      <c r="D94918" s="14" t="s">
        <v>473</v>
      </c>
      <c r="E94918" s="15">
        <v>45394</v>
      </c>
      <c r="F94918" s="14" t="s">
        <v>53</v>
      </c>
      <c r="G94918" s="16">
        <v>0</v>
      </c>
    </row>
    <row r="94919" spans="1:7" x14ac:dyDescent="0.3">
      <c r="A94919" s="13" t="s">
        <v>472</v>
      </c>
      <c r="B94919" s="14" t="s">
        <v>1</v>
      </c>
      <c r="C94919" s="14" t="s">
        <v>96</v>
      </c>
      <c r="D94919" s="14" t="s">
        <v>473</v>
      </c>
      <c r="E94919" s="15">
        <v>45395</v>
      </c>
      <c r="F94919" s="14" t="s">
        <v>53</v>
      </c>
      <c r="G94919" s="16">
        <v>0</v>
      </c>
    </row>
    <row r="94920" spans="1:7" x14ac:dyDescent="0.3">
      <c r="A94920" s="13" t="s">
        <v>472</v>
      </c>
      <c r="B94920" s="14" t="s">
        <v>1</v>
      </c>
      <c r="C94920" s="14" t="s">
        <v>96</v>
      </c>
      <c r="D94920" s="14" t="s">
        <v>473</v>
      </c>
      <c r="E94920" s="15">
        <v>45396</v>
      </c>
      <c r="F94920" s="14" t="s">
        <v>53</v>
      </c>
      <c r="G94920" s="16">
        <v>0</v>
      </c>
    </row>
    <row r="94921" spans="1:7" x14ac:dyDescent="0.3">
      <c r="A94921" s="13" t="s">
        <v>472</v>
      </c>
      <c r="B94921" s="14" t="s">
        <v>1</v>
      </c>
      <c r="C94921" s="14" t="s">
        <v>96</v>
      </c>
      <c r="D94921" s="14" t="s">
        <v>473</v>
      </c>
      <c r="E94921" s="15">
        <v>45397</v>
      </c>
      <c r="F94921" s="14" t="s">
        <v>53</v>
      </c>
      <c r="G94921" s="16">
        <v>0</v>
      </c>
    </row>
    <row r="94922" spans="1:7" x14ac:dyDescent="0.3">
      <c r="A94922" s="13" t="s">
        <v>472</v>
      </c>
      <c r="B94922" s="14" t="s">
        <v>1</v>
      </c>
      <c r="C94922" s="14" t="s">
        <v>96</v>
      </c>
      <c r="D94922" s="14" t="s">
        <v>473</v>
      </c>
      <c r="E94922" s="15">
        <v>45398</v>
      </c>
      <c r="F94922" s="14" t="s">
        <v>53</v>
      </c>
      <c r="G94922" s="16">
        <v>0</v>
      </c>
    </row>
    <row r="94923" spans="1:7" x14ac:dyDescent="0.3">
      <c r="A94923" s="13" t="s">
        <v>472</v>
      </c>
      <c r="B94923" s="14" t="s">
        <v>1</v>
      </c>
      <c r="C94923" s="14" t="s">
        <v>96</v>
      </c>
      <c r="D94923" s="14" t="s">
        <v>473</v>
      </c>
      <c r="E94923" s="15">
        <v>45399</v>
      </c>
      <c r="F94923" s="14" t="s">
        <v>53</v>
      </c>
      <c r="G94923" s="16">
        <v>0</v>
      </c>
    </row>
    <row r="94924" spans="1:7" x14ac:dyDescent="0.3">
      <c r="A94924" s="13" t="s">
        <v>472</v>
      </c>
      <c r="B94924" s="14" t="s">
        <v>1</v>
      </c>
      <c r="C94924" s="14" t="s">
        <v>96</v>
      </c>
      <c r="D94924" s="14" t="s">
        <v>473</v>
      </c>
      <c r="E94924" s="15">
        <v>45400</v>
      </c>
      <c r="F94924" s="14" t="s">
        <v>53</v>
      </c>
      <c r="G94924" s="16">
        <v>0</v>
      </c>
    </row>
    <row r="94925" spans="1:7" x14ac:dyDescent="0.3">
      <c r="A94925" s="13" t="s">
        <v>472</v>
      </c>
      <c r="B94925" s="14" t="s">
        <v>1</v>
      </c>
      <c r="C94925" s="14" t="s">
        <v>96</v>
      </c>
      <c r="D94925" s="14" t="s">
        <v>473</v>
      </c>
      <c r="E94925" s="15">
        <v>45401</v>
      </c>
      <c r="F94925" s="14" t="s">
        <v>53</v>
      </c>
      <c r="G94925" s="16">
        <v>0</v>
      </c>
    </row>
    <row r="94926" spans="1:7" x14ac:dyDescent="0.3">
      <c r="A94926" s="13" t="s">
        <v>472</v>
      </c>
      <c r="B94926" s="14" t="s">
        <v>1</v>
      </c>
      <c r="C94926" s="14" t="s">
        <v>96</v>
      </c>
      <c r="D94926" s="14" t="s">
        <v>473</v>
      </c>
      <c r="E94926" s="15">
        <v>45402</v>
      </c>
      <c r="F94926" s="14" t="s">
        <v>53</v>
      </c>
      <c r="G94926" s="16">
        <v>0</v>
      </c>
    </row>
    <row r="94927" spans="1:7" x14ac:dyDescent="0.3">
      <c r="A94927" s="13" t="s">
        <v>472</v>
      </c>
      <c r="B94927" s="14" t="s">
        <v>1</v>
      </c>
      <c r="C94927" s="14" t="s">
        <v>96</v>
      </c>
      <c r="D94927" s="14" t="s">
        <v>473</v>
      </c>
      <c r="E94927" s="15">
        <v>45403</v>
      </c>
      <c r="F94927" s="14" t="s">
        <v>53</v>
      </c>
      <c r="G94927" s="16">
        <v>0</v>
      </c>
    </row>
    <row r="94928" spans="1:7" x14ac:dyDescent="0.3">
      <c r="A94928" s="13" t="s">
        <v>472</v>
      </c>
      <c r="B94928" s="14" t="s">
        <v>1</v>
      </c>
      <c r="C94928" s="14" t="s">
        <v>96</v>
      </c>
      <c r="D94928" s="14" t="s">
        <v>473</v>
      </c>
      <c r="E94928" s="15">
        <v>45404</v>
      </c>
      <c r="F94928" s="14" t="s">
        <v>53</v>
      </c>
      <c r="G94928" s="16">
        <v>0</v>
      </c>
    </row>
    <row r="94929" spans="1:7" x14ac:dyDescent="0.3">
      <c r="A94929" s="13" t="s">
        <v>472</v>
      </c>
      <c r="B94929" s="14" t="s">
        <v>1</v>
      </c>
      <c r="C94929" s="14" t="s">
        <v>96</v>
      </c>
      <c r="D94929" s="14" t="s">
        <v>473</v>
      </c>
      <c r="E94929" s="15">
        <v>45405</v>
      </c>
      <c r="F94929" s="14" t="s">
        <v>53</v>
      </c>
      <c r="G94929" s="16">
        <v>0</v>
      </c>
    </row>
    <row r="94930" spans="1:7" x14ac:dyDescent="0.3">
      <c r="A94930" s="13" t="s">
        <v>472</v>
      </c>
      <c r="B94930" s="14" t="s">
        <v>1</v>
      </c>
      <c r="C94930" s="14" t="s">
        <v>96</v>
      </c>
      <c r="D94930" s="14" t="s">
        <v>473</v>
      </c>
      <c r="E94930" s="15">
        <v>45406</v>
      </c>
      <c r="F94930" s="14" t="s">
        <v>53</v>
      </c>
      <c r="G94930" s="16">
        <v>0</v>
      </c>
    </row>
    <row r="94931" spans="1:7" x14ac:dyDescent="0.3">
      <c r="A94931" s="13" t="s">
        <v>472</v>
      </c>
      <c r="B94931" s="14" t="s">
        <v>1</v>
      </c>
      <c r="C94931" s="14" t="s">
        <v>96</v>
      </c>
      <c r="D94931" s="14" t="s">
        <v>473</v>
      </c>
      <c r="E94931" s="15">
        <v>45407</v>
      </c>
      <c r="F94931" s="14" t="s">
        <v>53</v>
      </c>
      <c r="G94931" s="16">
        <v>0</v>
      </c>
    </row>
    <row r="94932" spans="1:7" x14ac:dyDescent="0.3">
      <c r="A94932" s="13" t="s">
        <v>472</v>
      </c>
      <c r="B94932" s="14" t="s">
        <v>1</v>
      </c>
      <c r="C94932" s="14" t="s">
        <v>96</v>
      </c>
      <c r="D94932" s="14" t="s">
        <v>473</v>
      </c>
      <c r="E94932" s="15">
        <v>45408</v>
      </c>
      <c r="F94932" s="14" t="s">
        <v>53</v>
      </c>
      <c r="G94932" s="16">
        <v>0</v>
      </c>
    </row>
    <row r="94933" spans="1:7" x14ac:dyDescent="0.3">
      <c r="A94933" s="13" t="s">
        <v>472</v>
      </c>
      <c r="B94933" s="14" t="s">
        <v>1</v>
      </c>
      <c r="C94933" s="14" t="s">
        <v>96</v>
      </c>
      <c r="D94933" s="14" t="s">
        <v>473</v>
      </c>
      <c r="E94933" s="15">
        <v>45409</v>
      </c>
      <c r="F94933" s="14" t="s">
        <v>53</v>
      </c>
      <c r="G94933" s="16">
        <v>0</v>
      </c>
    </row>
    <row r="94934" spans="1:7" x14ac:dyDescent="0.3">
      <c r="A94934" s="13" t="s">
        <v>472</v>
      </c>
      <c r="B94934" s="14" t="s">
        <v>1</v>
      </c>
      <c r="C94934" s="14" t="s">
        <v>96</v>
      </c>
      <c r="D94934" s="14" t="s">
        <v>473</v>
      </c>
      <c r="E94934" s="15">
        <v>45410</v>
      </c>
      <c r="F94934" s="14" t="s">
        <v>53</v>
      </c>
      <c r="G94934" s="16">
        <v>0</v>
      </c>
    </row>
    <row r="94935" spans="1:7" x14ac:dyDescent="0.3">
      <c r="A94935" s="13" t="s">
        <v>472</v>
      </c>
      <c r="B94935" s="14" t="s">
        <v>1</v>
      </c>
      <c r="C94935" s="14" t="s">
        <v>96</v>
      </c>
      <c r="D94935" s="14" t="s">
        <v>473</v>
      </c>
      <c r="E94935" s="15">
        <v>45411</v>
      </c>
      <c r="F94935" s="14" t="s">
        <v>53</v>
      </c>
      <c r="G94935" s="16">
        <v>0</v>
      </c>
    </row>
    <row r="94936" spans="1:7" x14ac:dyDescent="0.3">
      <c r="A94936" s="13" t="s">
        <v>472</v>
      </c>
      <c r="B94936" s="14" t="s">
        <v>1</v>
      </c>
      <c r="C94936" s="14" t="s">
        <v>96</v>
      </c>
      <c r="D94936" s="14" t="s">
        <v>473</v>
      </c>
      <c r="E94936" s="15">
        <v>45412</v>
      </c>
      <c r="F94936" s="14" t="s">
        <v>53</v>
      </c>
      <c r="G94936" s="16">
        <v>0</v>
      </c>
    </row>
    <row r="94937" spans="1:7" x14ac:dyDescent="0.3">
      <c r="A94937" s="13" t="s">
        <v>472</v>
      </c>
      <c r="B94937" s="14" t="s">
        <v>1</v>
      </c>
      <c r="C94937" s="14" t="s">
        <v>96</v>
      </c>
      <c r="D94937" s="14" t="s">
        <v>473</v>
      </c>
      <c r="E94937" s="15">
        <v>45413</v>
      </c>
      <c r="F94937" s="14" t="s">
        <v>53</v>
      </c>
      <c r="G94937" s="16">
        <v>0</v>
      </c>
    </row>
    <row r="94938" spans="1:7" x14ac:dyDescent="0.3">
      <c r="A94938" s="13" t="s">
        <v>472</v>
      </c>
      <c r="B94938" s="14" t="s">
        <v>1</v>
      </c>
      <c r="C94938" s="14" t="s">
        <v>96</v>
      </c>
      <c r="D94938" s="14" t="s">
        <v>473</v>
      </c>
      <c r="E94938" s="15">
        <v>45414</v>
      </c>
      <c r="F94938" s="14" t="s">
        <v>53</v>
      </c>
      <c r="G94938" s="16">
        <v>0</v>
      </c>
    </row>
    <row r="94939" spans="1:7" x14ac:dyDescent="0.3">
      <c r="A94939" s="13" t="s">
        <v>472</v>
      </c>
      <c r="B94939" s="14" t="s">
        <v>1</v>
      </c>
      <c r="C94939" s="14" t="s">
        <v>96</v>
      </c>
      <c r="D94939" s="14" t="s">
        <v>473</v>
      </c>
      <c r="E94939" s="15">
        <v>45415</v>
      </c>
      <c r="F94939" s="14" t="s">
        <v>53</v>
      </c>
      <c r="G94939" s="16">
        <v>0</v>
      </c>
    </row>
    <row r="94940" spans="1:7" x14ac:dyDescent="0.3">
      <c r="A94940" s="13" t="s">
        <v>472</v>
      </c>
      <c r="B94940" s="14" t="s">
        <v>1</v>
      </c>
      <c r="C94940" s="14" t="s">
        <v>96</v>
      </c>
      <c r="D94940" s="14" t="s">
        <v>473</v>
      </c>
      <c r="E94940" s="15">
        <v>45416</v>
      </c>
      <c r="F94940" s="14" t="s">
        <v>53</v>
      </c>
      <c r="G94940" s="16">
        <v>0</v>
      </c>
    </row>
    <row r="94941" spans="1:7" x14ac:dyDescent="0.3">
      <c r="A94941" s="13" t="s">
        <v>472</v>
      </c>
      <c r="B94941" s="14" t="s">
        <v>1</v>
      </c>
      <c r="C94941" s="14" t="s">
        <v>96</v>
      </c>
      <c r="D94941" s="14" t="s">
        <v>473</v>
      </c>
      <c r="E94941" s="15">
        <v>45417</v>
      </c>
      <c r="F94941" s="14" t="s">
        <v>53</v>
      </c>
      <c r="G94941" s="16">
        <v>0</v>
      </c>
    </row>
    <row r="94942" spans="1:7" x14ac:dyDescent="0.3">
      <c r="A94942" s="13" t="s">
        <v>472</v>
      </c>
      <c r="B94942" s="14" t="s">
        <v>1</v>
      </c>
      <c r="C94942" s="14" t="s">
        <v>96</v>
      </c>
      <c r="D94942" s="14" t="s">
        <v>473</v>
      </c>
      <c r="E94942" s="15">
        <v>45418</v>
      </c>
      <c r="F94942" s="14" t="s">
        <v>53</v>
      </c>
      <c r="G94942" s="16">
        <v>0</v>
      </c>
    </row>
    <row r="94943" spans="1:7" x14ac:dyDescent="0.3">
      <c r="A94943" s="13" t="s">
        <v>472</v>
      </c>
      <c r="B94943" s="14" t="s">
        <v>1</v>
      </c>
      <c r="C94943" s="14" t="s">
        <v>96</v>
      </c>
      <c r="D94943" s="14" t="s">
        <v>473</v>
      </c>
      <c r="E94943" s="15">
        <v>45419</v>
      </c>
      <c r="F94943" s="14" t="s">
        <v>53</v>
      </c>
      <c r="G94943" s="16">
        <v>0</v>
      </c>
    </row>
    <row r="94944" spans="1:7" x14ac:dyDescent="0.3">
      <c r="A94944" s="13" t="s">
        <v>472</v>
      </c>
      <c r="B94944" s="14" t="s">
        <v>1</v>
      </c>
      <c r="C94944" s="14" t="s">
        <v>96</v>
      </c>
      <c r="D94944" s="14" t="s">
        <v>473</v>
      </c>
      <c r="E94944" s="15">
        <v>45420</v>
      </c>
      <c r="F94944" s="14" t="s">
        <v>53</v>
      </c>
      <c r="G94944" s="16">
        <v>0</v>
      </c>
    </row>
    <row r="94945" spans="1:7" x14ac:dyDescent="0.3">
      <c r="A94945" s="13" t="s">
        <v>472</v>
      </c>
      <c r="B94945" s="14" t="s">
        <v>1</v>
      </c>
      <c r="C94945" s="14" t="s">
        <v>96</v>
      </c>
      <c r="D94945" s="14" t="s">
        <v>473</v>
      </c>
      <c r="E94945" s="15">
        <v>45421</v>
      </c>
      <c r="F94945" s="14" t="s">
        <v>53</v>
      </c>
      <c r="G94945" s="16">
        <v>0</v>
      </c>
    </row>
    <row r="94946" spans="1:7" x14ac:dyDescent="0.3">
      <c r="A94946" s="13" t="s">
        <v>472</v>
      </c>
      <c r="B94946" s="14" t="s">
        <v>1</v>
      </c>
      <c r="C94946" s="14" t="s">
        <v>96</v>
      </c>
      <c r="D94946" s="14" t="s">
        <v>473</v>
      </c>
      <c r="E94946" s="15">
        <v>45422</v>
      </c>
      <c r="F94946" s="14" t="s">
        <v>53</v>
      </c>
      <c r="G94946" s="16">
        <v>0</v>
      </c>
    </row>
    <row r="94947" spans="1:7" x14ac:dyDescent="0.3">
      <c r="A94947" s="13" t="s">
        <v>472</v>
      </c>
      <c r="B94947" s="14" t="s">
        <v>1</v>
      </c>
      <c r="C94947" s="14" t="s">
        <v>96</v>
      </c>
      <c r="D94947" s="14" t="s">
        <v>473</v>
      </c>
      <c r="E94947" s="15">
        <v>45423</v>
      </c>
      <c r="F94947" s="14" t="s">
        <v>53</v>
      </c>
      <c r="G94947" s="16">
        <v>0</v>
      </c>
    </row>
    <row r="94948" spans="1:7" x14ac:dyDescent="0.3">
      <c r="A94948" s="13" t="s">
        <v>472</v>
      </c>
      <c r="B94948" s="14" t="s">
        <v>1</v>
      </c>
      <c r="C94948" s="14" t="s">
        <v>96</v>
      </c>
      <c r="D94948" s="14" t="s">
        <v>473</v>
      </c>
      <c r="E94948" s="15">
        <v>45424</v>
      </c>
      <c r="F94948" s="14" t="s">
        <v>53</v>
      </c>
      <c r="G94948" s="16">
        <v>0</v>
      </c>
    </row>
    <row r="94949" spans="1:7" x14ac:dyDescent="0.3">
      <c r="A94949" s="13" t="s">
        <v>472</v>
      </c>
      <c r="B94949" s="14" t="s">
        <v>1</v>
      </c>
      <c r="C94949" s="14" t="s">
        <v>96</v>
      </c>
      <c r="D94949" s="14" t="s">
        <v>473</v>
      </c>
      <c r="E94949" s="15">
        <v>45425</v>
      </c>
      <c r="F94949" s="14" t="s">
        <v>53</v>
      </c>
      <c r="G94949" s="16">
        <v>0</v>
      </c>
    </row>
    <row r="94950" spans="1:7" x14ac:dyDescent="0.3">
      <c r="A94950" s="13" t="s">
        <v>472</v>
      </c>
      <c r="B94950" s="14" t="s">
        <v>1</v>
      </c>
      <c r="C94950" s="14" t="s">
        <v>96</v>
      </c>
      <c r="D94950" s="14" t="s">
        <v>473</v>
      </c>
      <c r="E94950" s="15">
        <v>45426</v>
      </c>
      <c r="F94950" s="14" t="s">
        <v>53</v>
      </c>
      <c r="G94950" s="16">
        <v>0</v>
      </c>
    </row>
    <row r="94951" spans="1:7" x14ac:dyDescent="0.3">
      <c r="A94951" s="13" t="s">
        <v>472</v>
      </c>
      <c r="B94951" s="14" t="s">
        <v>1</v>
      </c>
      <c r="C94951" s="14" t="s">
        <v>96</v>
      </c>
      <c r="D94951" s="14" t="s">
        <v>473</v>
      </c>
      <c r="E94951" s="15">
        <v>45427</v>
      </c>
      <c r="F94951" s="14" t="s">
        <v>53</v>
      </c>
      <c r="G94951" s="16">
        <v>0</v>
      </c>
    </row>
    <row r="94952" spans="1:7" x14ac:dyDescent="0.3">
      <c r="A94952" s="13" t="s">
        <v>472</v>
      </c>
      <c r="B94952" s="14" t="s">
        <v>1</v>
      </c>
      <c r="C94952" s="14" t="s">
        <v>96</v>
      </c>
      <c r="D94952" s="14" t="s">
        <v>473</v>
      </c>
      <c r="E94952" s="15">
        <v>45428</v>
      </c>
      <c r="F94952" s="14" t="s">
        <v>53</v>
      </c>
      <c r="G94952" s="16">
        <v>0</v>
      </c>
    </row>
    <row r="94953" spans="1:7" x14ac:dyDescent="0.3">
      <c r="A94953" s="13" t="s">
        <v>472</v>
      </c>
      <c r="B94953" s="14" t="s">
        <v>1</v>
      </c>
      <c r="C94953" s="14" t="s">
        <v>96</v>
      </c>
      <c r="D94953" s="14" t="s">
        <v>473</v>
      </c>
      <c r="E94953" s="15">
        <v>45429</v>
      </c>
      <c r="F94953" s="14" t="s">
        <v>53</v>
      </c>
      <c r="G94953" s="16">
        <v>0</v>
      </c>
    </row>
    <row r="94954" spans="1:7" x14ac:dyDescent="0.3">
      <c r="A94954" s="13" t="s">
        <v>472</v>
      </c>
      <c r="B94954" s="14" t="s">
        <v>1</v>
      </c>
      <c r="C94954" s="14" t="s">
        <v>96</v>
      </c>
      <c r="D94954" s="14" t="s">
        <v>473</v>
      </c>
      <c r="E94954" s="15">
        <v>45430</v>
      </c>
      <c r="F94954" s="14" t="s">
        <v>53</v>
      </c>
      <c r="G94954" s="16">
        <v>0</v>
      </c>
    </row>
    <row r="94955" spans="1:7" x14ac:dyDescent="0.3">
      <c r="A94955" s="13" t="s">
        <v>472</v>
      </c>
      <c r="B94955" s="14" t="s">
        <v>1</v>
      </c>
      <c r="C94955" s="14" t="s">
        <v>96</v>
      </c>
      <c r="D94955" s="14" t="s">
        <v>473</v>
      </c>
      <c r="E94955" s="15">
        <v>45431</v>
      </c>
      <c r="F94955" s="14" t="s">
        <v>53</v>
      </c>
      <c r="G94955" s="16">
        <v>0</v>
      </c>
    </row>
    <row r="94956" spans="1:7" x14ac:dyDescent="0.3">
      <c r="A94956" s="13" t="s">
        <v>472</v>
      </c>
      <c r="B94956" s="14" t="s">
        <v>1</v>
      </c>
      <c r="C94956" s="14" t="s">
        <v>96</v>
      </c>
      <c r="D94956" s="14" t="s">
        <v>473</v>
      </c>
      <c r="E94956" s="15">
        <v>45432</v>
      </c>
      <c r="F94956" s="14" t="s">
        <v>53</v>
      </c>
      <c r="G94956" s="16">
        <v>0</v>
      </c>
    </row>
    <row r="94957" spans="1:7" x14ac:dyDescent="0.3">
      <c r="A94957" s="13" t="s">
        <v>472</v>
      </c>
      <c r="B94957" s="14" t="s">
        <v>1</v>
      </c>
      <c r="C94957" s="14" t="s">
        <v>96</v>
      </c>
      <c r="D94957" s="14" t="s">
        <v>473</v>
      </c>
      <c r="E94957" s="15">
        <v>45433</v>
      </c>
      <c r="F94957" s="14" t="s">
        <v>53</v>
      </c>
      <c r="G94957" s="16">
        <v>0</v>
      </c>
    </row>
    <row r="94958" spans="1:7" x14ac:dyDescent="0.3">
      <c r="A94958" s="13" t="s">
        <v>472</v>
      </c>
      <c r="B94958" s="14" t="s">
        <v>1</v>
      </c>
      <c r="C94958" s="14" t="s">
        <v>96</v>
      </c>
      <c r="D94958" s="14" t="s">
        <v>473</v>
      </c>
      <c r="E94958" s="15">
        <v>45434</v>
      </c>
      <c r="F94958" s="14" t="s">
        <v>53</v>
      </c>
      <c r="G94958" s="16">
        <v>0</v>
      </c>
    </row>
    <row r="94959" spans="1:7" x14ac:dyDescent="0.3">
      <c r="A94959" s="13" t="s">
        <v>472</v>
      </c>
      <c r="B94959" s="14" t="s">
        <v>1</v>
      </c>
      <c r="C94959" s="14" t="s">
        <v>96</v>
      </c>
      <c r="D94959" s="14" t="s">
        <v>473</v>
      </c>
      <c r="E94959" s="15">
        <v>45435</v>
      </c>
      <c r="F94959" s="14" t="s">
        <v>53</v>
      </c>
      <c r="G94959" s="16">
        <v>0</v>
      </c>
    </row>
    <row r="94960" spans="1:7" x14ac:dyDescent="0.3">
      <c r="A94960" s="13" t="s">
        <v>472</v>
      </c>
      <c r="B94960" s="14" t="s">
        <v>1</v>
      </c>
      <c r="C94960" s="14" t="s">
        <v>96</v>
      </c>
      <c r="D94960" s="14" t="s">
        <v>473</v>
      </c>
      <c r="E94960" s="15">
        <v>45436</v>
      </c>
      <c r="F94960" s="14" t="s">
        <v>53</v>
      </c>
      <c r="G94960" s="16">
        <v>0</v>
      </c>
    </row>
    <row r="94961" spans="1:7" x14ac:dyDescent="0.3">
      <c r="A94961" s="13" t="s">
        <v>472</v>
      </c>
      <c r="B94961" s="14" t="s">
        <v>1</v>
      </c>
      <c r="C94961" s="14" t="s">
        <v>96</v>
      </c>
      <c r="D94961" s="14" t="s">
        <v>473</v>
      </c>
      <c r="E94961" s="15">
        <v>45437</v>
      </c>
      <c r="F94961" s="14" t="s">
        <v>53</v>
      </c>
      <c r="G94961" s="16">
        <v>0</v>
      </c>
    </row>
    <row r="94962" spans="1:7" x14ac:dyDescent="0.3">
      <c r="A94962" s="13" t="s">
        <v>472</v>
      </c>
      <c r="B94962" s="14" t="s">
        <v>1</v>
      </c>
      <c r="C94962" s="14" t="s">
        <v>96</v>
      </c>
      <c r="D94962" s="14" t="s">
        <v>473</v>
      </c>
      <c r="E94962" s="15">
        <v>45438</v>
      </c>
      <c r="F94962" s="14" t="s">
        <v>53</v>
      </c>
      <c r="G94962" s="16">
        <v>0</v>
      </c>
    </row>
    <row r="94963" spans="1:7" x14ac:dyDescent="0.3">
      <c r="A94963" s="13" t="s">
        <v>472</v>
      </c>
      <c r="B94963" s="14" t="s">
        <v>1</v>
      </c>
      <c r="C94963" s="14" t="s">
        <v>96</v>
      </c>
      <c r="D94963" s="14" t="s">
        <v>473</v>
      </c>
      <c r="E94963" s="15">
        <v>45439</v>
      </c>
      <c r="F94963" s="14" t="s">
        <v>53</v>
      </c>
      <c r="G94963" s="16">
        <v>0</v>
      </c>
    </row>
    <row r="94964" spans="1:7" x14ac:dyDescent="0.3">
      <c r="A94964" s="13" t="s">
        <v>472</v>
      </c>
      <c r="B94964" s="14" t="s">
        <v>1</v>
      </c>
      <c r="C94964" s="14" t="s">
        <v>96</v>
      </c>
      <c r="D94964" s="14" t="s">
        <v>473</v>
      </c>
      <c r="E94964" s="15">
        <v>45440</v>
      </c>
      <c r="F94964" s="14" t="s">
        <v>53</v>
      </c>
      <c r="G94964" s="16">
        <v>0</v>
      </c>
    </row>
    <row r="94965" spans="1:7" x14ac:dyDescent="0.3">
      <c r="A94965" s="13" t="s">
        <v>472</v>
      </c>
      <c r="B94965" s="14" t="s">
        <v>1</v>
      </c>
      <c r="C94965" s="14" t="s">
        <v>96</v>
      </c>
      <c r="D94965" s="14" t="s">
        <v>473</v>
      </c>
      <c r="E94965" s="15">
        <v>45441</v>
      </c>
      <c r="F94965" s="14" t="s">
        <v>53</v>
      </c>
      <c r="G94965" s="16">
        <v>0</v>
      </c>
    </row>
    <row r="94966" spans="1:7" x14ac:dyDescent="0.3">
      <c r="A94966" s="13" t="s">
        <v>472</v>
      </c>
      <c r="B94966" s="14" t="s">
        <v>1</v>
      </c>
      <c r="C94966" s="14" t="s">
        <v>96</v>
      </c>
      <c r="D94966" s="14" t="s">
        <v>473</v>
      </c>
      <c r="E94966" s="15">
        <v>45442</v>
      </c>
      <c r="F94966" s="14" t="s">
        <v>53</v>
      </c>
      <c r="G94966" s="16">
        <v>0</v>
      </c>
    </row>
    <row r="94967" spans="1:7" x14ac:dyDescent="0.3">
      <c r="A94967" s="13" t="s">
        <v>472</v>
      </c>
      <c r="B94967" s="14" t="s">
        <v>1</v>
      </c>
      <c r="C94967" s="14" t="s">
        <v>96</v>
      </c>
      <c r="D94967" s="14" t="s">
        <v>473</v>
      </c>
      <c r="E94967" s="15">
        <v>45443</v>
      </c>
      <c r="F94967" s="14" t="s">
        <v>53</v>
      </c>
      <c r="G94967" s="16">
        <v>0</v>
      </c>
    </row>
    <row r="94968" spans="1:7" x14ac:dyDescent="0.3">
      <c r="A94968" s="13" t="s">
        <v>472</v>
      </c>
      <c r="B94968" s="14" t="s">
        <v>1</v>
      </c>
      <c r="C94968" s="14" t="s">
        <v>96</v>
      </c>
      <c r="D94968" s="14" t="s">
        <v>473</v>
      </c>
      <c r="E94968" s="15">
        <v>45444</v>
      </c>
      <c r="F94968" s="14" t="s">
        <v>53</v>
      </c>
      <c r="G94968" s="16">
        <v>0</v>
      </c>
    </row>
    <row r="94969" spans="1:7" x14ac:dyDescent="0.3">
      <c r="A94969" s="13" t="s">
        <v>472</v>
      </c>
      <c r="B94969" s="14" t="s">
        <v>1</v>
      </c>
      <c r="C94969" s="14" t="s">
        <v>96</v>
      </c>
      <c r="D94969" s="14" t="s">
        <v>473</v>
      </c>
      <c r="E94969" s="15">
        <v>45445</v>
      </c>
      <c r="F94969" s="14" t="s">
        <v>53</v>
      </c>
      <c r="G94969" s="16">
        <v>0</v>
      </c>
    </row>
    <row r="94970" spans="1:7" x14ac:dyDescent="0.3">
      <c r="A94970" s="13" t="s">
        <v>472</v>
      </c>
      <c r="B94970" s="14" t="s">
        <v>1</v>
      </c>
      <c r="C94970" s="14" t="s">
        <v>96</v>
      </c>
      <c r="D94970" s="14" t="s">
        <v>473</v>
      </c>
      <c r="E94970" s="15">
        <v>45446</v>
      </c>
      <c r="F94970" s="14" t="s">
        <v>53</v>
      </c>
      <c r="G94970" s="16">
        <v>0</v>
      </c>
    </row>
    <row r="94971" spans="1:7" x14ac:dyDescent="0.3">
      <c r="A94971" s="13" t="s">
        <v>472</v>
      </c>
      <c r="B94971" s="14" t="s">
        <v>1</v>
      </c>
      <c r="C94971" s="14" t="s">
        <v>96</v>
      </c>
      <c r="D94971" s="14" t="s">
        <v>473</v>
      </c>
      <c r="E94971" s="15">
        <v>45447</v>
      </c>
      <c r="F94971" s="14" t="s">
        <v>53</v>
      </c>
      <c r="G94971" s="16">
        <v>0</v>
      </c>
    </row>
    <row r="94972" spans="1:7" x14ac:dyDescent="0.3">
      <c r="A94972" s="13" t="s">
        <v>472</v>
      </c>
      <c r="B94972" s="14" t="s">
        <v>1</v>
      </c>
      <c r="C94972" s="14" t="s">
        <v>96</v>
      </c>
      <c r="D94972" s="14" t="s">
        <v>473</v>
      </c>
      <c r="E94972" s="15">
        <v>45448</v>
      </c>
      <c r="F94972" s="14" t="s">
        <v>53</v>
      </c>
      <c r="G94972" s="16">
        <v>0</v>
      </c>
    </row>
    <row r="94973" spans="1:7" x14ac:dyDescent="0.3">
      <c r="A94973" s="13" t="s">
        <v>472</v>
      </c>
      <c r="B94973" s="14" t="s">
        <v>1</v>
      </c>
      <c r="C94973" s="14" t="s">
        <v>96</v>
      </c>
      <c r="D94973" s="14" t="s">
        <v>473</v>
      </c>
      <c r="E94973" s="15">
        <v>45449</v>
      </c>
      <c r="F94973" s="14" t="s">
        <v>53</v>
      </c>
      <c r="G94973" s="16">
        <v>0</v>
      </c>
    </row>
    <row r="94974" spans="1:7" x14ac:dyDescent="0.3">
      <c r="A94974" s="13" t="s">
        <v>472</v>
      </c>
      <c r="B94974" s="14" t="s">
        <v>1</v>
      </c>
      <c r="C94974" s="14" t="s">
        <v>96</v>
      </c>
      <c r="D94974" s="14" t="s">
        <v>473</v>
      </c>
      <c r="E94974" s="15">
        <v>45450</v>
      </c>
      <c r="F94974" s="14" t="s">
        <v>53</v>
      </c>
      <c r="G94974" s="16">
        <v>0</v>
      </c>
    </row>
    <row r="94975" spans="1:7" x14ac:dyDescent="0.3">
      <c r="A94975" s="13" t="s">
        <v>472</v>
      </c>
      <c r="B94975" s="14" t="s">
        <v>1</v>
      </c>
      <c r="C94975" s="14" t="s">
        <v>96</v>
      </c>
      <c r="D94975" s="14" t="s">
        <v>473</v>
      </c>
      <c r="E94975" s="15">
        <v>45451</v>
      </c>
      <c r="F94975" s="14" t="s">
        <v>53</v>
      </c>
      <c r="G94975" s="16">
        <v>0</v>
      </c>
    </row>
    <row r="94976" spans="1:7" x14ac:dyDescent="0.3">
      <c r="A94976" s="13" t="s">
        <v>472</v>
      </c>
      <c r="B94976" s="14" t="s">
        <v>1</v>
      </c>
      <c r="C94976" s="14" t="s">
        <v>96</v>
      </c>
      <c r="D94976" s="14" t="s">
        <v>473</v>
      </c>
      <c r="E94976" s="15">
        <v>45452</v>
      </c>
      <c r="F94976" s="14" t="s">
        <v>53</v>
      </c>
      <c r="G94976" s="16">
        <v>0</v>
      </c>
    </row>
    <row r="94977" spans="1:7" x14ac:dyDescent="0.3">
      <c r="A94977" s="13" t="s">
        <v>472</v>
      </c>
      <c r="B94977" s="14" t="s">
        <v>1</v>
      </c>
      <c r="C94977" s="14" t="s">
        <v>96</v>
      </c>
      <c r="D94977" s="14" t="s">
        <v>473</v>
      </c>
      <c r="E94977" s="15">
        <v>45453</v>
      </c>
      <c r="F94977" s="14" t="s">
        <v>53</v>
      </c>
      <c r="G94977" s="16">
        <v>0</v>
      </c>
    </row>
    <row r="94978" spans="1:7" x14ac:dyDescent="0.3">
      <c r="A94978" s="13" t="s">
        <v>472</v>
      </c>
      <c r="B94978" s="14" t="s">
        <v>1</v>
      </c>
      <c r="C94978" s="14" t="s">
        <v>96</v>
      </c>
      <c r="D94978" s="14" t="s">
        <v>473</v>
      </c>
      <c r="E94978" s="15">
        <v>45454</v>
      </c>
      <c r="F94978" s="14" t="s">
        <v>53</v>
      </c>
      <c r="G94978" s="16">
        <v>0</v>
      </c>
    </row>
    <row r="94979" spans="1:7" x14ac:dyDescent="0.3">
      <c r="A94979" s="13" t="s">
        <v>472</v>
      </c>
      <c r="B94979" s="14" t="s">
        <v>1</v>
      </c>
      <c r="C94979" s="14" t="s">
        <v>96</v>
      </c>
      <c r="D94979" s="14" t="s">
        <v>473</v>
      </c>
      <c r="E94979" s="15">
        <v>45455</v>
      </c>
      <c r="F94979" s="14" t="s">
        <v>53</v>
      </c>
      <c r="G94979" s="16">
        <v>0</v>
      </c>
    </row>
    <row r="94980" spans="1:7" x14ac:dyDescent="0.3">
      <c r="A94980" s="13" t="s">
        <v>472</v>
      </c>
      <c r="B94980" s="14" t="s">
        <v>1</v>
      </c>
      <c r="C94980" s="14" t="s">
        <v>96</v>
      </c>
      <c r="D94980" s="14" t="s">
        <v>473</v>
      </c>
      <c r="E94980" s="15">
        <v>45456</v>
      </c>
      <c r="F94980" s="14" t="s">
        <v>53</v>
      </c>
      <c r="G94980" s="16">
        <v>0</v>
      </c>
    </row>
    <row r="94981" spans="1:7" x14ac:dyDescent="0.3">
      <c r="A94981" s="13" t="s">
        <v>472</v>
      </c>
      <c r="B94981" s="14" t="s">
        <v>1</v>
      </c>
      <c r="C94981" s="14" t="s">
        <v>96</v>
      </c>
      <c r="D94981" s="14" t="s">
        <v>473</v>
      </c>
      <c r="E94981" s="15">
        <v>45457</v>
      </c>
      <c r="F94981" s="14" t="s">
        <v>53</v>
      </c>
      <c r="G94981" s="16">
        <v>0</v>
      </c>
    </row>
    <row r="94982" spans="1:7" x14ac:dyDescent="0.3">
      <c r="A94982" s="13" t="s">
        <v>472</v>
      </c>
      <c r="B94982" s="14" t="s">
        <v>1</v>
      </c>
      <c r="C94982" s="14" t="s">
        <v>96</v>
      </c>
      <c r="D94982" s="14" t="s">
        <v>473</v>
      </c>
      <c r="E94982" s="15">
        <v>45458</v>
      </c>
      <c r="F94982" s="14" t="s">
        <v>53</v>
      </c>
      <c r="G94982" s="16">
        <v>0</v>
      </c>
    </row>
    <row r="94983" spans="1:7" x14ac:dyDescent="0.3">
      <c r="A94983" s="13" t="s">
        <v>472</v>
      </c>
      <c r="B94983" s="14" t="s">
        <v>1</v>
      </c>
      <c r="C94983" s="14" t="s">
        <v>96</v>
      </c>
      <c r="D94983" s="14" t="s">
        <v>473</v>
      </c>
      <c r="E94983" s="15">
        <v>45459</v>
      </c>
      <c r="F94983" s="14" t="s">
        <v>53</v>
      </c>
      <c r="G94983" s="16">
        <v>0</v>
      </c>
    </row>
    <row r="94984" spans="1:7" x14ac:dyDescent="0.3">
      <c r="A94984" s="13" t="s">
        <v>472</v>
      </c>
      <c r="B94984" s="14" t="s">
        <v>1</v>
      </c>
      <c r="C94984" s="14" t="s">
        <v>96</v>
      </c>
      <c r="D94984" s="14" t="s">
        <v>473</v>
      </c>
      <c r="E94984" s="15">
        <v>45460</v>
      </c>
      <c r="F94984" s="14" t="s">
        <v>53</v>
      </c>
      <c r="G94984" s="16">
        <v>0</v>
      </c>
    </row>
    <row r="94985" spans="1:7" x14ac:dyDescent="0.3">
      <c r="A94985" s="13" t="s">
        <v>472</v>
      </c>
      <c r="B94985" s="14" t="s">
        <v>1</v>
      </c>
      <c r="C94985" s="14" t="s">
        <v>96</v>
      </c>
      <c r="D94985" s="14" t="s">
        <v>473</v>
      </c>
      <c r="E94985" s="15">
        <v>45461</v>
      </c>
      <c r="F94985" s="14" t="s">
        <v>53</v>
      </c>
      <c r="G94985" s="16">
        <v>0</v>
      </c>
    </row>
    <row r="94986" spans="1:7" x14ac:dyDescent="0.3">
      <c r="A94986" s="13" t="s">
        <v>472</v>
      </c>
      <c r="B94986" s="14" t="s">
        <v>1</v>
      </c>
      <c r="C94986" s="14" t="s">
        <v>96</v>
      </c>
      <c r="D94986" s="14" t="s">
        <v>473</v>
      </c>
      <c r="E94986" s="15">
        <v>45462</v>
      </c>
      <c r="F94986" s="14" t="s">
        <v>53</v>
      </c>
      <c r="G94986" s="16">
        <v>0</v>
      </c>
    </row>
    <row r="94987" spans="1:7" x14ac:dyDescent="0.3">
      <c r="A94987" s="13" t="s">
        <v>472</v>
      </c>
      <c r="B94987" s="14" t="s">
        <v>1</v>
      </c>
      <c r="C94987" s="14" t="s">
        <v>96</v>
      </c>
      <c r="D94987" s="14" t="s">
        <v>473</v>
      </c>
      <c r="E94987" s="15">
        <v>45463</v>
      </c>
      <c r="F94987" s="14" t="s">
        <v>53</v>
      </c>
      <c r="G94987" s="16">
        <v>0</v>
      </c>
    </row>
    <row r="94988" spans="1:7" x14ac:dyDescent="0.3">
      <c r="A94988" s="13" t="s">
        <v>472</v>
      </c>
      <c r="B94988" s="14" t="s">
        <v>1</v>
      </c>
      <c r="C94988" s="14" t="s">
        <v>96</v>
      </c>
      <c r="D94988" s="14" t="s">
        <v>473</v>
      </c>
      <c r="E94988" s="15">
        <v>45464</v>
      </c>
      <c r="F94988" s="14" t="s">
        <v>53</v>
      </c>
      <c r="G94988" s="16">
        <v>0</v>
      </c>
    </row>
    <row r="94989" spans="1:7" x14ac:dyDescent="0.3">
      <c r="A94989" s="13" t="s">
        <v>472</v>
      </c>
      <c r="B94989" s="14" t="s">
        <v>1</v>
      </c>
      <c r="C94989" s="14" t="s">
        <v>96</v>
      </c>
      <c r="D94989" s="14" t="s">
        <v>473</v>
      </c>
      <c r="E94989" s="15">
        <v>45465</v>
      </c>
      <c r="F94989" s="14" t="s">
        <v>53</v>
      </c>
      <c r="G94989" s="16">
        <v>0</v>
      </c>
    </row>
    <row r="94990" spans="1:7" x14ac:dyDescent="0.3">
      <c r="A94990" s="13" t="s">
        <v>472</v>
      </c>
      <c r="B94990" s="14" t="s">
        <v>1</v>
      </c>
      <c r="C94990" s="14" t="s">
        <v>96</v>
      </c>
      <c r="D94990" s="14" t="s">
        <v>473</v>
      </c>
      <c r="E94990" s="15">
        <v>45466</v>
      </c>
      <c r="F94990" s="14" t="s">
        <v>53</v>
      </c>
      <c r="G94990" s="16">
        <v>0</v>
      </c>
    </row>
    <row r="94991" spans="1:7" x14ac:dyDescent="0.3">
      <c r="A94991" s="13" t="s">
        <v>472</v>
      </c>
      <c r="B94991" s="14" t="s">
        <v>1</v>
      </c>
      <c r="C94991" s="14" t="s">
        <v>96</v>
      </c>
      <c r="D94991" s="14" t="s">
        <v>473</v>
      </c>
      <c r="E94991" s="15">
        <v>45467</v>
      </c>
      <c r="F94991" s="14" t="s">
        <v>53</v>
      </c>
      <c r="G94991" s="16">
        <v>0</v>
      </c>
    </row>
    <row r="94992" spans="1:7" x14ac:dyDescent="0.3">
      <c r="A94992" s="13" t="s">
        <v>472</v>
      </c>
      <c r="B94992" s="14" t="s">
        <v>1</v>
      </c>
      <c r="C94992" s="14" t="s">
        <v>96</v>
      </c>
      <c r="D94992" s="14" t="s">
        <v>473</v>
      </c>
      <c r="E94992" s="15">
        <v>45468</v>
      </c>
      <c r="F94992" s="14" t="s">
        <v>53</v>
      </c>
      <c r="G94992" s="16">
        <v>0</v>
      </c>
    </row>
    <row r="94993" spans="1:7" x14ac:dyDescent="0.3">
      <c r="A94993" s="13" t="s">
        <v>472</v>
      </c>
      <c r="B94993" s="14" t="s">
        <v>1</v>
      </c>
      <c r="C94993" s="14" t="s">
        <v>96</v>
      </c>
      <c r="D94993" s="14" t="s">
        <v>473</v>
      </c>
      <c r="E94993" s="15">
        <v>45469</v>
      </c>
      <c r="F94993" s="14" t="s">
        <v>53</v>
      </c>
      <c r="G94993" s="16">
        <v>0</v>
      </c>
    </row>
    <row r="94994" spans="1:7" x14ac:dyDescent="0.3">
      <c r="A94994" s="13" t="s">
        <v>472</v>
      </c>
      <c r="B94994" s="14" t="s">
        <v>1</v>
      </c>
      <c r="C94994" s="14" t="s">
        <v>96</v>
      </c>
      <c r="D94994" s="14" t="s">
        <v>473</v>
      </c>
      <c r="E94994" s="15">
        <v>45470</v>
      </c>
      <c r="F94994" s="14" t="s">
        <v>53</v>
      </c>
      <c r="G94994" s="16">
        <v>0</v>
      </c>
    </row>
    <row r="94995" spans="1:7" x14ac:dyDescent="0.3">
      <c r="A94995" s="13" t="s">
        <v>472</v>
      </c>
      <c r="B94995" s="14" t="s">
        <v>1</v>
      </c>
      <c r="C94995" s="14" t="s">
        <v>96</v>
      </c>
      <c r="D94995" s="14" t="s">
        <v>473</v>
      </c>
      <c r="E94995" s="15">
        <v>45471</v>
      </c>
      <c r="F94995" s="14" t="s">
        <v>53</v>
      </c>
      <c r="G94995" s="16">
        <v>0</v>
      </c>
    </row>
    <row r="94996" spans="1:7" x14ac:dyDescent="0.3">
      <c r="A94996" s="13" t="s">
        <v>472</v>
      </c>
      <c r="B94996" s="14" t="s">
        <v>1</v>
      </c>
      <c r="C94996" s="14" t="s">
        <v>96</v>
      </c>
      <c r="D94996" s="14" t="s">
        <v>473</v>
      </c>
      <c r="E94996" s="15">
        <v>45472</v>
      </c>
      <c r="F94996" s="14" t="s">
        <v>53</v>
      </c>
      <c r="G94996" s="16">
        <v>0</v>
      </c>
    </row>
    <row r="94997" spans="1:7" x14ac:dyDescent="0.3">
      <c r="A94997" s="13" t="s">
        <v>472</v>
      </c>
      <c r="B94997" s="14" t="s">
        <v>1</v>
      </c>
      <c r="C94997" s="14" t="s">
        <v>96</v>
      </c>
      <c r="D94997" s="14" t="s">
        <v>473</v>
      </c>
      <c r="E94997" s="15">
        <v>45473</v>
      </c>
      <c r="F94997" s="14" t="s">
        <v>53</v>
      </c>
      <c r="G94997" s="16">
        <v>0</v>
      </c>
    </row>
    <row r="94998" spans="1:7" x14ac:dyDescent="0.3">
      <c r="A94998" s="13" t="s">
        <v>472</v>
      </c>
      <c r="B94998" s="14" t="s">
        <v>1</v>
      </c>
      <c r="C94998" s="14" t="s">
        <v>96</v>
      </c>
      <c r="D94998" s="14" t="s">
        <v>473</v>
      </c>
      <c r="E94998" s="15">
        <v>45474</v>
      </c>
      <c r="F94998" s="14" t="s">
        <v>53</v>
      </c>
      <c r="G94998" s="16">
        <v>0</v>
      </c>
    </row>
    <row r="94999" spans="1:7" x14ac:dyDescent="0.3">
      <c r="A94999" s="13" t="s">
        <v>472</v>
      </c>
      <c r="B94999" s="14" t="s">
        <v>1</v>
      </c>
      <c r="C94999" s="14" t="s">
        <v>96</v>
      </c>
      <c r="D94999" s="14" t="s">
        <v>473</v>
      </c>
      <c r="E94999" s="15">
        <v>45475</v>
      </c>
      <c r="F94999" s="14" t="s">
        <v>53</v>
      </c>
      <c r="G94999" s="16">
        <v>0</v>
      </c>
    </row>
    <row r="95000" spans="1:7" x14ac:dyDescent="0.3">
      <c r="A95000" s="13" t="s">
        <v>472</v>
      </c>
      <c r="B95000" s="14" t="s">
        <v>1</v>
      </c>
      <c r="C95000" s="14" t="s">
        <v>96</v>
      </c>
      <c r="D95000" s="14" t="s">
        <v>473</v>
      </c>
      <c r="E95000" s="15">
        <v>45476</v>
      </c>
      <c r="F95000" s="14" t="s">
        <v>53</v>
      </c>
      <c r="G95000" s="16">
        <v>0</v>
      </c>
    </row>
    <row r="95001" spans="1:7" x14ac:dyDescent="0.3">
      <c r="A95001" s="13" t="s">
        <v>472</v>
      </c>
      <c r="B95001" s="14" t="s">
        <v>1</v>
      </c>
      <c r="C95001" s="14" t="s">
        <v>96</v>
      </c>
      <c r="D95001" s="14" t="s">
        <v>473</v>
      </c>
      <c r="E95001" s="15">
        <v>45477</v>
      </c>
      <c r="F95001" s="14" t="s">
        <v>53</v>
      </c>
      <c r="G95001" s="16">
        <v>0</v>
      </c>
    </row>
    <row r="95002" spans="1:7" x14ac:dyDescent="0.3">
      <c r="A95002" s="13" t="s">
        <v>472</v>
      </c>
      <c r="B95002" s="14" t="s">
        <v>1</v>
      </c>
      <c r="C95002" s="14" t="s">
        <v>96</v>
      </c>
      <c r="D95002" s="14" t="s">
        <v>473</v>
      </c>
      <c r="E95002" s="15">
        <v>45478</v>
      </c>
      <c r="F95002" s="14" t="s">
        <v>53</v>
      </c>
      <c r="G95002" s="16">
        <v>0</v>
      </c>
    </row>
    <row r="95003" spans="1:7" x14ac:dyDescent="0.3">
      <c r="A95003" s="13" t="s">
        <v>472</v>
      </c>
      <c r="B95003" s="14" t="s">
        <v>1</v>
      </c>
      <c r="C95003" s="14" t="s">
        <v>96</v>
      </c>
      <c r="D95003" s="14" t="s">
        <v>473</v>
      </c>
      <c r="E95003" s="15">
        <v>45479</v>
      </c>
      <c r="F95003" s="14" t="s">
        <v>53</v>
      </c>
      <c r="G95003" s="16">
        <v>0</v>
      </c>
    </row>
    <row r="95004" spans="1:7" x14ac:dyDescent="0.3">
      <c r="A95004" s="13" t="s">
        <v>472</v>
      </c>
      <c r="B95004" s="14" t="s">
        <v>1</v>
      </c>
      <c r="C95004" s="14" t="s">
        <v>96</v>
      </c>
      <c r="D95004" s="14" t="s">
        <v>473</v>
      </c>
      <c r="E95004" s="15">
        <v>45480</v>
      </c>
      <c r="F95004" s="14" t="s">
        <v>53</v>
      </c>
      <c r="G95004" s="16">
        <v>0</v>
      </c>
    </row>
    <row r="95005" spans="1:7" x14ac:dyDescent="0.3">
      <c r="A95005" s="13" t="s">
        <v>472</v>
      </c>
      <c r="B95005" s="14" t="s">
        <v>1</v>
      </c>
      <c r="C95005" s="14" t="s">
        <v>96</v>
      </c>
      <c r="D95005" s="14" t="s">
        <v>473</v>
      </c>
      <c r="E95005" s="15">
        <v>45481</v>
      </c>
      <c r="F95005" s="14" t="s">
        <v>53</v>
      </c>
      <c r="G95005" s="16">
        <v>0</v>
      </c>
    </row>
    <row r="95006" spans="1:7" x14ac:dyDescent="0.3">
      <c r="A95006" s="13" t="s">
        <v>472</v>
      </c>
      <c r="B95006" s="14" t="s">
        <v>1</v>
      </c>
      <c r="C95006" s="14" t="s">
        <v>96</v>
      </c>
      <c r="D95006" s="14" t="s">
        <v>473</v>
      </c>
      <c r="E95006" s="15">
        <v>45482</v>
      </c>
      <c r="F95006" s="14" t="s">
        <v>53</v>
      </c>
      <c r="G95006" s="16">
        <v>0</v>
      </c>
    </row>
    <row r="95007" spans="1:7" x14ac:dyDescent="0.3">
      <c r="A95007" s="13" t="s">
        <v>472</v>
      </c>
      <c r="B95007" s="14" t="s">
        <v>1</v>
      </c>
      <c r="C95007" s="14" t="s">
        <v>96</v>
      </c>
      <c r="D95007" s="14" t="s">
        <v>473</v>
      </c>
      <c r="E95007" s="15">
        <v>45483</v>
      </c>
      <c r="F95007" s="14" t="s">
        <v>53</v>
      </c>
      <c r="G95007" s="16">
        <v>0</v>
      </c>
    </row>
    <row r="95008" spans="1:7" x14ac:dyDescent="0.3">
      <c r="A95008" s="13" t="s">
        <v>472</v>
      </c>
      <c r="B95008" s="14" t="s">
        <v>1</v>
      </c>
      <c r="C95008" s="14" t="s">
        <v>96</v>
      </c>
      <c r="D95008" s="14" t="s">
        <v>473</v>
      </c>
      <c r="E95008" s="15">
        <v>45484</v>
      </c>
      <c r="F95008" s="14" t="s">
        <v>53</v>
      </c>
      <c r="G95008" s="16">
        <v>0</v>
      </c>
    </row>
    <row r="95009" spans="1:7" x14ac:dyDescent="0.3">
      <c r="A95009" s="13" t="s">
        <v>472</v>
      </c>
      <c r="B95009" s="14" t="s">
        <v>1</v>
      </c>
      <c r="C95009" s="14" t="s">
        <v>96</v>
      </c>
      <c r="D95009" s="14" t="s">
        <v>473</v>
      </c>
      <c r="E95009" s="15">
        <v>45485</v>
      </c>
      <c r="F95009" s="14" t="s">
        <v>53</v>
      </c>
      <c r="G95009" s="16">
        <v>0</v>
      </c>
    </row>
    <row r="95010" spans="1:7" x14ac:dyDescent="0.3">
      <c r="A95010" s="13" t="s">
        <v>472</v>
      </c>
      <c r="B95010" s="14" t="s">
        <v>1</v>
      </c>
      <c r="C95010" s="14" t="s">
        <v>96</v>
      </c>
      <c r="D95010" s="14" t="s">
        <v>473</v>
      </c>
      <c r="E95010" s="15">
        <v>45486</v>
      </c>
      <c r="F95010" s="14" t="s">
        <v>53</v>
      </c>
      <c r="G95010" s="16">
        <v>0</v>
      </c>
    </row>
    <row r="95011" spans="1:7" x14ac:dyDescent="0.3">
      <c r="A95011" s="13" t="s">
        <v>472</v>
      </c>
      <c r="B95011" s="14" t="s">
        <v>1</v>
      </c>
      <c r="C95011" s="14" t="s">
        <v>96</v>
      </c>
      <c r="D95011" s="14" t="s">
        <v>473</v>
      </c>
      <c r="E95011" s="15">
        <v>45487</v>
      </c>
      <c r="F95011" s="14" t="s">
        <v>53</v>
      </c>
      <c r="G95011" s="16">
        <v>0</v>
      </c>
    </row>
    <row r="95012" spans="1:7" x14ac:dyDescent="0.3">
      <c r="A95012" s="13" t="s">
        <v>472</v>
      </c>
      <c r="B95012" s="14" t="s">
        <v>1</v>
      </c>
      <c r="C95012" s="14" t="s">
        <v>96</v>
      </c>
      <c r="D95012" s="14" t="s">
        <v>473</v>
      </c>
      <c r="E95012" s="15">
        <v>45488</v>
      </c>
      <c r="F95012" s="14" t="s">
        <v>53</v>
      </c>
      <c r="G95012" s="16">
        <v>0</v>
      </c>
    </row>
    <row r="95013" spans="1:7" x14ac:dyDescent="0.3">
      <c r="A95013" s="13" t="s">
        <v>472</v>
      </c>
      <c r="B95013" s="14" t="s">
        <v>1</v>
      </c>
      <c r="C95013" s="14" t="s">
        <v>96</v>
      </c>
      <c r="D95013" s="14" t="s">
        <v>473</v>
      </c>
      <c r="E95013" s="15">
        <v>45489</v>
      </c>
      <c r="F95013" s="14" t="s">
        <v>53</v>
      </c>
      <c r="G95013" s="16">
        <v>0</v>
      </c>
    </row>
    <row r="95014" spans="1:7" x14ac:dyDescent="0.3">
      <c r="A95014" s="13" t="s">
        <v>472</v>
      </c>
      <c r="B95014" s="14" t="s">
        <v>1</v>
      </c>
      <c r="C95014" s="14" t="s">
        <v>96</v>
      </c>
      <c r="D95014" s="14" t="s">
        <v>473</v>
      </c>
      <c r="E95014" s="15">
        <v>45490</v>
      </c>
      <c r="F95014" s="14" t="s">
        <v>53</v>
      </c>
      <c r="G95014" s="16">
        <v>0</v>
      </c>
    </row>
    <row r="95015" spans="1:7" x14ac:dyDescent="0.3">
      <c r="A95015" s="13" t="s">
        <v>472</v>
      </c>
      <c r="B95015" s="14" t="s">
        <v>1</v>
      </c>
      <c r="C95015" s="14" t="s">
        <v>96</v>
      </c>
      <c r="D95015" s="14" t="s">
        <v>473</v>
      </c>
      <c r="E95015" s="15">
        <v>45491</v>
      </c>
      <c r="F95015" s="14" t="s">
        <v>53</v>
      </c>
      <c r="G95015" s="16">
        <v>0</v>
      </c>
    </row>
    <row r="95016" spans="1:7" x14ac:dyDescent="0.3">
      <c r="A95016" s="13" t="s">
        <v>472</v>
      </c>
      <c r="B95016" s="14" t="s">
        <v>1</v>
      </c>
      <c r="C95016" s="14" t="s">
        <v>96</v>
      </c>
      <c r="D95016" s="14" t="s">
        <v>473</v>
      </c>
      <c r="E95016" s="15">
        <v>45492</v>
      </c>
      <c r="F95016" s="14" t="s">
        <v>53</v>
      </c>
      <c r="G95016" s="16">
        <v>0</v>
      </c>
    </row>
    <row r="95017" spans="1:7" x14ac:dyDescent="0.3">
      <c r="A95017" s="13" t="s">
        <v>472</v>
      </c>
      <c r="B95017" s="14" t="s">
        <v>1</v>
      </c>
      <c r="C95017" s="14" t="s">
        <v>96</v>
      </c>
      <c r="D95017" s="14" t="s">
        <v>473</v>
      </c>
      <c r="E95017" s="15">
        <v>45493</v>
      </c>
      <c r="F95017" s="14" t="s">
        <v>53</v>
      </c>
      <c r="G95017" s="16">
        <v>0</v>
      </c>
    </row>
    <row r="95018" spans="1:7" x14ac:dyDescent="0.3">
      <c r="A95018" s="13" t="s">
        <v>472</v>
      </c>
      <c r="B95018" s="14" t="s">
        <v>1</v>
      </c>
      <c r="C95018" s="14" t="s">
        <v>96</v>
      </c>
      <c r="D95018" s="14" t="s">
        <v>473</v>
      </c>
      <c r="E95018" s="15">
        <v>45494</v>
      </c>
      <c r="F95018" s="14" t="s">
        <v>53</v>
      </c>
      <c r="G95018" s="16">
        <v>0</v>
      </c>
    </row>
    <row r="95019" spans="1:7" x14ac:dyDescent="0.3">
      <c r="A95019" s="13" t="s">
        <v>472</v>
      </c>
      <c r="B95019" s="14" t="s">
        <v>1</v>
      </c>
      <c r="C95019" s="14" t="s">
        <v>96</v>
      </c>
      <c r="D95019" s="14" t="s">
        <v>473</v>
      </c>
      <c r="E95019" s="15">
        <v>45495</v>
      </c>
      <c r="F95019" s="14" t="s">
        <v>53</v>
      </c>
      <c r="G95019" s="16">
        <v>0</v>
      </c>
    </row>
    <row r="95020" spans="1:7" x14ac:dyDescent="0.3">
      <c r="A95020" s="13" t="s">
        <v>472</v>
      </c>
      <c r="B95020" s="14" t="s">
        <v>1</v>
      </c>
      <c r="C95020" s="14" t="s">
        <v>96</v>
      </c>
      <c r="D95020" s="14" t="s">
        <v>473</v>
      </c>
      <c r="E95020" s="15">
        <v>45496</v>
      </c>
      <c r="F95020" s="14" t="s">
        <v>53</v>
      </c>
      <c r="G95020" s="16">
        <v>0</v>
      </c>
    </row>
    <row r="95021" spans="1:7" x14ac:dyDescent="0.3">
      <c r="A95021" s="13" t="s">
        <v>472</v>
      </c>
      <c r="B95021" s="14" t="s">
        <v>1</v>
      </c>
      <c r="C95021" s="14" t="s">
        <v>96</v>
      </c>
      <c r="D95021" s="14" t="s">
        <v>473</v>
      </c>
      <c r="E95021" s="15">
        <v>45497</v>
      </c>
      <c r="F95021" s="14" t="s">
        <v>53</v>
      </c>
      <c r="G95021" s="16">
        <v>0</v>
      </c>
    </row>
    <row r="95022" spans="1:7" x14ac:dyDescent="0.3">
      <c r="A95022" s="13" t="s">
        <v>472</v>
      </c>
      <c r="B95022" s="14" t="s">
        <v>1</v>
      </c>
      <c r="C95022" s="14" t="s">
        <v>96</v>
      </c>
      <c r="D95022" s="14" t="s">
        <v>473</v>
      </c>
      <c r="E95022" s="15">
        <v>45498</v>
      </c>
      <c r="F95022" s="14" t="s">
        <v>53</v>
      </c>
      <c r="G95022" s="16">
        <v>0</v>
      </c>
    </row>
    <row r="95023" spans="1:7" x14ac:dyDescent="0.3">
      <c r="A95023" s="13" t="s">
        <v>472</v>
      </c>
      <c r="B95023" s="14" t="s">
        <v>1</v>
      </c>
      <c r="C95023" s="14" t="s">
        <v>96</v>
      </c>
      <c r="D95023" s="14" t="s">
        <v>473</v>
      </c>
      <c r="E95023" s="15">
        <v>45499</v>
      </c>
      <c r="F95023" s="14" t="s">
        <v>53</v>
      </c>
      <c r="G95023" s="16">
        <v>0</v>
      </c>
    </row>
    <row r="95024" spans="1:7" x14ac:dyDescent="0.3">
      <c r="A95024" s="13" t="s">
        <v>472</v>
      </c>
      <c r="B95024" s="14" t="s">
        <v>1</v>
      </c>
      <c r="C95024" s="14" t="s">
        <v>96</v>
      </c>
      <c r="D95024" s="14" t="s">
        <v>473</v>
      </c>
      <c r="E95024" s="15">
        <v>45500</v>
      </c>
      <c r="F95024" s="14" t="s">
        <v>53</v>
      </c>
      <c r="G95024" s="16">
        <v>0</v>
      </c>
    </row>
    <row r="95025" spans="1:7" x14ac:dyDescent="0.3">
      <c r="A95025" s="13" t="s">
        <v>472</v>
      </c>
      <c r="B95025" s="14" t="s">
        <v>1</v>
      </c>
      <c r="C95025" s="14" t="s">
        <v>96</v>
      </c>
      <c r="D95025" s="14" t="s">
        <v>473</v>
      </c>
      <c r="E95025" s="15">
        <v>45501</v>
      </c>
      <c r="F95025" s="14" t="s">
        <v>53</v>
      </c>
      <c r="G95025" s="16">
        <v>0</v>
      </c>
    </row>
    <row r="95026" spans="1:7" x14ac:dyDescent="0.3">
      <c r="A95026" s="13" t="s">
        <v>472</v>
      </c>
      <c r="B95026" s="14" t="s">
        <v>1</v>
      </c>
      <c r="C95026" s="14" t="s">
        <v>96</v>
      </c>
      <c r="D95026" s="14" t="s">
        <v>473</v>
      </c>
      <c r="E95026" s="15">
        <v>45502</v>
      </c>
      <c r="F95026" s="14" t="s">
        <v>53</v>
      </c>
      <c r="G95026" s="16">
        <v>0</v>
      </c>
    </row>
    <row r="95027" spans="1:7" x14ac:dyDescent="0.3">
      <c r="A95027" s="13" t="s">
        <v>472</v>
      </c>
      <c r="B95027" s="14" t="s">
        <v>1</v>
      </c>
      <c r="C95027" s="14" t="s">
        <v>96</v>
      </c>
      <c r="D95027" s="14" t="s">
        <v>473</v>
      </c>
      <c r="E95027" s="15">
        <v>45503</v>
      </c>
      <c r="F95027" s="14" t="s">
        <v>53</v>
      </c>
      <c r="G95027" s="16">
        <v>0</v>
      </c>
    </row>
    <row r="95028" spans="1:7" x14ac:dyDescent="0.3">
      <c r="A95028" s="13" t="s">
        <v>472</v>
      </c>
      <c r="B95028" s="14" t="s">
        <v>1</v>
      </c>
      <c r="C95028" s="14" t="s">
        <v>96</v>
      </c>
      <c r="D95028" s="14" t="s">
        <v>473</v>
      </c>
      <c r="E95028" s="15">
        <v>45504</v>
      </c>
      <c r="F95028" s="14" t="s">
        <v>53</v>
      </c>
      <c r="G95028" s="16">
        <v>0</v>
      </c>
    </row>
    <row r="95029" spans="1:7" x14ac:dyDescent="0.3">
      <c r="A95029" s="13" t="s">
        <v>472</v>
      </c>
      <c r="B95029" s="14" t="s">
        <v>1</v>
      </c>
      <c r="C95029" s="14" t="s">
        <v>96</v>
      </c>
      <c r="D95029" s="14" t="s">
        <v>473</v>
      </c>
      <c r="E95029" s="15">
        <v>45505</v>
      </c>
      <c r="F95029" s="14" t="s">
        <v>53</v>
      </c>
      <c r="G95029" s="16">
        <v>0</v>
      </c>
    </row>
    <row r="95030" spans="1:7" x14ac:dyDescent="0.3">
      <c r="A95030" s="13" t="s">
        <v>472</v>
      </c>
      <c r="B95030" s="14" t="s">
        <v>1</v>
      </c>
      <c r="C95030" s="14" t="s">
        <v>96</v>
      </c>
      <c r="D95030" s="14" t="s">
        <v>473</v>
      </c>
      <c r="E95030" s="15">
        <v>45506</v>
      </c>
      <c r="F95030" s="14" t="s">
        <v>53</v>
      </c>
      <c r="G95030" s="16">
        <v>0</v>
      </c>
    </row>
    <row r="95031" spans="1:7" x14ac:dyDescent="0.3">
      <c r="A95031" s="13" t="s">
        <v>472</v>
      </c>
      <c r="B95031" s="14" t="s">
        <v>1</v>
      </c>
      <c r="C95031" s="14" t="s">
        <v>96</v>
      </c>
      <c r="D95031" s="14" t="s">
        <v>473</v>
      </c>
      <c r="E95031" s="15">
        <v>45507</v>
      </c>
      <c r="F95031" s="14" t="s">
        <v>53</v>
      </c>
      <c r="G95031" s="16">
        <v>0</v>
      </c>
    </row>
    <row r="95032" spans="1:7" x14ac:dyDescent="0.3">
      <c r="A95032" s="13" t="s">
        <v>472</v>
      </c>
      <c r="B95032" s="14" t="s">
        <v>1</v>
      </c>
      <c r="C95032" s="14" t="s">
        <v>96</v>
      </c>
      <c r="D95032" s="14" t="s">
        <v>473</v>
      </c>
      <c r="E95032" s="15">
        <v>45508</v>
      </c>
      <c r="F95032" s="14" t="s">
        <v>53</v>
      </c>
      <c r="G95032" s="16">
        <v>0</v>
      </c>
    </row>
    <row r="95033" spans="1:7" x14ac:dyDescent="0.3">
      <c r="A95033" s="13" t="s">
        <v>472</v>
      </c>
      <c r="B95033" s="14" t="s">
        <v>1</v>
      </c>
      <c r="C95033" s="14" t="s">
        <v>96</v>
      </c>
      <c r="D95033" s="14" t="s">
        <v>473</v>
      </c>
      <c r="E95033" s="15">
        <v>45509</v>
      </c>
      <c r="F95033" s="14" t="s">
        <v>53</v>
      </c>
      <c r="G95033" s="16">
        <v>0</v>
      </c>
    </row>
    <row r="95034" spans="1:7" x14ac:dyDescent="0.3">
      <c r="A95034" s="13" t="s">
        <v>472</v>
      </c>
      <c r="B95034" s="14" t="s">
        <v>1</v>
      </c>
      <c r="C95034" s="14" t="s">
        <v>96</v>
      </c>
      <c r="D95034" s="14" t="s">
        <v>473</v>
      </c>
      <c r="E95034" s="15">
        <v>45510</v>
      </c>
      <c r="F95034" s="14" t="s">
        <v>53</v>
      </c>
      <c r="G95034" s="16">
        <v>0</v>
      </c>
    </row>
    <row r="95035" spans="1:7" x14ac:dyDescent="0.3">
      <c r="A95035" s="13" t="s">
        <v>472</v>
      </c>
      <c r="B95035" s="14" t="s">
        <v>1</v>
      </c>
      <c r="C95035" s="14" t="s">
        <v>96</v>
      </c>
      <c r="D95035" s="14" t="s">
        <v>473</v>
      </c>
      <c r="E95035" s="15">
        <v>45511</v>
      </c>
      <c r="F95035" s="14" t="s">
        <v>53</v>
      </c>
      <c r="G95035" s="16">
        <v>0</v>
      </c>
    </row>
    <row r="95036" spans="1:7" x14ac:dyDescent="0.3">
      <c r="A95036" s="13" t="s">
        <v>472</v>
      </c>
      <c r="B95036" s="14" t="s">
        <v>1</v>
      </c>
      <c r="C95036" s="14" t="s">
        <v>96</v>
      </c>
      <c r="D95036" s="14" t="s">
        <v>473</v>
      </c>
      <c r="E95036" s="15">
        <v>45512</v>
      </c>
      <c r="F95036" s="14" t="s">
        <v>53</v>
      </c>
      <c r="G95036" s="16">
        <v>0</v>
      </c>
    </row>
    <row r="95037" spans="1:7" x14ac:dyDescent="0.3">
      <c r="A95037" s="13" t="s">
        <v>472</v>
      </c>
      <c r="B95037" s="14" t="s">
        <v>1</v>
      </c>
      <c r="C95037" s="14" t="s">
        <v>96</v>
      </c>
      <c r="D95037" s="14" t="s">
        <v>473</v>
      </c>
      <c r="E95037" s="15">
        <v>45513</v>
      </c>
      <c r="F95037" s="14" t="s">
        <v>53</v>
      </c>
      <c r="G95037" s="16">
        <v>0</v>
      </c>
    </row>
    <row r="95038" spans="1:7" x14ac:dyDescent="0.3">
      <c r="A95038" s="13" t="s">
        <v>472</v>
      </c>
      <c r="B95038" s="14" t="s">
        <v>1</v>
      </c>
      <c r="C95038" s="14" t="s">
        <v>96</v>
      </c>
      <c r="D95038" s="14" t="s">
        <v>473</v>
      </c>
      <c r="E95038" s="15">
        <v>45514</v>
      </c>
      <c r="F95038" s="14" t="s">
        <v>53</v>
      </c>
      <c r="G95038" s="16">
        <v>0</v>
      </c>
    </row>
    <row r="95039" spans="1:7" x14ac:dyDescent="0.3">
      <c r="A95039" s="13" t="s">
        <v>472</v>
      </c>
      <c r="B95039" s="14" t="s">
        <v>1</v>
      </c>
      <c r="C95039" s="14" t="s">
        <v>96</v>
      </c>
      <c r="D95039" s="14" t="s">
        <v>473</v>
      </c>
      <c r="E95039" s="15">
        <v>45515</v>
      </c>
      <c r="F95039" s="14" t="s">
        <v>53</v>
      </c>
      <c r="G95039" s="16">
        <v>0</v>
      </c>
    </row>
    <row r="95040" spans="1:7" x14ac:dyDescent="0.3">
      <c r="A95040" s="13" t="s">
        <v>472</v>
      </c>
      <c r="B95040" s="14" t="s">
        <v>1</v>
      </c>
      <c r="C95040" s="14" t="s">
        <v>96</v>
      </c>
      <c r="D95040" s="14" t="s">
        <v>473</v>
      </c>
      <c r="E95040" s="15">
        <v>45516</v>
      </c>
      <c r="F95040" s="14" t="s">
        <v>53</v>
      </c>
      <c r="G95040" s="16">
        <v>0</v>
      </c>
    </row>
    <row r="95041" spans="1:7" x14ac:dyDescent="0.3">
      <c r="A95041" s="13" t="s">
        <v>472</v>
      </c>
      <c r="B95041" s="14" t="s">
        <v>1</v>
      </c>
      <c r="C95041" s="14" t="s">
        <v>96</v>
      </c>
      <c r="D95041" s="14" t="s">
        <v>473</v>
      </c>
      <c r="E95041" s="15">
        <v>45517</v>
      </c>
      <c r="F95041" s="14" t="s">
        <v>53</v>
      </c>
      <c r="G95041" s="16">
        <v>0</v>
      </c>
    </row>
    <row r="95042" spans="1:7" x14ac:dyDescent="0.3">
      <c r="A95042" s="13" t="s">
        <v>472</v>
      </c>
      <c r="B95042" s="14" t="s">
        <v>1</v>
      </c>
      <c r="C95042" s="14" t="s">
        <v>96</v>
      </c>
      <c r="D95042" s="14" t="s">
        <v>473</v>
      </c>
      <c r="E95042" s="15">
        <v>45518</v>
      </c>
      <c r="F95042" s="14" t="s">
        <v>53</v>
      </c>
      <c r="G95042" s="16">
        <v>0</v>
      </c>
    </row>
    <row r="95043" spans="1:7" x14ac:dyDescent="0.3">
      <c r="A95043" s="13" t="s">
        <v>472</v>
      </c>
      <c r="B95043" s="14" t="s">
        <v>1</v>
      </c>
      <c r="C95043" s="14" t="s">
        <v>96</v>
      </c>
      <c r="D95043" s="14" t="s">
        <v>473</v>
      </c>
      <c r="E95043" s="15">
        <v>45519</v>
      </c>
      <c r="F95043" s="14" t="s">
        <v>53</v>
      </c>
      <c r="G95043" s="16">
        <v>0</v>
      </c>
    </row>
    <row r="95044" spans="1:7" x14ac:dyDescent="0.3">
      <c r="A95044" s="13" t="s">
        <v>472</v>
      </c>
      <c r="B95044" s="14" t="s">
        <v>1</v>
      </c>
      <c r="C95044" s="14" t="s">
        <v>96</v>
      </c>
      <c r="D95044" s="14" t="s">
        <v>473</v>
      </c>
      <c r="E95044" s="15">
        <v>45520</v>
      </c>
      <c r="F95044" s="14" t="s">
        <v>53</v>
      </c>
      <c r="G95044" s="16">
        <v>0</v>
      </c>
    </row>
    <row r="95045" spans="1:7" x14ac:dyDescent="0.3">
      <c r="A95045" s="13" t="s">
        <v>472</v>
      </c>
      <c r="B95045" s="14" t="s">
        <v>1</v>
      </c>
      <c r="C95045" s="14" t="s">
        <v>96</v>
      </c>
      <c r="D95045" s="14" t="s">
        <v>473</v>
      </c>
      <c r="E95045" s="15">
        <v>45521</v>
      </c>
      <c r="F95045" s="14" t="s">
        <v>53</v>
      </c>
      <c r="G95045" s="16">
        <v>0</v>
      </c>
    </row>
    <row r="95046" spans="1:7" x14ac:dyDescent="0.3">
      <c r="A95046" s="13" t="s">
        <v>472</v>
      </c>
      <c r="B95046" s="14" t="s">
        <v>1</v>
      </c>
      <c r="C95046" s="14" t="s">
        <v>96</v>
      </c>
      <c r="D95046" s="14" t="s">
        <v>473</v>
      </c>
      <c r="E95046" s="15">
        <v>45522</v>
      </c>
      <c r="F95046" s="14" t="s">
        <v>53</v>
      </c>
      <c r="G95046" s="16">
        <v>0</v>
      </c>
    </row>
    <row r="95047" spans="1:7" x14ac:dyDescent="0.3">
      <c r="A95047" s="13" t="s">
        <v>472</v>
      </c>
      <c r="B95047" s="14" t="s">
        <v>1</v>
      </c>
      <c r="C95047" s="14" t="s">
        <v>96</v>
      </c>
      <c r="D95047" s="14" t="s">
        <v>473</v>
      </c>
      <c r="E95047" s="15">
        <v>45523</v>
      </c>
      <c r="F95047" s="14" t="s">
        <v>53</v>
      </c>
      <c r="G95047" s="16">
        <v>0</v>
      </c>
    </row>
    <row r="95048" spans="1:7" x14ac:dyDescent="0.3">
      <c r="A95048" s="13" t="s">
        <v>472</v>
      </c>
      <c r="B95048" s="14" t="s">
        <v>1</v>
      </c>
      <c r="C95048" s="14" t="s">
        <v>96</v>
      </c>
      <c r="D95048" s="14" t="s">
        <v>473</v>
      </c>
      <c r="E95048" s="15">
        <v>45524</v>
      </c>
      <c r="F95048" s="14" t="s">
        <v>53</v>
      </c>
      <c r="G95048" s="16">
        <v>0</v>
      </c>
    </row>
    <row r="95049" spans="1:7" x14ac:dyDescent="0.3">
      <c r="A95049" s="13" t="s">
        <v>472</v>
      </c>
      <c r="B95049" s="14" t="s">
        <v>1</v>
      </c>
      <c r="C95049" s="14" t="s">
        <v>96</v>
      </c>
      <c r="D95049" s="14" t="s">
        <v>473</v>
      </c>
      <c r="E95049" s="15">
        <v>45525</v>
      </c>
      <c r="F95049" s="14" t="s">
        <v>53</v>
      </c>
      <c r="G95049" s="16">
        <v>0</v>
      </c>
    </row>
    <row r="95050" spans="1:7" x14ac:dyDescent="0.3">
      <c r="A95050" s="13" t="s">
        <v>472</v>
      </c>
      <c r="B95050" s="14" t="s">
        <v>1</v>
      </c>
      <c r="C95050" s="14" t="s">
        <v>96</v>
      </c>
      <c r="D95050" s="14" t="s">
        <v>473</v>
      </c>
      <c r="E95050" s="15">
        <v>45526</v>
      </c>
      <c r="F95050" s="14" t="s">
        <v>53</v>
      </c>
      <c r="G95050" s="16">
        <v>0</v>
      </c>
    </row>
    <row r="95051" spans="1:7" x14ac:dyDescent="0.3">
      <c r="A95051" s="13" t="s">
        <v>472</v>
      </c>
      <c r="B95051" s="14" t="s">
        <v>1</v>
      </c>
      <c r="C95051" s="14" t="s">
        <v>96</v>
      </c>
      <c r="D95051" s="14" t="s">
        <v>473</v>
      </c>
      <c r="E95051" s="15">
        <v>45527</v>
      </c>
      <c r="F95051" s="14" t="s">
        <v>53</v>
      </c>
      <c r="G95051" s="16">
        <v>0</v>
      </c>
    </row>
    <row r="95052" spans="1:7" x14ac:dyDescent="0.3">
      <c r="A95052" s="13" t="s">
        <v>472</v>
      </c>
      <c r="B95052" s="14" t="s">
        <v>1</v>
      </c>
      <c r="C95052" s="14" t="s">
        <v>96</v>
      </c>
      <c r="D95052" s="14" t="s">
        <v>473</v>
      </c>
      <c r="E95052" s="15">
        <v>45528</v>
      </c>
      <c r="F95052" s="14" t="s">
        <v>53</v>
      </c>
      <c r="G95052" s="16">
        <v>0</v>
      </c>
    </row>
    <row r="95053" spans="1:7" x14ac:dyDescent="0.3">
      <c r="A95053" s="13" t="s">
        <v>472</v>
      </c>
      <c r="B95053" s="14" t="s">
        <v>1</v>
      </c>
      <c r="C95053" s="14" t="s">
        <v>96</v>
      </c>
      <c r="D95053" s="14" t="s">
        <v>473</v>
      </c>
      <c r="E95053" s="15">
        <v>45529</v>
      </c>
      <c r="F95053" s="14" t="s">
        <v>53</v>
      </c>
      <c r="G95053" s="16">
        <v>0</v>
      </c>
    </row>
    <row r="95054" spans="1:7" x14ac:dyDescent="0.3">
      <c r="A95054" s="13" t="s">
        <v>472</v>
      </c>
      <c r="B95054" s="14" t="s">
        <v>1</v>
      </c>
      <c r="C95054" s="14" t="s">
        <v>96</v>
      </c>
      <c r="D95054" s="14" t="s">
        <v>473</v>
      </c>
      <c r="E95054" s="15">
        <v>45530</v>
      </c>
      <c r="F95054" s="14" t="s">
        <v>53</v>
      </c>
      <c r="G95054" s="16">
        <v>0</v>
      </c>
    </row>
    <row r="95055" spans="1:7" x14ac:dyDescent="0.3">
      <c r="A95055" s="13" t="s">
        <v>472</v>
      </c>
      <c r="B95055" s="14" t="s">
        <v>1</v>
      </c>
      <c r="C95055" s="14" t="s">
        <v>96</v>
      </c>
      <c r="D95055" s="14" t="s">
        <v>473</v>
      </c>
      <c r="E95055" s="15">
        <v>45531</v>
      </c>
      <c r="F95055" s="14" t="s">
        <v>53</v>
      </c>
      <c r="G95055" s="16">
        <v>0</v>
      </c>
    </row>
    <row r="95056" spans="1:7" x14ac:dyDescent="0.3">
      <c r="A95056" s="13" t="s">
        <v>472</v>
      </c>
      <c r="B95056" s="14" t="s">
        <v>1</v>
      </c>
      <c r="C95056" s="14" t="s">
        <v>96</v>
      </c>
      <c r="D95056" s="14" t="s">
        <v>473</v>
      </c>
      <c r="E95056" s="15">
        <v>45532</v>
      </c>
      <c r="F95056" s="14" t="s">
        <v>53</v>
      </c>
      <c r="G95056" s="16">
        <v>0</v>
      </c>
    </row>
    <row r="95057" spans="1:7" x14ac:dyDescent="0.3">
      <c r="A95057" s="13" t="s">
        <v>472</v>
      </c>
      <c r="B95057" s="14" t="s">
        <v>1</v>
      </c>
      <c r="C95057" s="14" t="s">
        <v>96</v>
      </c>
      <c r="D95057" s="14" t="s">
        <v>473</v>
      </c>
      <c r="E95057" s="15">
        <v>45533</v>
      </c>
      <c r="F95057" s="14" t="s">
        <v>53</v>
      </c>
      <c r="G95057" s="16">
        <v>0</v>
      </c>
    </row>
    <row r="95058" spans="1:7" x14ac:dyDescent="0.3">
      <c r="A95058" s="13" t="s">
        <v>472</v>
      </c>
      <c r="B95058" s="14" t="s">
        <v>1</v>
      </c>
      <c r="C95058" s="14" t="s">
        <v>96</v>
      </c>
      <c r="D95058" s="14" t="s">
        <v>473</v>
      </c>
      <c r="E95058" s="15">
        <v>45534</v>
      </c>
      <c r="F95058" s="14" t="s">
        <v>53</v>
      </c>
      <c r="G95058" s="16">
        <v>0</v>
      </c>
    </row>
    <row r="95059" spans="1:7" x14ac:dyDescent="0.3">
      <c r="A95059" s="13" t="s">
        <v>472</v>
      </c>
      <c r="B95059" s="14" t="s">
        <v>1</v>
      </c>
      <c r="C95059" s="14" t="s">
        <v>96</v>
      </c>
      <c r="D95059" s="14" t="s">
        <v>473</v>
      </c>
      <c r="E95059" s="15">
        <v>45535</v>
      </c>
      <c r="F95059" s="14" t="s">
        <v>53</v>
      </c>
      <c r="G95059" s="16">
        <v>0</v>
      </c>
    </row>
    <row r="95060" spans="1:7" x14ac:dyDescent="0.3">
      <c r="A95060" s="13" t="s">
        <v>472</v>
      </c>
      <c r="B95060" s="14" t="s">
        <v>1</v>
      </c>
      <c r="C95060" s="14" t="s">
        <v>96</v>
      </c>
      <c r="D95060" s="14" t="s">
        <v>473</v>
      </c>
      <c r="E95060" s="15">
        <v>45536</v>
      </c>
      <c r="F95060" s="14" t="s">
        <v>53</v>
      </c>
      <c r="G95060" s="16">
        <v>0</v>
      </c>
    </row>
    <row r="95061" spans="1:7" x14ac:dyDescent="0.3">
      <c r="A95061" s="13" t="s">
        <v>472</v>
      </c>
      <c r="B95061" s="14" t="s">
        <v>1</v>
      </c>
      <c r="C95061" s="14" t="s">
        <v>96</v>
      </c>
      <c r="D95061" s="14" t="s">
        <v>473</v>
      </c>
      <c r="E95061" s="15">
        <v>45537</v>
      </c>
      <c r="F95061" s="14" t="s">
        <v>53</v>
      </c>
      <c r="G95061" s="16">
        <v>0</v>
      </c>
    </row>
    <row r="95062" spans="1:7" x14ac:dyDescent="0.3">
      <c r="A95062" s="13" t="s">
        <v>472</v>
      </c>
      <c r="B95062" s="14" t="s">
        <v>1</v>
      </c>
      <c r="C95062" s="14" t="s">
        <v>96</v>
      </c>
      <c r="D95062" s="14" t="s">
        <v>473</v>
      </c>
      <c r="E95062" s="15">
        <v>45538</v>
      </c>
      <c r="F95062" s="14" t="s">
        <v>53</v>
      </c>
      <c r="G95062" s="16">
        <v>0</v>
      </c>
    </row>
    <row r="95063" spans="1:7" x14ac:dyDescent="0.3">
      <c r="A95063" s="13" t="s">
        <v>472</v>
      </c>
      <c r="B95063" s="14" t="s">
        <v>1</v>
      </c>
      <c r="C95063" s="14" t="s">
        <v>96</v>
      </c>
      <c r="D95063" s="14" t="s">
        <v>473</v>
      </c>
      <c r="E95063" s="15">
        <v>45539</v>
      </c>
      <c r="F95063" s="14" t="s">
        <v>53</v>
      </c>
      <c r="G95063" s="16">
        <v>0</v>
      </c>
    </row>
    <row r="95064" spans="1:7" x14ac:dyDescent="0.3">
      <c r="A95064" s="13" t="s">
        <v>472</v>
      </c>
      <c r="B95064" s="14" t="s">
        <v>1</v>
      </c>
      <c r="C95064" s="14" t="s">
        <v>96</v>
      </c>
      <c r="D95064" s="14" t="s">
        <v>473</v>
      </c>
      <c r="E95064" s="15">
        <v>45540</v>
      </c>
      <c r="F95064" s="14" t="s">
        <v>53</v>
      </c>
      <c r="G95064" s="16">
        <v>0</v>
      </c>
    </row>
    <row r="95065" spans="1:7" x14ac:dyDescent="0.3">
      <c r="A95065" s="13" t="s">
        <v>472</v>
      </c>
      <c r="B95065" s="14" t="s">
        <v>1</v>
      </c>
      <c r="C95065" s="14" t="s">
        <v>96</v>
      </c>
      <c r="D95065" s="14" t="s">
        <v>473</v>
      </c>
      <c r="E95065" s="15">
        <v>45541</v>
      </c>
      <c r="F95065" s="14" t="s">
        <v>53</v>
      </c>
      <c r="G95065" s="16">
        <v>0</v>
      </c>
    </row>
    <row r="95066" spans="1:7" x14ac:dyDescent="0.3">
      <c r="A95066" s="13" t="s">
        <v>472</v>
      </c>
      <c r="B95066" s="14" t="s">
        <v>1</v>
      </c>
      <c r="C95066" s="14" t="s">
        <v>96</v>
      </c>
      <c r="D95066" s="14" t="s">
        <v>473</v>
      </c>
      <c r="E95066" s="15">
        <v>45542</v>
      </c>
      <c r="F95066" s="14" t="s">
        <v>53</v>
      </c>
      <c r="G95066" s="16">
        <v>0</v>
      </c>
    </row>
    <row r="95067" spans="1:7" x14ac:dyDescent="0.3">
      <c r="A95067" s="13" t="s">
        <v>472</v>
      </c>
      <c r="B95067" s="14" t="s">
        <v>1</v>
      </c>
      <c r="C95067" s="14" t="s">
        <v>96</v>
      </c>
      <c r="D95067" s="14" t="s">
        <v>473</v>
      </c>
      <c r="E95067" s="15">
        <v>45543</v>
      </c>
      <c r="F95067" s="14" t="s">
        <v>53</v>
      </c>
      <c r="G95067" s="16">
        <v>0</v>
      </c>
    </row>
    <row r="95068" spans="1:7" x14ac:dyDescent="0.3">
      <c r="A95068" s="13" t="s">
        <v>472</v>
      </c>
      <c r="B95068" s="14" t="s">
        <v>1</v>
      </c>
      <c r="C95068" s="14" t="s">
        <v>96</v>
      </c>
      <c r="D95068" s="14" t="s">
        <v>473</v>
      </c>
      <c r="E95068" s="15">
        <v>45544</v>
      </c>
      <c r="F95068" s="14" t="s">
        <v>53</v>
      </c>
      <c r="G95068" s="16">
        <v>0</v>
      </c>
    </row>
    <row r="95069" spans="1:7" x14ac:dyDescent="0.3">
      <c r="A95069" s="13" t="s">
        <v>472</v>
      </c>
      <c r="B95069" s="14" t="s">
        <v>1</v>
      </c>
      <c r="C95069" s="14" t="s">
        <v>96</v>
      </c>
      <c r="D95069" s="14" t="s">
        <v>473</v>
      </c>
      <c r="E95069" s="15">
        <v>45545</v>
      </c>
      <c r="F95069" s="14" t="s">
        <v>53</v>
      </c>
      <c r="G95069" s="16">
        <v>0</v>
      </c>
    </row>
    <row r="95070" spans="1:7" x14ac:dyDescent="0.3">
      <c r="A95070" s="13" t="s">
        <v>472</v>
      </c>
      <c r="B95070" s="14" t="s">
        <v>1</v>
      </c>
      <c r="C95070" s="14" t="s">
        <v>96</v>
      </c>
      <c r="D95070" s="14" t="s">
        <v>473</v>
      </c>
      <c r="E95070" s="15">
        <v>45546</v>
      </c>
      <c r="F95070" s="14" t="s">
        <v>53</v>
      </c>
      <c r="G95070" s="16">
        <v>0</v>
      </c>
    </row>
    <row r="95071" spans="1:7" x14ac:dyDescent="0.3">
      <c r="A95071" s="13" t="s">
        <v>472</v>
      </c>
      <c r="B95071" s="14" t="s">
        <v>1</v>
      </c>
      <c r="C95071" s="14" t="s">
        <v>96</v>
      </c>
      <c r="D95071" s="14" t="s">
        <v>473</v>
      </c>
      <c r="E95071" s="15">
        <v>45547</v>
      </c>
      <c r="F95071" s="14" t="s">
        <v>53</v>
      </c>
      <c r="G95071" s="16">
        <v>0</v>
      </c>
    </row>
    <row r="95072" spans="1:7" x14ac:dyDescent="0.3">
      <c r="A95072" s="13" t="s">
        <v>472</v>
      </c>
      <c r="B95072" s="14" t="s">
        <v>1</v>
      </c>
      <c r="C95072" s="14" t="s">
        <v>96</v>
      </c>
      <c r="D95072" s="14" t="s">
        <v>473</v>
      </c>
      <c r="E95072" s="15">
        <v>45548</v>
      </c>
      <c r="F95072" s="14" t="s">
        <v>53</v>
      </c>
      <c r="G95072" s="16">
        <v>0</v>
      </c>
    </row>
    <row r="95073" spans="1:7" x14ac:dyDescent="0.3">
      <c r="A95073" s="13" t="s">
        <v>472</v>
      </c>
      <c r="B95073" s="14" t="s">
        <v>1</v>
      </c>
      <c r="C95073" s="14" t="s">
        <v>96</v>
      </c>
      <c r="D95073" s="14" t="s">
        <v>473</v>
      </c>
      <c r="E95073" s="15">
        <v>45549</v>
      </c>
      <c r="F95073" s="14" t="s">
        <v>53</v>
      </c>
      <c r="G95073" s="16">
        <v>0</v>
      </c>
    </row>
    <row r="95074" spans="1:7" x14ac:dyDescent="0.3">
      <c r="A95074" s="13" t="s">
        <v>472</v>
      </c>
      <c r="B95074" s="14" t="s">
        <v>1</v>
      </c>
      <c r="C95074" s="14" t="s">
        <v>96</v>
      </c>
      <c r="D95074" s="14" t="s">
        <v>473</v>
      </c>
      <c r="E95074" s="15">
        <v>45550</v>
      </c>
      <c r="F95074" s="14" t="s">
        <v>53</v>
      </c>
      <c r="G95074" s="16">
        <v>0</v>
      </c>
    </row>
    <row r="95075" spans="1:7" x14ac:dyDescent="0.3">
      <c r="A95075" s="13" t="s">
        <v>472</v>
      </c>
      <c r="B95075" s="14" t="s">
        <v>1</v>
      </c>
      <c r="C95075" s="14" t="s">
        <v>96</v>
      </c>
      <c r="D95075" s="14" t="s">
        <v>473</v>
      </c>
      <c r="E95075" s="15">
        <v>45551</v>
      </c>
      <c r="F95075" s="14" t="s">
        <v>53</v>
      </c>
      <c r="G95075" s="16">
        <v>0</v>
      </c>
    </row>
    <row r="95076" spans="1:7" x14ac:dyDescent="0.3">
      <c r="A95076" s="13" t="s">
        <v>472</v>
      </c>
      <c r="B95076" s="14" t="s">
        <v>1</v>
      </c>
      <c r="C95076" s="14" t="s">
        <v>96</v>
      </c>
      <c r="D95076" s="14" t="s">
        <v>473</v>
      </c>
      <c r="E95076" s="15">
        <v>45552</v>
      </c>
      <c r="F95076" s="14" t="s">
        <v>53</v>
      </c>
      <c r="G95076" s="16">
        <v>0</v>
      </c>
    </row>
    <row r="95077" spans="1:7" x14ac:dyDescent="0.3">
      <c r="A95077" s="13" t="s">
        <v>472</v>
      </c>
      <c r="B95077" s="14" t="s">
        <v>1</v>
      </c>
      <c r="C95077" s="14" t="s">
        <v>96</v>
      </c>
      <c r="D95077" s="14" t="s">
        <v>473</v>
      </c>
      <c r="E95077" s="15">
        <v>45553</v>
      </c>
      <c r="F95077" s="14" t="s">
        <v>53</v>
      </c>
      <c r="G95077" s="16">
        <v>0</v>
      </c>
    </row>
    <row r="95078" spans="1:7" x14ac:dyDescent="0.3">
      <c r="A95078" s="13" t="s">
        <v>472</v>
      </c>
      <c r="B95078" s="14" t="s">
        <v>1</v>
      </c>
      <c r="C95078" s="14" t="s">
        <v>96</v>
      </c>
      <c r="D95078" s="14" t="s">
        <v>473</v>
      </c>
      <c r="E95078" s="15">
        <v>45554</v>
      </c>
      <c r="F95078" s="14" t="s">
        <v>53</v>
      </c>
      <c r="G95078" s="16">
        <v>0</v>
      </c>
    </row>
    <row r="95079" spans="1:7" x14ac:dyDescent="0.3">
      <c r="A95079" s="13" t="s">
        <v>472</v>
      </c>
      <c r="B95079" s="14" t="s">
        <v>1</v>
      </c>
      <c r="C95079" s="14" t="s">
        <v>96</v>
      </c>
      <c r="D95079" s="14" t="s">
        <v>473</v>
      </c>
      <c r="E95079" s="15">
        <v>45555</v>
      </c>
      <c r="F95079" s="14" t="s">
        <v>53</v>
      </c>
      <c r="G95079" s="16">
        <v>0</v>
      </c>
    </row>
    <row r="95080" spans="1:7" x14ac:dyDescent="0.3">
      <c r="A95080" s="13" t="s">
        <v>472</v>
      </c>
      <c r="B95080" s="14" t="s">
        <v>1</v>
      </c>
      <c r="C95080" s="14" t="s">
        <v>96</v>
      </c>
      <c r="D95080" s="14" t="s">
        <v>473</v>
      </c>
      <c r="E95080" s="15">
        <v>45556</v>
      </c>
      <c r="F95080" s="14" t="s">
        <v>53</v>
      </c>
      <c r="G95080" s="16">
        <v>0</v>
      </c>
    </row>
    <row r="95081" spans="1:7" x14ac:dyDescent="0.3">
      <c r="A95081" s="13" t="s">
        <v>472</v>
      </c>
      <c r="B95081" s="14" t="s">
        <v>1</v>
      </c>
      <c r="C95081" s="14" t="s">
        <v>96</v>
      </c>
      <c r="D95081" s="14" t="s">
        <v>473</v>
      </c>
      <c r="E95081" s="15">
        <v>45557</v>
      </c>
      <c r="F95081" s="14" t="s">
        <v>53</v>
      </c>
      <c r="G95081" s="16">
        <v>0</v>
      </c>
    </row>
    <row r="95082" spans="1:7" x14ac:dyDescent="0.3">
      <c r="A95082" s="13" t="s">
        <v>472</v>
      </c>
      <c r="B95082" s="14" t="s">
        <v>1</v>
      </c>
      <c r="C95082" s="14" t="s">
        <v>96</v>
      </c>
      <c r="D95082" s="14" t="s">
        <v>473</v>
      </c>
      <c r="E95082" s="15">
        <v>45558</v>
      </c>
      <c r="F95082" s="14" t="s">
        <v>53</v>
      </c>
      <c r="G95082" s="16">
        <v>0</v>
      </c>
    </row>
    <row r="95083" spans="1:7" x14ac:dyDescent="0.3">
      <c r="A95083" s="13" t="s">
        <v>472</v>
      </c>
      <c r="B95083" s="14" t="s">
        <v>1</v>
      </c>
      <c r="C95083" s="14" t="s">
        <v>96</v>
      </c>
      <c r="D95083" s="14" t="s">
        <v>473</v>
      </c>
      <c r="E95083" s="15">
        <v>45559</v>
      </c>
      <c r="F95083" s="14" t="s">
        <v>53</v>
      </c>
      <c r="G95083" s="16">
        <v>0</v>
      </c>
    </row>
    <row r="95084" spans="1:7" x14ac:dyDescent="0.3">
      <c r="A95084" s="13" t="s">
        <v>472</v>
      </c>
      <c r="B95084" s="14" t="s">
        <v>1</v>
      </c>
      <c r="C95084" s="14" t="s">
        <v>96</v>
      </c>
      <c r="D95084" s="14" t="s">
        <v>473</v>
      </c>
      <c r="E95084" s="15">
        <v>45560</v>
      </c>
      <c r="F95084" s="14" t="s">
        <v>53</v>
      </c>
      <c r="G95084" s="16">
        <v>0</v>
      </c>
    </row>
    <row r="95085" spans="1:7" x14ac:dyDescent="0.3">
      <c r="A95085" s="13" t="s">
        <v>472</v>
      </c>
      <c r="B95085" s="14" t="s">
        <v>1</v>
      </c>
      <c r="C95085" s="14" t="s">
        <v>96</v>
      </c>
      <c r="D95085" s="14" t="s">
        <v>473</v>
      </c>
      <c r="E95085" s="15">
        <v>45561</v>
      </c>
      <c r="F95085" s="14" t="s">
        <v>53</v>
      </c>
      <c r="G95085" s="16">
        <v>0</v>
      </c>
    </row>
    <row r="95086" spans="1:7" x14ac:dyDescent="0.3">
      <c r="A95086" s="13" t="s">
        <v>472</v>
      </c>
      <c r="B95086" s="14" t="s">
        <v>1</v>
      </c>
      <c r="C95086" s="14" t="s">
        <v>96</v>
      </c>
      <c r="D95086" s="14" t="s">
        <v>473</v>
      </c>
      <c r="E95086" s="15">
        <v>45562</v>
      </c>
      <c r="F95086" s="14" t="s">
        <v>53</v>
      </c>
      <c r="G95086" s="16">
        <v>0</v>
      </c>
    </row>
    <row r="95087" spans="1:7" x14ac:dyDescent="0.3">
      <c r="A95087" s="13" t="s">
        <v>472</v>
      </c>
      <c r="B95087" s="14" t="s">
        <v>1</v>
      </c>
      <c r="C95087" s="14" t="s">
        <v>96</v>
      </c>
      <c r="D95087" s="14" t="s">
        <v>473</v>
      </c>
      <c r="E95087" s="15">
        <v>45563</v>
      </c>
      <c r="F95087" s="14" t="s">
        <v>53</v>
      </c>
      <c r="G95087" s="16">
        <v>0</v>
      </c>
    </row>
    <row r="95088" spans="1:7" x14ac:dyDescent="0.3">
      <c r="A95088" s="13" t="s">
        <v>472</v>
      </c>
      <c r="B95088" s="14" t="s">
        <v>1</v>
      </c>
      <c r="C95088" s="14" t="s">
        <v>96</v>
      </c>
      <c r="D95088" s="14" t="s">
        <v>473</v>
      </c>
      <c r="E95088" s="15">
        <v>45564</v>
      </c>
      <c r="F95088" s="14" t="s">
        <v>53</v>
      </c>
      <c r="G95088" s="16">
        <v>0</v>
      </c>
    </row>
    <row r="95089" spans="1:7" x14ac:dyDescent="0.3">
      <c r="A95089" s="13" t="s">
        <v>472</v>
      </c>
      <c r="B95089" s="14" t="s">
        <v>1</v>
      </c>
      <c r="C95089" s="14" t="s">
        <v>96</v>
      </c>
      <c r="D95089" s="14" t="s">
        <v>473</v>
      </c>
      <c r="E95089" s="15">
        <v>45565</v>
      </c>
      <c r="F95089" s="14" t="s">
        <v>53</v>
      </c>
      <c r="G95089" s="16">
        <v>0</v>
      </c>
    </row>
    <row r="95090" spans="1:7" x14ac:dyDescent="0.3">
      <c r="A95090" s="13" t="s">
        <v>472</v>
      </c>
      <c r="B95090" s="14" t="s">
        <v>1</v>
      </c>
      <c r="C95090" s="14" t="s">
        <v>96</v>
      </c>
      <c r="D95090" s="14" t="s">
        <v>473</v>
      </c>
      <c r="E95090" s="15">
        <v>45566</v>
      </c>
      <c r="F95090" s="14" t="s">
        <v>53</v>
      </c>
      <c r="G95090" s="16">
        <v>0</v>
      </c>
    </row>
    <row r="95091" spans="1:7" x14ac:dyDescent="0.3">
      <c r="A95091" s="13" t="s">
        <v>472</v>
      </c>
      <c r="B95091" s="14" t="s">
        <v>1</v>
      </c>
      <c r="C95091" s="14" t="s">
        <v>96</v>
      </c>
      <c r="D95091" s="14" t="s">
        <v>473</v>
      </c>
      <c r="E95091" s="15">
        <v>45567</v>
      </c>
      <c r="F95091" s="14" t="s">
        <v>53</v>
      </c>
      <c r="G95091" s="16">
        <v>0</v>
      </c>
    </row>
    <row r="95092" spans="1:7" x14ac:dyDescent="0.3">
      <c r="A95092" s="13" t="s">
        <v>472</v>
      </c>
      <c r="B95092" s="14" t="s">
        <v>1</v>
      </c>
      <c r="C95092" s="14" t="s">
        <v>96</v>
      </c>
      <c r="D95092" s="14" t="s">
        <v>473</v>
      </c>
      <c r="E95092" s="15">
        <v>45568</v>
      </c>
      <c r="F95092" s="14" t="s">
        <v>53</v>
      </c>
      <c r="G95092" s="16">
        <v>0</v>
      </c>
    </row>
    <row r="95093" spans="1:7" x14ac:dyDescent="0.3">
      <c r="A95093" s="13" t="s">
        <v>472</v>
      </c>
      <c r="B95093" s="14" t="s">
        <v>1</v>
      </c>
      <c r="C95093" s="14" t="s">
        <v>96</v>
      </c>
      <c r="D95093" s="14" t="s">
        <v>473</v>
      </c>
      <c r="E95093" s="15">
        <v>45569</v>
      </c>
      <c r="F95093" s="14" t="s">
        <v>53</v>
      </c>
      <c r="G95093" s="16">
        <v>0</v>
      </c>
    </row>
    <row r="95094" spans="1:7" x14ac:dyDescent="0.3">
      <c r="A95094" s="13" t="s">
        <v>472</v>
      </c>
      <c r="B95094" s="14" t="s">
        <v>1</v>
      </c>
      <c r="C95094" s="14" t="s">
        <v>96</v>
      </c>
      <c r="D95094" s="14" t="s">
        <v>473</v>
      </c>
      <c r="E95094" s="15">
        <v>45570</v>
      </c>
      <c r="F95094" s="14" t="s">
        <v>53</v>
      </c>
      <c r="G95094" s="16">
        <v>0</v>
      </c>
    </row>
    <row r="95095" spans="1:7" x14ac:dyDescent="0.3">
      <c r="A95095" s="13" t="s">
        <v>472</v>
      </c>
      <c r="B95095" s="14" t="s">
        <v>1</v>
      </c>
      <c r="C95095" s="14" t="s">
        <v>96</v>
      </c>
      <c r="D95095" s="14" t="s">
        <v>473</v>
      </c>
      <c r="E95095" s="15">
        <v>45571</v>
      </c>
      <c r="F95095" s="14" t="s">
        <v>53</v>
      </c>
      <c r="G95095" s="16">
        <v>0</v>
      </c>
    </row>
    <row r="95096" spans="1:7" x14ac:dyDescent="0.3">
      <c r="A95096" s="13" t="s">
        <v>472</v>
      </c>
      <c r="B95096" s="14" t="s">
        <v>1</v>
      </c>
      <c r="C95096" s="14" t="s">
        <v>96</v>
      </c>
      <c r="D95096" s="14" t="s">
        <v>473</v>
      </c>
      <c r="E95096" s="15">
        <v>45572</v>
      </c>
      <c r="F95096" s="14" t="s">
        <v>53</v>
      </c>
      <c r="G95096" s="16">
        <v>0</v>
      </c>
    </row>
    <row r="95097" spans="1:7" x14ac:dyDescent="0.3">
      <c r="A95097" s="13" t="s">
        <v>472</v>
      </c>
      <c r="B95097" s="14" t="s">
        <v>1</v>
      </c>
      <c r="C95097" s="14" t="s">
        <v>96</v>
      </c>
      <c r="D95097" s="14" t="s">
        <v>473</v>
      </c>
      <c r="E95097" s="15">
        <v>45573</v>
      </c>
      <c r="F95097" s="14" t="s">
        <v>53</v>
      </c>
      <c r="G95097" s="16">
        <v>0</v>
      </c>
    </row>
    <row r="95098" spans="1:7" x14ac:dyDescent="0.3">
      <c r="A95098" s="13" t="s">
        <v>472</v>
      </c>
      <c r="B95098" s="14" t="s">
        <v>1</v>
      </c>
      <c r="C95098" s="14" t="s">
        <v>96</v>
      </c>
      <c r="D95098" s="14" t="s">
        <v>473</v>
      </c>
      <c r="E95098" s="15">
        <v>45574</v>
      </c>
      <c r="F95098" s="14" t="s">
        <v>53</v>
      </c>
      <c r="G95098" s="16">
        <v>0</v>
      </c>
    </row>
    <row r="95099" spans="1:7" x14ac:dyDescent="0.3">
      <c r="A95099" s="13" t="s">
        <v>472</v>
      </c>
      <c r="B95099" s="14" t="s">
        <v>1</v>
      </c>
      <c r="C95099" s="14" t="s">
        <v>96</v>
      </c>
      <c r="D95099" s="14" t="s">
        <v>473</v>
      </c>
      <c r="E95099" s="15">
        <v>45575</v>
      </c>
      <c r="F95099" s="14" t="s">
        <v>53</v>
      </c>
      <c r="G95099" s="16">
        <v>0</v>
      </c>
    </row>
    <row r="95100" spans="1:7" x14ac:dyDescent="0.3">
      <c r="A95100" s="13" t="s">
        <v>472</v>
      </c>
      <c r="B95100" s="14" t="s">
        <v>1</v>
      </c>
      <c r="C95100" s="14" t="s">
        <v>96</v>
      </c>
      <c r="D95100" s="14" t="s">
        <v>473</v>
      </c>
      <c r="E95100" s="15">
        <v>45576</v>
      </c>
      <c r="F95100" s="14" t="s">
        <v>53</v>
      </c>
      <c r="G95100" s="16">
        <v>0</v>
      </c>
    </row>
    <row r="95101" spans="1:7" x14ac:dyDescent="0.3">
      <c r="A95101" s="13" t="s">
        <v>472</v>
      </c>
      <c r="B95101" s="14" t="s">
        <v>1</v>
      </c>
      <c r="C95101" s="14" t="s">
        <v>96</v>
      </c>
      <c r="D95101" s="14" t="s">
        <v>473</v>
      </c>
      <c r="E95101" s="15">
        <v>45577</v>
      </c>
      <c r="F95101" s="14" t="s">
        <v>53</v>
      </c>
      <c r="G95101" s="16">
        <v>0</v>
      </c>
    </row>
    <row r="95102" spans="1:7" x14ac:dyDescent="0.3">
      <c r="A95102" s="13" t="s">
        <v>472</v>
      </c>
      <c r="B95102" s="14" t="s">
        <v>1</v>
      </c>
      <c r="C95102" s="14" t="s">
        <v>96</v>
      </c>
      <c r="D95102" s="14" t="s">
        <v>473</v>
      </c>
      <c r="E95102" s="15">
        <v>45578</v>
      </c>
      <c r="F95102" s="14" t="s">
        <v>53</v>
      </c>
      <c r="G95102" s="16">
        <v>0</v>
      </c>
    </row>
    <row r="95103" spans="1:7" x14ac:dyDescent="0.3">
      <c r="A95103" s="13" t="s">
        <v>472</v>
      </c>
      <c r="B95103" s="14" t="s">
        <v>1</v>
      </c>
      <c r="C95103" s="14" t="s">
        <v>96</v>
      </c>
      <c r="D95103" s="14" t="s">
        <v>473</v>
      </c>
      <c r="E95103" s="15">
        <v>45579</v>
      </c>
      <c r="F95103" s="14" t="s">
        <v>53</v>
      </c>
      <c r="G95103" s="16">
        <v>0</v>
      </c>
    </row>
    <row r="95104" spans="1:7" x14ac:dyDescent="0.3">
      <c r="A95104" s="13" t="s">
        <v>472</v>
      </c>
      <c r="B95104" s="14" t="s">
        <v>1</v>
      </c>
      <c r="C95104" s="14" t="s">
        <v>96</v>
      </c>
      <c r="D95104" s="14" t="s">
        <v>473</v>
      </c>
      <c r="E95104" s="15">
        <v>45580</v>
      </c>
      <c r="F95104" s="14" t="s">
        <v>53</v>
      </c>
      <c r="G95104" s="16">
        <v>0</v>
      </c>
    </row>
    <row r="95105" spans="1:7" x14ac:dyDescent="0.3">
      <c r="A95105" s="13" t="s">
        <v>472</v>
      </c>
      <c r="B95105" s="14" t="s">
        <v>1</v>
      </c>
      <c r="C95105" s="14" t="s">
        <v>96</v>
      </c>
      <c r="D95105" s="14" t="s">
        <v>473</v>
      </c>
      <c r="E95105" s="15">
        <v>45581</v>
      </c>
      <c r="F95105" s="14" t="s">
        <v>53</v>
      </c>
      <c r="G95105" s="16">
        <v>0</v>
      </c>
    </row>
    <row r="95106" spans="1:7" x14ac:dyDescent="0.3">
      <c r="A95106" s="13" t="s">
        <v>472</v>
      </c>
      <c r="B95106" s="14" t="s">
        <v>1</v>
      </c>
      <c r="C95106" s="14" t="s">
        <v>96</v>
      </c>
      <c r="D95106" s="14" t="s">
        <v>473</v>
      </c>
      <c r="E95106" s="15">
        <v>45582</v>
      </c>
      <c r="F95106" s="14" t="s">
        <v>53</v>
      </c>
      <c r="G95106" s="16">
        <v>0</v>
      </c>
    </row>
    <row r="95107" spans="1:7" x14ac:dyDescent="0.3">
      <c r="A95107" s="13" t="s">
        <v>472</v>
      </c>
      <c r="B95107" s="14" t="s">
        <v>1</v>
      </c>
      <c r="C95107" s="14" t="s">
        <v>96</v>
      </c>
      <c r="D95107" s="14" t="s">
        <v>473</v>
      </c>
      <c r="E95107" s="15">
        <v>45583</v>
      </c>
      <c r="F95107" s="14" t="s">
        <v>53</v>
      </c>
      <c r="G95107" s="16">
        <v>0</v>
      </c>
    </row>
    <row r="95108" spans="1:7" x14ac:dyDescent="0.3">
      <c r="A95108" s="13" t="s">
        <v>472</v>
      </c>
      <c r="B95108" s="14" t="s">
        <v>1</v>
      </c>
      <c r="C95108" s="14" t="s">
        <v>96</v>
      </c>
      <c r="D95108" s="14" t="s">
        <v>473</v>
      </c>
      <c r="E95108" s="15">
        <v>45584</v>
      </c>
      <c r="F95108" s="14" t="s">
        <v>53</v>
      </c>
      <c r="G95108" s="16">
        <v>0</v>
      </c>
    </row>
    <row r="95109" spans="1:7" x14ac:dyDescent="0.3">
      <c r="A95109" s="13" t="s">
        <v>472</v>
      </c>
      <c r="B95109" s="14" t="s">
        <v>1</v>
      </c>
      <c r="C95109" s="14" t="s">
        <v>96</v>
      </c>
      <c r="D95109" s="14" t="s">
        <v>473</v>
      </c>
      <c r="E95109" s="15">
        <v>45585</v>
      </c>
      <c r="F95109" s="14" t="s">
        <v>53</v>
      </c>
      <c r="G95109" s="16">
        <v>0</v>
      </c>
    </row>
    <row r="95110" spans="1:7" x14ac:dyDescent="0.3">
      <c r="A95110" s="13" t="s">
        <v>472</v>
      </c>
      <c r="B95110" s="14" t="s">
        <v>1</v>
      </c>
      <c r="C95110" s="14" t="s">
        <v>96</v>
      </c>
      <c r="D95110" s="14" t="s">
        <v>473</v>
      </c>
      <c r="E95110" s="15">
        <v>45586</v>
      </c>
      <c r="F95110" s="14" t="s">
        <v>53</v>
      </c>
      <c r="G95110" s="16">
        <v>0</v>
      </c>
    </row>
    <row r="95111" spans="1:7" x14ac:dyDescent="0.3">
      <c r="A95111" s="13" t="s">
        <v>472</v>
      </c>
      <c r="B95111" s="14" t="s">
        <v>1</v>
      </c>
      <c r="C95111" s="14" t="s">
        <v>96</v>
      </c>
      <c r="D95111" s="14" t="s">
        <v>473</v>
      </c>
      <c r="E95111" s="15">
        <v>45587</v>
      </c>
      <c r="F95111" s="14" t="s">
        <v>53</v>
      </c>
      <c r="G95111" s="16">
        <v>0</v>
      </c>
    </row>
    <row r="95112" spans="1:7" x14ac:dyDescent="0.3">
      <c r="A95112" s="13" t="s">
        <v>472</v>
      </c>
      <c r="B95112" s="14" t="s">
        <v>1</v>
      </c>
      <c r="C95112" s="14" t="s">
        <v>96</v>
      </c>
      <c r="D95112" s="14" t="s">
        <v>473</v>
      </c>
      <c r="E95112" s="15">
        <v>45588</v>
      </c>
      <c r="F95112" s="14" t="s">
        <v>53</v>
      </c>
      <c r="G95112" s="16">
        <v>0</v>
      </c>
    </row>
    <row r="95113" spans="1:7" x14ac:dyDescent="0.3">
      <c r="A95113" s="13" t="s">
        <v>472</v>
      </c>
      <c r="B95113" s="14" t="s">
        <v>1</v>
      </c>
      <c r="C95113" s="14" t="s">
        <v>96</v>
      </c>
      <c r="D95113" s="14" t="s">
        <v>473</v>
      </c>
      <c r="E95113" s="15">
        <v>45589</v>
      </c>
      <c r="F95113" s="14" t="s">
        <v>53</v>
      </c>
      <c r="G95113" s="16">
        <v>0</v>
      </c>
    </row>
    <row r="95114" spans="1:7" x14ac:dyDescent="0.3">
      <c r="A95114" s="13" t="s">
        <v>472</v>
      </c>
      <c r="B95114" s="14" t="s">
        <v>1</v>
      </c>
      <c r="C95114" s="14" t="s">
        <v>96</v>
      </c>
      <c r="D95114" s="14" t="s">
        <v>473</v>
      </c>
      <c r="E95114" s="15">
        <v>45590</v>
      </c>
      <c r="F95114" s="14" t="s">
        <v>53</v>
      </c>
      <c r="G95114" s="16">
        <v>0</v>
      </c>
    </row>
    <row r="95115" spans="1:7" x14ac:dyDescent="0.3">
      <c r="A95115" s="13" t="s">
        <v>472</v>
      </c>
      <c r="B95115" s="14" t="s">
        <v>1</v>
      </c>
      <c r="C95115" s="14" t="s">
        <v>96</v>
      </c>
      <c r="D95115" s="14" t="s">
        <v>473</v>
      </c>
      <c r="E95115" s="15">
        <v>45591</v>
      </c>
      <c r="F95115" s="14" t="s">
        <v>53</v>
      </c>
      <c r="G95115" s="16">
        <v>0</v>
      </c>
    </row>
    <row r="95116" spans="1:7" x14ac:dyDescent="0.3">
      <c r="A95116" s="13" t="s">
        <v>472</v>
      </c>
      <c r="B95116" s="14" t="s">
        <v>1</v>
      </c>
      <c r="C95116" s="14" t="s">
        <v>96</v>
      </c>
      <c r="D95116" s="14" t="s">
        <v>473</v>
      </c>
      <c r="E95116" s="15">
        <v>45592</v>
      </c>
      <c r="F95116" s="14" t="s">
        <v>53</v>
      </c>
      <c r="G95116" s="16">
        <v>0</v>
      </c>
    </row>
    <row r="95117" spans="1:7" x14ac:dyDescent="0.3">
      <c r="A95117" s="13" t="s">
        <v>472</v>
      </c>
      <c r="B95117" s="14" t="s">
        <v>1</v>
      </c>
      <c r="C95117" s="14" t="s">
        <v>96</v>
      </c>
      <c r="D95117" s="14" t="s">
        <v>473</v>
      </c>
      <c r="E95117" s="15">
        <v>45593</v>
      </c>
      <c r="F95117" s="14" t="s">
        <v>53</v>
      </c>
      <c r="G95117" s="16">
        <v>0</v>
      </c>
    </row>
    <row r="95118" spans="1:7" x14ac:dyDescent="0.3">
      <c r="A95118" s="13" t="s">
        <v>472</v>
      </c>
      <c r="B95118" s="14" t="s">
        <v>1</v>
      </c>
      <c r="C95118" s="14" t="s">
        <v>96</v>
      </c>
      <c r="D95118" s="14" t="s">
        <v>473</v>
      </c>
      <c r="E95118" s="15">
        <v>45594</v>
      </c>
      <c r="F95118" s="14" t="s">
        <v>53</v>
      </c>
      <c r="G95118" s="16">
        <v>0</v>
      </c>
    </row>
    <row r="95119" spans="1:7" x14ac:dyDescent="0.3">
      <c r="A95119" s="13" t="s">
        <v>472</v>
      </c>
      <c r="B95119" s="14" t="s">
        <v>1</v>
      </c>
      <c r="C95119" s="14" t="s">
        <v>96</v>
      </c>
      <c r="D95119" s="14" t="s">
        <v>473</v>
      </c>
      <c r="E95119" s="15">
        <v>45595</v>
      </c>
      <c r="F95119" s="14" t="s">
        <v>53</v>
      </c>
      <c r="G95119" s="16">
        <v>0</v>
      </c>
    </row>
    <row r="95120" spans="1:7" x14ac:dyDescent="0.3">
      <c r="A95120" s="13" t="s">
        <v>472</v>
      </c>
      <c r="B95120" s="14" t="s">
        <v>1</v>
      </c>
      <c r="C95120" s="14" t="s">
        <v>96</v>
      </c>
      <c r="D95120" s="14" t="s">
        <v>473</v>
      </c>
      <c r="E95120" s="15">
        <v>45596</v>
      </c>
      <c r="F95120" s="14" t="s">
        <v>53</v>
      </c>
      <c r="G95120" s="16">
        <v>0</v>
      </c>
    </row>
    <row r="95121" spans="1:7" x14ac:dyDescent="0.3">
      <c r="A95121" s="13" t="s">
        <v>472</v>
      </c>
      <c r="B95121" s="14" t="s">
        <v>1</v>
      </c>
      <c r="C95121" s="14" t="s">
        <v>96</v>
      </c>
      <c r="D95121" s="14" t="s">
        <v>473</v>
      </c>
      <c r="E95121" s="15">
        <v>45597</v>
      </c>
      <c r="F95121" s="14" t="s">
        <v>53</v>
      </c>
      <c r="G95121" s="16">
        <v>0</v>
      </c>
    </row>
    <row r="95122" spans="1:7" x14ac:dyDescent="0.3">
      <c r="A95122" s="13" t="s">
        <v>472</v>
      </c>
      <c r="B95122" s="14" t="s">
        <v>1</v>
      </c>
      <c r="C95122" s="14" t="s">
        <v>96</v>
      </c>
      <c r="D95122" s="14" t="s">
        <v>473</v>
      </c>
      <c r="E95122" s="15">
        <v>45598</v>
      </c>
      <c r="F95122" s="14" t="s">
        <v>53</v>
      </c>
      <c r="G95122" s="16">
        <v>0</v>
      </c>
    </row>
    <row r="95123" spans="1:7" x14ac:dyDescent="0.3">
      <c r="A95123" s="13" t="s">
        <v>472</v>
      </c>
      <c r="B95123" s="14" t="s">
        <v>1</v>
      </c>
      <c r="C95123" s="14" t="s">
        <v>96</v>
      </c>
      <c r="D95123" s="14" t="s">
        <v>473</v>
      </c>
      <c r="E95123" s="15">
        <v>45599</v>
      </c>
      <c r="F95123" s="14" t="s">
        <v>53</v>
      </c>
      <c r="G95123" s="16">
        <v>0</v>
      </c>
    </row>
    <row r="95124" spans="1:7" x14ac:dyDescent="0.3">
      <c r="A95124" s="13" t="s">
        <v>472</v>
      </c>
      <c r="B95124" s="14" t="s">
        <v>1</v>
      </c>
      <c r="C95124" s="14" t="s">
        <v>96</v>
      </c>
      <c r="D95124" s="14" t="s">
        <v>473</v>
      </c>
      <c r="E95124" s="15">
        <v>45600</v>
      </c>
      <c r="F95124" s="14" t="s">
        <v>53</v>
      </c>
      <c r="G95124" s="16">
        <v>0</v>
      </c>
    </row>
    <row r="95125" spans="1:7" x14ac:dyDescent="0.3">
      <c r="A95125" s="13" t="s">
        <v>472</v>
      </c>
      <c r="B95125" s="14" t="s">
        <v>1</v>
      </c>
      <c r="C95125" s="14" t="s">
        <v>96</v>
      </c>
      <c r="D95125" s="14" t="s">
        <v>473</v>
      </c>
      <c r="E95125" s="15">
        <v>45601</v>
      </c>
      <c r="F95125" s="14" t="s">
        <v>53</v>
      </c>
      <c r="G95125" s="16">
        <v>0</v>
      </c>
    </row>
    <row r="95126" spans="1:7" x14ac:dyDescent="0.3">
      <c r="A95126" s="13" t="s">
        <v>472</v>
      </c>
      <c r="B95126" s="14" t="s">
        <v>1</v>
      </c>
      <c r="C95126" s="14" t="s">
        <v>96</v>
      </c>
      <c r="D95126" s="14" t="s">
        <v>473</v>
      </c>
      <c r="E95126" s="15">
        <v>45602</v>
      </c>
      <c r="F95126" s="14" t="s">
        <v>53</v>
      </c>
      <c r="G95126" s="16">
        <v>0</v>
      </c>
    </row>
    <row r="95127" spans="1:7" x14ac:dyDescent="0.3">
      <c r="A95127" s="13" t="s">
        <v>472</v>
      </c>
      <c r="B95127" s="14" t="s">
        <v>1</v>
      </c>
      <c r="C95127" s="14" t="s">
        <v>96</v>
      </c>
      <c r="D95127" s="14" t="s">
        <v>473</v>
      </c>
      <c r="E95127" s="15">
        <v>45603</v>
      </c>
      <c r="F95127" s="14" t="s">
        <v>53</v>
      </c>
      <c r="G95127" s="16">
        <v>0</v>
      </c>
    </row>
    <row r="95128" spans="1:7" x14ac:dyDescent="0.3">
      <c r="A95128" s="13" t="s">
        <v>472</v>
      </c>
      <c r="B95128" s="14" t="s">
        <v>1</v>
      </c>
      <c r="C95128" s="14" t="s">
        <v>96</v>
      </c>
      <c r="D95128" s="14" t="s">
        <v>473</v>
      </c>
      <c r="E95128" s="15">
        <v>45604</v>
      </c>
      <c r="F95128" s="14" t="s">
        <v>53</v>
      </c>
      <c r="G95128" s="16">
        <v>0</v>
      </c>
    </row>
    <row r="95129" spans="1:7" x14ac:dyDescent="0.3">
      <c r="A95129" s="13" t="s">
        <v>472</v>
      </c>
      <c r="B95129" s="14" t="s">
        <v>1</v>
      </c>
      <c r="C95129" s="14" t="s">
        <v>96</v>
      </c>
      <c r="D95129" s="14" t="s">
        <v>473</v>
      </c>
      <c r="E95129" s="15">
        <v>45605</v>
      </c>
      <c r="F95129" s="14" t="s">
        <v>53</v>
      </c>
      <c r="G95129" s="16">
        <v>0</v>
      </c>
    </row>
    <row r="95130" spans="1:7" x14ac:dyDescent="0.3">
      <c r="A95130" s="13" t="s">
        <v>472</v>
      </c>
      <c r="B95130" s="14" t="s">
        <v>1</v>
      </c>
      <c r="C95130" s="14" t="s">
        <v>96</v>
      </c>
      <c r="D95130" s="14" t="s">
        <v>473</v>
      </c>
      <c r="E95130" s="15">
        <v>45606</v>
      </c>
      <c r="F95130" s="14" t="s">
        <v>53</v>
      </c>
      <c r="G95130" s="16">
        <v>0</v>
      </c>
    </row>
    <row r="95131" spans="1:7" x14ac:dyDescent="0.3">
      <c r="A95131" s="13" t="s">
        <v>472</v>
      </c>
      <c r="B95131" s="14" t="s">
        <v>1</v>
      </c>
      <c r="C95131" s="14" t="s">
        <v>96</v>
      </c>
      <c r="D95131" s="14" t="s">
        <v>473</v>
      </c>
      <c r="E95131" s="15">
        <v>45607</v>
      </c>
      <c r="F95131" s="14" t="s">
        <v>53</v>
      </c>
      <c r="G95131" s="16">
        <v>0</v>
      </c>
    </row>
    <row r="95132" spans="1:7" x14ac:dyDescent="0.3">
      <c r="A95132" s="13" t="s">
        <v>472</v>
      </c>
      <c r="B95132" s="14" t="s">
        <v>1</v>
      </c>
      <c r="C95132" s="14" t="s">
        <v>96</v>
      </c>
      <c r="D95132" s="14" t="s">
        <v>473</v>
      </c>
      <c r="E95132" s="15">
        <v>45608</v>
      </c>
      <c r="F95132" s="14" t="s">
        <v>53</v>
      </c>
      <c r="G95132" s="16">
        <v>0</v>
      </c>
    </row>
    <row r="95133" spans="1:7" x14ac:dyDescent="0.3">
      <c r="A95133" s="13" t="s">
        <v>472</v>
      </c>
      <c r="B95133" s="14" t="s">
        <v>1</v>
      </c>
      <c r="C95133" s="14" t="s">
        <v>96</v>
      </c>
      <c r="D95133" s="14" t="s">
        <v>473</v>
      </c>
      <c r="E95133" s="15">
        <v>45609</v>
      </c>
      <c r="F95133" s="14" t="s">
        <v>53</v>
      </c>
      <c r="G95133" s="16">
        <v>0</v>
      </c>
    </row>
    <row r="95134" spans="1:7" x14ac:dyDescent="0.3">
      <c r="A95134" s="13" t="s">
        <v>472</v>
      </c>
      <c r="B95134" s="14" t="s">
        <v>1</v>
      </c>
      <c r="C95134" s="14" t="s">
        <v>96</v>
      </c>
      <c r="D95134" s="14" t="s">
        <v>473</v>
      </c>
      <c r="E95134" s="15">
        <v>45610</v>
      </c>
      <c r="F95134" s="14" t="s">
        <v>53</v>
      </c>
      <c r="G95134" s="16">
        <v>0</v>
      </c>
    </row>
    <row r="95135" spans="1:7" x14ac:dyDescent="0.3">
      <c r="A95135" s="13" t="s">
        <v>472</v>
      </c>
      <c r="B95135" s="14" t="s">
        <v>1</v>
      </c>
      <c r="C95135" s="14" t="s">
        <v>96</v>
      </c>
      <c r="D95135" s="14" t="s">
        <v>473</v>
      </c>
      <c r="E95135" s="15">
        <v>45611</v>
      </c>
      <c r="F95135" s="14" t="s">
        <v>53</v>
      </c>
      <c r="G95135" s="16">
        <v>0</v>
      </c>
    </row>
    <row r="95136" spans="1:7" x14ac:dyDescent="0.3">
      <c r="A95136" s="13" t="s">
        <v>472</v>
      </c>
      <c r="B95136" s="14" t="s">
        <v>1</v>
      </c>
      <c r="C95136" s="14" t="s">
        <v>96</v>
      </c>
      <c r="D95136" s="14" t="s">
        <v>473</v>
      </c>
      <c r="E95136" s="15">
        <v>45612</v>
      </c>
      <c r="F95136" s="14" t="s">
        <v>53</v>
      </c>
      <c r="G95136" s="16">
        <v>0</v>
      </c>
    </row>
    <row r="95137" spans="1:7" x14ac:dyDescent="0.3">
      <c r="A95137" s="13" t="s">
        <v>472</v>
      </c>
      <c r="B95137" s="14" t="s">
        <v>1</v>
      </c>
      <c r="C95137" s="14" t="s">
        <v>96</v>
      </c>
      <c r="D95137" s="14" t="s">
        <v>473</v>
      </c>
      <c r="E95137" s="15">
        <v>45613</v>
      </c>
      <c r="F95137" s="14" t="s">
        <v>53</v>
      </c>
      <c r="G95137" s="16">
        <v>0</v>
      </c>
    </row>
    <row r="95138" spans="1:7" x14ac:dyDescent="0.3">
      <c r="A95138" s="13" t="s">
        <v>472</v>
      </c>
      <c r="B95138" s="14" t="s">
        <v>1</v>
      </c>
      <c r="C95138" s="14" t="s">
        <v>96</v>
      </c>
      <c r="D95138" s="14" t="s">
        <v>473</v>
      </c>
      <c r="E95138" s="15">
        <v>45614</v>
      </c>
      <c r="F95138" s="14" t="s">
        <v>53</v>
      </c>
      <c r="G95138" s="16">
        <v>0</v>
      </c>
    </row>
    <row r="95139" spans="1:7" x14ac:dyDescent="0.3">
      <c r="A95139" s="13" t="s">
        <v>472</v>
      </c>
      <c r="B95139" s="14" t="s">
        <v>1</v>
      </c>
      <c r="C95139" s="14" t="s">
        <v>96</v>
      </c>
      <c r="D95139" s="14" t="s">
        <v>473</v>
      </c>
      <c r="E95139" s="15">
        <v>45615</v>
      </c>
      <c r="F95139" s="14" t="s">
        <v>53</v>
      </c>
      <c r="G95139" s="16">
        <v>0</v>
      </c>
    </row>
    <row r="95140" spans="1:7" x14ac:dyDescent="0.3">
      <c r="A95140" s="13" t="s">
        <v>472</v>
      </c>
      <c r="B95140" s="14" t="s">
        <v>1</v>
      </c>
      <c r="C95140" s="14" t="s">
        <v>96</v>
      </c>
      <c r="D95140" s="14" t="s">
        <v>473</v>
      </c>
      <c r="E95140" s="15">
        <v>45616</v>
      </c>
      <c r="F95140" s="14" t="s">
        <v>53</v>
      </c>
      <c r="G95140" s="16">
        <v>0</v>
      </c>
    </row>
    <row r="95141" spans="1:7" x14ac:dyDescent="0.3">
      <c r="A95141" s="13" t="s">
        <v>472</v>
      </c>
      <c r="B95141" s="14" t="s">
        <v>1</v>
      </c>
      <c r="C95141" s="14" t="s">
        <v>96</v>
      </c>
      <c r="D95141" s="14" t="s">
        <v>473</v>
      </c>
      <c r="E95141" s="15">
        <v>45617</v>
      </c>
      <c r="F95141" s="14" t="s">
        <v>53</v>
      </c>
      <c r="G95141" s="16">
        <v>0</v>
      </c>
    </row>
    <row r="95142" spans="1:7" x14ac:dyDescent="0.3">
      <c r="A95142" s="13" t="s">
        <v>472</v>
      </c>
      <c r="B95142" s="14" t="s">
        <v>1</v>
      </c>
      <c r="C95142" s="14" t="s">
        <v>96</v>
      </c>
      <c r="D95142" s="14" t="s">
        <v>473</v>
      </c>
      <c r="E95142" s="15">
        <v>45618</v>
      </c>
      <c r="F95142" s="14" t="s">
        <v>53</v>
      </c>
      <c r="G95142" s="16">
        <v>0</v>
      </c>
    </row>
    <row r="95143" spans="1:7" x14ac:dyDescent="0.3">
      <c r="A95143" s="13" t="s">
        <v>472</v>
      </c>
      <c r="B95143" s="14" t="s">
        <v>1</v>
      </c>
      <c r="C95143" s="14" t="s">
        <v>96</v>
      </c>
      <c r="D95143" s="14" t="s">
        <v>473</v>
      </c>
      <c r="E95143" s="15">
        <v>45619</v>
      </c>
      <c r="F95143" s="14" t="s">
        <v>53</v>
      </c>
      <c r="G95143" s="16">
        <v>0</v>
      </c>
    </row>
    <row r="95144" spans="1:7" x14ac:dyDescent="0.3">
      <c r="A95144" s="13" t="s">
        <v>472</v>
      </c>
      <c r="B95144" s="14" t="s">
        <v>1</v>
      </c>
      <c r="C95144" s="14" t="s">
        <v>96</v>
      </c>
      <c r="D95144" s="14" t="s">
        <v>473</v>
      </c>
      <c r="E95144" s="15">
        <v>45620</v>
      </c>
      <c r="F95144" s="14" t="s">
        <v>53</v>
      </c>
      <c r="G95144" s="16">
        <v>0</v>
      </c>
    </row>
    <row r="95145" spans="1:7" x14ac:dyDescent="0.3">
      <c r="A95145" s="13" t="s">
        <v>472</v>
      </c>
      <c r="B95145" s="14" t="s">
        <v>1</v>
      </c>
      <c r="C95145" s="14" t="s">
        <v>96</v>
      </c>
      <c r="D95145" s="14" t="s">
        <v>473</v>
      </c>
      <c r="E95145" s="15">
        <v>45621</v>
      </c>
      <c r="F95145" s="14" t="s">
        <v>53</v>
      </c>
      <c r="G95145" s="16">
        <v>0</v>
      </c>
    </row>
    <row r="95146" spans="1:7" x14ac:dyDescent="0.3">
      <c r="A95146" s="13" t="s">
        <v>472</v>
      </c>
      <c r="B95146" s="14" t="s">
        <v>1</v>
      </c>
      <c r="C95146" s="14" t="s">
        <v>96</v>
      </c>
      <c r="D95146" s="14" t="s">
        <v>473</v>
      </c>
      <c r="E95146" s="15">
        <v>45622</v>
      </c>
      <c r="F95146" s="14" t="s">
        <v>53</v>
      </c>
      <c r="G95146" s="16">
        <v>0</v>
      </c>
    </row>
    <row r="95147" spans="1:7" x14ac:dyDescent="0.3">
      <c r="A95147" s="13" t="s">
        <v>472</v>
      </c>
      <c r="B95147" s="14" t="s">
        <v>1</v>
      </c>
      <c r="C95147" s="14" t="s">
        <v>96</v>
      </c>
      <c r="D95147" s="14" t="s">
        <v>473</v>
      </c>
      <c r="E95147" s="15">
        <v>45623</v>
      </c>
      <c r="F95147" s="14" t="s">
        <v>53</v>
      </c>
      <c r="G95147" s="16">
        <v>0</v>
      </c>
    </row>
    <row r="95148" spans="1:7" x14ac:dyDescent="0.3">
      <c r="A95148" s="13" t="s">
        <v>472</v>
      </c>
      <c r="B95148" s="14" t="s">
        <v>1</v>
      </c>
      <c r="C95148" s="14" t="s">
        <v>96</v>
      </c>
      <c r="D95148" s="14" t="s">
        <v>473</v>
      </c>
      <c r="E95148" s="15">
        <v>45624</v>
      </c>
      <c r="F95148" s="14" t="s">
        <v>53</v>
      </c>
      <c r="G95148" s="16">
        <v>0</v>
      </c>
    </row>
    <row r="95149" spans="1:7" x14ac:dyDescent="0.3">
      <c r="A95149" s="13" t="s">
        <v>472</v>
      </c>
      <c r="B95149" s="14" t="s">
        <v>1</v>
      </c>
      <c r="C95149" s="14" t="s">
        <v>96</v>
      </c>
      <c r="D95149" s="14" t="s">
        <v>473</v>
      </c>
      <c r="E95149" s="15">
        <v>45625</v>
      </c>
      <c r="F95149" s="14" t="s">
        <v>53</v>
      </c>
      <c r="G95149" s="16">
        <v>0</v>
      </c>
    </row>
    <row r="95150" spans="1:7" x14ac:dyDescent="0.3">
      <c r="A95150" s="13" t="s">
        <v>472</v>
      </c>
      <c r="B95150" s="14" t="s">
        <v>1</v>
      </c>
      <c r="C95150" s="14" t="s">
        <v>96</v>
      </c>
      <c r="D95150" s="14" t="s">
        <v>473</v>
      </c>
      <c r="E95150" s="15">
        <v>45626</v>
      </c>
      <c r="F95150" s="14" t="s">
        <v>53</v>
      </c>
      <c r="G95150" s="16">
        <v>0</v>
      </c>
    </row>
    <row r="95151" spans="1:7" x14ac:dyDescent="0.3">
      <c r="A95151" s="13" t="s">
        <v>472</v>
      </c>
      <c r="B95151" s="14" t="s">
        <v>1</v>
      </c>
      <c r="C95151" s="14" t="s">
        <v>96</v>
      </c>
      <c r="D95151" s="14" t="s">
        <v>473</v>
      </c>
      <c r="E95151" s="15">
        <v>45627</v>
      </c>
      <c r="F95151" s="14" t="s">
        <v>53</v>
      </c>
      <c r="G95151" s="16">
        <v>0</v>
      </c>
    </row>
    <row r="95152" spans="1:7" x14ac:dyDescent="0.3">
      <c r="A95152" s="13" t="s">
        <v>472</v>
      </c>
      <c r="B95152" s="14" t="s">
        <v>1</v>
      </c>
      <c r="C95152" s="14" t="s">
        <v>96</v>
      </c>
      <c r="D95152" s="14" t="s">
        <v>473</v>
      </c>
      <c r="E95152" s="15">
        <v>45628</v>
      </c>
      <c r="F95152" s="14" t="s">
        <v>53</v>
      </c>
      <c r="G95152" s="16">
        <v>0</v>
      </c>
    </row>
    <row r="95153" spans="1:7" x14ac:dyDescent="0.3">
      <c r="A95153" s="13" t="s">
        <v>472</v>
      </c>
      <c r="B95153" s="14" t="s">
        <v>1</v>
      </c>
      <c r="C95153" s="14" t="s">
        <v>96</v>
      </c>
      <c r="D95153" s="14" t="s">
        <v>473</v>
      </c>
      <c r="E95153" s="15">
        <v>45629</v>
      </c>
      <c r="F95153" s="14" t="s">
        <v>53</v>
      </c>
      <c r="G95153" s="16">
        <v>0</v>
      </c>
    </row>
    <row r="95154" spans="1:7" x14ac:dyDescent="0.3">
      <c r="A95154" s="13" t="s">
        <v>472</v>
      </c>
      <c r="B95154" s="14" t="s">
        <v>1</v>
      </c>
      <c r="C95154" s="14" t="s">
        <v>96</v>
      </c>
      <c r="D95154" s="14" t="s">
        <v>473</v>
      </c>
      <c r="E95154" s="15">
        <v>45630</v>
      </c>
      <c r="F95154" s="14" t="s">
        <v>53</v>
      </c>
      <c r="G95154" s="16">
        <v>0</v>
      </c>
    </row>
    <row r="95155" spans="1:7" x14ac:dyDescent="0.3">
      <c r="A95155" s="13" t="s">
        <v>472</v>
      </c>
      <c r="B95155" s="14" t="s">
        <v>1</v>
      </c>
      <c r="C95155" s="14" t="s">
        <v>96</v>
      </c>
      <c r="D95155" s="14" t="s">
        <v>473</v>
      </c>
      <c r="E95155" s="15">
        <v>45631</v>
      </c>
      <c r="F95155" s="14" t="s">
        <v>53</v>
      </c>
      <c r="G95155" s="16">
        <v>0</v>
      </c>
    </row>
    <row r="95156" spans="1:7" x14ac:dyDescent="0.3">
      <c r="A95156" s="13" t="s">
        <v>472</v>
      </c>
      <c r="B95156" s="14" t="s">
        <v>1</v>
      </c>
      <c r="C95156" s="14" t="s">
        <v>96</v>
      </c>
      <c r="D95156" s="14" t="s">
        <v>473</v>
      </c>
      <c r="E95156" s="15">
        <v>45632</v>
      </c>
      <c r="F95156" s="14" t="s">
        <v>53</v>
      </c>
      <c r="G95156" s="16">
        <v>0</v>
      </c>
    </row>
    <row r="95157" spans="1:7" x14ac:dyDescent="0.3">
      <c r="A95157" s="13" t="s">
        <v>472</v>
      </c>
      <c r="B95157" s="14" t="s">
        <v>1</v>
      </c>
      <c r="C95157" s="14" t="s">
        <v>96</v>
      </c>
      <c r="D95157" s="14" t="s">
        <v>473</v>
      </c>
      <c r="E95157" s="15">
        <v>45633</v>
      </c>
      <c r="F95157" s="14" t="s">
        <v>53</v>
      </c>
      <c r="G95157" s="16">
        <v>0</v>
      </c>
    </row>
    <row r="95158" spans="1:7" x14ac:dyDescent="0.3">
      <c r="A95158" s="13" t="s">
        <v>472</v>
      </c>
      <c r="B95158" s="14" t="s">
        <v>1</v>
      </c>
      <c r="C95158" s="14" t="s">
        <v>96</v>
      </c>
      <c r="D95158" s="14" t="s">
        <v>473</v>
      </c>
      <c r="E95158" s="15">
        <v>45634</v>
      </c>
      <c r="F95158" s="14" t="s">
        <v>53</v>
      </c>
      <c r="G95158" s="16">
        <v>0</v>
      </c>
    </row>
    <row r="95159" spans="1:7" x14ac:dyDescent="0.3">
      <c r="A95159" s="13" t="s">
        <v>472</v>
      </c>
      <c r="B95159" s="14" t="s">
        <v>1</v>
      </c>
      <c r="C95159" s="14" t="s">
        <v>96</v>
      </c>
      <c r="D95159" s="14" t="s">
        <v>473</v>
      </c>
      <c r="E95159" s="15">
        <v>45635</v>
      </c>
      <c r="F95159" s="14" t="s">
        <v>53</v>
      </c>
      <c r="G95159" s="16">
        <v>0</v>
      </c>
    </row>
    <row r="95160" spans="1:7" x14ac:dyDescent="0.3">
      <c r="A95160" s="13" t="s">
        <v>472</v>
      </c>
      <c r="B95160" s="14" t="s">
        <v>1</v>
      </c>
      <c r="C95160" s="14" t="s">
        <v>96</v>
      </c>
      <c r="D95160" s="14" t="s">
        <v>473</v>
      </c>
      <c r="E95160" s="15">
        <v>45636</v>
      </c>
      <c r="F95160" s="14" t="s">
        <v>53</v>
      </c>
      <c r="G95160" s="16">
        <v>0</v>
      </c>
    </row>
    <row r="95161" spans="1:7" x14ac:dyDescent="0.3">
      <c r="A95161" s="13" t="s">
        <v>472</v>
      </c>
      <c r="B95161" s="14" t="s">
        <v>1</v>
      </c>
      <c r="C95161" s="14" t="s">
        <v>96</v>
      </c>
      <c r="D95161" s="14" t="s">
        <v>473</v>
      </c>
      <c r="E95161" s="15">
        <v>45637</v>
      </c>
      <c r="F95161" s="14" t="s">
        <v>53</v>
      </c>
      <c r="G95161" s="16">
        <v>0</v>
      </c>
    </row>
    <row r="95162" spans="1:7" x14ac:dyDescent="0.3">
      <c r="A95162" s="13" t="s">
        <v>472</v>
      </c>
      <c r="B95162" s="14" t="s">
        <v>1</v>
      </c>
      <c r="C95162" s="14" t="s">
        <v>96</v>
      </c>
      <c r="D95162" s="14" t="s">
        <v>473</v>
      </c>
      <c r="E95162" s="15">
        <v>45638</v>
      </c>
      <c r="F95162" s="14" t="s">
        <v>53</v>
      </c>
      <c r="G95162" s="16">
        <v>0</v>
      </c>
    </row>
    <row r="95163" spans="1:7" x14ac:dyDescent="0.3">
      <c r="A95163" s="13" t="s">
        <v>472</v>
      </c>
      <c r="B95163" s="14" t="s">
        <v>1</v>
      </c>
      <c r="C95163" s="14" t="s">
        <v>96</v>
      </c>
      <c r="D95163" s="14" t="s">
        <v>473</v>
      </c>
      <c r="E95163" s="15">
        <v>45639</v>
      </c>
      <c r="F95163" s="14" t="s">
        <v>53</v>
      </c>
      <c r="G95163" s="16">
        <v>0</v>
      </c>
    </row>
    <row r="95164" spans="1:7" x14ac:dyDescent="0.3">
      <c r="A95164" s="13" t="s">
        <v>472</v>
      </c>
      <c r="B95164" s="14" t="s">
        <v>1</v>
      </c>
      <c r="C95164" s="14" t="s">
        <v>96</v>
      </c>
      <c r="D95164" s="14" t="s">
        <v>473</v>
      </c>
      <c r="E95164" s="15">
        <v>45640</v>
      </c>
      <c r="F95164" s="14" t="s">
        <v>53</v>
      </c>
      <c r="G95164" s="16">
        <v>0</v>
      </c>
    </row>
    <row r="95165" spans="1:7" x14ac:dyDescent="0.3">
      <c r="A95165" s="13" t="s">
        <v>472</v>
      </c>
      <c r="B95165" s="14" t="s">
        <v>1</v>
      </c>
      <c r="C95165" s="14" t="s">
        <v>96</v>
      </c>
      <c r="D95165" s="14" t="s">
        <v>473</v>
      </c>
      <c r="E95165" s="15">
        <v>45641</v>
      </c>
      <c r="F95165" s="14" t="s">
        <v>53</v>
      </c>
      <c r="G95165" s="16">
        <v>0</v>
      </c>
    </row>
    <row r="95166" spans="1:7" x14ac:dyDescent="0.3">
      <c r="A95166" s="13" t="s">
        <v>472</v>
      </c>
      <c r="B95166" s="14" t="s">
        <v>1</v>
      </c>
      <c r="C95166" s="14" t="s">
        <v>96</v>
      </c>
      <c r="D95166" s="14" t="s">
        <v>473</v>
      </c>
      <c r="E95166" s="15">
        <v>45642</v>
      </c>
      <c r="F95166" s="14" t="s">
        <v>53</v>
      </c>
      <c r="G95166" s="16">
        <v>0</v>
      </c>
    </row>
    <row r="95167" spans="1:7" x14ac:dyDescent="0.3">
      <c r="A95167" s="13" t="s">
        <v>472</v>
      </c>
      <c r="B95167" s="14" t="s">
        <v>1</v>
      </c>
      <c r="C95167" s="14" t="s">
        <v>96</v>
      </c>
      <c r="D95167" s="14" t="s">
        <v>473</v>
      </c>
      <c r="E95167" s="15">
        <v>45643</v>
      </c>
      <c r="F95167" s="14" t="s">
        <v>53</v>
      </c>
      <c r="G95167" s="16">
        <v>0</v>
      </c>
    </row>
    <row r="95168" spans="1:7" x14ac:dyDescent="0.3">
      <c r="A95168" s="13" t="s">
        <v>472</v>
      </c>
      <c r="B95168" s="14" t="s">
        <v>1</v>
      </c>
      <c r="C95168" s="14" t="s">
        <v>96</v>
      </c>
      <c r="D95168" s="14" t="s">
        <v>473</v>
      </c>
      <c r="E95168" s="15">
        <v>45644</v>
      </c>
      <c r="F95168" s="14" t="s">
        <v>53</v>
      </c>
      <c r="G95168" s="16">
        <v>0</v>
      </c>
    </row>
    <row r="95169" spans="1:7" x14ac:dyDescent="0.3">
      <c r="A95169" s="13" t="s">
        <v>472</v>
      </c>
      <c r="B95169" s="14" t="s">
        <v>1</v>
      </c>
      <c r="C95169" s="14" t="s">
        <v>96</v>
      </c>
      <c r="D95169" s="14" t="s">
        <v>473</v>
      </c>
      <c r="E95169" s="15">
        <v>45645</v>
      </c>
      <c r="F95169" s="14" t="s">
        <v>53</v>
      </c>
      <c r="G95169" s="16">
        <v>0</v>
      </c>
    </row>
    <row r="95170" spans="1:7" x14ac:dyDescent="0.3">
      <c r="A95170" s="13" t="s">
        <v>472</v>
      </c>
      <c r="B95170" s="14" t="s">
        <v>1</v>
      </c>
      <c r="C95170" s="14" t="s">
        <v>96</v>
      </c>
      <c r="D95170" s="14" t="s">
        <v>473</v>
      </c>
      <c r="E95170" s="15">
        <v>45646</v>
      </c>
      <c r="F95170" s="14" t="s">
        <v>53</v>
      </c>
      <c r="G95170" s="16">
        <v>0</v>
      </c>
    </row>
    <row r="95171" spans="1:7" x14ac:dyDescent="0.3">
      <c r="A95171" s="13" t="s">
        <v>472</v>
      </c>
      <c r="B95171" s="14" t="s">
        <v>1</v>
      </c>
      <c r="C95171" s="14" t="s">
        <v>96</v>
      </c>
      <c r="D95171" s="14" t="s">
        <v>473</v>
      </c>
      <c r="E95171" s="15">
        <v>45647</v>
      </c>
      <c r="F95171" s="14" t="s">
        <v>53</v>
      </c>
      <c r="G95171" s="16">
        <v>0</v>
      </c>
    </row>
    <row r="95172" spans="1:7" x14ac:dyDescent="0.3">
      <c r="A95172" s="13" t="s">
        <v>472</v>
      </c>
      <c r="B95172" s="14" t="s">
        <v>1</v>
      </c>
      <c r="C95172" s="14" t="s">
        <v>96</v>
      </c>
      <c r="D95172" s="14" t="s">
        <v>473</v>
      </c>
      <c r="E95172" s="15">
        <v>45648</v>
      </c>
      <c r="F95172" s="14" t="s">
        <v>53</v>
      </c>
      <c r="G95172" s="16">
        <v>0</v>
      </c>
    </row>
    <row r="95173" spans="1:7" x14ac:dyDescent="0.3">
      <c r="A95173" s="13" t="s">
        <v>472</v>
      </c>
      <c r="B95173" s="14" t="s">
        <v>1</v>
      </c>
      <c r="C95173" s="14" t="s">
        <v>96</v>
      </c>
      <c r="D95173" s="14" t="s">
        <v>473</v>
      </c>
      <c r="E95173" s="15">
        <v>45649</v>
      </c>
      <c r="F95173" s="14" t="s">
        <v>53</v>
      </c>
      <c r="G95173" s="16">
        <v>0</v>
      </c>
    </row>
    <row r="95174" spans="1:7" x14ac:dyDescent="0.3">
      <c r="A95174" s="13" t="s">
        <v>472</v>
      </c>
      <c r="B95174" s="14" t="s">
        <v>1</v>
      </c>
      <c r="C95174" s="14" t="s">
        <v>96</v>
      </c>
      <c r="D95174" s="14" t="s">
        <v>473</v>
      </c>
      <c r="E95174" s="15">
        <v>45650</v>
      </c>
      <c r="F95174" s="14" t="s">
        <v>53</v>
      </c>
      <c r="G95174" s="16">
        <v>0</v>
      </c>
    </row>
    <row r="95175" spans="1:7" x14ac:dyDescent="0.3">
      <c r="A95175" s="13" t="s">
        <v>472</v>
      </c>
      <c r="B95175" s="14" t="s">
        <v>1</v>
      </c>
      <c r="C95175" s="14" t="s">
        <v>96</v>
      </c>
      <c r="D95175" s="14" t="s">
        <v>473</v>
      </c>
      <c r="E95175" s="15">
        <v>45651</v>
      </c>
      <c r="F95175" s="14" t="s">
        <v>53</v>
      </c>
      <c r="G95175" s="16">
        <v>0</v>
      </c>
    </row>
    <row r="95176" spans="1:7" x14ac:dyDescent="0.3">
      <c r="A95176" s="13" t="s">
        <v>472</v>
      </c>
      <c r="B95176" s="14" t="s">
        <v>1</v>
      </c>
      <c r="C95176" s="14" t="s">
        <v>96</v>
      </c>
      <c r="D95176" s="14" t="s">
        <v>473</v>
      </c>
      <c r="E95176" s="15">
        <v>45652</v>
      </c>
      <c r="F95176" s="14" t="s">
        <v>53</v>
      </c>
      <c r="G95176" s="16">
        <v>0</v>
      </c>
    </row>
    <row r="95177" spans="1:7" x14ac:dyDescent="0.3">
      <c r="A95177" s="13" t="s">
        <v>472</v>
      </c>
      <c r="B95177" s="14" t="s">
        <v>1</v>
      </c>
      <c r="C95177" s="14" t="s">
        <v>96</v>
      </c>
      <c r="D95177" s="14" t="s">
        <v>473</v>
      </c>
      <c r="E95177" s="15">
        <v>45653</v>
      </c>
      <c r="F95177" s="14" t="s">
        <v>53</v>
      </c>
      <c r="G95177" s="16">
        <v>0</v>
      </c>
    </row>
    <row r="95178" spans="1:7" x14ac:dyDescent="0.3">
      <c r="A95178" s="13" t="s">
        <v>472</v>
      </c>
      <c r="B95178" s="14" t="s">
        <v>1</v>
      </c>
      <c r="C95178" s="14" t="s">
        <v>96</v>
      </c>
      <c r="D95178" s="14" t="s">
        <v>473</v>
      </c>
      <c r="E95178" s="15">
        <v>45654</v>
      </c>
      <c r="F95178" s="14" t="s">
        <v>53</v>
      </c>
      <c r="G95178" s="16">
        <v>0</v>
      </c>
    </row>
    <row r="95179" spans="1:7" x14ac:dyDescent="0.3">
      <c r="A95179" s="13" t="s">
        <v>472</v>
      </c>
      <c r="B95179" s="14" t="s">
        <v>1</v>
      </c>
      <c r="C95179" s="14" t="s">
        <v>96</v>
      </c>
      <c r="D95179" s="14" t="s">
        <v>473</v>
      </c>
      <c r="E95179" s="15">
        <v>45655</v>
      </c>
      <c r="F95179" s="14" t="s">
        <v>53</v>
      </c>
      <c r="G95179" s="16">
        <v>0</v>
      </c>
    </row>
    <row r="95180" spans="1:7" x14ac:dyDescent="0.3">
      <c r="A95180" s="13" t="s">
        <v>472</v>
      </c>
      <c r="B95180" s="14" t="s">
        <v>1</v>
      </c>
      <c r="C95180" s="14" t="s">
        <v>96</v>
      </c>
      <c r="D95180" s="14" t="s">
        <v>473</v>
      </c>
      <c r="E95180" s="15">
        <v>45656</v>
      </c>
      <c r="F95180" s="14" t="s">
        <v>53</v>
      </c>
      <c r="G95180" s="16">
        <v>0</v>
      </c>
    </row>
    <row r="95181" spans="1:7" x14ac:dyDescent="0.3">
      <c r="A95181" s="13" t="s">
        <v>472</v>
      </c>
      <c r="B95181" s="14" t="s">
        <v>1</v>
      </c>
      <c r="C95181" s="14" t="s">
        <v>96</v>
      </c>
      <c r="D95181" s="14" t="s">
        <v>473</v>
      </c>
      <c r="E95181" s="15">
        <v>45657</v>
      </c>
      <c r="F95181" s="14" t="s">
        <v>53</v>
      </c>
      <c r="G95181" s="16">
        <v>0</v>
      </c>
    </row>
    <row r="95182" spans="1:7" x14ac:dyDescent="0.3">
      <c r="A95182" s="13" t="s">
        <v>472</v>
      </c>
      <c r="B95182" s="14" t="s">
        <v>1</v>
      </c>
      <c r="C95182" s="14" t="s">
        <v>96</v>
      </c>
      <c r="D95182" s="14" t="s">
        <v>473</v>
      </c>
      <c r="E95182" s="15">
        <v>45658</v>
      </c>
      <c r="F95182" s="14" t="s">
        <v>53</v>
      </c>
      <c r="G95182" s="16">
        <v>0</v>
      </c>
    </row>
    <row r="95183" spans="1:7" x14ac:dyDescent="0.3">
      <c r="A95183" s="13" t="s">
        <v>472</v>
      </c>
      <c r="B95183" s="14" t="s">
        <v>1</v>
      </c>
      <c r="C95183" s="14" t="s">
        <v>96</v>
      </c>
      <c r="D95183" s="14" t="s">
        <v>473</v>
      </c>
      <c r="E95183" s="15">
        <v>45659</v>
      </c>
      <c r="F95183" s="14" t="s">
        <v>53</v>
      </c>
      <c r="G95183" s="16">
        <v>0</v>
      </c>
    </row>
    <row r="95184" spans="1:7" x14ac:dyDescent="0.3">
      <c r="A95184" s="13" t="s">
        <v>472</v>
      </c>
      <c r="B95184" s="14" t="s">
        <v>1</v>
      </c>
      <c r="C95184" s="14" t="s">
        <v>96</v>
      </c>
      <c r="D95184" s="14" t="s">
        <v>473</v>
      </c>
      <c r="E95184" s="15">
        <v>45660</v>
      </c>
      <c r="F95184" s="14" t="s">
        <v>53</v>
      </c>
      <c r="G95184" s="16">
        <v>0</v>
      </c>
    </row>
    <row r="95185" spans="1:7" x14ac:dyDescent="0.3">
      <c r="A95185" s="13" t="s">
        <v>472</v>
      </c>
      <c r="B95185" s="14" t="s">
        <v>1</v>
      </c>
      <c r="C95185" s="14" t="s">
        <v>96</v>
      </c>
      <c r="D95185" s="14" t="s">
        <v>473</v>
      </c>
      <c r="E95185" s="15">
        <v>45661</v>
      </c>
      <c r="F95185" s="14" t="s">
        <v>53</v>
      </c>
      <c r="G95185" s="16">
        <v>0</v>
      </c>
    </row>
    <row r="95186" spans="1:7" x14ac:dyDescent="0.3">
      <c r="A95186" s="13" t="s">
        <v>472</v>
      </c>
      <c r="B95186" s="14" t="s">
        <v>1</v>
      </c>
      <c r="C95186" s="14" t="s">
        <v>96</v>
      </c>
      <c r="D95186" s="14" t="s">
        <v>473</v>
      </c>
      <c r="E95186" s="15">
        <v>45662</v>
      </c>
      <c r="F95186" s="14" t="s">
        <v>53</v>
      </c>
      <c r="G95186" s="16">
        <v>0</v>
      </c>
    </row>
    <row r="95187" spans="1:7" x14ac:dyDescent="0.3">
      <c r="A95187" s="13" t="s">
        <v>472</v>
      </c>
      <c r="B95187" s="14" t="s">
        <v>1</v>
      </c>
      <c r="C95187" s="14" t="s">
        <v>96</v>
      </c>
      <c r="D95187" s="14" t="s">
        <v>473</v>
      </c>
      <c r="E95187" s="15">
        <v>45663</v>
      </c>
      <c r="F95187" s="14" t="s">
        <v>53</v>
      </c>
      <c r="G95187" s="16">
        <v>0</v>
      </c>
    </row>
    <row r="95188" spans="1:7" x14ac:dyDescent="0.3">
      <c r="A95188" s="13" t="s">
        <v>472</v>
      </c>
      <c r="B95188" s="14" t="s">
        <v>1</v>
      </c>
      <c r="C95188" s="14" t="s">
        <v>96</v>
      </c>
      <c r="D95188" s="14" t="s">
        <v>473</v>
      </c>
      <c r="E95188" s="15">
        <v>45664</v>
      </c>
      <c r="F95188" s="14" t="s">
        <v>53</v>
      </c>
      <c r="G95188" s="16">
        <v>0</v>
      </c>
    </row>
    <row r="95189" spans="1:7" x14ac:dyDescent="0.3">
      <c r="A95189" s="13" t="s">
        <v>472</v>
      </c>
      <c r="B95189" s="14" t="s">
        <v>1</v>
      </c>
      <c r="C95189" s="14" t="s">
        <v>96</v>
      </c>
      <c r="D95189" s="14" t="s">
        <v>473</v>
      </c>
      <c r="E95189" s="15">
        <v>45665</v>
      </c>
      <c r="F95189" s="14" t="s">
        <v>53</v>
      </c>
      <c r="G95189" s="16">
        <v>0</v>
      </c>
    </row>
    <row r="95190" spans="1:7" x14ac:dyDescent="0.3">
      <c r="A95190" s="13" t="s">
        <v>472</v>
      </c>
      <c r="B95190" s="14" t="s">
        <v>1</v>
      </c>
      <c r="C95190" s="14" t="s">
        <v>96</v>
      </c>
      <c r="D95190" s="14" t="s">
        <v>473</v>
      </c>
      <c r="E95190" s="15">
        <v>45666</v>
      </c>
      <c r="F95190" s="14" t="s">
        <v>53</v>
      </c>
      <c r="G95190" s="16">
        <v>0</v>
      </c>
    </row>
    <row r="95191" spans="1:7" x14ac:dyDescent="0.3">
      <c r="A95191" s="13" t="s">
        <v>472</v>
      </c>
      <c r="B95191" s="14" t="s">
        <v>1</v>
      </c>
      <c r="C95191" s="14" t="s">
        <v>96</v>
      </c>
      <c r="D95191" s="14" t="s">
        <v>473</v>
      </c>
      <c r="E95191" s="15">
        <v>45667</v>
      </c>
      <c r="F95191" s="14" t="s">
        <v>53</v>
      </c>
      <c r="G95191" s="16">
        <v>0</v>
      </c>
    </row>
    <row r="95192" spans="1:7" x14ac:dyDescent="0.3">
      <c r="A95192" s="13" t="s">
        <v>472</v>
      </c>
      <c r="B95192" s="14" t="s">
        <v>1</v>
      </c>
      <c r="C95192" s="14" t="s">
        <v>96</v>
      </c>
      <c r="D95192" s="14" t="s">
        <v>473</v>
      </c>
      <c r="E95192" s="15">
        <v>45668</v>
      </c>
      <c r="F95192" s="14" t="s">
        <v>53</v>
      </c>
      <c r="G95192" s="16">
        <v>0</v>
      </c>
    </row>
    <row r="95193" spans="1:7" x14ac:dyDescent="0.3">
      <c r="A95193" s="13" t="s">
        <v>472</v>
      </c>
      <c r="B95193" s="14" t="s">
        <v>1</v>
      </c>
      <c r="C95193" s="14" t="s">
        <v>96</v>
      </c>
      <c r="D95193" s="14" t="s">
        <v>473</v>
      </c>
      <c r="E95193" s="15">
        <v>45669</v>
      </c>
      <c r="F95193" s="14" t="s">
        <v>53</v>
      </c>
      <c r="G95193" s="16">
        <v>0</v>
      </c>
    </row>
    <row r="95194" spans="1:7" x14ac:dyDescent="0.3">
      <c r="A95194" s="13" t="s">
        <v>472</v>
      </c>
      <c r="B95194" s="14" t="s">
        <v>1</v>
      </c>
      <c r="C95194" s="14" t="s">
        <v>96</v>
      </c>
      <c r="D95194" s="14" t="s">
        <v>473</v>
      </c>
      <c r="E95194" s="15">
        <v>45670</v>
      </c>
      <c r="F95194" s="14" t="s">
        <v>53</v>
      </c>
      <c r="G95194" s="16">
        <v>0</v>
      </c>
    </row>
    <row r="95195" spans="1:7" x14ac:dyDescent="0.3">
      <c r="A95195" s="13" t="s">
        <v>472</v>
      </c>
      <c r="B95195" s="14" t="s">
        <v>1</v>
      </c>
      <c r="C95195" s="14" t="s">
        <v>96</v>
      </c>
      <c r="D95195" s="14" t="s">
        <v>473</v>
      </c>
      <c r="E95195" s="15">
        <v>45671</v>
      </c>
      <c r="F95195" s="14" t="s">
        <v>53</v>
      </c>
      <c r="G95195" s="16">
        <v>0</v>
      </c>
    </row>
    <row r="95196" spans="1:7" x14ac:dyDescent="0.3">
      <c r="A95196" s="13" t="s">
        <v>472</v>
      </c>
      <c r="B95196" s="14" t="s">
        <v>1</v>
      </c>
      <c r="C95196" s="14" t="s">
        <v>96</v>
      </c>
      <c r="D95196" s="14" t="s">
        <v>473</v>
      </c>
      <c r="E95196" s="15">
        <v>45672</v>
      </c>
      <c r="F95196" s="14" t="s">
        <v>53</v>
      </c>
      <c r="G95196" s="16">
        <v>0</v>
      </c>
    </row>
    <row r="95197" spans="1:7" x14ac:dyDescent="0.3">
      <c r="A95197" s="13" t="s">
        <v>472</v>
      </c>
      <c r="B95197" s="14" t="s">
        <v>1</v>
      </c>
      <c r="C95197" s="14" t="s">
        <v>96</v>
      </c>
      <c r="D95197" s="14" t="s">
        <v>473</v>
      </c>
      <c r="E95197" s="15">
        <v>45673</v>
      </c>
      <c r="F95197" s="14" t="s">
        <v>53</v>
      </c>
      <c r="G95197" s="16">
        <v>0</v>
      </c>
    </row>
    <row r="95198" spans="1:7" x14ac:dyDescent="0.3">
      <c r="A95198" s="13" t="s">
        <v>472</v>
      </c>
      <c r="B95198" s="14" t="s">
        <v>1</v>
      </c>
      <c r="C95198" s="14" t="s">
        <v>96</v>
      </c>
      <c r="D95198" s="14" t="s">
        <v>473</v>
      </c>
      <c r="E95198" s="15">
        <v>45674</v>
      </c>
      <c r="F95198" s="14" t="s">
        <v>53</v>
      </c>
      <c r="G95198" s="16">
        <v>0</v>
      </c>
    </row>
    <row r="95199" spans="1:7" x14ac:dyDescent="0.3">
      <c r="A95199" s="13" t="s">
        <v>472</v>
      </c>
      <c r="B95199" s="14" t="s">
        <v>1</v>
      </c>
      <c r="C95199" s="14" t="s">
        <v>96</v>
      </c>
      <c r="D95199" s="14" t="s">
        <v>473</v>
      </c>
      <c r="E95199" s="15">
        <v>45675</v>
      </c>
      <c r="F95199" s="14" t="s">
        <v>53</v>
      </c>
      <c r="G95199" s="16">
        <v>0</v>
      </c>
    </row>
    <row r="95200" spans="1:7" x14ac:dyDescent="0.3">
      <c r="A95200" s="13" t="s">
        <v>472</v>
      </c>
      <c r="B95200" s="14" t="s">
        <v>1</v>
      </c>
      <c r="C95200" s="14" t="s">
        <v>96</v>
      </c>
      <c r="D95200" s="14" t="s">
        <v>473</v>
      </c>
      <c r="E95200" s="15">
        <v>45676</v>
      </c>
      <c r="F95200" s="14" t="s">
        <v>53</v>
      </c>
      <c r="G95200" s="16">
        <v>0</v>
      </c>
    </row>
    <row r="95201" spans="1:7" x14ac:dyDescent="0.3">
      <c r="A95201" s="13" t="s">
        <v>472</v>
      </c>
      <c r="B95201" s="14" t="s">
        <v>1</v>
      </c>
      <c r="C95201" s="14" t="s">
        <v>96</v>
      </c>
      <c r="D95201" s="14" t="s">
        <v>473</v>
      </c>
      <c r="E95201" s="15">
        <v>45677</v>
      </c>
      <c r="F95201" s="14" t="s">
        <v>53</v>
      </c>
      <c r="G95201" s="16">
        <v>0</v>
      </c>
    </row>
    <row r="95202" spans="1:7" x14ac:dyDescent="0.3">
      <c r="A95202" s="13" t="s">
        <v>472</v>
      </c>
      <c r="B95202" s="14" t="s">
        <v>1</v>
      </c>
      <c r="C95202" s="14" t="s">
        <v>96</v>
      </c>
      <c r="D95202" s="14" t="s">
        <v>473</v>
      </c>
      <c r="E95202" s="15">
        <v>45678</v>
      </c>
      <c r="F95202" s="14" t="s">
        <v>53</v>
      </c>
      <c r="G95202" s="16">
        <v>0</v>
      </c>
    </row>
    <row r="95203" spans="1:7" x14ac:dyDescent="0.3">
      <c r="A95203" s="13" t="s">
        <v>472</v>
      </c>
      <c r="B95203" s="14" t="s">
        <v>1</v>
      </c>
      <c r="C95203" s="14" t="s">
        <v>96</v>
      </c>
      <c r="D95203" s="14" t="s">
        <v>473</v>
      </c>
      <c r="E95203" s="15">
        <v>45679</v>
      </c>
      <c r="F95203" s="14" t="s">
        <v>53</v>
      </c>
      <c r="G95203" s="16">
        <v>0</v>
      </c>
    </row>
    <row r="95204" spans="1:7" x14ac:dyDescent="0.3">
      <c r="A95204" s="13" t="s">
        <v>472</v>
      </c>
      <c r="B95204" s="14" t="s">
        <v>1</v>
      </c>
      <c r="C95204" s="14" t="s">
        <v>96</v>
      </c>
      <c r="D95204" s="14" t="s">
        <v>473</v>
      </c>
      <c r="E95204" s="15">
        <v>45680</v>
      </c>
      <c r="F95204" s="14" t="s">
        <v>53</v>
      </c>
      <c r="G95204" s="16">
        <v>0</v>
      </c>
    </row>
    <row r="95205" spans="1:7" x14ac:dyDescent="0.3">
      <c r="A95205" s="13" t="s">
        <v>472</v>
      </c>
      <c r="B95205" s="14" t="s">
        <v>1</v>
      </c>
      <c r="C95205" s="14" t="s">
        <v>96</v>
      </c>
      <c r="D95205" s="14" t="s">
        <v>473</v>
      </c>
      <c r="E95205" s="15">
        <v>45681</v>
      </c>
      <c r="F95205" s="14" t="s">
        <v>53</v>
      </c>
      <c r="G95205" s="16">
        <v>0</v>
      </c>
    </row>
    <row r="95206" spans="1:7" x14ac:dyDescent="0.3">
      <c r="A95206" s="13" t="s">
        <v>472</v>
      </c>
      <c r="B95206" s="14" t="s">
        <v>1</v>
      </c>
      <c r="C95206" s="14" t="s">
        <v>96</v>
      </c>
      <c r="D95206" s="14" t="s">
        <v>473</v>
      </c>
      <c r="E95206" s="15">
        <v>45682</v>
      </c>
      <c r="F95206" s="14" t="s">
        <v>53</v>
      </c>
      <c r="G95206" s="16">
        <v>0</v>
      </c>
    </row>
    <row r="95207" spans="1:7" x14ac:dyDescent="0.3">
      <c r="A95207" s="13" t="s">
        <v>472</v>
      </c>
      <c r="B95207" s="14" t="s">
        <v>1</v>
      </c>
      <c r="C95207" s="14" t="s">
        <v>96</v>
      </c>
      <c r="D95207" s="14" t="s">
        <v>473</v>
      </c>
      <c r="E95207" s="15">
        <v>45683</v>
      </c>
      <c r="F95207" s="14" t="s">
        <v>53</v>
      </c>
      <c r="G95207" s="16">
        <v>0</v>
      </c>
    </row>
    <row r="95208" spans="1:7" x14ac:dyDescent="0.3">
      <c r="A95208" s="13" t="s">
        <v>472</v>
      </c>
      <c r="B95208" s="14" t="s">
        <v>1</v>
      </c>
      <c r="C95208" s="14" t="s">
        <v>96</v>
      </c>
      <c r="D95208" s="14" t="s">
        <v>473</v>
      </c>
      <c r="E95208" s="15">
        <v>45684</v>
      </c>
      <c r="F95208" s="14" t="s">
        <v>53</v>
      </c>
      <c r="G95208" s="16">
        <v>0</v>
      </c>
    </row>
    <row r="95209" spans="1:7" x14ac:dyDescent="0.3">
      <c r="A95209" s="13" t="s">
        <v>472</v>
      </c>
      <c r="B95209" s="14" t="s">
        <v>1</v>
      </c>
      <c r="C95209" s="14" t="s">
        <v>96</v>
      </c>
      <c r="D95209" s="14" t="s">
        <v>473</v>
      </c>
      <c r="E95209" s="15">
        <v>45685</v>
      </c>
      <c r="F95209" s="14" t="s">
        <v>53</v>
      </c>
      <c r="G95209" s="16">
        <v>0</v>
      </c>
    </row>
    <row r="95210" spans="1:7" x14ac:dyDescent="0.3">
      <c r="A95210" s="13" t="s">
        <v>472</v>
      </c>
      <c r="B95210" s="14" t="s">
        <v>1</v>
      </c>
      <c r="C95210" s="14" t="s">
        <v>96</v>
      </c>
      <c r="D95210" s="14" t="s">
        <v>473</v>
      </c>
      <c r="E95210" s="15">
        <v>45686</v>
      </c>
      <c r="F95210" s="14" t="s">
        <v>53</v>
      </c>
      <c r="G95210" s="16">
        <v>0</v>
      </c>
    </row>
    <row r="95211" spans="1:7" x14ac:dyDescent="0.3">
      <c r="A95211" s="13" t="s">
        <v>472</v>
      </c>
      <c r="B95211" s="14" t="s">
        <v>1</v>
      </c>
      <c r="C95211" s="14" t="s">
        <v>96</v>
      </c>
      <c r="D95211" s="14" t="s">
        <v>473</v>
      </c>
      <c r="E95211" s="15">
        <v>45687</v>
      </c>
      <c r="F95211" s="14" t="s">
        <v>53</v>
      </c>
      <c r="G95211" s="16">
        <v>0</v>
      </c>
    </row>
    <row r="95212" spans="1:7" x14ac:dyDescent="0.3">
      <c r="A95212" s="13" t="s">
        <v>472</v>
      </c>
      <c r="B95212" s="14" t="s">
        <v>1</v>
      </c>
      <c r="C95212" s="14" t="s">
        <v>96</v>
      </c>
      <c r="D95212" s="14" t="s">
        <v>473</v>
      </c>
      <c r="E95212" s="15">
        <v>45688</v>
      </c>
      <c r="F95212" s="14" t="s">
        <v>53</v>
      </c>
      <c r="G95212" s="16">
        <v>0</v>
      </c>
    </row>
    <row r="95213" spans="1:7" x14ac:dyDescent="0.3">
      <c r="A95213" s="13" t="s">
        <v>472</v>
      </c>
      <c r="B95213" s="14" t="s">
        <v>1</v>
      </c>
      <c r="C95213" s="14" t="s">
        <v>96</v>
      </c>
      <c r="D95213" s="14" t="s">
        <v>473</v>
      </c>
      <c r="E95213" s="15">
        <v>45689</v>
      </c>
      <c r="F95213" s="14" t="s">
        <v>53</v>
      </c>
      <c r="G95213" s="16">
        <v>0</v>
      </c>
    </row>
    <row r="95214" spans="1:7" x14ac:dyDescent="0.3">
      <c r="A95214" s="13" t="s">
        <v>472</v>
      </c>
      <c r="B95214" s="14" t="s">
        <v>1</v>
      </c>
      <c r="C95214" s="14" t="s">
        <v>96</v>
      </c>
      <c r="D95214" s="14" t="s">
        <v>473</v>
      </c>
      <c r="E95214" s="15">
        <v>45690</v>
      </c>
      <c r="F95214" s="14" t="s">
        <v>53</v>
      </c>
      <c r="G95214" s="16">
        <v>0</v>
      </c>
    </row>
    <row r="95215" spans="1:7" x14ac:dyDescent="0.3">
      <c r="A95215" s="13" t="s">
        <v>472</v>
      </c>
      <c r="B95215" s="14" t="s">
        <v>1</v>
      </c>
      <c r="C95215" s="14" t="s">
        <v>96</v>
      </c>
      <c r="D95215" s="14" t="s">
        <v>473</v>
      </c>
      <c r="E95215" s="15">
        <v>45691</v>
      </c>
      <c r="F95215" s="14" t="s">
        <v>53</v>
      </c>
      <c r="G95215" s="16">
        <v>0</v>
      </c>
    </row>
    <row r="95216" spans="1:7" x14ac:dyDescent="0.3">
      <c r="A95216" s="13" t="s">
        <v>472</v>
      </c>
      <c r="B95216" s="14" t="s">
        <v>1</v>
      </c>
      <c r="C95216" s="14" t="s">
        <v>96</v>
      </c>
      <c r="D95216" s="14" t="s">
        <v>473</v>
      </c>
      <c r="E95216" s="15">
        <v>45692</v>
      </c>
      <c r="F95216" s="14" t="s">
        <v>53</v>
      </c>
      <c r="G95216" s="16">
        <v>0</v>
      </c>
    </row>
    <row r="95217" spans="1:7" x14ac:dyDescent="0.3">
      <c r="A95217" s="13" t="s">
        <v>472</v>
      </c>
      <c r="B95217" s="14" t="s">
        <v>1</v>
      </c>
      <c r="C95217" s="14" t="s">
        <v>96</v>
      </c>
      <c r="D95217" s="14" t="s">
        <v>473</v>
      </c>
      <c r="E95217" s="15">
        <v>45693</v>
      </c>
      <c r="F95217" s="14" t="s">
        <v>53</v>
      </c>
      <c r="G95217" s="16">
        <v>0</v>
      </c>
    </row>
    <row r="95218" spans="1:7" x14ac:dyDescent="0.3">
      <c r="A95218" s="13" t="s">
        <v>472</v>
      </c>
      <c r="B95218" s="14" t="s">
        <v>1</v>
      </c>
      <c r="C95218" s="14" t="s">
        <v>96</v>
      </c>
      <c r="D95218" s="14" t="s">
        <v>473</v>
      </c>
      <c r="E95218" s="15">
        <v>45694</v>
      </c>
      <c r="F95218" s="14" t="s">
        <v>53</v>
      </c>
      <c r="G95218" s="16">
        <v>0</v>
      </c>
    </row>
    <row r="95219" spans="1:7" x14ac:dyDescent="0.3">
      <c r="A95219" s="13" t="s">
        <v>472</v>
      </c>
      <c r="B95219" s="14" t="s">
        <v>1</v>
      </c>
      <c r="C95219" s="14" t="s">
        <v>96</v>
      </c>
      <c r="D95219" s="14" t="s">
        <v>473</v>
      </c>
      <c r="E95219" s="15">
        <v>45695</v>
      </c>
      <c r="F95219" s="14" t="s">
        <v>53</v>
      </c>
      <c r="G95219" s="16">
        <v>0</v>
      </c>
    </row>
    <row r="95220" spans="1:7" x14ac:dyDescent="0.3">
      <c r="A95220" s="13" t="s">
        <v>472</v>
      </c>
      <c r="B95220" s="14" t="s">
        <v>1</v>
      </c>
      <c r="C95220" s="14" t="s">
        <v>96</v>
      </c>
      <c r="D95220" s="14" t="s">
        <v>473</v>
      </c>
      <c r="E95220" s="15">
        <v>45696</v>
      </c>
      <c r="F95220" s="14" t="s">
        <v>53</v>
      </c>
      <c r="G95220" s="16">
        <v>0</v>
      </c>
    </row>
    <row r="95221" spans="1:7" x14ac:dyDescent="0.3">
      <c r="A95221" s="13" t="s">
        <v>472</v>
      </c>
      <c r="B95221" s="14" t="s">
        <v>1</v>
      </c>
      <c r="C95221" s="14" t="s">
        <v>96</v>
      </c>
      <c r="D95221" s="14" t="s">
        <v>473</v>
      </c>
      <c r="E95221" s="15">
        <v>45697</v>
      </c>
      <c r="F95221" s="14" t="s">
        <v>53</v>
      </c>
      <c r="G95221" s="16">
        <v>0</v>
      </c>
    </row>
    <row r="95222" spans="1:7" x14ac:dyDescent="0.3">
      <c r="A95222" s="13" t="s">
        <v>472</v>
      </c>
      <c r="B95222" s="14" t="s">
        <v>1</v>
      </c>
      <c r="C95222" s="14" t="s">
        <v>96</v>
      </c>
      <c r="D95222" s="14" t="s">
        <v>473</v>
      </c>
      <c r="E95222" s="15">
        <v>45698</v>
      </c>
      <c r="F95222" s="14" t="s">
        <v>53</v>
      </c>
      <c r="G95222" s="16">
        <v>0</v>
      </c>
    </row>
    <row r="95223" spans="1:7" x14ac:dyDescent="0.3">
      <c r="A95223" s="13" t="s">
        <v>472</v>
      </c>
      <c r="B95223" s="14" t="s">
        <v>1</v>
      </c>
      <c r="C95223" s="14" t="s">
        <v>96</v>
      </c>
      <c r="D95223" s="14" t="s">
        <v>473</v>
      </c>
      <c r="E95223" s="15">
        <v>45699</v>
      </c>
      <c r="F95223" s="14" t="s">
        <v>53</v>
      </c>
      <c r="G95223" s="16">
        <v>0</v>
      </c>
    </row>
    <row r="95224" spans="1:7" x14ac:dyDescent="0.3">
      <c r="A95224" s="13" t="s">
        <v>472</v>
      </c>
      <c r="B95224" s="14" t="s">
        <v>1</v>
      </c>
      <c r="C95224" s="14" t="s">
        <v>96</v>
      </c>
      <c r="D95224" s="14" t="s">
        <v>473</v>
      </c>
      <c r="E95224" s="15">
        <v>45700</v>
      </c>
      <c r="F95224" s="14" t="s">
        <v>53</v>
      </c>
      <c r="G95224" s="16">
        <v>0</v>
      </c>
    </row>
    <row r="95225" spans="1:7" x14ac:dyDescent="0.3">
      <c r="A95225" s="13" t="s">
        <v>472</v>
      </c>
      <c r="B95225" s="14" t="s">
        <v>1</v>
      </c>
      <c r="C95225" s="14" t="s">
        <v>96</v>
      </c>
      <c r="D95225" s="14" t="s">
        <v>473</v>
      </c>
      <c r="E95225" s="15">
        <v>45701</v>
      </c>
      <c r="F95225" s="14" t="s">
        <v>53</v>
      </c>
      <c r="G95225" s="16">
        <v>0</v>
      </c>
    </row>
    <row r="95226" spans="1:7" x14ac:dyDescent="0.3">
      <c r="A95226" s="13" t="s">
        <v>472</v>
      </c>
      <c r="B95226" s="14" t="s">
        <v>1</v>
      </c>
      <c r="C95226" s="14" t="s">
        <v>96</v>
      </c>
      <c r="D95226" s="14" t="s">
        <v>473</v>
      </c>
      <c r="E95226" s="15">
        <v>45702</v>
      </c>
      <c r="F95226" s="14" t="s">
        <v>53</v>
      </c>
      <c r="G95226" s="16">
        <v>0</v>
      </c>
    </row>
    <row r="95227" spans="1:7" x14ac:dyDescent="0.3">
      <c r="A95227" s="13" t="s">
        <v>472</v>
      </c>
      <c r="B95227" s="14" t="s">
        <v>1</v>
      </c>
      <c r="C95227" s="14" t="s">
        <v>96</v>
      </c>
      <c r="D95227" s="14" t="s">
        <v>473</v>
      </c>
      <c r="E95227" s="15">
        <v>45703</v>
      </c>
      <c r="F95227" s="14" t="s">
        <v>53</v>
      </c>
      <c r="G95227" s="16">
        <v>0</v>
      </c>
    </row>
    <row r="95228" spans="1:7" x14ac:dyDescent="0.3">
      <c r="A95228" s="13" t="s">
        <v>472</v>
      </c>
      <c r="B95228" s="14" t="s">
        <v>1</v>
      </c>
      <c r="C95228" s="14" t="s">
        <v>96</v>
      </c>
      <c r="D95228" s="14" t="s">
        <v>473</v>
      </c>
      <c r="E95228" s="15">
        <v>45704</v>
      </c>
      <c r="F95228" s="14" t="s">
        <v>53</v>
      </c>
      <c r="G95228" s="16">
        <v>0</v>
      </c>
    </row>
    <row r="95229" spans="1:7" x14ac:dyDescent="0.3">
      <c r="A95229" s="13" t="s">
        <v>472</v>
      </c>
      <c r="B95229" s="14" t="s">
        <v>1</v>
      </c>
      <c r="C95229" s="14" t="s">
        <v>96</v>
      </c>
      <c r="D95229" s="14" t="s">
        <v>473</v>
      </c>
      <c r="E95229" s="15">
        <v>45705</v>
      </c>
      <c r="F95229" s="14" t="s">
        <v>53</v>
      </c>
      <c r="G95229" s="16">
        <v>0</v>
      </c>
    </row>
    <row r="95230" spans="1:7" x14ac:dyDescent="0.3">
      <c r="A95230" s="13" t="s">
        <v>472</v>
      </c>
      <c r="B95230" s="14" t="s">
        <v>1</v>
      </c>
      <c r="C95230" s="14" t="s">
        <v>96</v>
      </c>
      <c r="D95230" s="14" t="s">
        <v>473</v>
      </c>
      <c r="E95230" s="15">
        <v>45706</v>
      </c>
      <c r="F95230" s="14" t="s">
        <v>53</v>
      </c>
      <c r="G95230" s="16">
        <v>0</v>
      </c>
    </row>
    <row r="95231" spans="1:7" x14ac:dyDescent="0.3">
      <c r="A95231" s="13" t="s">
        <v>472</v>
      </c>
      <c r="B95231" s="14" t="s">
        <v>1</v>
      </c>
      <c r="C95231" s="14" t="s">
        <v>96</v>
      </c>
      <c r="D95231" s="14" t="s">
        <v>473</v>
      </c>
      <c r="E95231" s="15">
        <v>45707</v>
      </c>
      <c r="F95231" s="14" t="s">
        <v>53</v>
      </c>
      <c r="G95231" s="16">
        <v>0</v>
      </c>
    </row>
    <row r="95232" spans="1:7" x14ac:dyDescent="0.3">
      <c r="A95232" s="13" t="s">
        <v>472</v>
      </c>
      <c r="B95232" s="14" t="s">
        <v>1</v>
      </c>
      <c r="C95232" s="14" t="s">
        <v>96</v>
      </c>
      <c r="D95232" s="14" t="s">
        <v>473</v>
      </c>
      <c r="E95232" s="15">
        <v>45708</v>
      </c>
      <c r="F95232" s="14" t="s">
        <v>53</v>
      </c>
      <c r="G95232" s="16">
        <v>0</v>
      </c>
    </row>
    <row r="95233" spans="1:7" x14ac:dyDescent="0.3">
      <c r="A95233" s="13" t="s">
        <v>472</v>
      </c>
      <c r="B95233" s="14" t="s">
        <v>1</v>
      </c>
      <c r="C95233" s="14" t="s">
        <v>96</v>
      </c>
      <c r="D95233" s="14" t="s">
        <v>473</v>
      </c>
      <c r="E95233" s="15">
        <v>45709</v>
      </c>
      <c r="F95233" s="14" t="s">
        <v>53</v>
      </c>
      <c r="G95233" s="16">
        <v>0</v>
      </c>
    </row>
    <row r="95234" spans="1:7" x14ac:dyDescent="0.3">
      <c r="A95234" s="13" t="s">
        <v>472</v>
      </c>
      <c r="B95234" s="14" t="s">
        <v>1</v>
      </c>
      <c r="C95234" s="14" t="s">
        <v>96</v>
      </c>
      <c r="D95234" s="14" t="s">
        <v>473</v>
      </c>
      <c r="E95234" s="15">
        <v>45710</v>
      </c>
      <c r="F95234" s="14" t="s">
        <v>53</v>
      </c>
      <c r="G95234" s="16">
        <v>0</v>
      </c>
    </row>
    <row r="95235" spans="1:7" x14ac:dyDescent="0.3">
      <c r="A95235" s="13" t="s">
        <v>472</v>
      </c>
      <c r="B95235" s="14" t="s">
        <v>1</v>
      </c>
      <c r="C95235" s="14" t="s">
        <v>96</v>
      </c>
      <c r="D95235" s="14" t="s">
        <v>473</v>
      </c>
      <c r="E95235" s="15">
        <v>45711</v>
      </c>
      <c r="F95235" s="14" t="s">
        <v>53</v>
      </c>
      <c r="G95235" s="16">
        <v>0</v>
      </c>
    </row>
    <row r="95236" spans="1:7" x14ac:dyDescent="0.3">
      <c r="A95236" s="13" t="s">
        <v>472</v>
      </c>
      <c r="B95236" s="14" t="s">
        <v>1</v>
      </c>
      <c r="C95236" s="14" t="s">
        <v>96</v>
      </c>
      <c r="D95236" s="14" t="s">
        <v>473</v>
      </c>
      <c r="E95236" s="15">
        <v>45712</v>
      </c>
      <c r="F95236" s="14" t="s">
        <v>53</v>
      </c>
      <c r="G95236" s="16">
        <v>0</v>
      </c>
    </row>
    <row r="95237" spans="1:7" x14ac:dyDescent="0.3">
      <c r="A95237" s="13" t="s">
        <v>472</v>
      </c>
      <c r="B95237" s="14" t="s">
        <v>1</v>
      </c>
      <c r="C95237" s="14" t="s">
        <v>96</v>
      </c>
      <c r="D95237" s="14" t="s">
        <v>473</v>
      </c>
      <c r="E95237" s="15">
        <v>45713</v>
      </c>
      <c r="F95237" s="14" t="s">
        <v>53</v>
      </c>
      <c r="G95237" s="16">
        <v>0</v>
      </c>
    </row>
    <row r="95238" spans="1:7" x14ac:dyDescent="0.3">
      <c r="A95238" s="13" t="s">
        <v>472</v>
      </c>
      <c r="B95238" s="14" t="s">
        <v>1</v>
      </c>
      <c r="C95238" s="14" t="s">
        <v>96</v>
      </c>
      <c r="D95238" s="14" t="s">
        <v>473</v>
      </c>
      <c r="E95238" s="15">
        <v>45714</v>
      </c>
      <c r="F95238" s="14" t="s">
        <v>53</v>
      </c>
      <c r="G95238" s="16">
        <v>0</v>
      </c>
    </row>
    <row r="95239" spans="1:7" x14ac:dyDescent="0.3">
      <c r="A95239" s="13" t="s">
        <v>472</v>
      </c>
      <c r="B95239" s="14" t="s">
        <v>1</v>
      </c>
      <c r="C95239" s="14" t="s">
        <v>96</v>
      </c>
      <c r="D95239" s="14" t="s">
        <v>473</v>
      </c>
      <c r="E95239" s="15">
        <v>45715</v>
      </c>
      <c r="F95239" s="14" t="s">
        <v>53</v>
      </c>
      <c r="G95239" s="16">
        <v>0</v>
      </c>
    </row>
    <row r="95240" spans="1:7" x14ac:dyDescent="0.3">
      <c r="A95240" s="13" t="s">
        <v>472</v>
      </c>
      <c r="B95240" s="14" t="s">
        <v>1</v>
      </c>
      <c r="C95240" s="14" t="s">
        <v>96</v>
      </c>
      <c r="D95240" s="14" t="s">
        <v>473</v>
      </c>
      <c r="E95240" s="15">
        <v>45716</v>
      </c>
      <c r="F95240" s="14" t="s">
        <v>53</v>
      </c>
      <c r="G95240" s="16">
        <v>0</v>
      </c>
    </row>
    <row r="95241" spans="1:7" x14ac:dyDescent="0.3">
      <c r="A95241" s="13" t="s">
        <v>472</v>
      </c>
      <c r="B95241" s="14" t="s">
        <v>1</v>
      </c>
      <c r="C95241" s="14" t="s">
        <v>96</v>
      </c>
      <c r="D95241" s="14" t="s">
        <v>473</v>
      </c>
      <c r="E95241" s="15">
        <v>45717</v>
      </c>
      <c r="F95241" s="14" t="s">
        <v>53</v>
      </c>
      <c r="G95241" s="16">
        <v>0</v>
      </c>
    </row>
    <row r="95242" spans="1:7" x14ac:dyDescent="0.3">
      <c r="A95242" s="13" t="s">
        <v>472</v>
      </c>
      <c r="B95242" s="14" t="s">
        <v>1</v>
      </c>
      <c r="C95242" s="14" t="s">
        <v>96</v>
      </c>
      <c r="D95242" s="14" t="s">
        <v>473</v>
      </c>
      <c r="E95242" s="15">
        <v>45718</v>
      </c>
      <c r="F95242" s="14" t="s">
        <v>53</v>
      </c>
      <c r="G95242" s="16">
        <v>0</v>
      </c>
    </row>
    <row r="95243" spans="1:7" x14ac:dyDescent="0.3">
      <c r="A95243" s="13" t="s">
        <v>472</v>
      </c>
      <c r="B95243" s="14" t="s">
        <v>1</v>
      </c>
      <c r="C95243" s="14" t="s">
        <v>96</v>
      </c>
      <c r="D95243" s="14" t="s">
        <v>473</v>
      </c>
      <c r="E95243" s="15">
        <v>45719</v>
      </c>
      <c r="F95243" s="14" t="s">
        <v>53</v>
      </c>
      <c r="G95243" s="16">
        <v>0</v>
      </c>
    </row>
    <row r="95244" spans="1:7" x14ac:dyDescent="0.3">
      <c r="A95244" s="13" t="s">
        <v>472</v>
      </c>
      <c r="B95244" s="14" t="s">
        <v>1</v>
      </c>
      <c r="C95244" s="14" t="s">
        <v>96</v>
      </c>
      <c r="D95244" s="14" t="s">
        <v>473</v>
      </c>
      <c r="E95244" s="15">
        <v>45720</v>
      </c>
      <c r="F95244" s="14" t="s">
        <v>53</v>
      </c>
      <c r="G95244" s="16">
        <v>0</v>
      </c>
    </row>
    <row r="95245" spans="1:7" x14ac:dyDescent="0.3">
      <c r="A95245" s="13" t="s">
        <v>472</v>
      </c>
      <c r="B95245" s="14" t="s">
        <v>1</v>
      </c>
      <c r="C95245" s="14" t="s">
        <v>96</v>
      </c>
      <c r="D95245" s="14" t="s">
        <v>473</v>
      </c>
      <c r="E95245" s="15">
        <v>45721</v>
      </c>
      <c r="F95245" s="14" t="s">
        <v>53</v>
      </c>
      <c r="G95245" s="16">
        <v>0</v>
      </c>
    </row>
    <row r="95246" spans="1:7" x14ac:dyDescent="0.3">
      <c r="A95246" s="13" t="s">
        <v>472</v>
      </c>
      <c r="B95246" s="14" t="s">
        <v>1</v>
      </c>
      <c r="C95246" s="14" t="s">
        <v>96</v>
      </c>
      <c r="D95246" s="14" t="s">
        <v>473</v>
      </c>
      <c r="E95246" s="15">
        <v>45722</v>
      </c>
      <c r="F95246" s="14" t="s">
        <v>53</v>
      </c>
      <c r="G95246" s="16">
        <v>0</v>
      </c>
    </row>
    <row r="95247" spans="1:7" x14ac:dyDescent="0.3">
      <c r="A95247" s="13" t="s">
        <v>472</v>
      </c>
      <c r="B95247" s="14" t="s">
        <v>1</v>
      </c>
      <c r="C95247" s="14" t="s">
        <v>96</v>
      </c>
      <c r="D95247" s="14" t="s">
        <v>473</v>
      </c>
      <c r="E95247" s="15">
        <v>45723</v>
      </c>
      <c r="F95247" s="14" t="s">
        <v>53</v>
      </c>
      <c r="G95247" s="16">
        <v>0</v>
      </c>
    </row>
    <row r="95248" spans="1:7" x14ac:dyDescent="0.3">
      <c r="A95248" s="13" t="s">
        <v>472</v>
      </c>
      <c r="B95248" s="14" t="s">
        <v>1</v>
      </c>
      <c r="C95248" s="14" t="s">
        <v>96</v>
      </c>
      <c r="D95248" s="14" t="s">
        <v>473</v>
      </c>
      <c r="E95248" s="15">
        <v>45724</v>
      </c>
      <c r="F95248" s="14" t="s">
        <v>53</v>
      </c>
      <c r="G95248" s="16">
        <v>0</v>
      </c>
    </row>
    <row r="95249" spans="1:7" x14ac:dyDescent="0.3">
      <c r="A95249" s="13" t="s">
        <v>472</v>
      </c>
      <c r="B95249" s="14" t="s">
        <v>1</v>
      </c>
      <c r="C95249" s="14" t="s">
        <v>96</v>
      </c>
      <c r="D95249" s="14" t="s">
        <v>473</v>
      </c>
      <c r="E95249" s="15">
        <v>45725</v>
      </c>
      <c r="F95249" s="14" t="s">
        <v>53</v>
      </c>
      <c r="G95249" s="16">
        <v>0</v>
      </c>
    </row>
    <row r="95250" spans="1:7" x14ac:dyDescent="0.3">
      <c r="A95250" s="13" t="s">
        <v>472</v>
      </c>
      <c r="B95250" s="14" t="s">
        <v>1</v>
      </c>
      <c r="C95250" s="14" t="s">
        <v>96</v>
      </c>
      <c r="D95250" s="14" t="s">
        <v>473</v>
      </c>
      <c r="E95250" s="15">
        <v>45726</v>
      </c>
      <c r="F95250" s="14" t="s">
        <v>53</v>
      </c>
      <c r="G95250" s="16">
        <v>0</v>
      </c>
    </row>
    <row r="95251" spans="1:7" x14ac:dyDescent="0.3">
      <c r="A95251" s="13" t="s">
        <v>472</v>
      </c>
      <c r="B95251" s="14" t="s">
        <v>1</v>
      </c>
      <c r="C95251" s="14" t="s">
        <v>96</v>
      </c>
      <c r="D95251" s="14" t="s">
        <v>473</v>
      </c>
      <c r="E95251" s="15">
        <v>45727</v>
      </c>
      <c r="F95251" s="14" t="s">
        <v>53</v>
      </c>
      <c r="G95251" s="16">
        <v>0</v>
      </c>
    </row>
    <row r="95252" spans="1:7" x14ac:dyDescent="0.3">
      <c r="A95252" s="13" t="s">
        <v>472</v>
      </c>
      <c r="B95252" s="14" t="s">
        <v>1</v>
      </c>
      <c r="C95252" s="14" t="s">
        <v>96</v>
      </c>
      <c r="D95252" s="14" t="s">
        <v>473</v>
      </c>
      <c r="E95252" s="15">
        <v>45728</v>
      </c>
      <c r="F95252" s="14" t="s">
        <v>53</v>
      </c>
      <c r="G95252" s="16">
        <v>0</v>
      </c>
    </row>
    <row r="95253" spans="1:7" x14ac:dyDescent="0.3">
      <c r="A95253" s="13" t="s">
        <v>472</v>
      </c>
      <c r="B95253" s="14" t="s">
        <v>1</v>
      </c>
      <c r="C95253" s="14" t="s">
        <v>96</v>
      </c>
      <c r="D95253" s="14" t="s">
        <v>473</v>
      </c>
      <c r="E95253" s="15">
        <v>45729</v>
      </c>
      <c r="F95253" s="14" t="s">
        <v>53</v>
      </c>
      <c r="G95253" s="16">
        <v>0</v>
      </c>
    </row>
    <row r="95254" spans="1:7" x14ac:dyDescent="0.3">
      <c r="A95254" s="13" t="s">
        <v>472</v>
      </c>
      <c r="B95254" s="14" t="s">
        <v>1</v>
      </c>
      <c r="C95254" s="14" t="s">
        <v>96</v>
      </c>
      <c r="D95254" s="14" t="s">
        <v>473</v>
      </c>
      <c r="E95254" s="15">
        <v>45730</v>
      </c>
      <c r="F95254" s="14" t="s">
        <v>53</v>
      </c>
      <c r="G95254" s="16">
        <v>0</v>
      </c>
    </row>
    <row r="95255" spans="1:7" x14ac:dyDescent="0.3">
      <c r="A95255" s="13" t="s">
        <v>472</v>
      </c>
      <c r="B95255" s="14" t="s">
        <v>1</v>
      </c>
      <c r="C95255" s="14" t="s">
        <v>96</v>
      </c>
      <c r="D95255" s="14" t="s">
        <v>473</v>
      </c>
      <c r="E95255" s="15">
        <v>45731</v>
      </c>
      <c r="F95255" s="14" t="s">
        <v>53</v>
      </c>
      <c r="G95255" s="16">
        <v>0</v>
      </c>
    </row>
    <row r="95256" spans="1:7" x14ac:dyDescent="0.3">
      <c r="A95256" s="13" t="s">
        <v>472</v>
      </c>
      <c r="B95256" s="14" t="s">
        <v>1</v>
      </c>
      <c r="C95256" s="14" t="s">
        <v>96</v>
      </c>
      <c r="D95256" s="14" t="s">
        <v>473</v>
      </c>
      <c r="E95256" s="15">
        <v>45732</v>
      </c>
      <c r="F95256" s="14" t="s">
        <v>53</v>
      </c>
      <c r="G95256" s="16">
        <v>0</v>
      </c>
    </row>
    <row r="95257" spans="1:7" x14ac:dyDescent="0.3">
      <c r="A95257" s="13" t="s">
        <v>472</v>
      </c>
      <c r="B95257" s="14" t="s">
        <v>1</v>
      </c>
      <c r="C95257" s="14" t="s">
        <v>96</v>
      </c>
      <c r="D95257" s="14" t="s">
        <v>473</v>
      </c>
      <c r="E95257" s="15">
        <v>45733</v>
      </c>
      <c r="F95257" s="14" t="s">
        <v>53</v>
      </c>
      <c r="G95257" s="16">
        <v>0</v>
      </c>
    </row>
    <row r="95258" spans="1:7" x14ac:dyDescent="0.3">
      <c r="A95258" s="13" t="s">
        <v>472</v>
      </c>
      <c r="B95258" s="14" t="s">
        <v>1</v>
      </c>
      <c r="C95258" s="14" t="s">
        <v>96</v>
      </c>
      <c r="D95258" s="14" t="s">
        <v>473</v>
      </c>
      <c r="E95258" s="15">
        <v>45734</v>
      </c>
      <c r="F95258" s="14" t="s">
        <v>53</v>
      </c>
      <c r="G95258" s="16">
        <v>0</v>
      </c>
    </row>
    <row r="95259" spans="1:7" x14ac:dyDescent="0.3">
      <c r="A95259" s="13" t="s">
        <v>472</v>
      </c>
      <c r="B95259" s="14" t="s">
        <v>1</v>
      </c>
      <c r="C95259" s="14" t="s">
        <v>96</v>
      </c>
      <c r="D95259" s="14" t="s">
        <v>473</v>
      </c>
      <c r="E95259" s="15">
        <v>45735</v>
      </c>
      <c r="F95259" s="14" t="s">
        <v>53</v>
      </c>
      <c r="G95259" s="16">
        <v>0</v>
      </c>
    </row>
    <row r="95260" spans="1:7" x14ac:dyDescent="0.3">
      <c r="A95260" s="13" t="s">
        <v>472</v>
      </c>
      <c r="B95260" s="14" t="s">
        <v>1</v>
      </c>
      <c r="C95260" s="14" t="s">
        <v>96</v>
      </c>
      <c r="D95260" s="14" t="s">
        <v>473</v>
      </c>
      <c r="E95260" s="15">
        <v>45736</v>
      </c>
      <c r="F95260" s="14" t="s">
        <v>53</v>
      </c>
      <c r="G95260" s="16">
        <v>0</v>
      </c>
    </row>
    <row r="95261" spans="1:7" x14ac:dyDescent="0.3">
      <c r="A95261" s="13" t="s">
        <v>472</v>
      </c>
      <c r="B95261" s="14" t="s">
        <v>1</v>
      </c>
      <c r="C95261" s="14" t="s">
        <v>96</v>
      </c>
      <c r="D95261" s="14" t="s">
        <v>473</v>
      </c>
      <c r="E95261" s="15">
        <v>45737</v>
      </c>
      <c r="F95261" s="14" t="s">
        <v>53</v>
      </c>
      <c r="G95261" s="16">
        <v>0</v>
      </c>
    </row>
    <row r="95262" spans="1:7" x14ac:dyDescent="0.3">
      <c r="A95262" s="13" t="s">
        <v>472</v>
      </c>
      <c r="B95262" s="14" t="s">
        <v>1</v>
      </c>
      <c r="C95262" s="14" t="s">
        <v>96</v>
      </c>
      <c r="D95262" s="14" t="s">
        <v>473</v>
      </c>
      <c r="E95262" s="15">
        <v>45738</v>
      </c>
      <c r="F95262" s="14" t="s">
        <v>53</v>
      </c>
      <c r="G95262" s="16">
        <v>0</v>
      </c>
    </row>
    <row r="95263" spans="1:7" x14ac:dyDescent="0.3">
      <c r="A95263" s="13" t="s">
        <v>472</v>
      </c>
      <c r="B95263" s="14" t="s">
        <v>1</v>
      </c>
      <c r="C95263" s="14" t="s">
        <v>96</v>
      </c>
      <c r="D95263" s="14" t="s">
        <v>473</v>
      </c>
      <c r="E95263" s="15">
        <v>45739</v>
      </c>
      <c r="F95263" s="14" t="s">
        <v>53</v>
      </c>
      <c r="G95263" s="16">
        <v>0</v>
      </c>
    </row>
    <row r="95264" spans="1:7" x14ac:dyDescent="0.3">
      <c r="A95264" s="13" t="s">
        <v>472</v>
      </c>
      <c r="B95264" s="14" t="s">
        <v>1</v>
      </c>
      <c r="C95264" s="14" t="s">
        <v>96</v>
      </c>
      <c r="D95264" s="14" t="s">
        <v>473</v>
      </c>
      <c r="E95264" s="15">
        <v>45740</v>
      </c>
      <c r="F95264" s="14" t="s">
        <v>53</v>
      </c>
      <c r="G95264" s="16">
        <v>0</v>
      </c>
    </row>
    <row r="95265" spans="1:7" x14ac:dyDescent="0.3">
      <c r="A95265" s="13" t="s">
        <v>472</v>
      </c>
      <c r="B95265" s="14" t="s">
        <v>1</v>
      </c>
      <c r="C95265" s="14" t="s">
        <v>96</v>
      </c>
      <c r="D95265" s="14" t="s">
        <v>473</v>
      </c>
      <c r="E95265" s="15">
        <v>45741</v>
      </c>
      <c r="F95265" s="14" t="s">
        <v>53</v>
      </c>
      <c r="G95265" s="16">
        <v>0</v>
      </c>
    </row>
    <row r="95266" spans="1:7" x14ac:dyDescent="0.3">
      <c r="A95266" s="13" t="s">
        <v>472</v>
      </c>
      <c r="B95266" s="14" t="s">
        <v>1</v>
      </c>
      <c r="C95266" s="14" t="s">
        <v>96</v>
      </c>
      <c r="D95266" s="14" t="s">
        <v>473</v>
      </c>
      <c r="E95266" s="15">
        <v>45742</v>
      </c>
      <c r="F95266" s="14" t="s">
        <v>53</v>
      </c>
      <c r="G95266" s="16">
        <v>1.2410800000000038E-2</v>
      </c>
    </row>
    <row r="95267" spans="1:7" x14ac:dyDescent="0.3">
      <c r="A95267" s="13" t="s">
        <v>472</v>
      </c>
      <c r="B95267" s="14" t="s">
        <v>1</v>
      </c>
      <c r="C95267" s="14" t="s">
        <v>96</v>
      </c>
      <c r="D95267" s="14" t="s">
        <v>473</v>
      </c>
      <c r="E95267" s="15">
        <v>45743</v>
      </c>
      <c r="F95267" s="14" t="s">
        <v>53</v>
      </c>
      <c r="G95267" s="16">
        <v>2.3160660000000072E-2</v>
      </c>
    </row>
    <row r="95268" spans="1:7" x14ac:dyDescent="0.3">
      <c r="A95268" s="13" t="s">
        <v>472</v>
      </c>
      <c r="B95268" s="14" t="s">
        <v>1</v>
      </c>
      <c r="C95268" s="14" t="s">
        <v>96</v>
      </c>
      <c r="D95268" s="14" t="s">
        <v>473</v>
      </c>
      <c r="E95268" s="15">
        <v>45744</v>
      </c>
      <c r="F95268" s="14" t="s">
        <v>53</v>
      </c>
      <c r="G95268" s="16">
        <v>1.467634100000011E-2</v>
      </c>
    </row>
    <row r="95269" spans="1:7" x14ac:dyDescent="0.3">
      <c r="A95269" s="13" t="s">
        <v>472</v>
      </c>
      <c r="B95269" s="14" t="s">
        <v>1</v>
      </c>
      <c r="C95269" s="14" t="s">
        <v>96</v>
      </c>
      <c r="D95269" s="14" t="s">
        <v>473</v>
      </c>
      <c r="E95269" s="15">
        <v>45745</v>
      </c>
      <c r="F95269" s="14" t="s">
        <v>53</v>
      </c>
      <c r="G95269" s="16">
        <v>1.467634100000011E-2</v>
      </c>
    </row>
    <row r="95270" spans="1:7" x14ac:dyDescent="0.3">
      <c r="A95270" s="13" t="s">
        <v>472</v>
      </c>
      <c r="B95270" s="14" t="s">
        <v>1</v>
      </c>
      <c r="C95270" s="14" t="s">
        <v>96</v>
      </c>
      <c r="D95270" s="14" t="s">
        <v>473</v>
      </c>
      <c r="E95270" s="15">
        <v>45746</v>
      </c>
      <c r="F95270" s="14" t="s">
        <v>53</v>
      </c>
      <c r="G95270" s="16">
        <v>1.467634100000011E-2</v>
      </c>
    </row>
    <row r="95271" spans="1:7" x14ac:dyDescent="0.3">
      <c r="A95271" s="13" t="s">
        <v>472</v>
      </c>
      <c r="B95271" s="14" t="s">
        <v>1</v>
      </c>
      <c r="C95271" s="14" t="s">
        <v>96</v>
      </c>
      <c r="D95271" s="14" t="s">
        <v>473</v>
      </c>
      <c r="E95271" s="15">
        <v>45747</v>
      </c>
      <c r="F95271" s="14" t="s">
        <v>53</v>
      </c>
      <c r="G95271" s="16">
        <v>1.467634100000011E-2</v>
      </c>
    </row>
    <row r="95272" spans="1:7" x14ac:dyDescent="0.3">
      <c r="A95272" s="13" t="s">
        <v>474</v>
      </c>
      <c r="B95272" s="14" t="s">
        <v>1</v>
      </c>
      <c r="C95272" s="14" t="s">
        <v>109</v>
      </c>
      <c r="D95272" s="14" t="s">
        <v>475</v>
      </c>
      <c r="E95272" s="15">
        <v>45383</v>
      </c>
      <c r="F95272" s="14" t="s">
        <v>61</v>
      </c>
      <c r="G95272" s="16">
        <v>0</v>
      </c>
    </row>
    <row r="95273" spans="1:7" x14ac:dyDescent="0.3">
      <c r="A95273" s="13" t="s">
        <v>474</v>
      </c>
      <c r="B95273" s="14" t="s">
        <v>1</v>
      </c>
      <c r="C95273" s="14" t="s">
        <v>109</v>
      </c>
      <c r="D95273" s="14" t="s">
        <v>475</v>
      </c>
      <c r="E95273" s="15">
        <v>45384</v>
      </c>
      <c r="F95273" s="14" t="s">
        <v>61</v>
      </c>
      <c r="G95273" s="16">
        <v>0</v>
      </c>
    </row>
    <row r="95274" spans="1:7" x14ac:dyDescent="0.3">
      <c r="A95274" s="13" t="s">
        <v>474</v>
      </c>
      <c r="B95274" s="14" t="s">
        <v>1</v>
      </c>
      <c r="C95274" s="14" t="s">
        <v>109</v>
      </c>
      <c r="D95274" s="14" t="s">
        <v>475</v>
      </c>
      <c r="E95274" s="15">
        <v>45385</v>
      </c>
      <c r="F95274" s="14" t="s">
        <v>61</v>
      </c>
      <c r="G95274" s="16">
        <v>0</v>
      </c>
    </row>
    <row r="95275" spans="1:7" x14ac:dyDescent="0.3">
      <c r="A95275" s="13" t="s">
        <v>474</v>
      </c>
      <c r="B95275" s="14" t="s">
        <v>1</v>
      </c>
      <c r="C95275" s="14" t="s">
        <v>109</v>
      </c>
      <c r="D95275" s="14" t="s">
        <v>475</v>
      </c>
      <c r="E95275" s="15">
        <v>45386</v>
      </c>
      <c r="F95275" s="14" t="s">
        <v>61</v>
      </c>
      <c r="G95275" s="16">
        <v>0</v>
      </c>
    </row>
    <row r="95276" spans="1:7" x14ac:dyDescent="0.3">
      <c r="A95276" s="13" t="s">
        <v>474</v>
      </c>
      <c r="B95276" s="14" t="s">
        <v>1</v>
      </c>
      <c r="C95276" s="14" t="s">
        <v>109</v>
      </c>
      <c r="D95276" s="14" t="s">
        <v>475</v>
      </c>
      <c r="E95276" s="15">
        <v>45387</v>
      </c>
      <c r="F95276" s="14" t="s">
        <v>61</v>
      </c>
      <c r="G95276" s="16">
        <v>0</v>
      </c>
    </row>
    <row r="95277" spans="1:7" x14ac:dyDescent="0.3">
      <c r="A95277" s="13" t="s">
        <v>474</v>
      </c>
      <c r="B95277" s="14" t="s">
        <v>1</v>
      </c>
      <c r="C95277" s="14" t="s">
        <v>109</v>
      </c>
      <c r="D95277" s="14" t="s">
        <v>475</v>
      </c>
      <c r="E95277" s="15">
        <v>45388</v>
      </c>
      <c r="F95277" s="14" t="s">
        <v>61</v>
      </c>
      <c r="G95277" s="16">
        <v>0</v>
      </c>
    </row>
    <row r="95278" spans="1:7" x14ac:dyDescent="0.3">
      <c r="A95278" s="13" t="s">
        <v>474</v>
      </c>
      <c r="B95278" s="14" t="s">
        <v>1</v>
      </c>
      <c r="C95278" s="14" t="s">
        <v>109</v>
      </c>
      <c r="D95278" s="14" t="s">
        <v>475</v>
      </c>
      <c r="E95278" s="15">
        <v>45389</v>
      </c>
      <c r="F95278" s="14" t="s">
        <v>61</v>
      </c>
      <c r="G95278" s="16">
        <v>0</v>
      </c>
    </row>
    <row r="95279" spans="1:7" x14ac:dyDescent="0.3">
      <c r="A95279" s="13" t="s">
        <v>474</v>
      </c>
      <c r="B95279" s="14" t="s">
        <v>1</v>
      </c>
      <c r="C95279" s="14" t="s">
        <v>109</v>
      </c>
      <c r="D95279" s="14" t="s">
        <v>475</v>
      </c>
      <c r="E95279" s="15">
        <v>45390</v>
      </c>
      <c r="F95279" s="14" t="s">
        <v>61</v>
      </c>
      <c r="G95279" s="16">
        <v>0</v>
      </c>
    </row>
    <row r="95280" spans="1:7" x14ac:dyDescent="0.3">
      <c r="A95280" s="13" t="s">
        <v>474</v>
      </c>
      <c r="B95280" s="14" t="s">
        <v>1</v>
      </c>
      <c r="C95280" s="14" t="s">
        <v>109</v>
      </c>
      <c r="D95280" s="14" t="s">
        <v>475</v>
      </c>
      <c r="E95280" s="15">
        <v>45391</v>
      </c>
      <c r="F95280" s="14" t="s">
        <v>61</v>
      </c>
      <c r="G95280" s="16">
        <v>0</v>
      </c>
    </row>
    <row r="95281" spans="1:7" x14ac:dyDescent="0.3">
      <c r="A95281" s="13" t="s">
        <v>474</v>
      </c>
      <c r="B95281" s="14" t="s">
        <v>1</v>
      </c>
      <c r="C95281" s="14" t="s">
        <v>109</v>
      </c>
      <c r="D95281" s="14" t="s">
        <v>475</v>
      </c>
      <c r="E95281" s="15">
        <v>45392</v>
      </c>
      <c r="F95281" s="14" t="s">
        <v>61</v>
      </c>
      <c r="G95281" s="16">
        <v>0</v>
      </c>
    </row>
    <row r="95282" spans="1:7" x14ac:dyDescent="0.3">
      <c r="A95282" s="13" t="s">
        <v>474</v>
      </c>
      <c r="B95282" s="14" t="s">
        <v>1</v>
      </c>
      <c r="C95282" s="14" t="s">
        <v>109</v>
      </c>
      <c r="D95282" s="14" t="s">
        <v>475</v>
      </c>
      <c r="E95282" s="15">
        <v>45393</v>
      </c>
      <c r="F95282" s="14" t="s">
        <v>61</v>
      </c>
      <c r="G95282" s="16">
        <v>0</v>
      </c>
    </row>
    <row r="95283" spans="1:7" x14ac:dyDescent="0.3">
      <c r="A95283" s="13" t="s">
        <v>474</v>
      </c>
      <c r="B95283" s="14" t="s">
        <v>1</v>
      </c>
      <c r="C95283" s="14" t="s">
        <v>109</v>
      </c>
      <c r="D95283" s="14" t="s">
        <v>475</v>
      </c>
      <c r="E95283" s="15">
        <v>45394</v>
      </c>
      <c r="F95283" s="14" t="s">
        <v>61</v>
      </c>
      <c r="G95283" s="16">
        <v>0</v>
      </c>
    </row>
    <row r="95284" spans="1:7" x14ac:dyDescent="0.3">
      <c r="A95284" s="13" t="s">
        <v>474</v>
      </c>
      <c r="B95284" s="14" t="s">
        <v>1</v>
      </c>
      <c r="C95284" s="14" t="s">
        <v>109</v>
      </c>
      <c r="D95284" s="14" t="s">
        <v>475</v>
      </c>
      <c r="E95284" s="15">
        <v>45395</v>
      </c>
      <c r="F95284" s="14" t="s">
        <v>61</v>
      </c>
      <c r="G95284" s="16">
        <v>0</v>
      </c>
    </row>
    <row r="95285" spans="1:7" x14ac:dyDescent="0.3">
      <c r="A95285" s="13" t="s">
        <v>474</v>
      </c>
      <c r="B95285" s="14" t="s">
        <v>1</v>
      </c>
      <c r="C95285" s="14" t="s">
        <v>109</v>
      </c>
      <c r="D95285" s="14" t="s">
        <v>475</v>
      </c>
      <c r="E95285" s="15">
        <v>45396</v>
      </c>
      <c r="F95285" s="14" t="s">
        <v>61</v>
      </c>
      <c r="G95285" s="16">
        <v>0</v>
      </c>
    </row>
    <row r="95286" spans="1:7" x14ac:dyDescent="0.3">
      <c r="A95286" s="13" t="s">
        <v>474</v>
      </c>
      <c r="B95286" s="14" t="s">
        <v>1</v>
      </c>
      <c r="C95286" s="14" t="s">
        <v>109</v>
      </c>
      <c r="D95286" s="14" t="s">
        <v>475</v>
      </c>
      <c r="E95286" s="15">
        <v>45397</v>
      </c>
      <c r="F95286" s="14" t="s">
        <v>61</v>
      </c>
      <c r="G95286" s="16">
        <v>0</v>
      </c>
    </row>
    <row r="95287" spans="1:7" x14ac:dyDescent="0.3">
      <c r="A95287" s="13" t="s">
        <v>474</v>
      </c>
      <c r="B95287" s="14" t="s">
        <v>1</v>
      </c>
      <c r="C95287" s="14" t="s">
        <v>109</v>
      </c>
      <c r="D95287" s="14" t="s">
        <v>475</v>
      </c>
      <c r="E95287" s="15">
        <v>45398</v>
      </c>
      <c r="F95287" s="14" t="s">
        <v>61</v>
      </c>
      <c r="G95287" s="16">
        <v>0</v>
      </c>
    </row>
    <row r="95288" spans="1:7" x14ac:dyDescent="0.3">
      <c r="A95288" s="13" t="s">
        <v>474</v>
      </c>
      <c r="B95288" s="14" t="s">
        <v>1</v>
      </c>
      <c r="C95288" s="14" t="s">
        <v>109</v>
      </c>
      <c r="D95288" s="14" t="s">
        <v>475</v>
      </c>
      <c r="E95288" s="15">
        <v>45399</v>
      </c>
      <c r="F95288" s="14" t="s">
        <v>61</v>
      </c>
      <c r="G95288" s="16">
        <v>0</v>
      </c>
    </row>
    <row r="95289" spans="1:7" x14ac:dyDescent="0.3">
      <c r="A95289" s="13" t="s">
        <v>474</v>
      </c>
      <c r="B95289" s="14" t="s">
        <v>1</v>
      </c>
      <c r="C95289" s="14" t="s">
        <v>109</v>
      </c>
      <c r="D95289" s="14" t="s">
        <v>475</v>
      </c>
      <c r="E95289" s="15">
        <v>45400</v>
      </c>
      <c r="F95289" s="14" t="s">
        <v>61</v>
      </c>
      <c r="G95289" s="16">
        <v>0</v>
      </c>
    </row>
    <row r="95290" spans="1:7" x14ac:dyDescent="0.3">
      <c r="A95290" s="13" t="s">
        <v>474</v>
      </c>
      <c r="B95290" s="14" t="s">
        <v>1</v>
      </c>
      <c r="C95290" s="14" t="s">
        <v>109</v>
      </c>
      <c r="D95290" s="14" t="s">
        <v>475</v>
      </c>
      <c r="E95290" s="15">
        <v>45401</v>
      </c>
      <c r="F95290" s="14" t="s">
        <v>61</v>
      </c>
      <c r="G95290" s="16">
        <v>0</v>
      </c>
    </row>
    <row r="95291" spans="1:7" x14ac:dyDescent="0.3">
      <c r="A95291" s="13" t="s">
        <v>474</v>
      </c>
      <c r="B95291" s="14" t="s">
        <v>1</v>
      </c>
      <c r="C95291" s="14" t="s">
        <v>109</v>
      </c>
      <c r="D95291" s="14" t="s">
        <v>475</v>
      </c>
      <c r="E95291" s="15">
        <v>45402</v>
      </c>
      <c r="F95291" s="14" t="s">
        <v>61</v>
      </c>
      <c r="G95291" s="16">
        <v>0</v>
      </c>
    </row>
    <row r="95292" spans="1:7" x14ac:dyDescent="0.3">
      <c r="A95292" s="13" t="s">
        <v>474</v>
      </c>
      <c r="B95292" s="14" t="s">
        <v>1</v>
      </c>
      <c r="C95292" s="14" t="s">
        <v>109</v>
      </c>
      <c r="D95292" s="14" t="s">
        <v>475</v>
      </c>
      <c r="E95292" s="15">
        <v>45403</v>
      </c>
      <c r="F95292" s="14" t="s">
        <v>61</v>
      </c>
      <c r="G95292" s="16">
        <v>0</v>
      </c>
    </row>
    <row r="95293" spans="1:7" x14ac:dyDescent="0.3">
      <c r="A95293" s="13" t="s">
        <v>474</v>
      </c>
      <c r="B95293" s="14" t="s">
        <v>1</v>
      </c>
      <c r="C95293" s="14" t="s">
        <v>109</v>
      </c>
      <c r="D95293" s="14" t="s">
        <v>475</v>
      </c>
      <c r="E95293" s="15">
        <v>45404</v>
      </c>
      <c r="F95293" s="14" t="s">
        <v>61</v>
      </c>
      <c r="G95293" s="16">
        <v>0</v>
      </c>
    </row>
    <row r="95294" spans="1:7" x14ac:dyDescent="0.3">
      <c r="A95294" s="13" t="s">
        <v>474</v>
      </c>
      <c r="B95294" s="14" t="s">
        <v>1</v>
      </c>
      <c r="C95294" s="14" t="s">
        <v>109</v>
      </c>
      <c r="D95294" s="14" t="s">
        <v>475</v>
      </c>
      <c r="E95294" s="15">
        <v>45405</v>
      </c>
      <c r="F95294" s="14" t="s">
        <v>61</v>
      </c>
      <c r="G95294" s="16">
        <v>0</v>
      </c>
    </row>
    <row r="95295" spans="1:7" x14ac:dyDescent="0.3">
      <c r="A95295" s="13" t="s">
        <v>474</v>
      </c>
      <c r="B95295" s="14" t="s">
        <v>1</v>
      </c>
      <c r="C95295" s="14" t="s">
        <v>109</v>
      </c>
      <c r="D95295" s="14" t="s">
        <v>475</v>
      </c>
      <c r="E95295" s="15">
        <v>45406</v>
      </c>
      <c r="F95295" s="14" t="s">
        <v>61</v>
      </c>
      <c r="G95295" s="16">
        <v>0</v>
      </c>
    </row>
    <row r="95296" spans="1:7" x14ac:dyDescent="0.3">
      <c r="A95296" s="13" t="s">
        <v>474</v>
      </c>
      <c r="B95296" s="14" t="s">
        <v>1</v>
      </c>
      <c r="C95296" s="14" t="s">
        <v>109</v>
      </c>
      <c r="D95296" s="14" t="s">
        <v>475</v>
      </c>
      <c r="E95296" s="15">
        <v>45407</v>
      </c>
      <c r="F95296" s="14" t="s">
        <v>61</v>
      </c>
      <c r="G95296" s="16">
        <v>0</v>
      </c>
    </row>
    <row r="95297" spans="1:7" x14ac:dyDescent="0.3">
      <c r="A95297" s="13" t="s">
        <v>474</v>
      </c>
      <c r="B95297" s="14" t="s">
        <v>1</v>
      </c>
      <c r="C95297" s="14" t="s">
        <v>109</v>
      </c>
      <c r="D95297" s="14" t="s">
        <v>475</v>
      </c>
      <c r="E95297" s="15">
        <v>45408</v>
      </c>
      <c r="F95297" s="14" t="s">
        <v>61</v>
      </c>
      <c r="G95297" s="16">
        <v>0</v>
      </c>
    </row>
    <row r="95298" spans="1:7" x14ac:dyDescent="0.3">
      <c r="A95298" s="13" t="s">
        <v>474</v>
      </c>
      <c r="B95298" s="14" t="s">
        <v>1</v>
      </c>
      <c r="C95298" s="14" t="s">
        <v>109</v>
      </c>
      <c r="D95298" s="14" t="s">
        <v>475</v>
      </c>
      <c r="E95298" s="15">
        <v>45409</v>
      </c>
      <c r="F95298" s="14" t="s">
        <v>61</v>
      </c>
      <c r="G95298" s="16">
        <v>0</v>
      </c>
    </row>
    <row r="95299" spans="1:7" x14ac:dyDescent="0.3">
      <c r="A95299" s="13" t="s">
        <v>474</v>
      </c>
      <c r="B95299" s="14" t="s">
        <v>1</v>
      </c>
      <c r="C95299" s="14" t="s">
        <v>109</v>
      </c>
      <c r="D95299" s="14" t="s">
        <v>475</v>
      </c>
      <c r="E95299" s="15">
        <v>45410</v>
      </c>
      <c r="F95299" s="14" t="s">
        <v>61</v>
      </c>
      <c r="G95299" s="16">
        <v>0</v>
      </c>
    </row>
    <row r="95300" spans="1:7" x14ac:dyDescent="0.3">
      <c r="A95300" s="13" t="s">
        <v>474</v>
      </c>
      <c r="B95300" s="14" t="s">
        <v>1</v>
      </c>
      <c r="C95300" s="14" t="s">
        <v>109</v>
      </c>
      <c r="D95300" s="14" t="s">
        <v>475</v>
      </c>
      <c r="E95300" s="15">
        <v>45411</v>
      </c>
      <c r="F95300" s="14" t="s">
        <v>61</v>
      </c>
      <c r="G95300" s="16">
        <v>0</v>
      </c>
    </row>
    <row r="95301" spans="1:7" x14ac:dyDescent="0.3">
      <c r="A95301" s="13" t="s">
        <v>474</v>
      </c>
      <c r="B95301" s="14" t="s">
        <v>1</v>
      </c>
      <c r="C95301" s="14" t="s">
        <v>109</v>
      </c>
      <c r="D95301" s="14" t="s">
        <v>475</v>
      </c>
      <c r="E95301" s="15">
        <v>45412</v>
      </c>
      <c r="F95301" s="14" t="s">
        <v>61</v>
      </c>
      <c r="G95301" s="16">
        <v>0</v>
      </c>
    </row>
    <row r="95302" spans="1:7" x14ac:dyDescent="0.3">
      <c r="A95302" s="13" t="s">
        <v>474</v>
      </c>
      <c r="B95302" s="14" t="s">
        <v>1</v>
      </c>
      <c r="C95302" s="14" t="s">
        <v>109</v>
      </c>
      <c r="D95302" s="14" t="s">
        <v>475</v>
      </c>
      <c r="E95302" s="15">
        <v>45413</v>
      </c>
      <c r="F95302" s="14" t="s">
        <v>61</v>
      </c>
      <c r="G95302" s="16">
        <v>0</v>
      </c>
    </row>
    <row r="95303" spans="1:7" x14ac:dyDescent="0.3">
      <c r="A95303" s="13" t="s">
        <v>474</v>
      </c>
      <c r="B95303" s="14" t="s">
        <v>1</v>
      </c>
      <c r="C95303" s="14" t="s">
        <v>109</v>
      </c>
      <c r="D95303" s="14" t="s">
        <v>475</v>
      </c>
      <c r="E95303" s="15">
        <v>45414</v>
      </c>
      <c r="F95303" s="14" t="s">
        <v>61</v>
      </c>
      <c r="G95303" s="16">
        <v>0</v>
      </c>
    </row>
    <row r="95304" spans="1:7" x14ac:dyDescent="0.3">
      <c r="A95304" s="13" t="s">
        <v>474</v>
      </c>
      <c r="B95304" s="14" t="s">
        <v>1</v>
      </c>
      <c r="C95304" s="14" t="s">
        <v>109</v>
      </c>
      <c r="D95304" s="14" t="s">
        <v>475</v>
      </c>
      <c r="E95304" s="15">
        <v>45415</v>
      </c>
      <c r="F95304" s="14" t="s">
        <v>61</v>
      </c>
      <c r="G95304" s="16">
        <v>0</v>
      </c>
    </row>
    <row r="95305" spans="1:7" x14ac:dyDescent="0.3">
      <c r="A95305" s="13" t="s">
        <v>474</v>
      </c>
      <c r="B95305" s="14" t="s">
        <v>1</v>
      </c>
      <c r="C95305" s="14" t="s">
        <v>109</v>
      </c>
      <c r="D95305" s="14" t="s">
        <v>475</v>
      </c>
      <c r="E95305" s="15">
        <v>45416</v>
      </c>
      <c r="F95305" s="14" t="s">
        <v>61</v>
      </c>
      <c r="G95305" s="16">
        <v>0</v>
      </c>
    </row>
    <row r="95306" spans="1:7" x14ac:dyDescent="0.3">
      <c r="A95306" s="13" t="s">
        <v>474</v>
      </c>
      <c r="B95306" s="14" t="s">
        <v>1</v>
      </c>
      <c r="C95306" s="14" t="s">
        <v>109</v>
      </c>
      <c r="D95306" s="14" t="s">
        <v>475</v>
      </c>
      <c r="E95306" s="15">
        <v>45417</v>
      </c>
      <c r="F95306" s="14" t="s">
        <v>61</v>
      </c>
      <c r="G95306" s="16">
        <v>0</v>
      </c>
    </row>
    <row r="95307" spans="1:7" x14ac:dyDescent="0.3">
      <c r="A95307" s="13" t="s">
        <v>474</v>
      </c>
      <c r="B95307" s="14" t="s">
        <v>1</v>
      </c>
      <c r="C95307" s="14" t="s">
        <v>109</v>
      </c>
      <c r="D95307" s="14" t="s">
        <v>475</v>
      </c>
      <c r="E95307" s="15">
        <v>45418</v>
      </c>
      <c r="F95307" s="14" t="s">
        <v>61</v>
      </c>
      <c r="G95307" s="16">
        <v>0</v>
      </c>
    </row>
    <row r="95308" spans="1:7" x14ac:dyDescent="0.3">
      <c r="A95308" s="13" t="s">
        <v>474</v>
      </c>
      <c r="B95308" s="14" t="s">
        <v>1</v>
      </c>
      <c r="C95308" s="14" t="s">
        <v>109</v>
      </c>
      <c r="D95308" s="14" t="s">
        <v>475</v>
      </c>
      <c r="E95308" s="15">
        <v>45419</v>
      </c>
      <c r="F95308" s="14" t="s">
        <v>61</v>
      </c>
      <c r="G95308" s="16">
        <v>0</v>
      </c>
    </row>
    <row r="95309" spans="1:7" x14ac:dyDescent="0.3">
      <c r="A95309" s="13" t="s">
        <v>474</v>
      </c>
      <c r="B95309" s="14" t="s">
        <v>1</v>
      </c>
      <c r="C95309" s="14" t="s">
        <v>109</v>
      </c>
      <c r="D95309" s="14" t="s">
        <v>475</v>
      </c>
      <c r="E95309" s="15">
        <v>45420</v>
      </c>
      <c r="F95309" s="14" t="s">
        <v>61</v>
      </c>
      <c r="G95309" s="16">
        <v>0</v>
      </c>
    </row>
    <row r="95310" spans="1:7" x14ac:dyDescent="0.3">
      <c r="A95310" s="13" t="s">
        <v>474</v>
      </c>
      <c r="B95310" s="14" t="s">
        <v>1</v>
      </c>
      <c r="C95310" s="14" t="s">
        <v>109</v>
      </c>
      <c r="D95310" s="14" t="s">
        <v>475</v>
      </c>
      <c r="E95310" s="15">
        <v>45421</v>
      </c>
      <c r="F95310" s="14" t="s">
        <v>61</v>
      </c>
      <c r="G95310" s="16">
        <v>0</v>
      </c>
    </row>
    <row r="95311" spans="1:7" x14ac:dyDescent="0.3">
      <c r="A95311" s="13" t="s">
        <v>474</v>
      </c>
      <c r="B95311" s="14" t="s">
        <v>1</v>
      </c>
      <c r="C95311" s="14" t="s">
        <v>109</v>
      </c>
      <c r="D95311" s="14" t="s">
        <v>475</v>
      </c>
      <c r="E95311" s="15">
        <v>45422</v>
      </c>
      <c r="F95311" s="14" t="s">
        <v>61</v>
      </c>
      <c r="G95311" s="16">
        <v>0</v>
      </c>
    </row>
    <row r="95312" spans="1:7" x14ac:dyDescent="0.3">
      <c r="A95312" s="13" t="s">
        <v>474</v>
      </c>
      <c r="B95312" s="14" t="s">
        <v>1</v>
      </c>
      <c r="C95312" s="14" t="s">
        <v>109</v>
      </c>
      <c r="D95312" s="14" t="s">
        <v>475</v>
      </c>
      <c r="E95312" s="15">
        <v>45423</v>
      </c>
      <c r="F95312" s="14" t="s">
        <v>61</v>
      </c>
      <c r="G95312" s="16">
        <v>0</v>
      </c>
    </row>
    <row r="95313" spans="1:7" x14ac:dyDescent="0.3">
      <c r="A95313" s="13" t="s">
        <v>474</v>
      </c>
      <c r="B95313" s="14" t="s">
        <v>1</v>
      </c>
      <c r="C95313" s="14" t="s">
        <v>109</v>
      </c>
      <c r="D95313" s="14" t="s">
        <v>475</v>
      </c>
      <c r="E95313" s="15">
        <v>45424</v>
      </c>
      <c r="F95313" s="14" t="s">
        <v>61</v>
      </c>
      <c r="G95313" s="16">
        <v>0</v>
      </c>
    </row>
    <row r="95314" spans="1:7" x14ac:dyDescent="0.3">
      <c r="A95314" s="13" t="s">
        <v>474</v>
      </c>
      <c r="B95314" s="14" t="s">
        <v>1</v>
      </c>
      <c r="C95314" s="14" t="s">
        <v>109</v>
      </c>
      <c r="D95314" s="14" t="s">
        <v>475</v>
      </c>
      <c r="E95314" s="15">
        <v>45425</v>
      </c>
      <c r="F95314" s="14" t="s">
        <v>61</v>
      </c>
      <c r="G95314" s="16">
        <v>0</v>
      </c>
    </row>
    <row r="95315" spans="1:7" x14ac:dyDescent="0.3">
      <c r="A95315" s="13" t="s">
        <v>474</v>
      </c>
      <c r="B95315" s="14" t="s">
        <v>1</v>
      </c>
      <c r="C95315" s="14" t="s">
        <v>109</v>
      </c>
      <c r="D95315" s="14" t="s">
        <v>475</v>
      </c>
      <c r="E95315" s="15">
        <v>45426</v>
      </c>
      <c r="F95315" s="14" t="s">
        <v>61</v>
      </c>
      <c r="G95315" s="16">
        <v>0</v>
      </c>
    </row>
    <row r="95316" spans="1:7" x14ac:dyDescent="0.3">
      <c r="A95316" s="13" t="s">
        <v>474</v>
      </c>
      <c r="B95316" s="14" t="s">
        <v>1</v>
      </c>
      <c r="C95316" s="14" t="s">
        <v>109</v>
      </c>
      <c r="D95316" s="14" t="s">
        <v>475</v>
      </c>
      <c r="E95316" s="15">
        <v>45427</v>
      </c>
      <c r="F95316" s="14" t="s">
        <v>61</v>
      </c>
      <c r="G95316" s="16">
        <v>0</v>
      </c>
    </row>
    <row r="95317" spans="1:7" x14ac:dyDescent="0.3">
      <c r="A95317" s="13" t="s">
        <v>474</v>
      </c>
      <c r="B95317" s="14" t="s">
        <v>1</v>
      </c>
      <c r="C95317" s="14" t="s">
        <v>109</v>
      </c>
      <c r="D95317" s="14" t="s">
        <v>475</v>
      </c>
      <c r="E95317" s="15">
        <v>45428</v>
      </c>
      <c r="F95317" s="14" t="s">
        <v>61</v>
      </c>
      <c r="G95317" s="16">
        <v>7.67347776055046E-3</v>
      </c>
    </row>
    <row r="95318" spans="1:7" x14ac:dyDescent="0.3">
      <c r="A95318" s="13" t="s">
        <v>474</v>
      </c>
      <c r="B95318" s="14" t="s">
        <v>1</v>
      </c>
      <c r="C95318" s="14" t="s">
        <v>109</v>
      </c>
      <c r="D95318" s="14" t="s">
        <v>475</v>
      </c>
      <c r="E95318" s="15">
        <v>45429</v>
      </c>
      <c r="F95318" s="14" t="s">
        <v>61</v>
      </c>
      <c r="G95318" s="16">
        <v>4.6604015131581512E-3</v>
      </c>
    </row>
    <row r="95319" spans="1:7" x14ac:dyDescent="0.3">
      <c r="A95319" s="13" t="s">
        <v>474</v>
      </c>
      <c r="B95319" s="14" t="s">
        <v>1</v>
      </c>
      <c r="C95319" s="14" t="s">
        <v>109</v>
      </c>
      <c r="D95319" s="14" t="s">
        <v>475</v>
      </c>
      <c r="E95319" s="15">
        <v>45430</v>
      </c>
      <c r="F95319" s="14" t="s">
        <v>61</v>
      </c>
      <c r="G95319" s="16">
        <v>4.6604015131581512E-3</v>
      </c>
    </row>
    <row r="95320" spans="1:7" x14ac:dyDescent="0.3">
      <c r="A95320" s="13" t="s">
        <v>474</v>
      </c>
      <c r="B95320" s="14" t="s">
        <v>1</v>
      </c>
      <c r="C95320" s="14" t="s">
        <v>109</v>
      </c>
      <c r="D95320" s="14" t="s">
        <v>475</v>
      </c>
      <c r="E95320" s="15">
        <v>45431</v>
      </c>
      <c r="F95320" s="14" t="s">
        <v>61</v>
      </c>
      <c r="G95320" s="16">
        <v>4.6604015131581512E-3</v>
      </c>
    </row>
    <row r="95321" spans="1:7" x14ac:dyDescent="0.3">
      <c r="A95321" s="13" t="s">
        <v>474</v>
      </c>
      <c r="B95321" s="14" t="s">
        <v>1</v>
      </c>
      <c r="C95321" s="14" t="s">
        <v>109</v>
      </c>
      <c r="D95321" s="14" t="s">
        <v>475</v>
      </c>
      <c r="E95321" s="15">
        <v>45432</v>
      </c>
      <c r="F95321" s="14" t="s">
        <v>61</v>
      </c>
      <c r="G95321" s="16">
        <v>2.0581910315497992E-3</v>
      </c>
    </row>
    <row r="95322" spans="1:7" x14ac:dyDescent="0.3">
      <c r="A95322" s="13" t="s">
        <v>474</v>
      </c>
      <c r="B95322" s="14" t="s">
        <v>1</v>
      </c>
      <c r="C95322" s="14" t="s">
        <v>109</v>
      </c>
      <c r="D95322" s="14" t="s">
        <v>475</v>
      </c>
      <c r="E95322" s="15">
        <v>45433</v>
      </c>
      <c r="F95322" s="14" t="s">
        <v>61</v>
      </c>
      <c r="G95322" s="16">
        <v>0</v>
      </c>
    </row>
    <row r="95323" spans="1:7" x14ac:dyDescent="0.3">
      <c r="A95323" s="13" t="s">
        <v>474</v>
      </c>
      <c r="B95323" s="14" t="s">
        <v>1</v>
      </c>
      <c r="C95323" s="14" t="s">
        <v>109</v>
      </c>
      <c r="D95323" s="14" t="s">
        <v>475</v>
      </c>
      <c r="E95323" s="15">
        <v>45434</v>
      </c>
      <c r="F95323" s="14" t="s">
        <v>61</v>
      </c>
      <c r="G95323" s="16">
        <v>0</v>
      </c>
    </row>
    <row r="95324" spans="1:7" x14ac:dyDescent="0.3">
      <c r="A95324" s="13" t="s">
        <v>474</v>
      </c>
      <c r="B95324" s="14" t="s">
        <v>1</v>
      </c>
      <c r="C95324" s="14" t="s">
        <v>109</v>
      </c>
      <c r="D95324" s="14" t="s">
        <v>475</v>
      </c>
      <c r="E95324" s="15">
        <v>45435</v>
      </c>
      <c r="F95324" s="14" t="s">
        <v>61</v>
      </c>
      <c r="G95324" s="16">
        <v>0</v>
      </c>
    </row>
    <row r="95325" spans="1:7" x14ac:dyDescent="0.3">
      <c r="A95325" s="13" t="s">
        <v>474</v>
      </c>
      <c r="B95325" s="14" t="s">
        <v>1</v>
      </c>
      <c r="C95325" s="14" t="s">
        <v>109</v>
      </c>
      <c r="D95325" s="14" t="s">
        <v>475</v>
      </c>
      <c r="E95325" s="15">
        <v>45436</v>
      </c>
      <c r="F95325" s="14" t="s">
        <v>61</v>
      </c>
      <c r="G95325" s="16">
        <v>1.4916295015437453E-2</v>
      </c>
    </row>
    <row r="95326" spans="1:7" x14ac:dyDescent="0.3">
      <c r="A95326" s="13" t="s">
        <v>474</v>
      </c>
      <c r="B95326" s="14" t="s">
        <v>1</v>
      </c>
      <c r="C95326" s="14" t="s">
        <v>109</v>
      </c>
      <c r="D95326" s="14" t="s">
        <v>475</v>
      </c>
      <c r="E95326" s="15">
        <v>45437</v>
      </c>
      <c r="F95326" s="14" t="s">
        <v>61</v>
      </c>
      <c r="G95326" s="16">
        <v>1.4916295015437453E-2</v>
      </c>
    </row>
    <row r="95327" spans="1:7" x14ac:dyDescent="0.3">
      <c r="A95327" s="13" t="s">
        <v>474</v>
      </c>
      <c r="B95327" s="14" t="s">
        <v>1</v>
      </c>
      <c r="C95327" s="14" t="s">
        <v>109</v>
      </c>
      <c r="D95327" s="14" t="s">
        <v>475</v>
      </c>
      <c r="E95327" s="15">
        <v>45438</v>
      </c>
      <c r="F95327" s="14" t="s">
        <v>61</v>
      </c>
      <c r="G95327" s="16">
        <v>1.4916295015437453E-2</v>
      </c>
    </row>
    <row r="95328" spans="1:7" x14ac:dyDescent="0.3">
      <c r="A95328" s="13" t="s">
        <v>474</v>
      </c>
      <c r="B95328" s="14" t="s">
        <v>1</v>
      </c>
      <c r="C95328" s="14" t="s">
        <v>109</v>
      </c>
      <c r="D95328" s="14" t="s">
        <v>475</v>
      </c>
      <c r="E95328" s="15">
        <v>45439</v>
      </c>
      <c r="F95328" s="14" t="s">
        <v>61</v>
      </c>
      <c r="G95328" s="16">
        <v>1.5867641551481588E-2</v>
      </c>
    </row>
    <row r="95329" spans="1:7" x14ac:dyDescent="0.3">
      <c r="A95329" s="13" t="s">
        <v>474</v>
      </c>
      <c r="B95329" s="14" t="s">
        <v>1</v>
      </c>
      <c r="C95329" s="14" t="s">
        <v>109</v>
      </c>
      <c r="D95329" s="14" t="s">
        <v>475</v>
      </c>
      <c r="E95329" s="15">
        <v>45440</v>
      </c>
      <c r="F95329" s="14" t="s">
        <v>61</v>
      </c>
      <c r="G95329" s="16">
        <v>7.8439508554679436E-3</v>
      </c>
    </row>
    <row r="95330" spans="1:7" x14ac:dyDescent="0.3">
      <c r="A95330" s="13" t="s">
        <v>474</v>
      </c>
      <c r="B95330" s="14" t="s">
        <v>1</v>
      </c>
      <c r="C95330" s="14" t="s">
        <v>109</v>
      </c>
      <c r="D95330" s="14" t="s">
        <v>475</v>
      </c>
      <c r="E95330" s="15">
        <v>45441</v>
      </c>
      <c r="F95330" s="14" t="s">
        <v>61</v>
      </c>
      <c r="G95330" s="16">
        <v>6.0763988207089802E-3</v>
      </c>
    </row>
    <row r="95331" spans="1:7" x14ac:dyDescent="0.3">
      <c r="A95331" s="13" t="s">
        <v>474</v>
      </c>
      <c r="B95331" s="14" t="s">
        <v>1</v>
      </c>
      <c r="C95331" s="14" t="s">
        <v>109</v>
      </c>
      <c r="D95331" s="14" t="s">
        <v>475</v>
      </c>
      <c r="E95331" s="15">
        <v>45442</v>
      </c>
      <c r="F95331" s="14" t="s">
        <v>61</v>
      </c>
      <c r="G95331" s="16">
        <v>1.0385542541813146E-2</v>
      </c>
    </row>
    <row r="95332" spans="1:7" x14ac:dyDescent="0.3">
      <c r="A95332" s="13" t="s">
        <v>474</v>
      </c>
      <c r="B95332" s="14" t="s">
        <v>1</v>
      </c>
      <c r="C95332" s="14" t="s">
        <v>109</v>
      </c>
      <c r="D95332" s="14" t="s">
        <v>475</v>
      </c>
      <c r="E95332" s="15">
        <v>45443</v>
      </c>
      <c r="F95332" s="14" t="s">
        <v>61</v>
      </c>
      <c r="G95332" s="16">
        <v>7.7263336425718847E-3</v>
      </c>
    </row>
    <row r="95333" spans="1:7" x14ac:dyDescent="0.3">
      <c r="A95333" s="13" t="s">
        <v>474</v>
      </c>
      <c r="B95333" s="14" t="s">
        <v>1</v>
      </c>
      <c r="C95333" s="14" t="s">
        <v>109</v>
      </c>
      <c r="D95333" s="14" t="s">
        <v>475</v>
      </c>
      <c r="E95333" s="15">
        <v>45444</v>
      </c>
      <c r="F95333" s="14" t="s">
        <v>61</v>
      </c>
      <c r="G95333" s="16">
        <v>7.7263336425718847E-3</v>
      </c>
    </row>
    <row r="95334" spans="1:7" x14ac:dyDescent="0.3">
      <c r="A95334" s="13" t="s">
        <v>474</v>
      </c>
      <c r="B95334" s="14" t="s">
        <v>1</v>
      </c>
      <c r="C95334" s="14" t="s">
        <v>109</v>
      </c>
      <c r="D95334" s="14" t="s">
        <v>475</v>
      </c>
      <c r="E95334" s="15">
        <v>45445</v>
      </c>
      <c r="F95334" s="14" t="s">
        <v>61</v>
      </c>
      <c r="G95334" s="16">
        <v>7.7263336425718847E-3</v>
      </c>
    </row>
    <row r="95335" spans="1:7" x14ac:dyDescent="0.3">
      <c r="A95335" s="13" t="s">
        <v>474</v>
      </c>
      <c r="B95335" s="14" t="s">
        <v>1</v>
      </c>
      <c r="C95335" s="14" t="s">
        <v>109</v>
      </c>
      <c r="D95335" s="14" t="s">
        <v>475</v>
      </c>
      <c r="E95335" s="15">
        <v>45446</v>
      </c>
      <c r="F95335" s="14" t="s">
        <v>61</v>
      </c>
      <c r="G95335" s="16">
        <v>7.7263336425718847E-3</v>
      </c>
    </row>
    <row r="95336" spans="1:7" x14ac:dyDescent="0.3">
      <c r="A95336" s="13" t="s">
        <v>474</v>
      </c>
      <c r="B95336" s="14" t="s">
        <v>1</v>
      </c>
      <c r="C95336" s="14" t="s">
        <v>109</v>
      </c>
      <c r="D95336" s="14" t="s">
        <v>475</v>
      </c>
      <c r="E95336" s="15">
        <v>45447</v>
      </c>
      <c r="F95336" s="14" t="s">
        <v>61</v>
      </c>
      <c r="G95336" s="16">
        <v>4.581803705094741E-3</v>
      </c>
    </row>
    <row r="95337" spans="1:7" x14ac:dyDescent="0.3">
      <c r="A95337" s="13" t="s">
        <v>474</v>
      </c>
      <c r="B95337" s="14" t="s">
        <v>1</v>
      </c>
      <c r="C95337" s="14" t="s">
        <v>109</v>
      </c>
      <c r="D95337" s="14" t="s">
        <v>475</v>
      </c>
      <c r="E95337" s="15">
        <v>45448</v>
      </c>
      <c r="F95337" s="14" t="s">
        <v>61</v>
      </c>
      <c r="G95337" s="16">
        <v>0</v>
      </c>
    </row>
    <row r="95338" spans="1:7" x14ac:dyDescent="0.3">
      <c r="A95338" s="13" t="s">
        <v>474</v>
      </c>
      <c r="B95338" s="14" t="s">
        <v>1</v>
      </c>
      <c r="C95338" s="14" t="s">
        <v>109</v>
      </c>
      <c r="D95338" s="14" t="s">
        <v>475</v>
      </c>
      <c r="E95338" s="15">
        <v>45449</v>
      </c>
      <c r="F95338" s="14" t="s">
        <v>61</v>
      </c>
      <c r="G95338" s="16">
        <v>0</v>
      </c>
    </row>
    <row r="95339" spans="1:7" x14ac:dyDescent="0.3">
      <c r="A95339" s="13" t="s">
        <v>474</v>
      </c>
      <c r="B95339" s="14" t="s">
        <v>1</v>
      </c>
      <c r="C95339" s="14" t="s">
        <v>109</v>
      </c>
      <c r="D95339" s="14" t="s">
        <v>475</v>
      </c>
      <c r="E95339" s="15">
        <v>45450</v>
      </c>
      <c r="F95339" s="14" t="s">
        <v>61</v>
      </c>
      <c r="G95339" s="16">
        <v>2.6590215443815329E-2</v>
      </c>
    </row>
    <row r="95340" spans="1:7" x14ac:dyDescent="0.3">
      <c r="A95340" s="13" t="s">
        <v>474</v>
      </c>
      <c r="B95340" s="14" t="s">
        <v>1</v>
      </c>
      <c r="C95340" s="14" t="s">
        <v>109</v>
      </c>
      <c r="D95340" s="14" t="s">
        <v>475</v>
      </c>
      <c r="E95340" s="15">
        <v>45451</v>
      </c>
      <c r="F95340" s="14" t="s">
        <v>61</v>
      </c>
      <c r="G95340" s="16">
        <v>2.6590215443815329E-2</v>
      </c>
    </row>
    <row r="95341" spans="1:7" x14ac:dyDescent="0.3">
      <c r="A95341" s="13" t="s">
        <v>474</v>
      </c>
      <c r="B95341" s="14" t="s">
        <v>1</v>
      </c>
      <c r="C95341" s="14" t="s">
        <v>109</v>
      </c>
      <c r="D95341" s="14" t="s">
        <v>475</v>
      </c>
      <c r="E95341" s="15">
        <v>45452</v>
      </c>
      <c r="F95341" s="14" t="s">
        <v>61</v>
      </c>
      <c r="G95341" s="16">
        <v>2.6590215443815329E-2</v>
      </c>
    </row>
    <row r="95342" spans="1:7" x14ac:dyDescent="0.3">
      <c r="A95342" s="13" t="s">
        <v>474</v>
      </c>
      <c r="B95342" s="14" t="s">
        <v>1</v>
      </c>
      <c r="C95342" s="14" t="s">
        <v>109</v>
      </c>
      <c r="D95342" s="14" t="s">
        <v>475</v>
      </c>
      <c r="E95342" s="15">
        <v>45453</v>
      </c>
      <c r="F95342" s="14" t="s">
        <v>61</v>
      </c>
      <c r="G95342" s="16">
        <v>2.4013813143336796E-2</v>
      </c>
    </row>
    <row r="95343" spans="1:7" x14ac:dyDescent="0.3">
      <c r="A95343" s="13" t="s">
        <v>474</v>
      </c>
      <c r="B95343" s="14" t="s">
        <v>1</v>
      </c>
      <c r="C95343" s="14" t="s">
        <v>109</v>
      </c>
      <c r="D95343" s="14" t="s">
        <v>475</v>
      </c>
      <c r="E95343" s="15">
        <v>45454</v>
      </c>
      <c r="F95343" s="14" t="s">
        <v>61</v>
      </c>
      <c r="G95343" s="16">
        <v>1.8044442628452978E-2</v>
      </c>
    </row>
    <row r="95344" spans="1:7" x14ac:dyDescent="0.3">
      <c r="A95344" s="13" t="s">
        <v>474</v>
      </c>
      <c r="B95344" s="14" t="s">
        <v>1</v>
      </c>
      <c r="C95344" s="14" t="s">
        <v>109</v>
      </c>
      <c r="D95344" s="14" t="s">
        <v>475</v>
      </c>
      <c r="E95344" s="15">
        <v>45455</v>
      </c>
      <c r="F95344" s="14" t="s">
        <v>61</v>
      </c>
      <c r="G95344" s="16">
        <v>3.2993738411534003E-2</v>
      </c>
    </row>
    <row r="95345" spans="1:7" x14ac:dyDescent="0.3">
      <c r="A95345" s="13" t="s">
        <v>474</v>
      </c>
      <c r="B95345" s="14" t="s">
        <v>1</v>
      </c>
      <c r="C95345" s="14" t="s">
        <v>109</v>
      </c>
      <c r="D95345" s="14" t="s">
        <v>475</v>
      </c>
      <c r="E95345" s="15">
        <v>45456</v>
      </c>
      <c r="F95345" s="14" t="s">
        <v>61</v>
      </c>
      <c r="G95345" s="16">
        <v>3.0502412276691076E-2</v>
      </c>
    </row>
    <row r="95346" spans="1:7" x14ac:dyDescent="0.3">
      <c r="A95346" s="13" t="s">
        <v>474</v>
      </c>
      <c r="B95346" s="14" t="s">
        <v>1</v>
      </c>
      <c r="C95346" s="14" t="s">
        <v>109</v>
      </c>
      <c r="D95346" s="14" t="s">
        <v>475</v>
      </c>
      <c r="E95346" s="15">
        <v>45457</v>
      </c>
      <c r="F95346" s="14" t="s">
        <v>61</v>
      </c>
      <c r="G95346" s="16">
        <v>2.7842100364628974E-2</v>
      </c>
    </row>
    <row r="95347" spans="1:7" x14ac:dyDescent="0.3">
      <c r="A95347" s="13" t="s">
        <v>474</v>
      </c>
      <c r="B95347" s="14" t="s">
        <v>1</v>
      </c>
      <c r="C95347" s="14" t="s">
        <v>109</v>
      </c>
      <c r="D95347" s="14" t="s">
        <v>475</v>
      </c>
      <c r="E95347" s="15">
        <v>45458</v>
      </c>
      <c r="F95347" s="14" t="s">
        <v>61</v>
      </c>
      <c r="G95347" s="16">
        <v>2.7842100364628974E-2</v>
      </c>
    </row>
    <row r="95348" spans="1:7" x14ac:dyDescent="0.3">
      <c r="A95348" s="13" t="s">
        <v>474</v>
      </c>
      <c r="B95348" s="14" t="s">
        <v>1</v>
      </c>
      <c r="C95348" s="14" t="s">
        <v>109</v>
      </c>
      <c r="D95348" s="14" t="s">
        <v>475</v>
      </c>
      <c r="E95348" s="15">
        <v>45459</v>
      </c>
      <c r="F95348" s="14" t="s">
        <v>61</v>
      </c>
      <c r="G95348" s="16">
        <v>2.7842100364628974E-2</v>
      </c>
    </row>
    <row r="95349" spans="1:7" x14ac:dyDescent="0.3">
      <c r="A95349" s="13" t="s">
        <v>474</v>
      </c>
      <c r="B95349" s="14" t="s">
        <v>1</v>
      </c>
      <c r="C95349" s="14" t="s">
        <v>109</v>
      </c>
      <c r="D95349" s="14" t="s">
        <v>475</v>
      </c>
      <c r="E95349" s="15">
        <v>45460</v>
      </c>
      <c r="F95349" s="14" t="s">
        <v>61</v>
      </c>
      <c r="G95349" s="16">
        <v>2.4973764648160705E-2</v>
      </c>
    </row>
    <row r="95350" spans="1:7" x14ac:dyDescent="0.3">
      <c r="A95350" s="13" t="s">
        <v>474</v>
      </c>
      <c r="B95350" s="14" t="s">
        <v>1</v>
      </c>
      <c r="C95350" s="14" t="s">
        <v>109</v>
      </c>
      <c r="D95350" s="14" t="s">
        <v>475</v>
      </c>
      <c r="E95350" s="15">
        <v>45461</v>
      </c>
      <c r="F95350" s="14" t="s">
        <v>61</v>
      </c>
      <c r="G95350" s="16">
        <v>1.6846858996728976E-2</v>
      </c>
    </row>
    <row r="95351" spans="1:7" x14ac:dyDescent="0.3">
      <c r="A95351" s="13" t="s">
        <v>474</v>
      </c>
      <c r="B95351" s="14" t="s">
        <v>1</v>
      </c>
      <c r="C95351" s="14" t="s">
        <v>109</v>
      </c>
      <c r="D95351" s="14" t="s">
        <v>475</v>
      </c>
      <c r="E95351" s="15">
        <v>45462</v>
      </c>
      <c r="F95351" s="14" t="s">
        <v>61</v>
      </c>
      <c r="G95351" s="16">
        <v>1.4054745702467708E-2</v>
      </c>
    </row>
    <row r="95352" spans="1:7" x14ac:dyDescent="0.3">
      <c r="A95352" s="13" t="s">
        <v>474</v>
      </c>
      <c r="B95352" s="14" t="s">
        <v>1</v>
      </c>
      <c r="C95352" s="14" t="s">
        <v>109</v>
      </c>
      <c r="D95352" s="14" t="s">
        <v>475</v>
      </c>
      <c r="E95352" s="15">
        <v>45463</v>
      </c>
      <c r="F95352" s="14" t="s">
        <v>61</v>
      </c>
      <c r="G95352" s="16">
        <v>1.1277316393227323E-2</v>
      </c>
    </row>
    <row r="95353" spans="1:7" x14ac:dyDescent="0.3">
      <c r="A95353" s="13" t="s">
        <v>474</v>
      </c>
      <c r="B95353" s="14" t="s">
        <v>1</v>
      </c>
      <c r="C95353" s="14" t="s">
        <v>109</v>
      </c>
      <c r="D95353" s="14" t="s">
        <v>475</v>
      </c>
      <c r="E95353" s="15">
        <v>45464</v>
      </c>
      <c r="F95353" s="14" t="s">
        <v>61</v>
      </c>
      <c r="G95353" s="16">
        <v>8.4512314005056842E-3</v>
      </c>
    </row>
    <row r="95354" spans="1:7" x14ac:dyDescent="0.3">
      <c r="A95354" s="13" t="s">
        <v>474</v>
      </c>
      <c r="B95354" s="14" t="s">
        <v>1</v>
      </c>
      <c r="C95354" s="14" t="s">
        <v>109</v>
      </c>
      <c r="D95354" s="14" t="s">
        <v>475</v>
      </c>
      <c r="E95354" s="15">
        <v>45465</v>
      </c>
      <c r="F95354" s="14" t="s">
        <v>61</v>
      </c>
      <c r="G95354" s="16">
        <v>8.4512314005056842E-3</v>
      </c>
    </row>
    <row r="95355" spans="1:7" x14ac:dyDescent="0.3">
      <c r="A95355" s="13" t="s">
        <v>474</v>
      </c>
      <c r="B95355" s="14" t="s">
        <v>1</v>
      </c>
      <c r="C95355" s="14" t="s">
        <v>109</v>
      </c>
      <c r="D95355" s="14" t="s">
        <v>475</v>
      </c>
      <c r="E95355" s="15">
        <v>45466</v>
      </c>
      <c r="F95355" s="14" t="s">
        <v>61</v>
      </c>
      <c r="G95355" s="16">
        <v>8.4512314005056842E-3</v>
      </c>
    </row>
    <row r="95356" spans="1:7" x14ac:dyDescent="0.3">
      <c r="A95356" s="13" t="s">
        <v>474</v>
      </c>
      <c r="B95356" s="14" t="s">
        <v>1</v>
      </c>
      <c r="C95356" s="14" t="s">
        <v>109</v>
      </c>
      <c r="D95356" s="14" t="s">
        <v>475</v>
      </c>
      <c r="E95356" s="15">
        <v>45467</v>
      </c>
      <c r="F95356" s="14" t="s">
        <v>61</v>
      </c>
      <c r="G95356" s="16">
        <v>5.6323331437076489E-3</v>
      </c>
    </row>
    <row r="95357" spans="1:7" x14ac:dyDescent="0.3">
      <c r="A95357" s="13" t="s">
        <v>474</v>
      </c>
      <c r="B95357" s="14" t="s">
        <v>1</v>
      </c>
      <c r="C95357" s="14" t="s">
        <v>109</v>
      </c>
      <c r="D95357" s="14" t="s">
        <v>475</v>
      </c>
      <c r="E95357" s="15">
        <v>45468</v>
      </c>
      <c r="F95357" s="14" t="s">
        <v>61</v>
      </c>
      <c r="G95357" s="16">
        <v>0</v>
      </c>
    </row>
    <row r="95358" spans="1:7" x14ac:dyDescent="0.3">
      <c r="A95358" s="13" t="s">
        <v>474</v>
      </c>
      <c r="B95358" s="14" t="s">
        <v>1</v>
      </c>
      <c r="C95358" s="14" t="s">
        <v>109</v>
      </c>
      <c r="D95358" s="14" t="s">
        <v>475</v>
      </c>
      <c r="E95358" s="15">
        <v>45469</v>
      </c>
      <c r="F95358" s="14" t="s">
        <v>61</v>
      </c>
      <c r="G95358" s="16">
        <v>0</v>
      </c>
    </row>
    <row r="95359" spans="1:7" x14ac:dyDescent="0.3">
      <c r="A95359" s="13" t="s">
        <v>474</v>
      </c>
      <c r="B95359" s="14" t="s">
        <v>1</v>
      </c>
      <c r="C95359" s="14" t="s">
        <v>109</v>
      </c>
      <c r="D95359" s="14" t="s">
        <v>475</v>
      </c>
      <c r="E95359" s="15">
        <v>45470</v>
      </c>
      <c r="F95359" s="14" t="s">
        <v>61</v>
      </c>
      <c r="G95359" s="16">
        <v>0</v>
      </c>
    </row>
    <row r="95360" spans="1:7" x14ac:dyDescent="0.3">
      <c r="A95360" s="13" t="s">
        <v>474</v>
      </c>
      <c r="B95360" s="14" t="s">
        <v>1</v>
      </c>
      <c r="C95360" s="14" t="s">
        <v>109</v>
      </c>
      <c r="D95360" s="14" t="s">
        <v>475</v>
      </c>
      <c r="E95360" s="15">
        <v>45471</v>
      </c>
      <c r="F95360" s="14" t="s">
        <v>61</v>
      </c>
      <c r="G95360" s="16">
        <v>3.4071542647985543E-2</v>
      </c>
    </row>
    <row r="95361" spans="1:7" x14ac:dyDescent="0.3">
      <c r="A95361" s="13" t="s">
        <v>474</v>
      </c>
      <c r="B95361" s="14" t="s">
        <v>1</v>
      </c>
      <c r="C95361" s="14" t="s">
        <v>109</v>
      </c>
      <c r="D95361" s="14" t="s">
        <v>475</v>
      </c>
      <c r="E95361" s="15">
        <v>45472</v>
      </c>
      <c r="F95361" s="14" t="s">
        <v>61</v>
      </c>
      <c r="G95361" s="16">
        <v>3.4071542647985543E-2</v>
      </c>
    </row>
    <row r="95362" spans="1:7" x14ac:dyDescent="0.3">
      <c r="A95362" s="13" t="s">
        <v>474</v>
      </c>
      <c r="B95362" s="14" t="s">
        <v>1</v>
      </c>
      <c r="C95362" s="14" t="s">
        <v>109</v>
      </c>
      <c r="D95362" s="14" t="s">
        <v>475</v>
      </c>
      <c r="E95362" s="15">
        <v>45473</v>
      </c>
      <c r="F95362" s="14" t="s">
        <v>61</v>
      </c>
      <c r="G95362" s="16">
        <v>3.4071542647985543E-2</v>
      </c>
    </row>
    <row r="95363" spans="1:7" x14ac:dyDescent="0.3">
      <c r="A95363" s="13" t="s">
        <v>474</v>
      </c>
      <c r="B95363" s="14" t="s">
        <v>1</v>
      </c>
      <c r="C95363" s="14" t="s">
        <v>109</v>
      </c>
      <c r="D95363" s="14" t="s">
        <v>475</v>
      </c>
      <c r="E95363" s="15">
        <v>45474</v>
      </c>
      <c r="F95363" s="14" t="s">
        <v>61</v>
      </c>
      <c r="G95363" s="16">
        <v>3.3178647581079176E-2</v>
      </c>
    </row>
    <row r="95364" spans="1:7" x14ac:dyDescent="0.3">
      <c r="A95364" s="13" t="s">
        <v>474</v>
      </c>
      <c r="B95364" s="14" t="s">
        <v>1</v>
      </c>
      <c r="C95364" s="14" t="s">
        <v>109</v>
      </c>
      <c r="D95364" s="14" t="s">
        <v>475</v>
      </c>
      <c r="E95364" s="15">
        <v>45475</v>
      </c>
      <c r="F95364" s="14" t="s">
        <v>61</v>
      </c>
      <c r="G95364" s="16">
        <v>2.7029716652878989E-2</v>
      </c>
    </row>
    <row r="95365" spans="1:7" x14ac:dyDescent="0.3">
      <c r="A95365" s="13" t="s">
        <v>474</v>
      </c>
      <c r="B95365" s="14" t="s">
        <v>1</v>
      </c>
      <c r="C95365" s="14" t="s">
        <v>109</v>
      </c>
      <c r="D95365" s="14" t="s">
        <v>475</v>
      </c>
      <c r="E95365" s="15">
        <v>45476</v>
      </c>
      <c r="F95365" s="14" t="s">
        <v>61</v>
      </c>
      <c r="G95365" s="16">
        <v>2.4153647313391924E-2</v>
      </c>
    </row>
    <row r="95366" spans="1:7" x14ac:dyDescent="0.3">
      <c r="A95366" s="13" t="s">
        <v>474</v>
      </c>
      <c r="B95366" s="14" t="s">
        <v>1</v>
      </c>
      <c r="C95366" s="14" t="s">
        <v>109</v>
      </c>
      <c r="D95366" s="14" t="s">
        <v>475</v>
      </c>
      <c r="E95366" s="15">
        <v>45477</v>
      </c>
      <c r="F95366" s="14" t="s">
        <v>61</v>
      </c>
      <c r="G95366" s="16">
        <v>2.1330816099146312E-2</v>
      </c>
    </row>
    <row r="95367" spans="1:7" x14ac:dyDescent="0.3">
      <c r="A95367" s="13" t="s">
        <v>474</v>
      </c>
      <c r="B95367" s="14" t="s">
        <v>1</v>
      </c>
      <c r="C95367" s="14" t="s">
        <v>109</v>
      </c>
      <c r="D95367" s="14" t="s">
        <v>475</v>
      </c>
      <c r="E95367" s="15">
        <v>45478</v>
      </c>
      <c r="F95367" s="14" t="s">
        <v>61</v>
      </c>
      <c r="G95367" s="16">
        <v>2.2721133991974566E-2</v>
      </c>
    </row>
    <row r="95368" spans="1:7" x14ac:dyDescent="0.3">
      <c r="A95368" s="13" t="s">
        <v>474</v>
      </c>
      <c r="B95368" s="14" t="s">
        <v>1</v>
      </c>
      <c r="C95368" s="14" t="s">
        <v>109</v>
      </c>
      <c r="D95368" s="14" t="s">
        <v>475</v>
      </c>
      <c r="E95368" s="15">
        <v>45479</v>
      </c>
      <c r="F95368" s="14" t="s">
        <v>61</v>
      </c>
      <c r="G95368" s="16">
        <v>2.2721133991974566E-2</v>
      </c>
    </row>
    <row r="95369" spans="1:7" x14ac:dyDescent="0.3">
      <c r="A95369" s="13" t="s">
        <v>474</v>
      </c>
      <c r="B95369" s="14" t="s">
        <v>1</v>
      </c>
      <c r="C95369" s="14" t="s">
        <v>109</v>
      </c>
      <c r="D95369" s="14" t="s">
        <v>475</v>
      </c>
      <c r="E95369" s="15">
        <v>45480</v>
      </c>
      <c r="F95369" s="14" t="s">
        <v>61</v>
      </c>
      <c r="G95369" s="16">
        <v>2.2721133991974566E-2</v>
      </c>
    </row>
    <row r="95370" spans="1:7" x14ac:dyDescent="0.3">
      <c r="A95370" s="13" t="s">
        <v>474</v>
      </c>
      <c r="B95370" s="14" t="s">
        <v>1</v>
      </c>
      <c r="C95370" s="14" t="s">
        <v>109</v>
      </c>
      <c r="D95370" s="14" t="s">
        <v>475</v>
      </c>
      <c r="E95370" s="15">
        <v>45481</v>
      </c>
      <c r="F95370" s="14" t="s">
        <v>61</v>
      </c>
      <c r="G95370" s="16">
        <v>2.8373363180125198E-2</v>
      </c>
    </row>
    <row r="95371" spans="1:7" x14ac:dyDescent="0.3">
      <c r="A95371" s="13" t="s">
        <v>474</v>
      </c>
      <c r="B95371" s="14" t="s">
        <v>1</v>
      </c>
      <c r="C95371" s="14" t="s">
        <v>109</v>
      </c>
      <c r="D95371" s="14" t="s">
        <v>475</v>
      </c>
      <c r="E95371" s="15">
        <v>45482</v>
      </c>
      <c r="F95371" s="14" t="s">
        <v>61</v>
      </c>
      <c r="G95371" s="16">
        <v>1.9864288198581239E-2</v>
      </c>
    </row>
    <row r="95372" spans="1:7" x14ac:dyDescent="0.3">
      <c r="A95372" s="13" t="s">
        <v>474</v>
      </c>
      <c r="B95372" s="14" t="s">
        <v>1</v>
      </c>
      <c r="C95372" s="14" t="s">
        <v>109</v>
      </c>
      <c r="D95372" s="14" t="s">
        <v>475</v>
      </c>
      <c r="E95372" s="15">
        <v>45483</v>
      </c>
      <c r="F95372" s="14" t="s">
        <v>61</v>
      </c>
      <c r="G95372" s="16">
        <v>1.6999169136248962E-2</v>
      </c>
    </row>
    <row r="95373" spans="1:7" x14ac:dyDescent="0.3">
      <c r="A95373" s="13" t="s">
        <v>474</v>
      </c>
      <c r="B95373" s="14" t="s">
        <v>1</v>
      </c>
      <c r="C95373" s="14" t="s">
        <v>109</v>
      </c>
      <c r="D95373" s="14" t="s">
        <v>475</v>
      </c>
      <c r="E95373" s="15">
        <v>45484</v>
      </c>
      <c r="F95373" s="14" t="s">
        <v>61</v>
      </c>
      <c r="G95373" s="16">
        <v>1.4074562685113938E-2</v>
      </c>
    </row>
    <row r="95374" spans="1:7" x14ac:dyDescent="0.3">
      <c r="A95374" s="13" t="s">
        <v>474</v>
      </c>
      <c r="B95374" s="14" t="s">
        <v>1</v>
      </c>
      <c r="C95374" s="14" t="s">
        <v>109</v>
      </c>
      <c r="D95374" s="14" t="s">
        <v>475</v>
      </c>
      <c r="E95374" s="15">
        <v>45485</v>
      </c>
      <c r="F95374" s="14" t="s">
        <v>61</v>
      </c>
      <c r="G95374" s="16">
        <v>1.1170501238424226E-2</v>
      </c>
    </row>
    <row r="95375" spans="1:7" x14ac:dyDescent="0.3">
      <c r="A95375" s="13" t="s">
        <v>474</v>
      </c>
      <c r="B95375" s="14" t="s">
        <v>1</v>
      </c>
      <c r="C95375" s="14" t="s">
        <v>109</v>
      </c>
      <c r="D95375" s="14" t="s">
        <v>475</v>
      </c>
      <c r="E95375" s="15">
        <v>45486</v>
      </c>
      <c r="F95375" s="14" t="s">
        <v>61</v>
      </c>
      <c r="G95375" s="16">
        <v>1.1170501238424226E-2</v>
      </c>
    </row>
    <row r="95376" spans="1:7" x14ac:dyDescent="0.3">
      <c r="A95376" s="13" t="s">
        <v>474</v>
      </c>
      <c r="B95376" s="14" t="s">
        <v>1</v>
      </c>
      <c r="C95376" s="14" t="s">
        <v>109</v>
      </c>
      <c r="D95376" s="14" t="s">
        <v>475</v>
      </c>
      <c r="E95376" s="15">
        <v>45487</v>
      </c>
      <c r="F95376" s="14" t="s">
        <v>61</v>
      </c>
      <c r="G95376" s="16">
        <v>1.1170501238424226E-2</v>
      </c>
    </row>
    <row r="95377" spans="1:7" x14ac:dyDescent="0.3">
      <c r="A95377" s="13" t="s">
        <v>474</v>
      </c>
      <c r="B95377" s="14" t="s">
        <v>1</v>
      </c>
      <c r="C95377" s="14" t="s">
        <v>109</v>
      </c>
      <c r="D95377" s="14" t="s">
        <v>475</v>
      </c>
      <c r="E95377" s="15">
        <v>45488</v>
      </c>
      <c r="F95377" s="14" t="s">
        <v>61</v>
      </c>
      <c r="G95377" s="16">
        <v>9.3191438506825767E-3</v>
      </c>
    </row>
    <row r="95378" spans="1:7" x14ac:dyDescent="0.3">
      <c r="A95378" s="13" t="s">
        <v>474</v>
      </c>
      <c r="B95378" s="14" t="s">
        <v>1</v>
      </c>
      <c r="C95378" s="14" t="s">
        <v>109</v>
      </c>
      <c r="D95378" s="14" t="s">
        <v>475</v>
      </c>
      <c r="E95378" s="15">
        <v>45489</v>
      </c>
      <c r="F95378" s="14" t="s">
        <v>61</v>
      </c>
      <c r="G95378" s="16">
        <v>8.0703991346298208E-4</v>
      </c>
    </row>
    <row r="95379" spans="1:7" x14ac:dyDescent="0.3">
      <c r="A95379" s="13" t="s">
        <v>474</v>
      </c>
      <c r="B95379" s="14" t="s">
        <v>1</v>
      </c>
      <c r="C95379" s="14" t="s">
        <v>109</v>
      </c>
      <c r="D95379" s="14" t="s">
        <v>475</v>
      </c>
      <c r="E95379" s="15">
        <v>45490</v>
      </c>
      <c r="F95379" s="14" t="s">
        <v>61</v>
      </c>
      <c r="G95379" s="16">
        <v>0</v>
      </c>
    </row>
    <row r="95380" spans="1:7" x14ac:dyDescent="0.3">
      <c r="A95380" s="13" t="s">
        <v>474</v>
      </c>
      <c r="B95380" s="14" t="s">
        <v>1</v>
      </c>
      <c r="C95380" s="14" t="s">
        <v>109</v>
      </c>
      <c r="D95380" s="14" t="s">
        <v>475</v>
      </c>
      <c r="E95380" s="15">
        <v>45491</v>
      </c>
      <c r="F95380" s="14" t="s">
        <v>61</v>
      </c>
      <c r="G95380" s="16">
        <v>0</v>
      </c>
    </row>
    <row r="95381" spans="1:7" x14ac:dyDescent="0.3">
      <c r="A95381" s="13" t="s">
        <v>474</v>
      </c>
      <c r="B95381" s="14" t="s">
        <v>1</v>
      </c>
      <c r="C95381" s="14" t="s">
        <v>109</v>
      </c>
      <c r="D95381" s="14" t="s">
        <v>475</v>
      </c>
      <c r="E95381" s="15">
        <v>45492</v>
      </c>
      <c r="F95381" s="14" t="s">
        <v>61</v>
      </c>
      <c r="G95381" s="16">
        <v>0</v>
      </c>
    </row>
    <row r="95382" spans="1:7" x14ac:dyDescent="0.3">
      <c r="A95382" s="13" t="s">
        <v>474</v>
      </c>
      <c r="B95382" s="14" t="s">
        <v>1</v>
      </c>
      <c r="C95382" s="14" t="s">
        <v>109</v>
      </c>
      <c r="D95382" s="14" t="s">
        <v>475</v>
      </c>
      <c r="E95382" s="15">
        <v>45493</v>
      </c>
      <c r="F95382" s="14" t="s">
        <v>61</v>
      </c>
      <c r="G95382" s="16">
        <v>0</v>
      </c>
    </row>
    <row r="95383" spans="1:7" x14ac:dyDescent="0.3">
      <c r="A95383" s="13" t="s">
        <v>474</v>
      </c>
      <c r="B95383" s="14" t="s">
        <v>1</v>
      </c>
      <c r="C95383" s="14" t="s">
        <v>109</v>
      </c>
      <c r="D95383" s="14" t="s">
        <v>475</v>
      </c>
      <c r="E95383" s="15">
        <v>45494</v>
      </c>
      <c r="F95383" s="14" t="s">
        <v>61</v>
      </c>
      <c r="G95383" s="16">
        <v>0</v>
      </c>
    </row>
    <row r="95384" spans="1:7" x14ac:dyDescent="0.3">
      <c r="A95384" s="13" t="s">
        <v>474</v>
      </c>
      <c r="B95384" s="14" t="s">
        <v>1</v>
      </c>
      <c r="C95384" s="14" t="s">
        <v>109</v>
      </c>
      <c r="D95384" s="14" t="s">
        <v>475</v>
      </c>
      <c r="E95384" s="15">
        <v>45495</v>
      </c>
      <c r="F95384" s="14" t="s">
        <v>61</v>
      </c>
      <c r="G95384" s="16">
        <v>0</v>
      </c>
    </row>
    <row r="95385" spans="1:7" x14ac:dyDescent="0.3">
      <c r="A95385" s="13" t="s">
        <v>474</v>
      </c>
      <c r="B95385" s="14" t="s">
        <v>1</v>
      </c>
      <c r="C95385" s="14" t="s">
        <v>109</v>
      </c>
      <c r="D95385" s="14" t="s">
        <v>475</v>
      </c>
      <c r="E95385" s="15">
        <v>45496</v>
      </c>
      <c r="F95385" s="14" t="s">
        <v>61</v>
      </c>
      <c r="G95385" s="16">
        <v>0</v>
      </c>
    </row>
    <row r="95386" spans="1:7" x14ac:dyDescent="0.3">
      <c r="A95386" s="13" t="s">
        <v>474</v>
      </c>
      <c r="B95386" s="14" t="s">
        <v>1</v>
      </c>
      <c r="C95386" s="14" t="s">
        <v>109</v>
      </c>
      <c r="D95386" s="14" t="s">
        <v>475</v>
      </c>
      <c r="E95386" s="15">
        <v>45497</v>
      </c>
      <c r="F95386" s="14" t="s">
        <v>61</v>
      </c>
      <c r="G95386" s="16">
        <v>0</v>
      </c>
    </row>
    <row r="95387" spans="1:7" x14ac:dyDescent="0.3">
      <c r="A95387" s="13" t="s">
        <v>474</v>
      </c>
      <c r="B95387" s="14" t="s">
        <v>1</v>
      </c>
      <c r="C95387" s="14" t="s">
        <v>109</v>
      </c>
      <c r="D95387" s="14" t="s">
        <v>475</v>
      </c>
      <c r="E95387" s="15">
        <v>45498</v>
      </c>
      <c r="F95387" s="14" t="s">
        <v>61</v>
      </c>
      <c r="G95387" s="16">
        <v>0</v>
      </c>
    </row>
    <row r="95388" spans="1:7" x14ac:dyDescent="0.3">
      <c r="A95388" s="13" t="s">
        <v>474</v>
      </c>
      <c r="B95388" s="14" t="s">
        <v>1</v>
      </c>
      <c r="C95388" s="14" t="s">
        <v>109</v>
      </c>
      <c r="D95388" s="14" t="s">
        <v>475</v>
      </c>
      <c r="E95388" s="15">
        <v>45499</v>
      </c>
      <c r="F95388" s="14" t="s">
        <v>61</v>
      </c>
      <c r="G95388" s="16">
        <v>0</v>
      </c>
    </row>
    <row r="95389" spans="1:7" x14ac:dyDescent="0.3">
      <c r="A95389" s="13" t="s">
        <v>474</v>
      </c>
      <c r="B95389" s="14" t="s">
        <v>1</v>
      </c>
      <c r="C95389" s="14" t="s">
        <v>109</v>
      </c>
      <c r="D95389" s="14" t="s">
        <v>475</v>
      </c>
      <c r="E95389" s="15">
        <v>45500</v>
      </c>
      <c r="F95389" s="14" t="s">
        <v>61</v>
      </c>
      <c r="G95389" s="16">
        <v>0</v>
      </c>
    </row>
    <row r="95390" spans="1:7" x14ac:dyDescent="0.3">
      <c r="A95390" s="13" t="s">
        <v>474</v>
      </c>
      <c r="B95390" s="14" t="s">
        <v>1</v>
      </c>
      <c r="C95390" s="14" t="s">
        <v>109</v>
      </c>
      <c r="D95390" s="14" t="s">
        <v>475</v>
      </c>
      <c r="E95390" s="15">
        <v>45501</v>
      </c>
      <c r="F95390" s="14" t="s">
        <v>61</v>
      </c>
      <c r="G95390" s="16">
        <v>0</v>
      </c>
    </row>
    <row r="95391" spans="1:7" x14ac:dyDescent="0.3">
      <c r="A95391" s="13" t="s">
        <v>474</v>
      </c>
      <c r="B95391" s="14" t="s">
        <v>1</v>
      </c>
      <c r="C95391" s="14" t="s">
        <v>109</v>
      </c>
      <c r="D95391" s="14" t="s">
        <v>475</v>
      </c>
      <c r="E95391" s="15">
        <v>45502</v>
      </c>
      <c r="F95391" s="14" t="s">
        <v>61</v>
      </c>
      <c r="G95391" s="16">
        <v>0</v>
      </c>
    </row>
    <row r="95392" spans="1:7" x14ac:dyDescent="0.3">
      <c r="A95392" s="13" t="s">
        <v>474</v>
      </c>
      <c r="B95392" s="14" t="s">
        <v>1</v>
      </c>
      <c r="C95392" s="14" t="s">
        <v>109</v>
      </c>
      <c r="D95392" s="14" t="s">
        <v>475</v>
      </c>
      <c r="E95392" s="15">
        <v>45503</v>
      </c>
      <c r="F95392" s="14" t="s">
        <v>61</v>
      </c>
      <c r="G95392" s="16">
        <v>0</v>
      </c>
    </row>
    <row r="95393" spans="1:7" x14ac:dyDescent="0.3">
      <c r="A95393" s="13" t="s">
        <v>474</v>
      </c>
      <c r="B95393" s="14" t="s">
        <v>1</v>
      </c>
      <c r="C95393" s="14" t="s">
        <v>109</v>
      </c>
      <c r="D95393" s="14" t="s">
        <v>475</v>
      </c>
      <c r="E95393" s="15">
        <v>45504</v>
      </c>
      <c r="F95393" s="14" t="s">
        <v>61</v>
      </c>
      <c r="G95393" s="16">
        <v>0</v>
      </c>
    </row>
    <row r="95394" spans="1:7" x14ac:dyDescent="0.3">
      <c r="A95394" s="13" t="s">
        <v>474</v>
      </c>
      <c r="B95394" s="14" t="s">
        <v>1</v>
      </c>
      <c r="C95394" s="14" t="s">
        <v>109</v>
      </c>
      <c r="D95394" s="14" t="s">
        <v>475</v>
      </c>
      <c r="E95394" s="15">
        <v>45505</v>
      </c>
      <c r="F95394" s="14" t="s">
        <v>61</v>
      </c>
      <c r="G95394" s="16">
        <v>0</v>
      </c>
    </row>
    <row r="95395" spans="1:7" x14ac:dyDescent="0.3">
      <c r="A95395" s="13" t="s">
        <v>474</v>
      </c>
      <c r="B95395" s="14" t="s">
        <v>1</v>
      </c>
      <c r="C95395" s="14" t="s">
        <v>109</v>
      </c>
      <c r="D95395" s="14" t="s">
        <v>475</v>
      </c>
      <c r="E95395" s="15">
        <v>45506</v>
      </c>
      <c r="F95395" s="14" t="s">
        <v>61</v>
      </c>
      <c r="G95395" s="16">
        <v>0</v>
      </c>
    </row>
    <row r="95396" spans="1:7" x14ac:dyDescent="0.3">
      <c r="A95396" s="13" t="s">
        <v>474</v>
      </c>
      <c r="B95396" s="14" t="s">
        <v>1</v>
      </c>
      <c r="C95396" s="14" t="s">
        <v>109</v>
      </c>
      <c r="D95396" s="14" t="s">
        <v>475</v>
      </c>
      <c r="E95396" s="15">
        <v>45507</v>
      </c>
      <c r="F95396" s="14" t="s">
        <v>61</v>
      </c>
      <c r="G95396" s="16">
        <v>0</v>
      </c>
    </row>
    <row r="95397" spans="1:7" x14ac:dyDescent="0.3">
      <c r="A95397" s="13" t="s">
        <v>474</v>
      </c>
      <c r="B95397" s="14" t="s">
        <v>1</v>
      </c>
      <c r="C95397" s="14" t="s">
        <v>109</v>
      </c>
      <c r="D95397" s="14" t="s">
        <v>475</v>
      </c>
      <c r="E95397" s="15">
        <v>45508</v>
      </c>
      <c r="F95397" s="14" t="s">
        <v>61</v>
      </c>
      <c r="G95397" s="16">
        <v>0</v>
      </c>
    </row>
    <row r="95398" spans="1:7" x14ac:dyDescent="0.3">
      <c r="A95398" s="13" t="s">
        <v>474</v>
      </c>
      <c r="B95398" s="14" t="s">
        <v>1</v>
      </c>
      <c r="C95398" s="14" t="s">
        <v>109</v>
      </c>
      <c r="D95398" s="14" t="s">
        <v>475</v>
      </c>
      <c r="E95398" s="15">
        <v>45509</v>
      </c>
      <c r="F95398" s="14" t="s">
        <v>61</v>
      </c>
      <c r="G95398" s="16">
        <v>0</v>
      </c>
    </row>
    <row r="95399" spans="1:7" x14ac:dyDescent="0.3">
      <c r="A95399" s="13" t="s">
        <v>474</v>
      </c>
      <c r="B95399" s="14" t="s">
        <v>1</v>
      </c>
      <c r="C95399" s="14" t="s">
        <v>109</v>
      </c>
      <c r="D95399" s="14" t="s">
        <v>475</v>
      </c>
      <c r="E95399" s="15">
        <v>45510</v>
      </c>
      <c r="F95399" s="14" t="s">
        <v>61</v>
      </c>
      <c r="G95399" s="16">
        <v>0</v>
      </c>
    </row>
    <row r="95400" spans="1:7" x14ac:dyDescent="0.3">
      <c r="A95400" s="13" t="s">
        <v>474</v>
      </c>
      <c r="B95400" s="14" t="s">
        <v>1</v>
      </c>
      <c r="C95400" s="14" t="s">
        <v>109</v>
      </c>
      <c r="D95400" s="14" t="s">
        <v>475</v>
      </c>
      <c r="E95400" s="15">
        <v>45511</v>
      </c>
      <c r="F95400" s="14" t="s">
        <v>61</v>
      </c>
      <c r="G95400" s="16">
        <v>0</v>
      </c>
    </row>
    <row r="95401" spans="1:7" x14ac:dyDescent="0.3">
      <c r="A95401" s="13" t="s">
        <v>474</v>
      </c>
      <c r="B95401" s="14" t="s">
        <v>1</v>
      </c>
      <c r="C95401" s="14" t="s">
        <v>109</v>
      </c>
      <c r="D95401" s="14" t="s">
        <v>475</v>
      </c>
      <c r="E95401" s="15">
        <v>45512</v>
      </c>
      <c r="F95401" s="14" t="s">
        <v>61</v>
      </c>
      <c r="G95401" s="16">
        <v>0</v>
      </c>
    </row>
    <row r="95402" spans="1:7" x14ac:dyDescent="0.3">
      <c r="A95402" s="13" t="s">
        <v>474</v>
      </c>
      <c r="B95402" s="14" t="s">
        <v>1</v>
      </c>
      <c r="C95402" s="14" t="s">
        <v>109</v>
      </c>
      <c r="D95402" s="14" t="s">
        <v>475</v>
      </c>
      <c r="E95402" s="15">
        <v>45513</v>
      </c>
      <c r="F95402" s="14" t="s">
        <v>61</v>
      </c>
      <c r="G95402" s="16">
        <v>0</v>
      </c>
    </row>
    <row r="95403" spans="1:7" x14ac:dyDescent="0.3">
      <c r="A95403" s="13" t="s">
        <v>474</v>
      </c>
      <c r="B95403" s="14" t="s">
        <v>1</v>
      </c>
      <c r="C95403" s="14" t="s">
        <v>109</v>
      </c>
      <c r="D95403" s="14" t="s">
        <v>475</v>
      </c>
      <c r="E95403" s="15">
        <v>45514</v>
      </c>
      <c r="F95403" s="14" t="s">
        <v>61</v>
      </c>
      <c r="G95403" s="16">
        <v>0</v>
      </c>
    </row>
    <row r="95404" spans="1:7" x14ac:dyDescent="0.3">
      <c r="A95404" s="13" t="s">
        <v>474</v>
      </c>
      <c r="B95404" s="14" t="s">
        <v>1</v>
      </c>
      <c r="C95404" s="14" t="s">
        <v>109</v>
      </c>
      <c r="D95404" s="14" t="s">
        <v>475</v>
      </c>
      <c r="E95404" s="15">
        <v>45515</v>
      </c>
      <c r="F95404" s="14" t="s">
        <v>61</v>
      </c>
      <c r="G95404" s="16">
        <v>0</v>
      </c>
    </row>
    <row r="95405" spans="1:7" x14ac:dyDescent="0.3">
      <c r="A95405" s="13" t="s">
        <v>474</v>
      </c>
      <c r="B95405" s="14" t="s">
        <v>1</v>
      </c>
      <c r="C95405" s="14" t="s">
        <v>109</v>
      </c>
      <c r="D95405" s="14" t="s">
        <v>475</v>
      </c>
      <c r="E95405" s="15">
        <v>45516</v>
      </c>
      <c r="F95405" s="14" t="s">
        <v>61</v>
      </c>
      <c r="G95405" s="16">
        <v>0</v>
      </c>
    </row>
    <row r="95406" spans="1:7" x14ac:dyDescent="0.3">
      <c r="A95406" s="13" t="s">
        <v>474</v>
      </c>
      <c r="B95406" s="14" t="s">
        <v>1</v>
      </c>
      <c r="C95406" s="14" t="s">
        <v>109</v>
      </c>
      <c r="D95406" s="14" t="s">
        <v>475</v>
      </c>
      <c r="E95406" s="15">
        <v>45517</v>
      </c>
      <c r="F95406" s="14" t="s">
        <v>61</v>
      </c>
      <c r="G95406" s="16">
        <v>0</v>
      </c>
    </row>
    <row r="95407" spans="1:7" x14ac:dyDescent="0.3">
      <c r="A95407" s="13" t="s">
        <v>474</v>
      </c>
      <c r="B95407" s="14" t="s">
        <v>1</v>
      </c>
      <c r="C95407" s="14" t="s">
        <v>109</v>
      </c>
      <c r="D95407" s="14" t="s">
        <v>475</v>
      </c>
      <c r="E95407" s="15">
        <v>45518</v>
      </c>
      <c r="F95407" s="14" t="s">
        <v>61</v>
      </c>
      <c r="G95407" s="16">
        <v>0</v>
      </c>
    </row>
    <row r="95408" spans="1:7" x14ac:dyDescent="0.3">
      <c r="A95408" s="13" t="s">
        <v>474</v>
      </c>
      <c r="B95408" s="14" t="s">
        <v>1</v>
      </c>
      <c r="C95408" s="14" t="s">
        <v>109</v>
      </c>
      <c r="D95408" s="14" t="s">
        <v>475</v>
      </c>
      <c r="E95408" s="15">
        <v>45519</v>
      </c>
      <c r="F95408" s="14" t="s">
        <v>61</v>
      </c>
      <c r="G95408" s="16">
        <v>0</v>
      </c>
    </row>
    <row r="95409" spans="1:7" x14ac:dyDescent="0.3">
      <c r="A95409" s="13" t="s">
        <v>474</v>
      </c>
      <c r="B95409" s="14" t="s">
        <v>1</v>
      </c>
      <c r="C95409" s="14" t="s">
        <v>109</v>
      </c>
      <c r="D95409" s="14" t="s">
        <v>475</v>
      </c>
      <c r="E95409" s="15">
        <v>45520</v>
      </c>
      <c r="F95409" s="14" t="s">
        <v>61</v>
      </c>
      <c r="G95409" s="16">
        <v>0</v>
      </c>
    </row>
    <row r="95410" spans="1:7" x14ac:dyDescent="0.3">
      <c r="A95410" s="13" t="s">
        <v>474</v>
      </c>
      <c r="B95410" s="14" t="s">
        <v>1</v>
      </c>
      <c r="C95410" s="14" t="s">
        <v>109</v>
      </c>
      <c r="D95410" s="14" t="s">
        <v>475</v>
      </c>
      <c r="E95410" s="15">
        <v>45521</v>
      </c>
      <c r="F95410" s="14" t="s">
        <v>61</v>
      </c>
      <c r="G95410" s="16">
        <v>0</v>
      </c>
    </row>
    <row r="95411" spans="1:7" x14ac:dyDescent="0.3">
      <c r="A95411" s="13" t="s">
        <v>474</v>
      </c>
      <c r="B95411" s="14" t="s">
        <v>1</v>
      </c>
      <c r="C95411" s="14" t="s">
        <v>109</v>
      </c>
      <c r="D95411" s="14" t="s">
        <v>475</v>
      </c>
      <c r="E95411" s="15">
        <v>45522</v>
      </c>
      <c r="F95411" s="14" t="s">
        <v>61</v>
      </c>
      <c r="G95411" s="16">
        <v>0</v>
      </c>
    </row>
    <row r="95412" spans="1:7" x14ac:dyDescent="0.3">
      <c r="A95412" s="13" t="s">
        <v>474</v>
      </c>
      <c r="B95412" s="14" t="s">
        <v>1</v>
      </c>
      <c r="C95412" s="14" t="s">
        <v>109</v>
      </c>
      <c r="D95412" s="14" t="s">
        <v>475</v>
      </c>
      <c r="E95412" s="15">
        <v>45523</v>
      </c>
      <c r="F95412" s="14" t="s">
        <v>61</v>
      </c>
      <c r="G95412" s="16">
        <v>0</v>
      </c>
    </row>
    <row r="95413" spans="1:7" x14ac:dyDescent="0.3">
      <c r="A95413" s="13" t="s">
        <v>474</v>
      </c>
      <c r="B95413" s="14" t="s">
        <v>1</v>
      </c>
      <c r="C95413" s="14" t="s">
        <v>109</v>
      </c>
      <c r="D95413" s="14" t="s">
        <v>475</v>
      </c>
      <c r="E95413" s="15">
        <v>45524</v>
      </c>
      <c r="F95413" s="14" t="s">
        <v>61</v>
      </c>
      <c r="G95413" s="16">
        <v>0</v>
      </c>
    </row>
    <row r="95414" spans="1:7" x14ac:dyDescent="0.3">
      <c r="A95414" s="13" t="s">
        <v>474</v>
      </c>
      <c r="B95414" s="14" t="s">
        <v>1</v>
      </c>
      <c r="C95414" s="14" t="s">
        <v>109</v>
      </c>
      <c r="D95414" s="14" t="s">
        <v>475</v>
      </c>
      <c r="E95414" s="15">
        <v>45525</v>
      </c>
      <c r="F95414" s="14" t="s">
        <v>61</v>
      </c>
      <c r="G95414" s="16">
        <v>0</v>
      </c>
    </row>
    <row r="95415" spans="1:7" x14ac:dyDescent="0.3">
      <c r="A95415" s="13" t="s">
        <v>474</v>
      </c>
      <c r="B95415" s="14" t="s">
        <v>1</v>
      </c>
      <c r="C95415" s="14" t="s">
        <v>109</v>
      </c>
      <c r="D95415" s="14" t="s">
        <v>475</v>
      </c>
      <c r="E95415" s="15">
        <v>45526</v>
      </c>
      <c r="F95415" s="14" t="s">
        <v>61</v>
      </c>
      <c r="G95415" s="16">
        <v>0</v>
      </c>
    </row>
    <row r="95416" spans="1:7" x14ac:dyDescent="0.3">
      <c r="A95416" s="13" t="s">
        <v>474</v>
      </c>
      <c r="B95416" s="14" t="s">
        <v>1</v>
      </c>
      <c r="C95416" s="14" t="s">
        <v>109</v>
      </c>
      <c r="D95416" s="14" t="s">
        <v>475</v>
      </c>
      <c r="E95416" s="15">
        <v>45527</v>
      </c>
      <c r="F95416" s="14" t="s">
        <v>61</v>
      </c>
      <c r="G95416" s="16">
        <v>4.5746891751675663E-4</v>
      </c>
    </row>
    <row r="95417" spans="1:7" x14ac:dyDescent="0.3">
      <c r="A95417" s="13" t="s">
        <v>474</v>
      </c>
      <c r="B95417" s="14" t="s">
        <v>1</v>
      </c>
      <c r="C95417" s="14" t="s">
        <v>109</v>
      </c>
      <c r="D95417" s="14" t="s">
        <v>475</v>
      </c>
      <c r="E95417" s="15">
        <v>45528</v>
      </c>
      <c r="F95417" s="14" t="s">
        <v>61</v>
      </c>
      <c r="G95417" s="16">
        <v>4.5746891751675663E-4</v>
      </c>
    </row>
    <row r="95418" spans="1:7" x14ac:dyDescent="0.3">
      <c r="A95418" s="13" t="s">
        <v>474</v>
      </c>
      <c r="B95418" s="14" t="s">
        <v>1</v>
      </c>
      <c r="C95418" s="14" t="s">
        <v>109</v>
      </c>
      <c r="D95418" s="14" t="s">
        <v>475</v>
      </c>
      <c r="E95418" s="15">
        <v>45529</v>
      </c>
      <c r="F95418" s="14" t="s">
        <v>61</v>
      </c>
      <c r="G95418" s="16">
        <v>4.5746891751675663E-4</v>
      </c>
    </row>
    <row r="95419" spans="1:7" x14ac:dyDescent="0.3">
      <c r="A95419" s="13" t="s">
        <v>474</v>
      </c>
      <c r="B95419" s="14" t="s">
        <v>1</v>
      </c>
      <c r="C95419" s="14" t="s">
        <v>109</v>
      </c>
      <c r="D95419" s="14" t="s">
        <v>475</v>
      </c>
      <c r="E95419" s="15">
        <v>45530</v>
      </c>
      <c r="F95419" s="14" t="s">
        <v>61</v>
      </c>
      <c r="G95419" s="16">
        <v>0</v>
      </c>
    </row>
    <row r="95420" spans="1:7" x14ac:dyDescent="0.3">
      <c r="A95420" s="13" t="s">
        <v>474</v>
      </c>
      <c r="B95420" s="14" t="s">
        <v>1</v>
      </c>
      <c r="C95420" s="14" t="s">
        <v>109</v>
      </c>
      <c r="D95420" s="14" t="s">
        <v>475</v>
      </c>
      <c r="E95420" s="15">
        <v>45531</v>
      </c>
      <c r="F95420" s="14" t="s">
        <v>61</v>
      </c>
      <c r="G95420" s="16">
        <v>0</v>
      </c>
    </row>
    <row r="95421" spans="1:7" x14ac:dyDescent="0.3">
      <c r="A95421" s="13" t="s">
        <v>474</v>
      </c>
      <c r="B95421" s="14" t="s">
        <v>1</v>
      </c>
      <c r="C95421" s="14" t="s">
        <v>109</v>
      </c>
      <c r="D95421" s="14" t="s">
        <v>475</v>
      </c>
      <c r="E95421" s="15">
        <v>45532</v>
      </c>
      <c r="F95421" s="14" t="s">
        <v>61</v>
      </c>
      <c r="G95421" s="16">
        <v>3.3577519479516493E-4</v>
      </c>
    </row>
    <row r="95422" spans="1:7" x14ac:dyDescent="0.3">
      <c r="A95422" s="13" t="s">
        <v>474</v>
      </c>
      <c r="B95422" s="14" t="s">
        <v>1</v>
      </c>
      <c r="C95422" s="14" t="s">
        <v>109</v>
      </c>
      <c r="D95422" s="14" t="s">
        <v>475</v>
      </c>
      <c r="E95422" s="15">
        <v>45533</v>
      </c>
      <c r="F95422" s="14" t="s">
        <v>61</v>
      </c>
      <c r="G95422" s="16">
        <v>1.2331365859140445E-2</v>
      </c>
    </row>
    <row r="95423" spans="1:7" x14ac:dyDescent="0.3">
      <c r="A95423" s="13" t="s">
        <v>474</v>
      </c>
      <c r="B95423" s="14" t="s">
        <v>1</v>
      </c>
      <c r="C95423" s="14" t="s">
        <v>109</v>
      </c>
      <c r="D95423" s="14" t="s">
        <v>475</v>
      </c>
      <c r="E95423" s="15">
        <v>45534</v>
      </c>
      <c r="F95423" s="14" t="s">
        <v>61</v>
      </c>
      <c r="G95423" s="16">
        <v>9.8001119450488484E-3</v>
      </c>
    </row>
    <row r="95424" spans="1:7" x14ac:dyDescent="0.3">
      <c r="A95424" s="13" t="s">
        <v>474</v>
      </c>
      <c r="B95424" s="14" t="s">
        <v>1</v>
      </c>
      <c r="C95424" s="14" t="s">
        <v>109</v>
      </c>
      <c r="D95424" s="14" t="s">
        <v>475</v>
      </c>
      <c r="E95424" s="15">
        <v>45535</v>
      </c>
      <c r="F95424" s="14" t="s">
        <v>61</v>
      </c>
      <c r="G95424" s="16">
        <v>9.8001119450488484E-3</v>
      </c>
    </row>
    <row r="95425" spans="1:7" x14ac:dyDescent="0.3">
      <c r="A95425" s="13" t="s">
        <v>474</v>
      </c>
      <c r="B95425" s="14" t="s">
        <v>1</v>
      </c>
      <c r="C95425" s="14" t="s">
        <v>109</v>
      </c>
      <c r="D95425" s="14" t="s">
        <v>475</v>
      </c>
      <c r="E95425" s="15">
        <v>45536</v>
      </c>
      <c r="F95425" s="14" t="s">
        <v>61</v>
      </c>
      <c r="G95425" s="16">
        <v>9.8001119450488484E-3</v>
      </c>
    </row>
    <row r="95426" spans="1:7" x14ac:dyDescent="0.3">
      <c r="A95426" s="13" t="s">
        <v>474</v>
      </c>
      <c r="B95426" s="14" t="s">
        <v>1</v>
      </c>
      <c r="C95426" s="14" t="s">
        <v>109</v>
      </c>
      <c r="D95426" s="14" t="s">
        <v>475</v>
      </c>
      <c r="E95426" s="15">
        <v>45537</v>
      </c>
      <c r="F95426" s="14" t="s">
        <v>61</v>
      </c>
      <c r="G95426" s="16">
        <v>7.2200831903446927E-3</v>
      </c>
    </row>
    <row r="95427" spans="1:7" x14ac:dyDescent="0.3">
      <c r="A95427" s="13" t="s">
        <v>474</v>
      </c>
      <c r="B95427" s="14" t="s">
        <v>1</v>
      </c>
      <c r="C95427" s="14" t="s">
        <v>109</v>
      </c>
      <c r="D95427" s="14" t="s">
        <v>475</v>
      </c>
      <c r="E95427" s="15">
        <v>45538</v>
      </c>
      <c r="F95427" s="14" t="s">
        <v>61</v>
      </c>
      <c r="G95427" s="16">
        <v>0</v>
      </c>
    </row>
    <row r="95428" spans="1:7" x14ac:dyDescent="0.3">
      <c r="A95428" s="13" t="s">
        <v>474</v>
      </c>
      <c r="B95428" s="14" t="s">
        <v>1</v>
      </c>
      <c r="C95428" s="14" t="s">
        <v>109</v>
      </c>
      <c r="D95428" s="14" t="s">
        <v>475</v>
      </c>
      <c r="E95428" s="15">
        <v>45539</v>
      </c>
      <c r="F95428" s="14" t="s">
        <v>61</v>
      </c>
      <c r="G95428" s="16">
        <v>0</v>
      </c>
    </row>
    <row r="95429" spans="1:7" x14ac:dyDescent="0.3">
      <c r="A95429" s="13" t="s">
        <v>474</v>
      </c>
      <c r="B95429" s="14" t="s">
        <v>1</v>
      </c>
      <c r="C95429" s="14" t="s">
        <v>109</v>
      </c>
      <c r="D95429" s="14" t="s">
        <v>475</v>
      </c>
      <c r="E95429" s="15">
        <v>45540</v>
      </c>
      <c r="F95429" s="14" t="s">
        <v>61</v>
      </c>
      <c r="G95429" s="16">
        <v>0</v>
      </c>
    </row>
    <row r="95430" spans="1:7" x14ac:dyDescent="0.3">
      <c r="A95430" s="13" t="s">
        <v>474</v>
      </c>
      <c r="B95430" s="14" t="s">
        <v>1</v>
      </c>
      <c r="C95430" s="14" t="s">
        <v>109</v>
      </c>
      <c r="D95430" s="14" t="s">
        <v>475</v>
      </c>
      <c r="E95430" s="15">
        <v>45541</v>
      </c>
      <c r="F95430" s="14" t="s">
        <v>61</v>
      </c>
      <c r="G95430" s="16">
        <v>0</v>
      </c>
    </row>
    <row r="95431" spans="1:7" x14ac:dyDescent="0.3">
      <c r="A95431" s="13" t="s">
        <v>474</v>
      </c>
      <c r="B95431" s="14" t="s">
        <v>1</v>
      </c>
      <c r="C95431" s="14" t="s">
        <v>109</v>
      </c>
      <c r="D95431" s="14" t="s">
        <v>475</v>
      </c>
      <c r="E95431" s="15">
        <v>45542</v>
      </c>
      <c r="F95431" s="14" t="s">
        <v>61</v>
      </c>
      <c r="G95431" s="16">
        <v>0</v>
      </c>
    </row>
    <row r="95432" spans="1:7" x14ac:dyDescent="0.3">
      <c r="A95432" s="13" t="s">
        <v>474</v>
      </c>
      <c r="B95432" s="14" t="s">
        <v>1</v>
      </c>
      <c r="C95432" s="14" t="s">
        <v>109</v>
      </c>
      <c r="D95432" s="14" t="s">
        <v>475</v>
      </c>
      <c r="E95432" s="15">
        <v>45543</v>
      </c>
      <c r="F95432" s="14" t="s">
        <v>61</v>
      </c>
      <c r="G95432" s="16">
        <v>0</v>
      </c>
    </row>
    <row r="95433" spans="1:7" x14ac:dyDescent="0.3">
      <c r="A95433" s="13" t="s">
        <v>474</v>
      </c>
      <c r="B95433" s="14" t="s">
        <v>1</v>
      </c>
      <c r="C95433" s="14" t="s">
        <v>109</v>
      </c>
      <c r="D95433" s="14" t="s">
        <v>475</v>
      </c>
      <c r="E95433" s="15">
        <v>45544</v>
      </c>
      <c r="F95433" s="14" t="s">
        <v>61</v>
      </c>
      <c r="G95433" s="16">
        <v>0</v>
      </c>
    </row>
    <row r="95434" spans="1:7" x14ac:dyDescent="0.3">
      <c r="A95434" s="13" t="s">
        <v>474</v>
      </c>
      <c r="B95434" s="14" t="s">
        <v>1</v>
      </c>
      <c r="C95434" s="14" t="s">
        <v>109</v>
      </c>
      <c r="D95434" s="14" t="s">
        <v>475</v>
      </c>
      <c r="E95434" s="15">
        <v>45545</v>
      </c>
      <c r="F95434" s="14" t="s">
        <v>61</v>
      </c>
      <c r="G95434" s="16">
        <v>0</v>
      </c>
    </row>
    <row r="95435" spans="1:7" x14ac:dyDescent="0.3">
      <c r="A95435" s="13" t="s">
        <v>474</v>
      </c>
      <c r="B95435" s="14" t="s">
        <v>1</v>
      </c>
      <c r="C95435" s="14" t="s">
        <v>109</v>
      </c>
      <c r="D95435" s="14" t="s">
        <v>475</v>
      </c>
      <c r="E95435" s="15">
        <v>45546</v>
      </c>
      <c r="F95435" s="14" t="s">
        <v>61</v>
      </c>
      <c r="G95435" s="16">
        <v>0</v>
      </c>
    </row>
    <row r="95436" spans="1:7" x14ac:dyDescent="0.3">
      <c r="A95436" s="13" t="s">
        <v>474</v>
      </c>
      <c r="B95436" s="14" t="s">
        <v>1</v>
      </c>
      <c r="C95436" s="14" t="s">
        <v>109</v>
      </c>
      <c r="D95436" s="14" t="s">
        <v>475</v>
      </c>
      <c r="E95436" s="15">
        <v>45547</v>
      </c>
      <c r="F95436" s="14" t="s">
        <v>61</v>
      </c>
      <c r="G95436" s="16">
        <v>0</v>
      </c>
    </row>
    <row r="95437" spans="1:7" x14ac:dyDescent="0.3">
      <c r="A95437" s="13" t="s">
        <v>474</v>
      </c>
      <c r="B95437" s="14" t="s">
        <v>1</v>
      </c>
      <c r="C95437" s="14" t="s">
        <v>109</v>
      </c>
      <c r="D95437" s="14" t="s">
        <v>475</v>
      </c>
      <c r="E95437" s="15">
        <v>45548</v>
      </c>
      <c r="F95437" s="14" t="s">
        <v>61</v>
      </c>
      <c r="G95437" s="16">
        <v>0</v>
      </c>
    </row>
    <row r="95438" spans="1:7" x14ac:dyDescent="0.3">
      <c r="A95438" s="13" t="s">
        <v>474</v>
      </c>
      <c r="B95438" s="14" t="s">
        <v>1</v>
      </c>
      <c r="C95438" s="14" t="s">
        <v>109</v>
      </c>
      <c r="D95438" s="14" t="s">
        <v>475</v>
      </c>
      <c r="E95438" s="15">
        <v>45549</v>
      </c>
      <c r="F95438" s="14" t="s">
        <v>61</v>
      </c>
      <c r="G95438" s="16">
        <v>0</v>
      </c>
    </row>
    <row r="95439" spans="1:7" x14ac:dyDescent="0.3">
      <c r="A95439" s="13" t="s">
        <v>474</v>
      </c>
      <c r="B95439" s="14" t="s">
        <v>1</v>
      </c>
      <c r="C95439" s="14" t="s">
        <v>109</v>
      </c>
      <c r="D95439" s="14" t="s">
        <v>475</v>
      </c>
      <c r="E95439" s="15">
        <v>45550</v>
      </c>
      <c r="F95439" s="14" t="s">
        <v>61</v>
      </c>
      <c r="G95439" s="16">
        <v>0</v>
      </c>
    </row>
    <row r="95440" spans="1:7" x14ac:dyDescent="0.3">
      <c r="A95440" s="13" t="s">
        <v>474</v>
      </c>
      <c r="B95440" s="14" t="s">
        <v>1</v>
      </c>
      <c r="C95440" s="14" t="s">
        <v>109</v>
      </c>
      <c r="D95440" s="14" t="s">
        <v>475</v>
      </c>
      <c r="E95440" s="15">
        <v>45551</v>
      </c>
      <c r="F95440" s="14" t="s">
        <v>61</v>
      </c>
      <c r="G95440" s="16">
        <v>0</v>
      </c>
    </row>
    <row r="95441" spans="1:7" x14ac:dyDescent="0.3">
      <c r="A95441" s="13" t="s">
        <v>474</v>
      </c>
      <c r="B95441" s="14" t="s">
        <v>1</v>
      </c>
      <c r="C95441" s="14" t="s">
        <v>109</v>
      </c>
      <c r="D95441" s="14" t="s">
        <v>475</v>
      </c>
      <c r="E95441" s="15">
        <v>45552</v>
      </c>
      <c r="F95441" s="14" t="s">
        <v>61</v>
      </c>
      <c r="G95441" s="16">
        <v>0</v>
      </c>
    </row>
    <row r="95442" spans="1:7" x14ac:dyDescent="0.3">
      <c r="A95442" s="13" t="s">
        <v>474</v>
      </c>
      <c r="B95442" s="14" t="s">
        <v>1</v>
      </c>
      <c r="C95442" s="14" t="s">
        <v>109</v>
      </c>
      <c r="D95442" s="14" t="s">
        <v>475</v>
      </c>
      <c r="E95442" s="15">
        <v>45553</v>
      </c>
      <c r="F95442" s="14" t="s">
        <v>61</v>
      </c>
      <c r="G95442" s="16">
        <v>0</v>
      </c>
    </row>
    <row r="95443" spans="1:7" x14ac:dyDescent="0.3">
      <c r="A95443" s="13" t="s">
        <v>474</v>
      </c>
      <c r="B95443" s="14" t="s">
        <v>1</v>
      </c>
      <c r="C95443" s="14" t="s">
        <v>109</v>
      </c>
      <c r="D95443" s="14" t="s">
        <v>475</v>
      </c>
      <c r="E95443" s="15">
        <v>45554</v>
      </c>
      <c r="F95443" s="14" t="s">
        <v>61</v>
      </c>
      <c r="G95443" s="16">
        <v>0</v>
      </c>
    </row>
    <row r="95444" spans="1:7" x14ac:dyDescent="0.3">
      <c r="A95444" s="13" t="s">
        <v>474</v>
      </c>
      <c r="B95444" s="14" t="s">
        <v>1</v>
      </c>
      <c r="C95444" s="14" t="s">
        <v>109</v>
      </c>
      <c r="D95444" s="14" t="s">
        <v>475</v>
      </c>
      <c r="E95444" s="15">
        <v>45555</v>
      </c>
      <c r="F95444" s="14" t="s">
        <v>61</v>
      </c>
      <c r="G95444" s="16">
        <v>0</v>
      </c>
    </row>
    <row r="95445" spans="1:7" x14ac:dyDescent="0.3">
      <c r="A95445" s="13" t="s">
        <v>474</v>
      </c>
      <c r="B95445" s="14" t="s">
        <v>1</v>
      </c>
      <c r="C95445" s="14" t="s">
        <v>109</v>
      </c>
      <c r="D95445" s="14" t="s">
        <v>475</v>
      </c>
      <c r="E95445" s="15">
        <v>45556</v>
      </c>
      <c r="F95445" s="14" t="s">
        <v>61</v>
      </c>
      <c r="G95445" s="16">
        <v>0</v>
      </c>
    </row>
    <row r="95446" spans="1:7" x14ac:dyDescent="0.3">
      <c r="A95446" s="13" t="s">
        <v>474</v>
      </c>
      <c r="B95446" s="14" t="s">
        <v>1</v>
      </c>
      <c r="C95446" s="14" t="s">
        <v>109</v>
      </c>
      <c r="D95446" s="14" t="s">
        <v>475</v>
      </c>
      <c r="E95446" s="15">
        <v>45557</v>
      </c>
      <c r="F95446" s="14" t="s">
        <v>61</v>
      </c>
      <c r="G95446" s="16">
        <v>0</v>
      </c>
    </row>
    <row r="95447" spans="1:7" x14ac:dyDescent="0.3">
      <c r="A95447" s="13" t="s">
        <v>474</v>
      </c>
      <c r="B95447" s="14" t="s">
        <v>1</v>
      </c>
      <c r="C95447" s="14" t="s">
        <v>109</v>
      </c>
      <c r="D95447" s="14" t="s">
        <v>475</v>
      </c>
      <c r="E95447" s="15">
        <v>45558</v>
      </c>
      <c r="F95447" s="14" t="s">
        <v>61</v>
      </c>
      <c r="G95447" s="16">
        <v>0</v>
      </c>
    </row>
    <row r="95448" spans="1:7" x14ac:dyDescent="0.3">
      <c r="A95448" s="13" t="s">
        <v>474</v>
      </c>
      <c r="B95448" s="14" t="s">
        <v>1</v>
      </c>
      <c r="C95448" s="14" t="s">
        <v>109</v>
      </c>
      <c r="D95448" s="14" t="s">
        <v>475</v>
      </c>
      <c r="E95448" s="15">
        <v>45559</v>
      </c>
      <c r="F95448" s="14" t="s">
        <v>61</v>
      </c>
      <c r="G95448" s="16">
        <v>0</v>
      </c>
    </row>
    <row r="95449" spans="1:7" x14ac:dyDescent="0.3">
      <c r="A95449" s="13" t="s">
        <v>474</v>
      </c>
      <c r="B95449" s="14" t="s">
        <v>1</v>
      </c>
      <c r="C95449" s="14" t="s">
        <v>109</v>
      </c>
      <c r="D95449" s="14" t="s">
        <v>475</v>
      </c>
      <c r="E95449" s="15">
        <v>45560</v>
      </c>
      <c r="F95449" s="14" t="s">
        <v>61</v>
      </c>
      <c r="G95449" s="16">
        <v>0</v>
      </c>
    </row>
    <row r="95450" spans="1:7" x14ac:dyDescent="0.3">
      <c r="A95450" s="13" t="s">
        <v>474</v>
      </c>
      <c r="B95450" s="14" t="s">
        <v>1</v>
      </c>
      <c r="C95450" s="14" t="s">
        <v>109</v>
      </c>
      <c r="D95450" s="14" t="s">
        <v>475</v>
      </c>
      <c r="E95450" s="15">
        <v>45561</v>
      </c>
      <c r="F95450" s="14" t="s">
        <v>61</v>
      </c>
      <c r="G95450" s="16">
        <v>0</v>
      </c>
    </row>
    <row r="95451" spans="1:7" x14ac:dyDescent="0.3">
      <c r="A95451" s="13" t="s">
        <v>474</v>
      </c>
      <c r="B95451" s="14" t="s">
        <v>1</v>
      </c>
      <c r="C95451" s="14" t="s">
        <v>109</v>
      </c>
      <c r="D95451" s="14" t="s">
        <v>475</v>
      </c>
      <c r="E95451" s="15">
        <v>45562</v>
      </c>
      <c r="F95451" s="14" t="s">
        <v>61</v>
      </c>
      <c r="G95451" s="16">
        <v>0</v>
      </c>
    </row>
    <row r="95452" spans="1:7" x14ac:dyDescent="0.3">
      <c r="A95452" s="13" t="s">
        <v>474</v>
      </c>
      <c r="B95452" s="14" t="s">
        <v>1</v>
      </c>
      <c r="C95452" s="14" t="s">
        <v>109</v>
      </c>
      <c r="D95452" s="14" t="s">
        <v>475</v>
      </c>
      <c r="E95452" s="15">
        <v>45563</v>
      </c>
      <c r="F95452" s="14" t="s">
        <v>61</v>
      </c>
      <c r="G95452" s="16">
        <v>0</v>
      </c>
    </row>
    <row r="95453" spans="1:7" x14ac:dyDescent="0.3">
      <c r="A95453" s="13" t="s">
        <v>474</v>
      </c>
      <c r="B95453" s="14" t="s">
        <v>1</v>
      </c>
      <c r="C95453" s="14" t="s">
        <v>109</v>
      </c>
      <c r="D95453" s="14" t="s">
        <v>475</v>
      </c>
      <c r="E95453" s="15">
        <v>45564</v>
      </c>
      <c r="F95453" s="14" t="s">
        <v>61</v>
      </c>
      <c r="G95453" s="16">
        <v>0</v>
      </c>
    </row>
    <row r="95454" spans="1:7" x14ac:dyDescent="0.3">
      <c r="A95454" s="13" t="s">
        <v>474</v>
      </c>
      <c r="B95454" s="14" t="s">
        <v>1</v>
      </c>
      <c r="C95454" s="14" t="s">
        <v>109</v>
      </c>
      <c r="D95454" s="14" t="s">
        <v>475</v>
      </c>
      <c r="E95454" s="15">
        <v>45565</v>
      </c>
      <c r="F95454" s="14" t="s">
        <v>61</v>
      </c>
      <c r="G95454" s="16">
        <v>0</v>
      </c>
    </row>
    <row r="95455" spans="1:7" x14ac:dyDescent="0.3">
      <c r="A95455" s="13" t="s">
        <v>474</v>
      </c>
      <c r="B95455" s="14" t="s">
        <v>1</v>
      </c>
      <c r="C95455" s="14" t="s">
        <v>109</v>
      </c>
      <c r="D95455" s="14" t="s">
        <v>475</v>
      </c>
      <c r="E95455" s="15">
        <v>45566</v>
      </c>
      <c r="F95455" s="14" t="s">
        <v>61</v>
      </c>
      <c r="G95455" s="16">
        <v>0</v>
      </c>
    </row>
    <row r="95456" spans="1:7" x14ac:dyDescent="0.3">
      <c r="A95456" s="13" t="s">
        <v>474</v>
      </c>
      <c r="B95456" s="14" t="s">
        <v>1</v>
      </c>
      <c r="C95456" s="14" t="s">
        <v>109</v>
      </c>
      <c r="D95456" s="14" t="s">
        <v>475</v>
      </c>
      <c r="E95456" s="15">
        <v>45567</v>
      </c>
      <c r="F95456" s="14" t="s">
        <v>61</v>
      </c>
      <c r="G95456" s="16">
        <v>0</v>
      </c>
    </row>
    <row r="95457" spans="1:7" x14ac:dyDescent="0.3">
      <c r="A95457" s="13" t="s">
        <v>474</v>
      </c>
      <c r="B95457" s="14" t="s">
        <v>1</v>
      </c>
      <c r="C95457" s="14" t="s">
        <v>109</v>
      </c>
      <c r="D95457" s="14" t="s">
        <v>475</v>
      </c>
      <c r="E95457" s="15">
        <v>45568</v>
      </c>
      <c r="F95457" s="14" t="s">
        <v>61</v>
      </c>
      <c r="G95457" s="16">
        <v>0</v>
      </c>
    </row>
    <row r="95458" spans="1:7" x14ac:dyDescent="0.3">
      <c r="A95458" s="13" t="s">
        <v>474</v>
      </c>
      <c r="B95458" s="14" t="s">
        <v>1</v>
      </c>
      <c r="C95458" s="14" t="s">
        <v>109</v>
      </c>
      <c r="D95458" s="14" t="s">
        <v>475</v>
      </c>
      <c r="E95458" s="15">
        <v>45569</v>
      </c>
      <c r="F95458" s="14" t="s">
        <v>61</v>
      </c>
      <c r="G95458" s="16">
        <v>0</v>
      </c>
    </row>
    <row r="95459" spans="1:7" x14ac:dyDescent="0.3">
      <c r="A95459" s="13" t="s">
        <v>474</v>
      </c>
      <c r="B95459" s="14" t="s">
        <v>1</v>
      </c>
      <c r="C95459" s="14" t="s">
        <v>109</v>
      </c>
      <c r="D95459" s="14" t="s">
        <v>475</v>
      </c>
      <c r="E95459" s="15">
        <v>45570</v>
      </c>
      <c r="F95459" s="14" t="s">
        <v>61</v>
      </c>
      <c r="G95459" s="16">
        <v>0</v>
      </c>
    </row>
    <row r="95460" spans="1:7" x14ac:dyDescent="0.3">
      <c r="A95460" s="13" t="s">
        <v>474</v>
      </c>
      <c r="B95460" s="14" t="s">
        <v>1</v>
      </c>
      <c r="C95460" s="14" t="s">
        <v>109</v>
      </c>
      <c r="D95460" s="14" t="s">
        <v>475</v>
      </c>
      <c r="E95460" s="15">
        <v>45571</v>
      </c>
      <c r="F95460" s="14" t="s">
        <v>61</v>
      </c>
      <c r="G95460" s="16">
        <v>0</v>
      </c>
    </row>
    <row r="95461" spans="1:7" x14ac:dyDescent="0.3">
      <c r="A95461" s="13" t="s">
        <v>474</v>
      </c>
      <c r="B95461" s="14" t="s">
        <v>1</v>
      </c>
      <c r="C95461" s="14" t="s">
        <v>109</v>
      </c>
      <c r="D95461" s="14" t="s">
        <v>475</v>
      </c>
      <c r="E95461" s="15">
        <v>45572</v>
      </c>
      <c r="F95461" s="14" t="s">
        <v>61</v>
      </c>
      <c r="G95461" s="16">
        <v>0</v>
      </c>
    </row>
    <row r="95462" spans="1:7" x14ac:dyDescent="0.3">
      <c r="A95462" s="13" t="s">
        <v>474</v>
      </c>
      <c r="B95462" s="14" t="s">
        <v>1</v>
      </c>
      <c r="C95462" s="14" t="s">
        <v>109</v>
      </c>
      <c r="D95462" s="14" t="s">
        <v>475</v>
      </c>
      <c r="E95462" s="15">
        <v>45573</v>
      </c>
      <c r="F95462" s="14" t="s">
        <v>61</v>
      </c>
      <c r="G95462" s="16">
        <v>0</v>
      </c>
    </row>
    <row r="95463" spans="1:7" x14ac:dyDescent="0.3">
      <c r="A95463" s="13" t="s">
        <v>474</v>
      </c>
      <c r="B95463" s="14" t="s">
        <v>1</v>
      </c>
      <c r="C95463" s="14" t="s">
        <v>109</v>
      </c>
      <c r="D95463" s="14" t="s">
        <v>475</v>
      </c>
      <c r="E95463" s="15">
        <v>45574</v>
      </c>
      <c r="F95463" s="14" t="s">
        <v>61</v>
      </c>
      <c r="G95463" s="16">
        <v>0</v>
      </c>
    </row>
    <row r="95464" spans="1:7" x14ac:dyDescent="0.3">
      <c r="A95464" s="13" t="s">
        <v>474</v>
      </c>
      <c r="B95464" s="14" t="s">
        <v>1</v>
      </c>
      <c r="C95464" s="14" t="s">
        <v>109</v>
      </c>
      <c r="D95464" s="14" t="s">
        <v>475</v>
      </c>
      <c r="E95464" s="15">
        <v>45575</v>
      </c>
      <c r="F95464" s="14" t="s">
        <v>61</v>
      </c>
      <c r="G95464" s="16">
        <v>0</v>
      </c>
    </row>
    <row r="95465" spans="1:7" x14ac:dyDescent="0.3">
      <c r="A95465" s="13" t="s">
        <v>474</v>
      </c>
      <c r="B95465" s="14" t="s">
        <v>1</v>
      </c>
      <c r="C95465" s="14" t="s">
        <v>109</v>
      </c>
      <c r="D95465" s="14" t="s">
        <v>475</v>
      </c>
      <c r="E95465" s="15">
        <v>45576</v>
      </c>
      <c r="F95465" s="14" t="s">
        <v>61</v>
      </c>
      <c r="G95465" s="16">
        <v>0</v>
      </c>
    </row>
    <row r="95466" spans="1:7" x14ac:dyDescent="0.3">
      <c r="A95466" s="13" t="s">
        <v>474</v>
      </c>
      <c r="B95466" s="14" t="s">
        <v>1</v>
      </c>
      <c r="C95466" s="14" t="s">
        <v>109</v>
      </c>
      <c r="D95466" s="14" t="s">
        <v>475</v>
      </c>
      <c r="E95466" s="15">
        <v>45577</v>
      </c>
      <c r="F95466" s="14" t="s">
        <v>61</v>
      </c>
      <c r="G95466" s="16">
        <v>0</v>
      </c>
    </row>
    <row r="95467" spans="1:7" x14ac:dyDescent="0.3">
      <c r="A95467" s="13" t="s">
        <v>474</v>
      </c>
      <c r="B95467" s="14" t="s">
        <v>1</v>
      </c>
      <c r="C95467" s="14" t="s">
        <v>109</v>
      </c>
      <c r="D95467" s="14" t="s">
        <v>475</v>
      </c>
      <c r="E95467" s="15">
        <v>45578</v>
      </c>
      <c r="F95467" s="14" t="s">
        <v>61</v>
      </c>
      <c r="G95467" s="16">
        <v>0</v>
      </c>
    </row>
    <row r="95468" spans="1:7" x14ac:dyDescent="0.3">
      <c r="A95468" s="13" t="s">
        <v>474</v>
      </c>
      <c r="B95468" s="14" t="s">
        <v>1</v>
      </c>
      <c r="C95468" s="14" t="s">
        <v>109</v>
      </c>
      <c r="D95468" s="14" t="s">
        <v>475</v>
      </c>
      <c r="E95468" s="15">
        <v>45579</v>
      </c>
      <c r="F95468" s="14" t="s">
        <v>61</v>
      </c>
      <c r="G95468" s="16">
        <v>0</v>
      </c>
    </row>
    <row r="95469" spans="1:7" x14ac:dyDescent="0.3">
      <c r="A95469" s="13" t="s">
        <v>474</v>
      </c>
      <c r="B95469" s="14" t="s">
        <v>1</v>
      </c>
      <c r="C95469" s="14" t="s">
        <v>109</v>
      </c>
      <c r="D95469" s="14" t="s">
        <v>475</v>
      </c>
      <c r="E95469" s="15">
        <v>45580</v>
      </c>
      <c r="F95469" s="14" t="s">
        <v>61</v>
      </c>
      <c r="G95469" s="16">
        <v>0</v>
      </c>
    </row>
    <row r="95470" spans="1:7" x14ac:dyDescent="0.3">
      <c r="A95470" s="13" t="s">
        <v>474</v>
      </c>
      <c r="B95470" s="14" t="s">
        <v>1</v>
      </c>
      <c r="C95470" s="14" t="s">
        <v>109</v>
      </c>
      <c r="D95470" s="14" t="s">
        <v>475</v>
      </c>
      <c r="E95470" s="15">
        <v>45581</v>
      </c>
      <c r="F95470" s="14" t="s">
        <v>61</v>
      </c>
      <c r="G95470" s="16">
        <v>0</v>
      </c>
    </row>
    <row r="95471" spans="1:7" x14ac:dyDescent="0.3">
      <c r="A95471" s="13" t="s">
        <v>474</v>
      </c>
      <c r="B95471" s="14" t="s">
        <v>1</v>
      </c>
      <c r="C95471" s="14" t="s">
        <v>109</v>
      </c>
      <c r="D95471" s="14" t="s">
        <v>475</v>
      </c>
      <c r="E95471" s="15">
        <v>45582</v>
      </c>
      <c r="F95471" s="14" t="s">
        <v>61</v>
      </c>
      <c r="G95471" s="16">
        <v>0</v>
      </c>
    </row>
    <row r="95472" spans="1:7" x14ac:dyDescent="0.3">
      <c r="A95472" s="13" t="s">
        <v>474</v>
      </c>
      <c r="B95472" s="14" t="s">
        <v>1</v>
      </c>
      <c r="C95472" s="14" t="s">
        <v>109</v>
      </c>
      <c r="D95472" s="14" t="s">
        <v>475</v>
      </c>
      <c r="E95472" s="15">
        <v>45583</v>
      </c>
      <c r="F95472" s="14" t="s">
        <v>61</v>
      </c>
      <c r="G95472" s="16">
        <v>0</v>
      </c>
    </row>
    <row r="95473" spans="1:7" x14ac:dyDescent="0.3">
      <c r="A95473" s="13" t="s">
        <v>474</v>
      </c>
      <c r="B95473" s="14" t="s">
        <v>1</v>
      </c>
      <c r="C95473" s="14" t="s">
        <v>109</v>
      </c>
      <c r="D95473" s="14" t="s">
        <v>475</v>
      </c>
      <c r="E95473" s="15">
        <v>45584</v>
      </c>
      <c r="F95473" s="14" t="s">
        <v>61</v>
      </c>
      <c r="G95473" s="16">
        <v>0</v>
      </c>
    </row>
    <row r="95474" spans="1:7" x14ac:dyDescent="0.3">
      <c r="A95474" s="13" t="s">
        <v>474</v>
      </c>
      <c r="B95474" s="14" t="s">
        <v>1</v>
      </c>
      <c r="C95474" s="14" t="s">
        <v>109</v>
      </c>
      <c r="D95474" s="14" t="s">
        <v>475</v>
      </c>
      <c r="E95474" s="15">
        <v>45585</v>
      </c>
      <c r="F95474" s="14" t="s">
        <v>61</v>
      </c>
      <c r="G95474" s="16">
        <v>0</v>
      </c>
    </row>
    <row r="95475" spans="1:7" x14ac:dyDescent="0.3">
      <c r="A95475" s="13" t="s">
        <v>474</v>
      </c>
      <c r="B95475" s="14" t="s">
        <v>1</v>
      </c>
      <c r="C95475" s="14" t="s">
        <v>109</v>
      </c>
      <c r="D95475" s="14" t="s">
        <v>475</v>
      </c>
      <c r="E95475" s="15">
        <v>45586</v>
      </c>
      <c r="F95475" s="14" t="s">
        <v>61</v>
      </c>
      <c r="G95475" s="16">
        <v>0</v>
      </c>
    </row>
    <row r="95476" spans="1:7" x14ac:dyDescent="0.3">
      <c r="A95476" s="13" t="s">
        <v>474</v>
      </c>
      <c r="B95476" s="14" t="s">
        <v>1</v>
      </c>
      <c r="C95476" s="14" t="s">
        <v>109</v>
      </c>
      <c r="D95476" s="14" t="s">
        <v>475</v>
      </c>
      <c r="E95476" s="15">
        <v>45587</v>
      </c>
      <c r="F95476" s="14" t="s">
        <v>61</v>
      </c>
      <c r="G95476" s="16">
        <v>0</v>
      </c>
    </row>
    <row r="95477" spans="1:7" x14ac:dyDescent="0.3">
      <c r="A95477" s="13" t="s">
        <v>474</v>
      </c>
      <c r="B95477" s="14" t="s">
        <v>1</v>
      </c>
      <c r="C95477" s="14" t="s">
        <v>109</v>
      </c>
      <c r="D95477" s="14" t="s">
        <v>475</v>
      </c>
      <c r="E95477" s="15">
        <v>45588</v>
      </c>
      <c r="F95477" s="14" t="s">
        <v>61</v>
      </c>
      <c r="G95477" s="16">
        <v>0</v>
      </c>
    </row>
    <row r="95478" spans="1:7" x14ac:dyDescent="0.3">
      <c r="A95478" s="13" t="s">
        <v>474</v>
      </c>
      <c r="B95478" s="14" t="s">
        <v>1</v>
      </c>
      <c r="C95478" s="14" t="s">
        <v>109</v>
      </c>
      <c r="D95478" s="14" t="s">
        <v>475</v>
      </c>
      <c r="E95478" s="15">
        <v>45589</v>
      </c>
      <c r="F95478" s="14" t="s">
        <v>61</v>
      </c>
      <c r="G95478" s="16">
        <v>0</v>
      </c>
    </row>
    <row r="95479" spans="1:7" x14ac:dyDescent="0.3">
      <c r="A95479" s="13" t="s">
        <v>474</v>
      </c>
      <c r="B95479" s="14" t="s">
        <v>1</v>
      </c>
      <c r="C95479" s="14" t="s">
        <v>109</v>
      </c>
      <c r="D95479" s="14" t="s">
        <v>475</v>
      </c>
      <c r="E95479" s="15">
        <v>45590</v>
      </c>
      <c r="F95479" s="14" t="s">
        <v>61</v>
      </c>
      <c r="G95479" s="16">
        <v>0</v>
      </c>
    </row>
    <row r="95480" spans="1:7" x14ac:dyDescent="0.3">
      <c r="A95480" s="13" t="s">
        <v>474</v>
      </c>
      <c r="B95480" s="14" t="s">
        <v>1</v>
      </c>
      <c r="C95480" s="14" t="s">
        <v>109</v>
      </c>
      <c r="D95480" s="14" t="s">
        <v>475</v>
      </c>
      <c r="E95480" s="15">
        <v>45591</v>
      </c>
      <c r="F95480" s="14" t="s">
        <v>61</v>
      </c>
      <c r="G95480" s="16">
        <v>0</v>
      </c>
    </row>
    <row r="95481" spans="1:7" x14ac:dyDescent="0.3">
      <c r="A95481" s="13" t="s">
        <v>474</v>
      </c>
      <c r="B95481" s="14" t="s">
        <v>1</v>
      </c>
      <c r="C95481" s="14" t="s">
        <v>109</v>
      </c>
      <c r="D95481" s="14" t="s">
        <v>475</v>
      </c>
      <c r="E95481" s="15">
        <v>45592</v>
      </c>
      <c r="F95481" s="14" t="s">
        <v>61</v>
      </c>
      <c r="G95481" s="16">
        <v>0</v>
      </c>
    </row>
    <row r="95482" spans="1:7" x14ac:dyDescent="0.3">
      <c r="A95482" s="13" t="s">
        <v>474</v>
      </c>
      <c r="B95482" s="14" t="s">
        <v>1</v>
      </c>
      <c r="C95482" s="14" t="s">
        <v>109</v>
      </c>
      <c r="D95482" s="14" t="s">
        <v>475</v>
      </c>
      <c r="E95482" s="15">
        <v>45593</v>
      </c>
      <c r="F95482" s="14" t="s">
        <v>61</v>
      </c>
      <c r="G95482" s="16">
        <v>0</v>
      </c>
    </row>
    <row r="95483" spans="1:7" x14ac:dyDescent="0.3">
      <c r="A95483" s="13" t="s">
        <v>474</v>
      </c>
      <c r="B95483" s="14" t="s">
        <v>1</v>
      </c>
      <c r="C95483" s="14" t="s">
        <v>109</v>
      </c>
      <c r="D95483" s="14" t="s">
        <v>475</v>
      </c>
      <c r="E95483" s="15">
        <v>45594</v>
      </c>
      <c r="F95483" s="14" t="s">
        <v>61</v>
      </c>
      <c r="G95483" s="16">
        <v>0</v>
      </c>
    </row>
    <row r="95484" spans="1:7" x14ac:dyDescent="0.3">
      <c r="A95484" s="13" t="s">
        <v>474</v>
      </c>
      <c r="B95484" s="14" t="s">
        <v>1</v>
      </c>
      <c r="C95484" s="14" t="s">
        <v>109</v>
      </c>
      <c r="D95484" s="14" t="s">
        <v>475</v>
      </c>
      <c r="E95484" s="15">
        <v>45595</v>
      </c>
      <c r="F95484" s="14" t="s">
        <v>61</v>
      </c>
      <c r="G95484" s="16">
        <v>0</v>
      </c>
    </row>
    <row r="95485" spans="1:7" x14ac:dyDescent="0.3">
      <c r="A95485" s="13" t="s">
        <v>474</v>
      </c>
      <c r="B95485" s="14" t="s">
        <v>1</v>
      </c>
      <c r="C95485" s="14" t="s">
        <v>109</v>
      </c>
      <c r="D95485" s="14" t="s">
        <v>475</v>
      </c>
      <c r="E95485" s="15">
        <v>45596</v>
      </c>
      <c r="F95485" s="14" t="s">
        <v>61</v>
      </c>
      <c r="G95485" s="16">
        <v>0</v>
      </c>
    </row>
    <row r="95486" spans="1:7" x14ac:dyDescent="0.3">
      <c r="A95486" s="13" t="s">
        <v>474</v>
      </c>
      <c r="B95486" s="14" t="s">
        <v>1</v>
      </c>
      <c r="C95486" s="14" t="s">
        <v>109</v>
      </c>
      <c r="D95486" s="14" t="s">
        <v>475</v>
      </c>
      <c r="E95486" s="15">
        <v>45597</v>
      </c>
      <c r="F95486" s="14" t="s">
        <v>61</v>
      </c>
      <c r="G95486" s="16">
        <v>0</v>
      </c>
    </row>
    <row r="95487" spans="1:7" x14ac:dyDescent="0.3">
      <c r="A95487" s="13" t="s">
        <v>474</v>
      </c>
      <c r="B95487" s="14" t="s">
        <v>1</v>
      </c>
      <c r="C95487" s="14" t="s">
        <v>109</v>
      </c>
      <c r="D95487" s="14" t="s">
        <v>475</v>
      </c>
      <c r="E95487" s="15">
        <v>45598</v>
      </c>
      <c r="F95487" s="14" t="s">
        <v>61</v>
      </c>
      <c r="G95487" s="16">
        <v>0</v>
      </c>
    </row>
    <row r="95488" spans="1:7" x14ac:dyDescent="0.3">
      <c r="A95488" s="13" t="s">
        <v>474</v>
      </c>
      <c r="B95488" s="14" t="s">
        <v>1</v>
      </c>
      <c r="C95488" s="14" t="s">
        <v>109</v>
      </c>
      <c r="D95488" s="14" t="s">
        <v>475</v>
      </c>
      <c r="E95488" s="15">
        <v>45599</v>
      </c>
      <c r="F95488" s="14" t="s">
        <v>61</v>
      </c>
      <c r="G95488" s="16">
        <v>0</v>
      </c>
    </row>
    <row r="95489" spans="1:7" x14ac:dyDescent="0.3">
      <c r="A95489" s="13" t="s">
        <v>474</v>
      </c>
      <c r="B95489" s="14" t="s">
        <v>1</v>
      </c>
      <c r="C95489" s="14" t="s">
        <v>109</v>
      </c>
      <c r="D95489" s="14" t="s">
        <v>475</v>
      </c>
      <c r="E95489" s="15">
        <v>45600</v>
      </c>
      <c r="F95489" s="14" t="s">
        <v>61</v>
      </c>
      <c r="G95489" s="16">
        <v>0</v>
      </c>
    </row>
    <row r="95490" spans="1:7" x14ac:dyDescent="0.3">
      <c r="A95490" s="13" t="s">
        <v>474</v>
      </c>
      <c r="B95490" s="14" t="s">
        <v>1</v>
      </c>
      <c r="C95490" s="14" t="s">
        <v>109</v>
      </c>
      <c r="D95490" s="14" t="s">
        <v>475</v>
      </c>
      <c r="E95490" s="15">
        <v>45601</v>
      </c>
      <c r="F95490" s="14" t="s">
        <v>61</v>
      </c>
      <c r="G95490" s="16">
        <v>0</v>
      </c>
    </row>
    <row r="95491" spans="1:7" x14ac:dyDescent="0.3">
      <c r="A95491" s="13" t="s">
        <v>474</v>
      </c>
      <c r="B95491" s="14" t="s">
        <v>1</v>
      </c>
      <c r="C95491" s="14" t="s">
        <v>109</v>
      </c>
      <c r="D95491" s="14" t="s">
        <v>475</v>
      </c>
      <c r="E95491" s="15">
        <v>45602</v>
      </c>
      <c r="F95491" s="14" t="s">
        <v>61</v>
      </c>
      <c r="G95491" s="16">
        <v>0</v>
      </c>
    </row>
    <row r="95492" spans="1:7" x14ac:dyDescent="0.3">
      <c r="A95492" s="13" t="s">
        <v>474</v>
      </c>
      <c r="B95492" s="14" t="s">
        <v>1</v>
      </c>
      <c r="C95492" s="14" t="s">
        <v>109</v>
      </c>
      <c r="D95492" s="14" t="s">
        <v>475</v>
      </c>
      <c r="E95492" s="15">
        <v>45603</v>
      </c>
      <c r="F95492" s="14" t="s">
        <v>61</v>
      </c>
      <c r="G95492" s="16">
        <v>0</v>
      </c>
    </row>
    <row r="95493" spans="1:7" x14ac:dyDescent="0.3">
      <c r="A95493" s="13" t="s">
        <v>474</v>
      </c>
      <c r="B95493" s="14" t="s">
        <v>1</v>
      </c>
      <c r="C95493" s="14" t="s">
        <v>109</v>
      </c>
      <c r="D95493" s="14" t="s">
        <v>475</v>
      </c>
      <c r="E95493" s="15">
        <v>45604</v>
      </c>
      <c r="F95493" s="14" t="s">
        <v>61</v>
      </c>
      <c r="G95493" s="16">
        <v>0</v>
      </c>
    </row>
    <row r="95494" spans="1:7" x14ac:dyDescent="0.3">
      <c r="A95494" s="13" t="s">
        <v>474</v>
      </c>
      <c r="B95494" s="14" t="s">
        <v>1</v>
      </c>
      <c r="C95494" s="14" t="s">
        <v>109</v>
      </c>
      <c r="D95494" s="14" t="s">
        <v>475</v>
      </c>
      <c r="E95494" s="15">
        <v>45605</v>
      </c>
      <c r="F95494" s="14" t="s">
        <v>61</v>
      </c>
      <c r="G95494" s="16">
        <v>0</v>
      </c>
    </row>
    <row r="95495" spans="1:7" x14ac:dyDescent="0.3">
      <c r="A95495" s="13" t="s">
        <v>474</v>
      </c>
      <c r="B95495" s="14" t="s">
        <v>1</v>
      </c>
      <c r="C95495" s="14" t="s">
        <v>109</v>
      </c>
      <c r="D95495" s="14" t="s">
        <v>475</v>
      </c>
      <c r="E95495" s="15">
        <v>45606</v>
      </c>
      <c r="F95495" s="14" t="s">
        <v>61</v>
      </c>
      <c r="G95495" s="16">
        <v>0</v>
      </c>
    </row>
    <row r="95496" spans="1:7" x14ac:dyDescent="0.3">
      <c r="A95496" s="13" t="s">
        <v>474</v>
      </c>
      <c r="B95496" s="14" t="s">
        <v>1</v>
      </c>
      <c r="C95496" s="14" t="s">
        <v>109</v>
      </c>
      <c r="D95496" s="14" t="s">
        <v>475</v>
      </c>
      <c r="E95496" s="15">
        <v>45607</v>
      </c>
      <c r="F95496" s="14" t="s">
        <v>61</v>
      </c>
      <c r="G95496" s="16">
        <v>0</v>
      </c>
    </row>
    <row r="95497" spans="1:7" x14ac:dyDescent="0.3">
      <c r="A95497" s="13" t="s">
        <v>474</v>
      </c>
      <c r="B95497" s="14" t="s">
        <v>1</v>
      </c>
      <c r="C95497" s="14" t="s">
        <v>109</v>
      </c>
      <c r="D95497" s="14" t="s">
        <v>475</v>
      </c>
      <c r="E95497" s="15">
        <v>45608</v>
      </c>
      <c r="F95497" s="14" t="s">
        <v>61</v>
      </c>
      <c r="G95497" s="16">
        <v>0</v>
      </c>
    </row>
    <row r="95498" spans="1:7" x14ac:dyDescent="0.3">
      <c r="A95498" s="13" t="s">
        <v>474</v>
      </c>
      <c r="B95498" s="14" t="s">
        <v>1</v>
      </c>
      <c r="C95498" s="14" t="s">
        <v>109</v>
      </c>
      <c r="D95498" s="14" t="s">
        <v>475</v>
      </c>
      <c r="E95498" s="15">
        <v>45609</v>
      </c>
      <c r="F95498" s="14" t="s">
        <v>61</v>
      </c>
      <c r="G95498" s="16">
        <v>0</v>
      </c>
    </row>
    <row r="95499" spans="1:7" x14ac:dyDescent="0.3">
      <c r="A95499" s="13" t="s">
        <v>474</v>
      </c>
      <c r="B95499" s="14" t="s">
        <v>1</v>
      </c>
      <c r="C95499" s="14" t="s">
        <v>109</v>
      </c>
      <c r="D95499" s="14" t="s">
        <v>475</v>
      </c>
      <c r="E95499" s="15">
        <v>45610</v>
      </c>
      <c r="F95499" s="14" t="s">
        <v>61</v>
      </c>
      <c r="G95499" s="16">
        <v>0</v>
      </c>
    </row>
    <row r="95500" spans="1:7" x14ac:dyDescent="0.3">
      <c r="A95500" s="13" t="s">
        <v>474</v>
      </c>
      <c r="B95500" s="14" t="s">
        <v>1</v>
      </c>
      <c r="C95500" s="14" t="s">
        <v>109</v>
      </c>
      <c r="D95500" s="14" t="s">
        <v>475</v>
      </c>
      <c r="E95500" s="15">
        <v>45611</v>
      </c>
      <c r="F95500" s="14" t="s">
        <v>61</v>
      </c>
      <c r="G95500" s="16">
        <v>0</v>
      </c>
    </row>
    <row r="95501" spans="1:7" x14ac:dyDescent="0.3">
      <c r="A95501" s="13" t="s">
        <v>474</v>
      </c>
      <c r="B95501" s="14" t="s">
        <v>1</v>
      </c>
      <c r="C95501" s="14" t="s">
        <v>109</v>
      </c>
      <c r="D95501" s="14" t="s">
        <v>475</v>
      </c>
      <c r="E95501" s="15">
        <v>45612</v>
      </c>
      <c r="F95501" s="14" t="s">
        <v>61</v>
      </c>
      <c r="G95501" s="16">
        <v>0</v>
      </c>
    </row>
    <row r="95502" spans="1:7" x14ac:dyDescent="0.3">
      <c r="A95502" s="13" t="s">
        <v>474</v>
      </c>
      <c r="B95502" s="14" t="s">
        <v>1</v>
      </c>
      <c r="C95502" s="14" t="s">
        <v>109</v>
      </c>
      <c r="D95502" s="14" t="s">
        <v>475</v>
      </c>
      <c r="E95502" s="15">
        <v>45613</v>
      </c>
      <c r="F95502" s="14" t="s">
        <v>61</v>
      </c>
      <c r="G95502" s="16">
        <v>0</v>
      </c>
    </row>
    <row r="95503" spans="1:7" x14ac:dyDescent="0.3">
      <c r="A95503" s="13" t="s">
        <v>474</v>
      </c>
      <c r="B95503" s="14" t="s">
        <v>1</v>
      </c>
      <c r="C95503" s="14" t="s">
        <v>109</v>
      </c>
      <c r="D95503" s="14" t="s">
        <v>475</v>
      </c>
      <c r="E95503" s="15">
        <v>45614</v>
      </c>
      <c r="F95503" s="14" t="s">
        <v>61</v>
      </c>
      <c r="G95503" s="16">
        <v>0</v>
      </c>
    </row>
    <row r="95504" spans="1:7" x14ac:dyDescent="0.3">
      <c r="A95504" s="13" t="s">
        <v>474</v>
      </c>
      <c r="B95504" s="14" t="s">
        <v>1</v>
      </c>
      <c r="C95504" s="14" t="s">
        <v>109</v>
      </c>
      <c r="D95504" s="14" t="s">
        <v>475</v>
      </c>
      <c r="E95504" s="15">
        <v>45615</v>
      </c>
      <c r="F95504" s="14" t="s">
        <v>61</v>
      </c>
      <c r="G95504" s="16">
        <v>0</v>
      </c>
    </row>
    <row r="95505" spans="1:7" x14ac:dyDescent="0.3">
      <c r="A95505" s="13" t="s">
        <v>474</v>
      </c>
      <c r="B95505" s="14" t="s">
        <v>1</v>
      </c>
      <c r="C95505" s="14" t="s">
        <v>109</v>
      </c>
      <c r="D95505" s="14" t="s">
        <v>475</v>
      </c>
      <c r="E95505" s="15">
        <v>45616</v>
      </c>
      <c r="F95505" s="14" t="s">
        <v>61</v>
      </c>
      <c r="G95505" s="16">
        <v>0</v>
      </c>
    </row>
    <row r="95506" spans="1:7" x14ac:dyDescent="0.3">
      <c r="A95506" s="13" t="s">
        <v>474</v>
      </c>
      <c r="B95506" s="14" t="s">
        <v>1</v>
      </c>
      <c r="C95506" s="14" t="s">
        <v>109</v>
      </c>
      <c r="D95506" s="14" t="s">
        <v>475</v>
      </c>
      <c r="E95506" s="15">
        <v>45617</v>
      </c>
      <c r="F95506" s="14" t="s">
        <v>61</v>
      </c>
      <c r="G95506" s="16">
        <v>0</v>
      </c>
    </row>
    <row r="95507" spans="1:7" x14ac:dyDescent="0.3">
      <c r="A95507" s="13" t="s">
        <v>474</v>
      </c>
      <c r="B95507" s="14" t="s">
        <v>1</v>
      </c>
      <c r="C95507" s="14" t="s">
        <v>109</v>
      </c>
      <c r="D95507" s="14" t="s">
        <v>475</v>
      </c>
      <c r="E95507" s="15">
        <v>45618</v>
      </c>
      <c r="F95507" s="14" t="s">
        <v>61</v>
      </c>
      <c r="G95507" s="16">
        <v>0</v>
      </c>
    </row>
    <row r="95508" spans="1:7" x14ac:dyDescent="0.3">
      <c r="A95508" s="13" t="s">
        <v>474</v>
      </c>
      <c r="B95508" s="14" t="s">
        <v>1</v>
      </c>
      <c r="C95508" s="14" t="s">
        <v>109</v>
      </c>
      <c r="D95508" s="14" t="s">
        <v>475</v>
      </c>
      <c r="E95508" s="15">
        <v>45619</v>
      </c>
      <c r="F95508" s="14" t="s">
        <v>61</v>
      </c>
      <c r="G95508" s="16">
        <v>0</v>
      </c>
    </row>
    <row r="95509" spans="1:7" x14ac:dyDescent="0.3">
      <c r="A95509" s="13" t="s">
        <v>474</v>
      </c>
      <c r="B95509" s="14" t="s">
        <v>1</v>
      </c>
      <c r="C95509" s="14" t="s">
        <v>109</v>
      </c>
      <c r="D95509" s="14" t="s">
        <v>475</v>
      </c>
      <c r="E95509" s="15">
        <v>45620</v>
      </c>
      <c r="F95509" s="14" t="s">
        <v>61</v>
      </c>
      <c r="G95509" s="16">
        <v>0</v>
      </c>
    </row>
    <row r="95510" spans="1:7" x14ac:dyDescent="0.3">
      <c r="A95510" s="13" t="s">
        <v>474</v>
      </c>
      <c r="B95510" s="14" t="s">
        <v>1</v>
      </c>
      <c r="C95510" s="14" t="s">
        <v>109</v>
      </c>
      <c r="D95510" s="14" t="s">
        <v>475</v>
      </c>
      <c r="E95510" s="15">
        <v>45621</v>
      </c>
      <c r="F95510" s="14" t="s">
        <v>61</v>
      </c>
      <c r="G95510" s="16">
        <v>0</v>
      </c>
    </row>
    <row r="95511" spans="1:7" x14ac:dyDescent="0.3">
      <c r="A95511" s="13" t="s">
        <v>474</v>
      </c>
      <c r="B95511" s="14" t="s">
        <v>1</v>
      </c>
      <c r="C95511" s="14" t="s">
        <v>109</v>
      </c>
      <c r="D95511" s="14" t="s">
        <v>475</v>
      </c>
      <c r="E95511" s="15">
        <v>45622</v>
      </c>
      <c r="F95511" s="14" t="s">
        <v>61</v>
      </c>
      <c r="G95511" s="16">
        <v>0</v>
      </c>
    </row>
    <row r="95512" spans="1:7" x14ac:dyDescent="0.3">
      <c r="A95512" s="13" t="s">
        <v>474</v>
      </c>
      <c r="B95512" s="14" t="s">
        <v>1</v>
      </c>
      <c r="C95512" s="14" t="s">
        <v>109</v>
      </c>
      <c r="D95512" s="14" t="s">
        <v>475</v>
      </c>
      <c r="E95512" s="15">
        <v>45623</v>
      </c>
      <c r="F95512" s="14" t="s">
        <v>61</v>
      </c>
      <c r="G95512" s="16">
        <v>0</v>
      </c>
    </row>
    <row r="95513" spans="1:7" x14ac:dyDescent="0.3">
      <c r="A95513" s="13" t="s">
        <v>474</v>
      </c>
      <c r="B95513" s="14" t="s">
        <v>1</v>
      </c>
      <c r="C95513" s="14" t="s">
        <v>109</v>
      </c>
      <c r="D95513" s="14" t="s">
        <v>475</v>
      </c>
      <c r="E95513" s="15">
        <v>45624</v>
      </c>
      <c r="F95513" s="14" t="s">
        <v>61</v>
      </c>
      <c r="G95513" s="16">
        <v>0</v>
      </c>
    </row>
    <row r="95514" spans="1:7" x14ac:dyDescent="0.3">
      <c r="A95514" s="13" t="s">
        <v>474</v>
      </c>
      <c r="B95514" s="14" t="s">
        <v>1</v>
      </c>
      <c r="C95514" s="14" t="s">
        <v>109</v>
      </c>
      <c r="D95514" s="14" t="s">
        <v>475</v>
      </c>
      <c r="E95514" s="15">
        <v>45625</v>
      </c>
      <c r="F95514" s="14" t="s">
        <v>61</v>
      </c>
      <c r="G95514" s="16">
        <v>0</v>
      </c>
    </row>
    <row r="95515" spans="1:7" x14ac:dyDescent="0.3">
      <c r="A95515" s="13" t="s">
        <v>474</v>
      </c>
      <c r="B95515" s="14" t="s">
        <v>1</v>
      </c>
      <c r="C95515" s="14" t="s">
        <v>109</v>
      </c>
      <c r="D95515" s="14" t="s">
        <v>475</v>
      </c>
      <c r="E95515" s="15">
        <v>45626</v>
      </c>
      <c r="F95515" s="14" t="s">
        <v>61</v>
      </c>
      <c r="G95515" s="16">
        <v>0</v>
      </c>
    </row>
    <row r="95516" spans="1:7" x14ac:dyDescent="0.3">
      <c r="A95516" s="13" t="s">
        <v>474</v>
      </c>
      <c r="B95516" s="14" t="s">
        <v>1</v>
      </c>
      <c r="C95516" s="14" t="s">
        <v>109</v>
      </c>
      <c r="D95516" s="14" t="s">
        <v>475</v>
      </c>
      <c r="E95516" s="15">
        <v>45627</v>
      </c>
      <c r="F95516" s="14" t="s">
        <v>61</v>
      </c>
      <c r="G95516" s="16">
        <v>0</v>
      </c>
    </row>
    <row r="95517" spans="1:7" x14ac:dyDescent="0.3">
      <c r="A95517" s="13" t="s">
        <v>474</v>
      </c>
      <c r="B95517" s="14" t="s">
        <v>1</v>
      </c>
      <c r="C95517" s="14" t="s">
        <v>109</v>
      </c>
      <c r="D95517" s="14" t="s">
        <v>475</v>
      </c>
      <c r="E95517" s="15">
        <v>45628</v>
      </c>
      <c r="F95517" s="14" t="s">
        <v>61</v>
      </c>
      <c r="G95517" s="16">
        <v>0</v>
      </c>
    </row>
    <row r="95518" spans="1:7" x14ac:dyDescent="0.3">
      <c r="A95518" s="13" t="s">
        <v>474</v>
      </c>
      <c r="B95518" s="14" t="s">
        <v>1</v>
      </c>
      <c r="C95518" s="14" t="s">
        <v>109</v>
      </c>
      <c r="D95518" s="14" t="s">
        <v>475</v>
      </c>
      <c r="E95518" s="15">
        <v>45629</v>
      </c>
      <c r="F95518" s="14" t="s">
        <v>61</v>
      </c>
      <c r="G95518" s="16">
        <v>0</v>
      </c>
    </row>
    <row r="95519" spans="1:7" x14ac:dyDescent="0.3">
      <c r="A95519" s="13" t="s">
        <v>474</v>
      </c>
      <c r="B95519" s="14" t="s">
        <v>1</v>
      </c>
      <c r="C95519" s="14" t="s">
        <v>109</v>
      </c>
      <c r="D95519" s="14" t="s">
        <v>475</v>
      </c>
      <c r="E95519" s="15">
        <v>45630</v>
      </c>
      <c r="F95519" s="14" t="s">
        <v>61</v>
      </c>
      <c r="G95519" s="16">
        <v>0</v>
      </c>
    </row>
    <row r="95520" spans="1:7" x14ac:dyDescent="0.3">
      <c r="A95520" s="13" t="s">
        <v>474</v>
      </c>
      <c r="B95520" s="14" t="s">
        <v>1</v>
      </c>
      <c r="C95520" s="14" t="s">
        <v>109</v>
      </c>
      <c r="D95520" s="14" t="s">
        <v>475</v>
      </c>
      <c r="E95520" s="15">
        <v>45631</v>
      </c>
      <c r="F95520" s="14" t="s">
        <v>61</v>
      </c>
      <c r="G95520" s="16">
        <v>0</v>
      </c>
    </row>
    <row r="95521" spans="1:7" x14ac:dyDescent="0.3">
      <c r="A95521" s="13" t="s">
        <v>474</v>
      </c>
      <c r="B95521" s="14" t="s">
        <v>1</v>
      </c>
      <c r="C95521" s="14" t="s">
        <v>109</v>
      </c>
      <c r="D95521" s="14" t="s">
        <v>475</v>
      </c>
      <c r="E95521" s="15">
        <v>45632</v>
      </c>
      <c r="F95521" s="14" t="s">
        <v>61</v>
      </c>
      <c r="G95521" s="16">
        <v>0</v>
      </c>
    </row>
    <row r="95522" spans="1:7" x14ac:dyDescent="0.3">
      <c r="A95522" s="13" t="s">
        <v>474</v>
      </c>
      <c r="B95522" s="14" t="s">
        <v>1</v>
      </c>
      <c r="C95522" s="14" t="s">
        <v>109</v>
      </c>
      <c r="D95522" s="14" t="s">
        <v>475</v>
      </c>
      <c r="E95522" s="15">
        <v>45633</v>
      </c>
      <c r="F95522" s="14" t="s">
        <v>61</v>
      </c>
      <c r="G95522" s="16">
        <v>0</v>
      </c>
    </row>
    <row r="95523" spans="1:7" x14ac:dyDescent="0.3">
      <c r="A95523" s="13" t="s">
        <v>474</v>
      </c>
      <c r="B95523" s="14" t="s">
        <v>1</v>
      </c>
      <c r="C95523" s="14" t="s">
        <v>109</v>
      </c>
      <c r="D95523" s="14" t="s">
        <v>475</v>
      </c>
      <c r="E95523" s="15">
        <v>45634</v>
      </c>
      <c r="F95523" s="14" t="s">
        <v>61</v>
      </c>
      <c r="G95523" s="16">
        <v>0</v>
      </c>
    </row>
    <row r="95524" spans="1:7" x14ac:dyDescent="0.3">
      <c r="A95524" s="13" t="s">
        <v>474</v>
      </c>
      <c r="B95524" s="14" t="s">
        <v>1</v>
      </c>
      <c r="C95524" s="14" t="s">
        <v>109</v>
      </c>
      <c r="D95524" s="14" t="s">
        <v>475</v>
      </c>
      <c r="E95524" s="15">
        <v>45635</v>
      </c>
      <c r="F95524" s="14" t="s">
        <v>61</v>
      </c>
      <c r="G95524" s="16">
        <v>0</v>
      </c>
    </row>
    <row r="95525" spans="1:7" x14ac:dyDescent="0.3">
      <c r="A95525" s="13" t="s">
        <v>474</v>
      </c>
      <c r="B95525" s="14" t="s">
        <v>1</v>
      </c>
      <c r="C95525" s="14" t="s">
        <v>109</v>
      </c>
      <c r="D95525" s="14" t="s">
        <v>475</v>
      </c>
      <c r="E95525" s="15">
        <v>45636</v>
      </c>
      <c r="F95525" s="14" t="s">
        <v>61</v>
      </c>
      <c r="G95525" s="16">
        <v>0</v>
      </c>
    </row>
    <row r="95526" spans="1:7" x14ac:dyDescent="0.3">
      <c r="A95526" s="13" t="s">
        <v>474</v>
      </c>
      <c r="B95526" s="14" t="s">
        <v>1</v>
      </c>
      <c r="C95526" s="14" t="s">
        <v>109</v>
      </c>
      <c r="D95526" s="14" t="s">
        <v>475</v>
      </c>
      <c r="E95526" s="15">
        <v>45637</v>
      </c>
      <c r="F95526" s="14" t="s">
        <v>61</v>
      </c>
      <c r="G95526" s="16">
        <v>0</v>
      </c>
    </row>
    <row r="95527" spans="1:7" x14ac:dyDescent="0.3">
      <c r="A95527" s="13" t="s">
        <v>474</v>
      </c>
      <c r="B95527" s="14" t="s">
        <v>1</v>
      </c>
      <c r="C95527" s="14" t="s">
        <v>109</v>
      </c>
      <c r="D95527" s="14" t="s">
        <v>475</v>
      </c>
      <c r="E95527" s="15">
        <v>45638</v>
      </c>
      <c r="F95527" s="14" t="s">
        <v>61</v>
      </c>
      <c r="G95527" s="16">
        <v>0</v>
      </c>
    </row>
    <row r="95528" spans="1:7" x14ac:dyDescent="0.3">
      <c r="A95528" s="13" t="s">
        <v>474</v>
      </c>
      <c r="B95528" s="14" t="s">
        <v>1</v>
      </c>
      <c r="C95528" s="14" t="s">
        <v>109</v>
      </c>
      <c r="D95528" s="14" t="s">
        <v>475</v>
      </c>
      <c r="E95528" s="15">
        <v>45639</v>
      </c>
      <c r="F95528" s="14" t="s">
        <v>61</v>
      </c>
      <c r="G95528" s="16">
        <v>0</v>
      </c>
    </row>
    <row r="95529" spans="1:7" x14ac:dyDescent="0.3">
      <c r="A95529" s="13" t="s">
        <v>474</v>
      </c>
      <c r="B95529" s="14" t="s">
        <v>1</v>
      </c>
      <c r="C95529" s="14" t="s">
        <v>109</v>
      </c>
      <c r="D95529" s="14" t="s">
        <v>475</v>
      </c>
      <c r="E95529" s="15">
        <v>45640</v>
      </c>
      <c r="F95529" s="14" t="s">
        <v>61</v>
      </c>
      <c r="G95529" s="16">
        <v>0</v>
      </c>
    </row>
    <row r="95530" spans="1:7" x14ac:dyDescent="0.3">
      <c r="A95530" s="13" t="s">
        <v>474</v>
      </c>
      <c r="B95530" s="14" t="s">
        <v>1</v>
      </c>
      <c r="C95530" s="14" t="s">
        <v>109</v>
      </c>
      <c r="D95530" s="14" t="s">
        <v>475</v>
      </c>
      <c r="E95530" s="15">
        <v>45641</v>
      </c>
      <c r="F95530" s="14" t="s">
        <v>61</v>
      </c>
      <c r="G95530" s="16">
        <v>0</v>
      </c>
    </row>
    <row r="95531" spans="1:7" x14ac:dyDescent="0.3">
      <c r="A95531" s="13" t="s">
        <v>474</v>
      </c>
      <c r="B95531" s="14" t="s">
        <v>1</v>
      </c>
      <c r="C95531" s="14" t="s">
        <v>109</v>
      </c>
      <c r="D95531" s="14" t="s">
        <v>475</v>
      </c>
      <c r="E95531" s="15">
        <v>45642</v>
      </c>
      <c r="F95531" s="14" t="s">
        <v>61</v>
      </c>
      <c r="G95531" s="16">
        <v>0</v>
      </c>
    </row>
    <row r="95532" spans="1:7" x14ac:dyDescent="0.3">
      <c r="A95532" s="13" t="s">
        <v>474</v>
      </c>
      <c r="B95532" s="14" t="s">
        <v>1</v>
      </c>
      <c r="C95532" s="14" t="s">
        <v>109</v>
      </c>
      <c r="D95532" s="14" t="s">
        <v>475</v>
      </c>
      <c r="E95532" s="15">
        <v>45643</v>
      </c>
      <c r="F95532" s="14" t="s">
        <v>61</v>
      </c>
      <c r="G95532" s="16">
        <v>0</v>
      </c>
    </row>
    <row r="95533" spans="1:7" x14ac:dyDescent="0.3">
      <c r="A95533" s="13" t="s">
        <v>474</v>
      </c>
      <c r="B95533" s="14" t="s">
        <v>1</v>
      </c>
      <c r="C95533" s="14" t="s">
        <v>109</v>
      </c>
      <c r="D95533" s="14" t="s">
        <v>475</v>
      </c>
      <c r="E95533" s="15">
        <v>45644</v>
      </c>
      <c r="F95533" s="14" t="s">
        <v>61</v>
      </c>
      <c r="G95533" s="16">
        <v>0</v>
      </c>
    </row>
    <row r="95534" spans="1:7" x14ac:dyDescent="0.3">
      <c r="A95534" s="13" t="s">
        <v>474</v>
      </c>
      <c r="B95534" s="14" t="s">
        <v>1</v>
      </c>
      <c r="C95534" s="14" t="s">
        <v>109</v>
      </c>
      <c r="D95534" s="14" t="s">
        <v>475</v>
      </c>
      <c r="E95534" s="15">
        <v>45645</v>
      </c>
      <c r="F95534" s="14" t="s">
        <v>61</v>
      </c>
      <c r="G95534" s="16">
        <v>0</v>
      </c>
    </row>
    <row r="95535" spans="1:7" x14ac:dyDescent="0.3">
      <c r="A95535" s="13" t="s">
        <v>474</v>
      </c>
      <c r="B95535" s="14" t="s">
        <v>1</v>
      </c>
      <c r="C95535" s="14" t="s">
        <v>109</v>
      </c>
      <c r="D95535" s="14" t="s">
        <v>475</v>
      </c>
      <c r="E95535" s="15">
        <v>45646</v>
      </c>
      <c r="F95535" s="14" t="s">
        <v>61</v>
      </c>
      <c r="G95535" s="16">
        <v>0</v>
      </c>
    </row>
    <row r="95536" spans="1:7" x14ac:dyDescent="0.3">
      <c r="A95536" s="13" t="s">
        <v>474</v>
      </c>
      <c r="B95536" s="14" t="s">
        <v>1</v>
      </c>
      <c r="C95536" s="14" t="s">
        <v>109</v>
      </c>
      <c r="D95536" s="14" t="s">
        <v>475</v>
      </c>
      <c r="E95536" s="15">
        <v>45647</v>
      </c>
      <c r="F95536" s="14" t="s">
        <v>61</v>
      </c>
      <c r="G95536" s="16">
        <v>0</v>
      </c>
    </row>
    <row r="95537" spans="1:7" x14ac:dyDescent="0.3">
      <c r="A95537" s="13" t="s">
        <v>474</v>
      </c>
      <c r="B95537" s="14" t="s">
        <v>1</v>
      </c>
      <c r="C95537" s="14" t="s">
        <v>109</v>
      </c>
      <c r="D95537" s="14" t="s">
        <v>475</v>
      </c>
      <c r="E95537" s="15">
        <v>45648</v>
      </c>
      <c r="F95537" s="14" t="s">
        <v>61</v>
      </c>
      <c r="G95537" s="16">
        <v>0</v>
      </c>
    </row>
    <row r="95538" spans="1:7" x14ac:dyDescent="0.3">
      <c r="A95538" s="13" t="s">
        <v>474</v>
      </c>
      <c r="B95538" s="14" t="s">
        <v>1</v>
      </c>
      <c r="C95538" s="14" t="s">
        <v>109</v>
      </c>
      <c r="D95538" s="14" t="s">
        <v>475</v>
      </c>
      <c r="E95538" s="15">
        <v>45649</v>
      </c>
      <c r="F95538" s="14" t="s">
        <v>61</v>
      </c>
      <c r="G95538" s="16">
        <v>0</v>
      </c>
    </row>
    <row r="95539" spans="1:7" x14ac:dyDescent="0.3">
      <c r="A95539" s="13" t="s">
        <v>474</v>
      </c>
      <c r="B95539" s="14" t="s">
        <v>1</v>
      </c>
      <c r="C95539" s="14" t="s">
        <v>109</v>
      </c>
      <c r="D95539" s="14" t="s">
        <v>475</v>
      </c>
      <c r="E95539" s="15">
        <v>45650</v>
      </c>
      <c r="F95539" s="14" t="s">
        <v>61</v>
      </c>
      <c r="G95539" s="16">
        <v>0</v>
      </c>
    </row>
    <row r="95540" spans="1:7" x14ac:dyDescent="0.3">
      <c r="A95540" s="13" t="s">
        <v>474</v>
      </c>
      <c r="B95540" s="14" t="s">
        <v>1</v>
      </c>
      <c r="C95540" s="14" t="s">
        <v>109</v>
      </c>
      <c r="D95540" s="14" t="s">
        <v>475</v>
      </c>
      <c r="E95540" s="15">
        <v>45651</v>
      </c>
      <c r="F95540" s="14" t="s">
        <v>61</v>
      </c>
      <c r="G95540" s="16">
        <v>0</v>
      </c>
    </row>
    <row r="95541" spans="1:7" x14ac:dyDescent="0.3">
      <c r="A95541" s="13" t="s">
        <v>474</v>
      </c>
      <c r="B95541" s="14" t="s">
        <v>1</v>
      </c>
      <c r="C95541" s="14" t="s">
        <v>109</v>
      </c>
      <c r="D95541" s="14" t="s">
        <v>475</v>
      </c>
      <c r="E95541" s="15">
        <v>45652</v>
      </c>
      <c r="F95541" s="14" t="s">
        <v>61</v>
      </c>
      <c r="G95541" s="16">
        <v>0</v>
      </c>
    </row>
    <row r="95542" spans="1:7" x14ac:dyDescent="0.3">
      <c r="A95542" s="13" t="s">
        <v>474</v>
      </c>
      <c r="B95542" s="14" t="s">
        <v>1</v>
      </c>
      <c r="C95542" s="14" t="s">
        <v>109</v>
      </c>
      <c r="D95542" s="14" t="s">
        <v>475</v>
      </c>
      <c r="E95542" s="15">
        <v>45653</v>
      </c>
      <c r="F95542" s="14" t="s">
        <v>61</v>
      </c>
      <c r="G95542" s="16">
        <v>0</v>
      </c>
    </row>
    <row r="95543" spans="1:7" x14ac:dyDescent="0.3">
      <c r="A95543" s="13" t="s">
        <v>474</v>
      </c>
      <c r="B95543" s="14" t="s">
        <v>1</v>
      </c>
      <c r="C95543" s="14" t="s">
        <v>109</v>
      </c>
      <c r="D95543" s="14" t="s">
        <v>475</v>
      </c>
      <c r="E95543" s="15">
        <v>45654</v>
      </c>
      <c r="F95543" s="14" t="s">
        <v>61</v>
      </c>
      <c r="G95543" s="16">
        <v>0</v>
      </c>
    </row>
    <row r="95544" spans="1:7" x14ac:dyDescent="0.3">
      <c r="A95544" s="13" t="s">
        <v>474</v>
      </c>
      <c r="B95544" s="14" t="s">
        <v>1</v>
      </c>
      <c r="C95544" s="14" t="s">
        <v>109</v>
      </c>
      <c r="D95544" s="14" t="s">
        <v>475</v>
      </c>
      <c r="E95544" s="15">
        <v>45655</v>
      </c>
      <c r="F95544" s="14" t="s">
        <v>61</v>
      </c>
      <c r="G95544" s="16">
        <v>0</v>
      </c>
    </row>
    <row r="95545" spans="1:7" x14ac:dyDescent="0.3">
      <c r="A95545" s="13" t="s">
        <v>474</v>
      </c>
      <c r="B95545" s="14" t="s">
        <v>1</v>
      </c>
      <c r="C95545" s="14" t="s">
        <v>109</v>
      </c>
      <c r="D95545" s="14" t="s">
        <v>475</v>
      </c>
      <c r="E95545" s="15">
        <v>45656</v>
      </c>
      <c r="F95545" s="14" t="s">
        <v>61</v>
      </c>
      <c r="G95545" s="16">
        <v>0</v>
      </c>
    </row>
    <row r="95546" spans="1:7" x14ac:dyDescent="0.3">
      <c r="A95546" s="13" t="s">
        <v>474</v>
      </c>
      <c r="B95546" s="14" t="s">
        <v>1</v>
      </c>
      <c r="C95546" s="14" t="s">
        <v>109</v>
      </c>
      <c r="D95546" s="14" t="s">
        <v>475</v>
      </c>
      <c r="E95546" s="15">
        <v>45657</v>
      </c>
      <c r="F95546" s="14" t="s">
        <v>61</v>
      </c>
      <c r="G95546" s="16">
        <v>0</v>
      </c>
    </row>
    <row r="95547" spans="1:7" x14ac:dyDescent="0.3">
      <c r="A95547" s="13" t="s">
        <v>474</v>
      </c>
      <c r="B95547" s="14" t="s">
        <v>1</v>
      </c>
      <c r="C95547" s="14" t="s">
        <v>109</v>
      </c>
      <c r="D95547" s="14" t="s">
        <v>475</v>
      </c>
      <c r="E95547" s="15">
        <v>45658</v>
      </c>
      <c r="F95547" s="14" t="s">
        <v>61</v>
      </c>
      <c r="G95547" s="16">
        <v>0</v>
      </c>
    </row>
    <row r="95548" spans="1:7" x14ac:dyDescent="0.3">
      <c r="A95548" s="13" t="s">
        <v>474</v>
      </c>
      <c r="B95548" s="14" t="s">
        <v>1</v>
      </c>
      <c r="C95548" s="14" t="s">
        <v>109</v>
      </c>
      <c r="D95548" s="14" t="s">
        <v>475</v>
      </c>
      <c r="E95548" s="15">
        <v>45659</v>
      </c>
      <c r="F95548" s="14" t="s">
        <v>61</v>
      </c>
      <c r="G95548" s="16">
        <v>0</v>
      </c>
    </row>
    <row r="95549" spans="1:7" x14ac:dyDescent="0.3">
      <c r="A95549" s="13" t="s">
        <v>474</v>
      </c>
      <c r="B95549" s="14" t="s">
        <v>1</v>
      </c>
      <c r="C95549" s="14" t="s">
        <v>109</v>
      </c>
      <c r="D95549" s="14" t="s">
        <v>475</v>
      </c>
      <c r="E95549" s="15">
        <v>45660</v>
      </c>
      <c r="F95549" s="14" t="s">
        <v>61</v>
      </c>
      <c r="G95549" s="16">
        <v>0</v>
      </c>
    </row>
    <row r="95550" spans="1:7" x14ac:dyDescent="0.3">
      <c r="A95550" s="13" t="s">
        <v>474</v>
      </c>
      <c r="B95550" s="14" t="s">
        <v>1</v>
      </c>
      <c r="C95550" s="14" t="s">
        <v>109</v>
      </c>
      <c r="D95550" s="14" t="s">
        <v>475</v>
      </c>
      <c r="E95550" s="15">
        <v>45661</v>
      </c>
      <c r="F95550" s="14" t="s">
        <v>61</v>
      </c>
      <c r="G95550" s="16">
        <v>0</v>
      </c>
    </row>
    <row r="95551" spans="1:7" x14ac:dyDescent="0.3">
      <c r="A95551" s="13" t="s">
        <v>474</v>
      </c>
      <c r="B95551" s="14" t="s">
        <v>1</v>
      </c>
      <c r="C95551" s="14" t="s">
        <v>109</v>
      </c>
      <c r="D95551" s="14" t="s">
        <v>475</v>
      </c>
      <c r="E95551" s="15">
        <v>45662</v>
      </c>
      <c r="F95551" s="14" t="s">
        <v>61</v>
      </c>
      <c r="G95551" s="16">
        <v>0</v>
      </c>
    </row>
    <row r="95552" spans="1:7" x14ac:dyDescent="0.3">
      <c r="A95552" s="13" t="s">
        <v>474</v>
      </c>
      <c r="B95552" s="14" t="s">
        <v>1</v>
      </c>
      <c r="C95552" s="14" t="s">
        <v>109</v>
      </c>
      <c r="D95552" s="14" t="s">
        <v>475</v>
      </c>
      <c r="E95552" s="15">
        <v>45663</v>
      </c>
      <c r="F95552" s="14" t="s">
        <v>61</v>
      </c>
      <c r="G95552" s="16">
        <v>0</v>
      </c>
    </row>
    <row r="95553" spans="1:7" x14ac:dyDescent="0.3">
      <c r="A95553" s="13" t="s">
        <v>474</v>
      </c>
      <c r="B95553" s="14" t="s">
        <v>1</v>
      </c>
      <c r="C95553" s="14" t="s">
        <v>109</v>
      </c>
      <c r="D95553" s="14" t="s">
        <v>475</v>
      </c>
      <c r="E95553" s="15">
        <v>45664</v>
      </c>
      <c r="F95553" s="14" t="s">
        <v>61</v>
      </c>
      <c r="G95553" s="16">
        <v>0</v>
      </c>
    </row>
    <row r="95554" spans="1:7" x14ac:dyDescent="0.3">
      <c r="A95554" s="13" t="s">
        <v>474</v>
      </c>
      <c r="B95554" s="14" t="s">
        <v>1</v>
      </c>
      <c r="C95554" s="14" t="s">
        <v>109</v>
      </c>
      <c r="D95554" s="14" t="s">
        <v>475</v>
      </c>
      <c r="E95554" s="15">
        <v>45665</v>
      </c>
      <c r="F95554" s="14" t="s">
        <v>61</v>
      </c>
      <c r="G95554" s="16">
        <v>0</v>
      </c>
    </row>
    <row r="95555" spans="1:7" x14ac:dyDescent="0.3">
      <c r="A95555" s="13" t="s">
        <v>474</v>
      </c>
      <c r="B95555" s="14" t="s">
        <v>1</v>
      </c>
      <c r="C95555" s="14" t="s">
        <v>109</v>
      </c>
      <c r="D95555" s="14" t="s">
        <v>475</v>
      </c>
      <c r="E95555" s="15">
        <v>45666</v>
      </c>
      <c r="F95555" s="14" t="s">
        <v>61</v>
      </c>
      <c r="G95555" s="16">
        <v>0</v>
      </c>
    </row>
    <row r="95556" spans="1:7" x14ac:dyDescent="0.3">
      <c r="A95556" s="13" t="s">
        <v>474</v>
      </c>
      <c r="B95556" s="14" t="s">
        <v>1</v>
      </c>
      <c r="C95556" s="14" t="s">
        <v>109</v>
      </c>
      <c r="D95556" s="14" t="s">
        <v>475</v>
      </c>
      <c r="E95556" s="15">
        <v>45667</v>
      </c>
      <c r="F95556" s="14" t="s">
        <v>61</v>
      </c>
      <c r="G95556" s="16">
        <v>0</v>
      </c>
    </row>
    <row r="95557" spans="1:7" x14ac:dyDescent="0.3">
      <c r="A95557" s="13" t="s">
        <v>474</v>
      </c>
      <c r="B95557" s="14" t="s">
        <v>1</v>
      </c>
      <c r="C95557" s="14" t="s">
        <v>109</v>
      </c>
      <c r="D95557" s="14" t="s">
        <v>475</v>
      </c>
      <c r="E95557" s="15">
        <v>45668</v>
      </c>
      <c r="F95557" s="14" t="s">
        <v>61</v>
      </c>
      <c r="G95557" s="16">
        <v>0</v>
      </c>
    </row>
    <row r="95558" spans="1:7" x14ac:dyDescent="0.3">
      <c r="A95558" s="13" t="s">
        <v>474</v>
      </c>
      <c r="B95558" s="14" t="s">
        <v>1</v>
      </c>
      <c r="C95558" s="14" t="s">
        <v>109</v>
      </c>
      <c r="D95558" s="14" t="s">
        <v>475</v>
      </c>
      <c r="E95558" s="15">
        <v>45669</v>
      </c>
      <c r="F95558" s="14" t="s">
        <v>61</v>
      </c>
      <c r="G95558" s="16">
        <v>0</v>
      </c>
    </row>
    <row r="95559" spans="1:7" x14ac:dyDescent="0.3">
      <c r="A95559" s="13" t="s">
        <v>474</v>
      </c>
      <c r="B95559" s="14" t="s">
        <v>1</v>
      </c>
      <c r="C95559" s="14" t="s">
        <v>109</v>
      </c>
      <c r="D95559" s="14" t="s">
        <v>475</v>
      </c>
      <c r="E95559" s="15">
        <v>45670</v>
      </c>
      <c r="F95559" s="14" t="s">
        <v>61</v>
      </c>
      <c r="G95559" s="16">
        <v>0</v>
      </c>
    </row>
    <row r="95560" spans="1:7" x14ac:dyDescent="0.3">
      <c r="A95560" s="13" t="s">
        <v>474</v>
      </c>
      <c r="B95560" s="14" t="s">
        <v>1</v>
      </c>
      <c r="C95560" s="14" t="s">
        <v>109</v>
      </c>
      <c r="D95560" s="14" t="s">
        <v>475</v>
      </c>
      <c r="E95560" s="15">
        <v>45671</v>
      </c>
      <c r="F95560" s="14" t="s">
        <v>61</v>
      </c>
      <c r="G95560" s="16">
        <v>0</v>
      </c>
    </row>
    <row r="95561" spans="1:7" x14ac:dyDescent="0.3">
      <c r="A95561" s="13" t="s">
        <v>474</v>
      </c>
      <c r="B95561" s="14" t="s">
        <v>1</v>
      </c>
      <c r="C95561" s="14" t="s">
        <v>109</v>
      </c>
      <c r="D95561" s="14" t="s">
        <v>475</v>
      </c>
      <c r="E95561" s="15">
        <v>45672</v>
      </c>
      <c r="F95561" s="14" t="s">
        <v>61</v>
      </c>
      <c r="G95561" s="16">
        <v>0</v>
      </c>
    </row>
    <row r="95562" spans="1:7" x14ac:dyDescent="0.3">
      <c r="A95562" s="13" t="s">
        <v>474</v>
      </c>
      <c r="B95562" s="14" t="s">
        <v>1</v>
      </c>
      <c r="C95562" s="14" t="s">
        <v>109</v>
      </c>
      <c r="D95562" s="14" t="s">
        <v>475</v>
      </c>
      <c r="E95562" s="15">
        <v>45673</v>
      </c>
      <c r="F95562" s="14" t="s">
        <v>61</v>
      </c>
      <c r="G95562" s="16">
        <v>0</v>
      </c>
    </row>
    <row r="95563" spans="1:7" x14ac:dyDescent="0.3">
      <c r="A95563" s="13" t="s">
        <v>474</v>
      </c>
      <c r="B95563" s="14" t="s">
        <v>1</v>
      </c>
      <c r="C95563" s="14" t="s">
        <v>109</v>
      </c>
      <c r="D95563" s="14" t="s">
        <v>475</v>
      </c>
      <c r="E95563" s="15">
        <v>45674</v>
      </c>
      <c r="F95563" s="14" t="s">
        <v>61</v>
      </c>
      <c r="G95563" s="16">
        <v>0</v>
      </c>
    </row>
    <row r="95564" spans="1:7" x14ac:dyDescent="0.3">
      <c r="A95564" s="13" t="s">
        <v>474</v>
      </c>
      <c r="B95564" s="14" t="s">
        <v>1</v>
      </c>
      <c r="C95564" s="14" t="s">
        <v>109</v>
      </c>
      <c r="D95564" s="14" t="s">
        <v>475</v>
      </c>
      <c r="E95564" s="15">
        <v>45675</v>
      </c>
      <c r="F95564" s="14" t="s">
        <v>61</v>
      </c>
      <c r="G95564" s="16">
        <v>0</v>
      </c>
    </row>
    <row r="95565" spans="1:7" x14ac:dyDescent="0.3">
      <c r="A95565" s="13" t="s">
        <v>474</v>
      </c>
      <c r="B95565" s="14" t="s">
        <v>1</v>
      </c>
      <c r="C95565" s="14" t="s">
        <v>109</v>
      </c>
      <c r="D95565" s="14" t="s">
        <v>475</v>
      </c>
      <c r="E95565" s="15">
        <v>45676</v>
      </c>
      <c r="F95565" s="14" t="s">
        <v>61</v>
      </c>
      <c r="G95565" s="16">
        <v>0</v>
      </c>
    </row>
    <row r="95566" spans="1:7" x14ac:dyDescent="0.3">
      <c r="A95566" s="13" t="s">
        <v>474</v>
      </c>
      <c r="B95566" s="14" t="s">
        <v>1</v>
      </c>
      <c r="C95566" s="14" t="s">
        <v>109</v>
      </c>
      <c r="D95566" s="14" t="s">
        <v>475</v>
      </c>
      <c r="E95566" s="15">
        <v>45677</v>
      </c>
      <c r="F95566" s="14" t="s">
        <v>61</v>
      </c>
      <c r="G95566" s="16">
        <v>0</v>
      </c>
    </row>
    <row r="95567" spans="1:7" x14ac:dyDescent="0.3">
      <c r="A95567" s="13" t="s">
        <v>474</v>
      </c>
      <c r="B95567" s="14" t="s">
        <v>1</v>
      </c>
      <c r="C95567" s="14" t="s">
        <v>109</v>
      </c>
      <c r="D95567" s="14" t="s">
        <v>475</v>
      </c>
      <c r="E95567" s="15">
        <v>45678</v>
      </c>
      <c r="F95567" s="14" t="s">
        <v>61</v>
      </c>
      <c r="G95567" s="16">
        <v>0</v>
      </c>
    </row>
    <row r="95568" spans="1:7" x14ac:dyDescent="0.3">
      <c r="A95568" s="13" t="s">
        <v>474</v>
      </c>
      <c r="B95568" s="14" t="s">
        <v>1</v>
      </c>
      <c r="C95568" s="14" t="s">
        <v>109</v>
      </c>
      <c r="D95568" s="14" t="s">
        <v>475</v>
      </c>
      <c r="E95568" s="15">
        <v>45679</v>
      </c>
      <c r="F95568" s="14" t="s">
        <v>61</v>
      </c>
      <c r="G95568" s="16">
        <v>0</v>
      </c>
    </row>
    <row r="95569" spans="1:7" x14ac:dyDescent="0.3">
      <c r="A95569" s="13" t="s">
        <v>474</v>
      </c>
      <c r="B95569" s="14" t="s">
        <v>1</v>
      </c>
      <c r="C95569" s="14" t="s">
        <v>109</v>
      </c>
      <c r="D95569" s="14" t="s">
        <v>475</v>
      </c>
      <c r="E95569" s="15">
        <v>45680</v>
      </c>
      <c r="F95569" s="14" t="s">
        <v>61</v>
      </c>
      <c r="G95569" s="16">
        <v>0</v>
      </c>
    </row>
    <row r="95570" spans="1:7" x14ac:dyDescent="0.3">
      <c r="A95570" s="13" t="s">
        <v>474</v>
      </c>
      <c r="B95570" s="14" t="s">
        <v>1</v>
      </c>
      <c r="C95570" s="14" t="s">
        <v>109</v>
      </c>
      <c r="D95570" s="14" t="s">
        <v>475</v>
      </c>
      <c r="E95570" s="15">
        <v>45681</v>
      </c>
      <c r="F95570" s="14" t="s">
        <v>61</v>
      </c>
      <c r="G95570" s="16">
        <v>0</v>
      </c>
    </row>
    <row r="95571" spans="1:7" x14ac:dyDescent="0.3">
      <c r="A95571" s="13" t="s">
        <v>474</v>
      </c>
      <c r="B95571" s="14" t="s">
        <v>1</v>
      </c>
      <c r="C95571" s="14" t="s">
        <v>109</v>
      </c>
      <c r="D95571" s="14" t="s">
        <v>475</v>
      </c>
      <c r="E95571" s="15">
        <v>45682</v>
      </c>
      <c r="F95571" s="14" t="s">
        <v>61</v>
      </c>
      <c r="G95571" s="16">
        <v>0</v>
      </c>
    </row>
    <row r="95572" spans="1:7" x14ac:dyDescent="0.3">
      <c r="A95572" s="13" t="s">
        <v>474</v>
      </c>
      <c r="B95572" s="14" t="s">
        <v>1</v>
      </c>
      <c r="C95572" s="14" t="s">
        <v>109</v>
      </c>
      <c r="D95572" s="14" t="s">
        <v>475</v>
      </c>
      <c r="E95572" s="15">
        <v>45683</v>
      </c>
      <c r="F95572" s="14" t="s">
        <v>61</v>
      </c>
      <c r="G95572" s="16">
        <v>0</v>
      </c>
    </row>
    <row r="95573" spans="1:7" x14ac:dyDescent="0.3">
      <c r="A95573" s="13" t="s">
        <v>474</v>
      </c>
      <c r="B95573" s="14" t="s">
        <v>1</v>
      </c>
      <c r="C95573" s="14" t="s">
        <v>109</v>
      </c>
      <c r="D95573" s="14" t="s">
        <v>475</v>
      </c>
      <c r="E95573" s="15">
        <v>45684</v>
      </c>
      <c r="F95573" s="14" t="s">
        <v>61</v>
      </c>
      <c r="G95573" s="16">
        <v>0</v>
      </c>
    </row>
    <row r="95574" spans="1:7" x14ac:dyDescent="0.3">
      <c r="A95574" s="13" t="s">
        <v>474</v>
      </c>
      <c r="B95574" s="14" t="s">
        <v>1</v>
      </c>
      <c r="C95574" s="14" t="s">
        <v>109</v>
      </c>
      <c r="D95574" s="14" t="s">
        <v>475</v>
      </c>
      <c r="E95574" s="15">
        <v>45685</v>
      </c>
      <c r="F95574" s="14" t="s">
        <v>61</v>
      </c>
      <c r="G95574" s="16">
        <v>0</v>
      </c>
    </row>
    <row r="95575" spans="1:7" x14ac:dyDescent="0.3">
      <c r="A95575" s="13" t="s">
        <v>474</v>
      </c>
      <c r="B95575" s="14" t="s">
        <v>1</v>
      </c>
      <c r="C95575" s="14" t="s">
        <v>109</v>
      </c>
      <c r="D95575" s="14" t="s">
        <v>475</v>
      </c>
      <c r="E95575" s="15">
        <v>45686</v>
      </c>
      <c r="F95575" s="14" t="s">
        <v>61</v>
      </c>
      <c r="G95575" s="16">
        <v>0</v>
      </c>
    </row>
    <row r="95576" spans="1:7" x14ac:dyDescent="0.3">
      <c r="A95576" s="13" t="s">
        <v>474</v>
      </c>
      <c r="B95576" s="14" t="s">
        <v>1</v>
      </c>
      <c r="C95576" s="14" t="s">
        <v>109</v>
      </c>
      <c r="D95576" s="14" t="s">
        <v>475</v>
      </c>
      <c r="E95576" s="15">
        <v>45687</v>
      </c>
      <c r="F95576" s="14" t="s">
        <v>61</v>
      </c>
      <c r="G95576" s="16">
        <v>0</v>
      </c>
    </row>
    <row r="95577" spans="1:7" x14ac:dyDescent="0.3">
      <c r="A95577" s="13" t="s">
        <v>474</v>
      </c>
      <c r="B95577" s="14" t="s">
        <v>1</v>
      </c>
      <c r="C95577" s="14" t="s">
        <v>109</v>
      </c>
      <c r="D95577" s="14" t="s">
        <v>475</v>
      </c>
      <c r="E95577" s="15">
        <v>45688</v>
      </c>
      <c r="F95577" s="14" t="s">
        <v>61</v>
      </c>
      <c r="G95577" s="16">
        <v>0</v>
      </c>
    </row>
    <row r="95578" spans="1:7" x14ac:dyDescent="0.3">
      <c r="A95578" s="13" t="s">
        <v>474</v>
      </c>
      <c r="B95578" s="14" t="s">
        <v>1</v>
      </c>
      <c r="C95578" s="14" t="s">
        <v>109</v>
      </c>
      <c r="D95578" s="14" t="s">
        <v>475</v>
      </c>
      <c r="E95578" s="15">
        <v>45689</v>
      </c>
      <c r="F95578" s="14" t="s">
        <v>61</v>
      </c>
      <c r="G95578" s="16">
        <v>0</v>
      </c>
    </row>
    <row r="95579" spans="1:7" x14ac:dyDescent="0.3">
      <c r="A95579" s="13" t="s">
        <v>474</v>
      </c>
      <c r="B95579" s="14" t="s">
        <v>1</v>
      </c>
      <c r="C95579" s="14" t="s">
        <v>109</v>
      </c>
      <c r="D95579" s="14" t="s">
        <v>475</v>
      </c>
      <c r="E95579" s="15">
        <v>45690</v>
      </c>
      <c r="F95579" s="14" t="s">
        <v>61</v>
      </c>
      <c r="G95579" s="16">
        <v>0</v>
      </c>
    </row>
    <row r="95580" spans="1:7" x14ac:dyDescent="0.3">
      <c r="A95580" s="13" t="s">
        <v>474</v>
      </c>
      <c r="B95580" s="14" t="s">
        <v>1</v>
      </c>
      <c r="C95580" s="14" t="s">
        <v>109</v>
      </c>
      <c r="D95580" s="14" t="s">
        <v>475</v>
      </c>
      <c r="E95580" s="15">
        <v>45691</v>
      </c>
      <c r="F95580" s="14" t="s">
        <v>61</v>
      </c>
      <c r="G95580" s="16">
        <v>0</v>
      </c>
    </row>
    <row r="95581" spans="1:7" x14ac:dyDescent="0.3">
      <c r="A95581" s="13" t="s">
        <v>474</v>
      </c>
      <c r="B95581" s="14" t="s">
        <v>1</v>
      </c>
      <c r="C95581" s="14" t="s">
        <v>109</v>
      </c>
      <c r="D95581" s="14" t="s">
        <v>475</v>
      </c>
      <c r="E95581" s="15">
        <v>45692</v>
      </c>
      <c r="F95581" s="14" t="s">
        <v>61</v>
      </c>
      <c r="G95581" s="16">
        <v>0</v>
      </c>
    </row>
    <row r="95582" spans="1:7" x14ac:dyDescent="0.3">
      <c r="A95582" s="13" t="s">
        <v>474</v>
      </c>
      <c r="B95582" s="14" t="s">
        <v>1</v>
      </c>
      <c r="C95582" s="14" t="s">
        <v>109</v>
      </c>
      <c r="D95582" s="14" t="s">
        <v>475</v>
      </c>
      <c r="E95582" s="15">
        <v>45693</v>
      </c>
      <c r="F95582" s="14" t="s">
        <v>61</v>
      </c>
      <c r="G95582" s="16">
        <v>0</v>
      </c>
    </row>
    <row r="95583" spans="1:7" x14ac:dyDescent="0.3">
      <c r="A95583" s="13" t="s">
        <v>474</v>
      </c>
      <c r="B95583" s="14" t="s">
        <v>1</v>
      </c>
      <c r="C95583" s="14" t="s">
        <v>109</v>
      </c>
      <c r="D95583" s="14" t="s">
        <v>475</v>
      </c>
      <c r="E95583" s="15">
        <v>45694</v>
      </c>
      <c r="F95583" s="14" t="s">
        <v>61</v>
      </c>
      <c r="G95583" s="16">
        <v>0</v>
      </c>
    </row>
    <row r="95584" spans="1:7" x14ac:dyDescent="0.3">
      <c r="A95584" s="13" t="s">
        <v>474</v>
      </c>
      <c r="B95584" s="14" t="s">
        <v>1</v>
      </c>
      <c r="C95584" s="14" t="s">
        <v>109</v>
      </c>
      <c r="D95584" s="14" t="s">
        <v>475</v>
      </c>
      <c r="E95584" s="15">
        <v>45695</v>
      </c>
      <c r="F95584" s="14" t="s">
        <v>61</v>
      </c>
      <c r="G95584" s="16">
        <v>0</v>
      </c>
    </row>
    <row r="95585" spans="1:7" x14ac:dyDescent="0.3">
      <c r="A95585" s="13" t="s">
        <v>474</v>
      </c>
      <c r="B95585" s="14" t="s">
        <v>1</v>
      </c>
      <c r="C95585" s="14" t="s">
        <v>109</v>
      </c>
      <c r="D95585" s="14" t="s">
        <v>475</v>
      </c>
      <c r="E95585" s="15">
        <v>45696</v>
      </c>
      <c r="F95585" s="14" t="s">
        <v>61</v>
      </c>
      <c r="G95585" s="16">
        <v>0</v>
      </c>
    </row>
    <row r="95586" spans="1:7" x14ac:dyDescent="0.3">
      <c r="A95586" s="13" t="s">
        <v>474</v>
      </c>
      <c r="B95586" s="14" t="s">
        <v>1</v>
      </c>
      <c r="C95586" s="14" t="s">
        <v>109</v>
      </c>
      <c r="D95586" s="14" t="s">
        <v>475</v>
      </c>
      <c r="E95586" s="15">
        <v>45697</v>
      </c>
      <c r="F95586" s="14" t="s">
        <v>61</v>
      </c>
      <c r="G95586" s="16">
        <v>0</v>
      </c>
    </row>
    <row r="95587" spans="1:7" x14ac:dyDescent="0.3">
      <c r="A95587" s="13" t="s">
        <v>474</v>
      </c>
      <c r="B95587" s="14" t="s">
        <v>1</v>
      </c>
      <c r="C95587" s="14" t="s">
        <v>109</v>
      </c>
      <c r="D95587" s="14" t="s">
        <v>475</v>
      </c>
      <c r="E95587" s="15">
        <v>45698</v>
      </c>
      <c r="F95587" s="14" t="s">
        <v>61</v>
      </c>
      <c r="G95587" s="16">
        <v>0</v>
      </c>
    </row>
    <row r="95588" spans="1:7" x14ac:dyDescent="0.3">
      <c r="A95588" s="13" t="s">
        <v>474</v>
      </c>
      <c r="B95588" s="14" t="s">
        <v>1</v>
      </c>
      <c r="C95588" s="14" t="s">
        <v>109</v>
      </c>
      <c r="D95588" s="14" t="s">
        <v>475</v>
      </c>
      <c r="E95588" s="15">
        <v>45699</v>
      </c>
      <c r="F95588" s="14" t="s">
        <v>61</v>
      </c>
      <c r="G95588" s="16">
        <v>0</v>
      </c>
    </row>
    <row r="95589" spans="1:7" x14ac:dyDescent="0.3">
      <c r="A95589" s="13" t="s">
        <v>474</v>
      </c>
      <c r="B95589" s="14" t="s">
        <v>1</v>
      </c>
      <c r="C95589" s="14" t="s">
        <v>109</v>
      </c>
      <c r="D95589" s="14" t="s">
        <v>475</v>
      </c>
      <c r="E95589" s="15">
        <v>45700</v>
      </c>
      <c r="F95589" s="14" t="s">
        <v>61</v>
      </c>
      <c r="G95589" s="16">
        <v>0</v>
      </c>
    </row>
    <row r="95590" spans="1:7" x14ac:dyDescent="0.3">
      <c r="A95590" s="13" t="s">
        <v>474</v>
      </c>
      <c r="B95590" s="14" t="s">
        <v>1</v>
      </c>
      <c r="C95590" s="14" t="s">
        <v>109</v>
      </c>
      <c r="D95590" s="14" t="s">
        <v>475</v>
      </c>
      <c r="E95590" s="15">
        <v>45701</v>
      </c>
      <c r="F95590" s="14" t="s">
        <v>61</v>
      </c>
      <c r="G95590" s="16">
        <v>0</v>
      </c>
    </row>
    <row r="95591" spans="1:7" x14ac:dyDescent="0.3">
      <c r="A95591" s="13" t="s">
        <v>474</v>
      </c>
      <c r="B95591" s="14" t="s">
        <v>1</v>
      </c>
      <c r="C95591" s="14" t="s">
        <v>109</v>
      </c>
      <c r="D95591" s="14" t="s">
        <v>475</v>
      </c>
      <c r="E95591" s="15">
        <v>45702</v>
      </c>
      <c r="F95591" s="14" t="s">
        <v>61</v>
      </c>
      <c r="G95591" s="16">
        <v>0</v>
      </c>
    </row>
    <row r="95592" spans="1:7" x14ac:dyDescent="0.3">
      <c r="A95592" s="13" t="s">
        <v>474</v>
      </c>
      <c r="B95592" s="14" t="s">
        <v>1</v>
      </c>
      <c r="C95592" s="14" t="s">
        <v>109</v>
      </c>
      <c r="D95592" s="14" t="s">
        <v>475</v>
      </c>
      <c r="E95592" s="15">
        <v>45703</v>
      </c>
      <c r="F95592" s="14" t="s">
        <v>61</v>
      </c>
      <c r="G95592" s="16">
        <v>0</v>
      </c>
    </row>
    <row r="95593" spans="1:7" x14ac:dyDescent="0.3">
      <c r="A95593" s="13" t="s">
        <v>474</v>
      </c>
      <c r="B95593" s="14" t="s">
        <v>1</v>
      </c>
      <c r="C95593" s="14" t="s">
        <v>109</v>
      </c>
      <c r="D95593" s="14" t="s">
        <v>475</v>
      </c>
      <c r="E95593" s="15">
        <v>45704</v>
      </c>
      <c r="F95593" s="14" t="s">
        <v>61</v>
      </c>
      <c r="G95593" s="16">
        <v>0</v>
      </c>
    </row>
    <row r="95594" spans="1:7" x14ac:dyDescent="0.3">
      <c r="A95594" s="13" t="s">
        <v>474</v>
      </c>
      <c r="B95594" s="14" t="s">
        <v>1</v>
      </c>
      <c r="C95594" s="14" t="s">
        <v>109</v>
      </c>
      <c r="D95594" s="14" t="s">
        <v>475</v>
      </c>
      <c r="E95594" s="15">
        <v>45705</v>
      </c>
      <c r="F95594" s="14" t="s">
        <v>61</v>
      </c>
      <c r="G95594" s="16">
        <v>0</v>
      </c>
    </row>
    <row r="95595" spans="1:7" x14ac:dyDescent="0.3">
      <c r="A95595" s="13" t="s">
        <v>474</v>
      </c>
      <c r="B95595" s="14" t="s">
        <v>1</v>
      </c>
      <c r="C95595" s="14" t="s">
        <v>109</v>
      </c>
      <c r="D95595" s="14" t="s">
        <v>475</v>
      </c>
      <c r="E95595" s="15">
        <v>45706</v>
      </c>
      <c r="F95595" s="14" t="s">
        <v>61</v>
      </c>
      <c r="G95595" s="16">
        <v>0</v>
      </c>
    </row>
    <row r="95596" spans="1:7" x14ac:dyDescent="0.3">
      <c r="A95596" s="13" t="s">
        <v>474</v>
      </c>
      <c r="B95596" s="14" t="s">
        <v>1</v>
      </c>
      <c r="C95596" s="14" t="s">
        <v>109</v>
      </c>
      <c r="D95596" s="14" t="s">
        <v>475</v>
      </c>
      <c r="E95596" s="15">
        <v>45707</v>
      </c>
      <c r="F95596" s="14" t="s">
        <v>61</v>
      </c>
      <c r="G95596" s="16">
        <v>0</v>
      </c>
    </row>
    <row r="95597" spans="1:7" x14ac:dyDescent="0.3">
      <c r="A95597" s="13" t="s">
        <v>474</v>
      </c>
      <c r="B95597" s="14" t="s">
        <v>1</v>
      </c>
      <c r="C95597" s="14" t="s">
        <v>109</v>
      </c>
      <c r="D95597" s="14" t="s">
        <v>475</v>
      </c>
      <c r="E95597" s="15">
        <v>45708</v>
      </c>
      <c r="F95597" s="14" t="s">
        <v>61</v>
      </c>
      <c r="G95597" s="16">
        <v>0</v>
      </c>
    </row>
    <row r="95598" spans="1:7" x14ac:dyDescent="0.3">
      <c r="A95598" s="13" t="s">
        <v>474</v>
      </c>
      <c r="B95598" s="14" t="s">
        <v>1</v>
      </c>
      <c r="C95598" s="14" t="s">
        <v>109</v>
      </c>
      <c r="D95598" s="14" t="s">
        <v>475</v>
      </c>
      <c r="E95598" s="15">
        <v>45709</v>
      </c>
      <c r="F95598" s="14" t="s">
        <v>61</v>
      </c>
      <c r="G95598" s="16">
        <v>0</v>
      </c>
    </row>
    <row r="95599" spans="1:7" x14ac:dyDescent="0.3">
      <c r="A95599" s="13" t="s">
        <v>474</v>
      </c>
      <c r="B95599" s="14" t="s">
        <v>1</v>
      </c>
      <c r="C95599" s="14" t="s">
        <v>109</v>
      </c>
      <c r="D95599" s="14" t="s">
        <v>475</v>
      </c>
      <c r="E95599" s="15">
        <v>45710</v>
      </c>
      <c r="F95599" s="14" t="s">
        <v>61</v>
      </c>
      <c r="G95599" s="16">
        <v>0</v>
      </c>
    </row>
    <row r="95600" spans="1:7" x14ac:dyDescent="0.3">
      <c r="A95600" s="13" t="s">
        <v>474</v>
      </c>
      <c r="B95600" s="14" t="s">
        <v>1</v>
      </c>
      <c r="C95600" s="14" t="s">
        <v>109</v>
      </c>
      <c r="D95600" s="14" t="s">
        <v>475</v>
      </c>
      <c r="E95600" s="15">
        <v>45711</v>
      </c>
      <c r="F95600" s="14" t="s">
        <v>61</v>
      </c>
      <c r="G95600" s="16">
        <v>0</v>
      </c>
    </row>
    <row r="95601" spans="1:7" x14ac:dyDescent="0.3">
      <c r="A95601" s="13" t="s">
        <v>474</v>
      </c>
      <c r="B95601" s="14" t="s">
        <v>1</v>
      </c>
      <c r="C95601" s="14" t="s">
        <v>109</v>
      </c>
      <c r="D95601" s="14" t="s">
        <v>475</v>
      </c>
      <c r="E95601" s="15">
        <v>45712</v>
      </c>
      <c r="F95601" s="14" t="s">
        <v>61</v>
      </c>
      <c r="G95601" s="16">
        <v>0</v>
      </c>
    </row>
    <row r="95602" spans="1:7" x14ac:dyDescent="0.3">
      <c r="A95602" s="13" t="s">
        <v>474</v>
      </c>
      <c r="B95602" s="14" t="s">
        <v>1</v>
      </c>
      <c r="C95602" s="14" t="s">
        <v>109</v>
      </c>
      <c r="D95602" s="14" t="s">
        <v>475</v>
      </c>
      <c r="E95602" s="15">
        <v>45713</v>
      </c>
      <c r="F95602" s="14" t="s">
        <v>61</v>
      </c>
      <c r="G95602" s="16">
        <v>0</v>
      </c>
    </row>
    <row r="95603" spans="1:7" x14ac:dyDescent="0.3">
      <c r="A95603" s="13" t="s">
        <v>474</v>
      </c>
      <c r="B95603" s="14" t="s">
        <v>1</v>
      </c>
      <c r="C95603" s="14" t="s">
        <v>109</v>
      </c>
      <c r="D95603" s="14" t="s">
        <v>475</v>
      </c>
      <c r="E95603" s="15">
        <v>45714</v>
      </c>
      <c r="F95603" s="14" t="s">
        <v>61</v>
      </c>
      <c r="G95603" s="16">
        <v>0</v>
      </c>
    </row>
    <row r="95604" spans="1:7" x14ac:dyDescent="0.3">
      <c r="A95604" s="13" t="s">
        <v>474</v>
      </c>
      <c r="B95604" s="14" t="s">
        <v>1</v>
      </c>
      <c r="C95604" s="14" t="s">
        <v>109</v>
      </c>
      <c r="D95604" s="14" t="s">
        <v>475</v>
      </c>
      <c r="E95604" s="15">
        <v>45715</v>
      </c>
      <c r="F95604" s="14" t="s">
        <v>61</v>
      </c>
      <c r="G95604" s="16">
        <v>0</v>
      </c>
    </row>
    <row r="95605" spans="1:7" x14ac:dyDescent="0.3">
      <c r="A95605" s="13" t="s">
        <v>474</v>
      </c>
      <c r="B95605" s="14" t="s">
        <v>1</v>
      </c>
      <c r="C95605" s="14" t="s">
        <v>109</v>
      </c>
      <c r="D95605" s="14" t="s">
        <v>475</v>
      </c>
      <c r="E95605" s="15">
        <v>45716</v>
      </c>
      <c r="F95605" s="14" t="s">
        <v>61</v>
      </c>
      <c r="G95605" s="16">
        <v>0</v>
      </c>
    </row>
    <row r="95606" spans="1:7" x14ac:dyDescent="0.3">
      <c r="A95606" s="13" t="s">
        <v>474</v>
      </c>
      <c r="B95606" s="14" t="s">
        <v>1</v>
      </c>
      <c r="C95606" s="14" t="s">
        <v>109</v>
      </c>
      <c r="D95606" s="14" t="s">
        <v>475</v>
      </c>
      <c r="E95606" s="15">
        <v>45717</v>
      </c>
      <c r="F95606" s="14" t="s">
        <v>61</v>
      </c>
      <c r="G95606" s="16">
        <v>0</v>
      </c>
    </row>
    <row r="95607" spans="1:7" x14ac:dyDescent="0.3">
      <c r="A95607" s="13" t="s">
        <v>474</v>
      </c>
      <c r="B95607" s="14" t="s">
        <v>1</v>
      </c>
      <c r="C95607" s="14" t="s">
        <v>109</v>
      </c>
      <c r="D95607" s="14" t="s">
        <v>475</v>
      </c>
      <c r="E95607" s="15">
        <v>45718</v>
      </c>
      <c r="F95607" s="14" t="s">
        <v>61</v>
      </c>
      <c r="G95607" s="16">
        <v>0</v>
      </c>
    </row>
    <row r="95608" spans="1:7" x14ac:dyDescent="0.3">
      <c r="A95608" s="13" t="s">
        <v>474</v>
      </c>
      <c r="B95608" s="14" t="s">
        <v>1</v>
      </c>
      <c r="C95608" s="14" t="s">
        <v>109</v>
      </c>
      <c r="D95608" s="14" t="s">
        <v>475</v>
      </c>
      <c r="E95608" s="15">
        <v>45719</v>
      </c>
      <c r="F95608" s="14" t="s">
        <v>61</v>
      </c>
      <c r="G95608" s="16">
        <v>0</v>
      </c>
    </row>
    <row r="95609" spans="1:7" x14ac:dyDescent="0.3">
      <c r="A95609" s="13" t="s">
        <v>474</v>
      </c>
      <c r="B95609" s="14" t="s">
        <v>1</v>
      </c>
      <c r="C95609" s="14" t="s">
        <v>109</v>
      </c>
      <c r="D95609" s="14" t="s">
        <v>475</v>
      </c>
      <c r="E95609" s="15">
        <v>45720</v>
      </c>
      <c r="F95609" s="14" t="s">
        <v>61</v>
      </c>
      <c r="G95609" s="16">
        <v>0</v>
      </c>
    </row>
    <row r="95610" spans="1:7" x14ac:dyDescent="0.3">
      <c r="A95610" s="13" t="s">
        <v>474</v>
      </c>
      <c r="B95610" s="14" t="s">
        <v>1</v>
      </c>
      <c r="C95610" s="14" t="s">
        <v>109</v>
      </c>
      <c r="D95610" s="14" t="s">
        <v>475</v>
      </c>
      <c r="E95610" s="15">
        <v>45721</v>
      </c>
      <c r="F95610" s="14" t="s">
        <v>61</v>
      </c>
      <c r="G95610" s="16">
        <v>0</v>
      </c>
    </row>
    <row r="95611" spans="1:7" x14ac:dyDescent="0.3">
      <c r="A95611" s="13" t="s">
        <v>474</v>
      </c>
      <c r="B95611" s="14" t="s">
        <v>1</v>
      </c>
      <c r="C95611" s="14" t="s">
        <v>109</v>
      </c>
      <c r="D95611" s="14" t="s">
        <v>475</v>
      </c>
      <c r="E95611" s="15">
        <v>45722</v>
      </c>
      <c r="F95611" s="14" t="s">
        <v>61</v>
      </c>
      <c r="G95611" s="16">
        <v>0</v>
      </c>
    </row>
    <row r="95612" spans="1:7" x14ac:dyDescent="0.3">
      <c r="A95612" s="13" t="s">
        <v>474</v>
      </c>
      <c r="B95612" s="14" t="s">
        <v>1</v>
      </c>
      <c r="C95612" s="14" t="s">
        <v>109</v>
      </c>
      <c r="D95612" s="14" t="s">
        <v>475</v>
      </c>
      <c r="E95612" s="15">
        <v>45723</v>
      </c>
      <c r="F95612" s="14" t="s">
        <v>61</v>
      </c>
      <c r="G95612" s="16">
        <v>0</v>
      </c>
    </row>
    <row r="95613" spans="1:7" x14ac:dyDescent="0.3">
      <c r="A95613" s="13" t="s">
        <v>474</v>
      </c>
      <c r="B95613" s="14" t="s">
        <v>1</v>
      </c>
      <c r="C95613" s="14" t="s">
        <v>109</v>
      </c>
      <c r="D95613" s="14" t="s">
        <v>475</v>
      </c>
      <c r="E95613" s="15">
        <v>45724</v>
      </c>
      <c r="F95613" s="14" t="s">
        <v>61</v>
      </c>
      <c r="G95613" s="16">
        <v>0</v>
      </c>
    </row>
    <row r="95614" spans="1:7" x14ac:dyDescent="0.3">
      <c r="A95614" s="13" t="s">
        <v>474</v>
      </c>
      <c r="B95614" s="14" t="s">
        <v>1</v>
      </c>
      <c r="C95614" s="14" t="s">
        <v>109</v>
      </c>
      <c r="D95614" s="14" t="s">
        <v>475</v>
      </c>
      <c r="E95614" s="15">
        <v>45725</v>
      </c>
      <c r="F95614" s="14" t="s">
        <v>61</v>
      </c>
      <c r="G95614" s="16">
        <v>0</v>
      </c>
    </row>
    <row r="95615" spans="1:7" x14ac:dyDescent="0.3">
      <c r="A95615" s="13" t="s">
        <v>474</v>
      </c>
      <c r="B95615" s="14" t="s">
        <v>1</v>
      </c>
      <c r="C95615" s="14" t="s">
        <v>109</v>
      </c>
      <c r="D95615" s="14" t="s">
        <v>475</v>
      </c>
      <c r="E95615" s="15">
        <v>45726</v>
      </c>
      <c r="F95615" s="14" t="s">
        <v>61</v>
      </c>
      <c r="G95615" s="16">
        <v>0</v>
      </c>
    </row>
    <row r="95616" spans="1:7" x14ac:dyDescent="0.3">
      <c r="A95616" s="13" t="s">
        <v>474</v>
      </c>
      <c r="B95616" s="14" t="s">
        <v>1</v>
      </c>
      <c r="C95616" s="14" t="s">
        <v>109</v>
      </c>
      <c r="D95616" s="14" t="s">
        <v>475</v>
      </c>
      <c r="E95616" s="15">
        <v>45727</v>
      </c>
      <c r="F95616" s="14" t="s">
        <v>61</v>
      </c>
      <c r="G95616" s="16">
        <v>0</v>
      </c>
    </row>
    <row r="95617" spans="1:7" x14ac:dyDescent="0.3">
      <c r="A95617" s="13" t="s">
        <v>474</v>
      </c>
      <c r="B95617" s="14" t="s">
        <v>1</v>
      </c>
      <c r="C95617" s="14" t="s">
        <v>109</v>
      </c>
      <c r="D95617" s="14" t="s">
        <v>475</v>
      </c>
      <c r="E95617" s="15">
        <v>45728</v>
      </c>
      <c r="F95617" s="14" t="s">
        <v>61</v>
      </c>
      <c r="G95617" s="16">
        <v>0</v>
      </c>
    </row>
    <row r="95618" spans="1:7" x14ac:dyDescent="0.3">
      <c r="A95618" s="13" t="s">
        <v>474</v>
      </c>
      <c r="B95618" s="14" t="s">
        <v>1</v>
      </c>
      <c r="C95618" s="14" t="s">
        <v>109</v>
      </c>
      <c r="D95618" s="14" t="s">
        <v>475</v>
      </c>
      <c r="E95618" s="15">
        <v>45729</v>
      </c>
      <c r="F95618" s="14" t="s">
        <v>61</v>
      </c>
      <c r="G95618" s="16">
        <v>0</v>
      </c>
    </row>
    <row r="95619" spans="1:7" x14ac:dyDescent="0.3">
      <c r="A95619" s="13" t="s">
        <v>474</v>
      </c>
      <c r="B95619" s="14" t="s">
        <v>1</v>
      </c>
      <c r="C95619" s="14" t="s">
        <v>109</v>
      </c>
      <c r="D95619" s="14" t="s">
        <v>475</v>
      </c>
      <c r="E95619" s="15">
        <v>45730</v>
      </c>
      <c r="F95619" s="14" t="s">
        <v>61</v>
      </c>
      <c r="G95619" s="16">
        <v>0</v>
      </c>
    </row>
    <row r="95620" spans="1:7" x14ac:dyDescent="0.3">
      <c r="A95620" s="13" t="s">
        <v>474</v>
      </c>
      <c r="B95620" s="14" t="s">
        <v>1</v>
      </c>
      <c r="C95620" s="14" t="s">
        <v>109</v>
      </c>
      <c r="D95620" s="14" t="s">
        <v>475</v>
      </c>
      <c r="E95620" s="15">
        <v>45731</v>
      </c>
      <c r="F95620" s="14" t="s">
        <v>61</v>
      </c>
      <c r="G95620" s="16">
        <v>0</v>
      </c>
    </row>
    <row r="95621" spans="1:7" x14ac:dyDescent="0.3">
      <c r="A95621" s="13" t="s">
        <v>474</v>
      </c>
      <c r="B95621" s="14" t="s">
        <v>1</v>
      </c>
      <c r="C95621" s="14" t="s">
        <v>109</v>
      </c>
      <c r="D95621" s="14" t="s">
        <v>475</v>
      </c>
      <c r="E95621" s="15">
        <v>45732</v>
      </c>
      <c r="F95621" s="14" t="s">
        <v>61</v>
      </c>
      <c r="G95621" s="16">
        <v>0</v>
      </c>
    </row>
    <row r="95622" spans="1:7" x14ac:dyDescent="0.3">
      <c r="A95622" s="13" t="s">
        <v>474</v>
      </c>
      <c r="B95622" s="14" t="s">
        <v>1</v>
      </c>
      <c r="C95622" s="14" t="s">
        <v>109</v>
      </c>
      <c r="D95622" s="14" t="s">
        <v>475</v>
      </c>
      <c r="E95622" s="15">
        <v>45733</v>
      </c>
      <c r="F95622" s="14" t="s">
        <v>61</v>
      </c>
      <c r="G95622" s="16">
        <v>0</v>
      </c>
    </row>
    <row r="95623" spans="1:7" x14ac:dyDescent="0.3">
      <c r="A95623" s="13" t="s">
        <v>474</v>
      </c>
      <c r="B95623" s="14" t="s">
        <v>1</v>
      </c>
      <c r="C95623" s="14" t="s">
        <v>109</v>
      </c>
      <c r="D95623" s="14" t="s">
        <v>475</v>
      </c>
      <c r="E95623" s="15">
        <v>45734</v>
      </c>
      <c r="F95623" s="14" t="s">
        <v>61</v>
      </c>
      <c r="G95623" s="16">
        <v>0</v>
      </c>
    </row>
    <row r="95624" spans="1:7" x14ac:dyDescent="0.3">
      <c r="A95624" s="13" t="s">
        <v>474</v>
      </c>
      <c r="B95624" s="14" t="s">
        <v>1</v>
      </c>
      <c r="C95624" s="14" t="s">
        <v>109</v>
      </c>
      <c r="D95624" s="14" t="s">
        <v>475</v>
      </c>
      <c r="E95624" s="15">
        <v>45735</v>
      </c>
      <c r="F95624" s="14" t="s">
        <v>61</v>
      </c>
      <c r="G95624" s="16">
        <v>0</v>
      </c>
    </row>
    <row r="95625" spans="1:7" x14ac:dyDescent="0.3">
      <c r="A95625" s="13" t="s">
        <v>474</v>
      </c>
      <c r="B95625" s="14" t="s">
        <v>1</v>
      </c>
      <c r="C95625" s="14" t="s">
        <v>109</v>
      </c>
      <c r="D95625" s="14" t="s">
        <v>475</v>
      </c>
      <c r="E95625" s="15">
        <v>45736</v>
      </c>
      <c r="F95625" s="14" t="s">
        <v>61</v>
      </c>
      <c r="G95625" s="16">
        <v>0</v>
      </c>
    </row>
    <row r="95626" spans="1:7" x14ac:dyDescent="0.3">
      <c r="A95626" s="13" t="s">
        <v>474</v>
      </c>
      <c r="B95626" s="14" t="s">
        <v>1</v>
      </c>
      <c r="C95626" s="14" t="s">
        <v>109</v>
      </c>
      <c r="D95626" s="14" t="s">
        <v>475</v>
      </c>
      <c r="E95626" s="15">
        <v>45737</v>
      </c>
      <c r="F95626" s="14" t="s">
        <v>61</v>
      </c>
      <c r="G95626" s="16">
        <v>0</v>
      </c>
    </row>
    <row r="95627" spans="1:7" x14ac:dyDescent="0.3">
      <c r="A95627" s="13" t="s">
        <v>474</v>
      </c>
      <c r="B95627" s="14" t="s">
        <v>1</v>
      </c>
      <c r="C95627" s="14" t="s">
        <v>109</v>
      </c>
      <c r="D95627" s="14" t="s">
        <v>475</v>
      </c>
      <c r="E95627" s="15">
        <v>45738</v>
      </c>
      <c r="F95627" s="14" t="s">
        <v>61</v>
      </c>
      <c r="G95627" s="16">
        <v>0</v>
      </c>
    </row>
    <row r="95628" spans="1:7" x14ac:dyDescent="0.3">
      <c r="A95628" s="13" t="s">
        <v>474</v>
      </c>
      <c r="B95628" s="14" t="s">
        <v>1</v>
      </c>
      <c r="C95628" s="14" t="s">
        <v>109</v>
      </c>
      <c r="D95628" s="14" t="s">
        <v>475</v>
      </c>
      <c r="E95628" s="15">
        <v>45739</v>
      </c>
      <c r="F95628" s="14" t="s">
        <v>61</v>
      </c>
      <c r="G95628" s="16">
        <v>0</v>
      </c>
    </row>
    <row r="95629" spans="1:7" x14ac:dyDescent="0.3">
      <c r="A95629" s="13" t="s">
        <v>474</v>
      </c>
      <c r="B95629" s="14" t="s">
        <v>1</v>
      </c>
      <c r="C95629" s="14" t="s">
        <v>109</v>
      </c>
      <c r="D95629" s="14" t="s">
        <v>475</v>
      </c>
      <c r="E95629" s="15">
        <v>45740</v>
      </c>
      <c r="F95629" s="14" t="s">
        <v>61</v>
      </c>
      <c r="G95629" s="16">
        <v>0</v>
      </c>
    </row>
    <row r="95630" spans="1:7" x14ac:dyDescent="0.3">
      <c r="A95630" s="13" t="s">
        <v>474</v>
      </c>
      <c r="B95630" s="14" t="s">
        <v>1</v>
      </c>
      <c r="C95630" s="14" t="s">
        <v>109</v>
      </c>
      <c r="D95630" s="14" t="s">
        <v>475</v>
      </c>
      <c r="E95630" s="15">
        <v>45741</v>
      </c>
      <c r="F95630" s="14" t="s">
        <v>61</v>
      </c>
      <c r="G95630" s="16">
        <v>0</v>
      </c>
    </row>
    <row r="95631" spans="1:7" x14ac:dyDescent="0.3">
      <c r="A95631" s="13" t="s">
        <v>474</v>
      </c>
      <c r="B95631" s="14" t="s">
        <v>1</v>
      </c>
      <c r="C95631" s="14" t="s">
        <v>109</v>
      </c>
      <c r="D95631" s="14" t="s">
        <v>475</v>
      </c>
      <c r="E95631" s="15">
        <v>45742</v>
      </c>
      <c r="F95631" s="14" t="s">
        <v>61</v>
      </c>
      <c r="G95631" s="16">
        <v>0</v>
      </c>
    </row>
    <row r="95632" spans="1:7" x14ac:dyDescent="0.3">
      <c r="A95632" s="13" t="s">
        <v>474</v>
      </c>
      <c r="B95632" s="14" t="s">
        <v>1</v>
      </c>
      <c r="C95632" s="14" t="s">
        <v>109</v>
      </c>
      <c r="D95632" s="14" t="s">
        <v>475</v>
      </c>
      <c r="E95632" s="15">
        <v>45743</v>
      </c>
      <c r="F95632" s="14" t="s">
        <v>61</v>
      </c>
      <c r="G95632" s="16">
        <v>0</v>
      </c>
    </row>
    <row r="95633" spans="1:7" x14ac:dyDescent="0.3">
      <c r="A95633" s="13" t="s">
        <v>474</v>
      </c>
      <c r="B95633" s="14" t="s">
        <v>1</v>
      </c>
      <c r="C95633" s="14" t="s">
        <v>109</v>
      </c>
      <c r="D95633" s="14" t="s">
        <v>475</v>
      </c>
      <c r="E95633" s="15">
        <v>45744</v>
      </c>
      <c r="F95633" s="14" t="s">
        <v>61</v>
      </c>
      <c r="G95633" s="16">
        <v>0</v>
      </c>
    </row>
    <row r="95634" spans="1:7" x14ac:dyDescent="0.3">
      <c r="A95634" s="13" t="s">
        <v>474</v>
      </c>
      <c r="B95634" s="14" t="s">
        <v>1</v>
      </c>
      <c r="C95634" s="14" t="s">
        <v>109</v>
      </c>
      <c r="D95634" s="14" t="s">
        <v>475</v>
      </c>
      <c r="E95634" s="15">
        <v>45745</v>
      </c>
      <c r="F95634" s="14" t="s">
        <v>61</v>
      </c>
      <c r="G95634" s="16">
        <v>0</v>
      </c>
    </row>
    <row r="95635" spans="1:7" x14ac:dyDescent="0.3">
      <c r="A95635" s="13" t="s">
        <v>474</v>
      </c>
      <c r="B95635" s="14" t="s">
        <v>1</v>
      </c>
      <c r="C95635" s="14" t="s">
        <v>109</v>
      </c>
      <c r="D95635" s="14" t="s">
        <v>475</v>
      </c>
      <c r="E95635" s="15">
        <v>45746</v>
      </c>
      <c r="F95635" s="14" t="s">
        <v>61</v>
      </c>
      <c r="G95635" s="16">
        <v>0</v>
      </c>
    </row>
    <row r="95636" spans="1:7" x14ac:dyDescent="0.3">
      <c r="A95636" s="13" t="s">
        <v>474</v>
      </c>
      <c r="B95636" s="14" t="s">
        <v>1</v>
      </c>
      <c r="C95636" s="14" t="s">
        <v>109</v>
      </c>
      <c r="D95636" s="14" t="s">
        <v>475</v>
      </c>
      <c r="E95636" s="15">
        <v>45747</v>
      </c>
      <c r="F95636" s="14" t="s">
        <v>61</v>
      </c>
      <c r="G95636" s="16">
        <v>0</v>
      </c>
    </row>
    <row r="95637" spans="1:7" x14ac:dyDescent="0.3">
      <c r="A95637" s="13" t="s">
        <v>476</v>
      </c>
      <c r="B95637" s="14" t="s">
        <v>1</v>
      </c>
      <c r="C95637" s="14" t="s">
        <v>59</v>
      </c>
      <c r="D95637" s="14" t="s">
        <v>94</v>
      </c>
      <c r="E95637" s="15">
        <v>45383</v>
      </c>
      <c r="F95637" s="14" t="s">
        <v>15</v>
      </c>
      <c r="G95637" s="16">
        <v>0</v>
      </c>
    </row>
    <row r="95638" spans="1:7" x14ac:dyDescent="0.3">
      <c r="A95638" s="13" t="s">
        <v>476</v>
      </c>
      <c r="B95638" s="14" t="s">
        <v>1</v>
      </c>
      <c r="C95638" s="14" t="s">
        <v>59</v>
      </c>
      <c r="D95638" s="14" t="s">
        <v>94</v>
      </c>
      <c r="E95638" s="15">
        <v>45384</v>
      </c>
      <c r="F95638" s="14" t="s">
        <v>15</v>
      </c>
      <c r="G95638" s="16">
        <v>0</v>
      </c>
    </row>
    <row r="95639" spans="1:7" x14ac:dyDescent="0.3">
      <c r="A95639" s="13" t="s">
        <v>476</v>
      </c>
      <c r="B95639" s="14" t="s">
        <v>1</v>
      </c>
      <c r="C95639" s="14" t="s">
        <v>59</v>
      </c>
      <c r="D95639" s="14" t="s">
        <v>94</v>
      </c>
      <c r="E95639" s="15">
        <v>45385</v>
      </c>
      <c r="F95639" s="14" t="s">
        <v>15</v>
      </c>
      <c r="G95639" s="16">
        <v>0</v>
      </c>
    </row>
    <row r="95640" spans="1:7" x14ac:dyDescent="0.3">
      <c r="A95640" s="13" t="s">
        <v>476</v>
      </c>
      <c r="B95640" s="14" t="s">
        <v>1</v>
      </c>
      <c r="C95640" s="14" t="s">
        <v>59</v>
      </c>
      <c r="D95640" s="14" t="s">
        <v>94</v>
      </c>
      <c r="E95640" s="15">
        <v>45386</v>
      </c>
      <c r="F95640" s="14" t="s">
        <v>15</v>
      </c>
      <c r="G95640" s="16">
        <v>0</v>
      </c>
    </row>
    <row r="95641" spans="1:7" x14ac:dyDescent="0.3">
      <c r="A95641" s="13" t="s">
        <v>476</v>
      </c>
      <c r="B95641" s="14" t="s">
        <v>1</v>
      </c>
      <c r="C95641" s="14" t="s">
        <v>59</v>
      </c>
      <c r="D95641" s="14" t="s">
        <v>94</v>
      </c>
      <c r="E95641" s="15">
        <v>45387</v>
      </c>
      <c r="F95641" s="14" t="s">
        <v>15</v>
      </c>
      <c r="G95641" s="16">
        <v>3.3355383692262285E-3</v>
      </c>
    </row>
    <row r="95642" spans="1:7" x14ac:dyDescent="0.3">
      <c r="A95642" s="13" t="s">
        <v>476</v>
      </c>
      <c r="B95642" s="14" t="s">
        <v>1</v>
      </c>
      <c r="C95642" s="14" t="s">
        <v>59</v>
      </c>
      <c r="D95642" s="14" t="s">
        <v>94</v>
      </c>
      <c r="E95642" s="15">
        <v>45388</v>
      </c>
      <c r="F95642" s="14" t="s">
        <v>15</v>
      </c>
      <c r="G95642" s="16">
        <v>3.3355383692262285E-3</v>
      </c>
    </row>
    <row r="95643" spans="1:7" x14ac:dyDescent="0.3">
      <c r="A95643" s="13" t="s">
        <v>476</v>
      </c>
      <c r="B95643" s="14" t="s">
        <v>1</v>
      </c>
      <c r="C95643" s="14" t="s">
        <v>59</v>
      </c>
      <c r="D95643" s="14" t="s">
        <v>94</v>
      </c>
      <c r="E95643" s="15">
        <v>45389</v>
      </c>
      <c r="F95643" s="14" t="s">
        <v>15</v>
      </c>
      <c r="G95643" s="16">
        <v>3.3355383692262285E-3</v>
      </c>
    </row>
    <row r="95644" spans="1:7" x14ac:dyDescent="0.3">
      <c r="A95644" s="13" t="s">
        <v>476</v>
      </c>
      <c r="B95644" s="14" t="s">
        <v>1</v>
      </c>
      <c r="C95644" s="14" t="s">
        <v>59</v>
      </c>
      <c r="D95644" s="14" t="s">
        <v>94</v>
      </c>
      <c r="E95644" s="15">
        <v>45390</v>
      </c>
      <c r="F95644" s="14" t="s">
        <v>15</v>
      </c>
      <c r="G95644" s="16">
        <v>3.2094681050656146E-4</v>
      </c>
    </row>
    <row r="95645" spans="1:7" x14ac:dyDescent="0.3">
      <c r="A95645" s="13" t="s">
        <v>476</v>
      </c>
      <c r="B95645" s="14" t="s">
        <v>1</v>
      </c>
      <c r="C95645" s="14" t="s">
        <v>59</v>
      </c>
      <c r="D95645" s="14" t="s">
        <v>94</v>
      </c>
      <c r="E95645" s="15">
        <v>45391</v>
      </c>
      <c r="F95645" s="14" t="s">
        <v>15</v>
      </c>
      <c r="G95645" s="16">
        <v>0</v>
      </c>
    </row>
    <row r="95646" spans="1:7" x14ac:dyDescent="0.3">
      <c r="A95646" s="13" t="s">
        <v>476</v>
      </c>
      <c r="B95646" s="14" t="s">
        <v>1</v>
      </c>
      <c r="C95646" s="14" t="s">
        <v>59</v>
      </c>
      <c r="D95646" s="14" t="s">
        <v>94</v>
      </c>
      <c r="E95646" s="15">
        <v>45392</v>
      </c>
      <c r="F95646" s="14" t="s">
        <v>15</v>
      </c>
      <c r="G95646" s="16">
        <v>0</v>
      </c>
    </row>
    <row r="95647" spans="1:7" x14ac:dyDescent="0.3">
      <c r="A95647" s="13" t="s">
        <v>476</v>
      </c>
      <c r="B95647" s="14" t="s">
        <v>1</v>
      </c>
      <c r="C95647" s="14" t="s">
        <v>59</v>
      </c>
      <c r="D95647" s="14" t="s">
        <v>94</v>
      </c>
      <c r="E95647" s="15">
        <v>45393</v>
      </c>
      <c r="F95647" s="14" t="s">
        <v>15</v>
      </c>
      <c r="G95647" s="16">
        <v>0</v>
      </c>
    </row>
    <row r="95648" spans="1:7" x14ac:dyDescent="0.3">
      <c r="A95648" s="13" t="s">
        <v>476</v>
      </c>
      <c r="B95648" s="14" t="s">
        <v>1</v>
      </c>
      <c r="C95648" s="14" t="s">
        <v>59</v>
      </c>
      <c r="D95648" s="14" t="s">
        <v>94</v>
      </c>
      <c r="E95648" s="15">
        <v>45394</v>
      </c>
      <c r="F95648" s="14" t="s">
        <v>15</v>
      </c>
      <c r="G95648" s="16">
        <v>0</v>
      </c>
    </row>
    <row r="95649" spans="1:7" x14ac:dyDescent="0.3">
      <c r="A95649" s="13" t="s">
        <v>476</v>
      </c>
      <c r="B95649" s="14" t="s">
        <v>1</v>
      </c>
      <c r="C95649" s="14" t="s">
        <v>59</v>
      </c>
      <c r="D95649" s="14" t="s">
        <v>94</v>
      </c>
      <c r="E95649" s="15">
        <v>45395</v>
      </c>
      <c r="F95649" s="14" t="s">
        <v>15</v>
      </c>
      <c r="G95649" s="16">
        <v>0</v>
      </c>
    </row>
    <row r="95650" spans="1:7" x14ac:dyDescent="0.3">
      <c r="A95650" s="13" t="s">
        <v>476</v>
      </c>
      <c r="B95650" s="14" t="s">
        <v>1</v>
      </c>
      <c r="C95650" s="14" t="s">
        <v>59</v>
      </c>
      <c r="D95650" s="14" t="s">
        <v>94</v>
      </c>
      <c r="E95650" s="15">
        <v>45396</v>
      </c>
      <c r="F95650" s="14" t="s">
        <v>15</v>
      </c>
      <c r="G95650" s="16">
        <v>0</v>
      </c>
    </row>
    <row r="95651" spans="1:7" x14ac:dyDescent="0.3">
      <c r="A95651" s="13" t="s">
        <v>476</v>
      </c>
      <c r="B95651" s="14" t="s">
        <v>1</v>
      </c>
      <c r="C95651" s="14" t="s">
        <v>59</v>
      </c>
      <c r="D95651" s="14" t="s">
        <v>94</v>
      </c>
      <c r="E95651" s="15">
        <v>45397</v>
      </c>
      <c r="F95651" s="14" t="s">
        <v>15</v>
      </c>
      <c r="G95651" s="16">
        <v>0</v>
      </c>
    </row>
    <row r="95652" spans="1:7" x14ac:dyDescent="0.3">
      <c r="A95652" s="13" t="s">
        <v>476</v>
      </c>
      <c r="B95652" s="14" t="s">
        <v>1</v>
      </c>
      <c r="C95652" s="14" t="s">
        <v>59</v>
      </c>
      <c r="D95652" s="14" t="s">
        <v>94</v>
      </c>
      <c r="E95652" s="15">
        <v>45398</v>
      </c>
      <c r="F95652" s="14" t="s">
        <v>15</v>
      </c>
      <c r="G95652" s="16">
        <v>0</v>
      </c>
    </row>
    <row r="95653" spans="1:7" x14ac:dyDescent="0.3">
      <c r="A95653" s="13" t="s">
        <v>476</v>
      </c>
      <c r="B95653" s="14" t="s">
        <v>1</v>
      </c>
      <c r="C95653" s="14" t="s">
        <v>59</v>
      </c>
      <c r="D95653" s="14" t="s">
        <v>94</v>
      </c>
      <c r="E95653" s="15">
        <v>45399</v>
      </c>
      <c r="F95653" s="14" t="s">
        <v>15</v>
      </c>
      <c r="G95653" s="16">
        <v>0</v>
      </c>
    </row>
    <row r="95654" spans="1:7" x14ac:dyDescent="0.3">
      <c r="A95654" s="13" t="s">
        <v>476</v>
      </c>
      <c r="B95654" s="14" t="s">
        <v>1</v>
      </c>
      <c r="C95654" s="14" t="s">
        <v>59</v>
      </c>
      <c r="D95654" s="14" t="s">
        <v>94</v>
      </c>
      <c r="E95654" s="15">
        <v>45400</v>
      </c>
      <c r="F95654" s="14" t="s">
        <v>15</v>
      </c>
      <c r="G95654" s="16">
        <v>0</v>
      </c>
    </row>
    <row r="95655" spans="1:7" x14ac:dyDescent="0.3">
      <c r="A95655" s="13" t="s">
        <v>476</v>
      </c>
      <c r="B95655" s="14" t="s">
        <v>1</v>
      </c>
      <c r="C95655" s="14" t="s">
        <v>59</v>
      </c>
      <c r="D95655" s="14" t="s">
        <v>94</v>
      </c>
      <c r="E95655" s="15">
        <v>45401</v>
      </c>
      <c r="F95655" s="14" t="s">
        <v>15</v>
      </c>
      <c r="G95655" s="16">
        <v>0</v>
      </c>
    </row>
    <row r="95656" spans="1:7" x14ac:dyDescent="0.3">
      <c r="A95656" s="13" t="s">
        <v>476</v>
      </c>
      <c r="B95656" s="14" t="s">
        <v>1</v>
      </c>
      <c r="C95656" s="14" t="s">
        <v>59</v>
      </c>
      <c r="D95656" s="14" t="s">
        <v>94</v>
      </c>
      <c r="E95656" s="15">
        <v>45402</v>
      </c>
      <c r="F95656" s="14" t="s">
        <v>15</v>
      </c>
      <c r="G95656" s="16">
        <v>0</v>
      </c>
    </row>
    <row r="95657" spans="1:7" x14ac:dyDescent="0.3">
      <c r="A95657" s="13" t="s">
        <v>476</v>
      </c>
      <c r="B95657" s="14" t="s">
        <v>1</v>
      </c>
      <c r="C95657" s="14" t="s">
        <v>59</v>
      </c>
      <c r="D95657" s="14" t="s">
        <v>94</v>
      </c>
      <c r="E95657" s="15">
        <v>45403</v>
      </c>
      <c r="F95657" s="14" t="s">
        <v>15</v>
      </c>
      <c r="G95657" s="16">
        <v>0</v>
      </c>
    </row>
    <row r="95658" spans="1:7" x14ac:dyDescent="0.3">
      <c r="A95658" s="13" t="s">
        <v>476</v>
      </c>
      <c r="B95658" s="14" t="s">
        <v>1</v>
      </c>
      <c r="C95658" s="14" t="s">
        <v>59</v>
      </c>
      <c r="D95658" s="14" t="s">
        <v>94</v>
      </c>
      <c r="E95658" s="15">
        <v>45404</v>
      </c>
      <c r="F95658" s="14" t="s">
        <v>15</v>
      </c>
      <c r="G95658" s="16">
        <v>0</v>
      </c>
    </row>
    <row r="95659" spans="1:7" x14ac:dyDescent="0.3">
      <c r="A95659" s="13" t="s">
        <v>476</v>
      </c>
      <c r="B95659" s="14" t="s">
        <v>1</v>
      </c>
      <c r="C95659" s="14" t="s">
        <v>59</v>
      </c>
      <c r="D95659" s="14" t="s">
        <v>94</v>
      </c>
      <c r="E95659" s="15">
        <v>45405</v>
      </c>
      <c r="F95659" s="14" t="s">
        <v>15</v>
      </c>
      <c r="G95659" s="16">
        <v>0</v>
      </c>
    </row>
    <row r="95660" spans="1:7" x14ac:dyDescent="0.3">
      <c r="A95660" s="13" t="s">
        <v>476</v>
      </c>
      <c r="B95660" s="14" t="s">
        <v>1</v>
      </c>
      <c r="C95660" s="14" t="s">
        <v>59</v>
      </c>
      <c r="D95660" s="14" t="s">
        <v>94</v>
      </c>
      <c r="E95660" s="15">
        <v>45406</v>
      </c>
      <c r="F95660" s="14" t="s">
        <v>15</v>
      </c>
      <c r="G95660" s="16">
        <v>0</v>
      </c>
    </row>
    <row r="95661" spans="1:7" x14ac:dyDescent="0.3">
      <c r="A95661" s="13" t="s">
        <v>476</v>
      </c>
      <c r="B95661" s="14" t="s">
        <v>1</v>
      </c>
      <c r="C95661" s="14" t="s">
        <v>59</v>
      </c>
      <c r="D95661" s="14" t="s">
        <v>94</v>
      </c>
      <c r="E95661" s="15">
        <v>45407</v>
      </c>
      <c r="F95661" s="14" t="s">
        <v>15</v>
      </c>
      <c r="G95661" s="16">
        <v>0</v>
      </c>
    </row>
    <row r="95662" spans="1:7" x14ac:dyDescent="0.3">
      <c r="A95662" s="13" t="s">
        <v>476</v>
      </c>
      <c r="B95662" s="14" t="s">
        <v>1</v>
      </c>
      <c r="C95662" s="14" t="s">
        <v>59</v>
      </c>
      <c r="D95662" s="14" t="s">
        <v>94</v>
      </c>
      <c r="E95662" s="15">
        <v>45408</v>
      </c>
      <c r="F95662" s="14" t="s">
        <v>15</v>
      </c>
      <c r="G95662" s="16">
        <v>0</v>
      </c>
    </row>
    <row r="95663" spans="1:7" x14ac:dyDescent="0.3">
      <c r="A95663" s="13" t="s">
        <v>476</v>
      </c>
      <c r="B95663" s="14" t="s">
        <v>1</v>
      </c>
      <c r="C95663" s="14" t="s">
        <v>59</v>
      </c>
      <c r="D95663" s="14" t="s">
        <v>94</v>
      </c>
      <c r="E95663" s="15">
        <v>45409</v>
      </c>
      <c r="F95663" s="14" t="s">
        <v>15</v>
      </c>
      <c r="G95663" s="16">
        <v>0</v>
      </c>
    </row>
    <row r="95664" spans="1:7" x14ac:dyDescent="0.3">
      <c r="A95664" s="13" t="s">
        <v>476</v>
      </c>
      <c r="B95664" s="14" t="s">
        <v>1</v>
      </c>
      <c r="C95664" s="14" t="s">
        <v>59</v>
      </c>
      <c r="D95664" s="14" t="s">
        <v>94</v>
      </c>
      <c r="E95664" s="15">
        <v>45410</v>
      </c>
      <c r="F95664" s="14" t="s">
        <v>15</v>
      </c>
      <c r="G95664" s="16">
        <v>0</v>
      </c>
    </row>
    <row r="95665" spans="1:7" x14ac:dyDescent="0.3">
      <c r="A95665" s="13" t="s">
        <v>476</v>
      </c>
      <c r="B95665" s="14" t="s">
        <v>1</v>
      </c>
      <c r="C95665" s="14" t="s">
        <v>59</v>
      </c>
      <c r="D95665" s="14" t="s">
        <v>94</v>
      </c>
      <c r="E95665" s="15">
        <v>45411</v>
      </c>
      <c r="F95665" s="14" t="s">
        <v>15</v>
      </c>
      <c r="G95665" s="16">
        <v>0</v>
      </c>
    </row>
    <row r="95666" spans="1:7" x14ac:dyDescent="0.3">
      <c r="A95666" s="13" t="s">
        <v>476</v>
      </c>
      <c r="B95666" s="14" t="s">
        <v>1</v>
      </c>
      <c r="C95666" s="14" t="s">
        <v>59</v>
      </c>
      <c r="D95666" s="14" t="s">
        <v>94</v>
      </c>
      <c r="E95666" s="15">
        <v>45412</v>
      </c>
      <c r="F95666" s="14" t="s">
        <v>15</v>
      </c>
      <c r="G95666" s="16">
        <v>0</v>
      </c>
    </row>
    <row r="95667" spans="1:7" x14ac:dyDescent="0.3">
      <c r="A95667" s="13" t="s">
        <v>476</v>
      </c>
      <c r="B95667" s="14" t="s">
        <v>1</v>
      </c>
      <c r="C95667" s="14" t="s">
        <v>59</v>
      </c>
      <c r="D95667" s="14" t="s">
        <v>94</v>
      </c>
      <c r="E95667" s="15">
        <v>45413</v>
      </c>
      <c r="F95667" s="14" t="s">
        <v>15</v>
      </c>
      <c r="G95667" s="16">
        <v>0</v>
      </c>
    </row>
    <row r="95668" spans="1:7" x14ac:dyDescent="0.3">
      <c r="A95668" s="13" t="s">
        <v>476</v>
      </c>
      <c r="B95668" s="14" t="s">
        <v>1</v>
      </c>
      <c r="C95668" s="14" t="s">
        <v>59</v>
      </c>
      <c r="D95668" s="14" t="s">
        <v>94</v>
      </c>
      <c r="E95668" s="15">
        <v>45414</v>
      </c>
      <c r="F95668" s="14" t="s">
        <v>15</v>
      </c>
      <c r="G95668" s="16">
        <v>0</v>
      </c>
    </row>
    <row r="95669" spans="1:7" x14ac:dyDescent="0.3">
      <c r="A95669" s="13" t="s">
        <v>476</v>
      </c>
      <c r="B95669" s="14" t="s">
        <v>1</v>
      </c>
      <c r="C95669" s="14" t="s">
        <v>59</v>
      </c>
      <c r="D95669" s="14" t="s">
        <v>94</v>
      </c>
      <c r="E95669" s="15">
        <v>45415</v>
      </c>
      <c r="F95669" s="14" t="s">
        <v>15</v>
      </c>
      <c r="G95669" s="16">
        <v>0</v>
      </c>
    </row>
    <row r="95670" spans="1:7" x14ac:dyDescent="0.3">
      <c r="A95670" s="13" t="s">
        <v>476</v>
      </c>
      <c r="B95670" s="14" t="s">
        <v>1</v>
      </c>
      <c r="C95670" s="14" t="s">
        <v>59</v>
      </c>
      <c r="D95670" s="14" t="s">
        <v>94</v>
      </c>
      <c r="E95670" s="15">
        <v>45416</v>
      </c>
      <c r="F95670" s="14" t="s">
        <v>15</v>
      </c>
      <c r="G95670" s="16">
        <v>0</v>
      </c>
    </row>
    <row r="95671" spans="1:7" x14ac:dyDescent="0.3">
      <c r="A95671" s="13" t="s">
        <v>476</v>
      </c>
      <c r="B95671" s="14" t="s">
        <v>1</v>
      </c>
      <c r="C95671" s="14" t="s">
        <v>59</v>
      </c>
      <c r="D95671" s="14" t="s">
        <v>94</v>
      </c>
      <c r="E95671" s="15">
        <v>45417</v>
      </c>
      <c r="F95671" s="14" t="s">
        <v>15</v>
      </c>
      <c r="G95671" s="16">
        <v>0</v>
      </c>
    </row>
    <row r="95672" spans="1:7" x14ac:dyDescent="0.3">
      <c r="A95672" s="13" t="s">
        <v>476</v>
      </c>
      <c r="B95672" s="14" t="s">
        <v>1</v>
      </c>
      <c r="C95672" s="14" t="s">
        <v>59</v>
      </c>
      <c r="D95672" s="14" t="s">
        <v>94</v>
      </c>
      <c r="E95672" s="15">
        <v>45418</v>
      </c>
      <c r="F95672" s="14" t="s">
        <v>15</v>
      </c>
      <c r="G95672" s="16">
        <v>0</v>
      </c>
    </row>
    <row r="95673" spans="1:7" x14ac:dyDescent="0.3">
      <c r="A95673" s="13" t="s">
        <v>476</v>
      </c>
      <c r="B95673" s="14" t="s">
        <v>1</v>
      </c>
      <c r="C95673" s="14" t="s">
        <v>59</v>
      </c>
      <c r="D95673" s="14" t="s">
        <v>94</v>
      </c>
      <c r="E95673" s="15">
        <v>45419</v>
      </c>
      <c r="F95673" s="14" t="s">
        <v>15</v>
      </c>
      <c r="G95673" s="16">
        <v>0</v>
      </c>
    </row>
    <row r="95674" spans="1:7" x14ac:dyDescent="0.3">
      <c r="A95674" s="13" t="s">
        <v>476</v>
      </c>
      <c r="B95674" s="14" t="s">
        <v>1</v>
      </c>
      <c r="C95674" s="14" t="s">
        <v>59</v>
      </c>
      <c r="D95674" s="14" t="s">
        <v>94</v>
      </c>
      <c r="E95674" s="15">
        <v>45420</v>
      </c>
      <c r="F95674" s="14" t="s">
        <v>15</v>
      </c>
      <c r="G95674" s="16">
        <v>0</v>
      </c>
    </row>
    <row r="95675" spans="1:7" x14ac:dyDescent="0.3">
      <c r="A95675" s="13" t="s">
        <v>476</v>
      </c>
      <c r="B95675" s="14" t="s">
        <v>1</v>
      </c>
      <c r="C95675" s="14" t="s">
        <v>59</v>
      </c>
      <c r="D95675" s="14" t="s">
        <v>94</v>
      </c>
      <c r="E95675" s="15">
        <v>45421</v>
      </c>
      <c r="F95675" s="14" t="s">
        <v>15</v>
      </c>
      <c r="G95675" s="16">
        <v>0</v>
      </c>
    </row>
    <row r="95676" spans="1:7" x14ac:dyDescent="0.3">
      <c r="A95676" s="13" t="s">
        <v>476</v>
      </c>
      <c r="B95676" s="14" t="s">
        <v>1</v>
      </c>
      <c r="C95676" s="14" t="s">
        <v>59</v>
      </c>
      <c r="D95676" s="14" t="s">
        <v>94</v>
      </c>
      <c r="E95676" s="15">
        <v>45422</v>
      </c>
      <c r="F95676" s="14" t="s">
        <v>15</v>
      </c>
      <c r="G95676" s="16">
        <v>0</v>
      </c>
    </row>
    <row r="95677" spans="1:7" x14ac:dyDescent="0.3">
      <c r="A95677" s="13" t="s">
        <v>476</v>
      </c>
      <c r="B95677" s="14" t="s">
        <v>1</v>
      </c>
      <c r="C95677" s="14" t="s">
        <v>59</v>
      </c>
      <c r="D95677" s="14" t="s">
        <v>94</v>
      </c>
      <c r="E95677" s="15">
        <v>45423</v>
      </c>
      <c r="F95677" s="14" t="s">
        <v>15</v>
      </c>
      <c r="G95677" s="16">
        <v>0</v>
      </c>
    </row>
    <row r="95678" spans="1:7" x14ac:dyDescent="0.3">
      <c r="A95678" s="13" t="s">
        <v>476</v>
      </c>
      <c r="B95678" s="14" t="s">
        <v>1</v>
      </c>
      <c r="C95678" s="14" t="s">
        <v>59</v>
      </c>
      <c r="D95678" s="14" t="s">
        <v>94</v>
      </c>
      <c r="E95678" s="15">
        <v>45424</v>
      </c>
      <c r="F95678" s="14" t="s">
        <v>15</v>
      </c>
      <c r="G95678" s="16">
        <v>0</v>
      </c>
    </row>
    <row r="95679" spans="1:7" x14ac:dyDescent="0.3">
      <c r="A95679" s="13" t="s">
        <v>476</v>
      </c>
      <c r="B95679" s="14" t="s">
        <v>1</v>
      </c>
      <c r="C95679" s="14" t="s">
        <v>59</v>
      </c>
      <c r="D95679" s="14" t="s">
        <v>94</v>
      </c>
      <c r="E95679" s="15">
        <v>45425</v>
      </c>
      <c r="F95679" s="14" t="s">
        <v>15</v>
      </c>
      <c r="G95679" s="16">
        <v>0</v>
      </c>
    </row>
    <row r="95680" spans="1:7" x14ac:dyDescent="0.3">
      <c r="A95680" s="13" t="s">
        <v>476</v>
      </c>
      <c r="B95680" s="14" t="s">
        <v>1</v>
      </c>
      <c r="C95680" s="14" t="s">
        <v>59</v>
      </c>
      <c r="D95680" s="14" t="s">
        <v>94</v>
      </c>
      <c r="E95680" s="15">
        <v>45426</v>
      </c>
      <c r="F95680" s="14" t="s">
        <v>15</v>
      </c>
      <c r="G95680" s="16">
        <v>0</v>
      </c>
    </row>
    <row r="95681" spans="1:7" x14ac:dyDescent="0.3">
      <c r="A95681" s="13" t="s">
        <v>476</v>
      </c>
      <c r="B95681" s="14" t="s">
        <v>1</v>
      </c>
      <c r="C95681" s="14" t="s">
        <v>59</v>
      </c>
      <c r="D95681" s="14" t="s">
        <v>94</v>
      </c>
      <c r="E95681" s="15">
        <v>45427</v>
      </c>
      <c r="F95681" s="14" t="s">
        <v>15</v>
      </c>
      <c r="G95681" s="16">
        <v>0</v>
      </c>
    </row>
    <row r="95682" spans="1:7" x14ac:dyDescent="0.3">
      <c r="A95682" s="13" t="s">
        <v>476</v>
      </c>
      <c r="B95682" s="14" t="s">
        <v>1</v>
      </c>
      <c r="C95682" s="14" t="s">
        <v>59</v>
      </c>
      <c r="D95682" s="14" t="s">
        <v>94</v>
      </c>
      <c r="E95682" s="15">
        <v>45428</v>
      </c>
      <c r="F95682" s="14" t="s">
        <v>15</v>
      </c>
      <c r="G95682" s="16">
        <v>0</v>
      </c>
    </row>
    <row r="95683" spans="1:7" x14ac:dyDescent="0.3">
      <c r="A95683" s="13" t="s">
        <v>476</v>
      </c>
      <c r="B95683" s="14" t="s">
        <v>1</v>
      </c>
      <c r="C95683" s="14" t="s">
        <v>59</v>
      </c>
      <c r="D95683" s="14" t="s">
        <v>94</v>
      </c>
      <c r="E95683" s="15">
        <v>45429</v>
      </c>
      <c r="F95683" s="14" t="s">
        <v>15</v>
      </c>
      <c r="G95683" s="16">
        <v>0.11185307211313279</v>
      </c>
    </row>
    <row r="95684" spans="1:7" x14ac:dyDescent="0.3">
      <c r="A95684" s="13" t="s">
        <v>476</v>
      </c>
      <c r="B95684" s="14" t="s">
        <v>1</v>
      </c>
      <c r="C95684" s="14" t="s">
        <v>59</v>
      </c>
      <c r="D95684" s="14" t="s">
        <v>94</v>
      </c>
      <c r="E95684" s="15">
        <v>45430</v>
      </c>
      <c r="F95684" s="14" t="s">
        <v>15</v>
      </c>
      <c r="G95684" s="16">
        <v>0.11185307211313279</v>
      </c>
    </row>
    <row r="95685" spans="1:7" x14ac:dyDescent="0.3">
      <c r="A95685" s="13" t="s">
        <v>476</v>
      </c>
      <c r="B95685" s="14" t="s">
        <v>1</v>
      </c>
      <c r="C95685" s="14" t="s">
        <v>59</v>
      </c>
      <c r="D95685" s="14" t="s">
        <v>94</v>
      </c>
      <c r="E95685" s="15">
        <v>45431</v>
      </c>
      <c r="F95685" s="14" t="s">
        <v>15</v>
      </c>
      <c r="G95685" s="16">
        <v>0.11185307211313279</v>
      </c>
    </row>
    <row r="95686" spans="1:7" x14ac:dyDescent="0.3">
      <c r="A95686" s="13" t="s">
        <v>476</v>
      </c>
      <c r="B95686" s="14" t="s">
        <v>1</v>
      </c>
      <c r="C95686" s="14" t="s">
        <v>59</v>
      </c>
      <c r="D95686" s="14" t="s">
        <v>94</v>
      </c>
      <c r="E95686" s="15">
        <v>45432</v>
      </c>
      <c r="F95686" s="14" t="s">
        <v>15</v>
      </c>
      <c r="G95686" s="16">
        <v>0.11185307211313279</v>
      </c>
    </row>
    <row r="95687" spans="1:7" x14ac:dyDescent="0.3">
      <c r="A95687" s="13" t="s">
        <v>476</v>
      </c>
      <c r="B95687" s="14" t="s">
        <v>1</v>
      </c>
      <c r="C95687" s="14" t="s">
        <v>59</v>
      </c>
      <c r="D95687" s="14" t="s">
        <v>94</v>
      </c>
      <c r="E95687" s="15">
        <v>45433</v>
      </c>
      <c r="F95687" s="14" t="s">
        <v>15</v>
      </c>
      <c r="G95687" s="16">
        <v>0.10880559085649881</v>
      </c>
    </row>
    <row r="95688" spans="1:7" x14ac:dyDescent="0.3">
      <c r="A95688" s="13" t="s">
        <v>476</v>
      </c>
      <c r="B95688" s="14" t="s">
        <v>1</v>
      </c>
      <c r="C95688" s="14" t="s">
        <v>59</v>
      </c>
      <c r="D95688" s="14" t="s">
        <v>94</v>
      </c>
      <c r="E95688" s="15">
        <v>45434</v>
      </c>
      <c r="F95688" s="14" t="s">
        <v>15</v>
      </c>
      <c r="G95688" s="16">
        <v>9.6580063674877856E-2</v>
      </c>
    </row>
    <row r="95689" spans="1:7" x14ac:dyDescent="0.3">
      <c r="A95689" s="13" t="s">
        <v>476</v>
      </c>
      <c r="B95689" s="14" t="s">
        <v>1</v>
      </c>
      <c r="C95689" s="14" t="s">
        <v>59</v>
      </c>
      <c r="D95689" s="14" t="s">
        <v>94</v>
      </c>
      <c r="E95689" s="15">
        <v>45435</v>
      </c>
      <c r="F95689" s="14" t="s">
        <v>15</v>
      </c>
      <c r="G95689" s="16">
        <v>9.3535501579558006E-2</v>
      </c>
    </row>
    <row r="95690" spans="1:7" x14ac:dyDescent="0.3">
      <c r="A95690" s="13" t="s">
        <v>476</v>
      </c>
      <c r="B95690" s="14" t="s">
        <v>1</v>
      </c>
      <c r="C95690" s="14" t="s">
        <v>59</v>
      </c>
      <c r="D95690" s="14" t="s">
        <v>94</v>
      </c>
      <c r="E95690" s="15">
        <v>45436</v>
      </c>
      <c r="F95690" s="14" t="s">
        <v>15</v>
      </c>
      <c r="G95690" s="16">
        <v>9.0492096700122329E-2</v>
      </c>
    </row>
    <row r="95691" spans="1:7" x14ac:dyDescent="0.3">
      <c r="A95691" s="13" t="s">
        <v>476</v>
      </c>
      <c r="B95691" s="14" t="s">
        <v>1</v>
      </c>
      <c r="C95691" s="14" t="s">
        <v>59</v>
      </c>
      <c r="D95691" s="14" t="s">
        <v>94</v>
      </c>
      <c r="E95691" s="15">
        <v>45437</v>
      </c>
      <c r="F95691" s="14" t="s">
        <v>15</v>
      </c>
      <c r="G95691" s="16">
        <v>9.0492096700122329E-2</v>
      </c>
    </row>
    <row r="95692" spans="1:7" x14ac:dyDescent="0.3">
      <c r="A95692" s="13" t="s">
        <v>476</v>
      </c>
      <c r="B95692" s="14" t="s">
        <v>1</v>
      </c>
      <c r="C95692" s="14" t="s">
        <v>59</v>
      </c>
      <c r="D95692" s="14" t="s">
        <v>94</v>
      </c>
      <c r="E95692" s="15">
        <v>45438</v>
      </c>
      <c r="F95692" s="14" t="s">
        <v>15</v>
      </c>
      <c r="G95692" s="16">
        <v>9.0492096700122329E-2</v>
      </c>
    </row>
    <row r="95693" spans="1:7" x14ac:dyDescent="0.3">
      <c r="A95693" s="13" t="s">
        <v>476</v>
      </c>
      <c r="B95693" s="14" t="s">
        <v>1</v>
      </c>
      <c r="C95693" s="14" t="s">
        <v>59</v>
      </c>
      <c r="D95693" s="14" t="s">
        <v>94</v>
      </c>
      <c r="E95693" s="15">
        <v>45439</v>
      </c>
      <c r="F95693" s="14" t="s">
        <v>15</v>
      </c>
      <c r="G95693" s="16">
        <v>8.745351355353731E-2</v>
      </c>
    </row>
    <row r="95694" spans="1:7" x14ac:dyDescent="0.3">
      <c r="A95694" s="13" t="s">
        <v>476</v>
      </c>
      <c r="B95694" s="14" t="s">
        <v>1</v>
      </c>
      <c r="C95694" s="14" t="s">
        <v>59</v>
      </c>
      <c r="D95694" s="14" t="s">
        <v>94</v>
      </c>
      <c r="E95694" s="15">
        <v>45440</v>
      </c>
      <c r="F95694" s="14" t="s">
        <v>15</v>
      </c>
      <c r="G95694" s="16">
        <v>7.8299815936420339E-2</v>
      </c>
    </row>
    <row r="95695" spans="1:7" x14ac:dyDescent="0.3">
      <c r="A95695" s="13" t="s">
        <v>476</v>
      </c>
      <c r="B95695" s="14" t="s">
        <v>1</v>
      </c>
      <c r="C95695" s="14" t="s">
        <v>59</v>
      </c>
      <c r="D95695" s="14" t="s">
        <v>94</v>
      </c>
      <c r="E95695" s="15">
        <v>45441</v>
      </c>
      <c r="F95695" s="14" t="s">
        <v>15</v>
      </c>
      <c r="G95695" s="16">
        <v>7.526200426709144E-2</v>
      </c>
    </row>
    <row r="95696" spans="1:7" x14ac:dyDescent="0.3">
      <c r="A95696" s="13" t="s">
        <v>476</v>
      </c>
      <c r="B95696" s="14" t="s">
        <v>1</v>
      </c>
      <c r="C95696" s="14" t="s">
        <v>59</v>
      </c>
      <c r="D95696" s="14" t="s">
        <v>94</v>
      </c>
      <c r="E95696" s="15">
        <v>45442</v>
      </c>
      <c r="F95696" s="14" t="s">
        <v>15</v>
      </c>
      <c r="G95696" s="16">
        <v>7.2225542682960719E-2</v>
      </c>
    </row>
    <row r="95697" spans="1:7" x14ac:dyDescent="0.3">
      <c r="A95697" s="13" t="s">
        <v>476</v>
      </c>
      <c r="B95697" s="14" t="s">
        <v>1</v>
      </c>
      <c r="C95697" s="14" t="s">
        <v>59</v>
      </c>
      <c r="D95697" s="14" t="s">
        <v>94</v>
      </c>
      <c r="E95697" s="15">
        <v>45443</v>
      </c>
      <c r="F95697" s="14" t="s">
        <v>15</v>
      </c>
      <c r="G95697" s="16">
        <v>6.920721081434851E-2</v>
      </c>
    </row>
    <row r="95698" spans="1:7" x14ac:dyDescent="0.3">
      <c r="A95698" s="13" t="s">
        <v>476</v>
      </c>
      <c r="B95698" s="14" t="s">
        <v>1</v>
      </c>
      <c r="C95698" s="14" t="s">
        <v>59</v>
      </c>
      <c r="D95698" s="14" t="s">
        <v>94</v>
      </c>
      <c r="E95698" s="15">
        <v>45444</v>
      </c>
      <c r="F95698" s="14" t="s">
        <v>15</v>
      </c>
      <c r="G95698" s="16">
        <v>6.920721081434851E-2</v>
      </c>
    </row>
    <row r="95699" spans="1:7" x14ac:dyDescent="0.3">
      <c r="A95699" s="13" t="s">
        <v>476</v>
      </c>
      <c r="B95699" s="14" t="s">
        <v>1</v>
      </c>
      <c r="C95699" s="14" t="s">
        <v>59</v>
      </c>
      <c r="D95699" s="14" t="s">
        <v>94</v>
      </c>
      <c r="E95699" s="15">
        <v>45445</v>
      </c>
      <c r="F95699" s="14" t="s">
        <v>15</v>
      </c>
      <c r="G95699" s="16">
        <v>6.920721081434851E-2</v>
      </c>
    </row>
    <row r="95700" spans="1:7" x14ac:dyDescent="0.3">
      <c r="A95700" s="13" t="s">
        <v>476</v>
      </c>
      <c r="B95700" s="14" t="s">
        <v>1</v>
      </c>
      <c r="C95700" s="14" t="s">
        <v>59</v>
      </c>
      <c r="D95700" s="14" t="s">
        <v>94</v>
      </c>
      <c r="E95700" s="15">
        <v>45446</v>
      </c>
      <c r="F95700" s="14" t="s">
        <v>15</v>
      </c>
      <c r="G95700" s="16">
        <v>6.920721081434851E-2</v>
      </c>
    </row>
    <row r="95701" spans="1:7" x14ac:dyDescent="0.3">
      <c r="A95701" s="13" t="s">
        <v>476</v>
      </c>
      <c r="B95701" s="14" t="s">
        <v>1</v>
      </c>
      <c r="C95701" s="14" t="s">
        <v>59</v>
      </c>
      <c r="D95701" s="14" t="s">
        <v>94</v>
      </c>
      <c r="E95701" s="15">
        <v>45447</v>
      </c>
      <c r="F95701" s="14" t="s">
        <v>15</v>
      </c>
      <c r="G95701" s="16">
        <v>6.6190036161620461E-2</v>
      </c>
    </row>
    <row r="95702" spans="1:7" x14ac:dyDescent="0.3">
      <c r="A95702" s="13" t="s">
        <v>476</v>
      </c>
      <c r="B95702" s="14" t="s">
        <v>1</v>
      </c>
      <c r="C95702" s="14" t="s">
        <v>59</v>
      </c>
      <c r="D95702" s="14" t="s">
        <v>94</v>
      </c>
      <c r="E95702" s="15">
        <v>45448</v>
      </c>
      <c r="F95702" s="14" t="s">
        <v>15</v>
      </c>
      <c r="G95702" s="16">
        <v>0.13265441762565525</v>
      </c>
    </row>
    <row r="95703" spans="1:7" x14ac:dyDescent="0.3">
      <c r="A95703" s="13" t="s">
        <v>476</v>
      </c>
      <c r="B95703" s="14" t="s">
        <v>1</v>
      </c>
      <c r="C95703" s="14" t="s">
        <v>59</v>
      </c>
      <c r="D95703" s="14" t="s">
        <v>94</v>
      </c>
      <c r="E95703" s="15">
        <v>45449</v>
      </c>
      <c r="F95703" s="14" t="s">
        <v>15</v>
      </c>
      <c r="G95703" s="16">
        <v>0.12962316351300326</v>
      </c>
    </row>
    <row r="95704" spans="1:7" x14ac:dyDescent="0.3">
      <c r="A95704" s="13" t="s">
        <v>476</v>
      </c>
      <c r="B95704" s="14" t="s">
        <v>1</v>
      </c>
      <c r="C95704" s="14" t="s">
        <v>59</v>
      </c>
      <c r="D95704" s="14" t="s">
        <v>94</v>
      </c>
      <c r="E95704" s="15">
        <v>45450</v>
      </c>
      <c r="F95704" s="14" t="s">
        <v>15</v>
      </c>
      <c r="G95704" s="16">
        <v>0.12656645065089972</v>
      </c>
    </row>
    <row r="95705" spans="1:7" x14ac:dyDescent="0.3">
      <c r="A95705" s="13" t="s">
        <v>476</v>
      </c>
      <c r="B95705" s="14" t="s">
        <v>1</v>
      </c>
      <c r="C95705" s="14" t="s">
        <v>59</v>
      </c>
      <c r="D95705" s="14" t="s">
        <v>94</v>
      </c>
      <c r="E95705" s="15">
        <v>45451</v>
      </c>
      <c r="F95705" s="14" t="s">
        <v>15</v>
      </c>
      <c r="G95705" s="16">
        <v>0.12656645065089972</v>
      </c>
    </row>
    <row r="95706" spans="1:7" x14ac:dyDescent="0.3">
      <c r="A95706" s="13" t="s">
        <v>476</v>
      </c>
      <c r="B95706" s="14" t="s">
        <v>1</v>
      </c>
      <c r="C95706" s="14" t="s">
        <v>59</v>
      </c>
      <c r="D95706" s="14" t="s">
        <v>94</v>
      </c>
      <c r="E95706" s="15">
        <v>45452</v>
      </c>
      <c r="F95706" s="14" t="s">
        <v>15</v>
      </c>
      <c r="G95706" s="16">
        <v>0.12656645065089972</v>
      </c>
    </row>
    <row r="95707" spans="1:7" x14ac:dyDescent="0.3">
      <c r="A95707" s="13" t="s">
        <v>476</v>
      </c>
      <c r="B95707" s="14" t="s">
        <v>1</v>
      </c>
      <c r="C95707" s="14" t="s">
        <v>59</v>
      </c>
      <c r="D95707" s="14" t="s">
        <v>94</v>
      </c>
      <c r="E95707" s="15">
        <v>45453</v>
      </c>
      <c r="F95707" s="14" t="s">
        <v>15</v>
      </c>
      <c r="G95707" s="16">
        <v>0.12349758702201251</v>
      </c>
    </row>
    <row r="95708" spans="1:7" x14ac:dyDescent="0.3">
      <c r="A95708" s="13" t="s">
        <v>476</v>
      </c>
      <c r="B95708" s="14" t="s">
        <v>1</v>
      </c>
      <c r="C95708" s="14" t="s">
        <v>59</v>
      </c>
      <c r="D95708" s="14" t="s">
        <v>94</v>
      </c>
      <c r="E95708" s="15">
        <v>45454</v>
      </c>
      <c r="F95708" s="14" t="s">
        <v>15</v>
      </c>
      <c r="G95708" s="16">
        <v>0.11428332844029113</v>
      </c>
    </row>
    <row r="95709" spans="1:7" x14ac:dyDescent="0.3">
      <c r="A95709" s="13" t="s">
        <v>476</v>
      </c>
      <c r="B95709" s="14" t="s">
        <v>1</v>
      </c>
      <c r="C95709" s="14" t="s">
        <v>59</v>
      </c>
      <c r="D95709" s="14" t="s">
        <v>94</v>
      </c>
      <c r="E95709" s="15">
        <v>45455</v>
      </c>
      <c r="F95709" s="14" t="s">
        <v>15</v>
      </c>
      <c r="G95709" s="16">
        <v>0.11123433035074866</v>
      </c>
    </row>
    <row r="95710" spans="1:7" x14ac:dyDescent="0.3">
      <c r="A95710" s="13" t="s">
        <v>476</v>
      </c>
      <c r="B95710" s="14" t="s">
        <v>1</v>
      </c>
      <c r="C95710" s="14" t="s">
        <v>59</v>
      </c>
      <c r="D95710" s="14" t="s">
        <v>94</v>
      </c>
      <c r="E95710" s="15">
        <v>45456</v>
      </c>
      <c r="F95710" s="14" t="s">
        <v>15</v>
      </c>
      <c r="G95710" s="16">
        <v>0.10818436791463608</v>
      </c>
    </row>
    <row r="95711" spans="1:7" x14ac:dyDescent="0.3">
      <c r="A95711" s="13" t="s">
        <v>476</v>
      </c>
      <c r="B95711" s="14" t="s">
        <v>1</v>
      </c>
      <c r="C95711" s="14" t="s">
        <v>59</v>
      </c>
      <c r="D95711" s="14" t="s">
        <v>94</v>
      </c>
      <c r="E95711" s="15">
        <v>45457</v>
      </c>
      <c r="F95711" s="14" t="s">
        <v>15</v>
      </c>
      <c r="G95711" s="16">
        <v>0.163796378817014</v>
      </c>
    </row>
    <row r="95712" spans="1:7" x14ac:dyDescent="0.3">
      <c r="A95712" s="13" t="s">
        <v>476</v>
      </c>
      <c r="B95712" s="14" t="s">
        <v>1</v>
      </c>
      <c r="C95712" s="14" t="s">
        <v>59</v>
      </c>
      <c r="D95712" s="14" t="s">
        <v>94</v>
      </c>
      <c r="E95712" s="15">
        <v>45458</v>
      </c>
      <c r="F95712" s="14" t="s">
        <v>15</v>
      </c>
      <c r="G95712" s="16">
        <v>0.163796378817014</v>
      </c>
    </row>
    <row r="95713" spans="1:7" x14ac:dyDescent="0.3">
      <c r="A95713" s="13" t="s">
        <v>476</v>
      </c>
      <c r="B95713" s="14" t="s">
        <v>1</v>
      </c>
      <c r="C95713" s="14" t="s">
        <v>59</v>
      </c>
      <c r="D95713" s="14" t="s">
        <v>94</v>
      </c>
      <c r="E95713" s="15">
        <v>45459</v>
      </c>
      <c r="F95713" s="14" t="s">
        <v>15</v>
      </c>
      <c r="G95713" s="16">
        <v>0.163796378817014</v>
      </c>
    </row>
    <row r="95714" spans="1:7" x14ac:dyDescent="0.3">
      <c r="A95714" s="13" t="s">
        <v>476</v>
      </c>
      <c r="B95714" s="14" t="s">
        <v>1</v>
      </c>
      <c r="C95714" s="14" t="s">
        <v>59</v>
      </c>
      <c r="D95714" s="14" t="s">
        <v>94</v>
      </c>
      <c r="E95714" s="15">
        <v>45460</v>
      </c>
      <c r="F95714" s="14" t="s">
        <v>15</v>
      </c>
      <c r="G95714" s="16">
        <v>0.16071478581340101</v>
      </c>
    </row>
    <row r="95715" spans="1:7" x14ac:dyDescent="0.3">
      <c r="A95715" s="13" t="s">
        <v>476</v>
      </c>
      <c r="B95715" s="14" t="s">
        <v>1</v>
      </c>
      <c r="C95715" s="14" t="s">
        <v>59</v>
      </c>
      <c r="D95715" s="14" t="s">
        <v>94</v>
      </c>
      <c r="E95715" s="15">
        <v>45461</v>
      </c>
      <c r="F95715" s="14" t="s">
        <v>15</v>
      </c>
      <c r="G95715" s="16">
        <v>0.15142010072773046</v>
      </c>
    </row>
    <row r="95716" spans="1:7" x14ac:dyDescent="0.3">
      <c r="A95716" s="13" t="s">
        <v>476</v>
      </c>
      <c r="B95716" s="14" t="s">
        <v>1</v>
      </c>
      <c r="C95716" s="14" t="s">
        <v>59</v>
      </c>
      <c r="D95716" s="14" t="s">
        <v>94</v>
      </c>
      <c r="E95716" s="15">
        <v>45462</v>
      </c>
      <c r="F95716" s="14" t="s">
        <v>15</v>
      </c>
      <c r="G95716" s="16">
        <v>0.14833387886058086</v>
      </c>
    </row>
    <row r="95717" spans="1:7" x14ac:dyDescent="0.3">
      <c r="A95717" s="13" t="s">
        <v>476</v>
      </c>
      <c r="B95717" s="14" t="s">
        <v>1</v>
      </c>
      <c r="C95717" s="14" t="s">
        <v>59</v>
      </c>
      <c r="D95717" s="14" t="s">
        <v>94</v>
      </c>
      <c r="E95717" s="15">
        <v>45463</v>
      </c>
      <c r="F95717" s="14" t="s">
        <v>15</v>
      </c>
      <c r="G95717" s="16">
        <v>0.14523512048801948</v>
      </c>
    </row>
    <row r="95718" spans="1:7" x14ac:dyDescent="0.3">
      <c r="A95718" s="13" t="s">
        <v>476</v>
      </c>
      <c r="B95718" s="14" t="s">
        <v>1</v>
      </c>
      <c r="C95718" s="14" t="s">
        <v>59</v>
      </c>
      <c r="D95718" s="14" t="s">
        <v>94</v>
      </c>
      <c r="E95718" s="15">
        <v>45464</v>
      </c>
      <c r="F95718" s="14" t="s">
        <v>15</v>
      </c>
      <c r="G95718" s="16">
        <v>0.14213057603603735</v>
      </c>
    </row>
    <row r="95719" spans="1:7" x14ac:dyDescent="0.3">
      <c r="A95719" s="13" t="s">
        <v>476</v>
      </c>
      <c r="B95719" s="14" t="s">
        <v>1</v>
      </c>
      <c r="C95719" s="14" t="s">
        <v>59</v>
      </c>
      <c r="D95719" s="14" t="s">
        <v>94</v>
      </c>
      <c r="E95719" s="15">
        <v>45465</v>
      </c>
      <c r="F95719" s="14" t="s">
        <v>15</v>
      </c>
      <c r="G95719" s="16">
        <v>0.14213057603603735</v>
      </c>
    </row>
    <row r="95720" spans="1:7" x14ac:dyDescent="0.3">
      <c r="A95720" s="13" t="s">
        <v>476</v>
      </c>
      <c r="B95720" s="14" t="s">
        <v>1</v>
      </c>
      <c r="C95720" s="14" t="s">
        <v>59</v>
      </c>
      <c r="D95720" s="14" t="s">
        <v>94</v>
      </c>
      <c r="E95720" s="15">
        <v>45466</v>
      </c>
      <c r="F95720" s="14" t="s">
        <v>15</v>
      </c>
      <c r="G95720" s="16">
        <v>0.14213057603603735</v>
      </c>
    </row>
    <row r="95721" spans="1:7" x14ac:dyDescent="0.3">
      <c r="A95721" s="13" t="s">
        <v>476</v>
      </c>
      <c r="B95721" s="14" t="s">
        <v>1</v>
      </c>
      <c r="C95721" s="14" t="s">
        <v>59</v>
      </c>
      <c r="D95721" s="14" t="s">
        <v>94</v>
      </c>
      <c r="E95721" s="15">
        <v>45467</v>
      </c>
      <c r="F95721" s="14" t="s">
        <v>15</v>
      </c>
      <c r="G95721" s="16">
        <v>0.13902448862954297</v>
      </c>
    </row>
    <row r="95722" spans="1:7" x14ac:dyDescent="0.3">
      <c r="A95722" s="13" t="s">
        <v>476</v>
      </c>
      <c r="B95722" s="14" t="s">
        <v>1</v>
      </c>
      <c r="C95722" s="14" t="s">
        <v>59</v>
      </c>
      <c r="D95722" s="14" t="s">
        <v>94</v>
      </c>
      <c r="E95722" s="15">
        <v>45468</v>
      </c>
      <c r="F95722" s="14" t="s">
        <v>15</v>
      </c>
      <c r="G95722" s="16">
        <v>0.12969605141391777</v>
      </c>
    </row>
    <row r="95723" spans="1:7" x14ac:dyDescent="0.3">
      <c r="A95723" s="13" t="s">
        <v>476</v>
      </c>
      <c r="B95723" s="14" t="s">
        <v>1</v>
      </c>
      <c r="C95723" s="14" t="s">
        <v>59</v>
      </c>
      <c r="D95723" s="14" t="s">
        <v>94</v>
      </c>
      <c r="E95723" s="15">
        <v>45469</v>
      </c>
      <c r="F95723" s="14" t="s">
        <v>15</v>
      </c>
      <c r="G95723" s="16">
        <v>0.12659652156410028</v>
      </c>
    </row>
    <row r="95724" spans="1:7" x14ac:dyDescent="0.3">
      <c r="A95724" s="13" t="s">
        <v>476</v>
      </c>
      <c r="B95724" s="14" t="s">
        <v>1</v>
      </c>
      <c r="C95724" s="14" t="s">
        <v>59</v>
      </c>
      <c r="D95724" s="14" t="s">
        <v>94</v>
      </c>
      <c r="E95724" s="15">
        <v>45470</v>
      </c>
      <c r="F95724" s="14" t="s">
        <v>15</v>
      </c>
      <c r="G95724" s="16">
        <v>0.12350239205507557</v>
      </c>
    </row>
    <row r="95725" spans="1:7" x14ac:dyDescent="0.3">
      <c r="A95725" s="13" t="s">
        <v>476</v>
      </c>
      <c r="B95725" s="14" t="s">
        <v>1</v>
      </c>
      <c r="C95725" s="14" t="s">
        <v>59</v>
      </c>
      <c r="D95725" s="14" t="s">
        <v>94</v>
      </c>
      <c r="E95725" s="15">
        <v>45471</v>
      </c>
      <c r="F95725" s="14" t="s">
        <v>15</v>
      </c>
      <c r="G95725" s="16">
        <v>0.12041327714821555</v>
      </c>
    </row>
    <row r="95726" spans="1:7" x14ac:dyDescent="0.3">
      <c r="A95726" s="13" t="s">
        <v>476</v>
      </c>
      <c r="B95726" s="14" t="s">
        <v>1</v>
      </c>
      <c r="C95726" s="14" t="s">
        <v>59</v>
      </c>
      <c r="D95726" s="14" t="s">
        <v>94</v>
      </c>
      <c r="E95726" s="15">
        <v>45472</v>
      </c>
      <c r="F95726" s="14" t="s">
        <v>15</v>
      </c>
      <c r="G95726" s="16">
        <v>0.12041327714821555</v>
      </c>
    </row>
    <row r="95727" spans="1:7" x14ac:dyDescent="0.3">
      <c r="A95727" s="13" t="s">
        <v>476</v>
      </c>
      <c r="B95727" s="14" t="s">
        <v>1</v>
      </c>
      <c r="C95727" s="14" t="s">
        <v>59</v>
      </c>
      <c r="D95727" s="14" t="s">
        <v>94</v>
      </c>
      <c r="E95727" s="15">
        <v>45473</v>
      </c>
      <c r="F95727" s="14" t="s">
        <v>15</v>
      </c>
      <c r="G95727" s="16">
        <v>0.12041327714821555</v>
      </c>
    </row>
    <row r="95728" spans="1:7" x14ac:dyDescent="0.3">
      <c r="A95728" s="13" t="s">
        <v>476</v>
      </c>
      <c r="B95728" s="14" t="s">
        <v>1</v>
      </c>
      <c r="C95728" s="14" t="s">
        <v>59</v>
      </c>
      <c r="D95728" s="14" t="s">
        <v>94</v>
      </c>
      <c r="E95728" s="15">
        <v>45474</v>
      </c>
      <c r="F95728" s="14" t="s">
        <v>15</v>
      </c>
      <c r="G95728" s="16">
        <v>0.11731760468467863</v>
      </c>
    </row>
    <row r="95729" spans="1:7" x14ac:dyDescent="0.3">
      <c r="A95729" s="13" t="s">
        <v>476</v>
      </c>
      <c r="B95729" s="14" t="s">
        <v>1</v>
      </c>
      <c r="C95729" s="14" t="s">
        <v>59</v>
      </c>
      <c r="D95729" s="14" t="s">
        <v>94</v>
      </c>
      <c r="E95729" s="15">
        <v>45475</v>
      </c>
      <c r="F95729" s="14" t="s">
        <v>15</v>
      </c>
      <c r="G95729" s="16">
        <v>0.11754622771770667</v>
      </c>
    </row>
    <row r="95730" spans="1:7" x14ac:dyDescent="0.3">
      <c r="A95730" s="13" t="s">
        <v>476</v>
      </c>
      <c r="B95730" s="14" t="s">
        <v>1</v>
      </c>
      <c r="C95730" s="14" t="s">
        <v>59</v>
      </c>
      <c r="D95730" s="14" t="s">
        <v>94</v>
      </c>
      <c r="E95730" s="15">
        <v>45476</v>
      </c>
      <c r="F95730" s="14" t="s">
        <v>15</v>
      </c>
      <c r="G95730" s="16">
        <v>0.1144611630664412</v>
      </c>
    </row>
    <row r="95731" spans="1:7" x14ac:dyDescent="0.3">
      <c r="A95731" s="13" t="s">
        <v>476</v>
      </c>
      <c r="B95731" s="14" t="s">
        <v>1</v>
      </c>
      <c r="C95731" s="14" t="s">
        <v>59</v>
      </c>
      <c r="D95731" s="14" t="s">
        <v>94</v>
      </c>
      <c r="E95731" s="15">
        <v>45477</v>
      </c>
      <c r="F95731" s="14" t="s">
        <v>15</v>
      </c>
      <c r="G95731" s="16">
        <v>0.11136761216535858</v>
      </c>
    </row>
    <row r="95732" spans="1:7" x14ac:dyDescent="0.3">
      <c r="A95732" s="13" t="s">
        <v>476</v>
      </c>
      <c r="B95732" s="14" t="s">
        <v>1</v>
      </c>
      <c r="C95732" s="14" t="s">
        <v>59</v>
      </c>
      <c r="D95732" s="14" t="s">
        <v>94</v>
      </c>
      <c r="E95732" s="15">
        <v>45478</v>
      </c>
      <c r="F95732" s="14" t="s">
        <v>15</v>
      </c>
      <c r="G95732" s="16">
        <v>0.10825593154875741</v>
      </c>
    </row>
    <row r="95733" spans="1:7" x14ac:dyDescent="0.3">
      <c r="A95733" s="13" t="s">
        <v>476</v>
      </c>
      <c r="B95733" s="14" t="s">
        <v>1</v>
      </c>
      <c r="C95733" s="14" t="s">
        <v>59</v>
      </c>
      <c r="D95733" s="14" t="s">
        <v>94</v>
      </c>
      <c r="E95733" s="15">
        <v>45479</v>
      </c>
      <c r="F95733" s="14" t="s">
        <v>15</v>
      </c>
      <c r="G95733" s="16">
        <v>0.10825593154875741</v>
      </c>
    </row>
    <row r="95734" spans="1:7" x14ac:dyDescent="0.3">
      <c r="A95734" s="13" t="s">
        <v>476</v>
      </c>
      <c r="B95734" s="14" t="s">
        <v>1</v>
      </c>
      <c r="C95734" s="14" t="s">
        <v>59</v>
      </c>
      <c r="D95734" s="14" t="s">
        <v>94</v>
      </c>
      <c r="E95734" s="15">
        <v>45480</v>
      </c>
      <c r="F95734" s="14" t="s">
        <v>15</v>
      </c>
      <c r="G95734" s="16">
        <v>0.10825593154875741</v>
      </c>
    </row>
    <row r="95735" spans="1:7" x14ac:dyDescent="0.3">
      <c r="A95735" s="13" t="s">
        <v>476</v>
      </c>
      <c r="B95735" s="14" t="s">
        <v>1</v>
      </c>
      <c r="C95735" s="14" t="s">
        <v>59</v>
      </c>
      <c r="D95735" s="14" t="s">
        <v>94</v>
      </c>
      <c r="E95735" s="15">
        <v>45481</v>
      </c>
      <c r="F95735" s="14" t="s">
        <v>15</v>
      </c>
      <c r="G95735" s="16">
        <v>0.10514039354587573</v>
      </c>
    </row>
    <row r="95736" spans="1:7" x14ac:dyDescent="0.3">
      <c r="A95736" s="13" t="s">
        <v>476</v>
      </c>
      <c r="B95736" s="14" t="s">
        <v>1</v>
      </c>
      <c r="C95736" s="14" t="s">
        <v>59</v>
      </c>
      <c r="D95736" s="14" t="s">
        <v>94</v>
      </c>
      <c r="E95736" s="15">
        <v>45482</v>
      </c>
      <c r="F95736" s="14" t="s">
        <v>15</v>
      </c>
      <c r="G95736" s="16">
        <v>9.5709156985874261E-2</v>
      </c>
    </row>
    <row r="95737" spans="1:7" x14ac:dyDescent="0.3">
      <c r="A95737" s="13" t="s">
        <v>476</v>
      </c>
      <c r="B95737" s="14" t="s">
        <v>1</v>
      </c>
      <c r="C95737" s="14" t="s">
        <v>59</v>
      </c>
      <c r="D95737" s="14" t="s">
        <v>94</v>
      </c>
      <c r="E95737" s="15">
        <v>45483</v>
      </c>
      <c r="F95737" s="14" t="s">
        <v>15</v>
      </c>
      <c r="G95737" s="16">
        <v>9.2576646483358227E-2</v>
      </c>
    </row>
    <row r="95738" spans="1:7" x14ac:dyDescent="0.3">
      <c r="A95738" s="13" t="s">
        <v>476</v>
      </c>
      <c r="B95738" s="14" t="s">
        <v>1</v>
      </c>
      <c r="C95738" s="14" t="s">
        <v>59</v>
      </c>
      <c r="D95738" s="14" t="s">
        <v>94</v>
      </c>
      <c r="E95738" s="15">
        <v>45484</v>
      </c>
      <c r="F95738" s="14" t="s">
        <v>15</v>
      </c>
      <c r="G95738" s="16">
        <v>8.9436421208281117E-2</v>
      </c>
    </row>
    <row r="95739" spans="1:7" x14ac:dyDescent="0.3">
      <c r="A95739" s="13" t="s">
        <v>476</v>
      </c>
      <c r="B95739" s="14" t="s">
        <v>1</v>
      </c>
      <c r="C95739" s="14" t="s">
        <v>59</v>
      </c>
      <c r="D95739" s="14" t="s">
        <v>94</v>
      </c>
      <c r="E95739" s="15">
        <v>45485</v>
      </c>
      <c r="F95739" s="14" t="s">
        <v>15</v>
      </c>
      <c r="G95739" s="16">
        <v>9.7192733567772999E-2</v>
      </c>
    </row>
    <row r="95740" spans="1:7" x14ac:dyDescent="0.3">
      <c r="A95740" s="13" t="s">
        <v>476</v>
      </c>
      <c r="B95740" s="14" t="s">
        <v>1</v>
      </c>
      <c r="C95740" s="14" t="s">
        <v>59</v>
      </c>
      <c r="D95740" s="14" t="s">
        <v>94</v>
      </c>
      <c r="E95740" s="15">
        <v>45486</v>
      </c>
      <c r="F95740" s="14" t="s">
        <v>15</v>
      </c>
      <c r="G95740" s="16">
        <v>9.7192733567772999E-2</v>
      </c>
    </row>
    <row r="95741" spans="1:7" x14ac:dyDescent="0.3">
      <c r="A95741" s="13" t="s">
        <v>476</v>
      </c>
      <c r="B95741" s="14" t="s">
        <v>1</v>
      </c>
      <c r="C95741" s="14" t="s">
        <v>59</v>
      </c>
      <c r="D95741" s="14" t="s">
        <v>94</v>
      </c>
      <c r="E95741" s="15">
        <v>45487</v>
      </c>
      <c r="F95741" s="14" t="s">
        <v>15</v>
      </c>
      <c r="G95741" s="16">
        <v>9.7192733567772999E-2</v>
      </c>
    </row>
    <row r="95742" spans="1:7" x14ac:dyDescent="0.3">
      <c r="A95742" s="13" t="s">
        <v>476</v>
      </c>
      <c r="B95742" s="14" t="s">
        <v>1</v>
      </c>
      <c r="C95742" s="14" t="s">
        <v>59</v>
      </c>
      <c r="D95742" s="14" t="s">
        <v>94</v>
      </c>
      <c r="E95742" s="15">
        <v>45488</v>
      </c>
      <c r="F95742" s="14" t="s">
        <v>15</v>
      </c>
      <c r="G95742" s="16">
        <v>9.4032835622665151E-2</v>
      </c>
    </row>
    <row r="95743" spans="1:7" x14ac:dyDescent="0.3">
      <c r="A95743" s="13" t="s">
        <v>476</v>
      </c>
      <c r="B95743" s="14" t="s">
        <v>1</v>
      </c>
      <c r="C95743" s="14" t="s">
        <v>59</v>
      </c>
      <c r="D95743" s="14" t="s">
        <v>94</v>
      </c>
      <c r="E95743" s="15">
        <v>45489</v>
      </c>
      <c r="F95743" s="14" t="s">
        <v>15</v>
      </c>
      <c r="G95743" s="16">
        <v>8.448414165042141E-2</v>
      </c>
    </row>
    <row r="95744" spans="1:7" x14ac:dyDescent="0.3">
      <c r="A95744" s="13" t="s">
        <v>476</v>
      </c>
      <c r="B95744" s="14" t="s">
        <v>1</v>
      </c>
      <c r="C95744" s="14" t="s">
        <v>59</v>
      </c>
      <c r="D95744" s="14" t="s">
        <v>94</v>
      </c>
      <c r="E95744" s="15">
        <v>45490</v>
      </c>
      <c r="F95744" s="14" t="s">
        <v>15</v>
      </c>
      <c r="G95744" s="16">
        <v>8.1311514330587795E-2</v>
      </c>
    </row>
    <row r="95745" spans="1:7" x14ac:dyDescent="0.3">
      <c r="A95745" s="13" t="s">
        <v>476</v>
      </c>
      <c r="B95745" s="14" t="s">
        <v>1</v>
      </c>
      <c r="C95745" s="14" t="s">
        <v>59</v>
      </c>
      <c r="D95745" s="14" t="s">
        <v>94</v>
      </c>
      <c r="E95745" s="15">
        <v>45491</v>
      </c>
      <c r="F95745" s="14" t="s">
        <v>15</v>
      </c>
      <c r="G95745" s="16">
        <v>7.8138694141440174E-2</v>
      </c>
    </row>
    <row r="95746" spans="1:7" x14ac:dyDescent="0.3">
      <c r="A95746" s="13" t="s">
        <v>476</v>
      </c>
      <c r="B95746" s="14" t="s">
        <v>1</v>
      </c>
      <c r="C95746" s="14" t="s">
        <v>59</v>
      </c>
      <c r="D95746" s="14" t="s">
        <v>94</v>
      </c>
      <c r="E95746" s="15">
        <v>45492</v>
      </c>
      <c r="F95746" s="14" t="s">
        <v>15</v>
      </c>
      <c r="G95746" s="16">
        <v>7.4979567673588446E-2</v>
      </c>
    </row>
    <row r="95747" spans="1:7" x14ac:dyDescent="0.3">
      <c r="A95747" s="13" t="s">
        <v>476</v>
      </c>
      <c r="B95747" s="14" t="s">
        <v>1</v>
      </c>
      <c r="C95747" s="14" t="s">
        <v>59</v>
      </c>
      <c r="D95747" s="14" t="s">
        <v>94</v>
      </c>
      <c r="E95747" s="15">
        <v>45493</v>
      </c>
      <c r="F95747" s="14" t="s">
        <v>15</v>
      </c>
      <c r="G95747" s="16">
        <v>7.4979567673588446E-2</v>
      </c>
    </row>
    <row r="95748" spans="1:7" x14ac:dyDescent="0.3">
      <c r="A95748" s="13" t="s">
        <v>476</v>
      </c>
      <c r="B95748" s="14" t="s">
        <v>1</v>
      </c>
      <c r="C95748" s="14" t="s">
        <v>59</v>
      </c>
      <c r="D95748" s="14" t="s">
        <v>94</v>
      </c>
      <c r="E95748" s="15">
        <v>45494</v>
      </c>
      <c r="F95748" s="14" t="s">
        <v>15</v>
      </c>
      <c r="G95748" s="16">
        <v>7.4979567673588446E-2</v>
      </c>
    </row>
    <row r="95749" spans="1:7" x14ac:dyDescent="0.3">
      <c r="A95749" s="13" t="s">
        <v>476</v>
      </c>
      <c r="B95749" s="14" t="s">
        <v>1</v>
      </c>
      <c r="C95749" s="14" t="s">
        <v>59</v>
      </c>
      <c r="D95749" s="14" t="s">
        <v>94</v>
      </c>
      <c r="E95749" s="15">
        <v>45495</v>
      </c>
      <c r="F95749" s="14" t="s">
        <v>15</v>
      </c>
      <c r="G95749" s="16">
        <v>7.1834906404288731E-2</v>
      </c>
    </row>
    <row r="95750" spans="1:7" x14ac:dyDescent="0.3">
      <c r="A95750" s="13" t="s">
        <v>476</v>
      </c>
      <c r="B95750" s="14" t="s">
        <v>1</v>
      </c>
      <c r="C95750" s="14" t="s">
        <v>59</v>
      </c>
      <c r="D95750" s="14" t="s">
        <v>94</v>
      </c>
      <c r="E95750" s="15">
        <v>45496</v>
      </c>
      <c r="F95750" s="14" t="s">
        <v>15</v>
      </c>
      <c r="G95750" s="16">
        <v>6.2410034531650137E-2</v>
      </c>
    </row>
    <row r="95751" spans="1:7" x14ac:dyDescent="0.3">
      <c r="A95751" s="13" t="s">
        <v>476</v>
      </c>
      <c r="B95751" s="14" t="s">
        <v>1</v>
      </c>
      <c r="C95751" s="14" t="s">
        <v>59</v>
      </c>
      <c r="D95751" s="14" t="s">
        <v>94</v>
      </c>
      <c r="E95751" s="15">
        <v>45497</v>
      </c>
      <c r="F95751" s="14" t="s">
        <v>15</v>
      </c>
      <c r="G95751" s="16">
        <v>5.9277716898448123E-2</v>
      </c>
    </row>
    <row r="95752" spans="1:7" x14ac:dyDescent="0.3">
      <c r="A95752" s="13" t="s">
        <v>476</v>
      </c>
      <c r="B95752" s="14" t="s">
        <v>1</v>
      </c>
      <c r="C95752" s="14" t="s">
        <v>59</v>
      </c>
      <c r="D95752" s="14" t="s">
        <v>94</v>
      </c>
      <c r="E95752" s="15">
        <v>45498</v>
      </c>
      <c r="F95752" s="14" t="s">
        <v>15</v>
      </c>
      <c r="G95752" s="16">
        <v>5.6130548328066063E-2</v>
      </c>
    </row>
    <row r="95753" spans="1:7" x14ac:dyDescent="0.3">
      <c r="A95753" s="13" t="s">
        <v>476</v>
      </c>
      <c r="B95753" s="14" t="s">
        <v>1</v>
      </c>
      <c r="C95753" s="14" t="s">
        <v>59</v>
      </c>
      <c r="D95753" s="14" t="s">
        <v>94</v>
      </c>
      <c r="E95753" s="15">
        <v>45499</v>
      </c>
      <c r="F95753" s="14" t="s">
        <v>15</v>
      </c>
      <c r="G95753" s="16">
        <v>5.3016746149010613E-2</v>
      </c>
    </row>
    <row r="95754" spans="1:7" x14ac:dyDescent="0.3">
      <c r="A95754" s="13" t="s">
        <v>476</v>
      </c>
      <c r="B95754" s="14" t="s">
        <v>1</v>
      </c>
      <c r="C95754" s="14" t="s">
        <v>59</v>
      </c>
      <c r="D95754" s="14" t="s">
        <v>94</v>
      </c>
      <c r="E95754" s="15">
        <v>45500</v>
      </c>
      <c r="F95754" s="14" t="s">
        <v>15</v>
      </c>
      <c r="G95754" s="16">
        <v>5.3016746149010613E-2</v>
      </c>
    </row>
    <row r="95755" spans="1:7" x14ac:dyDescent="0.3">
      <c r="A95755" s="13" t="s">
        <v>476</v>
      </c>
      <c r="B95755" s="14" t="s">
        <v>1</v>
      </c>
      <c r="C95755" s="14" t="s">
        <v>59</v>
      </c>
      <c r="D95755" s="14" t="s">
        <v>94</v>
      </c>
      <c r="E95755" s="15">
        <v>45501</v>
      </c>
      <c r="F95755" s="14" t="s">
        <v>15</v>
      </c>
      <c r="G95755" s="16">
        <v>5.3016746149010613E-2</v>
      </c>
    </row>
    <row r="95756" spans="1:7" x14ac:dyDescent="0.3">
      <c r="A95756" s="13" t="s">
        <v>476</v>
      </c>
      <c r="B95756" s="14" t="s">
        <v>1</v>
      </c>
      <c r="C95756" s="14" t="s">
        <v>59</v>
      </c>
      <c r="D95756" s="14" t="s">
        <v>94</v>
      </c>
      <c r="E95756" s="15">
        <v>45502</v>
      </c>
      <c r="F95756" s="14" t="s">
        <v>15</v>
      </c>
      <c r="G95756" s="16">
        <v>5.8873681503967115E-2</v>
      </c>
    </row>
    <row r="95757" spans="1:7" x14ac:dyDescent="0.3">
      <c r="A95757" s="13" t="s">
        <v>476</v>
      </c>
      <c r="B95757" s="14" t="s">
        <v>1</v>
      </c>
      <c r="C95757" s="14" t="s">
        <v>59</v>
      </c>
      <c r="D95757" s="14" t="s">
        <v>94</v>
      </c>
      <c r="E95757" s="15">
        <v>45503</v>
      </c>
      <c r="F95757" s="14" t="s">
        <v>15</v>
      </c>
      <c r="G95757" s="16">
        <v>4.9511877897015277E-2</v>
      </c>
    </row>
    <row r="95758" spans="1:7" x14ac:dyDescent="0.3">
      <c r="A95758" s="13" t="s">
        <v>476</v>
      </c>
      <c r="B95758" s="14" t="s">
        <v>1</v>
      </c>
      <c r="C95758" s="14" t="s">
        <v>59</v>
      </c>
      <c r="D95758" s="14" t="s">
        <v>94</v>
      </c>
      <c r="E95758" s="15">
        <v>45504</v>
      </c>
      <c r="F95758" s="14" t="s">
        <v>15</v>
      </c>
      <c r="G95758" s="16">
        <v>4.6412733785825867E-2</v>
      </c>
    </row>
    <row r="95759" spans="1:7" x14ac:dyDescent="0.3">
      <c r="A95759" s="13" t="s">
        <v>476</v>
      </c>
      <c r="B95759" s="14" t="s">
        <v>1</v>
      </c>
      <c r="C95759" s="14" t="s">
        <v>59</v>
      </c>
      <c r="D95759" s="14" t="s">
        <v>94</v>
      </c>
      <c r="E95759" s="15">
        <v>45505</v>
      </c>
      <c r="F95759" s="14" t="s">
        <v>15</v>
      </c>
      <c r="G95759" s="16">
        <v>4.6412733785825867E-2</v>
      </c>
    </row>
    <row r="95760" spans="1:7" x14ac:dyDescent="0.3">
      <c r="A95760" s="13" t="s">
        <v>476</v>
      </c>
      <c r="B95760" s="14" t="s">
        <v>1</v>
      </c>
      <c r="C95760" s="14" t="s">
        <v>59</v>
      </c>
      <c r="D95760" s="14" t="s">
        <v>94</v>
      </c>
      <c r="E95760" s="15">
        <v>45506</v>
      </c>
      <c r="F95760" s="14" t="s">
        <v>15</v>
      </c>
      <c r="G95760" s="16">
        <v>4.3306646379331508E-2</v>
      </c>
    </row>
    <row r="95761" spans="1:7" x14ac:dyDescent="0.3">
      <c r="A95761" s="13" t="s">
        <v>476</v>
      </c>
      <c r="B95761" s="14" t="s">
        <v>1</v>
      </c>
      <c r="C95761" s="14" t="s">
        <v>59</v>
      </c>
      <c r="D95761" s="14" t="s">
        <v>94</v>
      </c>
      <c r="E95761" s="15">
        <v>45507</v>
      </c>
      <c r="F95761" s="14" t="s">
        <v>15</v>
      </c>
      <c r="G95761" s="16">
        <v>4.3306646379331508E-2</v>
      </c>
    </row>
    <row r="95762" spans="1:7" x14ac:dyDescent="0.3">
      <c r="A95762" s="13" t="s">
        <v>476</v>
      </c>
      <c r="B95762" s="14" t="s">
        <v>1</v>
      </c>
      <c r="C95762" s="14" t="s">
        <v>59</v>
      </c>
      <c r="D95762" s="14" t="s">
        <v>94</v>
      </c>
      <c r="E95762" s="15">
        <v>45508</v>
      </c>
      <c r="F95762" s="14" t="s">
        <v>15</v>
      </c>
      <c r="G95762" s="16">
        <v>4.3306646379331508E-2</v>
      </c>
    </row>
    <row r="95763" spans="1:7" x14ac:dyDescent="0.3">
      <c r="A95763" s="13" t="s">
        <v>476</v>
      </c>
      <c r="B95763" s="14" t="s">
        <v>1</v>
      </c>
      <c r="C95763" s="14" t="s">
        <v>59</v>
      </c>
      <c r="D95763" s="14" t="s">
        <v>94</v>
      </c>
      <c r="E95763" s="15">
        <v>45509</v>
      </c>
      <c r="F95763" s="14" t="s">
        <v>15</v>
      </c>
      <c r="G95763" s="16">
        <v>4.3306646379331508E-2</v>
      </c>
    </row>
    <row r="95764" spans="1:7" x14ac:dyDescent="0.3">
      <c r="A95764" s="13" t="s">
        <v>476</v>
      </c>
      <c r="B95764" s="14" t="s">
        <v>1</v>
      </c>
      <c r="C95764" s="14" t="s">
        <v>59</v>
      </c>
      <c r="D95764" s="14" t="s">
        <v>94</v>
      </c>
      <c r="E95764" s="15">
        <v>45510</v>
      </c>
      <c r="F95764" s="14" t="s">
        <v>15</v>
      </c>
      <c r="G95764" s="16">
        <v>0.14769184998004101</v>
      </c>
    </row>
    <row r="95765" spans="1:7" x14ac:dyDescent="0.3">
      <c r="A95765" s="13" t="s">
        <v>476</v>
      </c>
      <c r="B95765" s="14" t="s">
        <v>1</v>
      </c>
      <c r="C95765" s="14" t="s">
        <v>59</v>
      </c>
      <c r="D95765" s="14" t="s">
        <v>94</v>
      </c>
      <c r="E95765" s="15">
        <v>45511</v>
      </c>
      <c r="F95765" s="14" t="s">
        <v>15</v>
      </c>
      <c r="G95765" s="16">
        <v>0.13527678522527589</v>
      </c>
    </row>
    <row r="95766" spans="1:7" x14ac:dyDescent="0.3">
      <c r="A95766" s="13" t="s">
        <v>476</v>
      </c>
      <c r="B95766" s="14" t="s">
        <v>1</v>
      </c>
      <c r="C95766" s="14" t="s">
        <v>59</v>
      </c>
      <c r="D95766" s="14" t="s">
        <v>94</v>
      </c>
      <c r="E95766" s="15">
        <v>45512</v>
      </c>
      <c r="F95766" s="14" t="s">
        <v>15</v>
      </c>
      <c r="G95766" s="16">
        <v>0.15695345079958614</v>
      </c>
    </row>
    <row r="95767" spans="1:7" x14ac:dyDescent="0.3">
      <c r="A95767" s="13" t="s">
        <v>476</v>
      </c>
      <c r="B95767" s="14" t="s">
        <v>1</v>
      </c>
      <c r="C95767" s="14" t="s">
        <v>59</v>
      </c>
      <c r="D95767" s="14" t="s">
        <v>94</v>
      </c>
      <c r="E95767" s="15">
        <v>45513</v>
      </c>
      <c r="F95767" s="14" t="s">
        <v>15</v>
      </c>
      <c r="G95767" s="16">
        <v>0.15387950972294254</v>
      </c>
    </row>
    <row r="95768" spans="1:7" x14ac:dyDescent="0.3">
      <c r="A95768" s="13" t="s">
        <v>476</v>
      </c>
      <c r="B95768" s="14" t="s">
        <v>1</v>
      </c>
      <c r="C95768" s="14" t="s">
        <v>59</v>
      </c>
      <c r="D95768" s="14" t="s">
        <v>94</v>
      </c>
      <c r="E95768" s="15">
        <v>45514</v>
      </c>
      <c r="F95768" s="14" t="s">
        <v>15</v>
      </c>
      <c r="G95768" s="16">
        <v>0.15387950972294254</v>
      </c>
    </row>
    <row r="95769" spans="1:7" x14ac:dyDescent="0.3">
      <c r="A95769" s="13" t="s">
        <v>476</v>
      </c>
      <c r="B95769" s="14" t="s">
        <v>1</v>
      </c>
      <c r="C95769" s="14" t="s">
        <v>59</v>
      </c>
      <c r="D95769" s="14" t="s">
        <v>94</v>
      </c>
      <c r="E95769" s="15">
        <v>45515</v>
      </c>
      <c r="F95769" s="14" t="s">
        <v>15</v>
      </c>
      <c r="G95769" s="16">
        <v>0.15387950972294254</v>
      </c>
    </row>
    <row r="95770" spans="1:7" x14ac:dyDescent="0.3">
      <c r="A95770" s="13" t="s">
        <v>476</v>
      </c>
      <c r="B95770" s="14" t="s">
        <v>1</v>
      </c>
      <c r="C95770" s="14" t="s">
        <v>59</v>
      </c>
      <c r="D95770" s="14" t="s">
        <v>94</v>
      </c>
      <c r="E95770" s="15">
        <v>45516</v>
      </c>
      <c r="F95770" s="14" t="s">
        <v>15</v>
      </c>
      <c r="G95770" s="16">
        <v>0.15081078466886857</v>
      </c>
    </row>
    <row r="95771" spans="1:7" x14ac:dyDescent="0.3">
      <c r="A95771" s="13" t="s">
        <v>476</v>
      </c>
      <c r="B95771" s="14" t="s">
        <v>1</v>
      </c>
      <c r="C95771" s="14" t="s">
        <v>59</v>
      </c>
      <c r="D95771" s="14" t="s">
        <v>94</v>
      </c>
      <c r="E95771" s="15">
        <v>45517</v>
      </c>
      <c r="F95771" s="14" t="s">
        <v>15</v>
      </c>
      <c r="G95771" s="16">
        <v>0.14152456071179659</v>
      </c>
    </row>
    <row r="95772" spans="1:7" x14ac:dyDescent="0.3">
      <c r="A95772" s="13" t="s">
        <v>476</v>
      </c>
      <c r="B95772" s="14" t="s">
        <v>1</v>
      </c>
      <c r="C95772" s="14" t="s">
        <v>59</v>
      </c>
      <c r="D95772" s="14" t="s">
        <v>94</v>
      </c>
      <c r="E95772" s="15">
        <v>45518</v>
      </c>
      <c r="F95772" s="14" t="s">
        <v>15</v>
      </c>
      <c r="G95772" s="16">
        <v>0.13843709661367617</v>
      </c>
    </row>
    <row r="95773" spans="1:7" x14ac:dyDescent="0.3">
      <c r="A95773" s="13" t="s">
        <v>476</v>
      </c>
      <c r="B95773" s="14" t="s">
        <v>1</v>
      </c>
      <c r="C95773" s="14" t="s">
        <v>59</v>
      </c>
      <c r="D95773" s="14" t="s">
        <v>94</v>
      </c>
      <c r="E95773" s="15">
        <v>45519</v>
      </c>
      <c r="F95773" s="14" t="s">
        <v>15</v>
      </c>
      <c r="G95773" s="16">
        <v>0.13548969238085135</v>
      </c>
    </row>
    <row r="95774" spans="1:7" x14ac:dyDescent="0.3">
      <c r="A95774" s="13" t="s">
        <v>476</v>
      </c>
      <c r="B95774" s="14" t="s">
        <v>1</v>
      </c>
      <c r="C95774" s="14" t="s">
        <v>59</v>
      </c>
      <c r="D95774" s="14" t="s">
        <v>94</v>
      </c>
      <c r="E95774" s="15">
        <v>45520</v>
      </c>
      <c r="F95774" s="14" t="s">
        <v>15</v>
      </c>
      <c r="G95774" s="16">
        <v>0.13236204559034268</v>
      </c>
    </row>
    <row r="95775" spans="1:7" x14ac:dyDescent="0.3">
      <c r="A95775" s="13" t="s">
        <v>476</v>
      </c>
      <c r="B95775" s="14" t="s">
        <v>1</v>
      </c>
      <c r="C95775" s="14" t="s">
        <v>59</v>
      </c>
      <c r="D95775" s="14" t="s">
        <v>94</v>
      </c>
      <c r="E95775" s="15">
        <v>45521</v>
      </c>
      <c r="F95775" s="14" t="s">
        <v>15</v>
      </c>
      <c r="G95775" s="16">
        <v>0.13236204559034268</v>
      </c>
    </row>
    <row r="95776" spans="1:7" x14ac:dyDescent="0.3">
      <c r="A95776" s="13" t="s">
        <v>476</v>
      </c>
      <c r="B95776" s="14" t="s">
        <v>1</v>
      </c>
      <c r="C95776" s="14" t="s">
        <v>59</v>
      </c>
      <c r="D95776" s="14" t="s">
        <v>94</v>
      </c>
      <c r="E95776" s="15">
        <v>45522</v>
      </c>
      <c r="F95776" s="14" t="s">
        <v>15</v>
      </c>
      <c r="G95776" s="16">
        <v>0.13236204559034268</v>
      </c>
    </row>
    <row r="95777" spans="1:7" x14ac:dyDescent="0.3">
      <c r="A95777" s="13" t="s">
        <v>476</v>
      </c>
      <c r="B95777" s="14" t="s">
        <v>1</v>
      </c>
      <c r="C95777" s="14" t="s">
        <v>59</v>
      </c>
      <c r="D95777" s="14" t="s">
        <v>94</v>
      </c>
      <c r="E95777" s="15">
        <v>45523</v>
      </c>
      <c r="F95777" s="14" t="s">
        <v>15</v>
      </c>
      <c r="G95777" s="16">
        <v>0.12921488701170317</v>
      </c>
    </row>
    <row r="95778" spans="1:7" x14ac:dyDescent="0.3">
      <c r="A95778" s="13" t="s">
        <v>476</v>
      </c>
      <c r="B95778" s="14" t="s">
        <v>1</v>
      </c>
      <c r="C95778" s="14" t="s">
        <v>59</v>
      </c>
      <c r="D95778" s="14" t="s">
        <v>94</v>
      </c>
      <c r="E95778" s="15">
        <v>45524</v>
      </c>
      <c r="F95778" s="14" t="s">
        <v>15</v>
      </c>
      <c r="G95778" s="16">
        <v>0.11971557887336079</v>
      </c>
    </row>
    <row r="95779" spans="1:7" x14ac:dyDescent="0.3">
      <c r="A95779" s="13" t="s">
        <v>476</v>
      </c>
      <c r="B95779" s="14" t="s">
        <v>1</v>
      </c>
      <c r="C95779" s="14" t="s">
        <v>59</v>
      </c>
      <c r="D95779" s="14" t="s">
        <v>94</v>
      </c>
      <c r="E95779" s="15">
        <v>45525</v>
      </c>
      <c r="F95779" s="14" t="s">
        <v>15</v>
      </c>
      <c r="G95779" s="16">
        <v>0.11654813576250604</v>
      </c>
    </row>
    <row r="95780" spans="1:7" x14ac:dyDescent="0.3">
      <c r="A95780" s="13" t="s">
        <v>476</v>
      </c>
      <c r="B95780" s="14" t="s">
        <v>1</v>
      </c>
      <c r="C95780" s="14" t="s">
        <v>59</v>
      </c>
      <c r="D95780" s="14" t="s">
        <v>94</v>
      </c>
      <c r="E95780" s="15">
        <v>45526</v>
      </c>
      <c r="F95780" s="14" t="s">
        <v>15</v>
      </c>
      <c r="G95780" s="16">
        <v>0.14821329137163514</v>
      </c>
    </row>
    <row r="95781" spans="1:7" x14ac:dyDescent="0.3">
      <c r="A95781" s="13" t="s">
        <v>476</v>
      </c>
      <c r="B95781" s="14" t="s">
        <v>1</v>
      </c>
      <c r="C95781" s="14" t="s">
        <v>59</v>
      </c>
      <c r="D95781" s="14" t="s">
        <v>94</v>
      </c>
      <c r="E95781" s="15">
        <v>45527</v>
      </c>
      <c r="F95781" s="14" t="s">
        <v>15</v>
      </c>
      <c r="G95781" s="16">
        <v>0.14503083982497622</v>
      </c>
    </row>
    <row r="95782" spans="1:7" x14ac:dyDescent="0.3">
      <c r="A95782" s="13" t="s">
        <v>476</v>
      </c>
      <c r="B95782" s="14" t="s">
        <v>1</v>
      </c>
      <c r="C95782" s="14" t="s">
        <v>59</v>
      </c>
      <c r="D95782" s="14" t="s">
        <v>94</v>
      </c>
      <c r="E95782" s="15">
        <v>45528</v>
      </c>
      <c r="F95782" s="14" t="s">
        <v>15</v>
      </c>
      <c r="G95782" s="16">
        <v>0.14503083982497622</v>
      </c>
    </row>
    <row r="95783" spans="1:7" x14ac:dyDescent="0.3">
      <c r="A95783" s="13" t="s">
        <v>476</v>
      </c>
      <c r="B95783" s="14" t="s">
        <v>1</v>
      </c>
      <c r="C95783" s="14" t="s">
        <v>59</v>
      </c>
      <c r="D95783" s="14" t="s">
        <v>94</v>
      </c>
      <c r="E95783" s="15">
        <v>45529</v>
      </c>
      <c r="F95783" s="14" t="s">
        <v>15</v>
      </c>
      <c r="G95783" s="16">
        <v>0.14503083982497622</v>
      </c>
    </row>
    <row r="95784" spans="1:7" x14ac:dyDescent="0.3">
      <c r="A95784" s="13" t="s">
        <v>476</v>
      </c>
      <c r="B95784" s="14" t="s">
        <v>1</v>
      </c>
      <c r="C95784" s="14" t="s">
        <v>59</v>
      </c>
      <c r="D95784" s="14" t="s">
        <v>94</v>
      </c>
      <c r="E95784" s="15">
        <v>45530</v>
      </c>
      <c r="F95784" s="14" t="s">
        <v>15</v>
      </c>
      <c r="G95784" s="16">
        <v>0.15008784718396906</v>
      </c>
    </row>
    <row r="95785" spans="1:7" x14ac:dyDescent="0.3">
      <c r="A95785" s="13" t="s">
        <v>476</v>
      </c>
      <c r="B95785" s="14" t="s">
        <v>1</v>
      </c>
      <c r="C95785" s="14" t="s">
        <v>59</v>
      </c>
      <c r="D95785" s="14" t="s">
        <v>94</v>
      </c>
      <c r="E95785" s="15">
        <v>45531</v>
      </c>
      <c r="F95785" s="14" t="s">
        <v>15</v>
      </c>
      <c r="G95785" s="16">
        <v>0.14047684122020643</v>
      </c>
    </row>
    <row r="95786" spans="1:7" x14ac:dyDescent="0.3">
      <c r="A95786" s="13" t="s">
        <v>476</v>
      </c>
      <c r="B95786" s="14" t="s">
        <v>1</v>
      </c>
      <c r="C95786" s="14" t="s">
        <v>59</v>
      </c>
      <c r="D95786" s="14" t="s">
        <v>94</v>
      </c>
      <c r="E95786" s="15">
        <v>45532</v>
      </c>
      <c r="F95786" s="14" t="s">
        <v>15</v>
      </c>
      <c r="G95786" s="16">
        <v>0.13730104165632742</v>
      </c>
    </row>
    <row r="95787" spans="1:7" x14ac:dyDescent="0.3">
      <c r="A95787" s="13" t="s">
        <v>476</v>
      </c>
      <c r="B95787" s="14" t="s">
        <v>1</v>
      </c>
      <c r="C95787" s="14" t="s">
        <v>59</v>
      </c>
      <c r="D95787" s="14" t="s">
        <v>94</v>
      </c>
      <c r="E95787" s="15">
        <v>45533</v>
      </c>
      <c r="F95787" s="14" t="s">
        <v>15</v>
      </c>
      <c r="G95787" s="16">
        <v>0.1341193726958779</v>
      </c>
    </row>
    <row r="95788" spans="1:7" x14ac:dyDescent="0.3">
      <c r="A95788" s="13" t="s">
        <v>476</v>
      </c>
      <c r="B95788" s="14" t="s">
        <v>1</v>
      </c>
      <c r="C95788" s="14" t="s">
        <v>59</v>
      </c>
      <c r="D95788" s="14" t="s">
        <v>94</v>
      </c>
      <c r="E95788" s="15">
        <v>45534</v>
      </c>
      <c r="F95788" s="14" t="s">
        <v>15</v>
      </c>
      <c r="G95788" s="16">
        <v>0.13094238957781368</v>
      </c>
    </row>
    <row r="95789" spans="1:7" x14ac:dyDescent="0.3">
      <c r="A95789" s="13" t="s">
        <v>476</v>
      </c>
      <c r="B95789" s="14" t="s">
        <v>1</v>
      </c>
      <c r="C95789" s="14" t="s">
        <v>59</v>
      </c>
      <c r="D95789" s="14" t="s">
        <v>94</v>
      </c>
      <c r="E95789" s="15">
        <v>45535</v>
      </c>
      <c r="F95789" s="14" t="s">
        <v>15</v>
      </c>
      <c r="G95789" s="16">
        <v>0.13094238957781368</v>
      </c>
    </row>
    <row r="95790" spans="1:7" x14ac:dyDescent="0.3">
      <c r="A95790" s="13" t="s">
        <v>476</v>
      </c>
      <c r="B95790" s="14" t="s">
        <v>1</v>
      </c>
      <c r="C95790" s="14" t="s">
        <v>59</v>
      </c>
      <c r="D95790" s="14" t="s">
        <v>94</v>
      </c>
      <c r="E95790" s="15">
        <v>45536</v>
      </c>
      <c r="F95790" s="14" t="s">
        <v>15</v>
      </c>
      <c r="G95790" s="16">
        <v>0.13094238957781368</v>
      </c>
    </row>
    <row r="95791" spans="1:7" x14ac:dyDescent="0.3">
      <c r="A95791" s="13" t="s">
        <v>476</v>
      </c>
      <c r="B95791" s="14" t="s">
        <v>1</v>
      </c>
      <c r="C95791" s="14" t="s">
        <v>59</v>
      </c>
      <c r="D95791" s="14" t="s">
        <v>94</v>
      </c>
      <c r="E95791" s="15">
        <v>45537</v>
      </c>
      <c r="F95791" s="14" t="s">
        <v>15</v>
      </c>
      <c r="G95791" s="16">
        <v>0.12775483123213174</v>
      </c>
    </row>
    <row r="95792" spans="1:7" x14ac:dyDescent="0.3">
      <c r="A95792" s="13" t="s">
        <v>476</v>
      </c>
      <c r="B95792" s="14" t="s">
        <v>1</v>
      </c>
      <c r="C95792" s="14" t="s">
        <v>59</v>
      </c>
      <c r="D95792" s="14" t="s">
        <v>94</v>
      </c>
      <c r="E95792" s="15">
        <v>45538</v>
      </c>
      <c r="F95792" s="14" t="s">
        <v>15</v>
      </c>
      <c r="G95792" s="16">
        <v>0.12352808601259595</v>
      </c>
    </row>
    <row r="95793" spans="1:7" x14ac:dyDescent="0.3">
      <c r="A95793" s="13" t="s">
        <v>476</v>
      </c>
      <c r="B95793" s="14" t="s">
        <v>1</v>
      </c>
      <c r="C95793" s="14" t="s">
        <v>59</v>
      </c>
      <c r="D95793" s="14" t="s">
        <v>94</v>
      </c>
      <c r="E95793" s="15">
        <v>45539</v>
      </c>
      <c r="F95793" s="14" t="s">
        <v>15</v>
      </c>
      <c r="G95793" s="16">
        <v>0.12033956432627613</v>
      </c>
    </row>
    <row r="95794" spans="1:7" x14ac:dyDescent="0.3">
      <c r="A95794" s="13" t="s">
        <v>476</v>
      </c>
      <c r="B95794" s="14" t="s">
        <v>1</v>
      </c>
      <c r="C95794" s="14" t="s">
        <v>59</v>
      </c>
      <c r="D95794" s="14" t="s">
        <v>94</v>
      </c>
      <c r="E95794" s="15">
        <v>45540</v>
      </c>
      <c r="F95794" s="14" t="s">
        <v>15</v>
      </c>
      <c r="G95794" s="16">
        <v>0.11717055811990398</v>
      </c>
    </row>
    <row r="95795" spans="1:7" x14ac:dyDescent="0.3">
      <c r="A95795" s="13" t="s">
        <v>476</v>
      </c>
      <c r="B95795" s="14" t="s">
        <v>1</v>
      </c>
      <c r="C95795" s="14" t="s">
        <v>59</v>
      </c>
      <c r="D95795" s="14" t="s">
        <v>94</v>
      </c>
      <c r="E95795" s="15">
        <v>45541</v>
      </c>
      <c r="F95795" s="14" t="s">
        <v>15</v>
      </c>
      <c r="G95795" s="16">
        <v>0.11401444910027986</v>
      </c>
    </row>
    <row r="95796" spans="1:7" x14ac:dyDescent="0.3">
      <c r="A95796" s="13" t="s">
        <v>476</v>
      </c>
      <c r="B95796" s="14" t="s">
        <v>1</v>
      </c>
      <c r="C95796" s="14" t="s">
        <v>59</v>
      </c>
      <c r="D95796" s="14" t="s">
        <v>94</v>
      </c>
      <c r="E95796" s="15">
        <v>45542</v>
      </c>
      <c r="F95796" s="14" t="s">
        <v>15</v>
      </c>
      <c r="G95796" s="16">
        <v>0.11401444910027986</v>
      </c>
    </row>
    <row r="95797" spans="1:7" x14ac:dyDescent="0.3">
      <c r="A95797" s="13" t="s">
        <v>476</v>
      </c>
      <c r="B95797" s="14" t="s">
        <v>1</v>
      </c>
      <c r="C95797" s="14" t="s">
        <v>59</v>
      </c>
      <c r="D95797" s="14" t="s">
        <v>94</v>
      </c>
      <c r="E95797" s="15">
        <v>45543</v>
      </c>
      <c r="F95797" s="14" t="s">
        <v>15</v>
      </c>
      <c r="G95797" s="16">
        <v>0.11401444910027986</v>
      </c>
    </row>
    <row r="95798" spans="1:7" x14ac:dyDescent="0.3">
      <c r="A95798" s="13" t="s">
        <v>476</v>
      </c>
      <c r="B95798" s="14" t="s">
        <v>1</v>
      </c>
      <c r="C95798" s="14" t="s">
        <v>59</v>
      </c>
      <c r="D95798" s="14" t="s">
        <v>94</v>
      </c>
      <c r="E95798" s="15">
        <v>45544</v>
      </c>
      <c r="F95798" s="14" t="s">
        <v>15</v>
      </c>
      <c r="G95798" s="16">
        <v>0.1108666553721117</v>
      </c>
    </row>
    <row r="95799" spans="1:7" x14ac:dyDescent="0.3">
      <c r="A95799" s="13" t="s">
        <v>476</v>
      </c>
      <c r="B95799" s="14" t="s">
        <v>1</v>
      </c>
      <c r="C95799" s="14" t="s">
        <v>59</v>
      </c>
      <c r="D95799" s="14" t="s">
        <v>94</v>
      </c>
      <c r="E95799" s="15">
        <v>45545</v>
      </c>
      <c r="F95799" s="14" t="s">
        <v>15</v>
      </c>
      <c r="G95799" s="16">
        <v>0.10143216190358409</v>
      </c>
    </row>
    <row r="95800" spans="1:7" x14ac:dyDescent="0.3">
      <c r="A95800" s="13" t="s">
        <v>476</v>
      </c>
      <c r="B95800" s="14" t="s">
        <v>1</v>
      </c>
      <c r="C95800" s="14" t="s">
        <v>59</v>
      </c>
      <c r="D95800" s="14" t="s">
        <v>94</v>
      </c>
      <c r="E95800" s="15">
        <v>45546</v>
      </c>
      <c r="F95800" s="14" t="s">
        <v>15</v>
      </c>
      <c r="G95800" s="16">
        <v>9.8295738063733262E-2</v>
      </c>
    </row>
    <row r="95801" spans="1:7" x14ac:dyDescent="0.3">
      <c r="A95801" s="13" t="s">
        <v>476</v>
      </c>
      <c r="B95801" s="14" t="s">
        <v>1</v>
      </c>
      <c r="C95801" s="14" t="s">
        <v>59</v>
      </c>
      <c r="D95801" s="14" t="s">
        <v>94</v>
      </c>
      <c r="E95801" s="15">
        <v>45547</v>
      </c>
      <c r="F95801" s="14" t="s">
        <v>15</v>
      </c>
      <c r="G95801" s="16">
        <v>9.5147774635739479E-2</v>
      </c>
    </row>
    <row r="95802" spans="1:7" x14ac:dyDescent="0.3">
      <c r="A95802" s="13" t="s">
        <v>476</v>
      </c>
      <c r="B95802" s="14" t="s">
        <v>1</v>
      </c>
      <c r="C95802" s="14" t="s">
        <v>59</v>
      </c>
      <c r="D95802" s="14" t="s">
        <v>94</v>
      </c>
      <c r="E95802" s="15">
        <v>45548</v>
      </c>
      <c r="F95802" s="14" t="s">
        <v>15</v>
      </c>
      <c r="G95802" s="16">
        <v>0.15491001401791657</v>
      </c>
    </row>
    <row r="95803" spans="1:7" x14ac:dyDescent="0.3">
      <c r="A95803" s="13" t="s">
        <v>476</v>
      </c>
      <c r="B95803" s="14" t="s">
        <v>1</v>
      </c>
      <c r="C95803" s="14" t="s">
        <v>59</v>
      </c>
      <c r="D95803" s="14" t="s">
        <v>94</v>
      </c>
      <c r="E95803" s="15">
        <v>45549</v>
      </c>
      <c r="F95803" s="14" t="s">
        <v>15</v>
      </c>
      <c r="G95803" s="16">
        <v>0.15491001401791657</v>
      </c>
    </row>
    <row r="95804" spans="1:7" x14ac:dyDescent="0.3">
      <c r="A95804" s="13" t="s">
        <v>476</v>
      </c>
      <c r="B95804" s="14" t="s">
        <v>1</v>
      </c>
      <c r="C95804" s="14" t="s">
        <v>59</v>
      </c>
      <c r="D95804" s="14" t="s">
        <v>94</v>
      </c>
      <c r="E95804" s="15">
        <v>45550</v>
      </c>
      <c r="F95804" s="14" t="s">
        <v>15</v>
      </c>
      <c r="G95804" s="16">
        <v>0.15491001401791657</v>
      </c>
    </row>
    <row r="95805" spans="1:7" x14ac:dyDescent="0.3">
      <c r="A95805" s="13" t="s">
        <v>476</v>
      </c>
      <c r="B95805" s="14" t="s">
        <v>1</v>
      </c>
      <c r="C95805" s="14" t="s">
        <v>59</v>
      </c>
      <c r="D95805" s="14" t="s">
        <v>94</v>
      </c>
      <c r="E95805" s="15">
        <v>45551</v>
      </c>
      <c r="F95805" s="14" t="s">
        <v>15</v>
      </c>
      <c r="G95805" s="16">
        <v>0.15173397661449078</v>
      </c>
    </row>
    <row r="95806" spans="1:7" x14ac:dyDescent="0.3">
      <c r="A95806" s="13" t="s">
        <v>476</v>
      </c>
      <c r="B95806" s="14" t="s">
        <v>1</v>
      </c>
      <c r="C95806" s="14" t="s">
        <v>59</v>
      </c>
      <c r="D95806" s="14" t="s">
        <v>94</v>
      </c>
      <c r="E95806" s="15">
        <v>45552</v>
      </c>
      <c r="F95806" s="14" t="s">
        <v>15</v>
      </c>
      <c r="G95806" s="16">
        <v>0.1420939933820414</v>
      </c>
    </row>
    <row r="95807" spans="1:7" x14ac:dyDescent="0.3">
      <c r="A95807" s="13" t="s">
        <v>476</v>
      </c>
      <c r="B95807" s="14" t="s">
        <v>1</v>
      </c>
      <c r="C95807" s="14" t="s">
        <v>59</v>
      </c>
      <c r="D95807" s="14" t="s">
        <v>94</v>
      </c>
      <c r="E95807" s="15">
        <v>45553</v>
      </c>
      <c r="F95807" s="14" t="s">
        <v>15</v>
      </c>
      <c r="G95807" s="16">
        <v>0.13889654036570886</v>
      </c>
    </row>
    <row r="95808" spans="1:7" x14ac:dyDescent="0.3">
      <c r="A95808" s="13" t="s">
        <v>476</v>
      </c>
      <c r="B95808" s="14" t="s">
        <v>1</v>
      </c>
      <c r="C95808" s="14" t="s">
        <v>59</v>
      </c>
      <c r="D95808" s="14" t="s">
        <v>94</v>
      </c>
      <c r="E95808" s="15">
        <v>45554</v>
      </c>
      <c r="F95808" s="14" t="s">
        <v>15</v>
      </c>
      <c r="G95808" s="16">
        <v>0.13569024915992273</v>
      </c>
    </row>
    <row r="95809" spans="1:7" x14ac:dyDescent="0.3">
      <c r="A95809" s="13" t="s">
        <v>476</v>
      </c>
      <c r="B95809" s="14" t="s">
        <v>1</v>
      </c>
      <c r="C95809" s="14" t="s">
        <v>59</v>
      </c>
      <c r="D95809" s="14" t="s">
        <v>94</v>
      </c>
      <c r="E95809" s="15">
        <v>45555</v>
      </c>
      <c r="F95809" s="14" t="s">
        <v>15</v>
      </c>
      <c r="G95809" s="16">
        <v>0.13249330603913556</v>
      </c>
    </row>
    <row r="95810" spans="1:7" x14ac:dyDescent="0.3">
      <c r="A95810" s="13" t="s">
        <v>476</v>
      </c>
      <c r="B95810" s="14" t="s">
        <v>1</v>
      </c>
      <c r="C95810" s="14" t="s">
        <v>59</v>
      </c>
      <c r="D95810" s="14" t="s">
        <v>94</v>
      </c>
      <c r="E95810" s="15">
        <v>45556</v>
      </c>
      <c r="F95810" s="14" t="s">
        <v>15</v>
      </c>
      <c r="G95810" s="16">
        <v>0.13249330603913556</v>
      </c>
    </row>
    <row r="95811" spans="1:7" x14ac:dyDescent="0.3">
      <c r="A95811" s="13" t="s">
        <v>476</v>
      </c>
      <c r="B95811" s="14" t="s">
        <v>1</v>
      </c>
      <c r="C95811" s="14" t="s">
        <v>59</v>
      </c>
      <c r="D95811" s="14" t="s">
        <v>94</v>
      </c>
      <c r="E95811" s="15">
        <v>45557</v>
      </c>
      <c r="F95811" s="14" t="s">
        <v>15</v>
      </c>
      <c r="G95811" s="16">
        <v>0.13249330603913556</v>
      </c>
    </row>
    <row r="95812" spans="1:7" x14ac:dyDescent="0.3">
      <c r="A95812" s="13" t="s">
        <v>476</v>
      </c>
      <c r="B95812" s="14" t="s">
        <v>1</v>
      </c>
      <c r="C95812" s="14" t="s">
        <v>59</v>
      </c>
      <c r="D95812" s="14" t="s">
        <v>94</v>
      </c>
      <c r="E95812" s="15">
        <v>45558</v>
      </c>
      <c r="F95812" s="14" t="s">
        <v>15</v>
      </c>
      <c r="G95812" s="16">
        <v>0.12927052821071486</v>
      </c>
    </row>
    <row r="95813" spans="1:7" x14ac:dyDescent="0.3">
      <c r="A95813" s="13" t="s">
        <v>476</v>
      </c>
      <c r="B95813" s="14" t="s">
        <v>1</v>
      </c>
      <c r="C95813" s="14" t="s">
        <v>59</v>
      </c>
      <c r="D95813" s="14" t="s">
        <v>94</v>
      </c>
      <c r="E95813" s="15">
        <v>45559</v>
      </c>
      <c r="F95813" s="14" t="s">
        <v>15</v>
      </c>
      <c r="G95813" s="16">
        <v>0.11959040590944953</v>
      </c>
    </row>
    <row r="95814" spans="1:7" x14ac:dyDescent="0.3">
      <c r="A95814" s="13" t="s">
        <v>476</v>
      </c>
      <c r="B95814" s="14" t="s">
        <v>1</v>
      </c>
      <c r="C95814" s="14" t="s">
        <v>59</v>
      </c>
      <c r="D95814" s="14" t="s">
        <v>94</v>
      </c>
      <c r="E95814" s="15">
        <v>45560</v>
      </c>
      <c r="F95814" s="14" t="s">
        <v>15</v>
      </c>
      <c r="G95814" s="16">
        <v>0.11636888278159328</v>
      </c>
    </row>
    <row r="95815" spans="1:7" x14ac:dyDescent="0.3">
      <c r="A95815" s="13" t="s">
        <v>476</v>
      </c>
      <c r="B95815" s="14" t="s">
        <v>1</v>
      </c>
      <c r="C95815" s="14" t="s">
        <v>59</v>
      </c>
      <c r="D95815" s="14" t="s">
        <v>94</v>
      </c>
      <c r="E95815" s="15">
        <v>45561</v>
      </c>
      <c r="F95815" s="14" t="s">
        <v>15</v>
      </c>
      <c r="G95815" s="16">
        <v>0.11477552010748791</v>
      </c>
    </row>
    <row r="95816" spans="1:7" x14ac:dyDescent="0.3">
      <c r="A95816" s="13" t="s">
        <v>476</v>
      </c>
      <c r="B95816" s="14" t="s">
        <v>1</v>
      </c>
      <c r="C95816" s="14" t="s">
        <v>59</v>
      </c>
      <c r="D95816" s="14" t="s">
        <v>94</v>
      </c>
      <c r="E95816" s="15">
        <v>45562</v>
      </c>
      <c r="F95816" s="14" t="s">
        <v>15</v>
      </c>
      <c r="G95816" s="16">
        <v>0.11168977492078046</v>
      </c>
    </row>
    <row r="95817" spans="1:7" x14ac:dyDescent="0.3">
      <c r="A95817" s="13" t="s">
        <v>476</v>
      </c>
      <c r="B95817" s="14" t="s">
        <v>1</v>
      </c>
      <c r="C95817" s="14" t="s">
        <v>59</v>
      </c>
      <c r="D95817" s="14" t="s">
        <v>94</v>
      </c>
      <c r="E95817" s="15">
        <v>45563</v>
      </c>
      <c r="F95817" s="14" t="s">
        <v>15</v>
      </c>
      <c r="G95817" s="16">
        <v>0.11168977492078046</v>
      </c>
    </row>
    <row r="95818" spans="1:7" x14ac:dyDescent="0.3">
      <c r="A95818" s="13" t="s">
        <v>476</v>
      </c>
      <c r="B95818" s="14" t="s">
        <v>1</v>
      </c>
      <c r="C95818" s="14" t="s">
        <v>59</v>
      </c>
      <c r="D95818" s="14" t="s">
        <v>94</v>
      </c>
      <c r="E95818" s="15">
        <v>45564</v>
      </c>
      <c r="F95818" s="14" t="s">
        <v>15</v>
      </c>
      <c r="G95818" s="16">
        <v>0.11168977492078046</v>
      </c>
    </row>
    <row r="95819" spans="1:7" x14ac:dyDescent="0.3">
      <c r="A95819" s="13" t="s">
        <v>476</v>
      </c>
      <c r="B95819" s="14" t="s">
        <v>1</v>
      </c>
      <c r="C95819" s="14" t="s">
        <v>59</v>
      </c>
      <c r="D95819" s="14" t="s">
        <v>94</v>
      </c>
      <c r="E95819" s="15">
        <v>45565</v>
      </c>
      <c r="F95819" s="14" t="s">
        <v>15</v>
      </c>
      <c r="G95819" s="16">
        <v>0.10845851740406558</v>
      </c>
    </row>
    <row r="95820" spans="1:7" x14ac:dyDescent="0.3">
      <c r="A95820" s="13" t="s">
        <v>476</v>
      </c>
      <c r="B95820" s="14" t="s">
        <v>1</v>
      </c>
      <c r="C95820" s="14" t="s">
        <v>59</v>
      </c>
      <c r="D95820" s="14" t="s">
        <v>94</v>
      </c>
      <c r="E95820" s="15">
        <v>45566</v>
      </c>
      <c r="F95820" s="14" t="s">
        <v>15</v>
      </c>
      <c r="G95820" s="16">
        <v>9.869505394635722E-2</v>
      </c>
    </row>
    <row r="95821" spans="1:7" x14ac:dyDescent="0.3">
      <c r="A95821" s="13" t="s">
        <v>476</v>
      </c>
      <c r="B95821" s="14" t="s">
        <v>1</v>
      </c>
      <c r="C95821" s="14" t="s">
        <v>59</v>
      </c>
      <c r="D95821" s="14" t="s">
        <v>94</v>
      </c>
      <c r="E95821" s="15">
        <v>45567</v>
      </c>
      <c r="F95821" s="14" t="s">
        <v>15</v>
      </c>
      <c r="G95821" s="16">
        <v>0.10160174235737769</v>
      </c>
    </row>
    <row r="95822" spans="1:7" x14ac:dyDescent="0.3">
      <c r="A95822" s="13" t="s">
        <v>476</v>
      </c>
      <c r="B95822" s="14" t="s">
        <v>1</v>
      </c>
      <c r="C95822" s="14" t="s">
        <v>59</v>
      </c>
      <c r="D95822" s="14" t="s">
        <v>94</v>
      </c>
      <c r="E95822" s="15">
        <v>45568</v>
      </c>
      <c r="F95822" s="14" t="s">
        <v>15</v>
      </c>
      <c r="G95822" s="16">
        <v>9.8379475008915834E-2</v>
      </c>
    </row>
    <row r="95823" spans="1:7" x14ac:dyDescent="0.3">
      <c r="A95823" s="13" t="s">
        <v>476</v>
      </c>
      <c r="B95823" s="14" t="s">
        <v>1</v>
      </c>
      <c r="C95823" s="14" t="s">
        <v>59</v>
      </c>
      <c r="D95823" s="14" t="s">
        <v>94</v>
      </c>
      <c r="E95823" s="15">
        <v>45569</v>
      </c>
      <c r="F95823" s="14" t="s">
        <v>15</v>
      </c>
      <c r="G95823" s="16">
        <v>9.5154522570053204E-2</v>
      </c>
    </row>
    <row r="95824" spans="1:7" x14ac:dyDescent="0.3">
      <c r="A95824" s="13" t="s">
        <v>476</v>
      </c>
      <c r="B95824" s="14" t="s">
        <v>1</v>
      </c>
      <c r="C95824" s="14" t="s">
        <v>59</v>
      </c>
      <c r="D95824" s="14" t="s">
        <v>94</v>
      </c>
      <c r="E95824" s="15">
        <v>45570</v>
      </c>
      <c r="F95824" s="14" t="s">
        <v>15</v>
      </c>
      <c r="G95824" s="16">
        <v>9.5154522570053204E-2</v>
      </c>
    </row>
    <row r="95825" spans="1:7" x14ac:dyDescent="0.3">
      <c r="A95825" s="13" t="s">
        <v>476</v>
      </c>
      <c r="B95825" s="14" t="s">
        <v>1</v>
      </c>
      <c r="C95825" s="14" t="s">
        <v>59</v>
      </c>
      <c r="D95825" s="14" t="s">
        <v>94</v>
      </c>
      <c r="E95825" s="15">
        <v>45571</v>
      </c>
      <c r="F95825" s="14" t="s">
        <v>15</v>
      </c>
      <c r="G95825" s="16">
        <v>9.5154522570053204E-2</v>
      </c>
    </row>
    <row r="95826" spans="1:7" x14ac:dyDescent="0.3">
      <c r="A95826" s="13" t="s">
        <v>476</v>
      </c>
      <c r="B95826" s="14" t="s">
        <v>1</v>
      </c>
      <c r="C95826" s="14" t="s">
        <v>59</v>
      </c>
      <c r="D95826" s="14" t="s">
        <v>94</v>
      </c>
      <c r="E95826" s="15">
        <v>45572</v>
      </c>
      <c r="F95826" s="14" t="s">
        <v>15</v>
      </c>
      <c r="G95826" s="16">
        <v>9.1936973524768165E-2</v>
      </c>
    </row>
    <row r="95827" spans="1:7" x14ac:dyDescent="0.3">
      <c r="A95827" s="13" t="s">
        <v>476</v>
      </c>
      <c r="B95827" s="14" t="s">
        <v>1</v>
      </c>
      <c r="C95827" s="14" t="s">
        <v>59</v>
      </c>
      <c r="D95827" s="14" t="s">
        <v>94</v>
      </c>
      <c r="E95827" s="15">
        <v>45573</v>
      </c>
      <c r="F95827" s="14" t="s">
        <v>15</v>
      </c>
      <c r="G95827" s="16">
        <v>8.2256098513750056E-2</v>
      </c>
    </row>
    <row r="95828" spans="1:7" x14ac:dyDescent="0.3">
      <c r="A95828" s="13" t="s">
        <v>476</v>
      </c>
      <c r="B95828" s="14" t="s">
        <v>1</v>
      </c>
      <c r="C95828" s="14" t="s">
        <v>59</v>
      </c>
      <c r="D95828" s="14" t="s">
        <v>94</v>
      </c>
      <c r="E95828" s="15">
        <v>45574</v>
      </c>
      <c r="F95828" s="14" t="s">
        <v>15</v>
      </c>
      <c r="G95828" s="16">
        <v>9.7734655438826493E-2</v>
      </c>
    </row>
    <row r="95829" spans="1:7" x14ac:dyDescent="0.3">
      <c r="A95829" s="13" t="s">
        <v>476</v>
      </c>
      <c r="B95829" s="14" t="s">
        <v>1</v>
      </c>
      <c r="C95829" s="14" t="s">
        <v>59</v>
      </c>
      <c r="D95829" s="14" t="s">
        <v>94</v>
      </c>
      <c r="E95829" s="15">
        <v>45575</v>
      </c>
      <c r="F95829" s="14" t="s">
        <v>15</v>
      </c>
      <c r="G95829" s="16">
        <v>9.4519284955321164E-2</v>
      </c>
    </row>
    <row r="95830" spans="1:7" x14ac:dyDescent="0.3">
      <c r="A95830" s="13" t="s">
        <v>476</v>
      </c>
      <c r="B95830" s="14" t="s">
        <v>1</v>
      </c>
      <c r="C95830" s="14" t="s">
        <v>59</v>
      </c>
      <c r="D95830" s="14" t="s">
        <v>94</v>
      </c>
      <c r="E95830" s="15">
        <v>45576</v>
      </c>
      <c r="F95830" s="14" t="s">
        <v>15</v>
      </c>
      <c r="G95830" s="16">
        <v>9.1290843101137553E-2</v>
      </c>
    </row>
    <row r="95831" spans="1:7" x14ac:dyDescent="0.3">
      <c r="A95831" s="13" t="s">
        <v>476</v>
      </c>
      <c r="B95831" s="14" t="s">
        <v>1</v>
      </c>
      <c r="C95831" s="14" t="s">
        <v>59</v>
      </c>
      <c r="D95831" s="14" t="s">
        <v>94</v>
      </c>
      <c r="E95831" s="15">
        <v>45577</v>
      </c>
      <c r="F95831" s="14" t="s">
        <v>15</v>
      </c>
      <c r="G95831" s="16">
        <v>9.1290843101137553E-2</v>
      </c>
    </row>
    <row r="95832" spans="1:7" x14ac:dyDescent="0.3">
      <c r="A95832" s="13" t="s">
        <v>476</v>
      </c>
      <c r="B95832" s="14" t="s">
        <v>1</v>
      </c>
      <c r="C95832" s="14" t="s">
        <v>59</v>
      </c>
      <c r="D95832" s="14" t="s">
        <v>94</v>
      </c>
      <c r="E95832" s="15">
        <v>45578</v>
      </c>
      <c r="F95832" s="14" t="s">
        <v>15</v>
      </c>
      <c r="G95832" s="16">
        <v>9.1290843101137553E-2</v>
      </c>
    </row>
    <row r="95833" spans="1:7" x14ac:dyDescent="0.3">
      <c r="A95833" s="13" t="s">
        <v>476</v>
      </c>
      <c r="B95833" s="14" t="s">
        <v>1</v>
      </c>
      <c r="C95833" s="14" t="s">
        <v>59</v>
      </c>
      <c r="D95833" s="14" t="s">
        <v>94</v>
      </c>
      <c r="E95833" s="15">
        <v>45579</v>
      </c>
      <c r="F95833" s="14" t="s">
        <v>15</v>
      </c>
      <c r="G95833" s="16">
        <v>8.8060533908285651E-2</v>
      </c>
    </row>
    <row r="95834" spans="1:7" x14ac:dyDescent="0.3">
      <c r="A95834" s="13" t="s">
        <v>476</v>
      </c>
      <c r="B95834" s="14" t="s">
        <v>1</v>
      </c>
      <c r="C95834" s="14" t="s">
        <v>59</v>
      </c>
      <c r="D95834" s="14" t="s">
        <v>94</v>
      </c>
      <c r="E95834" s="15">
        <v>45580</v>
      </c>
      <c r="F95834" s="14" t="s">
        <v>15</v>
      </c>
      <c r="G95834" s="16">
        <v>7.8287848079408334E-2</v>
      </c>
    </row>
    <row r="95835" spans="1:7" x14ac:dyDescent="0.3">
      <c r="A95835" s="13" t="s">
        <v>476</v>
      </c>
      <c r="B95835" s="14" t="s">
        <v>1</v>
      </c>
      <c r="C95835" s="14" t="s">
        <v>59</v>
      </c>
      <c r="D95835" s="14" t="s">
        <v>94</v>
      </c>
      <c r="E95835" s="15">
        <v>45581</v>
      </c>
      <c r="F95835" s="14" t="s">
        <v>15</v>
      </c>
      <c r="G95835" s="16">
        <v>7.5039487946095954E-2</v>
      </c>
    </row>
    <row r="95836" spans="1:7" x14ac:dyDescent="0.3">
      <c r="A95836" s="13" t="s">
        <v>476</v>
      </c>
      <c r="B95836" s="14" t="s">
        <v>1</v>
      </c>
      <c r="C95836" s="14" t="s">
        <v>59</v>
      </c>
      <c r="D95836" s="14" t="s">
        <v>94</v>
      </c>
      <c r="E95836" s="15">
        <v>45582</v>
      </c>
      <c r="F95836" s="14" t="s">
        <v>15</v>
      </c>
      <c r="G95836" s="16">
        <v>7.1789416085670951E-2</v>
      </c>
    </row>
    <row r="95837" spans="1:7" x14ac:dyDescent="0.3">
      <c r="A95837" s="13" t="s">
        <v>476</v>
      </c>
      <c r="B95837" s="14" t="s">
        <v>1</v>
      </c>
      <c r="C95837" s="14" t="s">
        <v>59</v>
      </c>
      <c r="D95837" s="14" t="s">
        <v>94</v>
      </c>
      <c r="E95837" s="15">
        <v>45583</v>
      </c>
      <c r="F95837" s="14" t="s">
        <v>15</v>
      </c>
      <c r="G95837" s="16">
        <v>6.8541678398581357E-2</v>
      </c>
    </row>
    <row r="95838" spans="1:7" x14ac:dyDescent="0.3">
      <c r="A95838" s="13" t="s">
        <v>476</v>
      </c>
      <c r="B95838" s="14" t="s">
        <v>1</v>
      </c>
      <c r="C95838" s="14" t="s">
        <v>59</v>
      </c>
      <c r="D95838" s="14" t="s">
        <v>94</v>
      </c>
      <c r="E95838" s="15">
        <v>45584</v>
      </c>
      <c r="F95838" s="14" t="s">
        <v>15</v>
      </c>
      <c r="G95838" s="16">
        <v>6.8541678398581357E-2</v>
      </c>
    </row>
    <row r="95839" spans="1:7" x14ac:dyDescent="0.3">
      <c r="A95839" s="13" t="s">
        <v>476</v>
      </c>
      <c r="B95839" s="14" t="s">
        <v>1</v>
      </c>
      <c r="C95839" s="14" t="s">
        <v>59</v>
      </c>
      <c r="D95839" s="14" t="s">
        <v>94</v>
      </c>
      <c r="E95839" s="15">
        <v>45585</v>
      </c>
      <c r="F95839" s="14" t="s">
        <v>15</v>
      </c>
      <c r="G95839" s="16">
        <v>6.8541678398581357E-2</v>
      </c>
    </row>
    <row r="95840" spans="1:7" x14ac:dyDescent="0.3">
      <c r="A95840" s="13" t="s">
        <v>476</v>
      </c>
      <c r="B95840" s="14" t="s">
        <v>1</v>
      </c>
      <c r="C95840" s="14" t="s">
        <v>59</v>
      </c>
      <c r="D95840" s="14" t="s">
        <v>94</v>
      </c>
      <c r="E95840" s="15">
        <v>45586</v>
      </c>
      <c r="F95840" s="14" t="s">
        <v>15</v>
      </c>
      <c r="G95840" s="16">
        <v>6.5285226464372917E-2</v>
      </c>
    </row>
    <row r="95841" spans="1:7" x14ac:dyDescent="0.3">
      <c r="A95841" s="13" t="s">
        <v>476</v>
      </c>
      <c r="B95841" s="14" t="s">
        <v>1</v>
      </c>
      <c r="C95841" s="14" t="s">
        <v>59</v>
      </c>
      <c r="D95841" s="14" t="s">
        <v>94</v>
      </c>
      <c r="E95841" s="15">
        <v>45587</v>
      </c>
      <c r="F95841" s="14" t="s">
        <v>15</v>
      </c>
      <c r="G95841" s="16">
        <v>5.5462480497260283E-2</v>
      </c>
    </row>
    <row r="95842" spans="1:7" x14ac:dyDescent="0.3">
      <c r="A95842" s="13" t="s">
        <v>476</v>
      </c>
      <c r="B95842" s="14" t="s">
        <v>1</v>
      </c>
      <c r="C95842" s="14" t="s">
        <v>59</v>
      </c>
      <c r="D95842" s="14" t="s">
        <v>94</v>
      </c>
      <c r="E95842" s="15">
        <v>45588</v>
      </c>
      <c r="F95842" s="14" t="s">
        <v>15</v>
      </c>
      <c r="G95842" s="16">
        <v>5.221907890992953E-2</v>
      </c>
    </row>
    <row r="95843" spans="1:7" x14ac:dyDescent="0.3">
      <c r="A95843" s="13" t="s">
        <v>476</v>
      </c>
      <c r="B95843" s="14" t="s">
        <v>1</v>
      </c>
      <c r="C95843" s="14" t="s">
        <v>59</v>
      </c>
      <c r="D95843" s="14" t="s">
        <v>94</v>
      </c>
      <c r="E95843" s="15">
        <v>45589</v>
      </c>
      <c r="F95843" s="14" t="s">
        <v>15</v>
      </c>
      <c r="G95843" s="16">
        <v>4.8973356511628589E-2</v>
      </c>
    </row>
    <row r="95844" spans="1:7" x14ac:dyDescent="0.3">
      <c r="A95844" s="13" t="s">
        <v>476</v>
      </c>
      <c r="B95844" s="14" t="s">
        <v>1</v>
      </c>
      <c r="C95844" s="14" t="s">
        <v>59</v>
      </c>
      <c r="D95844" s="14" t="s">
        <v>94</v>
      </c>
      <c r="E95844" s="15">
        <v>45590</v>
      </c>
      <c r="F95844" s="14" t="s">
        <v>15</v>
      </c>
      <c r="G95844" s="16">
        <v>4.5739547609641329E-2</v>
      </c>
    </row>
    <row r="95845" spans="1:7" x14ac:dyDescent="0.3">
      <c r="A95845" s="13" t="s">
        <v>476</v>
      </c>
      <c r="B95845" s="14" t="s">
        <v>1</v>
      </c>
      <c r="C95845" s="14" t="s">
        <v>59</v>
      </c>
      <c r="D95845" s="14" t="s">
        <v>94</v>
      </c>
      <c r="E95845" s="15">
        <v>45591</v>
      </c>
      <c r="F95845" s="14" t="s">
        <v>15</v>
      </c>
      <c r="G95845" s="16">
        <v>4.5739547609641329E-2</v>
      </c>
    </row>
    <row r="95846" spans="1:7" x14ac:dyDescent="0.3">
      <c r="A95846" s="13" t="s">
        <v>476</v>
      </c>
      <c r="B95846" s="14" t="s">
        <v>1</v>
      </c>
      <c r="C95846" s="14" t="s">
        <v>59</v>
      </c>
      <c r="D95846" s="14" t="s">
        <v>94</v>
      </c>
      <c r="E95846" s="15">
        <v>45592</v>
      </c>
      <c r="F95846" s="14" t="s">
        <v>15</v>
      </c>
      <c r="G95846" s="16">
        <v>4.5739547609641329E-2</v>
      </c>
    </row>
    <row r="95847" spans="1:7" x14ac:dyDescent="0.3">
      <c r="A95847" s="13" t="s">
        <v>476</v>
      </c>
      <c r="B95847" s="14" t="s">
        <v>1</v>
      </c>
      <c r="C95847" s="14" t="s">
        <v>59</v>
      </c>
      <c r="D95847" s="14" t="s">
        <v>94</v>
      </c>
      <c r="E95847" s="15">
        <v>45593</v>
      </c>
      <c r="F95847" s="14" t="s">
        <v>15</v>
      </c>
      <c r="G95847" s="16">
        <v>4.5739547609641329E-2</v>
      </c>
    </row>
    <row r="95848" spans="1:7" x14ac:dyDescent="0.3">
      <c r="A95848" s="13" t="s">
        <v>476</v>
      </c>
      <c r="B95848" s="14" t="s">
        <v>1</v>
      </c>
      <c r="C95848" s="14" t="s">
        <v>59</v>
      </c>
      <c r="D95848" s="14" t="s">
        <v>94</v>
      </c>
      <c r="E95848" s="15">
        <v>45594</v>
      </c>
      <c r="F95848" s="14" t="s">
        <v>15</v>
      </c>
      <c r="G95848" s="16">
        <v>4.2562985378252309E-2</v>
      </c>
    </row>
    <row r="95849" spans="1:7" x14ac:dyDescent="0.3">
      <c r="A95849" s="13" t="s">
        <v>476</v>
      </c>
      <c r="B95849" s="14" t="s">
        <v>1</v>
      </c>
      <c r="C95849" s="14" t="s">
        <v>59</v>
      </c>
      <c r="D95849" s="14" t="s">
        <v>94</v>
      </c>
      <c r="E95849" s="15">
        <v>45595</v>
      </c>
      <c r="F95849" s="14" t="s">
        <v>15</v>
      </c>
      <c r="G95849" s="16">
        <v>2.9499149530891555E-2</v>
      </c>
    </row>
    <row r="95850" spans="1:7" x14ac:dyDescent="0.3">
      <c r="A95850" s="13" t="s">
        <v>476</v>
      </c>
      <c r="B95850" s="14" t="s">
        <v>1</v>
      </c>
      <c r="C95850" s="14" t="s">
        <v>59</v>
      </c>
      <c r="D95850" s="14" t="s">
        <v>94</v>
      </c>
      <c r="E95850" s="15">
        <v>45596</v>
      </c>
      <c r="F95850" s="14" t="s">
        <v>15</v>
      </c>
      <c r="G95850" s="16">
        <v>2.6262710376471404E-2</v>
      </c>
    </row>
    <row r="95851" spans="1:7" x14ac:dyDescent="0.3">
      <c r="A95851" s="13" t="s">
        <v>476</v>
      </c>
      <c r="B95851" s="14" t="s">
        <v>1</v>
      </c>
      <c r="C95851" s="14" t="s">
        <v>59</v>
      </c>
      <c r="D95851" s="14" t="s">
        <v>94</v>
      </c>
      <c r="E95851" s="15">
        <v>45597</v>
      </c>
      <c r="F95851" s="14" t="s">
        <v>15</v>
      </c>
      <c r="G95851" s="16">
        <v>2.3020082392797393E-2</v>
      </c>
    </row>
    <row r="95852" spans="1:7" x14ac:dyDescent="0.3">
      <c r="A95852" s="13" t="s">
        <v>476</v>
      </c>
      <c r="B95852" s="14" t="s">
        <v>1</v>
      </c>
      <c r="C95852" s="14" t="s">
        <v>59</v>
      </c>
      <c r="D95852" s="14" t="s">
        <v>94</v>
      </c>
      <c r="E95852" s="15">
        <v>45598</v>
      </c>
      <c r="F95852" s="14" t="s">
        <v>15</v>
      </c>
      <c r="G95852" s="16">
        <v>2.3020082392797393E-2</v>
      </c>
    </row>
    <row r="95853" spans="1:7" x14ac:dyDescent="0.3">
      <c r="A95853" s="13" t="s">
        <v>476</v>
      </c>
      <c r="B95853" s="14" t="s">
        <v>1</v>
      </c>
      <c r="C95853" s="14" t="s">
        <v>59</v>
      </c>
      <c r="D95853" s="14" t="s">
        <v>94</v>
      </c>
      <c r="E95853" s="15">
        <v>45599</v>
      </c>
      <c r="F95853" s="14" t="s">
        <v>15</v>
      </c>
      <c r="G95853" s="16">
        <v>2.3020082392797393E-2</v>
      </c>
    </row>
    <row r="95854" spans="1:7" x14ac:dyDescent="0.3">
      <c r="A95854" s="13" t="s">
        <v>476</v>
      </c>
      <c r="B95854" s="14" t="s">
        <v>1</v>
      </c>
      <c r="C95854" s="14" t="s">
        <v>59</v>
      </c>
      <c r="D95854" s="14" t="s">
        <v>94</v>
      </c>
      <c r="E95854" s="15">
        <v>45600</v>
      </c>
      <c r="F95854" s="14" t="s">
        <v>15</v>
      </c>
      <c r="G95854" s="16">
        <v>2.3946713956719618E-2</v>
      </c>
    </row>
    <row r="95855" spans="1:7" x14ac:dyDescent="0.3">
      <c r="A95855" s="13" t="s">
        <v>476</v>
      </c>
      <c r="B95855" s="14" t="s">
        <v>1</v>
      </c>
      <c r="C95855" s="14" t="s">
        <v>59</v>
      </c>
      <c r="D95855" s="14" t="s">
        <v>94</v>
      </c>
      <c r="E95855" s="15">
        <v>45601</v>
      </c>
      <c r="F95855" s="14" t="s">
        <v>15</v>
      </c>
      <c r="G95855" s="16">
        <v>1.4263990251475636E-2</v>
      </c>
    </row>
    <row r="95856" spans="1:7" x14ac:dyDescent="0.3">
      <c r="A95856" s="13" t="s">
        <v>476</v>
      </c>
      <c r="B95856" s="14" t="s">
        <v>1</v>
      </c>
      <c r="C95856" s="14" t="s">
        <v>59</v>
      </c>
      <c r="D95856" s="14" t="s">
        <v>94</v>
      </c>
      <c r="E95856" s="15">
        <v>45602</v>
      </c>
      <c r="F95856" s="14" t="s">
        <v>15</v>
      </c>
      <c r="G95856" s="16">
        <v>1.1060197171369615E-2</v>
      </c>
    </row>
    <row r="95857" spans="1:7" x14ac:dyDescent="0.3">
      <c r="A95857" s="13" t="s">
        <v>476</v>
      </c>
      <c r="B95857" s="14" t="s">
        <v>1</v>
      </c>
      <c r="C95857" s="14" t="s">
        <v>59</v>
      </c>
      <c r="D95857" s="14" t="s">
        <v>94</v>
      </c>
      <c r="E95857" s="15">
        <v>45603</v>
      </c>
      <c r="F95857" s="14" t="s">
        <v>15</v>
      </c>
      <c r="G95857" s="16">
        <v>7.849132216890306E-3</v>
      </c>
    </row>
    <row r="95858" spans="1:7" x14ac:dyDescent="0.3">
      <c r="A95858" s="13" t="s">
        <v>476</v>
      </c>
      <c r="B95858" s="14" t="s">
        <v>1</v>
      </c>
      <c r="C95858" s="14" t="s">
        <v>59</v>
      </c>
      <c r="D95858" s="14" t="s">
        <v>94</v>
      </c>
      <c r="E95858" s="15">
        <v>45604</v>
      </c>
      <c r="F95858" s="14" t="s">
        <v>15</v>
      </c>
      <c r="G95858" s="16">
        <v>4.6080514405297595E-3</v>
      </c>
    </row>
    <row r="95859" spans="1:7" x14ac:dyDescent="0.3">
      <c r="A95859" s="13" t="s">
        <v>476</v>
      </c>
      <c r="B95859" s="14" t="s">
        <v>1</v>
      </c>
      <c r="C95859" s="14" t="s">
        <v>59</v>
      </c>
      <c r="D95859" s="14" t="s">
        <v>94</v>
      </c>
      <c r="E95859" s="15">
        <v>45605</v>
      </c>
      <c r="F95859" s="14" t="s">
        <v>15</v>
      </c>
      <c r="G95859" s="16">
        <v>4.6080514405297595E-3</v>
      </c>
    </row>
    <row r="95860" spans="1:7" x14ac:dyDescent="0.3">
      <c r="A95860" s="13" t="s">
        <v>476</v>
      </c>
      <c r="B95860" s="14" t="s">
        <v>1</v>
      </c>
      <c r="C95860" s="14" t="s">
        <v>59</v>
      </c>
      <c r="D95860" s="14" t="s">
        <v>94</v>
      </c>
      <c r="E95860" s="15">
        <v>45606</v>
      </c>
      <c r="F95860" s="14" t="s">
        <v>15</v>
      </c>
      <c r="G95860" s="16">
        <v>4.6080514405297595E-3</v>
      </c>
    </row>
    <row r="95861" spans="1:7" x14ac:dyDescent="0.3">
      <c r="A95861" s="13" t="s">
        <v>476</v>
      </c>
      <c r="B95861" s="14" t="s">
        <v>1</v>
      </c>
      <c r="C95861" s="14" t="s">
        <v>59</v>
      </c>
      <c r="D95861" s="14" t="s">
        <v>94</v>
      </c>
      <c r="E95861" s="15">
        <v>45607</v>
      </c>
      <c r="F95861" s="14" t="s">
        <v>15</v>
      </c>
      <c r="G95861" s="16">
        <v>1.3409775813029864E-3</v>
      </c>
    </row>
    <row r="95862" spans="1:7" x14ac:dyDescent="0.3">
      <c r="A95862" s="13" t="s">
        <v>476</v>
      </c>
      <c r="B95862" s="14" t="s">
        <v>1</v>
      </c>
      <c r="C95862" s="14" t="s">
        <v>59</v>
      </c>
      <c r="D95862" s="14" t="s">
        <v>94</v>
      </c>
      <c r="E95862" s="15">
        <v>45608</v>
      </c>
      <c r="F95862" s="14" t="s">
        <v>15</v>
      </c>
      <c r="G95862" s="16">
        <v>0</v>
      </c>
    </row>
    <row r="95863" spans="1:7" x14ac:dyDescent="0.3">
      <c r="A95863" s="13" t="s">
        <v>476</v>
      </c>
      <c r="B95863" s="14" t="s">
        <v>1</v>
      </c>
      <c r="C95863" s="14" t="s">
        <v>59</v>
      </c>
      <c r="D95863" s="14" t="s">
        <v>94</v>
      </c>
      <c r="E95863" s="15">
        <v>45609</v>
      </c>
      <c r="F95863" s="14" t="s">
        <v>15</v>
      </c>
      <c r="G95863" s="16">
        <v>0</v>
      </c>
    </row>
    <row r="95864" spans="1:7" x14ac:dyDescent="0.3">
      <c r="A95864" s="13" t="s">
        <v>476</v>
      </c>
      <c r="B95864" s="14" t="s">
        <v>1</v>
      </c>
      <c r="C95864" s="14" t="s">
        <v>59</v>
      </c>
      <c r="D95864" s="14" t="s">
        <v>94</v>
      </c>
      <c r="E95864" s="15">
        <v>45610</v>
      </c>
      <c r="F95864" s="14" t="s">
        <v>15</v>
      </c>
      <c r="G95864" s="16">
        <v>0</v>
      </c>
    </row>
    <row r="95865" spans="1:7" x14ac:dyDescent="0.3">
      <c r="A95865" s="13" t="s">
        <v>476</v>
      </c>
      <c r="B95865" s="14" t="s">
        <v>1</v>
      </c>
      <c r="C95865" s="14" t="s">
        <v>59</v>
      </c>
      <c r="D95865" s="14" t="s">
        <v>94</v>
      </c>
      <c r="E95865" s="15">
        <v>45611</v>
      </c>
      <c r="F95865" s="14" t="s">
        <v>15</v>
      </c>
      <c r="G95865" s="16">
        <v>0.23874488772982666</v>
      </c>
    </row>
    <row r="95866" spans="1:7" x14ac:dyDescent="0.3">
      <c r="A95866" s="13" t="s">
        <v>476</v>
      </c>
      <c r="B95866" s="14" t="s">
        <v>1</v>
      </c>
      <c r="C95866" s="14" t="s">
        <v>59</v>
      </c>
      <c r="D95866" s="14" t="s">
        <v>94</v>
      </c>
      <c r="E95866" s="15">
        <v>45612</v>
      </c>
      <c r="F95866" s="14" t="s">
        <v>15</v>
      </c>
      <c r="G95866" s="16">
        <v>0.23874488772982666</v>
      </c>
    </row>
    <row r="95867" spans="1:7" x14ac:dyDescent="0.3">
      <c r="A95867" s="13" t="s">
        <v>476</v>
      </c>
      <c r="B95867" s="14" t="s">
        <v>1</v>
      </c>
      <c r="C95867" s="14" t="s">
        <v>59</v>
      </c>
      <c r="D95867" s="14" t="s">
        <v>94</v>
      </c>
      <c r="E95867" s="15">
        <v>45613</v>
      </c>
      <c r="F95867" s="14" t="s">
        <v>15</v>
      </c>
      <c r="G95867" s="16">
        <v>0.23874488772982666</v>
      </c>
    </row>
    <row r="95868" spans="1:7" x14ac:dyDescent="0.3">
      <c r="A95868" s="13" t="s">
        <v>476</v>
      </c>
      <c r="B95868" s="14" t="s">
        <v>1</v>
      </c>
      <c r="C95868" s="14" t="s">
        <v>59</v>
      </c>
      <c r="D95868" s="14" t="s">
        <v>94</v>
      </c>
      <c r="E95868" s="15">
        <v>45614</v>
      </c>
      <c r="F95868" s="14" t="s">
        <v>15</v>
      </c>
      <c r="G95868" s="16">
        <v>0.23548925802182599</v>
      </c>
    </row>
    <row r="95869" spans="1:7" x14ac:dyDescent="0.3">
      <c r="A95869" s="13" t="s">
        <v>476</v>
      </c>
      <c r="B95869" s="14" t="s">
        <v>1</v>
      </c>
      <c r="C95869" s="14" t="s">
        <v>59</v>
      </c>
      <c r="D95869" s="14" t="s">
        <v>94</v>
      </c>
      <c r="E95869" s="15">
        <v>45615</v>
      </c>
      <c r="F95869" s="14" t="s">
        <v>15</v>
      </c>
      <c r="G95869" s="16">
        <v>0.22577629815066608</v>
      </c>
    </row>
    <row r="95870" spans="1:7" x14ac:dyDescent="0.3">
      <c r="A95870" s="13" t="s">
        <v>476</v>
      </c>
      <c r="B95870" s="14" t="s">
        <v>1</v>
      </c>
      <c r="C95870" s="14" t="s">
        <v>59</v>
      </c>
      <c r="D95870" s="14" t="s">
        <v>94</v>
      </c>
      <c r="E95870" s="15">
        <v>45616</v>
      </c>
      <c r="F95870" s="14" t="s">
        <v>15</v>
      </c>
      <c r="G95870" s="16">
        <v>0.22254645534485723</v>
      </c>
    </row>
    <row r="95871" spans="1:7" x14ac:dyDescent="0.3">
      <c r="A95871" s="13" t="s">
        <v>476</v>
      </c>
      <c r="B95871" s="14" t="s">
        <v>1</v>
      </c>
      <c r="C95871" s="14" t="s">
        <v>59</v>
      </c>
      <c r="D95871" s="14" t="s">
        <v>94</v>
      </c>
      <c r="E95871" s="15">
        <v>45617</v>
      </c>
      <c r="F95871" s="14" t="s">
        <v>15</v>
      </c>
      <c r="G95871" s="16">
        <v>0.21931492708849654</v>
      </c>
    </row>
    <row r="95872" spans="1:7" x14ac:dyDescent="0.3">
      <c r="A95872" s="13" t="s">
        <v>476</v>
      </c>
      <c r="B95872" s="14" t="s">
        <v>1</v>
      </c>
      <c r="C95872" s="14" t="s">
        <v>59</v>
      </c>
      <c r="D95872" s="14" t="s">
        <v>94</v>
      </c>
      <c r="E95872" s="15">
        <v>45618</v>
      </c>
      <c r="F95872" s="14" t="s">
        <v>15</v>
      </c>
      <c r="G95872" s="16">
        <v>0.21608957881749277</v>
      </c>
    </row>
    <row r="95873" spans="1:7" x14ac:dyDescent="0.3">
      <c r="A95873" s="13" t="s">
        <v>476</v>
      </c>
      <c r="B95873" s="14" t="s">
        <v>1</v>
      </c>
      <c r="C95873" s="14" t="s">
        <v>59</v>
      </c>
      <c r="D95873" s="14" t="s">
        <v>94</v>
      </c>
      <c r="E95873" s="15">
        <v>45619</v>
      </c>
      <c r="F95873" s="14" t="s">
        <v>15</v>
      </c>
      <c r="G95873" s="16">
        <v>0.21608957881749277</v>
      </c>
    </row>
    <row r="95874" spans="1:7" x14ac:dyDescent="0.3">
      <c r="A95874" s="13" t="s">
        <v>476</v>
      </c>
      <c r="B95874" s="14" t="s">
        <v>1</v>
      </c>
      <c r="C95874" s="14" t="s">
        <v>59</v>
      </c>
      <c r="D95874" s="14" t="s">
        <v>94</v>
      </c>
      <c r="E95874" s="15">
        <v>45620</v>
      </c>
      <c r="F95874" s="14" t="s">
        <v>15</v>
      </c>
      <c r="G95874" s="16">
        <v>0.21608957881749277</v>
      </c>
    </row>
    <row r="95875" spans="1:7" x14ac:dyDescent="0.3">
      <c r="A95875" s="13" t="s">
        <v>476</v>
      </c>
      <c r="B95875" s="14" t="s">
        <v>1</v>
      </c>
      <c r="C95875" s="14" t="s">
        <v>59</v>
      </c>
      <c r="D95875" s="14" t="s">
        <v>94</v>
      </c>
      <c r="E95875" s="15">
        <v>45621</v>
      </c>
      <c r="F95875" s="14" t="s">
        <v>15</v>
      </c>
      <c r="G95875" s="16">
        <v>0.2128434433230155</v>
      </c>
    </row>
    <row r="95876" spans="1:7" x14ac:dyDescent="0.3">
      <c r="A95876" s="13" t="s">
        <v>476</v>
      </c>
      <c r="B95876" s="14" t="s">
        <v>1</v>
      </c>
      <c r="C95876" s="14" t="s">
        <v>59</v>
      </c>
      <c r="D95876" s="14" t="s">
        <v>94</v>
      </c>
      <c r="E95876" s="15">
        <v>45622</v>
      </c>
      <c r="F95876" s="14" t="s">
        <v>15</v>
      </c>
      <c r="G95876" s="16">
        <v>0.20303374201676386</v>
      </c>
    </row>
    <row r="95877" spans="1:7" x14ac:dyDescent="0.3">
      <c r="A95877" s="13" t="s">
        <v>476</v>
      </c>
      <c r="B95877" s="14" t="s">
        <v>1</v>
      </c>
      <c r="C95877" s="14" t="s">
        <v>59</v>
      </c>
      <c r="D95877" s="14" t="s">
        <v>94</v>
      </c>
      <c r="E95877" s="15">
        <v>45623</v>
      </c>
      <c r="F95877" s="14" t="s">
        <v>15</v>
      </c>
      <c r="G95877" s="16">
        <v>0.19976344839770921</v>
      </c>
    </row>
    <row r="95878" spans="1:7" x14ac:dyDescent="0.3">
      <c r="A95878" s="13" t="s">
        <v>476</v>
      </c>
      <c r="B95878" s="14" t="s">
        <v>1</v>
      </c>
      <c r="C95878" s="14" t="s">
        <v>59</v>
      </c>
      <c r="D95878" s="14" t="s">
        <v>94</v>
      </c>
      <c r="E95878" s="15">
        <v>45624</v>
      </c>
      <c r="F95878" s="14" t="s">
        <v>15</v>
      </c>
      <c r="G95878" s="16">
        <v>0.282122048705789</v>
      </c>
    </row>
    <row r="95879" spans="1:7" x14ac:dyDescent="0.3">
      <c r="A95879" s="13" t="s">
        <v>476</v>
      </c>
      <c r="B95879" s="14" t="s">
        <v>1</v>
      </c>
      <c r="C95879" s="14" t="s">
        <v>59</v>
      </c>
      <c r="D95879" s="14" t="s">
        <v>94</v>
      </c>
      <c r="E95879" s="15">
        <v>45625</v>
      </c>
      <c r="F95879" s="14" t="s">
        <v>15</v>
      </c>
      <c r="G95879" s="16">
        <v>0.27884641782665326</v>
      </c>
    </row>
    <row r="95880" spans="1:7" x14ac:dyDescent="0.3">
      <c r="A95880" s="13" t="s">
        <v>476</v>
      </c>
      <c r="B95880" s="14" t="s">
        <v>1</v>
      </c>
      <c r="C95880" s="14" t="s">
        <v>59</v>
      </c>
      <c r="D95880" s="14" t="s">
        <v>94</v>
      </c>
      <c r="E95880" s="15">
        <v>45626</v>
      </c>
      <c r="F95880" s="14" t="s">
        <v>15</v>
      </c>
      <c r="G95880" s="16">
        <v>0.27884641782665326</v>
      </c>
    </row>
    <row r="95881" spans="1:7" x14ac:dyDescent="0.3">
      <c r="A95881" s="13" t="s">
        <v>476</v>
      </c>
      <c r="B95881" s="14" t="s">
        <v>1</v>
      </c>
      <c r="C95881" s="14" t="s">
        <v>59</v>
      </c>
      <c r="D95881" s="14" t="s">
        <v>94</v>
      </c>
      <c r="E95881" s="15">
        <v>45627</v>
      </c>
      <c r="F95881" s="14" t="s">
        <v>15</v>
      </c>
      <c r="G95881" s="16">
        <v>0.27884641782665326</v>
      </c>
    </row>
    <row r="95882" spans="1:7" x14ac:dyDescent="0.3">
      <c r="A95882" s="13" t="s">
        <v>476</v>
      </c>
      <c r="B95882" s="14" t="s">
        <v>1</v>
      </c>
      <c r="C95882" s="14" t="s">
        <v>59</v>
      </c>
      <c r="D95882" s="14" t="s">
        <v>94</v>
      </c>
      <c r="E95882" s="15">
        <v>45628</v>
      </c>
      <c r="F95882" s="14" t="s">
        <v>15</v>
      </c>
      <c r="G95882" s="16">
        <v>0.27556404514530991</v>
      </c>
    </row>
    <row r="95883" spans="1:7" x14ac:dyDescent="0.3">
      <c r="A95883" s="13" t="s">
        <v>476</v>
      </c>
      <c r="B95883" s="14" t="s">
        <v>1</v>
      </c>
      <c r="C95883" s="14" t="s">
        <v>59</v>
      </c>
      <c r="D95883" s="14" t="s">
        <v>94</v>
      </c>
      <c r="E95883" s="15">
        <v>45629</v>
      </c>
      <c r="F95883" s="14" t="s">
        <v>15</v>
      </c>
      <c r="G95883" s="16">
        <v>0.26564717727479936</v>
      </c>
    </row>
    <row r="95884" spans="1:7" x14ac:dyDescent="0.3">
      <c r="A95884" s="13" t="s">
        <v>476</v>
      </c>
      <c r="B95884" s="14" t="s">
        <v>1</v>
      </c>
      <c r="C95884" s="14" t="s">
        <v>59</v>
      </c>
      <c r="D95884" s="14" t="s">
        <v>94</v>
      </c>
      <c r="E95884" s="15">
        <v>45630</v>
      </c>
      <c r="F95884" s="14" t="s">
        <v>15</v>
      </c>
      <c r="G95884" s="16">
        <v>0.26109355351467811</v>
      </c>
    </row>
    <row r="95885" spans="1:7" x14ac:dyDescent="0.3">
      <c r="A95885" s="13" t="s">
        <v>476</v>
      </c>
      <c r="B95885" s="14" t="s">
        <v>1</v>
      </c>
      <c r="C95885" s="14" t="s">
        <v>59</v>
      </c>
      <c r="D95885" s="14" t="s">
        <v>94</v>
      </c>
      <c r="E95885" s="15">
        <v>45631</v>
      </c>
      <c r="F95885" s="14" t="s">
        <v>15</v>
      </c>
      <c r="G95885" s="16">
        <v>0.25780340315791933</v>
      </c>
    </row>
    <row r="95886" spans="1:7" x14ac:dyDescent="0.3">
      <c r="A95886" s="13" t="s">
        <v>476</v>
      </c>
      <c r="B95886" s="14" t="s">
        <v>1</v>
      </c>
      <c r="C95886" s="14" t="s">
        <v>59</v>
      </c>
      <c r="D95886" s="14" t="s">
        <v>94</v>
      </c>
      <c r="E95886" s="15">
        <v>45632</v>
      </c>
      <c r="F95886" s="14" t="s">
        <v>15</v>
      </c>
      <c r="G95886" s="16">
        <v>0.25450340080345757</v>
      </c>
    </row>
    <row r="95887" spans="1:7" x14ac:dyDescent="0.3">
      <c r="A95887" s="13" t="s">
        <v>476</v>
      </c>
      <c r="B95887" s="14" t="s">
        <v>1</v>
      </c>
      <c r="C95887" s="14" t="s">
        <v>59</v>
      </c>
      <c r="D95887" s="14" t="s">
        <v>94</v>
      </c>
      <c r="E95887" s="15">
        <v>45633</v>
      </c>
      <c r="F95887" s="14" t="s">
        <v>15</v>
      </c>
      <c r="G95887" s="16">
        <v>0.25450340080345757</v>
      </c>
    </row>
    <row r="95888" spans="1:7" x14ac:dyDescent="0.3">
      <c r="A95888" s="13" t="s">
        <v>476</v>
      </c>
      <c r="B95888" s="14" t="s">
        <v>1</v>
      </c>
      <c r="C95888" s="14" t="s">
        <v>59</v>
      </c>
      <c r="D95888" s="14" t="s">
        <v>94</v>
      </c>
      <c r="E95888" s="15">
        <v>45634</v>
      </c>
      <c r="F95888" s="14" t="s">
        <v>15</v>
      </c>
      <c r="G95888" s="16">
        <v>0.25450340080345757</v>
      </c>
    </row>
    <row r="95889" spans="1:7" x14ac:dyDescent="0.3">
      <c r="A95889" s="13" t="s">
        <v>476</v>
      </c>
      <c r="B95889" s="14" t="s">
        <v>1</v>
      </c>
      <c r="C95889" s="14" t="s">
        <v>59</v>
      </c>
      <c r="D95889" s="14" t="s">
        <v>94</v>
      </c>
      <c r="E95889" s="15">
        <v>45635</v>
      </c>
      <c r="F95889" s="14" t="s">
        <v>15</v>
      </c>
      <c r="G95889" s="16">
        <v>0.25120185027792813</v>
      </c>
    </row>
    <row r="95890" spans="1:7" x14ac:dyDescent="0.3">
      <c r="A95890" s="13" t="s">
        <v>476</v>
      </c>
      <c r="B95890" s="14" t="s">
        <v>1</v>
      </c>
      <c r="C95890" s="14" t="s">
        <v>59</v>
      </c>
      <c r="D95890" s="14" t="s">
        <v>94</v>
      </c>
      <c r="E95890" s="15">
        <v>45636</v>
      </c>
      <c r="F95890" s="14" t="s">
        <v>15</v>
      </c>
      <c r="G95890" s="16">
        <v>0.2412385196484442</v>
      </c>
    </row>
    <row r="95891" spans="1:7" x14ac:dyDescent="0.3">
      <c r="A95891" s="13" t="s">
        <v>476</v>
      </c>
      <c r="B95891" s="14" t="s">
        <v>1</v>
      </c>
      <c r="C95891" s="14" t="s">
        <v>59</v>
      </c>
      <c r="D95891" s="14" t="s">
        <v>94</v>
      </c>
      <c r="E95891" s="15">
        <v>45637</v>
      </c>
      <c r="F95891" s="14" t="s">
        <v>15</v>
      </c>
      <c r="G95891" s="16">
        <v>0.2379395024937527</v>
      </c>
    </row>
    <row r="95892" spans="1:7" x14ac:dyDescent="0.3">
      <c r="A95892" s="13" t="s">
        <v>476</v>
      </c>
      <c r="B95892" s="14" t="s">
        <v>1</v>
      </c>
      <c r="C95892" s="14" t="s">
        <v>59</v>
      </c>
      <c r="D95892" s="14" t="s">
        <v>94</v>
      </c>
      <c r="E95892" s="15">
        <v>45638</v>
      </c>
      <c r="F95892" s="14" t="s">
        <v>15</v>
      </c>
      <c r="G95892" s="16">
        <v>0.2346483669372236</v>
      </c>
    </row>
    <row r="95893" spans="1:7" x14ac:dyDescent="0.3">
      <c r="A95893" s="13" t="s">
        <v>476</v>
      </c>
      <c r="B95893" s="14" t="s">
        <v>1</v>
      </c>
      <c r="C95893" s="14" t="s">
        <v>59</v>
      </c>
      <c r="D95893" s="14" t="s">
        <v>94</v>
      </c>
      <c r="E95893" s="15">
        <v>45639</v>
      </c>
      <c r="F95893" s="14" t="s">
        <v>15</v>
      </c>
      <c r="G95893" s="16">
        <v>0.29478284442163866</v>
      </c>
    </row>
    <row r="95894" spans="1:7" x14ac:dyDescent="0.3">
      <c r="A95894" s="13" t="s">
        <v>476</v>
      </c>
      <c r="B95894" s="14" t="s">
        <v>1</v>
      </c>
      <c r="C95894" s="14" t="s">
        <v>59</v>
      </c>
      <c r="D95894" s="14" t="s">
        <v>94</v>
      </c>
      <c r="E95894" s="15">
        <v>45640</v>
      </c>
      <c r="F95894" s="14" t="s">
        <v>15</v>
      </c>
      <c r="G95894" s="16">
        <v>0.29478284442163866</v>
      </c>
    </row>
    <row r="95895" spans="1:7" x14ac:dyDescent="0.3">
      <c r="A95895" s="13" t="s">
        <v>476</v>
      </c>
      <c r="B95895" s="14" t="s">
        <v>1</v>
      </c>
      <c r="C95895" s="14" t="s">
        <v>59</v>
      </c>
      <c r="D95895" s="14" t="s">
        <v>94</v>
      </c>
      <c r="E95895" s="15">
        <v>45641</v>
      </c>
      <c r="F95895" s="14" t="s">
        <v>15</v>
      </c>
      <c r="G95895" s="16">
        <v>0.29478284442163866</v>
      </c>
    </row>
    <row r="95896" spans="1:7" x14ac:dyDescent="0.3">
      <c r="A95896" s="13" t="s">
        <v>476</v>
      </c>
      <c r="B95896" s="14" t="s">
        <v>1</v>
      </c>
      <c r="C95896" s="14" t="s">
        <v>59</v>
      </c>
      <c r="D95896" s="14" t="s">
        <v>94</v>
      </c>
      <c r="E95896" s="15">
        <v>45642</v>
      </c>
      <c r="F95896" s="14" t="s">
        <v>15</v>
      </c>
      <c r="G95896" s="16">
        <v>0.29148917549427167</v>
      </c>
    </row>
    <row r="95897" spans="1:7" x14ac:dyDescent="0.3">
      <c r="A95897" s="13" t="s">
        <v>476</v>
      </c>
      <c r="B95897" s="14" t="s">
        <v>1</v>
      </c>
      <c r="C95897" s="14" t="s">
        <v>59</v>
      </c>
      <c r="D95897" s="14" t="s">
        <v>94</v>
      </c>
      <c r="E95897" s="15">
        <v>45643</v>
      </c>
      <c r="F95897" s="14" t="s">
        <v>15</v>
      </c>
      <c r="G95897" s="16">
        <v>0.28159691999107378</v>
      </c>
    </row>
    <row r="95898" spans="1:7" x14ac:dyDescent="0.3">
      <c r="A95898" s="13" t="s">
        <v>476</v>
      </c>
      <c r="B95898" s="14" t="s">
        <v>1</v>
      </c>
      <c r="C95898" s="14" t="s">
        <v>59</v>
      </c>
      <c r="D95898" s="14" t="s">
        <v>94</v>
      </c>
      <c r="E95898" s="15">
        <v>45644</v>
      </c>
      <c r="F95898" s="14" t="s">
        <v>15</v>
      </c>
      <c r="G95898" s="16">
        <v>0.27829748060790926</v>
      </c>
    </row>
    <row r="95899" spans="1:7" x14ac:dyDescent="0.3">
      <c r="A95899" s="13" t="s">
        <v>476</v>
      </c>
      <c r="B95899" s="14" t="s">
        <v>1</v>
      </c>
      <c r="C95899" s="14" t="s">
        <v>59</v>
      </c>
      <c r="D95899" s="14" t="s">
        <v>94</v>
      </c>
      <c r="E95899" s="15">
        <v>45645</v>
      </c>
      <c r="F95899" s="14" t="s">
        <v>15</v>
      </c>
      <c r="G95899" s="16">
        <v>0.27500354019598899</v>
      </c>
    </row>
    <row r="95900" spans="1:7" x14ac:dyDescent="0.3">
      <c r="A95900" s="13" t="s">
        <v>476</v>
      </c>
      <c r="B95900" s="14" t="s">
        <v>1</v>
      </c>
      <c r="C95900" s="14" t="s">
        <v>59</v>
      </c>
      <c r="D95900" s="14" t="s">
        <v>94</v>
      </c>
      <c r="E95900" s="15">
        <v>45646</v>
      </c>
      <c r="F95900" s="14" t="s">
        <v>15</v>
      </c>
      <c r="G95900" s="16">
        <v>0.27170889358513622</v>
      </c>
    </row>
    <row r="95901" spans="1:7" x14ac:dyDescent="0.3">
      <c r="A95901" s="13" t="s">
        <v>476</v>
      </c>
      <c r="B95901" s="14" t="s">
        <v>1</v>
      </c>
      <c r="C95901" s="14" t="s">
        <v>59</v>
      </c>
      <c r="D95901" s="14" t="s">
        <v>94</v>
      </c>
      <c r="E95901" s="15">
        <v>45647</v>
      </c>
      <c r="F95901" s="14" t="s">
        <v>15</v>
      </c>
      <c r="G95901" s="16">
        <v>0.27170889358513622</v>
      </c>
    </row>
    <row r="95902" spans="1:7" x14ac:dyDescent="0.3">
      <c r="A95902" s="13" t="s">
        <v>476</v>
      </c>
      <c r="B95902" s="14" t="s">
        <v>1</v>
      </c>
      <c r="C95902" s="14" t="s">
        <v>59</v>
      </c>
      <c r="D95902" s="14" t="s">
        <v>94</v>
      </c>
      <c r="E95902" s="15">
        <v>45648</v>
      </c>
      <c r="F95902" s="14" t="s">
        <v>15</v>
      </c>
      <c r="G95902" s="16">
        <v>0.27170889358513622</v>
      </c>
    </row>
    <row r="95903" spans="1:7" x14ac:dyDescent="0.3">
      <c r="A95903" s="13" t="s">
        <v>476</v>
      </c>
      <c r="B95903" s="14" t="s">
        <v>1</v>
      </c>
      <c r="C95903" s="14" t="s">
        <v>59</v>
      </c>
      <c r="D95903" s="14" t="s">
        <v>94</v>
      </c>
      <c r="E95903" s="15">
        <v>45649</v>
      </c>
      <c r="F95903" s="14" t="s">
        <v>15</v>
      </c>
      <c r="G95903" s="16">
        <v>0.26847187280717144</v>
      </c>
    </row>
    <row r="95904" spans="1:7" x14ac:dyDescent="0.3">
      <c r="A95904" s="13" t="s">
        <v>476</v>
      </c>
      <c r="B95904" s="14" t="s">
        <v>1</v>
      </c>
      <c r="C95904" s="14" t="s">
        <v>59</v>
      </c>
      <c r="D95904" s="14" t="s">
        <v>94</v>
      </c>
      <c r="E95904" s="15">
        <v>45650</v>
      </c>
      <c r="F95904" s="14" t="s">
        <v>15</v>
      </c>
      <c r="G95904" s="16">
        <v>0.25866988551335374</v>
      </c>
    </row>
    <row r="95905" spans="1:7" x14ac:dyDescent="0.3">
      <c r="A95905" s="13" t="s">
        <v>476</v>
      </c>
      <c r="B95905" s="14" t="s">
        <v>1</v>
      </c>
      <c r="C95905" s="14" t="s">
        <v>59</v>
      </c>
      <c r="D95905" s="14" t="s">
        <v>94</v>
      </c>
      <c r="E95905" s="15">
        <v>45651</v>
      </c>
      <c r="F95905" s="14" t="s">
        <v>15</v>
      </c>
      <c r="G95905" s="16">
        <v>0.25866988551335374</v>
      </c>
    </row>
    <row r="95906" spans="1:7" x14ac:dyDescent="0.3">
      <c r="A95906" s="13" t="s">
        <v>476</v>
      </c>
      <c r="B95906" s="14" t="s">
        <v>1</v>
      </c>
      <c r="C95906" s="14" t="s">
        <v>59</v>
      </c>
      <c r="D95906" s="14" t="s">
        <v>94</v>
      </c>
      <c r="E95906" s="15">
        <v>45652</v>
      </c>
      <c r="F95906" s="14" t="s">
        <v>15</v>
      </c>
      <c r="G95906" s="16">
        <v>0.25866988551335374</v>
      </c>
    </row>
    <row r="95907" spans="1:7" x14ac:dyDescent="0.3">
      <c r="A95907" s="13" t="s">
        <v>476</v>
      </c>
      <c r="B95907" s="14" t="s">
        <v>1</v>
      </c>
      <c r="C95907" s="14" t="s">
        <v>59</v>
      </c>
      <c r="D95907" s="14" t="s">
        <v>94</v>
      </c>
      <c r="E95907" s="15">
        <v>45653</v>
      </c>
      <c r="F95907" s="14" t="s">
        <v>15</v>
      </c>
      <c r="G95907" s="16">
        <v>0.25866988551335374</v>
      </c>
    </row>
    <row r="95908" spans="1:7" x14ac:dyDescent="0.3">
      <c r="A95908" s="13" t="s">
        <v>476</v>
      </c>
      <c r="B95908" s="14" t="s">
        <v>1</v>
      </c>
      <c r="C95908" s="14" t="s">
        <v>59</v>
      </c>
      <c r="D95908" s="14" t="s">
        <v>94</v>
      </c>
      <c r="E95908" s="15">
        <v>45654</v>
      </c>
      <c r="F95908" s="14" t="s">
        <v>15</v>
      </c>
      <c r="G95908" s="16">
        <v>0.25866988551335374</v>
      </c>
    </row>
    <row r="95909" spans="1:7" x14ac:dyDescent="0.3">
      <c r="A95909" s="13" t="s">
        <v>476</v>
      </c>
      <c r="B95909" s="14" t="s">
        <v>1</v>
      </c>
      <c r="C95909" s="14" t="s">
        <v>59</v>
      </c>
      <c r="D95909" s="14" t="s">
        <v>94</v>
      </c>
      <c r="E95909" s="15">
        <v>45655</v>
      </c>
      <c r="F95909" s="14" t="s">
        <v>15</v>
      </c>
      <c r="G95909" s="16">
        <v>0.25866988551335374</v>
      </c>
    </row>
    <row r="95910" spans="1:7" x14ac:dyDescent="0.3">
      <c r="A95910" s="13" t="s">
        <v>476</v>
      </c>
      <c r="B95910" s="14" t="s">
        <v>1</v>
      </c>
      <c r="C95910" s="14" t="s">
        <v>59</v>
      </c>
      <c r="D95910" s="14" t="s">
        <v>94</v>
      </c>
      <c r="E95910" s="15">
        <v>45656</v>
      </c>
      <c r="F95910" s="14" t="s">
        <v>15</v>
      </c>
      <c r="G95910" s="16">
        <v>0.25542537902670498</v>
      </c>
    </row>
    <row r="95911" spans="1:7" x14ac:dyDescent="0.3">
      <c r="A95911" s="13" t="s">
        <v>476</v>
      </c>
      <c r="B95911" s="14" t="s">
        <v>1</v>
      </c>
      <c r="C95911" s="14" t="s">
        <v>59</v>
      </c>
      <c r="D95911" s="14" t="s">
        <v>94</v>
      </c>
      <c r="E95911" s="15">
        <v>45657</v>
      </c>
      <c r="F95911" s="14" t="s">
        <v>15</v>
      </c>
      <c r="G95911" s="16">
        <v>0.23583731064633762</v>
      </c>
    </row>
    <row r="95912" spans="1:7" x14ac:dyDescent="0.3">
      <c r="A95912" s="13" t="s">
        <v>476</v>
      </c>
      <c r="B95912" s="14" t="s">
        <v>1</v>
      </c>
      <c r="C95912" s="14" t="s">
        <v>59</v>
      </c>
      <c r="D95912" s="14" t="s">
        <v>94</v>
      </c>
      <c r="E95912" s="15">
        <v>45658</v>
      </c>
      <c r="F95912" s="14" t="s">
        <v>15</v>
      </c>
      <c r="G95912" s="16">
        <v>0.23583731064633762</v>
      </c>
    </row>
    <row r="95913" spans="1:7" x14ac:dyDescent="0.3">
      <c r="A95913" s="13" t="s">
        <v>476</v>
      </c>
      <c r="B95913" s="14" t="s">
        <v>1</v>
      </c>
      <c r="C95913" s="14" t="s">
        <v>59</v>
      </c>
      <c r="D95913" s="14" t="s">
        <v>94</v>
      </c>
      <c r="E95913" s="15">
        <v>45659</v>
      </c>
      <c r="F95913" s="14" t="s">
        <v>15</v>
      </c>
      <c r="G95913" s="16">
        <v>0.23583731064633762</v>
      </c>
    </row>
    <row r="95914" spans="1:7" x14ac:dyDescent="0.3">
      <c r="A95914" s="13" t="s">
        <v>476</v>
      </c>
      <c r="B95914" s="14" t="s">
        <v>1</v>
      </c>
      <c r="C95914" s="14" t="s">
        <v>59</v>
      </c>
      <c r="D95914" s="14" t="s">
        <v>94</v>
      </c>
      <c r="E95914" s="15">
        <v>45660</v>
      </c>
      <c r="F95914" s="14" t="s">
        <v>15</v>
      </c>
      <c r="G95914" s="16">
        <v>0.23259675887371065</v>
      </c>
    </row>
    <row r="95915" spans="1:7" x14ac:dyDescent="0.3">
      <c r="A95915" s="13" t="s">
        <v>476</v>
      </c>
      <c r="B95915" s="14" t="s">
        <v>1</v>
      </c>
      <c r="C95915" s="14" t="s">
        <v>59</v>
      </c>
      <c r="D95915" s="14" t="s">
        <v>94</v>
      </c>
      <c r="E95915" s="15">
        <v>45661</v>
      </c>
      <c r="F95915" s="14" t="s">
        <v>15</v>
      </c>
      <c r="G95915" s="16">
        <v>0.23259675887371065</v>
      </c>
    </row>
    <row r="95916" spans="1:7" x14ac:dyDescent="0.3">
      <c r="A95916" s="13" t="s">
        <v>476</v>
      </c>
      <c r="B95916" s="14" t="s">
        <v>1</v>
      </c>
      <c r="C95916" s="14" t="s">
        <v>59</v>
      </c>
      <c r="D95916" s="14" t="s">
        <v>94</v>
      </c>
      <c r="E95916" s="15">
        <v>45662</v>
      </c>
      <c r="F95916" s="14" t="s">
        <v>15</v>
      </c>
      <c r="G95916" s="16">
        <v>0.23259675887371065</v>
      </c>
    </row>
    <row r="95917" spans="1:7" x14ac:dyDescent="0.3">
      <c r="A95917" s="13" t="s">
        <v>476</v>
      </c>
      <c r="B95917" s="14" t="s">
        <v>1</v>
      </c>
      <c r="C95917" s="14" t="s">
        <v>59</v>
      </c>
      <c r="D95917" s="14" t="s">
        <v>94</v>
      </c>
      <c r="E95917" s="15">
        <v>45663</v>
      </c>
      <c r="F95917" s="14" t="s">
        <v>15</v>
      </c>
      <c r="G95917" s="16">
        <v>0.22277697536679508</v>
      </c>
    </row>
    <row r="95918" spans="1:7" x14ac:dyDescent="0.3">
      <c r="A95918" s="13" t="s">
        <v>476</v>
      </c>
      <c r="B95918" s="14" t="s">
        <v>1</v>
      </c>
      <c r="C95918" s="14" t="s">
        <v>59</v>
      </c>
      <c r="D95918" s="14" t="s">
        <v>94</v>
      </c>
      <c r="E95918" s="15">
        <v>45664</v>
      </c>
      <c r="F95918" s="14" t="s">
        <v>15</v>
      </c>
      <c r="G95918" s="16">
        <v>0.21637971436611114</v>
      </c>
    </row>
    <row r="95919" spans="1:7" x14ac:dyDescent="0.3">
      <c r="A95919" s="13" t="s">
        <v>476</v>
      </c>
      <c r="B95919" s="14" t="s">
        <v>1</v>
      </c>
      <c r="C95919" s="14" t="s">
        <v>59</v>
      </c>
      <c r="D95919" s="14" t="s">
        <v>94</v>
      </c>
      <c r="E95919" s="15">
        <v>45665</v>
      </c>
      <c r="F95919" s="14" t="s">
        <v>15</v>
      </c>
      <c r="G95919" s="16">
        <v>0.21309721437689652</v>
      </c>
    </row>
    <row r="95920" spans="1:7" x14ac:dyDescent="0.3">
      <c r="A95920" s="13" t="s">
        <v>476</v>
      </c>
      <c r="B95920" s="14" t="s">
        <v>1</v>
      </c>
      <c r="C95920" s="14" t="s">
        <v>59</v>
      </c>
      <c r="D95920" s="14" t="s">
        <v>94</v>
      </c>
      <c r="E95920" s="15">
        <v>45666</v>
      </c>
      <c r="F95920" s="14" t="s">
        <v>15</v>
      </c>
      <c r="G95920" s="16">
        <v>0.20983477043736354</v>
      </c>
    </row>
    <row r="95921" spans="1:7" x14ac:dyDescent="0.3">
      <c r="A95921" s="13" t="s">
        <v>476</v>
      </c>
      <c r="B95921" s="14" t="s">
        <v>1</v>
      </c>
      <c r="C95921" s="14" t="s">
        <v>59</v>
      </c>
      <c r="D95921" s="14" t="s">
        <v>94</v>
      </c>
      <c r="E95921" s="15">
        <v>45667</v>
      </c>
      <c r="F95921" s="14" t="s">
        <v>15</v>
      </c>
      <c r="G95921" s="16">
        <v>0.20658164832373893</v>
      </c>
    </row>
    <row r="95922" spans="1:7" x14ac:dyDescent="0.3">
      <c r="A95922" s="13" t="s">
        <v>476</v>
      </c>
      <c r="B95922" s="14" t="s">
        <v>1</v>
      </c>
      <c r="C95922" s="14" t="s">
        <v>59</v>
      </c>
      <c r="D95922" s="14" t="s">
        <v>94</v>
      </c>
      <c r="E95922" s="15">
        <v>45668</v>
      </c>
      <c r="F95922" s="14" t="s">
        <v>15</v>
      </c>
      <c r="G95922" s="16">
        <v>0.20658164832373893</v>
      </c>
    </row>
    <row r="95923" spans="1:7" x14ac:dyDescent="0.3">
      <c r="A95923" s="13" t="s">
        <v>476</v>
      </c>
      <c r="B95923" s="14" t="s">
        <v>1</v>
      </c>
      <c r="C95923" s="14" t="s">
        <v>59</v>
      </c>
      <c r="D95923" s="14" t="s">
        <v>94</v>
      </c>
      <c r="E95923" s="15">
        <v>45669</v>
      </c>
      <c r="F95923" s="14" t="s">
        <v>15</v>
      </c>
      <c r="G95923" s="16">
        <v>0.20658164832373893</v>
      </c>
    </row>
    <row r="95924" spans="1:7" x14ac:dyDescent="0.3">
      <c r="A95924" s="13" t="s">
        <v>476</v>
      </c>
      <c r="B95924" s="14" t="s">
        <v>1</v>
      </c>
      <c r="C95924" s="14" t="s">
        <v>59</v>
      </c>
      <c r="D95924" s="14" t="s">
        <v>94</v>
      </c>
      <c r="E95924" s="15">
        <v>45670</v>
      </c>
      <c r="F95924" s="14" t="s">
        <v>15</v>
      </c>
      <c r="G95924" s="16">
        <v>0.20332578680885735</v>
      </c>
    </row>
    <row r="95925" spans="1:7" x14ac:dyDescent="0.3">
      <c r="A95925" s="13" t="s">
        <v>476</v>
      </c>
      <c r="B95925" s="14" t="s">
        <v>1</v>
      </c>
      <c r="C95925" s="14" t="s">
        <v>59</v>
      </c>
      <c r="D95925" s="14" t="s">
        <v>94</v>
      </c>
      <c r="E95925" s="15">
        <v>45671</v>
      </c>
      <c r="F95925" s="14" t="s">
        <v>15</v>
      </c>
      <c r="G95925" s="16">
        <v>0.19359501686164859</v>
      </c>
    </row>
    <row r="95926" spans="1:7" x14ac:dyDescent="0.3">
      <c r="A95926" s="13" t="s">
        <v>476</v>
      </c>
      <c r="B95926" s="14" t="s">
        <v>1</v>
      </c>
      <c r="C95926" s="14" t="s">
        <v>59</v>
      </c>
      <c r="D95926" s="14" t="s">
        <v>94</v>
      </c>
      <c r="E95926" s="15">
        <v>45672</v>
      </c>
      <c r="F95926" s="14" t="s">
        <v>15</v>
      </c>
      <c r="G95926" s="16">
        <v>0.21136257286347865</v>
      </c>
    </row>
    <row r="95927" spans="1:7" x14ac:dyDescent="0.3">
      <c r="A95927" s="13" t="s">
        <v>476</v>
      </c>
      <c r="B95927" s="14" t="s">
        <v>1</v>
      </c>
      <c r="C95927" s="14" t="s">
        <v>59</v>
      </c>
      <c r="D95927" s="14" t="s">
        <v>94</v>
      </c>
      <c r="E95927" s="15">
        <v>45673</v>
      </c>
      <c r="F95927" s="14" t="s">
        <v>15</v>
      </c>
      <c r="G95927" s="16">
        <v>0.20813158711826132</v>
      </c>
    </row>
    <row r="95928" spans="1:7" x14ac:dyDescent="0.3">
      <c r="A95928" s="13" t="s">
        <v>476</v>
      </c>
      <c r="B95928" s="14" t="s">
        <v>1</v>
      </c>
      <c r="C95928" s="14" t="s">
        <v>59</v>
      </c>
      <c r="D95928" s="14" t="s">
        <v>94</v>
      </c>
      <c r="E95928" s="15">
        <v>45674</v>
      </c>
      <c r="F95928" s="14" t="s">
        <v>15</v>
      </c>
      <c r="G95928" s="16">
        <v>0.20486682120855676</v>
      </c>
    </row>
    <row r="95929" spans="1:7" x14ac:dyDescent="0.3">
      <c r="A95929" s="13" t="s">
        <v>476</v>
      </c>
      <c r="B95929" s="14" t="s">
        <v>1</v>
      </c>
      <c r="C95929" s="14" t="s">
        <v>59</v>
      </c>
      <c r="D95929" s="14" t="s">
        <v>94</v>
      </c>
      <c r="E95929" s="15">
        <v>45675</v>
      </c>
      <c r="F95929" s="14" t="s">
        <v>15</v>
      </c>
      <c r="G95929" s="16">
        <v>0.20486682120855676</v>
      </c>
    </row>
    <row r="95930" spans="1:7" x14ac:dyDescent="0.3">
      <c r="A95930" s="13" t="s">
        <v>476</v>
      </c>
      <c r="B95930" s="14" t="s">
        <v>1</v>
      </c>
      <c r="C95930" s="14" t="s">
        <v>59</v>
      </c>
      <c r="D95930" s="14" t="s">
        <v>94</v>
      </c>
      <c r="E95930" s="15">
        <v>45676</v>
      </c>
      <c r="F95930" s="14" t="s">
        <v>15</v>
      </c>
      <c r="G95930" s="16">
        <v>0.20486682120855676</v>
      </c>
    </row>
    <row r="95931" spans="1:7" x14ac:dyDescent="0.3">
      <c r="A95931" s="13" t="s">
        <v>476</v>
      </c>
      <c r="B95931" s="14" t="s">
        <v>1</v>
      </c>
      <c r="C95931" s="14" t="s">
        <v>59</v>
      </c>
      <c r="D95931" s="14" t="s">
        <v>94</v>
      </c>
      <c r="E95931" s="15">
        <v>45677</v>
      </c>
      <c r="F95931" s="14" t="s">
        <v>15</v>
      </c>
      <c r="G95931" s="16">
        <v>0.20158650794281199</v>
      </c>
    </row>
    <row r="95932" spans="1:7" x14ac:dyDescent="0.3">
      <c r="A95932" s="13" t="s">
        <v>476</v>
      </c>
      <c r="B95932" s="14" t="s">
        <v>1</v>
      </c>
      <c r="C95932" s="14" t="s">
        <v>59</v>
      </c>
      <c r="D95932" s="14" t="s">
        <v>94</v>
      </c>
      <c r="E95932" s="15">
        <v>45678</v>
      </c>
      <c r="F95932" s="14" t="s">
        <v>15</v>
      </c>
      <c r="G95932" s="16">
        <v>0.19165093691467414</v>
      </c>
    </row>
    <row r="95933" spans="1:7" x14ac:dyDescent="0.3">
      <c r="A95933" s="13" t="s">
        <v>476</v>
      </c>
      <c r="B95933" s="14" t="s">
        <v>1</v>
      </c>
      <c r="C95933" s="14" t="s">
        <v>59</v>
      </c>
      <c r="D95933" s="14" t="s">
        <v>94</v>
      </c>
      <c r="E95933" s="15">
        <v>45679</v>
      </c>
      <c r="F95933" s="14" t="s">
        <v>15</v>
      </c>
      <c r="G95933" s="16">
        <v>0.18834687859606805</v>
      </c>
    </row>
    <row r="95934" spans="1:7" x14ac:dyDescent="0.3">
      <c r="A95934" s="13" t="s">
        <v>476</v>
      </c>
      <c r="B95934" s="14" t="s">
        <v>1</v>
      </c>
      <c r="C95934" s="14" t="s">
        <v>59</v>
      </c>
      <c r="D95934" s="14" t="s">
        <v>94</v>
      </c>
      <c r="E95934" s="15">
        <v>45680</v>
      </c>
      <c r="F95934" s="14" t="s">
        <v>15</v>
      </c>
      <c r="G95934" s="16">
        <v>0.18503843874985065</v>
      </c>
    </row>
    <row r="95935" spans="1:7" x14ac:dyDescent="0.3">
      <c r="A95935" s="13" t="s">
        <v>476</v>
      </c>
      <c r="B95935" s="14" t="s">
        <v>1</v>
      </c>
      <c r="C95935" s="14" t="s">
        <v>59</v>
      </c>
      <c r="D95935" s="14" t="s">
        <v>94</v>
      </c>
      <c r="E95935" s="15">
        <v>45681</v>
      </c>
      <c r="F95935" s="14" t="s">
        <v>15</v>
      </c>
      <c r="G95935" s="16">
        <v>0.18171275547238869</v>
      </c>
    </row>
    <row r="95936" spans="1:7" x14ac:dyDescent="0.3">
      <c r="A95936" s="13" t="s">
        <v>476</v>
      </c>
      <c r="B95936" s="14" t="s">
        <v>1</v>
      </c>
      <c r="C95936" s="14" t="s">
        <v>59</v>
      </c>
      <c r="D95936" s="14" t="s">
        <v>94</v>
      </c>
      <c r="E95936" s="15">
        <v>45682</v>
      </c>
      <c r="F95936" s="14" t="s">
        <v>15</v>
      </c>
      <c r="G95936" s="16">
        <v>0.18171275547238869</v>
      </c>
    </row>
    <row r="95937" spans="1:7" x14ac:dyDescent="0.3">
      <c r="A95937" s="13" t="s">
        <v>476</v>
      </c>
      <c r="B95937" s="14" t="s">
        <v>1</v>
      </c>
      <c r="C95937" s="14" t="s">
        <v>59</v>
      </c>
      <c r="D95937" s="14" t="s">
        <v>94</v>
      </c>
      <c r="E95937" s="15">
        <v>45683</v>
      </c>
      <c r="F95937" s="14" t="s">
        <v>15</v>
      </c>
      <c r="G95937" s="16">
        <v>0.18171275547238869</v>
      </c>
    </row>
    <row r="95938" spans="1:7" x14ac:dyDescent="0.3">
      <c r="A95938" s="13" t="s">
        <v>476</v>
      </c>
      <c r="B95938" s="14" t="s">
        <v>1</v>
      </c>
      <c r="C95938" s="14" t="s">
        <v>59</v>
      </c>
      <c r="D95938" s="14" t="s">
        <v>94</v>
      </c>
      <c r="E95938" s="15">
        <v>45684</v>
      </c>
      <c r="F95938" s="14" t="s">
        <v>15</v>
      </c>
      <c r="G95938" s="16">
        <v>0.17838650683652527</v>
      </c>
    </row>
    <row r="95939" spans="1:7" x14ac:dyDescent="0.3">
      <c r="A95939" s="13" t="s">
        <v>476</v>
      </c>
      <c r="B95939" s="14" t="s">
        <v>1</v>
      </c>
      <c r="C95939" s="14" t="s">
        <v>59</v>
      </c>
      <c r="D95939" s="14" t="s">
        <v>94</v>
      </c>
      <c r="E95939" s="15">
        <v>45685</v>
      </c>
      <c r="F95939" s="14" t="s">
        <v>15</v>
      </c>
      <c r="G95939" s="16">
        <v>0.16833376527968472</v>
      </c>
    </row>
    <row r="95940" spans="1:7" x14ac:dyDescent="0.3">
      <c r="A95940" s="13" t="s">
        <v>476</v>
      </c>
      <c r="B95940" s="14" t="s">
        <v>1</v>
      </c>
      <c r="C95940" s="14" t="s">
        <v>59</v>
      </c>
      <c r="D95940" s="14" t="s">
        <v>94</v>
      </c>
      <c r="E95940" s="15">
        <v>45686</v>
      </c>
      <c r="F95940" s="14" t="s">
        <v>15</v>
      </c>
      <c r="G95940" s="16">
        <v>0.16502857624427569</v>
      </c>
    </row>
    <row r="95941" spans="1:7" x14ac:dyDescent="0.3">
      <c r="A95941" s="13" t="s">
        <v>476</v>
      </c>
      <c r="B95941" s="14" t="s">
        <v>1</v>
      </c>
      <c r="C95941" s="14" t="s">
        <v>59</v>
      </c>
      <c r="D95941" s="14" t="s">
        <v>94</v>
      </c>
      <c r="E95941" s="15">
        <v>45687</v>
      </c>
      <c r="F95941" s="14" t="s">
        <v>15</v>
      </c>
      <c r="G95941" s="16">
        <v>0.1617129280784397</v>
      </c>
    </row>
    <row r="95942" spans="1:7" x14ac:dyDescent="0.3">
      <c r="A95942" s="13" t="s">
        <v>476</v>
      </c>
      <c r="B95942" s="14" t="s">
        <v>1</v>
      </c>
      <c r="C95942" s="14" t="s">
        <v>59</v>
      </c>
      <c r="D95942" s="14" t="s">
        <v>94</v>
      </c>
      <c r="E95942" s="15">
        <v>45688</v>
      </c>
      <c r="F95942" s="14" t="s">
        <v>15</v>
      </c>
      <c r="G95942" s="16">
        <v>0.15838964757418394</v>
      </c>
    </row>
    <row r="95943" spans="1:7" x14ac:dyDescent="0.3">
      <c r="A95943" s="13" t="s">
        <v>476</v>
      </c>
      <c r="B95943" s="14" t="s">
        <v>1</v>
      </c>
      <c r="C95943" s="14" t="s">
        <v>59</v>
      </c>
      <c r="D95943" s="14" t="s">
        <v>94</v>
      </c>
      <c r="E95943" s="15">
        <v>45689</v>
      </c>
      <c r="F95943" s="14" t="s">
        <v>15</v>
      </c>
      <c r="G95943" s="16">
        <v>0.15838964757418394</v>
      </c>
    </row>
    <row r="95944" spans="1:7" x14ac:dyDescent="0.3">
      <c r="A95944" s="13" t="s">
        <v>476</v>
      </c>
      <c r="B95944" s="14" t="s">
        <v>1</v>
      </c>
      <c r="C95944" s="14" t="s">
        <v>59</v>
      </c>
      <c r="D95944" s="14" t="s">
        <v>94</v>
      </c>
      <c r="E95944" s="15">
        <v>45690</v>
      </c>
      <c r="F95944" s="14" t="s">
        <v>15</v>
      </c>
      <c r="G95944" s="16">
        <v>0.15838964757418394</v>
      </c>
    </row>
    <row r="95945" spans="1:7" x14ac:dyDescent="0.3">
      <c r="A95945" s="13" t="s">
        <v>476</v>
      </c>
      <c r="B95945" s="14" t="s">
        <v>1</v>
      </c>
      <c r="C95945" s="14" t="s">
        <v>59</v>
      </c>
      <c r="D95945" s="14" t="s">
        <v>94</v>
      </c>
      <c r="E95945" s="15">
        <v>45691</v>
      </c>
      <c r="F95945" s="14" t="s">
        <v>15</v>
      </c>
      <c r="G95945" s="16">
        <v>0.15838964757418394</v>
      </c>
    </row>
    <row r="95946" spans="1:7" x14ac:dyDescent="0.3">
      <c r="A95946" s="13" t="s">
        <v>476</v>
      </c>
      <c r="B95946" s="14" t="s">
        <v>1</v>
      </c>
      <c r="C95946" s="14" t="s">
        <v>59</v>
      </c>
      <c r="D95946" s="14" t="s">
        <v>94</v>
      </c>
      <c r="E95946" s="15">
        <v>45692</v>
      </c>
      <c r="F95946" s="14" t="s">
        <v>15</v>
      </c>
      <c r="G95946" s="16">
        <v>0.1550628335799191</v>
      </c>
    </row>
    <row r="95947" spans="1:7" x14ac:dyDescent="0.3">
      <c r="A95947" s="13" t="s">
        <v>476</v>
      </c>
      <c r="B95947" s="14" t="s">
        <v>1</v>
      </c>
      <c r="C95947" s="14" t="s">
        <v>59</v>
      </c>
      <c r="D95947" s="14" t="s">
        <v>94</v>
      </c>
      <c r="E95947" s="15">
        <v>45693</v>
      </c>
      <c r="F95947" s="14" t="s">
        <v>15</v>
      </c>
      <c r="G95947" s="16">
        <v>0.18848389166178822</v>
      </c>
    </row>
    <row r="95948" spans="1:7" x14ac:dyDescent="0.3">
      <c r="A95948" s="13" t="s">
        <v>476</v>
      </c>
      <c r="B95948" s="14" t="s">
        <v>1</v>
      </c>
      <c r="C95948" s="14" t="s">
        <v>59</v>
      </c>
      <c r="D95948" s="14" t="s">
        <v>94</v>
      </c>
      <c r="E95948" s="15">
        <v>45694</v>
      </c>
      <c r="F95948" s="14" t="s">
        <v>15</v>
      </c>
      <c r="G95948" s="16">
        <v>0.18516188321393579</v>
      </c>
    </row>
    <row r="95949" spans="1:7" x14ac:dyDescent="0.3">
      <c r="A95949" s="13" t="s">
        <v>476</v>
      </c>
      <c r="B95949" s="14" t="s">
        <v>1</v>
      </c>
      <c r="C95949" s="14" t="s">
        <v>59</v>
      </c>
      <c r="D95949" s="14" t="s">
        <v>94</v>
      </c>
      <c r="E95949" s="15">
        <v>45695</v>
      </c>
      <c r="F95949" s="14" t="s">
        <v>15</v>
      </c>
      <c r="G95949" s="16">
        <v>0.19966265703252647</v>
      </c>
    </row>
    <row r="95950" spans="1:7" x14ac:dyDescent="0.3">
      <c r="A95950" s="13" t="s">
        <v>476</v>
      </c>
      <c r="B95950" s="14" t="s">
        <v>1</v>
      </c>
      <c r="C95950" s="14" t="s">
        <v>59</v>
      </c>
      <c r="D95950" s="14" t="s">
        <v>94</v>
      </c>
      <c r="E95950" s="15">
        <v>45696</v>
      </c>
      <c r="F95950" s="14" t="s">
        <v>15</v>
      </c>
      <c r="G95950" s="16">
        <v>0.19966265703252647</v>
      </c>
    </row>
    <row r="95951" spans="1:7" x14ac:dyDescent="0.3">
      <c r="A95951" s="13" t="s">
        <v>476</v>
      </c>
      <c r="B95951" s="14" t="s">
        <v>1</v>
      </c>
      <c r="C95951" s="14" t="s">
        <v>59</v>
      </c>
      <c r="D95951" s="14" t="s">
        <v>94</v>
      </c>
      <c r="E95951" s="15">
        <v>45697</v>
      </c>
      <c r="F95951" s="14" t="s">
        <v>15</v>
      </c>
      <c r="G95951" s="16">
        <v>0.19966265703252647</v>
      </c>
    </row>
    <row r="95952" spans="1:7" x14ac:dyDescent="0.3">
      <c r="A95952" s="13" t="s">
        <v>476</v>
      </c>
      <c r="B95952" s="14" t="s">
        <v>1</v>
      </c>
      <c r="C95952" s="14" t="s">
        <v>59</v>
      </c>
      <c r="D95952" s="14" t="s">
        <v>94</v>
      </c>
      <c r="E95952" s="15">
        <v>45698</v>
      </c>
      <c r="F95952" s="14" t="s">
        <v>15</v>
      </c>
      <c r="G95952" s="16">
        <v>0.19632185041782546</v>
      </c>
    </row>
    <row r="95953" spans="1:7" x14ac:dyDescent="0.3">
      <c r="A95953" s="13" t="s">
        <v>476</v>
      </c>
      <c r="B95953" s="14" t="s">
        <v>1</v>
      </c>
      <c r="C95953" s="14" t="s">
        <v>59</v>
      </c>
      <c r="D95953" s="14" t="s">
        <v>94</v>
      </c>
      <c r="E95953" s="15">
        <v>45699</v>
      </c>
      <c r="F95953" s="14" t="s">
        <v>15</v>
      </c>
      <c r="G95953" s="16">
        <v>0.18628795149416968</v>
      </c>
    </row>
    <row r="95954" spans="1:7" x14ac:dyDescent="0.3">
      <c r="A95954" s="13" t="s">
        <v>476</v>
      </c>
      <c r="B95954" s="14" t="s">
        <v>1</v>
      </c>
      <c r="C95954" s="14" t="s">
        <v>59</v>
      </c>
      <c r="D95954" s="14" t="s">
        <v>94</v>
      </c>
      <c r="E95954" s="15">
        <v>45700</v>
      </c>
      <c r="F95954" s="14" t="s">
        <v>15</v>
      </c>
      <c r="G95954" s="16">
        <v>0.18295538479559076</v>
      </c>
    </row>
    <row r="95955" spans="1:7" x14ac:dyDescent="0.3">
      <c r="A95955" s="13" t="s">
        <v>476</v>
      </c>
      <c r="B95955" s="14" t="s">
        <v>1</v>
      </c>
      <c r="C95955" s="14" t="s">
        <v>59</v>
      </c>
      <c r="D95955" s="14" t="s">
        <v>94</v>
      </c>
      <c r="E95955" s="15">
        <v>45701</v>
      </c>
      <c r="F95955" s="14" t="s">
        <v>15</v>
      </c>
      <c r="G95955" s="16">
        <v>0.17962169421074323</v>
      </c>
    </row>
    <row r="95956" spans="1:7" x14ac:dyDescent="0.3">
      <c r="A95956" s="13" t="s">
        <v>476</v>
      </c>
      <c r="B95956" s="14" t="s">
        <v>1</v>
      </c>
      <c r="C95956" s="14" t="s">
        <v>59</v>
      </c>
      <c r="D95956" s="14" t="s">
        <v>94</v>
      </c>
      <c r="E95956" s="15">
        <v>45702</v>
      </c>
      <c r="F95956" s="14" t="s">
        <v>15</v>
      </c>
      <c r="G95956" s="16">
        <v>0.17630542386305859</v>
      </c>
    </row>
    <row r="95957" spans="1:7" x14ac:dyDescent="0.3">
      <c r="A95957" s="13" t="s">
        <v>476</v>
      </c>
      <c r="B95957" s="14" t="s">
        <v>1</v>
      </c>
      <c r="C95957" s="14" t="s">
        <v>59</v>
      </c>
      <c r="D95957" s="14" t="s">
        <v>94</v>
      </c>
      <c r="E95957" s="15">
        <v>45703</v>
      </c>
      <c r="F95957" s="14" t="s">
        <v>15</v>
      </c>
      <c r="G95957" s="16">
        <v>0.17630542386305859</v>
      </c>
    </row>
    <row r="95958" spans="1:7" x14ac:dyDescent="0.3">
      <c r="A95958" s="13" t="s">
        <v>476</v>
      </c>
      <c r="B95958" s="14" t="s">
        <v>1</v>
      </c>
      <c r="C95958" s="14" t="s">
        <v>59</v>
      </c>
      <c r="D95958" s="14" t="s">
        <v>94</v>
      </c>
      <c r="E95958" s="15">
        <v>45704</v>
      </c>
      <c r="F95958" s="14" t="s">
        <v>15</v>
      </c>
      <c r="G95958" s="16">
        <v>0.17630542386305859</v>
      </c>
    </row>
    <row r="95959" spans="1:7" x14ac:dyDescent="0.3">
      <c r="A95959" s="13" t="s">
        <v>476</v>
      </c>
      <c r="B95959" s="14" t="s">
        <v>1</v>
      </c>
      <c r="C95959" s="14" t="s">
        <v>59</v>
      </c>
      <c r="D95959" s="14" t="s">
        <v>94</v>
      </c>
      <c r="E95959" s="15">
        <v>45705</v>
      </c>
      <c r="F95959" s="14" t="s">
        <v>15</v>
      </c>
      <c r="G95959" s="16">
        <v>0.1729636588953494</v>
      </c>
    </row>
    <row r="95960" spans="1:7" x14ac:dyDescent="0.3">
      <c r="A95960" s="13" t="s">
        <v>476</v>
      </c>
      <c r="B95960" s="14" t="s">
        <v>1</v>
      </c>
      <c r="C95960" s="14" t="s">
        <v>59</v>
      </c>
      <c r="D95960" s="14" t="s">
        <v>94</v>
      </c>
      <c r="E95960" s="15">
        <v>45706</v>
      </c>
      <c r="F95960" s="14" t="s">
        <v>15</v>
      </c>
      <c r="G95960" s="16">
        <v>0.16284701996267337</v>
      </c>
    </row>
    <row r="95961" spans="1:7" x14ac:dyDescent="0.3">
      <c r="A95961" s="13" t="s">
        <v>476</v>
      </c>
      <c r="B95961" s="14" t="s">
        <v>1</v>
      </c>
      <c r="C95961" s="14" t="s">
        <v>59</v>
      </c>
      <c r="D95961" s="14" t="s">
        <v>94</v>
      </c>
      <c r="E95961" s="15">
        <v>45707</v>
      </c>
      <c r="F95961" s="14" t="s">
        <v>15</v>
      </c>
      <c r="G95961" s="16">
        <v>0.16541896269756795</v>
      </c>
    </row>
    <row r="95962" spans="1:7" x14ac:dyDescent="0.3">
      <c r="A95962" s="13" t="s">
        <v>476</v>
      </c>
      <c r="B95962" s="14" t="s">
        <v>1</v>
      </c>
      <c r="C95962" s="14" t="s">
        <v>59</v>
      </c>
      <c r="D95962" s="14" t="s">
        <v>94</v>
      </c>
      <c r="E95962" s="15">
        <v>45708</v>
      </c>
      <c r="F95962" s="14" t="s">
        <v>15</v>
      </c>
      <c r="G95962" s="16">
        <v>0.16206086696536079</v>
      </c>
    </row>
    <row r="95963" spans="1:7" x14ac:dyDescent="0.3">
      <c r="A95963" s="13" t="s">
        <v>476</v>
      </c>
      <c r="B95963" s="14" t="s">
        <v>1</v>
      </c>
      <c r="C95963" s="14" t="s">
        <v>59</v>
      </c>
      <c r="D95963" s="14" t="s">
        <v>94</v>
      </c>
      <c r="E95963" s="15">
        <v>45709</v>
      </c>
      <c r="F95963" s="14" t="s">
        <v>15</v>
      </c>
      <c r="G95963" s="16">
        <v>0.15870403827522678</v>
      </c>
    </row>
    <row r="95964" spans="1:7" x14ac:dyDescent="0.3">
      <c r="A95964" s="13" t="s">
        <v>476</v>
      </c>
      <c r="B95964" s="14" t="s">
        <v>1</v>
      </c>
      <c r="C95964" s="14" t="s">
        <v>59</v>
      </c>
      <c r="D95964" s="14" t="s">
        <v>94</v>
      </c>
      <c r="E95964" s="15">
        <v>45710</v>
      </c>
      <c r="F95964" s="14" t="s">
        <v>15</v>
      </c>
      <c r="G95964" s="16">
        <v>0.15870403827522678</v>
      </c>
    </row>
    <row r="95965" spans="1:7" x14ac:dyDescent="0.3">
      <c r="A95965" s="13" t="s">
        <v>476</v>
      </c>
      <c r="B95965" s="14" t="s">
        <v>1</v>
      </c>
      <c r="C95965" s="14" t="s">
        <v>59</v>
      </c>
      <c r="D95965" s="14" t="s">
        <v>94</v>
      </c>
      <c r="E95965" s="15">
        <v>45711</v>
      </c>
      <c r="F95965" s="14" t="s">
        <v>15</v>
      </c>
      <c r="G95965" s="16">
        <v>0.15870403827522678</v>
      </c>
    </row>
    <row r="95966" spans="1:7" x14ac:dyDescent="0.3">
      <c r="A95966" s="13" t="s">
        <v>476</v>
      </c>
      <c r="B95966" s="14" t="s">
        <v>1</v>
      </c>
      <c r="C95966" s="14" t="s">
        <v>59</v>
      </c>
      <c r="D95966" s="14" t="s">
        <v>94</v>
      </c>
      <c r="E95966" s="15">
        <v>45712</v>
      </c>
      <c r="F95966" s="14" t="s">
        <v>15</v>
      </c>
      <c r="G95966" s="16">
        <v>0.1697760031488659</v>
      </c>
    </row>
    <row r="95967" spans="1:7" x14ac:dyDescent="0.3">
      <c r="A95967" s="13" t="s">
        <v>476</v>
      </c>
      <c r="B95967" s="14" t="s">
        <v>1</v>
      </c>
      <c r="C95967" s="14" t="s">
        <v>59</v>
      </c>
      <c r="D95967" s="14" t="s">
        <v>94</v>
      </c>
      <c r="E95967" s="15">
        <v>45713</v>
      </c>
      <c r="F95967" s="14" t="s">
        <v>15</v>
      </c>
      <c r="G95967" s="16">
        <v>0.1596564077846859</v>
      </c>
    </row>
    <row r="95968" spans="1:7" x14ac:dyDescent="0.3">
      <c r="A95968" s="13" t="s">
        <v>476</v>
      </c>
      <c r="B95968" s="14" t="s">
        <v>1</v>
      </c>
      <c r="C95968" s="14" t="s">
        <v>59</v>
      </c>
      <c r="D95968" s="14" t="s">
        <v>94</v>
      </c>
      <c r="E95968" s="15">
        <v>45714</v>
      </c>
      <c r="F95968" s="14" t="s">
        <v>15</v>
      </c>
      <c r="G95968" s="16">
        <v>0.15631872550810122</v>
      </c>
    </row>
    <row r="95969" spans="1:7" x14ac:dyDescent="0.3">
      <c r="A95969" s="13" t="s">
        <v>476</v>
      </c>
      <c r="B95969" s="14" t="s">
        <v>1</v>
      </c>
      <c r="C95969" s="14" t="s">
        <v>59</v>
      </c>
      <c r="D95969" s="14" t="s">
        <v>94</v>
      </c>
      <c r="E95969" s="15">
        <v>45715</v>
      </c>
      <c r="F95969" s="14" t="s">
        <v>15</v>
      </c>
      <c r="G95969" s="16">
        <v>0.15299878182054022</v>
      </c>
    </row>
    <row r="95970" spans="1:7" x14ac:dyDescent="0.3">
      <c r="A95970" s="13" t="s">
        <v>476</v>
      </c>
      <c r="B95970" s="14" t="s">
        <v>1</v>
      </c>
      <c r="C95970" s="14" t="s">
        <v>59</v>
      </c>
      <c r="D95970" s="14" t="s">
        <v>94</v>
      </c>
      <c r="E95970" s="15">
        <v>45716</v>
      </c>
      <c r="F95970" s="14" t="s">
        <v>15</v>
      </c>
      <c r="G95970" s="16">
        <v>0.14965335650906428</v>
      </c>
    </row>
    <row r="95971" spans="1:7" x14ac:dyDescent="0.3">
      <c r="A95971" s="13" t="s">
        <v>476</v>
      </c>
      <c r="B95971" s="14" t="s">
        <v>1</v>
      </c>
      <c r="C95971" s="14" t="s">
        <v>59</v>
      </c>
      <c r="D95971" s="14" t="s">
        <v>94</v>
      </c>
      <c r="E95971" s="15">
        <v>45717</v>
      </c>
      <c r="F95971" s="14" t="s">
        <v>15</v>
      </c>
      <c r="G95971" s="16">
        <v>0.14965335650906428</v>
      </c>
    </row>
    <row r="95972" spans="1:7" x14ac:dyDescent="0.3">
      <c r="A95972" s="13" t="s">
        <v>476</v>
      </c>
      <c r="B95972" s="14" t="s">
        <v>1</v>
      </c>
      <c r="C95972" s="14" t="s">
        <v>59</v>
      </c>
      <c r="D95972" s="14" t="s">
        <v>94</v>
      </c>
      <c r="E95972" s="15">
        <v>45718</v>
      </c>
      <c r="F95972" s="14" t="s">
        <v>15</v>
      </c>
      <c r="G95972" s="16">
        <v>0.14965335650906428</v>
      </c>
    </row>
    <row r="95973" spans="1:7" x14ac:dyDescent="0.3">
      <c r="A95973" s="13" t="s">
        <v>476</v>
      </c>
      <c r="B95973" s="14" t="s">
        <v>1</v>
      </c>
      <c r="C95973" s="14" t="s">
        <v>59</v>
      </c>
      <c r="D95973" s="14" t="s">
        <v>94</v>
      </c>
      <c r="E95973" s="15">
        <v>45719</v>
      </c>
      <c r="F95973" s="14" t="s">
        <v>15</v>
      </c>
      <c r="G95973" s="16">
        <v>0.14632186866039265</v>
      </c>
    </row>
    <row r="95974" spans="1:7" x14ac:dyDescent="0.3">
      <c r="A95974" s="13" t="s">
        <v>476</v>
      </c>
      <c r="B95974" s="14" t="s">
        <v>1</v>
      </c>
      <c r="C95974" s="14" t="s">
        <v>59</v>
      </c>
      <c r="D95974" s="14" t="s">
        <v>94</v>
      </c>
      <c r="E95974" s="15">
        <v>45720</v>
      </c>
      <c r="F95974" s="14" t="s">
        <v>15</v>
      </c>
      <c r="G95974" s="16">
        <v>0.13953431238361028</v>
      </c>
    </row>
    <row r="95975" spans="1:7" x14ac:dyDescent="0.3">
      <c r="A95975" s="13" t="s">
        <v>476</v>
      </c>
      <c r="B95975" s="14" t="s">
        <v>1</v>
      </c>
      <c r="C95975" s="14" t="s">
        <v>59</v>
      </c>
      <c r="D95975" s="14" t="s">
        <v>94</v>
      </c>
      <c r="E95975" s="15">
        <v>45721</v>
      </c>
      <c r="F95975" s="14" t="s">
        <v>15</v>
      </c>
      <c r="G95975" s="16">
        <v>0.13620183905777067</v>
      </c>
    </row>
    <row r="95976" spans="1:7" x14ac:dyDescent="0.3">
      <c r="A95976" s="13" t="s">
        <v>476</v>
      </c>
      <c r="B95976" s="14" t="s">
        <v>1</v>
      </c>
      <c r="C95976" s="14" t="s">
        <v>59</v>
      </c>
      <c r="D95976" s="14" t="s">
        <v>94</v>
      </c>
      <c r="E95976" s="15">
        <v>45722</v>
      </c>
      <c r="F95976" s="14" t="s">
        <v>15</v>
      </c>
      <c r="G95976" s="16">
        <v>0.13291680941844672</v>
      </c>
    </row>
    <row r="95977" spans="1:7" x14ac:dyDescent="0.3">
      <c r="A95977" s="13" t="s">
        <v>476</v>
      </c>
      <c r="B95977" s="14" t="s">
        <v>1</v>
      </c>
      <c r="C95977" s="14" t="s">
        <v>59</v>
      </c>
      <c r="D95977" s="14" t="s">
        <v>94</v>
      </c>
      <c r="E95977" s="15">
        <v>45723</v>
      </c>
      <c r="F95977" s="14" t="s">
        <v>15</v>
      </c>
      <c r="G95977" s="16">
        <v>0.1296284010002611</v>
      </c>
    </row>
    <row r="95978" spans="1:7" x14ac:dyDescent="0.3">
      <c r="A95978" s="13" t="s">
        <v>476</v>
      </c>
      <c r="B95978" s="14" t="s">
        <v>1</v>
      </c>
      <c r="C95978" s="14" t="s">
        <v>59</v>
      </c>
      <c r="D95978" s="14" t="s">
        <v>94</v>
      </c>
      <c r="E95978" s="15">
        <v>45724</v>
      </c>
      <c r="F95978" s="14" t="s">
        <v>15</v>
      </c>
      <c r="G95978" s="16">
        <v>0.1296284010002611</v>
      </c>
    </row>
    <row r="95979" spans="1:7" x14ac:dyDescent="0.3">
      <c r="A95979" s="13" t="s">
        <v>476</v>
      </c>
      <c r="B95979" s="14" t="s">
        <v>1</v>
      </c>
      <c r="C95979" s="14" t="s">
        <v>59</v>
      </c>
      <c r="D95979" s="14" t="s">
        <v>94</v>
      </c>
      <c r="E95979" s="15">
        <v>45725</v>
      </c>
      <c r="F95979" s="14" t="s">
        <v>15</v>
      </c>
      <c r="G95979" s="16">
        <v>0.1296284010002611</v>
      </c>
    </row>
    <row r="95980" spans="1:7" x14ac:dyDescent="0.3">
      <c r="A95980" s="13" t="s">
        <v>476</v>
      </c>
      <c r="B95980" s="14" t="s">
        <v>1</v>
      </c>
      <c r="C95980" s="14" t="s">
        <v>59</v>
      </c>
      <c r="D95980" s="14" t="s">
        <v>94</v>
      </c>
      <c r="E95980" s="15">
        <v>45726</v>
      </c>
      <c r="F95980" s="14" t="s">
        <v>15</v>
      </c>
      <c r="G95980" s="16">
        <v>0.12633224954718422</v>
      </c>
    </row>
    <row r="95981" spans="1:7" x14ac:dyDescent="0.3">
      <c r="A95981" s="13" t="s">
        <v>476</v>
      </c>
      <c r="B95981" s="14" t="s">
        <v>1</v>
      </c>
      <c r="C95981" s="14" t="s">
        <v>59</v>
      </c>
      <c r="D95981" s="14" t="s">
        <v>94</v>
      </c>
      <c r="E95981" s="15">
        <v>45727</v>
      </c>
      <c r="F95981" s="14" t="s">
        <v>15</v>
      </c>
      <c r="G95981" s="16">
        <v>0.11645705252066364</v>
      </c>
    </row>
    <row r="95982" spans="1:7" x14ac:dyDescent="0.3">
      <c r="A95982" s="13" t="s">
        <v>476</v>
      </c>
      <c r="B95982" s="14" t="s">
        <v>1</v>
      </c>
      <c r="C95982" s="14" t="s">
        <v>59</v>
      </c>
      <c r="D95982" s="14" t="s">
        <v>94</v>
      </c>
      <c r="E95982" s="15">
        <v>45728</v>
      </c>
      <c r="F95982" s="14" t="s">
        <v>15</v>
      </c>
      <c r="G95982" s="16">
        <v>0.11319215477205702</v>
      </c>
    </row>
    <row r="95983" spans="1:7" x14ac:dyDescent="0.3">
      <c r="A95983" s="13" t="s">
        <v>476</v>
      </c>
      <c r="B95983" s="14" t="s">
        <v>1</v>
      </c>
      <c r="C95983" s="14" t="s">
        <v>59</v>
      </c>
      <c r="D95983" s="14" t="s">
        <v>94</v>
      </c>
      <c r="E95983" s="15">
        <v>45729</v>
      </c>
      <c r="F95983" s="14" t="s">
        <v>15</v>
      </c>
      <c r="G95983" s="16">
        <v>0.1099813174852368</v>
      </c>
    </row>
    <row r="95984" spans="1:7" x14ac:dyDescent="0.3">
      <c r="A95984" s="13" t="s">
        <v>476</v>
      </c>
      <c r="B95984" s="14" t="s">
        <v>1</v>
      </c>
      <c r="C95984" s="14" t="s">
        <v>59</v>
      </c>
      <c r="D95984" s="14" t="s">
        <v>94</v>
      </c>
      <c r="E95984" s="15">
        <v>45730</v>
      </c>
      <c r="F95984" s="14" t="s">
        <v>15</v>
      </c>
      <c r="G95984" s="16">
        <v>0.12420160034567132</v>
      </c>
    </row>
    <row r="95985" spans="1:7" x14ac:dyDescent="0.3">
      <c r="A95985" s="13" t="s">
        <v>476</v>
      </c>
      <c r="B95985" s="14" t="s">
        <v>1</v>
      </c>
      <c r="C95985" s="14" t="s">
        <v>59</v>
      </c>
      <c r="D95985" s="14" t="s">
        <v>94</v>
      </c>
      <c r="E95985" s="15">
        <v>45731</v>
      </c>
      <c r="F95985" s="14" t="s">
        <v>15</v>
      </c>
      <c r="G95985" s="16">
        <v>0.12420160034567132</v>
      </c>
    </row>
    <row r="95986" spans="1:7" x14ac:dyDescent="0.3">
      <c r="A95986" s="13" t="s">
        <v>476</v>
      </c>
      <c r="B95986" s="14" t="s">
        <v>1</v>
      </c>
      <c r="C95986" s="14" t="s">
        <v>59</v>
      </c>
      <c r="D95986" s="14" t="s">
        <v>94</v>
      </c>
      <c r="E95986" s="15">
        <v>45732</v>
      </c>
      <c r="F95986" s="14" t="s">
        <v>15</v>
      </c>
      <c r="G95986" s="16">
        <v>0.12420160034567132</v>
      </c>
    </row>
    <row r="95987" spans="1:7" x14ac:dyDescent="0.3">
      <c r="A95987" s="13" t="s">
        <v>476</v>
      </c>
      <c r="B95987" s="14" t="s">
        <v>1</v>
      </c>
      <c r="C95987" s="14" t="s">
        <v>59</v>
      </c>
      <c r="D95987" s="14" t="s">
        <v>94</v>
      </c>
      <c r="E95987" s="15">
        <v>45733</v>
      </c>
      <c r="F95987" s="14" t="s">
        <v>15</v>
      </c>
      <c r="G95987" s="16">
        <v>0.12420160034567132</v>
      </c>
    </row>
    <row r="95988" spans="1:7" x14ac:dyDescent="0.3">
      <c r="A95988" s="13" t="s">
        <v>476</v>
      </c>
      <c r="B95988" s="14" t="s">
        <v>1</v>
      </c>
      <c r="C95988" s="14" t="s">
        <v>59</v>
      </c>
      <c r="D95988" s="14" t="s">
        <v>94</v>
      </c>
      <c r="E95988" s="15">
        <v>45734</v>
      </c>
      <c r="F95988" s="14" t="s">
        <v>15</v>
      </c>
      <c r="G95988" s="16">
        <v>0.12099414183771276</v>
      </c>
    </row>
    <row r="95989" spans="1:7" x14ac:dyDescent="0.3">
      <c r="A95989" s="13" t="s">
        <v>476</v>
      </c>
      <c r="B95989" s="14" t="s">
        <v>1</v>
      </c>
      <c r="C95989" s="14" t="s">
        <v>59</v>
      </c>
      <c r="D95989" s="14" t="s">
        <v>94</v>
      </c>
      <c r="E95989" s="15">
        <v>45735</v>
      </c>
      <c r="F95989" s="14" t="s">
        <v>15</v>
      </c>
      <c r="G95989" s="16">
        <v>0.107996671578122</v>
      </c>
    </row>
    <row r="95990" spans="1:7" x14ac:dyDescent="0.3">
      <c r="A95990" s="13" t="s">
        <v>476</v>
      </c>
      <c r="B95990" s="14" t="s">
        <v>1</v>
      </c>
      <c r="C95990" s="14" t="s">
        <v>59</v>
      </c>
      <c r="D95990" s="14" t="s">
        <v>94</v>
      </c>
      <c r="E95990" s="15">
        <v>45736</v>
      </c>
      <c r="F95990" s="14" t="s">
        <v>15</v>
      </c>
      <c r="G95990" s="16">
        <v>0.10475289119740069</v>
      </c>
    </row>
    <row r="95991" spans="1:7" x14ac:dyDescent="0.3">
      <c r="A95991" s="13" t="s">
        <v>476</v>
      </c>
      <c r="B95991" s="14" t="s">
        <v>1</v>
      </c>
      <c r="C95991" s="14" t="s">
        <v>59</v>
      </c>
      <c r="D95991" s="14" t="s">
        <v>94</v>
      </c>
      <c r="E95991" s="15">
        <v>45737</v>
      </c>
      <c r="F95991" s="14" t="s">
        <v>15</v>
      </c>
      <c r="G95991" s="16">
        <v>0.13054887043784968</v>
      </c>
    </row>
    <row r="95992" spans="1:7" x14ac:dyDescent="0.3">
      <c r="A95992" s="13" t="s">
        <v>476</v>
      </c>
      <c r="B95992" s="14" t="s">
        <v>1</v>
      </c>
      <c r="C95992" s="14" t="s">
        <v>59</v>
      </c>
      <c r="D95992" s="14" t="s">
        <v>94</v>
      </c>
      <c r="E95992" s="15">
        <v>45738</v>
      </c>
      <c r="F95992" s="14" t="s">
        <v>15</v>
      </c>
      <c r="G95992" s="16">
        <v>0.13054887043784968</v>
      </c>
    </row>
    <row r="95993" spans="1:7" x14ac:dyDescent="0.3">
      <c r="A95993" s="13" t="s">
        <v>476</v>
      </c>
      <c r="B95993" s="14" t="s">
        <v>1</v>
      </c>
      <c r="C95993" s="14" t="s">
        <v>59</v>
      </c>
      <c r="D95993" s="14" t="s">
        <v>94</v>
      </c>
      <c r="E95993" s="15">
        <v>45739</v>
      </c>
      <c r="F95993" s="14" t="s">
        <v>15</v>
      </c>
      <c r="G95993" s="16">
        <v>0.13054887043784968</v>
      </c>
    </row>
    <row r="95994" spans="1:7" x14ac:dyDescent="0.3">
      <c r="A95994" s="13" t="s">
        <v>476</v>
      </c>
      <c r="B95994" s="14" t="s">
        <v>1</v>
      </c>
      <c r="C95994" s="14" t="s">
        <v>59</v>
      </c>
      <c r="D95994" s="14" t="s">
        <v>94</v>
      </c>
      <c r="E95994" s="15">
        <v>45740</v>
      </c>
      <c r="F95994" s="14" t="s">
        <v>15</v>
      </c>
      <c r="G95994" s="16">
        <v>0.1272928419837549</v>
      </c>
    </row>
    <row r="95995" spans="1:7" x14ac:dyDescent="0.3">
      <c r="A95995" s="13" t="s">
        <v>476</v>
      </c>
      <c r="B95995" s="14" t="s">
        <v>1</v>
      </c>
      <c r="C95995" s="14" t="s">
        <v>59</v>
      </c>
      <c r="D95995" s="14" t="s">
        <v>94</v>
      </c>
      <c r="E95995" s="15">
        <v>45741</v>
      </c>
      <c r="F95995" s="14" t="s">
        <v>15</v>
      </c>
      <c r="G95995" s="16">
        <v>0.11750971668121428</v>
      </c>
    </row>
    <row r="95996" spans="1:7" x14ac:dyDescent="0.3">
      <c r="A95996" s="13" t="s">
        <v>476</v>
      </c>
      <c r="B95996" s="14" t="s">
        <v>1</v>
      </c>
      <c r="C95996" s="14" t="s">
        <v>59</v>
      </c>
      <c r="D95996" s="14" t="s">
        <v>94</v>
      </c>
      <c r="E95996" s="15">
        <v>45742</v>
      </c>
      <c r="F95996" s="14" t="s">
        <v>15</v>
      </c>
      <c r="G95996" s="16">
        <v>0.11424172171865116</v>
      </c>
    </row>
    <row r="95997" spans="1:7" x14ac:dyDescent="0.3">
      <c r="A95997" s="13" t="s">
        <v>476</v>
      </c>
      <c r="B95997" s="14" t="s">
        <v>1</v>
      </c>
      <c r="C95997" s="14" t="s">
        <v>59</v>
      </c>
      <c r="D95997" s="14" t="s">
        <v>94</v>
      </c>
      <c r="E95997" s="15">
        <v>45743</v>
      </c>
      <c r="F95997" s="14" t="s">
        <v>15</v>
      </c>
      <c r="G95997" s="16">
        <v>0.11097302284382518</v>
      </c>
    </row>
    <row r="95998" spans="1:7" x14ac:dyDescent="0.3">
      <c r="A95998" s="13" t="s">
        <v>476</v>
      </c>
      <c r="B95998" s="14" t="s">
        <v>1</v>
      </c>
      <c r="C95998" s="14" t="s">
        <v>59</v>
      </c>
      <c r="D95998" s="14" t="s">
        <v>94</v>
      </c>
      <c r="E95998" s="15">
        <v>45744</v>
      </c>
      <c r="F95998" s="14" t="s">
        <v>15</v>
      </c>
      <c r="G95998" s="16">
        <v>0.10771277091615333</v>
      </c>
    </row>
    <row r="95999" spans="1:7" x14ac:dyDescent="0.3">
      <c r="A95999" s="13" t="s">
        <v>476</v>
      </c>
      <c r="B95999" s="14" t="s">
        <v>1</v>
      </c>
      <c r="C95999" s="14" t="s">
        <v>59</v>
      </c>
      <c r="D95999" s="14" t="s">
        <v>94</v>
      </c>
      <c r="E95999" s="15">
        <v>45745</v>
      </c>
      <c r="F95999" s="14" t="s">
        <v>15</v>
      </c>
      <c r="G95999" s="16">
        <v>0.10771277091615333</v>
      </c>
    </row>
    <row r="96000" spans="1:7" x14ac:dyDescent="0.3">
      <c r="A96000" s="13" t="s">
        <v>476</v>
      </c>
      <c r="B96000" s="14" t="s">
        <v>1</v>
      </c>
      <c r="C96000" s="14" t="s">
        <v>59</v>
      </c>
      <c r="D96000" s="14" t="s">
        <v>94</v>
      </c>
      <c r="E96000" s="15">
        <v>45746</v>
      </c>
      <c r="F96000" s="14" t="s">
        <v>15</v>
      </c>
      <c r="G96000" s="16">
        <v>0.10771277091615333</v>
      </c>
    </row>
    <row r="96001" spans="1:7" x14ac:dyDescent="0.3">
      <c r="A96001" s="13" t="s">
        <v>476</v>
      </c>
      <c r="B96001" s="14" t="s">
        <v>1</v>
      </c>
      <c r="C96001" s="14" t="s">
        <v>59</v>
      </c>
      <c r="D96001" s="14" t="s">
        <v>94</v>
      </c>
      <c r="E96001" s="15">
        <v>45747</v>
      </c>
      <c r="F96001" s="14" t="s">
        <v>15</v>
      </c>
      <c r="G96001" s="16">
        <v>0.10445589776734315</v>
      </c>
    </row>
    <row r="96002" spans="1:7" x14ac:dyDescent="0.3">
      <c r="A96002" s="13" t="s">
        <v>477</v>
      </c>
      <c r="B96002" s="14" t="s">
        <v>1</v>
      </c>
      <c r="C96002" s="14" t="s">
        <v>200</v>
      </c>
      <c r="D96002" s="14" t="s">
        <v>176</v>
      </c>
      <c r="E96002" s="15">
        <v>45383</v>
      </c>
      <c r="F96002" s="14" t="s">
        <v>61</v>
      </c>
      <c r="G96002" s="16">
        <v>0</v>
      </c>
    </row>
    <row r="96003" spans="1:7" x14ac:dyDescent="0.3">
      <c r="A96003" s="13" t="s">
        <v>477</v>
      </c>
      <c r="B96003" s="14" t="s">
        <v>1</v>
      </c>
      <c r="C96003" s="14" t="s">
        <v>200</v>
      </c>
      <c r="D96003" s="14" t="s">
        <v>176</v>
      </c>
      <c r="E96003" s="15">
        <v>45384</v>
      </c>
      <c r="F96003" s="14" t="s">
        <v>61</v>
      </c>
      <c r="G96003" s="16">
        <v>0</v>
      </c>
    </row>
    <row r="96004" spans="1:7" x14ac:dyDescent="0.3">
      <c r="A96004" s="13" t="s">
        <v>477</v>
      </c>
      <c r="B96004" s="14" t="s">
        <v>1</v>
      </c>
      <c r="C96004" s="14" t="s">
        <v>200</v>
      </c>
      <c r="D96004" s="14" t="s">
        <v>176</v>
      </c>
      <c r="E96004" s="15">
        <v>45385</v>
      </c>
      <c r="F96004" s="14" t="s">
        <v>61</v>
      </c>
      <c r="G96004" s="16">
        <v>3.9417014187267792E-2</v>
      </c>
    </row>
    <row r="96005" spans="1:7" x14ac:dyDescent="0.3">
      <c r="A96005" s="13" t="s">
        <v>477</v>
      </c>
      <c r="B96005" s="14" t="s">
        <v>1</v>
      </c>
      <c r="C96005" s="14" t="s">
        <v>200</v>
      </c>
      <c r="D96005" s="14" t="s">
        <v>176</v>
      </c>
      <c r="E96005" s="15">
        <v>45386</v>
      </c>
      <c r="F96005" s="14" t="s">
        <v>61</v>
      </c>
      <c r="G96005" s="16">
        <v>4.9984499936640267E-2</v>
      </c>
    </row>
    <row r="96006" spans="1:7" x14ac:dyDescent="0.3">
      <c r="A96006" s="13" t="s">
        <v>477</v>
      </c>
      <c r="B96006" s="14" t="s">
        <v>1</v>
      </c>
      <c r="C96006" s="14" t="s">
        <v>200</v>
      </c>
      <c r="D96006" s="14" t="s">
        <v>176</v>
      </c>
      <c r="E96006" s="15">
        <v>45387</v>
      </c>
      <c r="F96006" s="14" t="s">
        <v>61</v>
      </c>
      <c r="G96006" s="16">
        <v>5.8418608229676004E-2</v>
      </c>
    </row>
    <row r="96007" spans="1:7" x14ac:dyDescent="0.3">
      <c r="A96007" s="13" t="s">
        <v>477</v>
      </c>
      <c r="B96007" s="14" t="s">
        <v>1</v>
      </c>
      <c r="C96007" s="14" t="s">
        <v>200</v>
      </c>
      <c r="D96007" s="14" t="s">
        <v>176</v>
      </c>
      <c r="E96007" s="15">
        <v>45388</v>
      </c>
      <c r="F96007" s="14" t="s">
        <v>61</v>
      </c>
      <c r="G96007" s="16">
        <v>5.8418608229676004E-2</v>
      </c>
    </row>
    <row r="96008" spans="1:7" x14ac:dyDescent="0.3">
      <c r="A96008" s="13" t="s">
        <v>477</v>
      </c>
      <c r="B96008" s="14" t="s">
        <v>1</v>
      </c>
      <c r="C96008" s="14" t="s">
        <v>200</v>
      </c>
      <c r="D96008" s="14" t="s">
        <v>176</v>
      </c>
      <c r="E96008" s="15">
        <v>45389</v>
      </c>
      <c r="F96008" s="14" t="s">
        <v>61</v>
      </c>
      <c r="G96008" s="16">
        <v>5.8418608229676004E-2</v>
      </c>
    </row>
    <row r="96009" spans="1:7" x14ac:dyDescent="0.3">
      <c r="A96009" s="13" t="s">
        <v>477</v>
      </c>
      <c r="B96009" s="14" t="s">
        <v>1</v>
      </c>
      <c r="C96009" s="14" t="s">
        <v>200</v>
      </c>
      <c r="D96009" s="14" t="s">
        <v>176</v>
      </c>
      <c r="E96009" s="15">
        <v>45390</v>
      </c>
      <c r="F96009" s="14" t="s">
        <v>61</v>
      </c>
      <c r="G96009" s="16">
        <v>5.896002315202855E-2</v>
      </c>
    </row>
    <row r="96010" spans="1:7" x14ac:dyDescent="0.3">
      <c r="A96010" s="13" t="s">
        <v>477</v>
      </c>
      <c r="B96010" s="14" t="s">
        <v>1</v>
      </c>
      <c r="C96010" s="14" t="s">
        <v>200</v>
      </c>
      <c r="D96010" s="14" t="s">
        <v>176</v>
      </c>
      <c r="E96010" s="15">
        <v>45391</v>
      </c>
      <c r="F96010" s="14" t="s">
        <v>61</v>
      </c>
      <c r="G96010" s="16">
        <v>8.1876288633533037E-2</v>
      </c>
    </row>
    <row r="96011" spans="1:7" x14ac:dyDescent="0.3">
      <c r="A96011" s="13" t="s">
        <v>477</v>
      </c>
      <c r="B96011" s="14" t="s">
        <v>1</v>
      </c>
      <c r="C96011" s="14" t="s">
        <v>200</v>
      </c>
      <c r="D96011" s="14" t="s">
        <v>176</v>
      </c>
      <c r="E96011" s="15">
        <v>45392</v>
      </c>
      <c r="F96011" s="14" t="s">
        <v>61</v>
      </c>
      <c r="G96011" s="16">
        <v>0.10245055868448842</v>
      </c>
    </row>
    <row r="96012" spans="1:7" x14ac:dyDescent="0.3">
      <c r="A96012" s="13" t="s">
        <v>477</v>
      </c>
      <c r="B96012" s="14" t="s">
        <v>1</v>
      </c>
      <c r="C96012" s="14" t="s">
        <v>200</v>
      </c>
      <c r="D96012" s="14" t="s">
        <v>176</v>
      </c>
      <c r="E96012" s="15">
        <v>45393</v>
      </c>
      <c r="F96012" s="14" t="s">
        <v>61</v>
      </c>
      <c r="G96012" s="16">
        <v>0.12922645030325983</v>
      </c>
    </row>
    <row r="96013" spans="1:7" x14ac:dyDescent="0.3">
      <c r="A96013" s="13" t="s">
        <v>477</v>
      </c>
      <c r="B96013" s="14" t="s">
        <v>1</v>
      </c>
      <c r="C96013" s="14" t="s">
        <v>200</v>
      </c>
      <c r="D96013" s="14" t="s">
        <v>176</v>
      </c>
      <c r="E96013" s="15">
        <v>45394</v>
      </c>
      <c r="F96013" s="14" t="s">
        <v>61</v>
      </c>
      <c r="G96013" s="16">
        <v>0.13602850214010159</v>
      </c>
    </row>
    <row r="96014" spans="1:7" x14ac:dyDescent="0.3">
      <c r="A96014" s="13" t="s">
        <v>477</v>
      </c>
      <c r="B96014" s="14" t="s">
        <v>1</v>
      </c>
      <c r="C96014" s="14" t="s">
        <v>200</v>
      </c>
      <c r="D96014" s="14" t="s">
        <v>176</v>
      </c>
      <c r="E96014" s="15">
        <v>45395</v>
      </c>
      <c r="F96014" s="14" t="s">
        <v>61</v>
      </c>
      <c r="G96014" s="16">
        <v>0.13602850214010159</v>
      </c>
    </row>
    <row r="96015" spans="1:7" x14ac:dyDescent="0.3">
      <c r="A96015" s="13" t="s">
        <v>477</v>
      </c>
      <c r="B96015" s="14" t="s">
        <v>1</v>
      </c>
      <c r="C96015" s="14" t="s">
        <v>200</v>
      </c>
      <c r="D96015" s="14" t="s">
        <v>176</v>
      </c>
      <c r="E96015" s="15">
        <v>45396</v>
      </c>
      <c r="F96015" s="14" t="s">
        <v>61</v>
      </c>
      <c r="G96015" s="16">
        <v>0.13602850214010159</v>
      </c>
    </row>
    <row r="96016" spans="1:7" x14ac:dyDescent="0.3">
      <c r="A96016" s="13" t="s">
        <v>477</v>
      </c>
      <c r="B96016" s="14" t="s">
        <v>1</v>
      </c>
      <c r="C96016" s="14" t="s">
        <v>200</v>
      </c>
      <c r="D96016" s="14" t="s">
        <v>176</v>
      </c>
      <c r="E96016" s="15">
        <v>45397</v>
      </c>
      <c r="F96016" s="14" t="s">
        <v>61</v>
      </c>
      <c r="G96016" s="16">
        <v>0.14504325412944805</v>
      </c>
    </row>
    <row r="96017" spans="1:7" x14ac:dyDescent="0.3">
      <c r="A96017" s="13" t="s">
        <v>477</v>
      </c>
      <c r="B96017" s="14" t="s">
        <v>1</v>
      </c>
      <c r="C96017" s="14" t="s">
        <v>200</v>
      </c>
      <c r="D96017" s="14" t="s">
        <v>176</v>
      </c>
      <c r="E96017" s="15">
        <v>45398</v>
      </c>
      <c r="F96017" s="14" t="s">
        <v>61</v>
      </c>
      <c r="G96017" s="16">
        <v>0.17163144460321636</v>
      </c>
    </row>
    <row r="96018" spans="1:7" x14ac:dyDescent="0.3">
      <c r="A96018" s="13" t="s">
        <v>477</v>
      </c>
      <c r="B96018" s="14" t="s">
        <v>1</v>
      </c>
      <c r="C96018" s="14" t="s">
        <v>200</v>
      </c>
      <c r="D96018" s="14" t="s">
        <v>176</v>
      </c>
      <c r="E96018" s="15">
        <v>45399</v>
      </c>
      <c r="F96018" s="14" t="s">
        <v>61</v>
      </c>
      <c r="G96018" s="16">
        <v>0.17896075459793642</v>
      </c>
    </row>
    <row r="96019" spans="1:7" x14ac:dyDescent="0.3">
      <c r="A96019" s="13" t="s">
        <v>477</v>
      </c>
      <c r="B96019" s="14" t="s">
        <v>1</v>
      </c>
      <c r="C96019" s="14" t="s">
        <v>200</v>
      </c>
      <c r="D96019" s="14" t="s">
        <v>176</v>
      </c>
      <c r="E96019" s="15">
        <v>45400</v>
      </c>
      <c r="F96019" s="14" t="s">
        <v>61</v>
      </c>
      <c r="G96019" s="16">
        <v>0.18752540160553427</v>
      </c>
    </row>
    <row r="96020" spans="1:7" x14ac:dyDescent="0.3">
      <c r="A96020" s="13" t="s">
        <v>477</v>
      </c>
      <c r="B96020" s="14" t="s">
        <v>1</v>
      </c>
      <c r="C96020" s="14" t="s">
        <v>200</v>
      </c>
      <c r="D96020" s="14" t="s">
        <v>176</v>
      </c>
      <c r="E96020" s="15">
        <v>45401</v>
      </c>
      <c r="F96020" s="14" t="s">
        <v>61</v>
      </c>
      <c r="G96020" s="16">
        <v>0.1832645533264142</v>
      </c>
    </row>
    <row r="96021" spans="1:7" x14ac:dyDescent="0.3">
      <c r="A96021" s="13" t="s">
        <v>477</v>
      </c>
      <c r="B96021" s="14" t="s">
        <v>1</v>
      </c>
      <c r="C96021" s="14" t="s">
        <v>200</v>
      </c>
      <c r="D96021" s="14" t="s">
        <v>176</v>
      </c>
      <c r="E96021" s="15">
        <v>45402</v>
      </c>
      <c r="F96021" s="14" t="s">
        <v>61</v>
      </c>
      <c r="G96021" s="16">
        <v>0.1832645533264142</v>
      </c>
    </row>
    <row r="96022" spans="1:7" x14ac:dyDescent="0.3">
      <c r="A96022" s="13" t="s">
        <v>477</v>
      </c>
      <c r="B96022" s="14" t="s">
        <v>1</v>
      </c>
      <c r="C96022" s="14" t="s">
        <v>200</v>
      </c>
      <c r="D96022" s="14" t="s">
        <v>176</v>
      </c>
      <c r="E96022" s="15">
        <v>45403</v>
      </c>
      <c r="F96022" s="14" t="s">
        <v>61</v>
      </c>
      <c r="G96022" s="16">
        <v>0.1832645533264142</v>
      </c>
    </row>
    <row r="96023" spans="1:7" x14ac:dyDescent="0.3">
      <c r="A96023" s="13" t="s">
        <v>477</v>
      </c>
      <c r="B96023" s="14" t="s">
        <v>1</v>
      </c>
      <c r="C96023" s="14" t="s">
        <v>200</v>
      </c>
      <c r="D96023" s="14" t="s">
        <v>176</v>
      </c>
      <c r="E96023" s="15">
        <v>45404</v>
      </c>
      <c r="F96023" s="14" t="s">
        <v>61</v>
      </c>
      <c r="G96023" s="16">
        <v>0.17932948269294371</v>
      </c>
    </row>
    <row r="96024" spans="1:7" x14ac:dyDescent="0.3">
      <c r="A96024" s="13" t="s">
        <v>477</v>
      </c>
      <c r="B96024" s="14" t="s">
        <v>1</v>
      </c>
      <c r="C96024" s="14" t="s">
        <v>200</v>
      </c>
      <c r="D96024" s="14" t="s">
        <v>176</v>
      </c>
      <c r="E96024" s="15">
        <v>45405</v>
      </c>
      <c r="F96024" s="14" t="s">
        <v>61</v>
      </c>
      <c r="G96024" s="16">
        <v>0.20523680097919025</v>
      </c>
    </row>
    <row r="96025" spans="1:7" x14ac:dyDescent="0.3">
      <c r="A96025" s="13" t="s">
        <v>477</v>
      </c>
      <c r="B96025" s="14" t="s">
        <v>1</v>
      </c>
      <c r="C96025" s="14" t="s">
        <v>200</v>
      </c>
      <c r="D96025" s="14" t="s">
        <v>176</v>
      </c>
      <c r="E96025" s="15">
        <v>45406</v>
      </c>
      <c r="F96025" s="14" t="s">
        <v>61</v>
      </c>
      <c r="G96025" s="16">
        <v>0.21506544130874899</v>
      </c>
    </row>
    <row r="96026" spans="1:7" x14ac:dyDescent="0.3">
      <c r="A96026" s="13" t="s">
        <v>477</v>
      </c>
      <c r="B96026" s="14" t="s">
        <v>1</v>
      </c>
      <c r="C96026" s="14" t="s">
        <v>200</v>
      </c>
      <c r="D96026" s="14" t="s">
        <v>176</v>
      </c>
      <c r="E96026" s="15">
        <v>45407</v>
      </c>
      <c r="F96026" s="14" t="s">
        <v>61</v>
      </c>
      <c r="G96026" s="16">
        <v>0.22184392761882199</v>
      </c>
    </row>
    <row r="96027" spans="1:7" x14ac:dyDescent="0.3">
      <c r="A96027" s="13" t="s">
        <v>477</v>
      </c>
      <c r="B96027" s="14" t="s">
        <v>1</v>
      </c>
      <c r="C96027" s="14" t="s">
        <v>200</v>
      </c>
      <c r="D96027" s="14" t="s">
        <v>176</v>
      </c>
      <c r="E96027" s="15">
        <v>45408</v>
      </c>
      <c r="F96027" s="14" t="s">
        <v>61</v>
      </c>
      <c r="G96027" s="16">
        <v>0.23008495671278309</v>
      </c>
    </row>
    <row r="96028" spans="1:7" x14ac:dyDescent="0.3">
      <c r="A96028" s="13" t="s">
        <v>477</v>
      </c>
      <c r="B96028" s="14" t="s">
        <v>1</v>
      </c>
      <c r="C96028" s="14" t="s">
        <v>200</v>
      </c>
      <c r="D96028" s="14" t="s">
        <v>176</v>
      </c>
      <c r="E96028" s="15">
        <v>45409</v>
      </c>
      <c r="F96028" s="14" t="s">
        <v>61</v>
      </c>
      <c r="G96028" s="16">
        <v>0.23008495671278309</v>
      </c>
    </row>
    <row r="96029" spans="1:7" x14ac:dyDescent="0.3">
      <c r="A96029" s="13" t="s">
        <v>477</v>
      </c>
      <c r="B96029" s="14" t="s">
        <v>1</v>
      </c>
      <c r="C96029" s="14" t="s">
        <v>200</v>
      </c>
      <c r="D96029" s="14" t="s">
        <v>176</v>
      </c>
      <c r="E96029" s="15">
        <v>45410</v>
      </c>
      <c r="F96029" s="14" t="s">
        <v>61</v>
      </c>
      <c r="G96029" s="16">
        <v>0.23008495671278309</v>
      </c>
    </row>
    <row r="96030" spans="1:7" x14ac:dyDescent="0.3">
      <c r="A96030" s="13" t="s">
        <v>477</v>
      </c>
      <c r="B96030" s="14" t="s">
        <v>1</v>
      </c>
      <c r="C96030" s="14" t="s">
        <v>200</v>
      </c>
      <c r="D96030" s="14" t="s">
        <v>176</v>
      </c>
      <c r="E96030" s="15">
        <v>45411</v>
      </c>
      <c r="F96030" s="14" t="s">
        <v>61</v>
      </c>
      <c r="G96030" s="16">
        <v>0.23728736236216361</v>
      </c>
    </row>
    <row r="96031" spans="1:7" x14ac:dyDescent="0.3">
      <c r="A96031" s="13" t="s">
        <v>477</v>
      </c>
      <c r="B96031" s="14" t="s">
        <v>1</v>
      </c>
      <c r="C96031" s="14" t="s">
        <v>200</v>
      </c>
      <c r="D96031" s="14" t="s">
        <v>176</v>
      </c>
      <c r="E96031" s="15">
        <v>45412</v>
      </c>
      <c r="F96031" s="14" t="s">
        <v>61</v>
      </c>
      <c r="G96031" s="16">
        <v>0.26079977557026091</v>
      </c>
    </row>
    <row r="96032" spans="1:7" x14ac:dyDescent="0.3">
      <c r="A96032" s="13" t="s">
        <v>477</v>
      </c>
      <c r="B96032" s="14" t="s">
        <v>1</v>
      </c>
      <c r="C96032" s="14" t="s">
        <v>200</v>
      </c>
      <c r="D96032" s="14" t="s">
        <v>176</v>
      </c>
      <c r="E96032" s="15">
        <v>45413</v>
      </c>
      <c r="F96032" s="14" t="s">
        <v>61</v>
      </c>
      <c r="G96032" s="16">
        <v>0.26623615386955779</v>
      </c>
    </row>
    <row r="96033" spans="1:7" x14ac:dyDescent="0.3">
      <c r="A96033" s="13" t="s">
        <v>477</v>
      </c>
      <c r="B96033" s="14" t="s">
        <v>1</v>
      </c>
      <c r="C96033" s="14" t="s">
        <v>200</v>
      </c>
      <c r="D96033" s="14" t="s">
        <v>176</v>
      </c>
      <c r="E96033" s="15">
        <v>45414</v>
      </c>
      <c r="F96033" s="14" t="s">
        <v>61</v>
      </c>
      <c r="G96033" s="16">
        <v>0.27604904864109159</v>
      </c>
    </row>
    <row r="96034" spans="1:7" x14ac:dyDescent="0.3">
      <c r="A96034" s="13" t="s">
        <v>477</v>
      </c>
      <c r="B96034" s="14" t="s">
        <v>1</v>
      </c>
      <c r="C96034" s="14" t="s">
        <v>200</v>
      </c>
      <c r="D96034" s="14" t="s">
        <v>176</v>
      </c>
      <c r="E96034" s="15">
        <v>45415</v>
      </c>
      <c r="F96034" s="14" t="s">
        <v>61</v>
      </c>
      <c r="G96034" s="16">
        <v>0.28233935918789949</v>
      </c>
    </row>
    <row r="96035" spans="1:7" x14ac:dyDescent="0.3">
      <c r="A96035" s="13" t="s">
        <v>477</v>
      </c>
      <c r="B96035" s="14" t="s">
        <v>1</v>
      </c>
      <c r="C96035" s="14" t="s">
        <v>200</v>
      </c>
      <c r="D96035" s="14" t="s">
        <v>176</v>
      </c>
      <c r="E96035" s="15">
        <v>45416</v>
      </c>
      <c r="F96035" s="14" t="s">
        <v>61</v>
      </c>
      <c r="G96035" s="16">
        <v>0.28233935918789949</v>
      </c>
    </row>
    <row r="96036" spans="1:7" x14ac:dyDescent="0.3">
      <c r="A96036" s="13" t="s">
        <v>477</v>
      </c>
      <c r="B96036" s="14" t="s">
        <v>1</v>
      </c>
      <c r="C96036" s="14" t="s">
        <v>200</v>
      </c>
      <c r="D96036" s="14" t="s">
        <v>176</v>
      </c>
      <c r="E96036" s="15">
        <v>45417</v>
      </c>
      <c r="F96036" s="14" t="s">
        <v>61</v>
      </c>
      <c r="G96036" s="16">
        <v>0.28233935918789949</v>
      </c>
    </row>
    <row r="96037" spans="1:7" x14ac:dyDescent="0.3">
      <c r="A96037" s="13" t="s">
        <v>477</v>
      </c>
      <c r="B96037" s="14" t="s">
        <v>1</v>
      </c>
      <c r="C96037" s="14" t="s">
        <v>200</v>
      </c>
      <c r="D96037" s="14" t="s">
        <v>176</v>
      </c>
      <c r="E96037" s="15">
        <v>45418</v>
      </c>
      <c r="F96037" s="14" t="s">
        <v>61</v>
      </c>
      <c r="G96037" s="16">
        <v>0.28233935918789949</v>
      </c>
    </row>
    <row r="96038" spans="1:7" x14ac:dyDescent="0.3">
      <c r="A96038" s="13" t="s">
        <v>477</v>
      </c>
      <c r="B96038" s="14" t="s">
        <v>1</v>
      </c>
      <c r="C96038" s="14" t="s">
        <v>200</v>
      </c>
      <c r="D96038" s="14" t="s">
        <v>176</v>
      </c>
      <c r="E96038" s="15">
        <v>45419</v>
      </c>
      <c r="F96038" s="14" t="s">
        <v>61</v>
      </c>
      <c r="G96038" s="16">
        <v>0.28777701864692617</v>
      </c>
    </row>
    <row r="96039" spans="1:7" x14ac:dyDescent="0.3">
      <c r="A96039" s="13" t="s">
        <v>477</v>
      </c>
      <c r="B96039" s="14" t="s">
        <v>1</v>
      </c>
      <c r="C96039" s="14" t="s">
        <v>200</v>
      </c>
      <c r="D96039" s="14" t="s">
        <v>176</v>
      </c>
      <c r="E96039" s="15">
        <v>45420</v>
      </c>
      <c r="F96039" s="14" t="s">
        <v>61</v>
      </c>
      <c r="G96039" s="16">
        <v>0.31478176289597276</v>
      </c>
    </row>
    <row r="96040" spans="1:7" x14ac:dyDescent="0.3">
      <c r="A96040" s="13" t="s">
        <v>477</v>
      </c>
      <c r="B96040" s="14" t="s">
        <v>1</v>
      </c>
      <c r="C96040" s="14" t="s">
        <v>200</v>
      </c>
      <c r="D96040" s="14" t="s">
        <v>176</v>
      </c>
      <c r="E96040" s="15">
        <v>45421</v>
      </c>
      <c r="F96040" s="14" t="s">
        <v>61</v>
      </c>
      <c r="G96040" s="16">
        <v>0.32146346693926936</v>
      </c>
    </row>
    <row r="96041" spans="1:7" x14ac:dyDescent="0.3">
      <c r="A96041" s="13" t="s">
        <v>477</v>
      </c>
      <c r="B96041" s="14" t="s">
        <v>1</v>
      </c>
      <c r="C96041" s="14" t="s">
        <v>200</v>
      </c>
      <c r="D96041" s="14" t="s">
        <v>176</v>
      </c>
      <c r="E96041" s="15">
        <v>45422</v>
      </c>
      <c r="F96041" s="14" t="s">
        <v>61</v>
      </c>
      <c r="G96041" s="16">
        <v>0.32862307881385106</v>
      </c>
    </row>
    <row r="96042" spans="1:7" x14ac:dyDescent="0.3">
      <c r="A96042" s="13" t="s">
        <v>477</v>
      </c>
      <c r="B96042" s="14" t="s">
        <v>1</v>
      </c>
      <c r="C96042" s="14" t="s">
        <v>200</v>
      </c>
      <c r="D96042" s="14" t="s">
        <v>176</v>
      </c>
      <c r="E96042" s="15">
        <v>45423</v>
      </c>
      <c r="F96042" s="14" t="s">
        <v>61</v>
      </c>
      <c r="G96042" s="16">
        <v>0.32862307881385106</v>
      </c>
    </row>
    <row r="96043" spans="1:7" x14ac:dyDescent="0.3">
      <c r="A96043" s="13" t="s">
        <v>477</v>
      </c>
      <c r="B96043" s="14" t="s">
        <v>1</v>
      </c>
      <c r="C96043" s="14" t="s">
        <v>200</v>
      </c>
      <c r="D96043" s="14" t="s">
        <v>176</v>
      </c>
      <c r="E96043" s="15">
        <v>45424</v>
      </c>
      <c r="F96043" s="14" t="s">
        <v>61</v>
      </c>
      <c r="G96043" s="16">
        <v>0.32862307881385106</v>
      </c>
    </row>
    <row r="96044" spans="1:7" x14ac:dyDescent="0.3">
      <c r="A96044" s="13" t="s">
        <v>477</v>
      </c>
      <c r="B96044" s="14" t="s">
        <v>1</v>
      </c>
      <c r="C96044" s="14" t="s">
        <v>200</v>
      </c>
      <c r="D96044" s="14" t="s">
        <v>176</v>
      </c>
      <c r="E96044" s="15">
        <v>45425</v>
      </c>
      <c r="F96044" s="14" t="s">
        <v>61</v>
      </c>
      <c r="G96044" s="16">
        <v>0.33359758788302513</v>
      </c>
    </row>
    <row r="96045" spans="1:7" x14ac:dyDescent="0.3">
      <c r="A96045" s="13" t="s">
        <v>477</v>
      </c>
      <c r="B96045" s="14" t="s">
        <v>1</v>
      </c>
      <c r="C96045" s="14" t="s">
        <v>200</v>
      </c>
      <c r="D96045" s="14" t="s">
        <v>176</v>
      </c>
      <c r="E96045" s="15">
        <v>45426</v>
      </c>
      <c r="F96045" s="14" t="s">
        <v>61</v>
      </c>
      <c r="G96045" s="16">
        <v>0.35904132658246718</v>
      </c>
    </row>
    <row r="96046" spans="1:7" x14ac:dyDescent="0.3">
      <c r="A96046" s="13" t="s">
        <v>477</v>
      </c>
      <c r="B96046" s="14" t="s">
        <v>1</v>
      </c>
      <c r="C96046" s="14" t="s">
        <v>200</v>
      </c>
      <c r="D96046" s="14" t="s">
        <v>176</v>
      </c>
      <c r="E96046" s="15">
        <v>45427</v>
      </c>
      <c r="F96046" s="14" t="s">
        <v>61</v>
      </c>
      <c r="G96046" s="16">
        <v>0.36414363986301507</v>
      </c>
    </row>
    <row r="96047" spans="1:7" x14ac:dyDescent="0.3">
      <c r="A96047" s="13" t="s">
        <v>477</v>
      </c>
      <c r="B96047" s="14" t="s">
        <v>1</v>
      </c>
      <c r="C96047" s="14" t="s">
        <v>200</v>
      </c>
      <c r="D96047" s="14" t="s">
        <v>176</v>
      </c>
      <c r="E96047" s="15">
        <v>45428</v>
      </c>
      <c r="F96047" s="14" t="s">
        <v>61</v>
      </c>
      <c r="G96047" s="16">
        <v>0.37303284427322769</v>
      </c>
    </row>
    <row r="96048" spans="1:7" x14ac:dyDescent="0.3">
      <c r="A96048" s="13" t="s">
        <v>477</v>
      </c>
      <c r="B96048" s="14" t="s">
        <v>1</v>
      </c>
      <c r="C96048" s="14" t="s">
        <v>200</v>
      </c>
      <c r="D96048" s="14" t="s">
        <v>176</v>
      </c>
      <c r="E96048" s="15">
        <v>45429</v>
      </c>
      <c r="F96048" s="14" t="s">
        <v>61</v>
      </c>
      <c r="G96048" s="16">
        <v>0.38051179850357086</v>
      </c>
    </row>
    <row r="96049" spans="1:7" x14ac:dyDescent="0.3">
      <c r="A96049" s="13" t="s">
        <v>477</v>
      </c>
      <c r="B96049" s="14" t="s">
        <v>1</v>
      </c>
      <c r="C96049" s="14" t="s">
        <v>200</v>
      </c>
      <c r="D96049" s="14" t="s">
        <v>176</v>
      </c>
      <c r="E96049" s="15">
        <v>45430</v>
      </c>
      <c r="F96049" s="14" t="s">
        <v>61</v>
      </c>
      <c r="G96049" s="16">
        <v>0.38051179850357086</v>
      </c>
    </row>
    <row r="96050" spans="1:7" x14ac:dyDescent="0.3">
      <c r="A96050" s="13" t="s">
        <v>477</v>
      </c>
      <c r="B96050" s="14" t="s">
        <v>1</v>
      </c>
      <c r="C96050" s="14" t="s">
        <v>200</v>
      </c>
      <c r="D96050" s="14" t="s">
        <v>176</v>
      </c>
      <c r="E96050" s="15">
        <v>45431</v>
      </c>
      <c r="F96050" s="14" t="s">
        <v>61</v>
      </c>
      <c r="G96050" s="16">
        <v>0.38051179850357086</v>
      </c>
    </row>
    <row r="96051" spans="1:7" x14ac:dyDescent="0.3">
      <c r="A96051" s="13" t="s">
        <v>477</v>
      </c>
      <c r="B96051" s="14" t="s">
        <v>1</v>
      </c>
      <c r="C96051" s="14" t="s">
        <v>200</v>
      </c>
      <c r="D96051" s="14" t="s">
        <v>176</v>
      </c>
      <c r="E96051" s="15">
        <v>45432</v>
      </c>
      <c r="F96051" s="14" t="s">
        <v>61</v>
      </c>
      <c r="G96051" s="16">
        <v>0.38630179298545458</v>
      </c>
    </row>
    <row r="96052" spans="1:7" x14ac:dyDescent="0.3">
      <c r="A96052" s="13" t="s">
        <v>477</v>
      </c>
      <c r="B96052" s="14" t="s">
        <v>1</v>
      </c>
      <c r="C96052" s="14" t="s">
        <v>200</v>
      </c>
      <c r="D96052" s="14" t="s">
        <v>176</v>
      </c>
      <c r="E96052" s="15">
        <v>45433</v>
      </c>
      <c r="F96052" s="14" t="s">
        <v>61</v>
      </c>
      <c r="G96052" s="16">
        <v>0.40995777096639252</v>
      </c>
    </row>
    <row r="96053" spans="1:7" x14ac:dyDescent="0.3">
      <c r="A96053" s="13" t="s">
        <v>477</v>
      </c>
      <c r="B96053" s="14" t="s">
        <v>1</v>
      </c>
      <c r="C96053" s="14" t="s">
        <v>200</v>
      </c>
      <c r="D96053" s="14" t="s">
        <v>176</v>
      </c>
      <c r="E96053" s="15">
        <v>45434</v>
      </c>
      <c r="F96053" s="14" t="s">
        <v>61</v>
      </c>
      <c r="G96053" s="16">
        <v>0.41967933207807229</v>
      </c>
    </row>
    <row r="96054" spans="1:7" x14ac:dyDescent="0.3">
      <c r="A96054" s="13" t="s">
        <v>477</v>
      </c>
      <c r="B96054" s="14" t="s">
        <v>1</v>
      </c>
      <c r="C96054" s="14" t="s">
        <v>200</v>
      </c>
      <c r="D96054" s="14" t="s">
        <v>176</v>
      </c>
      <c r="E96054" s="15">
        <v>45435</v>
      </c>
      <c r="F96054" s="14" t="s">
        <v>61</v>
      </c>
      <c r="G96054" s="16">
        <v>0.42753422729805518</v>
      </c>
    </row>
    <row r="96055" spans="1:7" x14ac:dyDescent="0.3">
      <c r="A96055" s="13" t="s">
        <v>477</v>
      </c>
      <c r="B96055" s="14" t="s">
        <v>1</v>
      </c>
      <c r="C96055" s="14" t="s">
        <v>200</v>
      </c>
      <c r="D96055" s="14" t="s">
        <v>176</v>
      </c>
      <c r="E96055" s="15">
        <v>45436</v>
      </c>
      <c r="F96055" s="14" t="s">
        <v>61</v>
      </c>
      <c r="G96055" s="16">
        <v>0.43349442881359751</v>
      </c>
    </row>
    <row r="96056" spans="1:7" x14ac:dyDescent="0.3">
      <c r="A96056" s="13" t="s">
        <v>477</v>
      </c>
      <c r="B96056" s="14" t="s">
        <v>1</v>
      </c>
      <c r="C96056" s="14" t="s">
        <v>200</v>
      </c>
      <c r="D96056" s="14" t="s">
        <v>176</v>
      </c>
      <c r="E96056" s="15">
        <v>45437</v>
      </c>
      <c r="F96056" s="14" t="s">
        <v>61</v>
      </c>
      <c r="G96056" s="16">
        <v>0.43349442881359751</v>
      </c>
    </row>
    <row r="96057" spans="1:7" x14ac:dyDescent="0.3">
      <c r="A96057" s="13" t="s">
        <v>477</v>
      </c>
      <c r="B96057" s="14" t="s">
        <v>1</v>
      </c>
      <c r="C96057" s="14" t="s">
        <v>200</v>
      </c>
      <c r="D96057" s="14" t="s">
        <v>176</v>
      </c>
      <c r="E96057" s="15">
        <v>45438</v>
      </c>
      <c r="F96057" s="14" t="s">
        <v>61</v>
      </c>
      <c r="G96057" s="16">
        <v>0.43349442881359751</v>
      </c>
    </row>
    <row r="96058" spans="1:7" x14ac:dyDescent="0.3">
      <c r="A96058" s="13" t="s">
        <v>477</v>
      </c>
      <c r="B96058" s="14" t="s">
        <v>1</v>
      </c>
      <c r="C96058" s="14" t="s">
        <v>200</v>
      </c>
      <c r="D96058" s="14" t="s">
        <v>176</v>
      </c>
      <c r="E96058" s="15">
        <v>45439</v>
      </c>
      <c r="F96058" s="14" t="s">
        <v>61</v>
      </c>
      <c r="G96058" s="16">
        <v>0.43349442881359751</v>
      </c>
    </row>
    <row r="96059" spans="1:7" x14ac:dyDescent="0.3">
      <c r="A96059" s="13" t="s">
        <v>477</v>
      </c>
      <c r="B96059" s="14" t="s">
        <v>1</v>
      </c>
      <c r="C96059" s="14" t="s">
        <v>200</v>
      </c>
      <c r="D96059" s="14" t="s">
        <v>176</v>
      </c>
      <c r="E96059" s="15">
        <v>45440</v>
      </c>
      <c r="F96059" s="14" t="s">
        <v>61</v>
      </c>
      <c r="G96059" s="16">
        <v>0.44052727344939102</v>
      </c>
    </row>
    <row r="96060" spans="1:7" x14ac:dyDescent="0.3">
      <c r="A96060" s="13" t="s">
        <v>477</v>
      </c>
      <c r="B96060" s="14" t="s">
        <v>1</v>
      </c>
      <c r="C96060" s="14" t="s">
        <v>200</v>
      </c>
      <c r="D96060" s="14" t="s">
        <v>176</v>
      </c>
      <c r="E96060" s="15">
        <v>45441</v>
      </c>
      <c r="F96060" s="14" t="s">
        <v>61</v>
      </c>
      <c r="G96060" s="16">
        <v>0.45881804952725219</v>
      </c>
    </row>
    <row r="96061" spans="1:7" x14ac:dyDescent="0.3">
      <c r="A96061" s="13" t="s">
        <v>477</v>
      </c>
      <c r="B96061" s="14" t="s">
        <v>1</v>
      </c>
      <c r="C96061" s="14" t="s">
        <v>200</v>
      </c>
      <c r="D96061" s="14" t="s">
        <v>176</v>
      </c>
      <c r="E96061" s="15">
        <v>45442</v>
      </c>
      <c r="F96061" s="14" t="s">
        <v>61</v>
      </c>
      <c r="G96061" s="16">
        <v>0.46064089839960048</v>
      </c>
    </row>
    <row r="96062" spans="1:7" x14ac:dyDescent="0.3">
      <c r="A96062" s="13" t="s">
        <v>477</v>
      </c>
      <c r="B96062" s="14" t="s">
        <v>1</v>
      </c>
      <c r="C96062" s="14" t="s">
        <v>200</v>
      </c>
      <c r="D96062" s="14" t="s">
        <v>176</v>
      </c>
      <c r="E96062" s="15">
        <v>45443</v>
      </c>
      <c r="F96062" s="14" t="s">
        <v>61</v>
      </c>
      <c r="G96062" s="16">
        <v>0.46671413807905249</v>
      </c>
    </row>
    <row r="96063" spans="1:7" x14ac:dyDescent="0.3">
      <c r="A96063" s="13" t="s">
        <v>477</v>
      </c>
      <c r="B96063" s="14" t="s">
        <v>1</v>
      </c>
      <c r="C96063" s="14" t="s">
        <v>200</v>
      </c>
      <c r="D96063" s="14" t="s">
        <v>176</v>
      </c>
      <c r="E96063" s="15">
        <v>45444</v>
      </c>
      <c r="F96063" s="14" t="s">
        <v>61</v>
      </c>
      <c r="G96063" s="16">
        <v>0.46671413807905249</v>
      </c>
    </row>
    <row r="96064" spans="1:7" x14ac:dyDescent="0.3">
      <c r="A96064" s="13" t="s">
        <v>477</v>
      </c>
      <c r="B96064" s="14" t="s">
        <v>1</v>
      </c>
      <c r="C96064" s="14" t="s">
        <v>200</v>
      </c>
      <c r="D96064" s="14" t="s">
        <v>176</v>
      </c>
      <c r="E96064" s="15">
        <v>45445</v>
      </c>
      <c r="F96064" s="14" t="s">
        <v>61</v>
      </c>
      <c r="G96064" s="16">
        <v>0.46671413807905249</v>
      </c>
    </row>
    <row r="96065" spans="1:7" x14ac:dyDescent="0.3">
      <c r="A96065" s="13" t="s">
        <v>477</v>
      </c>
      <c r="B96065" s="14" t="s">
        <v>1</v>
      </c>
      <c r="C96065" s="14" t="s">
        <v>200</v>
      </c>
      <c r="D96065" s="14" t="s">
        <v>176</v>
      </c>
      <c r="E96065" s="15">
        <v>45446</v>
      </c>
      <c r="F96065" s="14" t="s">
        <v>61</v>
      </c>
      <c r="G96065" s="16">
        <v>0.46671413807905249</v>
      </c>
    </row>
    <row r="96066" spans="1:7" x14ac:dyDescent="0.3">
      <c r="A96066" s="13" t="s">
        <v>477</v>
      </c>
      <c r="B96066" s="14" t="s">
        <v>1</v>
      </c>
      <c r="C96066" s="14" t="s">
        <v>200</v>
      </c>
      <c r="D96066" s="14" t="s">
        <v>176</v>
      </c>
      <c r="E96066" s="15">
        <v>45447</v>
      </c>
      <c r="F96066" s="14" t="s">
        <v>61</v>
      </c>
      <c r="G96066" s="16">
        <v>0.473594542842875</v>
      </c>
    </row>
    <row r="96067" spans="1:7" x14ac:dyDescent="0.3">
      <c r="A96067" s="13" t="s">
        <v>477</v>
      </c>
      <c r="B96067" s="14" t="s">
        <v>1</v>
      </c>
      <c r="C96067" s="14" t="s">
        <v>200</v>
      </c>
      <c r="D96067" s="14" t="s">
        <v>176</v>
      </c>
      <c r="E96067" s="15">
        <v>45448</v>
      </c>
      <c r="F96067" s="14" t="s">
        <v>61</v>
      </c>
      <c r="G96067" s="16">
        <v>0.50218258075891886</v>
      </c>
    </row>
    <row r="96068" spans="1:7" x14ac:dyDescent="0.3">
      <c r="A96068" s="13" t="s">
        <v>477</v>
      </c>
      <c r="B96068" s="14" t="s">
        <v>1</v>
      </c>
      <c r="C96068" s="14" t="s">
        <v>200</v>
      </c>
      <c r="D96068" s="14" t="s">
        <v>176</v>
      </c>
      <c r="E96068" s="15">
        <v>45449</v>
      </c>
      <c r="F96068" s="14" t="s">
        <v>61</v>
      </c>
      <c r="G96068" s="16">
        <v>0.50820674397820387</v>
      </c>
    </row>
    <row r="96069" spans="1:7" x14ac:dyDescent="0.3">
      <c r="A96069" s="13" t="s">
        <v>477</v>
      </c>
      <c r="B96069" s="14" t="s">
        <v>1</v>
      </c>
      <c r="C96069" s="14" t="s">
        <v>200</v>
      </c>
      <c r="D96069" s="14" t="s">
        <v>176</v>
      </c>
      <c r="E96069" s="15">
        <v>45450</v>
      </c>
      <c r="F96069" s="14" t="s">
        <v>61</v>
      </c>
      <c r="G96069" s="16">
        <v>0.51939841797731234</v>
      </c>
    </row>
    <row r="96070" spans="1:7" x14ac:dyDescent="0.3">
      <c r="A96070" s="13" t="s">
        <v>477</v>
      </c>
      <c r="B96070" s="14" t="s">
        <v>1</v>
      </c>
      <c r="C96070" s="14" t="s">
        <v>200</v>
      </c>
      <c r="D96070" s="14" t="s">
        <v>176</v>
      </c>
      <c r="E96070" s="15">
        <v>45451</v>
      </c>
      <c r="F96070" s="14" t="s">
        <v>61</v>
      </c>
      <c r="G96070" s="16">
        <v>0.51939841797731234</v>
      </c>
    </row>
    <row r="96071" spans="1:7" x14ac:dyDescent="0.3">
      <c r="A96071" s="13" t="s">
        <v>477</v>
      </c>
      <c r="B96071" s="14" t="s">
        <v>1</v>
      </c>
      <c r="C96071" s="14" t="s">
        <v>200</v>
      </c>
      <c r="D96071" s="14" t="s">
        <v>176</v>
      </c>
      <c r="E96071" s="15">
        <v>45452</v>
      </c>
      <c r="F96071" s="14" t="s">
        <v>61</v>
      </c>
      <c r="G96071" s="16">
        <v>0.51939841797731234</v>
      </c>
    </row>
    <row r="96072" spans="1:7" x14ac:dyDescent="0.3">
      <c r="A96072" s="13" t="s">
        <v>477</v>
      </c>
      <c r="B96072" s="14" t="s">
        <v>1</v>
      </c>
      <c r="C96072" s="14" t="s">
        <v>200</v>
      </c>
      <c r="D96072" s="14" t="s">
        <v>176</v>
      </c>
      <c r="E96072" s="15">
        <v>45453</v>
      </c>
      <c r="F96072" s="14" t="s">
        <v>61</v>
      </c>
      <c r="G96072" s="16">
        <v>0.52858030681999824</v>
      </c>
    </row>
    <row r="96073" spans="1:7" x14ac:dyDescent="0.3">
      <c r="A96073" s="13" t="s">
        <v>477</v>
      </c>
      <c r="B96073" s="14" t="s">
        <v>1</v>
      </c>
      <c r="C96073" s="14" t="s">
        <v>200</v>
      </c>
      <c r="D96073" s="14" t="s">
        <v>176</v>
      </c>
      <c r="E96073" s="15">
        <v>45454</v>
      </c>
      <c r="F96073" s="14" t="s">
        <v>61</v>
      </c>
      <c r="G96073" s="16">
        <v>0.5506667003745308</v>
      </c>
    </row>
    <row r="96074" spans="1:7" x14ac:dyDescent="0.3">
      <c r="A96074" s="13" t="s">
        <v>477</v>
      </c>
      <c r="B96074" s="14" t="s">
        <v>1</v>
      </c>
      <c r="C96074" s="14" t="s">
        <v>200</v>
      </c>
      <c r="D96074" s="14" t="s">
        <v>176</v>
      </c>
      <c r="E96074" s="15">
        <v>45455</v>
      </c>
      <c r="F96074" s="14" t="s">
        <v>61</v>
      </c>
      <c r="G96074" s="16">
        <v>0.55626738714544111</v>
      </c>
    </row>
    <row r="96075" spans="1:7" x14ac:dyDescent="0.3">
      <c r="A96075" s="13" t="s">
        <v>477</v>
      </c>
      <c r="B96075" s="14" t="s">
        <v>1</v>
      </c>
      <c r="C96075" s="14" t="s">
        <v>200</v>
      </c>
      <c r="D96075" s="14" t="s">
        <v>176</v>
      </c>
      <c r="E96075" s="15">
        <v>45456</v>
      </c>
      <c r="F96075" s="14" t="s">
        <v>61</v>
      </c>
      <c r="G96075" s="16">
        <v>0.56516707410959643</v>
      </c>
    </row>
    <row r="96076" spans="1:7" x14ac:dyDescent="0.3">
      <c r="A96076" s="13" t="s">
        <v>477</v>
      </c>
      <c r="B96076" s="14" t="s">
        <v>1</v>
      </c>
      <c r="C96076" s="14" t="s">
        <v>200</v>
      </c>
      <c r="D96076" s="14" t="s">
        <v>176</v>
      </c>
      <c r="E96076" s="15">
        <v>45457</v>
      </c>
      <c r="F96076" s="14" t="s">
        <v>61</v>
      </c>
      <c r="G96076" s="16">
        <v>0.57403057100640875</v>
      </c>
    </row>
    <row r="96077" spans="1:7" x14ac:dyDescent="0.3">
      <c r="A96077" s="13" t="s">
        <v>477</v>
      </c>
      <c r="B96077" s="14" t="s">
        <v>1</v>
      </c>
      <c r="C96077" s="14" t="s">
        <v>200</v>
      </c>
      <c r="D96077" s="14" t="s">
        <v>176</v>
      </c>
      <c r="E96077" s="15">
        <v>45458</v>
      </c>
      <c r="F96077" s="14" t="s">
        <v>61</v>
      </c>
      <c r="G96077" s="16">
        <v>0.57403057100640875</v>
      </c>
    </row>
    <row r="96078" spans="1:7" x14ac:dyDescent="0.3">
      <c r="A96078" s="13" t="s">
        <v>477</v>
      </c>
      <c r="B96078" s="14" t="s">
        <v>1</v>
      </c>
      <c r="C96078" s="14" t="s">
        <v>200</v>
      </c>
      <c r="D96078" s="14" t="s">
        <v>176</v>
      </c>
      <c r="E96078" s="15">
        <v>45459</v>
      </c>
      <c r="F96078" s="14" t="s">
        <v>61</v>
      </c>
      <c r="G96078" s="16">
        <v>0.57403057100640875</v>
      </c>
    </row>
    <row r="96079" spans="1:7" x14ac:dyDescent="0.3">
      <c r="A96079" s="13" t="s">
        <v>477</v>
      </c>
      <c r="B96079" s="14" t="s">
        <v>1</v>
      </c>
      <c r="C96079" s="14" t="s">
        <v>200</v>
      </c>
      <c r="D96079" s="14" t="s">
        <v>176</v>
      </c>
      <c r="E96079" s="15">
        <v>45460</v>
      </c>
      <c r="F96079" s="14" t="s">
        <v>61</v>
      </c>
      <c r="G96079" s="16">
        <v>0.58850660450630654</v>
      </c>
    </row>
    <row r="96080" spans="1:7" x14ac:dyDescent="0.3">
      <c r="A96080" s="13" t="s">
        <v>477</v>
      </c>
      <c r="B96080" s="14" t="s">
        <v>1</v>
      </c>
      <c r="C96080" s="14" t="s">
        <v>200</v>
      </c>
      <c r="D96080" s="14" t="s">
        <v>176</v>
      </c>
      <c r="E96080" s="15">
        <v>45461</v>
      </c>
      <c r="F96080" s="14" t="s">
        <v>61</v>
      </c>
      <c r="G96080" s="16">
        <v>0.60762156081480656</v>
      </c>
    </row>
    <row r="96081" spans="1:7" x14ac:dyDescent="0.3">
      <c r="A96081" s="13" t="s">
        <v>477</v>
      </c>
      <c r="B96081" s="14" t="s">
        <v>1</v>
      </c>
      <c r="C96081" s="14" t="s">
        <v>200</v>
      </c>
      <c r="D96081" s="14" t="s">
        <v>176</v>
      </c>
      <c r="E96081" s="15">
        <v>45462</v>
      </c>
      <c r="F96081" s="14" t="s">
        <v>61</v>
      </c>
      <c r="G96081" s="16">
        <v>0.60762156081480656</v>
      </c>
    </row>
    <row r="96082" spans="1:7" x14ac:dyDescent="0.3">
      <c r="A96082" s="13" t="s">
        <v>477</v>
      </c>
      <c r="B96082" s="14" t="s">
        <v>1</v>
      </c>
      <c r="C96082" s="14" t="s">
        <v>200</v>
      </c>
      <c r="D96082" s="14" t="s">
        <v>176</v>
      </c>
      <c r="E96082" s="15">
        <v>45463</v>
      </c>
      <c r="F96082" s="14" t="s">
        <v>61</v>
      </c>
      <c r="G96082" s="16">
        <v>0.61641252561839599</v>
      </c>
    </row>
    <row r="96083" spans="1:7" x14ac:dyDescent="0.3">
      <c r="A96083" s="13" t="s">
        <v>477</v>
      </c>
      <c r="B96083" s="14" t="s">
        <v>1</v>
      </c>
      <c r="C96083" s="14" t="s">
        <v>200</v>
      </c>
      <c r="D96083" s="14" t="s">
        <v>176</v>
      </c>
      <c r="E96083" s="15">
        <v>45464</v>
      </c>
      <c r="F96083" s="14" t="s">
        <v>61</v>
      </c>
      <c r="G96083" s="16">
        <v>0.63015318502201467</v>
      </c>
    </row>
    <row r="96084" spans="1:7" x14ac:dyDescent="0.3">
      <c r="A96084" s="13" t="s">
        <v>477</v>
      </c>
      <c r="B96084" s="14" t="s">
        <v>1</v>
      </c>
      <c r="C96084" s="14" t="s">
        <v>200</v>
      </c>
      <c r="D96084" s="14" t="s">
        <v>176</v>
      </c>
      <c r="E96084" s="15">
        <v>45465</v>
      </c>
      <c r="F96084" s="14" t="s">
        <v>61</v>
      </c>
      <c r="G96084" s="16">
        <v>0.63015318502201467</v>
      </c>
    </row>
    <row r="96085" spans="1:7" x14ac:dyDescent="0.3">
      <c r="A96085" s="13" t="s">
        <v>477</v>
      </c>
      <c r="B96085" s="14" t="s">
        <v>1</v>
      </c>
      <c r="C96085" s="14" t="s">
        <v>200</v>
      </c>
      <c r="D96085" s="14" t="s">
        <v>176</v>
      </c>
      <c r="E96085" s="15">
        <v>45466</v>
      </c>
      <c r="F96085" s="14" t="s">
        <v>61</v>
      </c>
      <c r="G96085" s="16">
        <v>0.63015318502201467</v>
      </c>
    </row>
    <row r="96086" spans="1:7" x14ac:dyDescent="0.3">
      <c r="A96086" s="13" t="s">
        <v>477</v>
      </c>
      <c r="B96086" s="14" t="s">
        <v>1</v>
      </c>
      <c r="C96086" s="14" t="s">
        <v>200</v>
      </c>
      <c r="D96086" s="14" t="s">
        <v>176</v>
      </c>
      <c r="E96086" s="15">
        <v>45467</v>
      </c>
      <c r="F96086" s="14" t="s">
        <v>61</v>
      </c>
      <c r="G96086" s="16">
        <v>0.6353376389638169</v>
      </c>
    </row>
    <row r="96087" spans="1:7" x14ac:dyDescent="0.3">
      <c r="A96087" s="13" t="s">
        <v>477</v>
      </c>
      <c r="B96087" s="14" t="s">
        <v>1</v>
      </c>
      <c r="C96087" s="14" t="s">
        <v>200</v>
      </c>
      <c r="D96087" s="14" t="s">
        <v>176</v>
      </c>
      <c r="E96087" s="15">
        <v>45468</v>
      </c>
      <c r="F96087" s="14" t="s">
        <v>61</v>
      </c>
      <c r="G96087" s="16">
        <v>0.65758263439556641</v>
      </c>
    </row>
    <row r="96088" spans="1:7" x14ac:dyDescent="0.3">
      <c r="A96088" s="13" t="s">
        <v>477</v>
      </c>
      <c r="B96088" s="14" t="s">
        <v>1</v>
      </c>
      <c r="C96088" s="14" t="s">
        <v>200</v>
      </c>
      <c r="D96088" s="14" t="s">
        <v>176</v>
      </c>
      <c r="E96088" s="15">
        <v>45469</v>
      </c>
      <c r="F96088" s="14" t="s">
        <v>61</v>
      </c>
      <c r="G96088" s="16">
        <v>0.66688993994602341</v>
      </c>
    </row>
    <row r="96089" spans="1:7" x14ac:dyDescent="0.3">
      <c r="A96089" s="13" t="s">
        <v>477</v>
      </c>
      <c r="B96089" s="14" t="s">
        <v>1</v>
      </c>
      <c r="C96089" s="14" t="s">
        <v>200</v>
      </c>
      <c r="D96089" s="14" t="s">
        <v>176</v>
      </c>
      <c r="E96089" s="15">
        <v>45470</v>
      </c>
      <c r="F96089" s="14" t="s">
        <v>61</v>
      </c>
      <c r="G96089" s="16">
        <v>0.67365313629509782</v>
      </c>
    </row>
    <row r="96090" spans="1:7" x14ac:dyDescent="0.3">
      <c r="A96090" s="13" t="s">
        <v>477</v>
      </c>
      <c r="B96090" s="14" t="s">
        <v>1</v>
      </c>
      <c r="C96090" s="14" t="s">
        <v>200</v>
      </c>
      <c r="D96090" s="14" t="s">
        <v>176</v>
      </c>
      <c r="E96090" s="15">
        <v>45471</v>
      </c>
      <c r="F96090" s="14" t="s">
        <v>61</v>
      </c>
      <c r="G96090" s="16">
        <v>0.67798825809995711</v>
      </c>
    </row>
    <row r="96091" spans="1:7" x14ac:dyDescent="0.3">
      <c r="A96091" s="13" t="s">
        <v>477</v>
      </c>
      <c r="B96091" s="14" t="s">
        <v>1</v>
      </c>
      <c r="C96091" s="14" t="s">
        <v>200</v>
      </c>
      <c r="D96091" s="14" t="s">
        <v>176</v>
      </c>
      <c r="E96091" s="15">
        <v>45472</v>
      </c>
      <c r="F96091" s="14" t="s">
        <v>61</v>
      </c>
      <c r="G96091" s="16">
        <v>0.67798825809995711</v>
      </c>
    </row>
    <row r="96092" spans="1:7" x14ac:dyDescent="0.3">
      <c r="A96092" s="13" t="s">
        <v>477</v>
      </c>
      <c r="B96092" s="14" t="s">
        <v>1</v>
      </c>
      <c r="C96092" s="14" t="s">
        <v>200</v>
      </c>
      <c r="D96092" s="14" t="s">
        <v>176</v>
      </c>
      <c r="E96092" s="15">
        <v>45473</v>
      </c>
      <c r="F96092" s="14" t="s">
        <v>61</v>
      </c>
      <c r="G96092" s="16">
        <v>0.67798825809995711</v>
      </c>
    </row>
    <row r="96093" spans="1:7" x14ac:dyDescent="0.3">
      <c r="A96093" s="13" t="s">
        <v>477</v>
      </c>
      <c r="B96093" s="14" t="s">
        <v>1</v>
      </c>
      <c r="C96093" s="14" t="s">
        <v>200</v>
      </c>
      <c r="D96093" s="14" t="s">
        <v>176</v>
      </c>
      <c r="E96093" s="15">
        <v>45474</v>
      </c>
      <c r="F96093" s="14" t="s">
        <v>61</v>
      </c>
      <c r="G96093" s="16">
        <v>0.68339315198621986</v>
      </c>
    </row>
    <row r="96094" spans="1:7" x14ac:dyDescent="0.3">
      <c r="A96094" s="13" t="s">
        <v>477</v>
      </c>
      <c r="B96094" s="14" t="s">
        <v>1</v>
      </c>
      <c r="C96094" s="14" t="s">
        <v>200</v>
      </c>
      <c r="D96094" s="14" t="s">
        <v>176</v>
      </c>
      <c r="E96094" s="15">
        <v>45475</v>
      </c>
      <c r="F96094" s="14" t="s">
        <v>61</v>
      </c>
      <c r="G96094" s="16">
        <v>0.70618398522480674</v>
      </c>
    </row>
    <row r="96095" spans="1:7" x14ac:dyDescent="0.3">
      <c r="A96095" s="13" t="s">
        <v>477</v>
      </c>
      <c r="B96095" s="14" t="s">
        <v>1</v>
      </c>
      <c r="C96095" s="14" t="s">
        <v>200</v>
      </c>
      <c r="D96095" s="14" t="s">
        <v>176</v>
      </c>
      <c r="E96095" s="15">
        <v>45476</v>
      </c>
      <c r="F96095" s="14" t="s">
        <v>61</v>
      </c>
      <c r="G96095" s="16">
        <v>0.70990832106413249</v>
      </c>
    </row>
    <row r="96096" spans="1:7" x14ac:dyDescent="0.3">
      <c r="A96096" s="13" t="s">
        <v>477</v>
      </c>
      <c r="B96096" s="14" t="s">
        <v>1</v>
      </c>
      <c r="C96096" s="14" t="s">
        <v>200</v>
      </c>
      <c r="D96096" s="14" t="s">
        <v>176</v>
      </c>
      <c r="E96096" s="15">
        <v>45477</v>
      </c>
      <c r="F96096" s="14" t="s">
        <v>61</v>
      </c>
      <c r="G96096" s="16">
        <v>0.70990832106413249</v>
      </c>
    </row>
    <row r="96097" spans="1:7" x14ac:dyDescent="0.3">
      <c r="A96097" s="13" t="s">
        <v>477</v>
      </c>
      <c r="B96097" s="14" t="s">
        <v>1</v>
      </c>
      <c r="C96097" s="14" t="s">
        <v>200</v>
      </c>
      <c r="D96097" s="14" t="s">
        <v>176</v>
      </c>
      <c r="E96097" s="15">
        <v>45478</v>
      </c>
      <c r="F96097" s="14" t="s">
        <v>61</v>
      </c>
      <c r="G96097" s="16">
        <v>0.71345026432846448</v>
      </c>
    </row>
    <row r="96098" spans="1:7" x14ac:dyDescent="0.3">
      <c r="A96098" s="13" t="s">
        <v>477</v>
      </c>
      <c r="B96098" s="14" t="s">
        <v>1</v>
      </c>
      <c r="C96098" s="14" t="s">
        <v>200</v>
      </c>
      <c r="D96098" s="14" t="s">
        <v>176</v>
      </c>
      <c r="E96098" s="15">
        <v>45479</v>
      </c>
      <c r="F96098" s="14" t="s">
        <v>61</v>
      </c>
      <c r="G96098" s="16">
        <v>0.71345026432846448</v>
      </c>
    </row>
    <row r="96099" spans="1:7" x14ac:dyDescent="0.3">
      <c r="A96099" s="13" t="s">
        <v>477</v>
      </c>
      <c r="B96099" s="14" t="s">
        <v>1</v>
      </c>
      <c r="C96099" s="14" t="s">
        <v>200</v>
      </c>
      <c r="D96099" s="14" t="s">
        <v>176</v>
      </c>
      <c r="E96099" s="15">
        <v>45480</v>
      </c>
      <c r="F96099" s="14" t="s">
        <v>61</v>
      </c>
      <c r="G96099" s="16">
        <v>0.71345026432846448</v>
      </c>
    </row>
    <row r="96100" spans="1:7" x14ac:dyDescent="0.3">
      <c r="A96100" s="13" t="s">
        <v>477</v>
      </c>
      <c r="B96100" s="14" t="s">
        <v>1</v>
      </c>
      <c r="C96100" s="14" t="s">
        <v>200</v>
      </c>
      <c r="D96100" s="14" t="s">
        <v>176</v>
      </c>
      <c r="E96100" s="15">
        <v>45481</v>
      </c>
      <c r="F96100" s="14" t="s">
        <v>61</v>
      </c>
      <c r="G96100" s="16">
        <v>0.72658924443092765</v>
      </c>
    </row>
    <row r="96101" spans="1:7" x14ac:dyDescent="0.3">
      <c r="A96101" s="13" t="s">
        <v>477</v>
      </c>
      <c r="B96101" s="14" t="s">
        <v>1</v>
      </c>
      <c r="C96101" s="14" t="s">
        <v>200</v>
      </c>
      <c r="D96101" s="14" t="s">
        <v>176</v>
      </c>
      <c r="E96101" s="15">
        <v>45482</v>
      </c>
      <c r="F96101" s="14" t="s">
        <v>61</v>
      </c>
      <c r="G96101" s="16">
        <v>0.74928457381492097</v>
      </c>
    </row>
    <row r="96102" spans="1:7" x14ac:dyDescent="0.3">
      <c r="A96102" s="13" t="s">
        <v>477</v>
      </c>
      <c r="B96102" s="14" t="s">
        <v>1</v>
      </c>
      <c r="C96102" s="14" t="s">
        <v>200</v>
      </c>
      <c r="D96102" s="14" t="s">
        <v>176</v>
      </c>
      <c r="E96102" s="15">
        <v>45483</v>
      </c>
      <c r="F96102" s="14" t="s">
        <v>61</v>
      </c>
      <c r="G96102" s="16">
        <v>0.75568247279918799</v>
      </c>
    </row>
    <row r="96103" spans="1:7" x14ac:dyDescent="0.3">
      <c r="A96103" s="13" t="s">
        <v>477</v>
      </c>
      <c r="B96103" s="14" t="s">
        <v>1</v>
      </c>
      <c r="C96103" s="14" t="s">
        <v>200</v>
      </c>
      <c r="D96103" s="14" t="s">
        <v>176</v>
      </c>
      <c r="E96103" s="15">
        <v>45484</v>
      </c>
      <c r="F96103" s="14" t="s">
        <v>61</v>
      </c>
      <c r="G96103" s="16">
        <v>0.75870466084873522</v>
      </c>
    </row>
    <row r="96104" spans="1:7" x14ac:dyDescent="0.3">
      <c r="A96104" s="13" t="s">
        <v>477</v>
      </c>
      <c r="B96104" s="14" t="s">
        <v>1</v>
      </c>
      <c r="C96104" s="14" t="s">
        <v>200</v>
      </c>
      <c r="D96104" s="14" t="s">
        <v>176</v>
      </c>
      <c r="E96104" s="15">
        <v>45485</v>
      </c>
      <c r="F96104" s="14" t="s">
        <v>61</v>
      </c>
      <c r="G96104" s="16">
        <v>0.76295473220945709</v>
      </c>
    </row>
    <row r="96105" spans="1:7" x14ac:dyDescent="0.3">
      <c r="A96105" s="13" t="s">
        <v>477</v>
      </c>
      <c r="B96105" s="14" t="s">
        <v>1</v>
      </c>
      <c r="C96105" s="14" t="s">
        <v>200</v>
      </c>
      <c r="D96105" s="14" t="s">
        <v>176</v>
      </c>
      <c r="E96105" s="15">
        <v>45486</v>
      </c>
      <c r="F96105" s="14" t="s">
        <v>61</v>
      </c>
      <c r="G96105" s="16">
        <v>0.76295473220945709</v>
      </c>
    </row>
    <row r="96106" spans="1:7" x14ac:dyDescent="0.3">
      <c r="A96106" s="13" t="s">
        <v>477</v>
      </c>
      <c r="B96106" s="14" t="s">
        <v>1</v>
      </c>
      <c r="C96106" s="14" t="s">
        <v>200</v>
      </c>
      <c r="D96106" s="14" t="s">
        <v>176</v>
      </c>
      <c r="E96106" s="15">
        <v>45487</v>
      </c>
      <c r="F96106" s="14" t="s">
        <v>61</v>
      </c>
      <c r="G96106" s="16">
        <v>0.76295473220945709</v>
      </c>
    </row>
    <row r="96107" spans="1:7" x14ac:dyDescent="0.3">
      <c r="A96107" s="13" t="s">
        <v>477</v>
      </c>
      <c r="B96107" s="14" t="s">
        <v>1</v>
      </c>
      <c r="C96107" s="14" t="s">
        <v>200</v>
      </c>
      <c r="D96107" s="14" t="s">
        <v>176</v>
      </c>
      <c r="E96107" s="15">
        <v>45488</v>
      </c>
      <c r="F96107" s="14" t="s">
        <v>61</v>
      </c>
      <c r="G96107" s="16">
        <v>0.76581884488895202</v>
      </c>
    </row>
    <row r="96108" spans="1:7" x14ac:dyDescent="0.3">
      <c r="A96108" s="13" t="s">
        <v>477</v>
      </c>
      <c r="B96108" s="14" t="s">
        <v>1</v>
      </c>
      <c r="C96108" s="14" t="s">
        <v>200</v>
      </c>
      <c r="D96108" s="14" t="s">
        <v>176</v>
      </c>
      <c r="E96108" s="15">
        <v>45489</v>
      </c>
      <c r="F96108" s="14" t="s">
        <v>61</v>
      </c>
      <c r="G96108" s="16">
        <v>0.78750968815855538</v>
      </c>
    </row>
    <row r="96109" spans="1:7" x14ac:dyDescent="0.3">
      <c r="A96109" s="13" t="s">
        <v>477</v>
      </c>
      <c r="B96109" s="14" t="s">
        <v>1</v>
      </c>
      <c r="C96109" s="14" t="s">
        <v>200</v>
      </c>
      <c r="D96109" s="14" t="s">
        <v>176</v>
      </c>
      <c r="E96109" s="15">
        <v>45490</v>
      </c>
      <c r="F96109" s="14" t="s">
        <v>61</v>
      </c>
      <c r="G96109" s="16">
        <v>0.78135326933811566</v>
      </c>
    </row>
    <row r="96110" spans="1:7" x14ac:dyDescent="0.3">
      <c r="A96110" s="13" t="s">
        <v>477</v>
      </c>
      <c r="B96110" s="14" t="s">
        <v>1</v>
      </c>
      <c r="C96110" s="14" t="s">
        <v>200</v>
      </c>
      <c r="D96110" s="14" t="s">
        <v>176</v>
      </c>
      <c r="E96110" s="15">
        <v>45491</v>
      </c>
      <c r="F96110" s="14" t="s">
        <v>61</v>
      </c>
      <c r="G96110" s="16">
        <v>0.7919759431497706</v>
      </c>
    </row>
    <row r="96111" spans="1:7" x14ac:dyDescent="0.3">
      <c r="A96111" s="13" t="s">
        <v>477</v>
      </c>
      <c r="B96111" s="14" t="s">
        <v>1</v>
      </c>
      <c r="C96111" s="14" t="s">
        <v>200</v>
      </c>
      <c r="D96111" s="14" t="s">
        <v>176</v>
      </c>
      <c r="E96111" s="15">
        <v>45492</v>
      </c>
      <c r="F96111" s="14" t="s">
        <v>61</v>
      </c>
      <c r="G96111" s="16">
        <v>0.80076261273475657</v>
      </c>
    </row>
    <row r="96112" spans="1:7" x14ac:dyDescent="0.3">
      <c r="A96112" s="13" t="s">
        <v>477</v>
      </c>
      <c r="B96112" s="14" t="s">
        <v>1</v>
      </c>
      <c r="C96112" s="14" t="s">
        <v>200</v>
      </c>
      <c r="D96112" s="14" t="s">
        <v>176</v>
      </c>
      <c r="E96112" s="15">
        <v>45493</v>
      </c>
      <c r="F96112" s="14" t="s">
        <v>61</v>
      </c>
      <c r="G96112" s="16">
        <v>0.80076261273475657</v>
      </c>
    </row>
    <row r="96113" spans="1:7" x14ac:dyDescent="0.3">
      <c r="A96113" s="13" t="s">
        <v>477</v>
      </c>
      <c r="B96113" s="14" t="s">
        <v>1</v>
      </c>
      <c r="C96113" s="14" t="s">
        <v>200</v>
      </c>
      <c r="D96113" s="14" t="s">
        <v>176</v>
      </c>
      <c r="E96113" s="15">
        <v>45494</v>
      </c>
      <c r="F96113" s="14" t="s">
        <v>61</v>
      </c>
      <c r="G96113" s="16">
        <v>0.80076261273475657</v>
      </c>
    </row>
    <row r="96114" spans="1:7" x14ac:dyDescent="0.3">
      <c r="A96114" s="13" t="s">
        <v>477</v>
      </c>
      <c r="B96114" s="14" t="s">
        <v>1</v>
      </c>
      <c r="C96114" s="14" t="s">
        <v>200</v>
      </c>
      <c r="D96114" s="14" t="s">
        <v>176</v>
      </c>
      <c r="E96114" s="15">
        <v>45495</v>
      </c>
      <c r="F96114" s="14" t="s">
        <v>61</v>
      </c>
      <c r="G96114" s="16">
        <v>0.80701479803116161</v>
      </c>
    </row>
    <row r="96115" spans="1:7" x14ac:dyDescent="0.3">
      <c r="A96115" s="13" t="s">
        <v>477</v>
      </c>
      <c r="B96115" s="14" t="s">
        <v>1</v>
      </c>
      <c r="C96115" s="14" t="s">
        <v>200</v>
      </c>
      <c r="D96115" s="14" t="s">
        <v>176</v>
      </c>
      <c r="E96115" s="15">
        <v>45496</v>
      </c>
      <c r="F96115" s="14" t="s">
        <v>61</v>
      </c>
      <c r="G96115" s="16">
        <v>0.83213597289585206</v>
      </c>
    </row>
    <row r="96116" spans="1:7" x14ac:dyDescent="0.3">
      <c r="A96116" s="13" t="s">
        <v>477</v>
      </c>
      <c r="B96116" s="14" t="s">
        <v>1</v>
      </c>
      <c r="C96116" s="14" t="s">
        <v>200</v>
      </c>
      <c r="D96116" s="14" t="s">
        <v>176</v>
      </c>
      <c r="E96116" s="15">
        <v>45497</v>
      </c>
      <c r="F96116" s="14" t="s">
        <v>61</v>
      </c>
      <c r="G96116" s="16">
        <v>0.84030881155947601</v>
      </c>
    </row>
    <row r="96117" spans="1:7" x14ac:dyDescent="0.3">
      <c r="A96117" s="13" t="s">
        <v>477</v>
      </c>
      <c r="B96117" s="14" t="s">
        <v>1</v>
      </c>
      <c r="C96117" s="14" t="s">
        <v>200</v>
      </c>
      <c r="D96117" s="14" t="s">
        <v>176</v>
      </c>
      <c r="E96117" s="15">
        <v>45498</v>
      </c>
      <c r="F96117" s="14" t="s">
        <v>61</v>
      </c>
      <c r="G96117" s="16">
        <v>0.84703955840398526</v>
      </c>
    </row>
    <row r="96118" spans="1:7" x14ac:dyDescent="0.3">
      <c r="A96118" s="13" t="s">
        <v>477</v>
      </c>
      <c r="B96118" s="14" t="s">
        <v>1</v>
      </c>
      <c r="C96118" s="14" t="s">
        <v>200</v>
      </c>
      <c r="D96118" s="14" t="s">
        <v>176</v>
      </c>
      <c r="E96118" s="15">
        <v>45499</v>
      </c>
      <c r="F96118" s="14" t="s">
        <v>61</v>
      </c>
      <c r="G96118" s="16">
        <v>0.85336509107458369</v>
      </c>
    </row>
    <row r="96119" spans="1:7" x14ac:dyDescent="0.3">
      <c r="A96119" s="13" t="s">
        <v>477</v>
      </c>
      <c r="B96119" s="14" t="s">
        <v>1</v>
      </c>
      <c r="C96119" s="14" t="s">
        <v>200</v>
      </c>
      <c r="D96119" s="14" t="s">
        <v>176</v>
      </c>
      <c r="E96119" s="15">
        <v>45500</v>
      </c>
      <c r="F96119" s="14" t="s">
        <v>61</v>
      </c>
      <c r="G96119" s="16">
        <v>0.85336509107458369</v>
      </c>
    </row>
    <row r="96120" spans="1:7" x14ac:dyDescent="0.3">
      <c r="A96120" s="13" t="s">
        <v>477</v>
      </c>
      <c r="B96120" s="14" t="s">
        <v>1</v>
      </c>
      <c r="C96120" s="14" t="s">
        <v>200</v>
      </c>
      <c r="D96120" s="14" t="s">
        <v>176</v>
      </c>
      <c r="E96120" s="15">
        <v>45501</v>
      </c>
      <c r="F96120" s="14" t="s">
        <v>61</v>
      </c>
      <c r="G96120" s="16">
        <v>0.85336509107458369</v>
      </c>
    </row>
    <row r="96121" spans="1:7" x14ac:dyDescent="0.3">
      <c r="A96121" s="13" t="s">
        <v>477</v>
      </c>
      <c r="B96121" s="14" t="s">
        <v>1</v>
      </c>
      <c r="C96121" s="14" t="s">
        <v>200</v>
      </c>
      <c r="D96121" s="14" t="s">
        <v>176</v>
      </c>
      <c r="E96121" s="15">
        <v>45502</v>
      </c>
      <c r="F96121" s="14" t="s">
        <v>61</v>
      </c>
      <c r="G96121" s="16">
        <v>0.86806046411136584</v>
      </c>
    </row>
    <row r="96122" spans="1:7" x14ac:dyDescent="0.3">
      <c r="A96122" s="13" t="s">
        <v>477</v>
      </c>
      <c r="B96122" s="14" t="s">
        <v>1</v>
      </c>
      <c r="C96122" s="14" t="s">
        <v>200</v>
      </c>
      <c r="D96122" s="14" t="s">
        <v>176</v>
      </c>
      <c r="E96122" s="15">
        <v>45503</v>
      </c>
      <c r="F96122" s="14" t="s">
        <v>61</v>
      </c>
      <c r="G96122" s="16">
        <v>0.88913856185154849</v>
      </c>
    </row>
    <row r="96123" spans="1:7" x14ac:dyDescent="0.3">
      <c r="A96123" s="13" t="s">
        <v>477</v>
      </c>
      <c r="B96123" s="14" t="s">
        <v>1</v>
      </c>
      <c r="C96123" s="14" t="s">
        <v>200</v>
      </c>
      <c r="D96123" s="14" t="s">
        <v>176</v>
      </c>
      <c r="E96123" s="15">
        <v>45504</v>
      </c>
      <c r="F96123" s="14" t="s">
        <v>61</v>
      </c>
      <c r="G96123" s="16">
        <v>0.89536396289418885</v>
      </c>
    </row>
    <row r="96124" spans="1:7" x14ac:dyDescent="0.3">
      <c r="A96124" s="13" t="s">
        <v>477</v>
      </c>
      <c r="B96124" s="14" t="s">
        <v>1</v>
      </c>
      <c r="C96124" s="14" t="s">
        <v>200</v>
      </c>
      <c r="D96124" s="14" t="s">
        <v>176</v>
      </c>
      <c r="E96124" s="15">
        <v>45505</v>
      </c>
      <c r="F96124" s="14" t="s">
        <v>61</v>
      </c>
      <c r="G96124" s="16">
        <v>0.90602898352850914</v>
      </c>
    </row>
    <row r="96125" spans="1:7" x14ac:dyDescent="0.3">
      <c r="A96125" s="13" t="s">
        <v>477</v>
      </c>
      <c r="B96125" s="14" t="s">
        <v>1</v>
      </c>
      <c r="C96125" s="14" t="s">
        <v>200</v>
      </c>
      <c r="D96125" s="14" t="s">
        <v>176</v>
      </c>
      <c r="E96125" s="15">
        <v>45506</v>
      </c>
      <c r="F96125" s="14" t="s">
        <v>61</v>
      </c>
      <c r="G96125" s="16">
        <v>0.91076156879078429</v>
      </c>
    </row>
    <row r="96126" spans="1:7" x14ac:dyDescent="0.3">
      <c r="A96126" s="13" t="s">
        <v>477</v>
      </c>
      <c r="B96126" s="14" t="s">
        <v>1</v>
      </c>
      <c r="C96126" s="14" t="s">
        <v>200</v>
      </c>
      <c r="D96126" s="14" t="s">
        <v>176</v>
      </c>
      <c r="E96126" s="15">
        <v>45507</v>
      </c>
      <c r="F96126" s="14" t="s">
        <v>61</v>
      </c>
      <c r="G96126" s="16">
        <v>0.91076156879078429</v>
      </c>
    </row>
    <row r="96127" spans="1:7" x14ac:dyDescent="0.3">
      <c r="A96127" s="13" t="s">
        <v>477</v>
      </c>
      <c r="B96127" s="14" t="s">
        <v>1</v>
      </c>
      <c r="C96127" s="14" t="s">
        <v>200</v>
      </c>
      <c r="D96127" s="14" t="s">
        <v>176</v>
      </c>
      <c r="E96127" s="15">
        <v>45508</v>
      </c>
      <c r="F96127" s="14" t="s">
        <v>61</v>
      </c>
      <c r="G96127" s="16">
        <v>0.91076156879078429</v>
      </c>
    </row>
    <row r="96128" spans="1:7" x14ac:dyDescent="0.3">
      <c r="A96128" s="13" t="s">
        <v>477</v>
      </c>
      <c r="B96128" s="14" t="s">
        <v>1</v>
      </c>
      <c r="C96128" s="14" t="s">
        <v>200</v>
      </c>
      <c r="D96128" s="14" t="s">
        <v>176</v>
      </c>
      <c r="E96128" s="15">
        <v>45509</v>
      </c>
      <c r="F96128" s="14" t="s">
        <v>61</v>
      </c>
      <c r="G96128" s="16">
        <v>0.91076156879078429</v>
      </c>
    </row>
    <row r="96129" spans="1:7" x14ac:dyDescent="0.3">
      <c r="A96129" s="13" t="s">
        <v>477</v>
      </c>
      <c r="B96129" s="14" t="s">
        <v>1</v>
      </c>
      <c r="C96129" s="14" t="s">
        <v>200</v>
      </c>
      <c r="D96129" s="14" t="s">
        <v>176</v>
      </c>
      <c r="E96129" s="15">
        <v>45510</v>
      </c>
      <c r="F96129" s="14" t="s">
        <v>61</v>
      </c>
      <c r="G96129" s="16">
        <v>0.92319420821906018</v>
      </c>
    </row>
    <row r="96130" spans="1:7" x14ac:dyDescent="0.3">
      <c r="A96130" s="13" t="s">
        <v>477</v>
      </c>
      <c r="B96130" s="14" t="s">
        <v>1</v>
      </c>
      <c r="C96130" s="14" t="s">
        <v>200</v>
      </c>
      <c r="D96130" s="14" t="s">
        <v>176</v>
      </c>
      <c r="E96130" s="15">
        <v>45511</v>
      </c>
      <c r="F96130" s="14" t="s">
        <v>61</v>
      </c>
      <c r="G96130" s="16">
        <v>0.95257331920858779</v>
      </c>
    </row>
    <row r="96131" spans="1:7" x14ac:dyDescent="0.3">
      <c r="A96131" s="13" t="s">
        <v>477</v>
      </c>
      <c r="B96131" s="14" t="s">
        <v>1</v>
      </c>
      <c r="C96131" s="14" t="s">
        <v>200</v>
      </c>
      <c r="D96131" s="14" t="s">
        <v>176</v>
      </c>
      <c r="E96131" s="15">
        <v>45512</v>
      </c>
      <c r="F96131" s="14" t="s">
        <v>61</v>
      </c>
      <c r="G96131" s="16">
        <v>0.95951135481075833</v>
      </c>
    </row>
    <row r="96132" spans="1:7" x14ac:dyDescent="0.3">
      <c r="A96132" s="13" t="s">
        <v>477</v>
      </c>
      <c r="B96132" s="14" t="s">
        <v>1</v>
      </c>
      <c r="C96132" s="14" t="s">
        <v>200</v>
      </c>
      <c r="D96132" s="14" t="s">
        <v>176</v>
      </c>
      <c r="E96132" s="15">
        <v>45513</v>
      </c>
      <c r="F96132" s="14" t="s">
        <v>61</v>
      </c>
      <c r="G96132" s="16">
        <v>0.9660531036643325</v>
      </c>
    </row>
    <row r="96133" spans="1:7" x14ac:dyDescent="0.3">
      <c r="A96133" s="13" t="s">
        <v>477</v>
      </c>
      <c r="B96133" s="14" t="s">
        <v>1</v>
      </c>
      <c r="C96133" s="14" t="s">
        <v>200</v>
      </c>
      <c r="D96133" s="14" t="s">
        <v>176</v>
      </c>
      <c r="E96133" s="15">
        <v>45514</v>
      </c>
      <c r="F96133" s="14" t="s">
        <v>61</v>
      </c>
      <c r="G96133" s="16">
        <v>0.9660531036643325</v>
      </c>
    </row>
    <row r="96134" spans="1:7" x14ac:dyDescent="0.3">
      <c r="A96134" s="13" t="s">
        <v>477</v>
      </c>
      <c r="B96134" s="14" t="s">
        <v>1</v>
      </c>
      <c r="C96134" s="14" t="s">
        <v>200</v>
      </c>
      <c r="D96134" s="14" t="s">
        <v>176</v>
      </c>
      <c r="E96134" s="15">
        <v>45515</v>
      </c>
      <c r="F96134" s="14" t="s">
        <v>61</v>
      </c>
      <c r="G96134" s="16">
        <v>0.9660531036643325</v>
      </c>
    </row>
    <row r="96135" spans="1:7" x14ac:dyDescent="0.3">
      <c r="A96135" s="13" t="s">
        <v>477</v>
      </c>
      <c r="B96135" s="14" t="s">
        <v>1</v>
      </c>
      <c r="C96135" s="14" t="s">
        <v>200</v>
      </c>
      <c r="D96135" s="14" t="s">
        <v>176</v>
      </c>
      <c r="E96135" s="15">
        <v>45516</v>
      </c>
      <c r="F96135" s="14" t="s">
        <v>61</v>
      </c>
      <c r="G96135" s="16">
        <v>0.96993558675745062</v>
      </c>
    </row>
    <row r="96136" spans="1:7" x14ac:dyDescent="0.3">
      <c r="A96136" s="13" t="s">
        <v>477</v>
      </c>
      <c r="B96136" s="14" t="s">
        <v>1</v>
      </c>
      <c r="C96136" s="14" t="s">
        <v>200</v>
      </c>
      <c r="D96136" s="14" t="s">
        <v>176</v>
      </c>
      <c r="E96136" s="15">
        <v>45517</v>
      </c>
      <c r="F96136" s="14" t="s">
        <v>61</v>
      </c>
      <c r="G96136" s="16">
        <v>0.98355865917219187</v>
      </c>
    </row>
    <row r="96137" spans="1:7" x14ac:dyDescent="0.3">
      <c r="A96137" s="13" t="s">
        <v>477</v>
      </c>
      <c r="B96137" s="14" t="s">
        <v>1</v>
      </c>
      <c r="C96137" s="14" t="s">
        <v>200</v>
      </c>
      <c r="D96137" s="14" t="s">
        <v>176</v>
      </c>
      <c r="E96137" s="15">
        <v>45518</v>
      </c>
      <c r="F96137" s="14" t="s">
        <v>61</v>
      </c>
      <c r="G96137" s="16">
        <v>0.98932985591710243</v>
      </c>
    </row>
    <row r="96138" spans="1:7" x14ac:dyDescent="0.3">
      <c r="A96138" s="13" t="s">
        <v>477</v>
      </c>
      <c r="B96138" s="14" t="s">
        <v>1</v>
      </c>
      <c r="C96138" s="14" t="s">
        <v>200</v>
      </c>
      <c r="D96138" s="14" t="s">
        <v>176</v>
      </c>
      <c r="E96138" s="15">
        <v>45519</v>
      </c>
      <c r="F96138" s="14" t="s">
        <v>61</v>
      </c>
      <c r="G96138" s="16">
        <v>0.9996057647961506</v>
      </c>
    </row>
    <row r="96139" spans="1:7" x14ac:dyDescent="0.3">
      <c r="A96139" s="13" t="s">
        <v>477</v>
      </c>
      <c r="B96139" s="14" t="s">
        <v>1</v>
      </c>
      <c r="C96139" s="14" t="s">
        <v>200</v>
      </c>
      <c r="D96139" s="14" t="s">
        <v>176</v>
      </c>
      <c r="E96139" s="15">
        <v>45520</v>
      </c>
      <c r="F96139" s="14" t="s">
        <v>61</v>
      </c>
      <c r="G96139" s="16">
        <v>1.0012120369795641</v>
      </c>
    </row>
    <row r="96140" spans="1:7" x14ac:dyDescent="0.3">
      <c r="A96140" s="13" t="s">
        <v>477</v>
      </c>
      <c r="B96140" s="14" t="s">
        <v>1</v>
      </c>
      <c r="C96140" s="14" t="s">
        <v>200</v>
      </c>
      <c r="D96140" s="14" t="s">
        <v>176</v>
      </c>
      <c r="E96140" s="15">
        <v>45521</v>
      </c>
      <c r="F96140" s="14" t="s">
        <v>61</v>
      </c>
      <c r="G96140" s="16">
        <v>1.0012120369795641</v>
      </c>
    </row>
    <row r="96141" spans="1:7" x14ac:dyDescent="0.3">
      <c r="A96141" s="13" t="s">
        <v>477</v>
      </c>
      <c r="B96141" s="14" t="s">
        <v>1</v>
      </c>
      <c r="C96141" s="14" t="s">
        <v>200</v>
      </c>
      <c r="D96141" s="14" t="s">
        <v>176</v>
      </c>
      <c r="E96141" s="15">
        <v>45522</v>
      </c>
      <c r="F96141" s="14" t="s">
        <v>61</v>
      </c>
      <c r="G96141" s="16">
        <v>1.0012120369795641</v>
      </c>
    </row>
    <row r="96142" spans="1:7" x14ac:dyDescent="0.3">
      <c r="A96142" s="13" t="s">
        <v>477</v>
      </c>
      <c r="B96142" s="14" t="s">
        <v>1</v>
      </c>
      <c r="C96142" s="14" t="s">
        <v>200</v>
      </c>
      <c r="D96142" s="14" t="s">
        <v>176</v>
      </c>
      <c r="E96142" s="15">
        <v>45523</v>
      </c>
      <c r="F96142" s="14" t="s">
        <v>61</v>
      </c>
      <c r="G96142" s="16">
        <v>1.0025212549003775</v>
      </c>
    </row>
    <row r="96143" spans="1:7" x14ac:dyDescent="0.3">
      <c r="A96143" s="13" t="s">
        <v>477</v>
      </c>
      <c r="B96143" s="14" t="s">
        <v>1</v>
      </c>
      <c r="C96143" s="14" t="s">
        <v>200</v>
      </c>
      <c r="D96143" s="14" t="s">
        <v>176</v>
      </c>
      <c r="E96143" s="15">
        <v>45524</v>
      </c>
      <c r="F96143" s="14" t="s">
        <v>61</v>
      </c>
      <c r="G96143" s="16">
        <v>1.0173810986417158</v>
      </c>
    </row>
    <row r="96144" spans="1:7" x14ac:dyDescent="0.3">
      <c r="A96144" s="13" t="s">
        <v>477</v>
      </c>
      <c r="B96144" s="14" t="s">
        <v>1</v>
      </c>
      <c r="C96144" s="14" t="s">
        <v>200</v>
      </c>
      <c r="D96144" s="14" t="s">
        <v>176</v>
      </c>
      <c r="E96144" s="15">
        <v>45525</v>
      </c>
      <c r="F96144" s="14" t="s">
        <v>61</v>
      </c>
      <c r="G96144" s="16">
        <v>1.0210088567743962</v>
      </c>
    </row>
    <row r="96145" spans="1:7" x14ac:dyDescent="0.3">
      <c r="A96145" s="13" t="s">
        <v>477</v>
      </c>
      <c r="B96145" s="14" t="s">
        <v>1</v>
      </c>
      <c r="C96145" s="14" t="s">
        <v>200</v>
      </c>
      <c r="D96145" s="14" t="s">
        <v>176</v>
      </c>
      <c r="E96145" s="15">
        <v>45526</v>
      </c>
      <c r="F96145" s="14" t="s">
        <v>61</v>
      </c>
      <c r="G96145" s="16">
        <v>1.0345905980069514</v>
      </c>
    </row>
    <row r="96146" spans="1:7" x14ac:dyDescent="0.3">
      <c r="A96146" s="13" t="s">
        <v>477</v>
      </c>
      <c r="B96146" s="14" t="s">
        <v>1</v>
      </c>
      <c r="C96146" s="14" t="s">
        <v>200</v>
      </c>
      <c r="D96146" s="14" t="s">
        <v>176</v>
      </c>
      <c r="E96146" s="15">
        <v>45527</v>
      </c>
      <c r="F96146" s="14" t="s">
        <v>61</v>
      </c>
      <c r="G96146" s="16">
        <v>1.0313289315576399</v>
      </c>
    </row>
    <row r="96147" spans="1:7" x14ac:dyDescent="0.3">
      <c r="A96147" s="13" t="s">
        <v>477</v>
      </c>
      <c r="B96147" s="14" t="s">
        <v>1</v>
      </c>
      <c r="C96147" s="14" t="s">
        <v>200</v>
      </c>
      <c r="D96147" s="14" t="s">
        <v>176</v>
      </c>
      <c r="E96147" s="15">
        <v>45528</v>
      </c>
      <c r="F96147" s="14" t="s">
        <v>61</v>
      </c>
      <c r="G96147" s="16">
        <v>1.0313289315576399</v>
      </c>
    </row>
    <row r="96148" spans="1:7" x14ac:dyDescent="0.3">
      <c r="A96148" s="13" t="s">
        <v>477</v>
      </c>
      <c r="B96148" s="14" t="s">
        <v>1</v>
      </c>
      <c r="C96148" s="14" t="s">
        <v>200</v>
      </c>
      <c r="D96148" s="14" t="s">
        <v>176</v>
      </c>
      <c r="E96148" s="15">
        <v>45529</v>
      </c>
      <c r="F96148" s="14" t="s">
        <v>61</v>
      </c>
      <c r="G96148" s="16">
        <v>1.0313289315576399</v>
      </c>
    </row>
    <row r="96149" spans="1:7" x14ac:dyDescent="0.3">
      <c r="A96149" s="13" t="s">
        <v>477</v>
      </c>
      <c r="B96149" s="14" t="s">
        <v>1</v>
      </c>
      <c r="C96149" s="14" t="s">
        <v>200</v>
      </c>
      <c r="D96149" s="14" t="s">
        <v>176</v>
      </c>
      <c r="E96149" s="15">
        <v>45530</v>
      </c>
      <c r="F96149" s="14" t="s">
        <v>61</v>
      </c>
      <c r="G96149" s="16">
        <v>1.0489288235498373</v>
      </c>
    </row>
    <row r="96150" spans="1:7" x14ac:dyDescent="0.3">
      <c r="A96150" s="13" t="s">
        <v>477</v>
      </c>
      <c r="B96150" s="14" t="s">
        <v>1</v>
      </c>
      <c r="C96150" s="14" t="s">
        <v>200</v>
      </c>
      <c r="D96150" s="14" t="s">
        <v>176</v>
      </c>
      <c r="E96150" s="15">
        <v>45531</v>
      </c>
      <c r="F96150" s="14" t="s">
        <v>61</v>
      </c>
      <c r="G96150" s="16">
        <v>1.0658055171685739</v>
      </c>
    </row>
    <row r="96151" spans="1:7" x14ac:dyDescent="0.3">
      <c r="A96151" s="13" t="s">
        <v>477</v>
      </c>
      <c r="B96151" s="14" t="s">
        <v>1</v>
      </c>
      <c r="C96151" s="14" t="s">
        <v>200</v>
      </c>
      <c r="D96151" s="14" t="s">
        <v>176</v>
      </c>
      <c r="E96151" s="15">
        <v>45532</v>
      </c>
      <c r="F96151" s="14" t="s">
        <v>61</v>
      </c>
      <c r="G96151" s="16">
        <v>1.0777254412074975</v>
      </c>
    </row>
    <row r="96152" spans="1:7" x14ac:dyDescent="0.3">
      <c r="A96152" s="13" t="s">
        <v>477</v>
      </c>
      <c r="B96152" s="14" t="s">
        <v>1</v>
      </c>
      <c r="C96152" s="14" t="s">
        <v>200</v>
      </c>
      <c r="D96152" s="14" t="s">
        <v>176</v>
      </c>
      <c r="E96152" s="15">
        <v>45533</v>
      </c>
      <c r="F96152" s="14" t="s">
        <v>61</v>
      </c>
      <c r="G96152" s="16">
        <v>1.087546577565738</v>
      </c>
    </row>
    <row r="96153" spans="1:7" x14ac:dyDescent="0.3">
      <c r="A96153" s="13" t="s">
        <v>477</v>
      </c>
      <c r="B96153" s="14" t="s">
        <v>1</v>
      </c>
      <c r="C96153" s="14" t="s">
        <v>200</v>
      </c>
      <c r="D96153" s="14" t="s">
        <v>176</v>
      </c>
      <c r="E96153" s="15">
        <v>45534</v>
      </c>
      <c r="F96153" s="14" t="s">
        <v>61</v>
      </c>
      <c r="G96153" s="16">
        <v>1.1005183332407511</v>
      </c>
    </row>
    <row r="96154" spans="1:7" x14ac:dyDescent="0.3">
      <c r="A96154" s="13" t="s">
        <v>477</v>
      </c>
      <c r="B96154" s="14" t="s">
        <v>1</v>
      </c>
      <c r="C96154" s="14" t="s">
        <v>200</v>
      </c>
      <c r="D96154" s="14" t="s">
        <v>176</v>
      </c>
      <c r="E96154" s="15">
        <v>45535</v>
      </c>
      <c r="F96154" s="14" t="s">
        <v>61</v>
      </c>
      <c r="G96154" s="16">
        <v>1.1005183332407511</v>
      </c>
    </row>
    <row r="96155" spans="1:7" x14ac:dyDescent="0.3">
      <c r="A96155" s="13" t="s">
        <v>477</v>
      </c>
      <c r="B96155" s="14" t="s">
        <v>1</v>
      </c>
      <c r="C96155" s="14" t="s">
        <v>200</v>
      </c>
      <c r="D96155" s="14" t="s">
        <v>176</v>
      </c>
      <c r="E96155" s="15">
        <v>45536</v>
      </c>
      <c r="F96155" s="14" t="s">
        <v>61</v>
      </c>
      <c r="G96155" s="16">
        <v>1.1005183332407511</v>
      </c>
    </row>
    <row r="96156" spans="1:7" x14ac:dyDescent="0.3">
      <c r="A96156" s="13" t="s">
        <v>477</v>
      </c>
      <c r="B96156" s="14" t="s">
        <v>1</v>
      </c>
      <c r="C96156" s="14" t="s">
        <v>200</v>
      </c>
      <c r="D96156" s="14" t="s">
        <v>176</v>
      </c>
      <c r="E96156" s="15">
        <v>45537</v>
      </c>
      <c r="F96156" s="14" t="s">
        <v>61</v>
      </c>
      <c r="G96156" s="16">
        <v>1.1005183332407511</v>
      </c>
    </row>
    <row r="96157" spans="1:7" x14ac:dyDescent="0.3">
      <c r="A96157" s="13" t="s">
        <v>477</v>
      </c>
      <c r="B96157" s="14" t="s">
        <v>1</v>
      </c>
      <c r="C96157" s="14" t="s">
        <v>200</v>
      </c>
      <c r="D96157" s="14" t="s">
        <v>176</v>
      </c>
      <c r="E96157" s="15">
        <v>45538</v>
      </c>
      <c r="F96157" s="14" t="s">
        <v>61</v>
      </c>
      <c r="G96157" s="16">
        <v>1.1072589112083846</v>
      </c>
    </row>
    <row r="96158" spans="1:7" x14ac:dyDescent="0.3">
      <c r="A96158" s="13" t="s">
        <v>477</v>
      </c>
      <c r="B96158" s="14" t="s">
        <v>1</v>
      </c>
      <c r="C96158" s="14" t="s">
        <v>200</v>
      </c>
      <c r="D96158" s="14" t="s">
        <v>176</v>
      </c>
      <c r="E96158" s="15">
        <v>45539</v>
      </c>
      <c r="F96158" s="14" t="s">
        <v>61</v>
      </c>
      <c r="G96158" s="16">
        <v>1.1251959892378107</v>
      </c>
    </row>
    <row r="96159" spans="1:7" x14ac:dyDescent="0.3">
      <c r="A96159" s="13" t="s">
        <v>477</v>
      </c>
      <c r="B96159" s="14" t="s">
        <v>1</v>
      </c>
      <c r="C96159" s="14" t="s">
        <v>200</v>
      </c>
      <c r="D96159" s="14" t="s">
        <v>176</v>
      </c>
      <c r="E96159" s="15">
        <v>45540</v>
      </c>
      <c r="F96159" s="14" t="s">
        <v>61</v>
      </c>
      <c r="G96159" s="16">
        <v>1.1286192238590156</v>
      </c>
    </row>
    <row r="96160" spans="1:7" x14ac:dyDescent="0.3">
      <c r="A96160" s="13" t="s">
        <v>477</v>
      </c>
      <c r="B96160" s="14" t="s">
        <v>1</v>
      </c>
      <c r="C96160" s="14" t="s">
        <v>200</v>
      </c>
      <c r="D96160" s="14" t="s">
        <v>176</v>
      </c>
      <c r="E96160" s="15">
        <v>45541</v>
      </c>
      <c r="F96160" s="14" t="s">
        <v>61</v>
      </c>
      <c r="G96160" s="16">
        <v>1.1379654574882525</v>
      </c>
    </row>
    <row r="96161" spans="1:7" x14ac:dyDescent="0.3">
      <c r="A96161" s="13" t="s">
        <v>477</v>
      </c>
      <c r="B96161" s="14" t="s">
        <v>1</v>
      </c>
      <c r="C96161" s="14" t="s">
        <v>200</v>
      </c>
      <c r="D96161" s="14" t="s">
        <v>176</v>
      </c>
      <c r="E96161" s="15">
        <v>45542</v>
      </c>
      <c r="F96161" s="14" t="s">
        <v>61</v>
      </c>
      <c r="G96161" s="16">
        <v>1.1379654574882525</v>
      </c>
    </row>
    <row r="96162" spans="1:7" x14ac:dyDescent="0.3">
      <c r="A96162" s="13" t="s">
        <v>477</v>
      </c>
      <c r="B96162" s="14" t="s">
        <v>1</v>
      </c>
      <c r="C96162" s="14" t="s">
        <v>200</v>
      </c>
      <c r="D96162" s="14" t="s">
        <v>176</v>
      </c>
      <c r="E96162" s="15">
        <v>45543</v>
      </c>
      <c r="F96162" s="14" t="s">
        <v>61</v>
      </c>
      <c r="G96162" s="16">
        <v>1.1379654574882525</v>
      </c>
    </row>
    <row r="96163" spans="1:7" x14ac:dyDescent="0.3">
      <c r="A96163" s="13" t="s">
        <v>477</v>
      </c>
      <c r="B96163" s="14" t="s">
        <v>1</v>
      </c>
      <c r="C96163" s="14" t="s">
        <v>200</v>
      </c>
      <c r="D96163" s="14" t="s">
        <v>176</v>
      </c>
      <c r="E96163" s="15">
        <v>45544</v>
      </c>
      <c r="F96163" s="14" t="s">
        <v>61</v>
      </c>
      <c r="G96163" s="16">
        <v>1.1521131528838573</v>
      </c>
    </row>
    <row r="96164" spans="1:7" x14ac:dyDescent="0.3">
      <c r="A96164" s="13" t="s">
        <v>477</v>
      </c>
      <c r="B96164" s="14" t="s">
        <v>1</v>
      </c>
      <c r="C96164" s="14" t="s">
        <v>200</v>
      </c>
      <c r="D96164" s="14" t="s">
        <v>176</v>
      </c>
      <c r="E96164" s="15">
        <v>45545</v>
      </c>
      <c r="F96164" s="14" t="s">
        <v>61</v>
      </c>
      <c r="G96164" s="16">
        <v>1.1713569133184787</v>
      </c>
    </row>
    <row r="96165" spans="1:7" x14ac:dyDescent="0.3">
      <c r="A96165" s="13" t="s">
        <v>477</v>
      </c>
      <c r="B96165" s="14" t="s">
        <v>1</v>
      </c>
      <c r="C96165" s="14" t="s">
        <v>200</v>
      </c>
      <c r="D96165" s="14" t="s">
        <v>176</v>
      </c>
      <c r="E96165" s="15">
        <v>45546</v>
      </c>
      <c r="F96165" s="14" t="s">
        <v>61</v>
      </c>
      <c r="G96165" s="16">
        <v>1.1799578585636141</v>
      </c>
    </row>
    <row r="96166" spans="1:7" x14ac:dyDescent="0.3">
      <c r="A96166" s="13" t="s">
        <v>477</v>
      </c>
      <c r="B96166" s="14" t="s">
        <v>1</v>
      </c>
      <c r="C96166" s="14" t="s">
        <v>200</v>
      </c>
      <c r="D96166" s="14" t="s">
        <v>176</v>
      </c>
      <c r="E96166" s="15">
        <v>45547</v>
      </c>
      <c r="F96166" s="14" t="s">
        <v>61</v>
      </c>
      <c r="G96166" s="16">
        <v>1.1796311875936698</v>
      </c>
    </row>
    <row r="96167" spans="1:7" x14ac:dyDescent="0.3">
      <c r="A96167" s="13" t="s">
        <v>477</v>
      </c>
      <c r="B96167" s="14" t="s">
        <v>1</v>
      </c>
      <c r="C96167" s="14" t="s">
        <v>200</v>
      </c>
      <c r="D96167" s="14" t="s">
        <v>176</v>
      </c>
      <c r="E96167" s="15">
        <v>45548</v>
      </c>
      <c r="F96167" s="14" t="s">
        <v>61</v>
      </c>
      <c r="G96167" s="16">
        <v>1.1852944004714467</v>
      </c>
    </row>
    <row r="96168" spans="1:7" x14ac:dyDescent="0.3">
      <c r="A96168" s="13" t="s">
        <v>477</v>
      </c>
      <c r="B96168" s="14" t="s">
        <v>1</v>
      </c>
      <c r="C96168" s="14" t="s">
        <v>200</v>
      </c>
      <c r="D96168" s="14" t="s">
        <v>176</v>
      </c>
      <c r="E96168" s="15">
        <v>45549</v>
      </c>
      <c r="F96168" s="14" t="s">
        <v>61</v>
      </c>
      <c r="G96168" s="16">
        <v>1.1852944004714467</v>
      </c>
    </row>
    <row r="96169" spans="1:7" x14ac:dyDescent="0.3">
      <c r="A96169" s="13" t="s">
        <v>477</v>
      </c>
      <c r="B96169" s="14" t="s">
        <v>1</v>
      </c>
      <c r="C96169" s="14" t="s">
        <v>200</v>
      </c>
      <c r="D96169" s="14" t="s">
        <v>176</v>
      </c>
      <c r="E96169" s="15">
        <v>45550</v>
      </c>
      <c r="F96169" s="14" t="s">
        <v>61</v>
      </c>
      <c r="G96169" s="16">
        <v>1.1852944004714467</v>
      </c>
    </row>
    <row r="96170" spans="1:7" x14ac:dyDescent="0.3">
      <c r="A96170" s="13" t="s">
        <v>477</v>
      </c>
      <c r="B96170" s="14" t="s">
        <v>1</v>
      </c>
      <c r="C96170" s="14" t="s">
        <v>200</v>
      </c>
      <c r="D96170" s="14" t="s">
        <v>176</v>
      </c>
      <c r="E96170" s="15">
        <v>45551</v>
      </c>
      <c r="F96170" s="14" t="s">
        <v>61</v>
      </c>
      <c r="G96170" s="16">
        <v>1.1853730655245749</v>
      </c>
    </row>
    <row r="96171" spans="1:7" x14ac:dyDescent="0.3">
      <c r="A96171" s="13" t="s">
        <v>477</v>
      </c>
      <c r="B96171" s="14" t="s">
        <v>1</v>
      </c>
      <c r="C96171" s="14" t="s">
        <v>200</v>
      </c>
      <c r="D96171" s="14" t="s">
        <v>176</v>
      </c>
      <c r="E96171" s="15">
        <v>45552</v>
      </c>
      <c r="F96171" s="14" t="s">
        <v>61</v>
      </c>
      <c r="G96171" s="16">
        <v>1.2039913290106703</v>
      </c>
    </row>
    <row r="96172" spans="1:7" x14ac:dyDescent="0.3">
      <c r="A96172" s="13" t="s">
        <v>477</v>
      </c>
      <c r="B96172" s="14" t="s">
        <v>1</v>
      </c>
      <c r="C96172" s="14" t="s">
        <v>200</v>
      </c>
      <c r="D96172" s="14" t="s">
        <v>176</v>
      </c>
      <c r="E96172" s="15">
        <v>45553</v>
      </c>
      <c r="F96172" s="14" t="s">
        <v>61</v>
      </c>
      <c r="G96172" s="16">
        <v>1.2099365027998805</v>
      </c>
    </row>
    <row r="96173" spans="1:7" x14ac:dyDescent="0.3">
      <c r="A96173" s="13" t="s">
        <v>477</v>
      </c>
      <c r="B96173" s="14" t="s">
        <v>1</v>
      </c>
      <c r="C96173" s="14" t="s">
        <v>200</v>
      </c>
      <c r="D96173" s="14" t="s">
        <v>176</v>
      </c>
      <c r="E96173" s="15">
        <v>45554</v>
      </c>
      <c r="F96173" s="14" t="s">
        <v>61</v>
      </c>
      <c r="G96173" s="16">
        <v>1.2116084003152683</v>
      </c>
    </row>
    <row r="96174" spans="1:7" x14ac:dyDescent="0.3">
      <c r="A96174" s="13" t="s">
        <v>477</v>
      </c>
      <c r="B96174" s="14" t="s">
        <v>1</v>
      </c>
      <c r="C96174" s="14" t="s">
        <v>200</v>
      </c>
      <c r="D96174" s="14" t="s">
        <v>176</v>
      </c>
      <c r="E96174" s="15">
        <v>45555</v>
      </c>
      <c r="F96174" s="14" t="s">
        <v>61</v>
      </c>
      <c r="G96174" s="16">
        <v>1.2193547021152142</v>
      </c>
    </row>
    <row r="96175" spans="1:7" x14ac:dyDescent="0.3">
      <c r="A96175" s="13" t="s">
        <v>477</v>
      </c>
      <c r="B96175" s="14" t="s">
        <v>1</v>
      </c>
      <c r="C96175" s="14" t="s">
        <v>200</v>
      </c>
      <c r="D96175" s="14" t="s">
        <v>176</v>
      </c>
      <c r="E96175" s="15">
        <v>45556</v>
      </c>
      <c r="F96175" s="14" t="s">
        <v>61</v>
      </c>
      <c r="G96175" s="16">
        <v>1.2193547021152142</v>
      </c>
    </row>
    <row r="96176" spans="1:7" x14ac:dyDescent="0.3">
      <c r="A96176" s="13" t="s">
        <v>477</v>
      </c>
      <c r="B96176" s="14" t="s">
        <v>1</v>
      </c>
      <c r="C96176" s="14" t="s">
        <v>200</v>
      </c>
      <c r="D96176" s="14" t="s">
        <v>176</v>
      </c>
      <c r="E96176" s="15">
        <v>45557</v>
      </c>
      <c r="F96176" s="14" t="s">
        <v>61</v>
      </c>
      <c r="G96176" s="16">
        <v>1.2193547021152142</v>
      </c>
    </row>
    <row r="96177" spans="1:7" x14ac:dyDescent="0.3">
      <c r="A96177" s="13" t="s">
        <v>477</v>
      </c>
      <c r="B96177" s="14" t="s">
        <v>1</v>
      </c>
      <c r="C96177" s="14" t="s">
        <v>200</v>
      </c>
      <c r="D96177" s="14" t="s">
        <v>176</v>
      </c>
      <c r="E96177" s="15">
        <v>45558</v>
      </c>
      <c r="F96177" s="14" t="s">
        <v>61</v>
      </c>
      <c r="G96177" s="16">
        <v>1.2316424525768972</v>
      </c>
    </row>
    <row r="96178" spans="1:7" x14ac:dyDescent="0.3">
      <c r="A96178" s="13" t="s">
        <v>477</v>
      </c>
      <c r="B96178" s="14" t="s">
        <v>1</v>
      </c>
      <c r="C96178" s="14" t="s">
        <v>200</v>
      </c>
      <c r="D96178" s="14" t="s">
        <v>176</v>
      </c>
      <c r="E96178" s="15">
        <v>45559</v>
      </c>
      <c r="F96178" s="14" t="s">
        <v>61</v>
      </c>
      <c r="G96178" s="16">
        <v>1.2437164269045828</v>
      </c>
    </row>
    <row r="96179" spans="1:7" x14ac:dyDescent="0.3">
      <c r="A96179" s="13" t="s">
        <v>477</v>
      </c>
      <c r="B96179" s="14" t="s">
        <v>1</v>
      </c>
      <c r="C96179" s="14" t="s">
        <v>200</v>
      </c>
      <c r="D96179" s="14" t="s">
        <v>176</v>
      </c>
      <c r="E96179" s="15">
        <v>45560</v>
      </c>
      <c r="F96179" s="14" t="s">
        <v>61</v>
      </c>
      <c r="G96179" s="16">
        <v>1.2551503381356768</v>
      </c>
    </row>
    <row r="96180" spans="1:7" x14ac:dyDescent="0.3">
      <c r="A96180" s="13" t="s">
        <v>477</v>
      </c>
      <c r="B96180" s="14" t="s">
        <v>1</v>
      </c>
      <c r="C96180" s="14" t="s">
        <v>200</v>
      </c>
      <c r="D96180" s="14" t="s">
        <v>176</v>
      </c>
      <c r="E96180" s="15">
        <v>45561</v>
      </c>
      <c r="F96180" s="14" t="s">
        <v>61</v>
      </c>
      <c r="G96180" s="16">
        <v>1.2568985460671209</v>
      </c>
    </row>
    <row r="96181" spans="1:7" x14ac:dyDescent="0.3">
      <c r="A96181" s="13" t="s">
        <v>477</v>
      </c>
      <c r="B96181" s="14" t="s">
        <v>1</v>
      </c>
      <c r="C96181" s="14" t="s">
        <v>200</v>
      </c>
      <c r="D96181" s="14" t="s">
        <v>176</v>
      </c>
      <c r="E96181" s="15">
        <v>45562</v>
      </c>
      <c r="F96181" s="14" t="s">
        <v>61</v>
      </c>
      <c r="G96181" s="16">
        <v>1.2647891790770129</v>
      </c>
    </row>
    <row r="96182" spans="1:7" x14ac:dyDescent="0.3">
      <c r="A96182" s="13" t="s">
        <v>477</v>
      </c>
      <c r="B96182" s="14" t="s">
        <v>1</v>
      </c>
      <c r="C96182" s="14" t="s">
        <v>200</v>
      </c>
      <c r="D96182" s="14" t="s">
        <v>176</v>
      </c>
      <c r="E96182" s="15">
        <v>45563</v>
      </c>
      <c r="F96182" s="14" t="s">
        <v>61</v>
      </c>
      <c r="G96182" s="16">
        <v>1.2647891790770129</v>
      </c>
    </row>
    <row r="96183" spans="1:7" x14ac:dyDescent="0.3">
      <c r="A96183" s="13" t="s">
        <v>477</v>
      </c>
      <c r="B96183" s="14" t="s">
        <v>1</v>
      </c>
      <c r="C96183" s="14" t="s">
        <v>200</v>
      </c>
      <c r="D96183" s="14" t="s">
        <v>176</v>
      </c>
      <c r="E96183" s="15">
        <v>45564</v>
      </c>
      <c r="F96183" s="14" t="s">
        <v>61</v>
      </c>
      <c r="G96183" s="16">
        <v>1.2647891790770129</v>
      </c>
    </row>
    <row r="96184" spans="1:7" x14ac:dyDescent="0.3">
      <c r="A96184" s="13" t="s">
        <v>477</v>
      </c>
      <c r="B96184" s="14" t="s">
        <v>1</v>
      </c>
      <c r="C96184" s="14" t="s">
        <v>200</v>
      </c>
      <c r="D96184" s="14" t="s">
        <v>176</v>
      </c>
      <c r="E96184" s="15">
        <v>45565</v>
      </c>
      <c r="F96184" s="14" t="s">
        <v>61</v>
      </c>
      <c r="G96184" s="16">
        <v>1.2754797568382812</v>
      </c>
    </row>
    <row r="96185" spans="1:7" x14ac:dyDescent="0.3">
      <c r="A96185" s="13" t="s">
        <v>477</v>
      </c>
      <c r="B96185" s="14" t="s">
        <v>1</v>
      </c>
      <c r="C96185" s="14" t="s">
        <v>200</v>
      </c>
      <c r="D96185" s="14" t="s">
        <v>176</v>
      </c>
      <c r="E96185" s="15">
        <v>45566</v>
      </c>
      <c r="F96185" s="14" t="s">
        <v>61</v>
      </c>
      <c r="G96185" s="16">
        <v>1.2933700304004809</v>
      </c>
    </row>
    <row r="96186" spans="1:7" x14ac:dyDescent="0.3">
      <c r="A96186" s="13" t="s">
        <v>477</v>
      </c>
      <c r="B96186" s="14" t="s">
        <v>1</v>
      </c>
      <c r="C96186" s="14" t="s">
        <v>200</v>
      </c>
      <c r="D96186" s="14" t="s">
        <v>176</v>
      </c>
      <c r="E96186" s="15">
        <v>45567</v>
      </c>
      <c r="F96186" s="14" t="s">
        <v>61</v>
      </c>
      <c r="G96186" s="16">
        <v>1.3055461553497139</v>
      </c>
    </row>
    <row r="96187" spans="1:7" x14ac:dyDescent="0.3">
      <c r="A96187" s="13" t="s">
        <v>477</v>
      </c>
      <c r="B96187" s="14" t="s">
        <v>1</v>
      </c>
      <c r="C96187" s="14" t="s">
        <v>200</v>
      </c>
      <c r="D96187" s="14" t="s">
        <v>176</v>
      </c>
      <c r="E96187" s="15">
        <v>45568</v>
      </c>
      <c r="F96187" s="14" t="s">
        <v>61</v>
      </c>
      <c r="G96187" s="16">
        <v>1.3135269968778651</v>
      </c>
    </row>
    <row r="96188" spans="1:7" x14ac:dyDescent="0.3">
      <c r="A96188" s="13" t="s">
        <v>477</v>
      </c>
      <c r="B96188" s="14" t="s">
        <v>1</v>
      </c>
      <c r="C96188" s="14" t="s">
        <v>200</v>
      </c>
      <c r="D96188" s="14" t="s">
        <v>176</v>
      </c>
      <c r="E96188" s="15">
        <v>45569</v>
      </c>
      <c r="F96188" s="14" t="s">
        <v>61</v>
      </c>
      <c r="G96188" s="16">
        <v>1.3262376299607406</v>
      </c>
    </row>
    <row r="96189" spans="1:7" x14ac:dyDescent="0.3">
      <c r="A96189" s="13" t="s">
        <v>477</v>
      </c>
      <c r="B96189" s="14" t="s">
        <v>1</v>
      </c>
      <c r="C96189" s="14" t="s">
        <v>200</v>
      </c>
      <c r="D96189" s="14" t="s">
        <v>176</v>
      </c>
      <c r="E96189" s="15">
        <v>45570</v>
      </c>
      <c r="F96189" s="14" t="s">
        <v>61</v>
      </c>
      <c r="G96189" s="16">
        <v>1.3262376299607406</v>
      </c>
    </row>
    <row r="96190" spans="1:7" x14ac:dyDescent="0.3">
      <c r="A96190" s="13" t="s">
        <v>477</v>
      </c>
      <c r="B96190" s="14" t="s">
        <v>1</v>
      </c>
      <c r="C96190" s="14" t="s">
        <v>200</v>
      </c>
      <c r="D96190" s="14" t="s">
        <v>176</v>
      </c>
      <c r="E96190" s="15">
        <v>45571</v>
      </c>
      <c r="F96190" s="14" t="s">
        <v>61</v>
      </c>
      <c r="G96190" s="16">
        <v>1.3262376299607406</v>
      </c>
    </row>
    <row r="96191" spans="1:7" x14ac:dyDescent="0.3">
      <c r="A96191" s="13" t="s">
        <v>477</v>
      </c>
      <c r="B96191" s="14" t="s">
        <v>1</v>
      </c>
      <c r="C96191" s="14" t="s">
        <v>200</v>
      </c>
      <c r="D96191" s="14" t="s">
        <v>176</v>
      </c>
      <c r="E96191" s="15">
        <v>45572</v>
      </c>
      <c r="F96191" s="14" t="s">
        <v>61</v>
      </c>
      <c r="G96191" s="16">
        <v>1.3388556618787917</v>
      </c>
    </row>
    <row r="96192" spans="1:7" x14ac:dyDescent="0.3">
      <c r="A96192" s="13" t="s">
        <v>477</v>
      </c>
      <c r="B96192" s="14" t="s">
        <v>1</v>
      </c>
      <c r="C96192" s="14" t="s">
        <v>200</v>
      </c>
      <c r="D96192" s="14" t="s">
        <v>176</v>
      </c>
      <c r="E96192" s="15">
        <v>45573</v>
      </c>
      <c r="F96192" s="14" t="s">
        <v>61</v>
      </c>
      <c r="G96192" s="16">
        <v>1.3565350968883636</v>
      </c>
    </row>
    <row r="96193" spans="1:7" x14ac:dyDescent="0.3">
      <c r="A96193" s="13" t="s">
        <v>477</v>
      </c>
      <c r="B96193" s="14" t="s">
        <v>1</v>
      </c>
      <c r="C96193" s="14" t="s">
        <v>200</v>
      </c>
      <c r="D96193" s="14" t="s">
        <v>176</v>
      </c>
      <c r="E96193" s="15">
        <v>45574</v>
      </c>
      <c r="F96193" s="14" t="s">
        <v>61</v>
      </c>
      <c r="G96193" s="16">
        <v>1.3680977414089899</v>
      </c>
    </row>
    <row r="96194" spans="1:7" x14ac:dyDescent="0.3">
      <c r="A96194" s="13" t="s">
        <v>477</v>
      </c>
      <c r="B96194" s="14" t="s">
        <v>1</v>
      </c>
      <c r="C96194" s="14" t="s">
        <v>200</v>
      </c>
      <c r="D96194" s="14" t="s">
        <v>176</v>
      </c>
      <c r="E96194" s="15">
        <v>45575</v>
      </c>
      <c r="F96194" s="14" t="s">
        <v>61</v>
      </c>
      <c r="G96194" s="16">
        <v>1.3737166981013789</v>
      </c>
    </row>
    <row r="96195" spans="1:7" x14ac:dyDescent="0.3">
      <c r="A96195" s="13" t="s">
        <v>477</v>
      </c>
      <c r="B96195" s="14" t="s">
        <v>1</v>
      </c>
      <c r="C96195" s="14" t="s">
        <v>200</v>
      </c>
      <c r="D96195" s="14" t="s">
        <v>176</v>
      </c>
      <c r="E96195" s="15">
        <v>45576</v>
      </c>
      <c r="F96195" s="14" t="s">
        <v>61</v>
      </c>
      <c r="G96195" s="16">
        <v>1.3792341665813153</v>
      </c>
    </row>
    <row r="96196" spans="1:7" x14ac:dyDescent="0.3">
      <c r="A96196" s="13" t="s">
        <v>477</v>
      </c>
      <c r="B96196" s="14" t="s">
        <v>1</v>
      </c>
      <c r="C96196" s="14" t="s">
        <v>200</v>
      </c>
      <c r="D96196" s="14" t="s">
        <v>176</v>
      </c>
      <c r="E96196" s="15">
        <v>45577</v>
      </c>
      <c r="F96196" s="14" t="s">
        <v>61</v>
      </c>
      <c r="G96196" s="16">
        <v>1.3792341665813153</v>
      </c>
    </row>
    <row r="96197" spans="1:7" x14ac:dyDescent="0.3">
      <c r="A96197" s="13" t="s">
        <v>477</v>
      </c>
      <c r="B96197" s="14" t="s">
        <v>1</v>
      </c>
      <c r="C96197" s="14" t="s">
        <v>200</v>
      </c>
      <c r="D96197" s="14" t="s">
        <v>176</v>
      </c>
      <c r="E96197" s="15">
        <v>45578</v>
      </c>
      <c r="F96197" s="14" t="s">
        <v>61</v>
      </c>
      <c r="G96197" s="16">
        <v>1.3792341665813153</v>
      </c>
    </row>
    <row r="96198" spans="1:7" x14ac:dyDescent="0.3">
      <c r="A96198" s="13" t="s">
        <v>477</v>
      </c>
      <c r="B96198" s="14" t="s">
        <v>1</v>
      </c>
      <c r="C96198" s="14" t="s">
        <v>200</v>
      </c>
      <c r="D96198" s="14" t="s">
        <v>176</v>
      </c>
      <c r="E96198" s="15">
        <v>45579</v>
      </c>
      <c r="F96198" s="14" t="s">
        <v>61</v>
      </c>
      <c r="G96198" s="16">
        <v>1.3792341665813153</v>
      </c>
    </row>
    <row r="96199" spans="1:7" x14ac:dyDescent="0.3">
      <c r="A96199" s="13" t="s">
        <v>477</v>
      </c>
      <c r="B96199" s="14" t="s">
        <v>1</v>
      </c>
      <c r="C96199" s="14" t="s">
        <v>200</v>
      </c>
      <c r="D96199" s="14" t="s">
        <v>176</v>
      </c>
      <c r="E96199" s="15">
        <v>45580</v>
      </c>
      <c r="F96199" s="14" t="s">
        <v>61</v>
      </c>
      <c r="G96199" s="16">
        <v>1.3911853596930011</v>
      </c>
    </row>
    <row r="96200" spans="1:7" x14ac:dyDescent="0.3">
      <c r="A96200" s="13" t="s">
        <v>477</v>
      </c>
      <c r="B96200" s="14" t="s">
        <v>1</v>
      </c>
      <c r="C96200" s="14" t="s">
        <v>200</v>
      </c>
      <c r="D96200" s="14" t="s">
        <v>176</v>
      </c>
      <c r="E96200" s="15">
        <v>45581</v>
      </c>
      <c r="F96200" s="14" t="s">
        <v>61</v>
      </c>
      <c r="G96200" s="16">
        <v>1.4197166232233911</v>
      </c>
    </row>
    <row r="96201" spans="1:7" x14ac:dyDescent="0.3">
      <c r="A96201" s="13" t="s">
        <v>477</v>
      </c>
      <c r="B96201" s="14" t="s">
        <v>1</v>
      </c>
      <c r="C96201" s="14" t="s">
        <v>200</v>
      </c>
      <c r="D96201" s="14" t="s">
        <v>176</v>
      </c>
      <c r="E96201" s="15">
        <v>45582</v>
      </c>
      <c r="F96201" s="14" t="s">
        <v>61</v>
      </c>
      <c r="G96201" s="16">
        <v>1.4323225844534024</v>
      </c>
    </row>
    <row r="96202" spans="1:7" x14ac:dyDescent="0.3">
      <c r="A96202" s="13" t="s">
        <v>477</v>
      </c>
      <c r="B96202" s="14" t="s">
        <v>1</v>
      </c>
      <c r="C96202" s="14" t="s">
        <v>200</v>
      </c>
      <c r="D96202" s="14" t="s">
        <v>176</v>
      </c>
      <c r="E96202" s="15">
        <v>45583</v>
      </c>
      <c r="F96202" s="14" t="s">
        <v>61</v>
      </c>
      <c r="G96202" s="16">
        <v>1.4414744484599229</v>
      </c>
    </row>
    <row r="96203" spans="1:7" x14ac:dyDescent="0.3">
      <c r="A96203" s="13" t="s">
        <v>477</v>
      </c>
      <c r="B96203" s="14" t="s">
        <v>1</v>
      </c>
      <c r="C96203" s="14" t="s">
        <v>200</v>
      </c>
      <c r="D96203" s="14" t="s">
        <v>176</v>
      </c>
      <c r="E96203" s="15">
        <v>45584</v>
      </c>
      <c r="F96203" s="14" t="s">
        <v>61</v>
      </c>
      <c r="G96203" s="16">
        <v>1.4414744484599229</v>
      </c>
    </row>
    <row r="96204" spans="1:7" x14ac:dyDescent="0.3">
      <c r="A96204" s="13" t="s">
        <v>477</v>
      </c>
      <c r="B96204" s="14" t="s">
        <v>1</v>
      </c>
      <c r="C96204" s="14" t="s">
        <v>200</v>
      </c>
      <c r="D96204" s="14" t="s">
        <v>176</v>
      </c>
      <c r="E96204" s="15">
        <v>45585</v>
      </c>
      <c r="F96204" s="14" t="s">
        <v>61</v>
      </c>
      <c r="G96204" s="16">
        <v>1.4414744484599229</v>
      </c>
    </row>
    <row r="96205" spans="1:7" x14ac:dyDescent="0.3">
      <c r="A96205" s="13" t="s">
        <v>477</v>
      </c>
      <c r="B96205" s="14" t="s">
        <v>1</v>
      </c>
      <c r="C96205" s="14" t="s">
        <v>200</v>
      </c>
      <c r="D96205" s="14" t="s">
        <v>176</v>
      </c>
      <c r="E96205" s="15">
        <v>45586</v>
      </c>
      <c r="F96205" s="14" t="s">
        <v>61</v>
      </c>
      <c r="G96205" s="16">
        <v>1.4599994830594136</v>
      </c>
    </row>
    <row r="96206" spans="1:7" x14ac:dyDescent="0.3">
      <c r="A96206" s="13" t="s">
        <v>477</v>
      </c>
      <c r="B96206" s="14" t="s">
        <v>1</v>
      </c>
      <c r="C96206" s="14" t="s">
        <v>200</v>
      </c>
      <c r="D96206" s="14" t="s">
        <v>176</v>
      </c>
      <c r="E96206" s="15">
        <v>45587</v>
      </c>
      <c r="F96206" s="14" t="s">
        <v>61</v>
      </c>
      <c r="G96206" s="16">
        <v>1.4816068228269592</v>
      </c>
    </row>
    <row r="96207" spans="1:7" x14ac:dyDescent="0.3">
      <c r="A96207" s="13" t="s">
        <v>477</v>
      </c>
      <c r="B96207" s="14" t="s">
        <v>1</v>
      </c>
      <c r="C96207" s="14" t="s">
        <v>200</v>
      </c>
      <c r="D96207" s="14" t="s">
        <v>176</v>
      </c>
      <c r="E96207" s="15">
        <v>45588</v>
      </c>
      <c r="F96207" s="14" t="s">
        <v>61</v>
      </c>
      <c r="G96207" s="16">
        <v>1.490843697609241</v>
      </c>
    </row>
    <row r="96208" spans="1:7" x14ac:dyDescent="0.3">
      <c r="A96208" s="13" t="s">
        <v>477</v>
      </c>
      <c r="B96208" s="14" t="s">
        <v>1</v>
      </c>
      <c r="C96208" s="14" t="s">
        <v>200</v>
      </c>
      <c r="D96208" s="14" t="s">
        <v>176</v>
      </c>
      <c r="E96208" s="15">
        <v>45589</v>
      </c>
      <c r="F96208" s="14" t="s">
        <v>61</v>
      </c>
      <c r="G96208" s="16">
        <v>1.4913443066740917</v>
      </c>
    </row>
    <row r="96209" spans="1:7" x14ac:dyDescent="0.3">
      <c r="A96209" s="13" t="s">
        <v>477</v>
      </c>
      <c r="B96209" s="14" t="s">
        <v>1</v>
      </c>
      <c r="C96209" s="14" t="s">
        <v>200</v>
      </c>
      <c r="D96209" s="14" t="s">
        <v>176</v>
      </c>
      <c r="E96209" s="15">
        <v>45590</v>
      </c>
      <c r="F96209" s="14" t="s">
        <v>61</v>
      </c>
      <c r="G96209" s="16">
        <v>1.5022564134181131</v>
      </c>
    </row>
    <row r="96210" spans="1:7" x14ac:dyDescent="0.3">
      <c r="A96210" s="13" t="s">
        <v>477</v>
      </c>
      <c r="B96210" s="14" t="s">
        <v>1</v>
      </c>
      <c r="C96210" s="14" t="s">
        <v>200</v>
      </c>
      <c r="D96210" s="14" t="s">
        <v>176</v>
      </c>
      <c r="E96210" s="15">
        <v>45591</v>
      </c>
      <c r="F96210" s="14" t="s">
        <v>61</v>
      </c>
      <c r="G96210" s="16">
        <v>1.5022564134181131</v>
      </c>
    </row>
    <row r="96211" spans="1:7" x14ac:dyDescent="0.3">
      <c r="A96211" s="13" t="s">
        <v>477</v>
      </c>
      <c r="B96211" s="14" t="s">
        <v>1</v>
      </c>
      <c r="C96211" s="14" t="s">
        <v>200</v>
      </c>
      <c r="D96211" s="14" t="s">
        <v>176</v>
      </c>
      <c r="E96211" s="15">
        <v>45592</v>
      </c>
      <c r="F96211" s="14" t="s">
        <v>61</v>
      </c>
      <c r="G96211" s="16">
        <v>1.5022564134181131</v>
      </c>
    </row>
    <row r="96212" spans="1:7" x14ac:dyDescent="0.3">
      <c r="A96212" s="13" t="s">
        <v>477</v>
      </c>
      <c r="B96212" s="14" t="s">
        <v>1</v>
      </c>
      <c r="C96212" s="14" t="s">
        <v>200</v>
      </c>
      <c r="D96212" s="14" t="s">
        <v>176</v>
      </c>
      <c r="E96212" s="15">
        <v>45593</v>
      </c>
      <c r="F96212" s="14" t="s">
        <v>61</v>
      </c>
      <c r="G96212" s="16">
        <v>1.5022564134181131</v>
      </c>
    </row>
    <row r="96213" spans="1:7" x14ac:dyDescent="0.3">
      <c r="A96213" s="13" t="s">
        <v>477</v>
      </c>
      <c r="B96213" s="14" t="s">
        <v>1</v>
      </c>
      <c r="C96213" s="14" t="s">
        <v>200</v>
      </c>
      <c r="D96213" s="14" t="s">
        <v>176</v>
      </c>
      <c r="E96213" s="15">
        <v>45594</v>
      </c>
      <c r="F96213" s="14" t="s">
        <v>61</v>
      </c>
      <c r="G96213" s="16">
        <v>1.5061323115946488</v>
      </c>
    </row>
    <row r="96214" spans="1:7" x14ac:dyDescent="0.3">
      <c r="A96214" s="13" t="s">
        <v>477</v>
      </c>
      <c r="B96214" s="14" t="s">
        <v>1</v>
      </c>
      <c r="C96214" s="14" t="s">
        <v>200</v>
      </c>
      <c r="D96214" s="14" t="s">
        <v>176</v>
      </c>
      <c r="E96214" s="15">
        <v>45595</v>
      </c>
      <c r="F96214" s="14" t="s">
        <v>61</v>
      </c>
      <c r="G96214" s="16">
        <v>1.5276859168674715</v>
      </c>
    </row>
    <row r="96215" spans="1:7" x14ac:dyDescent="0.3">
      <c r="A96215" s="13" t="s">
        <v>477</v>
      </c>
      <c r="B96215" s="14" t="s">
        <v>1</v>
      </c>
      <c r="C96215" s="14" t="s">
        <v>200</v>
      </c>
      <c r="D96215" s="14" t="s">
        <v>176</v>
      </c>
      <c r="E96215" s="15">
        <v>45596</v>
      </c>
      <c r="F96215" s="14" t="s">
        <v>61</v>
      </c>
      <c r="G96215" s="16">
        <v>1.5303763207648815</v>
      </c>
    </row>
    <row r="96216" spans="1:7" x14ac:dyDescent="0.3">
      <c r="A96216" s="13" t="s">
        <v>477</v>
      </c>
      <c r="B96216" s="14" t="s">
        <v>1</v>
      </c>
      <c r="C96216" s="14" t="s">
        <v>200</v>
      </c>
      <c r="D96216" s="14" t="s">
        <v>176</v>
      </c>
      <c r="E96216" s="15">
        <v>45597</v>
      </c>
      <c r="F96216" s="14" t="s">
        <v>61</v>
      </c>
      <c r="G96216" s="16">
        <v>1.5433339949370783</v>
      </c>
    </row>
    <row r="96217" spans="1:7" x14ac:dyDescent="0.3">
      <c r="A96217" s="13" t="s">
        <v>477</v>
      </c>
      <c r="B96217" s="14" t="s">
        <v>1</v>
      </c>
      <c r="C96217" s="14" t="s">
        <v>200</v>
      </c>
      <c r="D96217" s="14" t="s">
        <v>176</v>
      </c>
      <c r="E96217" s="15">
        <v>45598</v>
      </c>
      <c r="F96217" s="14" t="s">
        <v>61</v>
      </c>
      <c r="G96217" s="16">
        <v>1.5433339949370783</v>
      </c>
    </row>
    <row r="96218" spans="1:7" x14ac:dyDescent="0.3">
      <c r="A96218" s="13" t="s">
        <v>477</v>
      </c>
      <c r="B96218" s="14" t="s">
        <v>1</v>
      </c>
      <c r="C96218" s="14" t="s">
        <v>200</v>
      </c>
      <c r="D96218" s="14" t="s">
        <v>176</v>
      </c>
      <c r="E96218" s="15">
        <v>45599</v>
      </c>
      <c r="F96218" s="14" t="s">
        <v>61</v>
      </c>
      <c r="G96218" s="16">
        <v>1.5433339949370783</v>
      </c>
    </row>
    <row r="96219" spans="1:7" x14ac:dyDescent="0.3">
      <c r="A96219" s="13" t="s">
        <v>477</v>
      </c>
      <c r="B96219" s="14" t="s">
        <v>1</v>
      </c>
      <c r="C96219" s="14" t="s">
        <v>200</v>
      </c>
      <c r="D96219" s="14" t="s">
        <v>176</v>
      </c>
      <c r="E96219" s="15">
        <v>45600</v>
      </c>
      <c r="F96219" s="14" t="s">
        <v>61</v>
      </c>
      <c r="G96219" s="16">
        <v>1.5456963310205805</v>
      </c>
    </row>
    <row r="96220" spans="1:7" x14ac:dyDescent="0.3">
      <c r="A96220" s="13" t="s">
        <v>477</v>
      </c>
      <c r="B96220" s="14" t="s">
        <v>1</v>
      </c>
      <c r="C96220" s="14" t="s">
        <v>200</v>
      </c>
      <c r="D96220" s="14" t="s">
        <v>176</v>
      </c>
      <c r="E96220" s="15">
        <v>45601</v>
      </c>
      <c r="F96220" s="14" t="s">
        <v>61</v>
      </c>
      <c r="G96220" s="16">
        <v>1.5660338649435894</v>
      </c>
    </row>
    <row r="96221" spans="1:7" x14ac:dyDescent="0.3">
      <c r="A96221" s="13" t="s">
        <v>477</v>
      </c>
      <c r="B96221" s="14" t="s">
        <v>1</v>
      </c>
      <c r="C96221" s="14" t="s">
        <v>200</v>
      </c>
      <c r="D96221" s="14" t="s">
        <v>176</v>
      </c>
      <c r="E96221" s="15">
        <v>45602</v>
      </c>
      <c r="F96221" s="14" t="s">
        <v>61</v>
      </c>
      <c r="G96221" s="16">
        <v>1.6019009198249297</v>
      </c>
    </row>
    <row r="96222" spans="1:7" x14ac:dyDescent="0.3">
      <c r="A96222" s="13" t="s">
        <v>477</v>
      </c>
      <c r="B96222" s="14" t="s">
        <v>1</v>
      </c>
      <c r="C96222" s="14" t="s">
        <v>200</v>
      </c>
      <c r="D96222" s="14" t="s">
        <v>176</v>
      </c>
      <c r="E96222" s="15">
        <v>45603</v>
      </c>
      <c r="F96222" s="14" t="s">
        <v>61</v>
      </c>
      <c r="G96222" s="16">
        <v>1.590173793110059</v>
      </c>
    </row>
    <row r="96223" spans="1:7" x14ac:dyDescent="0.3">
      <c r="A96223" s="13" t="s">
        <v>477</v>
      </c>
      <c r="B96223" s="14" t="s">
        <v>1</v>
      </c>
      <c r="C96223" s="14" t="s">
        <v>200</v>
      </c>
      <c r="D96223" s="14" t="s">
        <v>176</v>
      </c>
      <c r="E96223" s="15">
        <v>45604</v>
      </c>
      <c r="F96223" s="14" t="s">
        <v>61</v>
      </c>
      <c r="G96223" s="16">
        <v>1.6113975032989061</v>
      </c>
    </row>
    <row r="96224" spans="1:7" x14ac:dyDescent="0.3">
      <c r="A96224" s="13" t="s">
        <v>477</v>
      </c>
      <c r="B96224" s="14" t="s">
        <v>1</v>
      </c>
      <c r="C96224" s="14" t="s">
        <v>200</v>
      </c>
      <c r="D96224" s="14" t="s">
        <v>176</v>
      </c>
      <c r="E96224" s="15">
        <v>45605</v>
      </c>
      <c r="F96224" s="14" t="s">
        <v>61</v>
      </c>
      <c r="G96224" s="16">
        <v>1.6113975032989061</v>
      </c>
    </row>
    <row r="96225" spans="1:7" x14ac:dyDescent="0.3">
      <c r="A96225" s="13" t="s">
        <v>477</v>
      </c>
      <c r="B96225" s="14" t="s">
        <v>1</v>
      </c>
      <c r="C96225" s="14" t="s">
        <v>200</v>
      </c>
      <c r="D96225" s="14" t="s">
        <v>176</v>
      </c>
      <c r="E96225" s="15">
        <v>45606</v>
      </c>
      <c r="F96225" s="14" t="s">
        <v>61</v>
      </c>
      <c r="G96225" s="16">
        <v>1.6113975032989061</v>
      </c>
    </row>
    <row r="96226" spans="1:7" x14ac:dyDescent="0.3">
      <c r="A96226" s="13" t="s">
        <v>477</v>
      </c>
      <c r="B96226" s="14" t="s">
        <v>1</v>
      </c>
      <c r="C96226" s="14" t="s">
        <v>200</v>
      </c>
      <c r="D96226" s="14" t="s">
        <v>176</v>
      </c>
      <c r="E96226" s="15">
        <v>45607</v>
      </c>
      <c r="F96226" s="14" t="s">
        <v>61</v>
      </c>
      <c r="G96226" s="16">
        <v>1.6113975032989061</v>
      </c>
    </row>
    <row r="96227" spans="1:7" x14ac:dyDescent="0.3">
      <c r="A96227" s="13" t="s">
        <v>477</v>
      </c>
      <c r="B96227" s="14" t="s">
        <v>1</v>
      </c>
      <c r="C96227" s="14" t="s">
        <v>200</v>
      </c>
      <c r="D96227" s="14" t="s">
        <v>176</v>
      </c>
      <c r="E96227" s="15">
        <v>45608</v>
      </c>
      <c r="F96227" s="14" t="s">
        <v>61</v>
      </c>
      <c r="G96227" s="16">
        <v>1.6338573176469879</v>
      </c>
    </row>
    <row r="96228" spans="1:7" x14ac:dyDescent="0.3">
      <c r="A96228" s="13" t="s">
        <v>477</v>
      </c>
      <c r="B96228" s="14" t="s">
        <v>1</v>
      </c>
      <c r="C96228" s="14" t="s">
        <v>200</v>
      </c>
      <c r="D96228" s="14" t="s">
        <v>176</v>
      </c>
      <c r="E96228" s="15">
        <v>45609</v>
      </c>
      <c r="F96228" s="14" t="s">
        <v>61</v>
      </c>
      <c r="G96228" s="16">
        <v>1.6625846235382109</v>
      </c>
    </row>
    <row r="96229" spans="1:7" x14ac:dyDescent="0.3">
      <c r="A96229" s="13" t="s">
        <v>477</v>
      </c>
      <c r="B96229" s="14" t="s">
        <v>1</v>
      </c>
      <c r="C96229" s="14" t="s">
        <v>200</v>
      </c>
      <c r="D96229" s="14" t="s">
        <v>176</v>
      </c>
      <c r="E96229" s="15">
        <v>45610</v>
      </c>
      <c r="F96229" s="14" t="s">
        <v>61</v>
      </c>
      <c r="G96229" s="16">
        <v>1.6744924515159219</v>
      </c>
    </row>
    <row r="96230" spans="1:7" x14ac:dyDescent="0.3">
      <c r="A96230" s="13" t="s">
        <v>477</v>
      </c>
      <c r="B96230" s="14" t="s">
        <v>1</v>
      </c>
      <c r="C96230" s="14" t="s">
        <v>200</v>
      </c>
      <c r="D96230" s="14" t="s">
        <v>176</v>
      </c>
      <c r="E96230" s="15">
        <v>45611</v>
      </c>
      <c r="F96230" s="14" t="s">
        <v>61</v>
      </c>
      <c r="G96230" s="16">
        <v>1.6803846697540474</v>
      </c>
    </row>
    <row r="96231" spans="1:7" x14ac:dyDescent="0.3">
      <c r="A96231" s="13" t="s">
        <v>477</v>
      </c>
      <c r="B96231" s="14" t="s">
        <v>1</v>
      </c>
      <c r="C96231" s="14" t="s">
        <v>200</v>
      </c>
      <c r="D96231" s="14" t="s">
        <v>176</v>
      </c>
      <c r="E96231" s="15">
        <v>45612</v>
      </c>
      <c r="F96231" s="14" t="s">
        <v>61</v>
      </c>
      <c r="G96231" s="16">
        <v>1.6803846697540474</v>
      </c>
    </row>
    <row r="96232" spans="1:7" x14ac:dyDescent="0.3">
      <c r="A96232" s="13" t="s">
        <v>477</v>
      </c>
      <c r="B96232" s="14" t="s">
        <v>1</v>
      </c>
      <c r="C96232" s="14" t="s">
        <v>200</v>
      </c>
      <c r="D96232" s="14" t="s">
        <v>176</v>
      </c>
      <c r="E96232" s="15">
        <v>45613</v>
      </c>
      <c r="F96232" s="14" t="s">
        <v>61</v>
      </c>
      <c r="G96232" s="16">
        <v>1.6803846697540474</v>
      </c>
    </row>
    <row r="96233" spans="1:7" x14ac:dyDescent="0.3">
      <c r="A96233" s="13" t="s">
        <v>477</v>
      </c>
      <c r="B96233" s="14" t="s">
        <v>1</v>
      </c>
      <c r="C96233" s="14" t="s">
        <v>200</v>
      </c>
      <c r="D96233" s="14" t="s">
        <v>176</v>
      </c>
      <c r="E96233" s="15">
        <v>45614</v>
      </c>
      <c r="F96233" s="14" t="s">
        <v>61</v>
      </c>
      <c r="G96233" s="16">
        <v>1.6771567708176569</v>
      </c>
    </row>
    <row r="96234" spans="1:7" x14ac:dyDescent="0.3">
      <c r="A96234" s="13" t="s">
        <v>477</v>
      </c>
      <c r="B96234" s="14" t="s">
        <v>1</v>
      </c>
      <c r="C96234" s="14" t="s">
        <v>200</v>
      </c>
      <c r="D96234" s="14" t="s">
        <v>176</v>
      </c>
      <c r="E96234" s="15">
        <v>45615</v>
      </c>
      <c r="F96234" s="14" t="s">
        <v>61</v>
      </c>
      <c r="G96234" s="16">
        <v>1.6970437591289849</v>
      </c>
    </row>
    <row r="96235" spans="1:7" x14ac:dyDescent="0.3">
      <c r="A96235" s="13" t="s">
        <v>477</v>
      </c>
      <c r="B96235" s="14" t="s">
        <v>1</v>
      </c>
      <c r="C96235" s="14" t="s">
        <v>200</v>
      </c>
      <c r="D96235" s="14" t="s">
        <v>176</v>
      </c>
      <c r="E96235" s="15">
        <v>45616</v>
      </c>
      <c r="F96235" s="14" t="s">
        <v>61</v>
      </c>
      <c r="G96235" s="16">
        <v>1.714417521422585</v>
      </c>
    </row>
    <row r="96236" spans="1:7" x14ac:dyDescent="0.3">
      <c r="A96236" s="13" t="s">
        <v>477</v>
      </c>
      <c r="B96236" s="14" t="s">
        <v>1</v>
      </c>
      <c r="C96236" s="14" t="s">
        <v>200</v>
      </c>
      <c r="D96236" s="14" t="s">
        <v>176</v>
      </c>
      <c r="E96236" s="15">
        <v>45617</v>
      </c>
      <c r="F96236" s="14" t="s">
        <v>61</v>
      </c>
      <c r="G96236" s="16">
        <v>1.7323891511516258</v>
      </c>
    </row>
    <row r="96237" spans="1:7" x14ac:dyDescent="0.3">
      <c r="A96237" s="13" t="s">
        <v>477</v>
      </c>
      <c r="B96237" s="14" t="s">
        <v>1</v>
      </c>
      <c r="C96237" s="14" t="s">
        <v>200</v>
      </c>
      <c r="D96237" s="14" t="s">
        <v>176</v>
      </c>
      <c r="E96237" s="15">
        <v>45618</v>
      </c>
      <c r="F96237" s="14" t="s">
        <v>61</v>
      </c>
      <c r="G96237" s="16">
        <v>1.7510746543632834</v>
      </c>
    </row>
    <row r="96238" spans="1:7" x14ac:dyDescent="0.3">
      <c r="A96238" s="13" t="s">
        <v>477</v>
      </c>
      <c r="B96238" s="14" t="s">
        <v>1</v>
      </c>
      <c r="C96238" s="14" t="s">
        <v>200</v>
      </c>
      <c r="D96238" s="14" t="s">
        <v>176</v>
      </c>
      <c r="E96238" s="15">
        <v>45619</v>
      </c>
      <c r="F96238" s="14" t="s">
        <v>61</v>
      </c>
      <c r="G96238" s="16">
        <v>1.7510746543632834</v>
      </c>
    </row>
    <row r="96239" spans="1:7" x14ac:dyDescent="0.3">
      <c r="A96239" s="13" t="s">
        <v>477</v>
      </c>
      <c r="B96239" s="14" t="s">
        <v>1</v>
      </c>
      <c r="C96239" s="14" t="s">
        <v>200</v>
      </c>
      <c r="D96239" s="14" t="s">
        <v>176</v>
      </c>
      <c r="E96239" s="15">
        <v>45620</v>
      </c>
      <c r="F96239" s="14" t="s">
        <v>61</v>
      </c>
      <c r="G96239" s="16">
        <v>1.7510746543632834</v>
      </c>
    </row>
    <row r="96240" spans="1:7" x14ac:dyDescent="0.3">
      <c r="A96240" s="13" t="s">
        <v>477</v>
      </c>
      <c r="B96240" s="14" t="s">
        <v>1</v>
      </c>
      <c r="C96240" s="14" t="s">
        <v>200</v>
      </c>
      <c r="D96240" s="14" t="s">
        <v>176</v>
      </c>
      <c r="E96240" s="15">
        <v>45621</v>
      </c>
      <c r="F96240" s="14" t="s">
        <v>61</v>
      </c>
      <c r="G96240" s="16">
        <v>1.743933010492106</v>
      </c>
    </row>
    <row r="96241" spans="1:7" x14ac:dyDescent="0.3">
      <c r="A96241" s="13" t="s">
        <v>477</v>
      </c>
      <c r="B96241" s="14" t="s">
        <v>1</v>
      </c>
      <c r="C96241" s="14" t="s">
        <v>200</v>
      </c>
      <c r="D96241" s="14" t="s">
        <v>176</v>
      </c>
      <c r="E96241" s="15">
        <v>45622</v>
      </c>
      <c r="F96241" s="14" t="s">
        <v>61</v>
      </c>
      <c r="G96241" s="16">
        <v>1.7670516419441562</v>
      </c>
    </row>
    <row r="96242" spans="1:7" x14ac:dyDescent="0.3">
      <c r="A96242" s="13" t="s">
        <v>477</v>
      </c>
      <c r="B96242" s="14" t="s">
        <v>1</v>
      </c>
      <c r="C96242" s="14" t="s">
        <v>200</v>
      </c>
      <c r="D96242" s="14" t="s">
        <v>176</v>
      </c>
      <c r="E96242" s="15">
        <v>45623</v>
      </c>
      <c r="F96242" s="14" t="s">
        <v>61</v>
      </c>
      <c r="G96242" s="16">
        <v>1.7606349353182809</v>
      </c>
    </row>
    <row r="96243" spans="1:7" x14ac:dyDescent="0.3">
      <c r="A96243" s="13" t="s">
        <v>477</v>
      </c>
      <c r="B96243" s="14" t="s">
        <v>1</v>
      </c>
      <c r="C96243" s="14" t="s">
        <v>200</v>
      </c>
      <c r="D96243" s="14" t="s">
        <v>176</v>
      </c>
      <c r="E96243" s="15">
        <v>45624</v>
      </c>
      <c r="F96243" s="14" t="s">
        <v>61</v>
      </c>
      <c r="G96243" s="16">
        <v>1.7606349353182809</v>
      </c>
    </row>
    <row r="96244" spans="1:7" x14ac:dyDescent="0.3">
      <c r="A96244" s="13" t="s">
        <v>477</v>
      </c>
      <c r="B96244" s="14" t="s">
        <v>1</v>
      </c>
      <c r="C96244" s="14" t="s">
        <v>200</v>
      </c>
      <c r="D96244" s="14" t="s">
        <v>176</v>
      </c>
      <c r="E96244" s="15">
        <v>45625</v>
      </c>
      <c r="F96244" s="14" t="s">
        <v>61</v>
      </c>
      <c r="G96244" s="16">
        <v>1.7674476060680042</v>
      </c>
    </row>
    <row r="96245" spans="1:7" x14ac:dyDescent="0.3">
      <c r="A96245" s="13" t="s">
        <v>477</v>
      </c>
      <c r="B96245" s="14" t="s">
        <v>1</v>
      </c>
      <c r="C96245" s="14" t="s">
        <v>200</v>
      </c>
      <c r="D96245" s="14" t="s">
        <v>176</v>
      </c>
      <c r="E96245" s="15">
        <v>45626</v>
      </c>
      <c r="F96245" s="14" t="s">
        <v>61</v>
      </c>
      <c r="G96245" s="16">
        <v>1.7674476060680042</v>
      </c>
    </row>
    <row r="96246" spans="1:7" x14ac:dyDescent="0.3">
      <c r="A96246" s="13" t="s">
        <v>477</v>
      </c>
      <c r="B96246" s="14" t="s">
        <v>1</v>
      </c>
      <c r="C96246" s="14" t="s">
        <v>200</v>
      </c>
      <c r="D96246" s="14" t="s">
        <v>176</v>
      </c>
      <c r="E96246" s="15">
        <v>45627</v>
      </c>
      <c r="F96246" s="14" t="s">
        <v>61</v>
      </c>
      <c r="G96246" s="16">
        <v>1.7674476060680042</v>
      </c>
    </row>
    <row r="96247" spans="1:7" x14ac:dyDescent="0.3">
      <c r="A96247" s="13" t="s">
        <v>477</v>
      </c>
      <c r="B96247" s="14" t="s">
        <v>1</v>
      </c>
      <c r="C96247" s="14" t="s">
        <v>200</v>
      </c>
      <c r="D96247" s="14" t="s">
        <v>176</v>
      </c>
      <c r="E96247" s="15">
        <v>45628</v>
      </c>
      <c r="F96247" s="14" t="s">
        <v>61</v>
      </c>
      <c r="G96247" s="16">
        <v>1.7951039595616618</v>
      </c>
    </row>
    <row r="96248" spans="1:7" x14ac:dyDescent="0.3">
      <c r="A96248" s="13" t="s">
        <v>477</v>
      </c>
      <c r="B96248" s="14" t="s">
        <v>1</v>
      </c>
      <c r="C96248" s="14" t="s">
        <v>200</v>
      </c>
      <c r="D96248" s="14" t="s">
        <v>176</v>
      </c>
      <c r="E96248" s="15">
        <v>45629</v>
      </c>
      <c r="F96248" s="14" t="s">
        <v>61</v>
      </c>
      <c r="G96248" s="16">
        <v>1.8131658733142739</v>
      </c>
    </row>
    <row r="96249" spans="1:7" x14ac:dyDescent="0.3">
      <c r="A96249" s="13" t="s">
        <v>477</v>
      </c>
      <c r="B96249" s="14" t="s">
        <v>1</v>
      </c>
      <c r="C96249" s="14" t="s">
        <v>200</v>
      </c>
      <c r="D96249" s="14" t="s">
        <v>176</v>
      </c>
      <c r="E96249" s="15">
        <v>45630</v>
      </c>
      <c r="F96249" s="14" t="s">
        <v>61</v>
      </c>
      <c r="G96249" s="16">
        <v>1.8182711888493635</v>
      </c>
    </row>
    <row r="96250" spans="1:7" x14ac:dyDescent="0.3">
      <c r="A96250" s="13" t="s">
        <v>477</v>
      </c>
      <c r="B96250" s="14" t="s">
        <v>1</v>
      </c>
      <c r="C96250" s="14" t="s">
        <v>200</v>
      </c>
      <c r="D96250" s="14" t="s">
        <v>176</v>
      </c>
      <c r="E96250" s="15">
        <v>45631</v>
      </c>
      <c r="F96250" s="14" t="s">
        <v>61</v>
      </c>
      <c r="G96250" s="16">
        <v>1.80939123178839</v>
      </c>
    </row>
    <row r="96251" spans="1:7" x14ac:dyDescent="0.3">
      <c r="A96251" s="13" t="s">
        <v>477</v>
      </c>
      <c r="B96251" s="14" t="s">
        <v>1</v>
      </c>
      <c r="C96251" s="14" t="s">
        <v>200</v>
      </c>
      <c r="D96251" s="14" t="s">
        <v>176</v>
      </c>
      <c r="E96251" s="15">
        <v>45632</v>
      </c>
      <c r="F96251" s="14" t="s">
        <v>61</v>
      </c>
      <c r="G96251" s="16">
        <v>1.8192502980514083</v>
      </c>
    </row>
    <row r="96252" spans="1:7" x14ac:dyDescent="0.3">
      <c r="A96252" s="13" t="s">
        <v>477</v>
      </c>
      <c r="B96252" s="14" t="s">
        <v>1</v>
      </c>
      <c r="C96252" s="14" t="s">
        <v>200</v>
      </c>
      <c r="D96252" s="14" t="s">
        <v>176</v>
      </c>
      <c r="E96252" s="15">
        <v>45633</v>
      </c>
      <c r="F96252" s="14" t="s">
        <v>61</v>
      </c>
      <c r="G96252" s="16">
        <v>1.8192502980514083</v>
      </c>
    </row>
    <row r="96253" spans="1:7" x14ac:dyDescent="0.3">
      <c r="A96253" s="13" t="s">
        <v>477</v>
      </c>
      <c r="B96253" s="14" t="s">
        <v>1</v>
      </c>
      <c r="C96253" s="14" t="s">
        <v>200</v>
      </c>
      <c r="D96253" s="14" t="s">
        <v>176</v>
      </c>
      <c r="E96253" s="15">
        <v>45634</v>
      </c>
      <c r="F96253" s="14" t="s">
        <v>61</v>
      </c>
      <c r="G96253" s="16">
        <v>1.8192502980514083</v>
      </c>
    </row>
    <row r="96254" spans="1:7" x14ac:dyDescent="0.3">
      <c r="A96254" s="13" t="s">
        <v>477</v>
      </c>
      <c r="B96254" s="14" t="s">
        <v>1</v>
      </c>
      <c r="C96254" s="14" t="s">
        <v>200</v>
      </c>
      <c r="D96254" s="14" t="s">
        <v>176</v>
      </c>
      <c r="E96254" s="15">
        <v>45635</v>
      </c>
      <c r="F96254" s="14" t="s">
        <v>61</v>
      </c>
      <c r="G96254" s="16">
        <v>1.8286219151705447</v>
      </c>
    </row>
    <row r="96255" spans="1:7" x14ac:dyDescent="0.3">
      <c r="A96255" s="13" t="s">
        <v>477</v>
      </c>
      <c r="B96255" s="14" t="s">
        <v>1</v>
      </c>
      <c r="C96255" s="14" t="s">
        <v>200</v>
      </c>
      <c r="D96255" s="14" t="s">
        <v>176</v>
      </c>
      <c r="E96255" s="15">
        <v>45636</v>
      </c>
      <c r="F96255" s="14" t="s">
        <v>61</v>
      </c>
      <c r="G96255" s="16">
        <v>1.8562772830654757</v>
      </c>
    </row>
    <row r="96256" spans="1:7" x14ac:dyDescent="0.3">
      <c r="A96256" s="13" t="s">
        <v>477</v>
      </c>
      <c r="B96256" s="14" t="s">
        <v>1</v>
      </c>
      <c r="C96256" s="14" t="s">
        <v>200</v>
      </c>
      <c r="D96256" s="14" t="s">
        <v>176</v>
      </c>
      <c r="E96256" s="15">
        <v>45637</v>
      </c>
      <c r="F96256" s="14" t="s">
        <v>61</v>
      </c>
      <c r="G96256" s="16">
        <v>1.8687355498462457</v>
      </c>
    </row>
    <row r="96257" spans="1:7" x14ac:dyDescent="0.3">
      <c r="A96257" s="13" t="s">
        <v>477</v>
      </c>
      <c r="B96257" s="14" t="s">
        <v>1</v>
      </c>
      <c r="C96257" s="14" t="s">
        <v>200</v>
      </c>
      <c r="D96257" s="14" t="s">
        <v>176</v>
      </c>
      <c r="E96257" s="15">
        <v>45638</v>
      </c>
      <c r="F96257" s="14" t="s">
        <v>61</v>
      </c>
      <c r="G96257" s="16">
        <v>1.8808212606144306</v>
      </c>
    </row>
    <row r="96258" spans="1:7" x14ac:dyDescent="0.3">
      <c r="A96258" s="13" t="s">
        <v>477</v>
      </c>
      <c r="B96258" s="14" t="s">
        <v>1</v>
      </c>
      <c r="C96258" s="14" t="s">
        <v>200</v>
      </c>
      <c r="D96258" s="14" t="s">
        <v>176</v>
      </c>
      <c r="E96258" s="15">
        <v>45639</v>
      </c>
      <c r="F96258" s="14" t="s">
        <v>61</v>
      </c>
      <c r="G96258" s="16">
        <v>1.8825854549629171</v>
      </c>
    </row>
    <row r="96259" spans="1:7" x14ac:dyDescent="0.3">
      <c r="A96259" s="13" t="s">
        <v>477</v>
      </c>
      <c r="B96259" s="14" t="s">
        <v>1</v>
      </c>
      <c r="C96259" s="14" t="s">
        <v>200</v>
      </c>
      <c r="D96259" s="14" t="s">
        <v>176</v>
      </c>
      <c r="E96259" s="15">
        <v>45640</v>
      </c>
      <c r="F96259" s="14" t="s">
        <v>61</v>
      </c>
      <c r="G96259" s="16">
        <v>1.8825854549629171</v>
      </c>
    </row>
    <row r="96260" spans="1:7" x14ac:dyDescent="0.3">
      <c r="A96260" s="13" t="s">
        <v>477</v>
      </c>
      <c r="B96260" s="14" t="s">
        <v>1</v>
      </c>
      <c r="C96260" s="14" t="s">
        <v>200</v>
      </c>
      <c r="D96260" s="14" t="s">
        <v>176</v>
      </c>
      <c r="E96260" s="15">
        <v>45641</v>
      </c>
      <c r="F96260" s="14" t="s">
        <v>61</v>
      </c>
      <c r="G96260" s="16">
        <v>1.8825854549629171</v>
      </c>
    </row>
    <row r="96261" spans="1:7" x14ac:dyDescent="0.3">
      <c r="A96261" s="13" t="s">
        <v>477</v>
      </c>
      <c r="B96261" s="14" t="s">
        <v>1</v>
      </c>
      <c r="C96261" s="14" t="s">
        <v>200</v>
      </c>
      <c r="D96261" s="14" t="s">
        <v>176</v>
      </c>
      <c r="E96261" s="15">
        <v>45642</v>
      </c>
      <c r="F96261" s="14" t="s">
        <v>61</v>
      </c>
      <c r="G96261" s="16">
        <v>1.8876710366129135</v>
      </c>
    </row>
    <row r="96262" spans="1:7" x14ac:dyDescent="0.3">
      <c r="A96262" s="13" t="s">
        <v>477</v>
      </c>
      <c r="B96262" s="14" t="s">
        <v>1</v>
      </c>
      <c r="C96262" s="14" t="s">
        <v>200</v>
      </c>
      <c r="D96262" s="14" t="s">
        <v>176</v>
      </c>
      <c r="E96262" s="15">
        <v>45643</v>
      </c>
      <c r="F96262" s="14" t="s">
        <v>61</v>
      </c>
      <c r="G96262" s="16">
        <v>1.9115061851668917</v>
      </c>
    </row>
    <row r="96263" spans="1:7" x14ac:dyDescent="0.3">
      <c r="A96263" s="13" t="s">
        <v>477</v>
      </c>
      <c r="B96263" s="14" t="s">
        <v>1</v>
      </c>
      <c r="C96263" s="14" t="s">
        <v>200</v>
      </c>
      <c r="D96263" s="14" t="s">
        <v>176</v>
      </c>
      <c r="E96263" s="15">
        <v>45644</v>
      </c>
      <c r="F96263" s="14" t="s">
        <v>61</v>
      </c>
      <c r="G96263" s="16">
        <v>1.9443978982364136</v>
      </c>
    </row>
    <row r="96264" spans="1:7" x14ac:dyDescent="0.3">
      <c r="A96264" s="13" t="s">
        <v>477</v>
      </c>
      <c r="B96264" s="14" t="s">
        <v>1</v>
      </c>
      <c r="C96264" s="14" t="s">
        <v>200</v>
      </c>
      <c r="D96264" s="14" t="s">
        <v>176</v>
      </c>
      <c r="E96264" s="15">
        <v>45645</v>
      </c>
      <c r="F96264" s="14" t="s">
        <v>61</v>
      </c>
      <c r="G96264" s="16">
        <v>1.9514961342728543</v>
      </c>
    </row>
    <row r="96265" spans="1:7" x14ac:dyDescent="0.3">
      <c r="A96265" s="13" t="s">
        <v>477</v>
      </c>
      <c r="B96265" s="14" t="s">
        <v>1</v>
      </c>
      <c r="C96265" s="14" t="s">
        <v>200</v>
      </c>
      <c r="D96265" s="14" t="s">
        <v>176</v>
      </c>
      <c r="E96265" s="15">
        <v>45646</v>
      </c>
      <c r="F96265" s="14" t="s">
        <v>61</v>
      </c>
      <c r="G96265" s="16">
        <v>1.9492049737273889</v>
      </c>
    </row>
    <row r="96266" spans="1:7" x14ac:dyDescent="0.3">
      <c r="A96266" s="13" t="s">
        <v>477</v>
      </c>
      <c r="B96266" s="14" t="s">
        <v>1</v>
      </c>
      <c r="C96266" s="14" t="s">
        <v>200</v>
      </c>
      <c r="D96266" s="14" t="s">
        <v>176</v>
      </c>
      <c r="E96266" s="15">
        <v>45647</v>
      </c>
      <c r="F96266" s="14" t="s">
        <v>61</v>
      </c>
      <c r="G96266" s="16">
        <v>1.9492049737273889</v>
      </c>
    </row>
    <row r="96267" spans="1:7" x14ac:dyDescent="0.3">
      <c r="A96267" s="13" t="s">
        <v>477</v>
      </c>
      <c r="B96267" s="14" t="s">
        <v>1</v>
      </c>
      <c r="C96267" s="14" t="s">
        <v>200</v>
      </c>
      <c r="D96267" s="14" t="s">
        <v>176</v>
      </c>
      <c r="E96267" s="15">
        <v>45648</v>
      </c>
      <c r="F96267" s="14" t="s">
        <v>61</v>
      </c>
      <c r="G96267" s="16">
        <v>1.9492049737273889</v>
      </c>
    </row>
    <row r="96268" spans="1:7" x14ac:dyDescent="0.3">
      <c r="A96268" s="13" t="s">
        <v>477</v>
      </c>
      <c r="B96268" s="14" t="s">
        <v>1</v>
      </c>
      <c r="C96268" s="14" t="s">
        <v>200</v>
      </c>
      <c r="D96268" s="14" t="s">
        <v>176</v>
      </c>
      <c r="E96268" s="15">
        <v>45649</v>
      </c>
      <c r="F96268" s="14" t="s">
        <v>61</v>
      </c>
      <c r="G96268" s="16">
        <v>1.9615623932366126</v>
      </c>
    </row>
    <row r="96269" spans="1:7" x14ac:dyDescent="0.3">
      <c r="A96269" s="13" t="s">
        <v>477</v>
      </c>
      <c r="B96269" s="14" t="s">
        <v>1</v>
      </c>
      <c r="C96269" s="14" t="s">
        <v>200</v>
      </c>
      <c r="D96269" s="14" t="s">
        <v>176</v>
      </c>
      <c r="E96269" s="15">
        <v>45650</v>
      </c>
      <c r="F96269" s="14" t="s">
        <v>61</v>
      </c>
      <c r="G96269" s="16">
        <v>1.9834224766383115</v>
      </c>
    </row>
    <row r="96270" spans="1:7" x14ac:dyDescent="0.3">
      <c r="A96270" s="13" t="s">
        <v>477</v>
      </c>
      <c r="B96270" s="14" t="s">
        <v>1</v>
      </c>
      <c r="C96270" s="14" t="s">
        <v>200</v>
      </c>
      <c r="D96270" s="14" t="s">
        <v>176</v>
      </c>
      <c r="E96270" s="15">
        <v>45651</v>
      </c>
      <c r="F96270" s="14" t="s">
        <v>61</v>
      </c>
      <c r="G96270" s="16">
        <v>1.9834224766383115</v>
      </c>
    </row>
    <row r="96271" spans="1:7" x14ac:dyDescent="0.3">
      <c r="A96271" s="13" t="s">
        <v>477</v>
      </c>
      <c r="B96271" s="14" t="s">
        <v>1</v>
      </c>
      <c r="C96271" s="14" t="s">
        <v>200</v>
      </c>
      <c r="D96271" s="14" t="s">
        <v>176</v>
      </c>
      <c r="E96271" s="15">
        <v>45652</v>
      </c>
      <c r="F96271" s="14" t="s">
        <v>61</v>
      </c>
      <c r="G96271" s="16">
        <v>1.9834224766383115</v>
      </c>
    </row>
    <row r="96272" spans="1:7" x14ac:dyDescent="0.3">
      <c r="A96272" s="13" t="s">
        <v>477</v>
      </c>
      <c r="B96272" s="14" t="s">
        <v>1</v>
      </c>
      <c r="C96272" s="14" t="s">
        <v>200</v>
      </c>
      <c r="D96272" s="14" t="s">
        <v>176</v>
      </c>
      <c r="E96272" s="15">
        <v>45653</v>
      </c>
      <c r="F96272" s="14" t="s">
        <v>61</v>
      </c>
      <c r="G96272" s="16">
        <v>1.9834224766383115</v>
      </c>
    </row>
    <row r="96273" spans="1:7" x14ac:dyDescent="0.3">
      <c r="A96273" s="13" t="s">
        <v>477</v>
      </c>
      <c r="B96273" s="14" t="s">
        <v>1</v>
      </c>
      <c r="C96273" s="14" t="s">
        <v>200</v>
      </c>
      <c r="D96273" s="14" t="s">
        <v>176</v>
      </c>
      <c r="E96273" s="15">
        <v>45654</v>
      </c>
      <c r="F96273" s="14" t="s">
        <v>61</v>
      </c>
      <c r="G96273" s="16">
        <v>1.9834224766383115</v>
      </c>
    </row>
    <row r="96274" spans="1:7" x14ac:dyDescent="0.3">
      <c r="A96274" s="13" t="s">
        <v>477</v>
      </c>
      <c r="B96274" s="14" t="s">
        <v>1</v>
      </c>
      <c r="C96274" s="14" t="s">
        <v>200</v>
      </c>
      <c r="D96274" s="14" t="s">
        <v>176</v>
      </c>
      <c r="E96274" s="15">
        <v>45655</v>
      </c>
      <c r="F96274" s="14" t="s">
        <v>61</v>
      </c>
      <c r="G96274" s="16">
        <v>1.9834224766383115</v>
      </c>
    </row>
    <row r="96275" spans="1:7" x14ac:dyDescent="0.3">
      <c r="A96275" s="13" t="s">
        <v>477</v>
      </c>
      <c r="B96275" s="14" t="s">
        <v>1</v>
      </c>
      <c r="C96275" s="14" t="s">
        <v>200</v>
      </c>
      <c r="D96275" s="14" t="s">
        <v>176</v>
      </c>
      <c r="E96275" s="15">
        <v>45656</v>
      </c>
      <c r="F96275" s="14" t="s">
        <v>61</v>
      </c>
      <c r="G96275" s="16">
        <v>1.988609186499241</v>
      </c>
    </row>
    <row r="96276" spans="1:7" x14ac:dyDescent="0.3">
      <c r="A96276" s="13" t="s">
        <v>477</v>
      </c>
      <c r="B96276" s="14" t="s">
        <v>1</v>
      </c>
      <c r="C96276" s="14" t="s">
        <v>200</v>
      </c>
      <c r="D96276" s="14" t="s">
        <v>176</v>
      </c>
      <c r="E96276" s="15">
        <v>45657</v>
      </c>
      <c r="F96276" s="14" t="s">
        <v>61</v>
      </c>
      <c r="G96276" s="16">
        <v>2.0440301028457086</v>
      </c>
    </row>
    <row r="96277" spans="1:7" x14ac:dyDescent="0.3">
      <c r="A96277" s="13" t="s">
        <v>477</v>
      </c>
      <c r="B96277" s="14" t="s">
        <v>1</v>
      </c>
      <c r="C96277" s="14" t="s">
        <v>200</v>
      </c>
      <c r="D96277" s="14" t="s">
        <v>176</v>
      </c>
      <c r="E96277" s="15">
        <v>45658</v>
      </c>
      <c r="F96277" s="14" t="s">
        <v>61</v>
      </c>
      <c r="G96277" s="16">
        <v>2.0440301028457086</v>
      </c>
    </row>
    <row r="96278" spans="1:7" x14ac:dyDescent="0.3">
      <c r="A96278" s="13" t="s">
        <v>477</v>
      </c>
      <c r="B96278" s="14" t="s">
        <v>1</v>
      </c>
      <c r="C96278" s="14" t="s">
        <v>200</v>
      </c>
      <c r="D96278" s="14" t="s">
        <v>176</v>
      </c>
      <c r="E96278" s="15">
        <v>45659</v>
      </c>
      <c r="F96278" s="14" t="s">
        <v>61</v>
      </c>
      <c r="G96278" s="16">
        <v>2.069617831185544</v>
      </c>
    </row>
    <row r="96279" spans="1:7" x14ac:dyDescent="0.3">
      <c r="A96279" s="13" t="s">
        <v>477</v>
      </c>
      <c r="B96279" s="14" t="s">
        <v>1</v>
      </c>
      <c r="C96279" s="14" t="s">
        <v>200</v>
      </c>
      <c r="D96279" s="14" t="s">
        <v>176</v>
      </c>
      <c r="E96279" s="15">
        <v>45660</v>
      </c>
      <c r="F96279" s="14" t="s">
        <v>61</v>
      </c>
      <c r="G96279" s="16">
        <v>2.0705318177910748</v>
      </c>
    </row>
    <row r="96280" spans="1:7" x14ac:dyDescent="0.3">
      <c r="A96280" s="13" t="s">
        <v>477</v>
      </c>
      <c r="B96280" s="14" t="s">
        <v>1</v>
      </c>
      <c r="C96280" s="14" t="s">
        <v>200</v>
      </c>
      <c r="D96280" s="14" t="s">
        <v>176</v>
      </c>
      <c r="E96280" s="15">
        <v>45661</v>
      </c>
      <c r="F96280" s="14" t="s">
        <v>61</v>
      </c>
      <c r="G96280" s="16">
        <v>2.0705318177910748</v>
      </c>
    </row>
    <row r="96281" spans="1:7" x14ac:dyDescent="0.3">
      <c r="A96281" s="13" t="s">
        <v>477</v>
      </c>
      <c r="B96281" s="14" t="s">
        <v>1</v>
      </c>
      <c r="C96281" s="14" t="s">
        <v>200</v>
      </c>
      <c r="D96281" s="14" t="s">
        <v>176</v>
      </c>
      <c r="E96281" s="15">
        <v>45662</v>
      </c>
      <c r="F96281" s="14" t="s">
        <v>61</v>
      </c>
      <c r="G96281" s="16">
        <v>2.0705318177910748</v>
      </c>
    </row>
    <row r="96282" spans="1:7" x14ac:dyDescent="0.3">
      <c r="A96282" s="13" t="s">
        <v>477</v>
      </c>
      <c r="B96282" s="14" t="s">
        <v>1</v>
      </c>
      <c r="C96282" s="14" t="s">
        <v>200</v>
      </c>
      <c r="D96282" s="14" t="s">
        <v>176</v>
      </c>
      <c r="E96282" s="15">
        <v>45663</v>
      </c>
      <c r="F96282" s="14" t="s">
        <v>61</v>
      </c>
      <c r="G96282" s="16">
        <v>2.0612204559016059</v>
      </c>
    </row>
    <row r="96283" spans="1:7" x14ac:dyDescent="0.3">
      <c r="A96283" s="13" t="s">
        <v>477</v>
      </c>
      <c r="B96283" s="14" t="s">
        <v>1</v>
      </c>
      <c r="C96283" s="14" t="s">
        <v>200</v>
      </c>
      <c r="D96283" s="14" t="s">
        <v>176</v>
      </c>
      <c r="E96283" s="15">
        <v>45664</v>
      </c>
      <c r="F96283" s="14" t="s">
        <v>61</v>
      </c>
      <c r="G96283" s="16">
        <v>2.0933700475027819</v>
      </c>
    </row>
    <row r="96284" spans="1:7" x14ac:dyDescent="0.3">
      <c r="A96284" s="13" t="s">
        <v>477</v>
      </c>
      <c r="B96284" s="14" t="s">
        <v>1</v>
      </c>
      <c r="C96284" s="14" t="s">
        <v>200</v>
      </c>
      <c r="D96284" s="14" t="s">
        <v>176</v>
      </c>
      <c r="E96284" s="15">
        <v>45665</v>
      </c>
      <c r="F96284" s="14" t="s">
        <v>61</v>
      </c>
      <c r="G96284" s="16">
        <v>2.10425949174323</v>
      </c>
    </row>
    <row r="96285" spans="1:7" x14ac:dyDescent="0.3">
      <c r="A96285" s="13" t="s">
        <v>477</v>
      </c>
      <c r="B96285" s="14" t="s">
        <v>1</v>
      </c>
      <c r="C96285" s="14" t="s">
        <v>200</v>
      </c>
      <c r="D96285" s="14" t="s">
        <v>176</v>
      </c>
      <c r="E96285" s="15">
        <v>45666</v>
      </c>
      <c r="F96285" s="14" t="s">
        <v>61</v>
      </c>
      <c r="G96285" s="16">
        <v>2.10425949174323</v>
      </c>
    </row>
    <row r="96286" spans="1:7" x14ac:dyDescent="0.3">
      <c r="A96286" s="13" t="s">
        <v>477</v>
      </c>
      <c r="B96286" s="14" t="s">
        <v>1</v>
      </c>
      <c r="C96286" s="14" t="s">
        <v>200</v>
      </c>
      <c r="D96286" s="14" t="s">
        <v>176</v>
      </c>
      <c r="E96286" s="15">
        <v>45667</v>
      </c>
      <c r="F96286" s="14" t="s">
        <v>61</v>
      </c>
      <c r="G96286" s="16">
        <v>2.1323830935015828</v>
      </c>
    </row>
    <row r="96287" spans="1:7" x14ac:dyDescent="0.3">
      <c r="A96287" s="13" t="s">
        <v>477</v>
      </c>
      <c r="B96287" s="14" t="s">
        <v>1</v>
      </c>
      <c r="C96287" s="14" t="s">
        <v>200</v>
      </c>
      <c r="D96287" s="14" t="s">
        <v>176</v>
      </c>
      <c r="E96287" s="15">
        <v>45668</v>
      </c>
      <c r="F96287" s="14" t="s">
        <v>61</v>
      </c>
      <c r="G96287" s="16">
        <v>2.1323830935015828</v>
      </c>
    </row>
    <row r="96288" spans="1:7" x14ac:dyDescent="0.3">
      <c r="A96288" s="13" t="s">
        <v>477</v>
      </c>
      <c r="B96288" s="14" t="s">
        <v>1</v>
      </c>
      <c r="C96288" s="14" t="s">
        <v>200</v>
      </c>
      <c r="D96288" s="14" t="s">
        <v>176</v>
      </c>
      <c r="E96288" s="15">
        <v>45669</v>
      </c>
      <c r="F96288" s="14" t="s">
        <v>61</v>
      </c>
      <c r="G96288" s="16">
        <v>2.1323830935015828</v>
      </c>
    </row>
    <row r="96289" spans="1:7" x14ac:dyDescent="0.3">
      <c r="A96289" s="13" t="s">
        <v>477</v>
      </c>
      <c r="B96289" s="14" t="s">
        <v>1</v>
      </c>
      <c r="C96289" s="14" t="s">
        <v>200</v>
      </c>
      <c r="D96289" s="14" t="s">
        <v>176</v>
      </c>
      <c r="E96289" s="15">
        <v>45670</v>
      </c>
      <c r="F96289" s="14" t="s">
        <v>61</v>
      </c>
      <c r="G96289" s="16">
        <v>2.1448225593587122</v>
      </c>
    </row>
    <row r="96290" spans="1:7" x14ac:dyDescent="0.3">
      <c r="A96290" s="13" t="s">
        <v>477</v>
      </c>
      <c r="B96290" s="14" t="s">
        <v>1</v>
      </c>
      <c r="C96290" s="14" t="s">
        <v>200</v>
      </c>
      <c r="D96290" s="14" t="s">
        <v>176</v>
      </c>
      <c r="E96290" s="15">
        <v>45671</v>
      </c>
      <c r="F96290" s="14" t="s">
        <v>61</v>
      </c>
      <c r="G96290" s="16">
        <v>2.1497135723368359</v>
      </c>
    </row>
    <row r="96291" spans="1:7" x14ac:dyDescent="0.3">
      <c r="A96291" s="13" t="s">
        <v>477</v>
      </c>
      <c r="B96291" s="14" t="s">
        <v>1</v>
      </c>
      <c r="C96291" s="14" t="s">
        <v>200</v>
      </c>
      <c r="D96291" s="14" t="s">
        <v>176</v>
      </c>
      <c r="E96291" s="15">
        <v>45672</v>
      </c>
      <c r="F96291" s="14" t="s">
        <v>61</v>
      </c>
      <c r="G96291" s="16">
        <v>2.1606079374659197</v>
      </c>
    </row>
    <row r="96292" spans="1:7" x14ac:dyDescent="0.3">
      <c r="A96292" s="13" t="s">
        <v>477</v>
      </c>
      <c r="B96292" s="14" t="s">
        <v>1</v>
      </c>
      <c r="C96292" s="14" t="s">
        <v>200</v>
      </c>
      <c r="D96292" s="14" t="s">
        <v>176</v>
      </c>
      <c r="E96292" s="15">
        <v>45673</v>
      </c>
      <c r="F96292" s="14" t="s">
        <v>61</v>
      </c>
      <c r="G96292" s="16">
        <v>2.1638472713437364</v>
      </c>
    </row>
    <row r="96293" spans="1:7" x14ac:dyDescent="0.3">
      <c r="A96293" s="13" t="s">
        <v>477</v>
      </c>
      <c r="B96293" s="14" t="s">
        <v>1</v>
      </c>
      <c r="C96293" s="14" t="s">
        <v>200</v>
      </c>
      <c r="D96293" s="14" t="s">
        <v>176</v>
      </c>
      <c r="E96293" s="15">
        <v>45674</v>
      </c>
      <c r="F96293" s="14" t="s">
        <v>61</v>
      </c>
      <c r="G96293" s="16">
        <v>2.175622298624027</v>
      </c>
    </row>
    <row r="96294" spans="1:7" x14ac:dyDescent="0.3">
      <c r="A96294" s="13" t="s">
        <v>477</v>
      </c>
      <c r="B96294" s="14" t="s">
        <v>1</v>
      </c>
      <c r="C96294" s="14" t="s">
        <v>200</v>
      </c>
      <c r="D96294" s="14" t="s">
        <v>176</v>
      </c>
      <c r="E96294" s="15">
        <v>45675</v>
      </c>
      <c r="F96294" s="14" t="s">
        <v>61</v>
      </c>
      <c r="G96294" s="16">
        <v>2.175622298624027</v>
      </c>
    </row>
    <row r="96295" spans="1:7" x14ac:dyDescent="0.3">
      <c r="A96295" s="13" t="s">
        <v>477</v>
      </c>
      <c r="B96295" s="14" t="s">
        <v>1</v>
      </c>
      <c r="C96295" s="14" t="s">
        <v>200</v>
      </c>
      <c r="D96295" s="14" t="s">
        <v>176</v>
      </c>
      <c r="E96295" s="15">
        <v>45676</v>
      </c>
      <c r="F96295" s="14" t="s">
        <v>61</v>
      </c>
      <c r="G96295" s="16">
        <v>2.175622298624027</v>
      </c>
    </row>
    <row r="96296" spans="1:7" x14ac:dyDescent="0.3">
      <c r="A96296" s="13" t="s">
        <v>477</v>
      </c>
      <c r="B96296" s="14" t="s">
        <v>1</v>
      </c>
      <c r="C96296" s="14" t="s">
        <v>200</v>
      </c>
      <c r="D96296" s="14" t="s">
        <v>176</v>
      </c>
      <c r="E96296" s="15">
        <v>45677</v>
      </c>
      <c r="F96296" s="14" t="s">
        <v>61</v>
      </c>
      <c r="G96296" s="16">
        <v>2.175622298624027</v>
      </c>
    </row>
    <row r="96297" spans="1:7" x14ac:dyDescent="0.3">
      <c r="A96297" s="13" t="s">
        <v>477</v>
      </c>
      <c r="B96297" s="14" t="s">
        <v>1</v>
      </c>
      <c r="C96297" s="14" t="s">
        <v>200</v>
      </c>
      <c r="D96297" s="14" t="s">
        <v>176</v>
      </c>
      <c r="E96297" s="15">
        <v>45678</v>
      </c>
      <c r="F96297" s="14" t="s">
        <v>61</v>
      </c>
      <c r="G96297" s="16">
        <v>2.1500903533885918</v>
      </c>
    </row>
    <row r="96298" spans="1:7" x14ac:dyDescent="0.3">
      <c r="A96298" s="13" t="s">
        <v>477</v>
      </c>
      <c r="B96298" s="14" t="s">
        <v>1</v>
      </c>
      <c r="C96298" s="14" t="s">
        <v>200</v>
      </c>
      <c r="D96298" s="14" t="s">
        <v>176</v>
      </c>
      <c r="E96298" s="15">
        <v>45679</v>
      </c>
      <c r="F96298" s="14" t="s">
        <v>61</v>
      </c>
      <c r="G96298" s="16">
        <v>2.1776867344338857</v>
      </c>
    </row>
    <row r="96299" spans="1:7" x14ac:dyDescent="0.3">
      <c r="A96299" s="13" t="s">
        <v>477</v>
      </c>
      <c r="B96299" s="14" t="s">
        <v>1</v>
      </c>
      <c r="C96299" s="14" t="s">
        <v>200</v>
      </c>
      <c r="D96299" s="14" t="s">
        <v>176</v>
      </c>
      <c r="E96299" s="15">
        <v>45680</v>
      </c>
      <c r="F96299" s="14" t="s">
        <v>61</v>
      </c>
      <c r="G96299" s="16">
        <v>2.182659320152482</v>
      </c>
    </row>
    <row r="96300" spans="1:7" x14ac:dyDescent="0.3">
      <c r="A96300" s="13" t="s">
        <v>477</v>
      </c>
      <c r="B96300" s="14" t="s">
        <v>1</v>
      </c>
      <c r="C96300" s="14" t="s">
        <v>200</v>
      </c>
      <c r="D96300" s="14" t="s">
        <v>176</v>
      </c>
      <c r="E96300" s="15">
        <v>45681</v>
      </c>
      <c r="F96300" s="14" t="s">
        <v>61</v>
      </c>
      <c r="G96300" s="16">
        <v>2.1719891178152548</v>
      </c>
    </row>
    <row r="96301" spans="1:7" x14ac:dyDescent="0.3">
      <c r="A96301" s="13" t="s">
        <v>477</v>
      </c>
      <c r="B96301" s="14" t="s">
        <v>1</v>
      </c>
      <c r="C96301" s="14" t="s">
        <v>200</v>
      </c>
      <c r="D96301" s="14" t="s">
        <v>176</v>
      </c>
      <c r="E96301" s="15">
        <v>45682</v>
      </c>
      <c r="F96301" s="14" t="s">
        <v>61</v>
      </c>
      <c r="G96301" s="16">
        <v>2.1719891178152548</v>
      </c>
    </row>
    <row r="96302" spans="1:7" x14ac:dyDescent="0.3">
      <c r="A96302" s="13" t="s">
        <v>477</v>
      </c>
      <c r="B96302" s="14" t="s">
        <v>1</v>
      </c>
      <c r="C96302" s="14" t="s">
        <v>200</v>
      </c>
      <c r="D96302" s="14" t="s">
        <v>176</v>
      </c>
      <c r="E96302" s="15">
        <v>45683</v>
      </c>
      <c r="F96302" s="14" t="s">
        <v>61</v>
      </c>
      <c r="G96302" s="16">
        <v>2.1719891178152548</v>
      </c>
    </row>
    <row r="96303" spans="1:7" x14ac:dyDescent="0.3">
      <c r="A96303" s="13" t="s">
        <v>477</v>
      </c>
      <c r="B96303" s="14" t="s">
        <v>1</v>
      </c>
      <c r="C96303" s="14" t="s">
        <v>200</v>
      </c>
      <c r="D96303" s="14" t="s">
        <v>176</v>
      </c>
      <c r="E96303" s="15">
        <v>45684</v>
      </c>
      <c r="F96303" s="14" t="s">
        <v>61</v>
      </c>
      <c r="G96303" s="16">
        <v>2.1772930502822123</v>
      </c>
    </row>
    <row r="96304" spans="1:7" x14ac:dyDescent="0.3">
      <c r="A96304" s="13" t="s">
        <v>477</v>
      </c>
      <c r="B96304" s="14" t="s">
        <v>1</v>
      </c>
      <c r="C96304" s="14" t="s">
        <v>200</v>
      </c>
      <c r="D96304" s="14" t="s">
        <v>176</v>
      </c>
      <c r="E96304" s="15">
        <v>45685</v>
      </c>
      <c r="F96304" s="14" t="s">
        <v>61</v>
      </c>
      <c r="G96304" s="16">
        <v>2.2094857096384715</v>
      </c>
    </row>
    <row r="96305" spans="1:7" x14ac:dyDescent="0.3">
      <c r="A96305" s="13" t="s">
        <v>477</v>
      </c>
      <c r="B96305" s="14" t="s">
        <v>1</v>
      </c>
      <c r="C96305" s="14" t="s">
        <v>200</v>
      </c>
      <c r="D96305" s="14" t="s">
        <v>176</v>
      </c>
      <c r="E96305" s="15">
        <v>45686</v>
      </c>
      <c r="F96305" s="14" t="s">
        <v>61</v>
      </c>
      <c r="G96305" s="16">
        <v>2.2181952016967719</v>
      </c>
    </row>
    <row r="96306" spans="1:7" x14ac:dyDescent="0.3">
      <c r="A96306" s="13" t="s">
        <v>477</v>
      </c>
      <c r="B96306" s="14" t="s">
        <v>1</v>
      </c>
      <c r="C96306" s="14" t="s">
        <v>200</v>
      </c>
      <c r="D96306" s="14" t="s">
        <v>176</v>
      </c>
      <c r="E96306" s="15">
        <v>45687</v>
      </c>
      <c r="F96306" s="14" t="s">
        <v>61</v>
      </c>
      <c r="G96306" s="16">
        <v>2.2296438601419246</v>
      </c>
    </row>
    <row r="96307" spans="1:7" x14ac:dyDescent="0.3">
      <c r="A96307" s="13" t="s">
        <v>477</v>
      </c>
      <c r="B96307" s="14" t="s">
        <v>1</v>
      </c>
      <c r="C96307" s="14" t="s">
        <v>200</v>
      </c>
      <c r="D96307" s="14" t="s">
        <v>176</v>
      </c>
      <c r="E96307" s="15">
        <v>45688</v>
      </c>
      <c r="F96307" s="14" t="s">
        <v>61</v>
      </c>
      <c r="G96307" s="16">
        <v>2.2415282270758063</v>
      </c>
    </row>
    <row r="96308" spans="1:7" x14ac:dyDescent="0.3">
      <c r="A96308" s="13" t="s">
        <v>477</v>
      </c>
      <c r="B96308" s="14" t="s">
        <v>1</v>
      </c>
      <c r="C96308" s="14" t="s">
        <v>200</v>
      </c>
      <c r="D96308" s="14" t="s">
        <v>176</v>
      </c>
      <c r="E96308" s="15">
        <v>45689</v>
      </c>
      <c r="F96308" s="14" t="s">
        <v>61</v>
      </c>
      <c r="G96308" s="16">
        <v>2.2415282270758063</v>
      </c>
    </row>
    <row r="96309" spans="1:7" x14ac:dyDescent="0.3">
      <c r="A96309" s="13" t="s">
        <v>477</v>
      </c>
      <c r="B96309" s="14" t="s">
        <v>1</v>
      </c>
      <c r="C96309" s="14" t="s">
        <v>200</v>
      </c>
      <c r="D96309" s="14" t="s">
        <v>176</v>
      </c>
      <c r="E96309" s="15">
        <v>45690</v>
      </c>
      <c r="F96309" s="14" t="s">
        <v>61</v>
      </c>
      <c r="G96309" s="16">
        <v>2.2415282270758063</v>
      </c>
    </row>
    <row r="96310" spans="1:7" x14ac:dyDescent="0.3">
      <c r="A96310" s="13" t="s">
        <v>477</v>
      </c>
      <c r="B96310" s="14" t="s">
        <v>1</v>
      </c>
      <c r="C96310" s="14" t="s">
        <v>200</v>
      </c>
      <c r="D96310" s="14" t="s">
        <v>176</v>
      </c>
      <c r="E96310" s="15">
        <v>45691</v>
      </c>
      <c r="F96310" s="14" t="s">
        <v>61</v>
      </c>
      <c r="G96310" s="16">
        <v>2.2415282270758063</v>
      </c>
    </row>
    <row r="96311" spans="1:7" x14ac:dyDescent="0.3">
      <c r="A96311" s="13" t="s">
        <v>477</v>
      </c>
      <c r="B96311" s="14" t="s">
        <v>1</v>
      </c>
      <c r="C96311" s="14" t="s">
        <v>200</v>
      </c>
      <c r="D96311" s="14" t="s">
        <v>176</v>
      </c>
      <c r="E96311" s="15">
        <v>45692</v>
      </c>
      <c r="F96311" s="14" t="s">
        <v>61</v>
      </c>
      <c r="G96311" s="16">
        <v>2.2445587559754272</v>
      </c>
    </row>
    <row r="96312" spans="1:7" x14ac:dyDescent="0.3">
      <c r="A96312" s="13" t="s">
        <v>477</v>
      </c>
      <c r="B96312" s="14" t="s">
        <v>1</v>
      </c>
      <c r="C96312" s="14" t="s">
        <v>200</v>
      </c>
      <c r="D96312" s="14" t="s">
        <v>176</v>
      </c>
      <c r="E96312" s="15">
        <v>45693</v>
      </c>
      <c r="F96312" s="14" t="s">
        <v>61</v>
      </c>
      <c r="G96312" s="16">
        <v>2.2666245839998105</v>
      </c>
    </row>
    <row r="96313" spans="1:7" x14ac:dyDescent="0.3">
      <c r="A96313" s="13" t="s">
        <v>477</v>
      </c>
      <c r="B96313" s="14" t="s">
        <v>1</v>
      </c>
      <c r="C96313" s="14" t="s">
        <v>200</v>
      </c>
      <c r="D96313" s="14" t="s">
        <v>176</v>
      </c>
      <c r="E96313" s="15">
        <v>45694</v>
      </c>
      <c r="F96313" s="14" t="s">
        <v>61</v>
      </c>
      <c r="G96313" s="16">
        <v>2.2774270397688801</v>
      </c>
    </row>
    <row r="96314" spans="1:7" x14ac:dyDescent="0.3">
      <c r="A96314" s="13" t="s">
        <v>477</v>
      </c>
      <c r="B96314" s="14" t="s">
        <v>1</v>
      </c>
      <c r="C96314" s="14" t="s">
        <v>200</v>
      </c>
      <c r="D96314" s="14" t="s">
        <v>176</v>
      </c>
      <c r="E96314" s="15">
        <v>45695</v>
      </c>
      <c r="F96314" s="14" t="s">
        <v>61</v>
      </c>
      <c r="G96314" s="16">
        <v>2.2967710598499691</v>
      </c>
    </row>
    <row r="96315" spans="1:7" x14ac:dyDescent="0.3">
      <c r="A96315" s="13" t="s">
        <v>477</v>
      </c>
      <c r="B96315" s="14" t="s">
        <v>1</v>
      </c>
      <c r="C96315" s="14" t="s">
        <v>200</v>
      </c>
      <c r="D96315" s="14" t="s">
        <v>176</v>
      </c>
      <c r="E96315" s="15">
        <v>45696</v>
      </c>
      <c r="F96315" s="14" t="s">
        <v>61</v>
      </c>
      <c r="G96315" s="16">
        <v>2.2967710598499691</v>
      </c>
    </row>
    <row r="96316" spans="1:7" x14ac:dyDescent="0.3">
      <c r="A96316" s="13" t="s">
        <v>477</v>
      </c>
      <c r="B96316" s="14" t="s">
        <v>1</v>
      </c>
      <c r="C96316" s="14" t="s">
        <v>200</v>
      </c>
      <c r="D96316" s="14" t="s">
        <v>176</v>
      </c>
      <c r="E96316" s="15">
        <v>45697</v>
      </c>
      <c r="F96316" s="14" t="s">
        <v>61</v>
      </c>
      <c r="G96316" s="16">
        <v>2.2967710598499691</v>
      </c>
    </row>
    <row r="96317" spans="1:7" x14ac:dyDescent="0.3">
      <c r="A96317" s="13" t="s">
        <v>477</v>
      </c>
      <c r="B96317" s="14" t="s">
        <v>1</v>
      </c>
      <c r="C96317" s="14" t="s">
        <v>200</v>
      </c>
      <c r="D96317" s="14" t="s">
        <v>176</v>
      </c>
      <c r="E96317" s="15">
        <v>45698</v>
      </c>
      <c r="F96317" s="14" t="s">
        <v>61</v>
      </c>
      <c r="G96317" s="16">
        <v>2.3079953978530816</v>
      </c>
    </row>
    <row r="96318" spans="1:7" x14ac:dyDescent="0.3">
      <c r="A96318" s="13" t="s">
        <v>477</v>
      </c>
      <c r="B96318" s="14" t="s">
        <v>1</v>
      </c>
      <c r="C96318" s="14" t="s">
        <v>200</v>
      </c>
      <c r="D96318" s="14" t="s">
        <v>176</v>
      </c>
      <c r="E96318" s="15">
        <v>45699</v>
      </c>
      <c r="F96318" s="14" t="s">
        <v>61</v>
      </c>
      <c r="G96318" s="16">
        <v>2.3170889891099131</v>
      </c>
    </row>
    <row r="96319" spans="1:7" x14ac:dyDescent="0.3">
      <c r="A96319" s="13" t="s">
        <v>477</v>
      </c>
      <c r="B96319" s="14" t="s">
        <v>1</v>
      </c>
      <c r="C96319" s="14" t="s">
        <v>200</v>
      </c>
      <c r="D96319" s="14" t="s">
        <v>176</v>
      </c>
      <c r="E96319" s="15">
        <v>45700</v>
      </c>
      <c r="F96319" s="14" t="s">
        <v>61</v>
      </c>
      <c r="G96319" s="16">
        <v>2.319575401245848</v>
      </c>
    </row>
    <row r="96320" spans="1:7" x14ac:dyDescent="0.3">
      <c r="A96320" s="13" t="s">
        <v>477</v>
      </c>
      <c r="B96320" s="14" t="s">
        <v>1</v>
      </c>
      <c r="C96320" s="14" t="s">
        <v>200</v>
      </c>
      <c r="D96320" s="14" t="s">
        <v>176</v>
      </c>
      <c r="E96320" s="15">
        <v>45701</v>
      </c>
      <c r="F96320" s="14" t="s">
        <v>61</v>
      </c>
      <c r="G96320" s="16">
        <v>2.3106837528494109</v>
      </c>
    </row>
    <row r="96321" spans="1:7" x14ac:dyDescent="0.3">
      <c r="A96321" s="13" t="s">
        <v>477</v>
      </c>
      <c r="B96321" s="14" t="s">
        <v>1</v>
      </c>
      <c r="C96321" s="14" t="s">
        <v>200</v>
      </c>
      <c r="D96321" s="14" t="s">
        <v>176</v>
      </c>
      <c r="E96321" s="15">
        <v>45702</v>
      </c>
      <c r="F96321" s="14" t="s">
        <v>61</v>
      </c>
      <c r="G96321" s="16">
        <v>2.3108295518962456</v>
      </c>
    </row>
    <row r="96322" spans="1:7" x14ac:dyDescent="0.3">
      <c r="A96322" s="13" t="s">
        <v>477</v>
      </c>
      <c r="B96322" s="14" t="s">
        <v>1</v>
      </c>
      <c r="C96322" s="14" t="s">
        <v>200</v>
      </c>
      <c r="D96322" s="14" t="s">
        <v>176</v>
      </c>
      <c r="E96322" s="15">
        <v>45703</v>
      </c>
      <c r="F96322" s="14" t="s">
        <v>61</v>
      </c>
      <c r="G96322" s="16">
        <v>2.3108295518962456</v>
      </c>
    </row>
    <row r="96323" spans="1:7" x14ac:dyDescent="0.3">
      <c r="A96323" s="13" t="s">
        <v>477</v>
      </c>
      <c r="B96323" s="14" t="s">
        <v>1</v>
      </c>
      <c r="C96323" s="14" t="s">
        <v>200</v>
      </c>
      <c r="D96323" s="14" t="s">
        <v>176</v>
      </c>
      <c r="E96323" s="15">
        <v>45704</v>
      </c>
      <c r="F96323" s="14" t="s">
        <v>61</v>
      </c>
      <c r="G96323" s="16">
        <v>2.3108295518962456</v>
      </c>
    </row>
    <row r="96324" spans="1:7" x14ac:dyDescent="0.3">
      <c r="A96324" s="13" t="s">
        <v>477</v>
      </c>
      <c r="B96324" s="14" t="s">
        <v>1</v>
      </c>
      <c r="C96324" s="14" t="s">
        <v>200</v>
      </c>
      <c r="D96324" s="14" t="s">
        <v>176</v>
      </c>
      <c r="E96324" s="15">
        <v>45705</v>
      </c>
      <c r="F96324" s="14" t="s">
        <v>61</v>
      </c>
      <c r="G96324" s="16">
        <v>2.3108295518962456</v>
      </c>
    </row>
    <row r="96325" spans="1:7" x14ac:dyDescent="0.3">
      <c r="A96325" s="13" t="s">
        <v>477</v>
      </c>
      <c r="B96325" s="14" t="s">
        <v>1</v>
      </c>
      <c r="C96325" s="14" t="s">
        <v>200</v>
      </c>
      <c r="D96325" s="14" t="s">
        <v>176</v>
      </c>
      <c r="E96325" s="15">
        <v>45706</v>
      </c>
      <c r="F96325" s="14" t="s">
        <v>61</v>
      </c>
      <c r="G96325" s="16">
        <v>2.3285942192196178</v>
      </c>
    </row>
    <row r="96326" spans="1:7" x14ac:dyDescent="0.3">
      <c r="A96326" s="13" t="s">
        <v>477</v>
      </c>
      <c r="B96326" s="14" t="s">
        <v>1</v>
      </c>
      <c r="C96326" s="14" t="s">
        <v>200</v>
      </c>
      <c r="D96326" s="14" t="s">
        <v>176</v>
      </c>
      <c r="E96326" s="15">
        <v>45707</v>
      </c>
      <c r="F96326" s="14" t="s">
        <v>61</v>
      </c>
      <c r="G96326" s="16">
        <v>2.3609662343477482</v>
      </c>
    </row>
    <row r="96327" spans="1:7" x14ac:dyDescent="0.3">
      <c r="A96327" s="13" t="s">
        <v>477</v>
      </c>
      <c r="B96327" s="14" t="s">
        <v>1</v>
      </c>
      <c r="C96327" s="14" t="s">
        <v>200</v>
      </c>
      <c r="D96327" s="14" t="s">
        <v>176</v>
      </c>
      <c r="E96327" s="15">
        <v>45708</v>
      </c>
      <c r="F96327" s="14" t="s">
        <v>61</v>
      </c>
      <c r="G96327" s="16">
        <v>2.350401617224553</v>
      </c>
    </row>
    <row r="96328" spans="1:7" x14ac:dyDescent="0.3">
      <c r="A96328" s="13" t="s">
        <v>477</v>
      </c>
      <c r="B96328" s="14" t="s">
        <v>1</v>
      </c>
      <c r="C96328" s="14" t="s">
        <v>200</v>
      </c>
      <c r="D96328" s="14" t="s">
        <v>176</v>
      </c>
      <c r="E96328" s="15">
        <v>45709</v>
      </c>
      <c r="F96328" s="14" t="s">
        <v>61</v>
      </c>
      <c r="G96328" s="16">
        <v>2.3673054449422244</v>
      </c>
    </row>
    <row r="96329" spans="1:7" x14ac:dyDescent="0.3">
      <c r="A96329" s="13" t="s">
        <v>477</v>
      </c>
      <c r="B96329" s="14" t="s">
        <v>1</v>
      </c>
      <c r="C96329" s="14" t="s">
        <v>200</v>
      </c>
      <c r="D96329" s="14" t="s">
        <v>176</v>
      </c>
      <c r="E96329" s="15">
        <v>45710</v>
      </c>
      <c r="F96329" s="14" t="s">
        <v>61</v>
      </c>
      <c r="G96329" s="16">
        <v>2.3673054449422244</v>
      </c>
    </row>
    <row r="96330" spans="1:7" x14ac:dyDescent="0.3">
      <c r="A96330" s="13" t="s">
        <v>477</v>
      </c>
      <c r="B96330" s="14" t="s">
        <v>1</v>
      </c>
      <c r="C96330" s="14" t="s">
        <v>200</v>
      </c>
      <c r="D96330" s="14" t="s">
        <v>176</v>
      </c>
      <c r="E96330" s="15">
        <v>45711</v>
      </c>
      <c r="F96330" s="14" t="s">
        <v>61</v>
      </c>
      <c r="G96330" s="16">
        <v>2.3673054449422244</v>
      </c>
    </row>
    <row r="96331" spans="1:7" x14ac:dyDescent="0.3">
      <c r="A96331" s="13" t="s">
        <v>477</v>
      </c>
      <c r="B96331" s="14" t="s">
        <v>1</v>
      </c>
      <c r="C96331" s="14" t="s">
        <v>200</v>
      </c>
      <c r="D96331" s="14" t="s">
        <v>176</v>
      </c>
      <c r="E96331" s="15">
        <v>45712</v>
      </c>
      <c r="F96331" s="14" t="s">
        <v>61</v>
      </c>
      <c r="G96331" s="16">
        <v>2.3732156622914169</v>
      </c>
    </row>
    <row r="96332" spans="1:7" x14ac:dyDescent="0.3">
      <c r="A96332" s="13" t="s">
        <v>477</v>
      </c>
      <c r="B96332" s="14" t="s">
        <v>1</v>
      </c>
      <c r="C96332" s="14" t="s">
        <v>200</v>
      </c>
      <c r="D96332" s="14" t="s">
        <v>176</v>
      </c>
      <c r="E96332" s="15">
        <v>45713</v>
      </c>
      <c r="F96332" s="14" t="s">
        <v>61</v>
      </c>
      <c r="G96332" s="16">
        <v>2.3837058962927458</v>
      </c>
    </row>
    <row r="96333" spans="1:7" x14ac:dyDescent="0.3">
      <c r="A96333" s="13" t="s">
        <v>477</v>
      </c>
      <c r="B96333" s="14" t="s">
        <v>1</v>
      </c>
      <c r="C96333" s="14" t="s">
        <v>200</v>
      </c>
      <c r="D96333" s="14" t="s">
        <v>176</v>
      </c>
      <c r="E96333" s="15">
        <v>45714</v>
      </c>
      <c r="F96333" s="14" t="s">
        <v>61</v>
      </c>
      <c r="G96333" s="16">
        <v>2.3974124814476028</v>
      </c>
    </row>
    <row r="96334" spans="1:7" x14ac:dyDescent="0.3">
      <c r="A96334" s="13" t="s">
        <v>477</v>
      </c>
      <c r="B96334" s="14" t="s">
        <v>1</v>
      </c>
      <c r="C96334" s="14" t="s">
        <v>200</v>
      </c>
      <c r="D96334" s="14" t="s">
        <v>176</v>
      </c>
      <c r="E96334" s="15">
        <v>45715</v>
      </c>
      <c r="F96334" s="14" t="s">
        <v>61</v>
      </c>
      <c r="G96334" s="16">
        <v>2.424561824420532</v>
      </c>
    </row>
    <row r="96335" spans="1:7" x14ac:dyDescent="0.3">
      <c r="A96335" s="13" t="s">
        <v>477</v>
      </c>
      <c r="B96335" s="14" t="s">
        <v>1</v>
      </c>
      <c r="C96335" s="14" t="s">
        <v>200</v>
      </c>
      <c r="D96335" s="14" t="s">
        <v>176</v>
      </c>
      <c r="E96335" s="15">
        <v>45716</v>
      </c>
      <c r="F96335" s="14" t="s">
        <v>61</v>
      </c>
      <c r="G96335" s="16">
        <v>2.4374441412070014</v>
      </c>
    </row>
    <row r="96336" spans="1:7" x14ac:dyDescent="0.3">
      <c r="A96336" s="13" t="s">
        <v>477</v>
      </c>
      <c r="B96336" s="14" t="s">
        <v>1</v>
      </c>
      <c r="C96336" s="14" t="s">
        <v>200</v>
      </c>
      <c r="D96336" s="14" t="s">
        <v>176</v>
      </c>
      <c r="E96336" s="15">
        <v>45717</v>
      </c>
      <c r="F96336" s="14" t="s">
        <v>61</v>
      </c>
      <c r="G96336" s="16">
        <v>2.4374441412070014</v>
      </c>
    </row>
    <row r="96337" spans="1:7" x14ac:dyDescent="0.3">
      <c r="A96337" s="13" t="s">
        <v>477</v>
      </c>
      <c r="B96337" s="14" t="s">
        <v>1</v>
      </c>
      <c r="C96337" s="14" t="s">
        <v>200</v>
      </c>
      <c r="D96337" s="14" t="s">
        <v>176</v>
      </c>
      <c r="E96337" s="15">
        <v>45718</v>
      </c>
      <c r="F96337" s="14" t="s">
        <v>61</v>
      </c>
      <c r="G96337" s="16">
        <v>2.4374441412070014</v>
      </c>
    </row>
    <row r="96338" spans="1:7" x14ac:dyDescent="0.3">
      <c r="A96338" s="13" t="s">
        <v>477</v>
      </c>
      <c r="B96338" s="14" t="s">
        <v>1</v>
      </c>
      <c r="C96338" s="14" t="s">
        <v>200</v>
      </c>
      <c r="D96338" s="14" t="s">
        <v>176</v>
      </c>
      <c r="E96338" s="15">
        <v>45719</v>
      </c>
      <c r="F96338" s="14" t="s">
        <v>61</v>
      </c>
      <c r="G96338" s="16">
        <v>2.4213304015463266</v>
      </c>
    </row>
    <row r="96339" spans="1:7" x14ac:dyDescent="0.3">
      <c r="A96339" s="13" t="s">
        <v>477</v>
      </c>
      <c r="B96339" s="14" t="s">
        <v>1</v>
      </c>
      <c r="C96339" s="14" t="s">
        <v>200</v>
      </c>
      <c r="D96339" s="14" t="s">
        <v>176</v>
      </c>
      <c r="E96339" s="15">
        <v>45720</v>
      </c>
      <c r="F96339" s="14" t="s">
        <v>61</v>
      </c>
      <c r="G96339" s="16">
        <v>2.4103574690054868</v>
      </c>
    </row>
    <row r="96340" spans="1:7" x14ac:dyDescent="0.3">
      <c r="A96340" s="13" t="s">
        <v>477</v>
      </c>
      <c r="B96340" s="14" t="s">
        <v>1</v>
      </c>
      <c r="C96340" s="14" t="s">
        <v>200</v>
      </c>
      <c r="D96340" s="14" t="s">
        <v>176</v>
      </c>
      <c r="E96340" s="15">
        <v>45721</v>
      </c>
      <c r="F96340" s="14" t="s">
        <v>61</v>
      </c>
      <c r="G96340" s="16">
        <v>2.3807405567598838</v>
      </c>
    </row>
    <row r="96341" spans="1:7" x14ac:dyDescent="0.3">
      <c r="A96341" s="13" t="s">
        <v>477</v>
      </c>
      <c r="B96341" s="14" t="s">
        <v>1</v>
      </c>
      <c r="C96341" s="14" t="s">
        <v>200</v>
      </c>
      <c r="D96341" s="14" t="s">
        <v>176</v>
      </c>
      <c r="E96341" s="15">
        <v>45722</v>
      </c>
      <c r="F96341" s="14" t="s">
        <v>61</v>
      </c>
      <c r="G96341" s="16">
        <v>2.3886583646133213</v>
      </c>
    </row>
    <row r="96342" spans="1:7" x14ac:dyDescent="0.3">
      <c r="A96342" s="13" t="s">
        <v>477</v>
      </c>
      <c r="B96342" s="14" t="s">
        <v>1</v>
      </c>
      <c r="C96342" s="14" t="s">
        <v>200</v>
      </c>
      <c r="D96342" s="14" t="s">
        <v>176</v>
      </c>
      <c r="E96342" s="15">
        <v>45723</v>
      </c>
      <c r="F96342" s="14" t="s">
        <v>61</v>
      </c>
      <c r="G96342" s="16">
        <v>2.3847346502529567</v>
      </c>
    </row>
    <row r="96343" spans="1:7" x14ac:dyDescent="0.3">
      <c r="A96343" s="13" t="s">
        <v>477</v>
      </c>
      <c r="B96343" s="14" t="s">
        <v>1</v>
      </c>
      <c r="C96343" s="14" t="s">
        <v>200</v>
      </c>
      <c r="D96343" s="14" t="s">
        <v>176</v>
      </c>
      <c r="E96343" s="15">
        <v>45724</v>
      </c>
      <c r="F96343" s="14" t="s">
        <v>61</v>
      </c>
      <c r="G96343" s="16">
        <v>2.3847346502529567</v>
      </c>
    </row>
    <row r="96344" spans="1:7" x14ac:dyDescent="0.3">
      <c r="A96344" s="13" t="s">
        <v>477</v>
      </c>
      <c r="B96344" s="14" t="s">
        <v>1</v>
      </c>
      <c r="C96344" s="14" t="s">
        <v>200</v>
      </c>
      <c r="D96344" s="14" t="s">
        <v>176</v>
      </c>
      <c r="E96344" s="15">
        <v>45725</v>
      </c>
      <c r="F96344" s="14" t="s">
        <v>61</v>
      </c>
      <c r="G96344" s="16">
        <v>2.3847346502529567</v>
      </c>
    </row>
    <row r="96345" spans="1:7" x14ac:dyDescent="0.3">
      <c r="A96345" s="13" t="s">
        <v>477</v>
      </c>
      <c r="B96345" s="14" t="s">
        <v>1</v>
      </c>
      <c r="C96345" s="14" t="s">
        <v>200</v>
      </c>
      <c r="D96345" s="14" t="s">
        <v>176</v>
      </c>
      <c r="E96345" s="15">
        <v>45726</v>
      </c>
      <c r="F96345" s="14" t="s">
        <v>61</v>
      </c>
      <c r="G96345" s="16">
        <v>2.3914776391220958</v>
      </c>
    </row>
    <row r="96346" spans="1:7" x14ac:dyDescent="0.3">
      <c r="A96346" s="13" t="s">
        <v>477</v>
      </c>
      <c r="B96346" s="14" t="s">
        <v>1</v>
      </c>
      <c r="C96346" s="14" t="s">
        <v>200</v>
      </c>
      <c r="D96346" s="14" t="s">
        <v>176</v>
      </c>
      <c r="E96346" s="15">
        <v>45727</v>
      </c>
      <c r="F96346" s="14" t="s">
        <v>61</v>
      </c>
      <c r="G96346" s="16">
        <v>2.3947488383268598</v>
      </c>
    </row>
    <row r="96347" spans="1:7" x14ac:dyDescent="0.3">
      <c r="A96347" s="13" t="s">
        <v>477</v>
      </c>
      <c r="B96347" s="14" t="s">
        <v>1</v>
      </c>
      <c r="C96347" s="14" t="s">
        <v>200</v>
      </c>
      <c r="D96347" s="14" t="s">
        <v>176</v>
      </c>
      <c r="E96347" s="15">
        <v>45728</v>
      </c>
      <c r="F96347" s="14" t="s">
        <v>61</v>
      </c>
      <c r="G96347" s="16">
        <v>2.4098746151533206</v>
      </c>
    </row>
    <row r="96348" spans="1:7" x14ac:dyDescent="0.3">
      <c r="A96348" s="13" t="s">
        <v>477</v>
      </c>
      <c r="B96348" s="14" t="s">
        <v>1</v>
      </c>
      <c r="C96348" s="14" t="s">
        <v>200</v>
      </c>
      <c r="D96348" s="14" t="s">
        <v>176</v>
      </c>
      <c r="E96348" s="15">
        <v>45729</v>
      </c>
      <c r="F96348" s="14" t="s">
        <v>61</v>
      </c>
      <c r="G96348" s="16">
        <v>2.4253585853427002</v>
      </c>
    </row>
    <row r="96349" spans="1:7" x14ac:dyDescent="0.3">
      <c r="A96349" s="13" t="s">
        <v>477</v>
      </c>
      <c r="B96349" s="14" t="s">
        <v>1</v>
      </c>
      <c r="C96349" s="14" t="s">
        <v>200</v>
      </c>
      <c r="D96349" s="14" t="s">
        <v>176</v>
      </c>
      <c r="E96349" s="15">
        <v>45730</v>
      </c>
      <c r="F96349" s="14" t="s">
        <v>61</v>
      </c>
      <c r="G96349" s="16">
        <v>2.4255852650365082</v>
      </c>
    </row>
    <row r="96350" spans="1:7" x14ac:dyDescent="0.3">
      <c r="A96350" s="13" t="s">
        <v>477</v>
      </c>
      <c r="B96350" s="14" t="s">
        <v>1</v>
      </c>
      <c r="C96350" s="14" t="s">
        <v>200</v>
      </c>
      <c r="D96350" s="14" t="s">
        <v>176</v>
      </c>
      <c r="E96350" s="15">
        <v>45731</v>
      </c>
      <c r="F96350" s="14" t="s">
        <v>61</v>
      </c>
      <c r="G96350" s="16">
        <v>2.4255852650365082</v>
      </c>
    </row>
    <row r="96351" spans="1:7" x14ac:dyDescent="0.3">
      <c r="A96351" s="13" t="s">
        <v>477</v>
      </c>
      <c r="B96351" s="14" t="s">
        <v>1</v>
      </c>
      <c r="C96351" s="14" t="s">
        <v>200</v>
      </c>
      <c r="D96351" s="14" t="s">
        <v>176</v>
      </c>
      <c r="E96351" s="15">
        <v>45732</v>
      </c>
      <c r="F96351" s="14" t="s">
        <v>61</v>
      </c>
      <c r="G96351" s="16">
        <v>2.4255852650365082</v>
      </c>
    </row>
    <row r="96352" spans="1:7" x14ac:dyDescent="0.3">
      <c r="A96352" s="13" t="s">
        <v>477</v>
      </c>
      <c r="B96352" s="14" t="s">
        <v>1</v>
      </c>
      <c r="C96352" s="14" t="s">
        <v>200</v>
      </c>
      <c r="D96352" s="14" t="s">
        <v>176</v>
      </c>
      <c r="E96352" s="15">
        <v>45733</v>
      </c>
      <c r="F96352" s="14" t="s">
        <v>61</v>
      </c>
      <c r="G96352" s="16">
        <v>2.4255852650365082</v>
      </c>
    </row>
    <row r="96353" spans="1:7" x14ac:dyDescent="0.3">
      <c r="A96353" s="13" t="s">
        <v>477</v>
      </c>
      <c r="B96353" s="14" t="s">
        <v>1</v>
      </c>
      <c r="C96353" s="14" t="s">
        <v>200</v>
      </c>
      <c r="D96353" s="14" t="s">
        <v>176</v>
      </c>
      <c r="E96353" s="15">
        <v>45734</v>
      </c>
      <c r="F96353" s="14" t="s">
        <v>61</v>
      </c>
      <c r="G96353" s="16">
        <v>2.4187501345577709</v>
      </c>
    </row>
    <row r="96354" spans="1:7" x14ac:dyDescent="0.3">
      <c r="A96354" s="13" t="s">
        <v>477</v>
      </c>
      <c r="B96354" s="14" t="s">
        <v>1</v>
      </c>
      <c r="C96354" s="14" t="s">
        <v>200</v>
      </c>
      <c r="D96354" s="14" t="s">
        <v>176</v>
      </c>
      <c r="E96354" s="15">
        <v>45735</v>
      </c>
      <c r="F96354" s="14" t="s">
        <v>61</v>
      </c>
      <c r="G96354" s="16">
        <v>2.4538035043884943</v>
      </c>
    </row>
    <row r="96355" spans="1:7" x14ac:dyDescent="0.3">
      <c r="A96355" s="13" t="s">
        <v>477</v>
      </c>
      <c r="B96355" s="14" t="s">
        <v>1</v>
      </c>
      <c r="C96355" s="14" t="s">
        <v>200</v>
      </c>
      <c r="D96355" s="14" t="s">
        <v>176</v>
      </c>
      <c r="E96355" s="15">
        <v>45736</v>
      </c>
      <c r="F96355" s="14" t="s">
        <v>61</v>
      </c>
      <c r="G96355" s="16">
        <v>2.4726137613494719</v>
      </c>
    </row>
    <row r="96356" spans="1:7" x14ac:dyDescent="0.3">
      <c r="A96356" s="13" t="s">
        <v>477</v>
      </c>
      <c r="B96356" s="14" t="s">
        <v>1</v>
      </c>
      <c r="C96356" s="14" t="s">
        <v>200</v>
      </c>
      <c r="D96356" s="14" t="s">
        <v>176</v>
      </c>
      <c r="E96356" s="15">
        <v>45737</v>
      </c>
      <c r="F96356" s="14" t="s">
        <v>61</v>
      </c>
      <c r="G96356" s="16">
        <v>2.4839562300399489</v>
      </c>
    </row>
    <row r="96357" spans="1:7" x14ac:dyDescent="0.3">
      <c r="A96357" s="13" t="s">
        <v>477</v>
      </c>
      <c r="B96357" s="14" t="s">
        <v>1</v>
      </c>
      <c r="C96357" s="14" t="s">
        <v>200</v>
      </c>
      <c r="D96357" s="14" t="s">
        <v>176</v>
      </c>
      <c r="E96357" s="15">
        <v>45738</v>
      </c>
      <c r="F96357" s="14" t="s">
        <v>61</v>
      </c>
      <c r="G96357" s="16">
        <v>2.4839562300399489</v>
      </c>
    </row>
    <row r="96358" spans="1:7" x14ac:dyDescent="0.3">
      <c r="A96358" s="13" t="s">
        <v>477</v>
      </c>
      <c r="B96358" s="14" t="s">
        <v>1</v>
      </c>
      <c r="C96358" s="14" t="s">
        <v>200</v>
      </c>
      <c r="D96358" s="14" t="s">
        <v>176</v>
      </c>
      <c r="E96358" s="15">
        <v>45739</v>
      </c>
      <c r="F96358" s="14" t="s">
        <v>61</v>
      </c>
      <c r="G96358" s="16">
        <v>2.4839562300399489</v>
      </c>
    </row>
    <row r="96359" spans="1:7" x14ac:dyDescent="0.3">
      <c r="A96359" s="13" t="s">
        <v>477</v>
      </c>
      <c r="B96359" s="14" t="s">
        <v>1</v>
      </c>
      <c r="C96359" s="14" t="s">
        <v>200</v>
      </c>
      <c r="D96359" s="14" t="s">
        <v>176</v>
      </c>
      <c r="E96359" s="15">
        <v>45740</v>
      </c>
      <c r="F96359" s="14" t="s">
        <v>61</v>
      </c>
      <c r="G96359" s="16">
        <v>2.4938009575635918</v>
      </c>
    </row>
    <row r="96360" spans="1:7" x14ac:dyDescent="0.3">
      <c r="A96360" s="13" t="s">
        <v>477</v>
      </c>
      <c r="B96360" s="14" t="s">
        <v>1</v>
      </c>
      <c r="C96360" s="14" t="s">
        <v>200</v>
      </c>
      <c r="D96360" s="14" t="s">
        <v>176</v>
      </c>
      <c r="E96360" s="15">
        <v>45741</v>
      </c>
      <c r="F96360" s="14" t="s">
        <v>61</v>
      </c>
      <c r="G96360" s="16">
        <v>2.5165699778690223</v>
      </c>
    </row>
    <row r="96361" spans="1:7" x14ac:dyDescent="0.3">
      <c r="A96361" s="13" t="s">
        <v>477</v>
      </c>
      <c r="B96361" s="14" t="s">
        <v>1</v>
      </c>
      <c r="C96361" s="14" t="s">
        <v>200</v>
      </c>
      <c r="D96361" s="14" t="s">
        <v>176</v>
      </c>
      <c r="E96361" s="15">
        <v>45742</v>
      </c>
      <c r="F96361" s="14" t="s">
        <v>61</v>
      </c>
      <c r="G96361" s="16">
        <v>2.531727351458481</v>
      </c>
    </row>
    <row r="96362" spans="1:7" x14ac:dyDescent="0.3">
      <c r="A96362" s="13" t="s">
        <v>477</v>
      </c>
      <c r="B96362" s="14" t="s">
        <v>1</v>
      </c>
      <c r="C96362" s="14" t="s">
        <v>200</v>
      </c>
      <c r="D96362" s="14" t="s">
        <v>176</v>
      </c>
      <c r="E96362" s="15">
        <v>45743</v>
      </c>
      <c r="F96362" s="14" t="s">
        <v>61</v>
      </c>
      <c r="G96362" s="16">
        <v>2.5272744754477037</v>
      </c>
    </row>
    <row r="96363" spans="1:7" x14ac:dyDescent="0.3">
      <c r="A96363" s="13" t="s">
        <v>477</v>
      </c>
      <c r="B96363" s="14" t="s">
        <v>1</v>
      </c>
      <c r="C96363" s="14" t="s">
        <v>200</v>
      </c>
      <c r="D96363" s="14" t="s">
        <v>176</v>
      </c>
      <c r="E96363" s="15">
        <v>45744</v>
      </c>
      <c r="F96363" s="14" t="s">
        <v>61</v>
      </c>
      <c r="G96363" s="16">
        <v>2.527216438077899</v>
      </c>
    </row>
    <row r="96364" spans="1:7" x14ac:dyDescent="0.3">
      <c r="A96364" s="13" t="s">
        <v>477</v>
      </c>
      <c r="B96364" s="14" t="s">
        <v>1</v>
      </c>
      <c r="C96364" s="14" t="s">
        <v>200</v>
      </c>
      <c r="D96364" s="14" t="s">
        <v>176</v>
      </c>
      <c r="E96364" s="15">
        <v>45745</v>
      </c>
      <c r="F96364" s="14" t="s">
        <v>61</v>
      </c>
      <c r="G96364" s="16">
        <v>2.527216438077899</v>
      </c>
    </row>
    <row r="96365" spans="1:7" x14ac:dyDescent="0.3">
      <c r="A96365" s="13" t="s">
        <v>477</v>
      </c>
      <c r="B96365" s="14" t="s">
        <v>1</v>
      </c>
      <c r="C96365" s="14" t="s">
        <v>200</v>
      </c>
      <c r="D96365" s="14" t="s">
        <v>176</v>
      </c>
      <c r="E96365" s="15">
        <v>45746</v>
      </c>
      <c r="F96365" s="14" t="s">
        <v>61</v>
      </c>
      <c r="G96365" s="16">
        <v>2.527216438077899</v>
      </c>
    </row>
    <row r="96366" spans="1:7" x14ac:dyDescent="0.3">
      <c r="A96366" s="13" t="s">
        <v>477</v>
      </c>
      <c r="B96366" s="14" t="s">
        <v>1</v>
      </c>
      <c r="C96366" s="14" t="s">
        <v>200</v>
      </c>
      <c r="D96366" s="14" t="s">
        <v>176</v>
      </c>
      <c r="E96366" s="15">
        <v>45747</v>
      </c>
      <c r="F96366" s="14" t="s">
        <v>61</v>
      </c>
      <c r="G96366" s="16">
        <v>2.5365752205768466</v>
      </c>
    </row>
    <row r="96367" spans="1:7" x14ac:dyDescent="0.3">
      <c r="A96367" s="13" t="s">
        <v>478</v>
      </c>
      <c r="B96367" s="14" t="s">
        <v>1</v>
      </c>
      <c r="C96367" s="14" t="s">
        <v>96</v>
      </c>
      <c r="D96367" s="14" t="s">
        <v>479</v>
      </c>
      <c r="E96367" s="15">
        <v>45383</v>
      </c>
      <c r="F96367" s="14" t="s">
        <v>53</v>
      </c>
      <c r="G96367" s="16">
        <v>0</v>
      </c>
    </row>
    <row r="96368" spans="1:7" x14ac:dyDescent="0.3">
      <c r="A96368" s="13" t="s">
        <v>478</v>
      </c>
      <c r="B96368" s="14" t="s">
        <v>1</v>
      </c>
      <c r="C96368" s="14" t="s">
        <v>96</v>
      </c>
      <c r="D96368" s="14" t="s">
        <v>479</v>
      </c>
      <c r="E96368" s="15">
        <v>45384</v>
      </c>
      <c r="F96368" s="14" t="s">
        <v>53</v>
      </c>
      <c r="G96368" s="16">
        <v>0</v>
      </c>
    </row>
    <row r="96369" spans="1:7" x14ac:dyDescent="0.3">
      <c r="A96369" s="13" t="s">
        <v>478</v>
      </c>
      <c r="B96369" s="14" t="s">
        <v>1</v>
      </c>
      <c r="C96369" s="14" t="s">
        <v>96</v>
      </c>
      <c r="D96369" s="14" t="s">
        <v>479</v>
      </c>
      <c r="E96369" s="15">
        <v>45385</v>
      </c>
      <c r="F96369" s="14" t="s">
        <v>53</v>
      </c>
      <c r="G96369" s="16">
        <v>0</v>
      </c>
    </row>
    <row r="96370" spans="1:7" x14ac:dyDescent="0.3">
      <c r="A96370" s="13" t="s">
        <v>478</v>
      </c>
      <c r="B96370" s="14" t="s">
        <v>1</v>
      </c>
      <c r="C96370" s="14" t="s">
        <v>96</v>
      </c>
      <c r="D96370" s="14" t="s">
        <v>479</v>
      </c>
      <c r="E96370" s="15">
        <v>45386</v>
      </c>
      <c r="F96370" s="14" t="s">
        <v>53</v>
      </c>
      <c r="G96370" s="16">
        <v>0</v>
      </c>
    </row>
    <row r="96371" spans="1:7" x14ac:dyDescent="0.3">
      <c r="A96371" s="13" t="s">
        <v>478</v>
      </c>
      <c r="B96371" s="14" t="s">
        <v>1</v>
      </c>
      <c r="C96371" s="14" t="s">
        <v>96</v>
      </c>
      <c r="D96371" s="14" t="s">
        <v>479</v>
      </c>
      <c r="E96371" s="15">
        <v>45387</v>
      </c>
      <c r="F96371" s="14" t="s">
        <v>53</v>
      </c>
      <c r="G96371" s="16">
        <v>0</v>
      </c>
    </row>
    <row r="96372" spans="1:7" x14ac:dyDescent="0.3">
      <c r="A96372" s="13" t="s">
        <v>478</v>
      </c>
      <c r="B96372" s="14" t="s">
        <v>1</v>
      </c>
      <c r="C96372" s="14" t="s">
        <v>96</v>
      </c>
      <c r="D96372" s="14" t="s">
        <v>479</v>
      </c>
      <c r="E96372" s="15">
        <v>45388</v>
      </c>
      <c r="F96372" s="14" t="s">
        <v>53</v>
      </c>
      <c r="G96372" s="16">
        <v>0</v>
      </c>
    </row>
    <row r="96373" spans="1:7" x14ac:dyDescent="0.3">
      <c r="A96373" s="13" t="s">
        <v>478</v>
      </c>
      <c r="B96373" s="14" t="s">
        <v>1</v>
      </c>
      <c r="C96373" s="14" t="s">
        <v>96</v>
      </c>
      <c r="D96373" s="14" t="s">
        <v>479</v>
      </c>
      <c r="E96373" s="15">
        <v>45389</v>
      </c>
      <c r="F96373" s="14" t="s">
        <v>53</v>
      </c>
      <c r="G96373" s="16">
        <v>0</v>
      </c>
    </row>
    <row r="96374" spans="1:7" x14ac:dyDescent="0.3">
      <c r="A96374" s="13" t="s">
        <v>478</v>
      </c>
      <c r="B96374" s="14" t="s">
        <v>1</v>
      </c>
      <c r="C96374" s="14" t="s">
        <v>96</v>
      </c>
      <c r="D96374" s="14" t="s">
        <v>479</v>
      </c>
      <c r="E96374" s="15">
        <v>45390</v>
      </c>
      <c r="F96374" s="14" t="s">
        <v>53</v>
      </c>
      <c r="G96374" s="16">
        <v>0</v>
      </c>
    </row>
    <row r="96375" spans="1:7" x14ac:dyDescent="0.3">
      <c r="A96375" s="13" t="s">
        <v>478</v>
      </c>
      <c r="B96375" s="14" t="s">
        <v>1</v>
      </c>
      <c r="C96375" s="14" t="s">
        <v>96</v>
      </c>
      <c r="D96375" s="14" t="s">
        <v>479</v>
      </c>
      <c r="E96375" s="15">
        <v>45391</v>
      </c>
      <c r="F96375" s="14" t="s">
        <v>53</v>
      </c>
      <c r="G96375" s="16">
        <v>0</v>
      </c>
    </row>
    <row r="96376" spans="1:7" x14ac:dyDescent="0.3">
      <c r="A96376" s="13" t="s">
        <v>478</v>
      </c>
      <c r="B96376" s="14" t="s">
        <v>1</v>
      </c>
      <c r="C96376" s="14" t="s">
        <v>96</v>
      </c>
      <c r="D96376" s="14" t="s">
        <v>479</v>
      </c>
      <c r="E96376" s="15">
        <v>45392</v>
      </c>
      <c r="F96376" s="14" t="s">
        <v>53</v>
      </c>
      <c r="G96376" s="16">
        <v>0</v>
      </c>
    </row>
    <row r="96377" spans="1:7" x14ac:dyDescent="0.3">
      <c r="A96377" s="13" t="s">
        <v>478</v>
      </c>
      <c r="B96377" s="14" t="s">
        <v>1</v>
      </c>
      <c r="C96377" s="14" t="s">
        <v>96</v>
      </c>
      <c r="D96377" s="14" t="s">
        <v>479</v>
      </c>
      <c r="E96377" s="15">
        <v>45393</v>
      </c>
      <c r="F96377" s="14" t="s">
        <v>53</v>
      </c>
      <c r="G96377" s="16">
        <v>0</v>
      </c>
    </row>
    <row r="96378" spans="1:7" x14ac:dyDescent="0.3">
      <c r="A96378" s="13" t="s">
        <v>478</v>
      </c>
      <c r="B96378" s="14" t="s">
        <v>1</v>
      </c>
      <c r="C96378" s="14" t="s">
        <v>96</v>
      </c>
      <c r="D96378" s="14" t="s">
        <v>479</v>
      </c>
      <c r="E96378" s="15">
        <v>45394</v>
      </c>
      <c r="F96378" s="14" t="s">
        <v>53</v>
      </c>
      <c r="G96378" s="16">
        <v>0</v>
      </c>
    </row>
    <row r="96379" spans="1:7" x14ac:dyDescent="0.3">
      <c r="A96379" s="13" t="s">
        <v>478</v>
      </c>
      <c r="B96379" s="14" t="s">
        <v>1</v>
      </c>
      <c r="C96379" s="14" t="s">
        <v>96</v>
      </c>
      <c r="D96379" s="14" t="s">
        <v>479</v>
      </c>
      <c r="E96379" s="15">
        <v>45395</v>
      </c>
      <c r="F96379" s="14" t="s">
        <v>53</v>
      </c>
      <c r="G96379" s="16">
        <v>0</v>
      </c>
    </row>
    <row r="96380" spans="1:7" x14ac:dyDescent="0.3">
      <c r="A96380" s="13" t="s">
        <v>478</v>
      </c>
      <c r="B96380" s="14" t="s">
        <v>1</v>
      </c>
      <c r="C96380" s="14" t="s">
        <v>96</v>
      </c>
      <c r="D96380" s="14" t="s">
        <v>479</v>
      </c>
      <c r="E96380" s="15">
        <v>45396</v>
      </c>
      <c r="F96380" s="14" t="s">
        <v>53</v>
      </c>
      <c r="G96380" s="16">
        <v>0</v>
      </c>
    </row>
    <row r="96381" spans="1:7" x14ac:dyDescent="0.3">
      <c r="A96381" s="13" t="s">
        <v>478</v>
      </c>
      <c r="B96381" s="14" t="s">
        <v>1</v>
      </c>
      <c r="C96381" s="14" t="s">
        <v>96</v>
      </c>
      <c r="D96381" s="14" t="s">
        <v>479</v>
      </c>
      <c r="E96381" s="15">
        <v>45397</v>
      </c>
      <c r="F96381" s="14" t="s">
        <v>53</v>
      </c>
      <c r="G96381" s="16">
        <v>0</v>
      </c>
    </row>
    <row r="96382" spans="1:7" x14ac:dyDescent="0.3">
      <c r="A96382" s="13" t="s">
        <v>478</v>
      </c>
      <c r="B96382" s="14" t="s">
        <v>1</v>
      </c>
      <c r="C96382" s="14" t="s">
        <v>96</v>
      </c>
      <c r="D96382" s="14" t="s">
        <v>479</v>
      </c>
      <c r="E96382" s="15">
        <v>45398</v>
      </c>
      <c r="F96382" s="14" t="s">
        <v>53</v>
      </c>
      <c r="G96382" s="16">
        <v>0</v>
      </c>
    </row>
    <row r="96383" spans="1:7" x14ac:dyDescent="0.3">
      <c r="A96383" s="13" t="s">
        <v>478</v>
      </c>
      <c r="B96383" s="14" t="s">
        <v>1</v>
      </c>
      <c r="C96383" s="14" t="s">
        <v>96</v>
      </c>
      <c r="D96383" s="14" t="s">
        <v>479</v>
      </c>
      <c r="E96383" s="15">
        <v>45399</v>
      </c>
      <c r="F96383" s="14" t="s">
        <v>53</v>
      </c>
      <c r="G96383" s="16">
        <v>0</v>
      </c>
    </row>
    <row r="96384" spans="1:7" x14ac:dyDescent="0.3">
      <c r="A96384" s="13" t="s">
        <v>478</v>
      </c>
      <c r="B96384" s="14" t="s">
        <v>1</v>
      </c>
      <c r="C96384" s="14" t="s">
        <v>96</v>
      </c>
      <c r="D96384" s="14" t="s">
        <v>479</v>
      </c>
      <c r="E96384" s="15">
        <v>45400</v>
      </c>
      <c r="F96384" s="14" t="s">
        <v>53</v>
      </c>
      <c r="G96384" s="16">
        <v>0</v>
      </c>
    </row>
    <row r="96385" spans="1:7" x14ac:dyDescent="0.3">
      <c r="A96385" s="13" t="s">
        <v>478</v>
      </c>
      <c r="B96385" s="14" t="s">
        <v>1</v>
      </c>
      <c r="C96385" s="14" t="s">
        <v>96</v>
      </c>
      <c r="D96385" s="14" t="s">
        <v>479</v>
      </c>
      <c r="E96385" s="15">
        <v>45401</v>
      </c>
      <c r="F96385" s="14" t="s">
        <v>53</v>
      </c>
      <c r="G96385" s="16">
        <v>0</v>
      </c>
    </row>
    <row r="96386" spans="1:7" x14ac:dyDescent="0.3">
      <c r="A96386" s="13" t="s">
        <v>478</v>
      </c>
      <c r="B96386" s="14" t="s">
        <v>1</v>
      </c>
      <c r="C96386" s="14" t="s">
        <v>96</v>
      </c>
      <c r="D96386" s="14" t="s">
        <v>479</v>
      </c>
      <c r="E96386" s="15">
        <v>45402</v>
      </c>
      <c r="F96386" s="14" t="s">
        <v>53</v>
      </c>
      <c r="G96386" s="16">
        <v>0</v>
      </c>
    </row>
    <row r="96387" spans="1:7" x14ac:dyDescent="0.3">
      <c r="A96387" s="13" t="s">
        <v>478</v>
      </c>
      <c r="B96387" s="14" t="s">
        <v>1</v>
      </c>
      <c r="C96387" s="14" t="s">
        <v>96</v>
      </c>
      <c r="D96387" s="14" t="s">
        <v>479</v>
      </c>
      <c r="E96387" s="15">
        <v>45403</v>
      </c>
      <c r="F96387" s="14" t="s">
        <v>53</v>
      </c>
      <c r="G96387" s="16">
        <v>0</v>
      </c>
    </row>
    <row r="96388" spans="1:7" x14ac:dyDescent="0.3">
      <c r="A96388" s="13" t="s">
        <v>478</v>
      </c>
      <c r="B96388" s="14" t="s">
        <v>1</v>
      </c>
      <c r="C96388" s="14" t="s">
        <v>96</v>
      </c>
      <c r="D96388" s="14" t="s">
        <v>479</v>
      </c>
      <c r="E96388" s="15">
        <v>45404</v>
      </c>
      <c r="F96388" s="14" t="s">
        <v>53</v>
      </c>
      <c r="G96388" s="16">
        <v>0</v>
      </c>
    </row>
    <row r="96389" spans="1:7" x14ac:dyDescent="0.3">
      <c r="A96389" s="13" t="s">
        <v>478</v>
      </c>
      <c r="B96389" s="14" t="s">
        <v>1</v>
      </c>
      <c r="C96389" s="14" t="s">
        <v>96</v>
      </c>
      <c r="D96389" s="14" t="s">
        <v>479</v>
      </c>
      <c r="E96389" s="15">
        <v>45405</v>
      </c>
      <c r="F96389" s="14" t="s">
        <v>53</v>
      </c>
      <c r="G96389" s="16">
        <v>0</v>
      </c>
    </row>
    <row r="96390" spans="1:7" x14ac:dyDescent="0.3">
      <c r="A96390" s="13" t="s">
        <v>478</v>
      </c>
      <c r="B96390" s="14" t="s">
        <v>1</v>
      </c>
      <c r="C96390" s="14" t="s">
        <v>96</v>
      </c>
      <c r="D96390" s="14" t="s">
        <v>479</v>
      </c>
      <c r="E96390" s="15">
        <v>45406</v>
      </c>
      <c r="F96390" s="14" t="s">
        <v>53</v>
      </c>
      <c r="G96390" s="16">
        <v>0</v>
      </c>
    </row>
    <row r="96391" spans="1:7" x14ac:dyDescent="0.3">
      <c r="A96391" s="13" t="s">
        <v>478</v>
      </c>
      <c r="B96391" s="14" t="s">
        <v>1</v>
      </c>
      <c r="C96391" s="14" t="s">
        <v>96</v>
      </c>
      <c r="D96391" s="14" t="s">
        <v>479</v>
      </c>
      <c r="E96391" s="15">
        <v>45407</v>
      </c>
      <c r="F96391" s="14" t="s">
        <v>53</v>
      </c>
      <c r="G96391" s="16">
        <v>0</v>
      </c>
    </row>
    <row r="96392" spans="1:7" x14ac:dyDescent="0.3">
      <c r="A96392" s="13" t="s">
        <v>478</v>
      </c>
      <c r="B96392" s="14" t="s">
        <v>1</v>
      </c>
      <c r="C96392" s="14" t="s">
        <v>96</v>
      </c>
      <c r="D96392" s="14" t="s">
        <v>479</v>
      </c>
      <c r="E96392" s="15">
        <v>45408</v>
      </c>
      <c r="F96392" s="14" t="s">
        <v>53</v>
      </c>
      <c r="G96392" s="16">
        <v>0</v>
      </c>
    </row>
    <row r="96393" spans="1:7" x14ac:dyDescent="0.3">
      <c r="A96393" s="13" t="s">
        <v>478</v>
      </c>
      <c r="B96393" s="14" t="s">
        <v>1</v>
      </c>
      <c r="C96393" s="14" t="s">
        <v>96</v>
      </c>
      <c r="D96393" s="14" t="s">
        <v>479</v>
      </c>
      <c r="E96393" s="15">
        <v>45409</v>
      </c>
      <c r="F96393" s="14" t="s">
        <v>53</v>
      </c>
      <c r="G96393" s="16">
        <v>0</v>
      </c>
    </row>
    <row r="96394" spans="1:7" x14ac:dyDescent="0.3">
      <c r="A96394" s="13" t="s">
        <v>478</v>
      </c>
      <c r="B96394" s="14" t="s">
        <v>1</v>
      </c>
      <c r="C96394" s="14" t="s">
        <v>96</v>
      </c>
      <c r="D96394" s="14" t="s">
        <v>479</v>
      </c>
      <c r="E96394" s="15">
        <v>45410</v>
      </c>
      <c r="F96394" s="14" t="s">
        <v>53</v>
      </c>
      <c r="G96394" s="16">
        <v>0</v>
      </c>
    </row>
    <row r="96395" spans="1:7" x14ac:dyDescent="0.3">
      <c r="A96395" s="13" t="s">
        <v>478</v>
      </c>
      <c r="B96395" s="14" t="s">
        <v>1</v>
      </c>
      <c r="C96395" s="14" t="s">
        <v>96</v>
      </c>
      <c r="D96395" s="14" t="s">
        <v>479</v>
      </c>
      <c r="E96395" s="15">
        <v>45411</v>
      </c>
      <c r="F96395" s="14" t="s">
        <v>53</v>
      </c>
      <c r="G96395" s="16">
        <v>0</v>
      </c>
    </row>
    <row r="96396" spans="1:7" x14ac:dyDescent="0.3">
      <c r="A96396" s="13" t="s">
        <v>478</v>
      </c>
      <c r="B96396" s="14" t="s">
        <v>1</v>
      </c>
      <c r="C96396" s="14" t="s">
        <v>96</v>
      </c>
      <c r="D96396" s="14" t="s">
        <v>479</v>
      </c>
      <c r="E96396" s="15">
        <v>45412</v>
      </c>
      <c r="F96396" s="14" t="s">
        <v>53</v>
      </c>
      <c r="G96396" s="16">
        <v>0</v>
      </c>
    </row>
    <row r="96397" spans="1:7" x14ac:dyDescent="0.3">
      <c r="A96397" s="13" t="s">
        <v>478</v>
      </c>
      <c r="B96397" s="14" t="s">
        <v>1</v>
      </c>
      <c r="C96397" s="14" t="s">
        <v>96</v>
      </c>
      <c r="D96397" s="14" t="s">
        <v>479</v>
      </c>
      <c r="E96397" s="15">
        <v>45413</v>
      </c>
      <c r="F96397" s="14" t="s">
        <v>53</v>
      </c>
      <c r="G96397" s="16">
        <v>0</v>
      </c>
    </row>
    <row r="96398" spans="1:7" x14ac:dyDescent="0.3">
      <c r="A96398" s="13" t="s">
        <v>478</v>
      </c>
      <c r="B96398" s="14" t="s">
        <v>1</v>
      </c>
      <c r="C96398" s="14" t="s">
        <v>96</v>
      </c>
      <c r="D96398" s="14" t="s">
        <v>479</v>
      </c>
      <c r="E96398" s="15">
        <v>45414</v>
      </c>
      <c r="F96398" s="14" t="s">
        <v>53</v>
      </c>
      <c r="G96398" s="16">
        <v>0</v>
      </c>
    </row>
    <row r="96399" spans="1:7" x14ac:dyDescent="0.3">
      <c r="A96399" s="13" t="s">
        <v>478</v>
      </c>
      <c r="B96399" s="14" t="s">
        <v>1</v>
      </c>
      <c r="C96399" s="14" t="s">
        <v>96</v>
      </c>
      <c r="D96399" s="14" t="s">
        <v>479</v>
      </c>
      <c r="E96399" s="15">
        <v>45415</v>
      </c>
      <c r="F96399" s="14" t="s">
        <v>53</v>
      </c>
      <c r="G96399" s="16">
        <v>0</v>
      </c>
    </row>
    <row r="96400" spans="1:7" x14ac:dyDescent="0.3">
      <c r="A96400" s="13" t="s">
        <v>478</v>
      </c>
      <c r="B96400" s="14" t="s">
        <v>1</v>
      </c>
      <c r="C96400" s="14" t="s">
        <v>96</v>
      </c>
      <c r="D96400" s="14" t="s">
        <v>479</v>
      </c>
      <c r="E96400" s="15">
        <v>45416</v>
      </c>
      <c r="F96400" s="14" t="s">
        <v>53</v>
      </c>
      <c r="G96400" s="16">
        <v>0</v>
      </c>
    </row>
    <row r="96401" spans="1:7" x14ac:dyDescent="0.3">
      <c r="A96401" s="13" t="s">
        <v>478</v>
      </c>
      <c r="B96401" s="14" t="s">
        <v>1</v>
      </c>
      <c r="C96401" s="14" t="s">
        <v>96</v>
      </c>
      <c r="D96401" s="14" t="s">
        <v>479</v>
      </c>
      <c r="E96401" s="15">
        <v>45417</v>
      </c>
      <c r="F96401" s="14" t="s">
        <v>53</v>
      </c>
      <c r="G96401" s="16">
        <v>0</v>
      </c>
    </row>
    <row r="96402" spans="1:7" x14ac:dyDescent="0.3">
      <c r="A96402" s="13" t="s">
        <v>478</v>
      </c>
      <c r="B96402" s="14" t="s">
        <v>1</v>
      </c>
      <c r="C96402" s="14" t="s">
        <v>96</v>
      </c>
      <c r="D96402" s="14" t="s">
        <v>479</v>
      </c>
      <c r="E96402" s="15">
        <v>45418</v>
      </c>
      <c r="F96402" s="14" t="s">
        <v>53</v>
      </c>
      <c r="G96402" s="16">
        <v>0</v>
      </c>
    </row>
    <row r="96403" spans="1:7" x14ac:dyDescent="0.3">
      <c r="A96403" s="13" t="s">
        <v>478</v>
      </c>
      <c r="B96403" s="14" t="s">
        <v>1</v>
      </c>
      <c r="C96403" s="14" t="s">
        <v>96</v>
      </c>
      <c r="D96403" s="14" t="s">
        <v>479</v>
      </c>
      <c r="E96403" s="15">
        <v>45419</v>
      </c>
      <c r="F96403" s="14" t="s">
        <v>53</v>
      </c>
      <c r="G96403" s="16">
        <v>0</v>
      </c>
    </row>
    <row r="96404" spans="1:7" x14ac:dyDescent="0.3">
      <c r="A96404" s="13" t="s">
        <v>478</v>
      </c>
      <c r="B96404" s="14" t="s">
        <v>1</v>
      </c>
      <c r="C96404" s="14" t="s">
        <v>96</v>
      </c>
      <c r="D96404" s="14" t="s">
        <v>479</v>
      </c>
      <c r="E96404" s="15">
        <v>45420</v>
      </c>
      <c r="F96404" s="14" t="s">
        <v>53</v>
      </c>
      <c r="G96404" s="16">
        <v>0</v>
      </c>
    </row>
    <row r="96405" spans="1:7" x14ac:dyDescent="0.3">
      <c r="A96405" s="13" t="s">
        <v>478</v>
      </c>
      <c r="B96405" s="14" t="s">
        <v>1</v>
      </c>
      <c r="C96405" s="14" t="s">
        <v>96</v>
      </c>
      <c r="D96405" s="14" t="s">
        <v>479</v>
      </c>
      <c r="E96405" s="15">
        <v>45421</v>
      </c>
      <c r="F96405" s="14" t="s">
        <v>53</v>
      </c>
      <c r="G96405" s="16">
        <v>0</v>
      </c>
    </row>
    <row r="96406" spans="1:7" x14ac:dyDescent="0.3">
      <c r="A96406" s="13" t="s">
        <v>478</v>
      </c>
      <c r="B96406" s="14" t="s">
        <v>1</v>
      </c>
      <c r="C96406" s="14" t="s">
        <v>96</v>
      </c>
      <c r="D96406" s="14" t="s">
        <v>479</v>
      </c>
      <c r="E96406" s="15">
        <v>45422</v>
      </c>
      <c r="F96406" s="14" t="s">
        <v>53</v>
      </c>
      <c r="G96406" s="16">
        <v>0</v>
      </c>
    </row>
    <row r="96407" spans="1:7" x14ac:dyDescent="0.3">
      <c r="A96407" s="13" t="s">
        <v>478</v>
      </c>
      <c r="B96407" s="14" t="s">
        <v>1</v>
      </c>
      <c r="C96407" s="14" t="s">
        <v>96</v>
      </c>
      <c r="D96407" s="14" t="s">
        <v>479</v>
      </c>
      <c r="E96407" s="15">
        <v>45423</v>
      </c>
      <c r="F96407" s="14" t="s">
        <v>53</v>
      </c>
      <c r="G96407" s="16">
        <v>0</v>
      </c>
    </row>
    <row r="96408" spans="1:7" x14ac:dyDescent="0.3">
      <c r="A96408" s="13" t="s">
        <v>478</v>
      </c>
      <c r="B96408" s="14" t="s">
        <v>1</v>
      </c>
      <c r="C96408" s="14" t="s">
        <v>96</v>
      </c>
      <c r="D96408" s="14" t="s">
        <v>479</v>
      </c>
      <c r="E96408" s="15">
        <v>45424</v>
      </c>
      <c r="F96408" s="14" t="s">
        <v>53</v>
      </c>
      <c r="G96408" s="16">
        <v>0</v>
      </c>
    </row>
    <row r="96409" spans="1:7" x14ac:dyDescent="0.3">
      <c r="A96409" s="13" t="s">
        <v>478</v>
      </c>
      <c r="B96409" s="14" t="s">
        <v>1</v>
      </c>
      <c r="C96409" s="14" t="s">
        <v>96</v>
      </c>
      <c r="D96409" s="14" t="s">
        <v>479</v>
      </c>
      <c r="E96409" s="15">
        <v>45425</v>
      </c>
      <c r="F96409" s="14" t="s">
        <v>53</v>
      </c>
      <c r="G96409" s="16">
        <v>0</v>
      </c>
    </row>
    <row r="96410" spans="1:7" x14ac:dyDescent="0.3">
      <c r="A96410" s="13" t="s">
        <v>478</v>
      </c>
      <c r="B96410" s="14" t="s">
        <v>1</v>
      </c>
      <c r="C96410" s="14" t="s">
        <v>96</v>
      </c>
      <c r="D96410" s="14" t="s">
        <v>479</v>
      </c>
      <c r="E96410" s="15">
        <v>45426</v>
      </c>
      <c r="F96410" s="14" t="s">
        <v>53</v>
      </c>
      <c r="G96410" s="16">
        <v>0</v>
      </c>
    </row>
    <row r="96411" spans="1:7" x14ac:dyDescent="0.3">
      <c r="A96411" s="13" t="s">
        <v>478</v>
      </c>
      <c r="B96411" s="14" t="s">
        <v>1</v>
      </c>
      <c r="C96411" s="14" t="s">
        <v>96</v>
      </c>
      <c r="D96411" s="14" t="s">
        <v>479</v>
      </c>
      <c r="E96411" s="15">
        <v>45427</v>
      </c>
      <c r="F96411" s="14" t="s">
        <v>53</v>
      </c>
      <c r="G96411" s="16">
        <v>0</v>
      </c>
    </row>
    <row r="96412" spans="1:7" x14ac:dyDescent="0.3">
      <c r="A96412" s="13" t="s">
        <v>478</v>
      </c>
      <c r="B96412" s="14" t="s">
        <v>1</v>
      </c>
      <c r="C96412" s="14" t="s">
        <v>96</v>
      </c>
      <c r="D96412" s="14" t="s">
        <v>479</v>
      </c>
      <c r="E96412" s="15">
        <v>45428</v>
      </c>
      <c r="F96412" s="14" t="s">
        <v>53</v>
      </c>
      <c r="G96412" s="16">
        <v>0</v>
      </c>
    </row>
    <row r="96413" spans="1:7" x14ac:dyDescent="0.3">
      <c r="A96413" s="13" t="s">
        <v>478</v>
      </c>
      <c r="B96413" s="14" t="s">
        <v>1</v>
      </c>
      <c r="C96413" s="14" t="s">
        <v>96</v>
      </c>
      <c r="D96413" s="14" t="s">
        <v>479</v>
      </c>
      <c r="E96413" s="15">
        <v>45429</v>
      </c>
      <c r="F96413" s="14" t="s">
        <v>53</v>
      </c>
      <c r="G96413" s="16">
        <v>0</v>
      </c>
    </row>
    <row r="96414" spans="1:7" x14ac:dyDescent="0.3">
      <c r="A96414" s="13" t="s">
        <v>478</v>
      </c>
      <c r="B96414" s="14" t="s">
        <v>1</v>
      </c>
      <c r="C96414" s="14" t="s">
        <v>96</v>
      </c>
      <c r="D96414" s="14" t="s">
        <v>479</v>
      </c>
      <c r="E96414" s="15">
        <v>45430</v>
      </c>
      <c r="F96414" s="14" t="s">
        <v>53</v>
      </c>
      <c r="G96414" s="16">
        <v>0</v>
      </c>
    </row>
    <row r="96415" spans="1:7" x14ac:dyDescent="0.3">
      <c r="A96415" s="13" t="s">
        <v>478</v>
      </c>
      <c r="B96415" s="14" t="s">
        <v>1</v>
      </c>
      <c r="C96415" s="14" t="s">
        <v>96</v>
      </c>
      <c r="D96415" s="14" t="s">
        <v>479</v>
      </c>
      <c r="E96415" s="15">
        <v>45431</v>
      </c>
      <c r="F96415" s="14" t="s">
        <v>53</v>
      </c>
      <c r="G96415" s="16">
        <v>0</v>
      </c>
    </row>
    <row r="96416" spans="1:7" x14ac:dyDescent="0.3">
      <c r="A96416" s="13" t="s">
        <v>478</v>
      </c>
      <c r="B96416" s="14" t="s">
        <v>1</v>
      </c>
      <c r="C96416" s="14" t="s">
        <v>96</v>
      </c>
      <c r="D96416" s="14" t="s">
        <v>479</v>
      </c>
      <c r="E96416" s="15">
        <v>45432</v>
      </c>
      <c r="F96416" s="14" t="s">
        <v>53</v>
      </c>
      <c r="G96416" s="16">
        <v>0</v>
      </c>
    </row>
    <row r="96417" spans="1:7" x14ac:dyDescent="0.3">
      <c r="A96417" s="13" t="s">
        <v>478</v>
      </c>
      <c r="B96417" s="14" t="s">
        <v>1</v>
      </c>
      <c r="C96417" s="14" t="s">
        <v>96</v>
      </c>
      <c r="D96417" s="14" t="s">
        <v>479</v>
      </c>
      <c r="E96417" s="15">
        <v>45433</v>
      </c>
      <c r="F96417" s="14" t="s">
        <v>53</v>
      </c>
      <c r="G96417" s="16">
        <v>0</v>
      </c>
    </row>
    <row r="96418" spans="1:7" x14ac:dyDescent="0.3">
      <c r="A96418" s="13" t="s">
        <v>478</v>
      </c>
      <c r="B96418" s="14" t="s">
        <v>1</v>
      </c>
      <c r="C96418" s="14" t="s">
        <v>96</v>
      </c>
      <c r="D96418" s="14" t="s">
        <v>479</v>
      </c>
      <c r="E96418" s="15">
        <v>45434</v>
      </c>
      <c r="F96418" s="14" t="s">
        <v>53</v>
      </c>
      <c r="G96418" s="16">
        <v>0</v>
      </c>
    </row>
    <row r="96419" spans="1:7" x14ac:dyDescent="0.3">
      <c r="A96419" s="13" t="s">
        <v>478</v>
      </c>
      <c r="B96419" s="14" t="s">
        <v>1</v>
      </c>
      <c r="C96419" s="14" t="s">
        <v>96</v>
      </c>
      <c r="D96419" s="14" t="s">
        <v>479</v>
      </c>
      <c r="E96419" s="15">
        <v>45435</v>
      </c>
      <c r="F96419" s="14" t="s">
        <v>53</v>
      </c>
      <c r="G96419" s="16">
        <v>0</v>
      </c>
    </row>
    <row r="96420" spans="1:7" x14ac:dyDescent="0.3">
      <c r="A96420" s="13" t="s">
        <v>478</v>
      </c>
      <c r="B96420" s="14" t="s">
        <v>1</v>
      </c>
      <c r="C96420" s="14" t="s">
        <v>96</v>
      </c>
      <c r="D96420" s="14" t="s">
        <v>479</v>
      </c>
      <c r="E96420" s="15">
        <v>45436</v>
      </c>
      <c r="F96420" s="14" t="s">
        <v>53</v>
      </c>
      <c r="G96420" s="16">
        <v>0</v>
      </c>
    </row>
    <row r="96421" spans="1:7" x14ac:dyDescent="0.3">
      <c r="A96421" s="13" t="s">
        <v>478</v>
      </c>
      <c r="B96421" s="14" t="s">
        <v>1</v>
      </c>
      <c r="C96421" s="14" t="s">
        <v>96</v>
      </c>
      <c r="D96421" s="14" t="s">
        <v>479</v>
      </c>
      <c r="E96421" s="15">
        <v>45437</v>
      </c>
      <c r="F96421" s="14" t="s">
        <v>53</v>
      </c>
      <c r="G96421" s="16">
        <v>0</v>
      </c>
    </row>
    <row r="96422" spans="1:7" x14ac:dyDescent="0.3">
      <c r="A96422" s="13" t="s">
        <v>478</v>
      </c>
      <c r="B96422" s="14" t="s">
        <v>1</v>
      </c>
      <c r="C96422" s="14" t="s">
        <v>96</v>
      </c>
      <c r="D96422" s="14" t="s">
        <v>479</v>
      </c>
      <c r="E96422" s="15">
        <v>45438</v>
      </c>
      <c r="F96422" s="14" t="s">
        <v>53</v>
      </c>
      <c r="G96422" s="16">
        <v>0</v>
      </c>
    </row>
    <row r="96423" spans="1:7" x14ac:dyDescent="0.3">
      <c r="A96423" s="13" t="s">
        <v>478</v>
      </c>
      <c r="B96423" s="14" t="s">
        <v>1</v>
      </c>
      <c r="C96423" s="14" t="s">
        <v>96</v>
      </c>
      <c r="D96423" s="14" t="s">
        <v>479</v>
      </c>
      <c r="E96423" s="15">
        <v>45439</v>
      </c>
      <c r="F96423" s="14" t="s">
        <v>53</v>
      </c>
      <c r="G96423" s="16">
        <v>0</v>
      </c>
    </row>
    <row r="96424" spans="1:7" x14ac:dyDescent="0.3">
      <c r="A96424" s="13" t="s">
        <v>478</v>
      </c>
      <c r="B96424" s="14" t="s">
        <v>1</v>
      </c>
      <c r="C96424" s="14" t="s">
        <v>96</v>
      </c>
      <c r="D96424" s="14" t="s">
        <v>479</v>
      </c>
      <c r="E96424" s="15">
        <v>45440</v>
      </c>
      <c r="F96424" s="14" t="s">
        <v>53</v>
      </c>
      <c r="G96424" s="16">
        <v>0</v>
      </c>
    </row>
    <row r="96425" spans="1:7" x14ac:dyDescent="0.3">
      <c r="A96425" s="13" t="s">
        <v>478</v>
      </c>
      <c r="B96425" s="14" t="s">
        <v>1</v>
      </c>
      <c r="C96425" s="14" t="s">
        <v>96</v>
      </c>
      <c r="D96425" s="14" t="s">
        <v>479</v>
      </c>
      <c r="E96425" s="15">
        <v>45441</v>
      </c>
      <c r="F96425" s="14" t="s">
        <v>53</v>
      </c>
      <c r="G96425" s="16">
        <v>0</v>
      </c>
    </row>
    <row r="96426" spans="1:7" x14ac:dyDescent="0.3">
      <c r="A96426" s="13" t="s">
        <v>478</v>
      </c>
      <c r="B96426" s="14" t="s">
        <v>1</v>
      </c>
      <c r="C96426" s="14" t="s">
        <v>96</v>
      </c>
      <c r="D96426" s="14" t="s">
        <v>479</v>
      </c>
      <c r="E96426" s="15">
        <v>45442</v>
      </c>
      <c r="F96426" s="14" t="s">
        <v>53</v>
      </c>
      <c r="G96426" s="16">
        <v>0</v>
      </c>
    </row>
    <row r="96427" spans="1:7" x14ac:dyDescent="0.3">
      <c r="A96427" s="13" t="s">
        <v>478</v>
      </c>
      <c r="B96427" s="14" t="s">
        <v>1</v>
      </c>
      <c r="C96427" s="14" t="s">
        <v>96</v>
      </c>
      <c r="D96427" s="14" t="s">
        <v>479</v>
      </c>
      <c r="E96427" s="15">
        <v>45443</v>
      </c>
      <c r="F96427" s="14" t="s">
        <v>53</v>
      </c>
      <c r="G96427" s="16">
        <v>0</v>
      </c>
    </row>
    <row r="96428" spans="1:7" x14ac:dyDescent="0.3">
      <c r="A96428" s="13" t="s">
        <v>478</v>
      </c>
      <c r="B96428" s="14" t="s">
        <v>1</v>
      </c>
      <c r="C96428" s="14" t="s">
        <v>96</v>
      </c>
      <c r="D96428" s="14" t="s">
        <v>479</v>
      </c>
      <c r="E96428" s="15">
        <v>45444</v>
      </c>
      <c r="F96428" s="14" t="s">
        <v>53</v>
      </c>
      <c r="G96428" s="16">
        <v>0</v>
      </c>
    </row>
    <row r="96429" spans="1:7" x14ac:dyDescent="0.3">
      <c r="A96429" s="13" t="s">
        <v>478</v>
      </c>
      <c r="B96429" s="14" t="s">
        <v>1</v>
      </c>
      <c r="C96429" s="14" t="s">
        <v>96</v>
      </c>
      <c r="D96429" s="14" t="s">
        <v>479</v>
      </c>
      <c r="E96429" s="15">
        <v>45445</v>
      </c>
      <c r="F96429" s="14" t="s">
        <v>53</v>
      </c>
      <c r="G96429" s="16">
        <v>0</v>
      </c>
    </row>
    <row r="96430" spans="1:7" x14ac:dyDescent="0.3">
      <c r="A96430" s="13" t="s">
        <v>478</v>
      </c>
      <c r="B96430" s="14" t="s">
        <v>1</v>
      </c>
      <c r="C96430" s="14" t="s">
        <v>96</v>
      </c>
      <c r="D96430" s="14" t="s">
        <v>479</v>
      </c>
      <c r="E96430" s="15">
        <v>45446</v>
      </c>
      <c r="F96430" s="14" t="s">
        <v>53</v>
      </c>
      <c r="G96430" s="16">
        <v>0</v>
      </c>
    </row>
    <row r="96431" spans="1:7" x14ac:dyDescent="0.3">
      <c r="A96431" s="13" t="s">
        <v>478</v>
      </c>
      <c r="B96431" s="14" t="s">
        <v>1</v>
      </c>
      <c r="C96431" s="14" t="s">
        <v>96</v>
      </c>
      <c r="D96431" s="14" t="s">
        <v>479</v>
      </c>
      <c r="E96431" s="15">
        <v>45447</v>
      </c>
      <c r="F96431" s="14" t="s">
        <v>53</v>
      </c>
      <c r="G96431" s="16">
        <v>0</v>
      </c>
    </row>
    <row r="96432" spans="1:7" x14ac:dyDescent="0.3">
      <c r="A96432" s="13" t="s">
        <v>478</v>
      </c>
      <c r="B96432" s="14" t="s">
        <v>1</v>
      </c>
      <c r="C96432" s="14" t="s">
        <v>96</v>
      </c>
      <c r="D96432" s="14" t="s">
        <v>479</v>
      </c>
      <c r="E96432" s="15">
        <v>45448</v>
      </c>
      <c r="F96432" s="14" t="s">
        <v>53</v>
      </c>
      <c r="G96432" s="16">
        <v>0</v>
      </c>
    </row>
    <row r="96433" spans="1:7" x14ac:dyDescent="0.3">
      <c r="A96433" s="13" t="s">
        <v>478</v>
      </c>
      <c r="B96433" s="14" t="s">
        <v>1</v>
      </c>
      <c r="C96433" s="14" t="s">
        <v>96</v>
      </c>
      <c r="D96433" s="14" t="s">
        <v>479</v>
      </c>
      <c r="E96433" s="15">
        <v>45449</v>
      </c>
      <c r="F96433" s="14" t="s">
        <v>53</v>
      </c>
      <c r="G96433" s="16">
        <v>0</v>
      </c>
    </row>
    <row r="96434" spans="1:7" x14ac:dyDescent="0.3">
      <c r="A96434" s="13" t="s">
        <v>478</v>
      </c>
      <c r="B96434" s="14" t="s">
        <v>1</v>
      </c>
      <c r="C96434" s="14" t="s">
        <v>96</v>
      </c>
      <c r="D96434" s="14" t="s">
        <v>479</v>
      </c>
      <c r="E96434" s="15">
        <v>45450</v>
      </c>
      <c r="F96434" s="14" t="s">
        <v>53</v>
      </c>
      <c r="G96434" s="16">
        <v>0</v>
      </c>
    </row>
    <row r="96435" spans="1:7" x14ac:dyDescent="0.3">
      <c r="A96435" s="13" t="s">
        <v>478</v>
      </c>
      <c r="B96435" s="14" t="s">
        <v>1</v>
      </c>
      <c r="C96435" s="14" t="s">
        <v>96</v>
      </c>
      <c r="D96435" s="14" t="s">
        <v>479</v>
      </c>
      <c r="E96435" s="15">
        <v>45451</v>
      </c>
      <c r="F96435" s="14" t="s">
        <v>53</v>
      </c>
      <c r="G96435" s="16">
        <v>0</v>
      </c>
    </row>
    <row r="96436" spans="1:7" x14ac:dyDescent="0.3">
      <c r="A96436" s="13" t="s">
        <v>478</v>
      </c>
      <c r="B96436" s="14" t="s">
        <v>1</v>
      </c>
      <c r="C96436" s="14" t="s">
        <v>96</v>
      </c>
      <c r="D96436" s="14" t="s">
        <v>479</v>
      </c>
      <c r="E96436" s="15">
        <v>45452</v>
      </c>
      <c r="F96436" s="14" t="s">
        <v>53</v>
      </c>
      <c r="G96436" s="16">
        <v>0</v>
      </c>
    </row>
    <row r="96437" spans="1:7" x14ac:dyDescent="0.3">
      <c r="A96437" s="13" t="s">
        <v>478</v>
      </c>
      <c r="B96437" s="14" t="s">
        <v>1</v>
      </c>
      <c r="C96437" s="14" t="s">
        <v>96</v>
      </c>
      <c r="D96437" s="14" t="s">
        <v>479</v>
      </c>
      <c r="E96437" s="15">
        <v>45453</v>
      </c>
      <c r="F96437" s="14" t="s">
        <v>53</v>
      </c>
      <c r="G96437" s="16">
        <v>0</v>
      </c>
    </row>
    <row r="96438" spans="1:7" x14ac:dyDescent="0.3">
      <c r="A96438" s="13" t="s">
        <v>478</v>
      </c>
      <c r="B96438" s="14" t="s">
        <v>1</v>
      </c>
      <c r="C96438" s="14" t="s">
        <v>96</v>
      </c>
      <c r="D96438" s="14" t="s">
        <v>479</v>
      </c>
      <c r="E96438" s="15">
        <v>45454</v>
      </c>
      <c r="F96438" s="14" t="s">
        <v>53</v>
      </c>
      <c r="G96438" s="16">
        <v>0</v>
      </c>
    </row>
    <row r="96439" spans="1:7" x14ac:dyDescent="0.3">
      <c r="A96439" s="13" t="s">
        <v>478</v>
      </c>
      <c r="B96439" s="14" t="s">
        <v>1</v>
      </c>
      <c r="C96439" s="14" t="s">
        <v>96</v>
      </c>
      <c r="D96439" s="14" t="s">
        <v>479</v>
      </c>
      <c r="E96439" s="15">
        <v>45455</v>
      </c>
      <c r="F96439" s="14" t="s">
        <v>53</v>
      </c>
      <c r="G96439" s="16">
        <v>0</v>
      </c>
    </row>
    <row r="96440" spans="1:7" x14ac:dyDescent="0.3">
      <c r="A96440" s="13" t="s">
        <v>478</v>
      </c>
      <c r="B96440" s="14" t="s">
        <v>1</v>
      </c>
      <c r="C96440" s="14" t="s">
        <v>96</v>
      </c>
      <c r="D96440" s="14" t="s">
        <v>479</v>
      </c>
      <c r="E96440" s="15">
        <v>45456</v>
      </c>
      <c r="F96440" s="14" t="s">
        <v>53</v>
      </c>
      <c r="G96440" s="16">
        <v>0</v>
      </c>
    </row>
    <row r="96441" spans="1:7" x14ac:dyDescent="0.3">
      <c r="A96441" s="13" t="s">
        <v>478</v>
      </c>
      <c r="B96441" s="14" t="s">
        <v>1</v>
      </c>
      <c r="C96441" s="14" t="s">
        <v>96</v>
      </c>
      <c r="D96441" s="14" t="s">
        <v>479</v>
      </c>
      <c r="E96441" s="15">
        <v>45457</v>
      </c>
      <c r="F96441" s="14" t="s">
        <v>53</v>
      </c>
      <c r="G96441" s="16">
        <v>0</v>
      </c>
    </row>
    <row r="96442" spans="1:7" x14ac:dyDescent="0.3">
      <c r="A96442" s="13" t="s">
        <v>478</v>
      </c>
      <c r="B96442" s="14" t="s">
        <v>1</v>
      </c>
      <c r="C96442" s="14" t="s">
        <v>96</v>
      </c>
      <c r="D96442" s="14" t="s">
        <v>479</v>
      </c>
      <c r="E96442" s="15">
        <v>45458</v>
      </c>
      <c r="F96442" s="14" t="s">
        <v>53</v>
      </c>
      <c r="G96442" s="16">
        <v>0</v>
      </c>
    </row>
    <row r="96443" spans="1:7" x14ac:dyDescent="0.3">
      <c r="A96443" s="13" t="s">
        <v>478</v>
      </c>
      <c r="B96443" s="14" t="s">
        <v>1</v>
      </c>
      <c r="C96443" s="14" t="s">
        <v>96</v>
      </c>
      <c r="D96443" s="14" t="s">
        <v>479</v>
      </c>
      <c r="E96443" s="15">
        <v>45459</v>
      </c>
      <c r="F96443" s="14" t="s">
        <v>53</v>
      </c>
      <c r="G96443" s="16">
        <v>0</v>
      </c>
    </row>
    <row r="96444" spans="1:7" x14ac:dyDescent="0.3">
      <c r="A96444" s="13" t="s">
        <v>478</v>
      </c>
      <c r="B96444" s="14" t="s">
        <v>1</v>
      </c>
      <c r="C96444" s="14" t="s">
        <v>96</v>
      </c>
      <c r="D96444" s="14" t="s">
        <v>479</v>
      </c>
      <c r="E96444" s="15">
        <v>45460</v>
      </c>
      <c r="F96444" s="14" t="s">
        <v>53</v>
      </c>
      <c r="G96444" s="16">
        <v>0</v>
      </c>
    </row>
    <row r="96445" spans="1:7" x14ac:dyDescent="0.3">
      <c r="A96445" s="13" t="s">
        <v>478</v>
      </c>
      <c r="B96445" s="14" t="s">
        <v>1</v>
      </c>
      <c r="C96445" s="14" t="s">
        <v>96</v>
      </c>
      <c r="D96445" s="14" t="s">
        <v>479</v>
      </c>
      <c r="E96445" s="15">
        <v>45461</v>
      </c>
      <c r="F96445" s="14" t="s">
        <v>53</v>
      </c>
      <c r="G96445" s="16">
        <v>0</v>
      </c>
    </row>
    <row r="96446" spans="1:7" x14ac:dyDescent="0.3">
      <c r="A96446" s="13" t="s">
        <v>478</v>
      </c>
      <c r="B96446" s="14" t="s">
        <v>1</v>
      </c>
      <c r="C96446" s="14" t="s">
        <v>96</v>
      </c>
      <c r="D96446" s="14" t="s">
        <v>479</v>
      </c>
      <c r="E96446" s="15">
        <v>45462</v>
      </c>
      <c r="F96446" s="14" t="s">
        <v>53</v>
      </c>
      <c r="G96446" s="16">
        <v>0</v>
      </c>
    </row>
    <row r="96447" spans="1:7" x14ac:dyDescent="0.3">
      <c r="A96447" s="13" t="s">
        <v>478</v>
      </c>
      <c r="B96447" s="14" t="s">
        <v>1</v>
      </c>
      <c r="C96447" s="14" t="s">
        <v>96</v>
      </c>
      <c r="D96447" s="14" t="s">
        <v>479</v>
      </c>
      <c r="E96447" s="15">
        <v>45463</v>
      </c>
      <c r="F96447" s="14" t="s">
        <v>53</v>
      </c>
      <c r="G96447" s="16">
        <v>0</v>
      </c>
    </row>
    <row r="96448" spans="1:7" x14ac:dyDescent="0.3">
      <c r="A96448" s="13" t="s">
        <v>478</v>
      </c>
      <c r="B96448" s="14" t="s">
        <v>1</v>
      </c>
      <c r="C96448" s="14" t="s">
        <v>96</v>
      </c>
      <c r="D96448" s="14" t="s">
        <v>479</v>
      </c>
      <c r="E96448" s="15">
        <v>45464</v>
      </c>
      <c r="F96448" s="14" t="s">
        <v>53</v>
      </c>
      <c r="G96448" s="16">
        <v>0</v>
      </c>
    </row>
    <row r="96449" spans="1:7" x14ac:dyDescent="0.3">
      <c r="A96449" s="13" t="s">
        <v>478</v>
      </c>
      <c r="B96449" s="14" t="s">
        <v>1</v>
      </c>
      <c r="C96449" s="14" t="s">
        <v>96</v>
      </c>
      <c r="D96449" s="14" t="s">
        <v>479</v>
      </c>
      <c r="E96449" s="15">
        <v>45465</v>
      </c>
      <c r="F96449" s="14" t="s">
        <v>53</v>
      </c>
      <c r="G96449" s="16">
        <v>0</v>
      </c>
    </row>
    <row r="96450" spans="1:7" x14ac:dyDescent="0.3">
      <c r="A96450" s="13" t="s">
        <v>478</v>
      </c>
      <c r="B96450" s="14" t="s">
        <v>1</v>
      </c>
      <c r="C96450" s="14" t="s">
        <v>96</v>
      </c>
      <c r="D96450" s="14" t="s">
        <v>479</v>
      </c>
      <c r="E96450" s="15">
        <v>45466</v>
      </c>
      <c r="F96450" s="14" t="s">
        <v>53</v>
      </c>
      <c r="G96450" s="16">
        <v>0</v>
      </c>
    </row>
    <row r="96451" spans="1:7" x14ac:dyDescent="0.3">
      <c r="A96451" s="13" t="s">
        <v>478</v>
      </c>
      <c r="B96451" s="14" t="s">
        <v>1</v>
      </c>
      <c r="C96451" s="14" t="s">
        <v>96</v>
      </c>
      <c r="D96451" s="14" t="s">
        <v>479</v>
      </c>
      <c r="E96451" s="15">
        <v>45467</v>
      </c>
      <c r="F96451" s="14" t="s">
        <v>53</v>
      </c>
      <c r="G96451" s="16">
        <v>0</v>
      </c>
    </row>
    <row r="96452" spans="1:7" x14ac:dyDescent="0.3">
      <c r="A96452" s="13" t="s">
        <v>478</v>
      </c>
      <c r="B96452" s="14" t="s">
        <v>1</v>
      </c>
      <c r="C96452" s="14" t="s">
        <v>96</v>
      </c>
      <c r="D96452" s="14" t="s">
        <v>479</v>
      </c>
      <c r="E96452" s="15">
        <v>45468</v>
      </c>
      <c r="F96452" s="14" t="s">
        <v>53</v>
      </c>
      <c r="G96452" s="16">
        <v>0</v>
      </c>
    </row>
    <row r="96453" spans="1:7" x14ac:dyDescent="0.3">
      <c r="A96453" s="13" t="s">
        <v>478</v>
      </c>
      <c r="B96453" s="14" t="s">
        <v>1</v>
      </c>
      <c r="C96453" s="14" t="s">
        <v>96</v>
      </c>
      <c r="D96453" s="14" t="s">
        <v>479</v>
      </c>
      <c r="E96453" s="15">
        <v>45469</v>
      </c>
      <c r="F96453" s="14" t="s">
        <v>53</v>
      </c>
      <c r="G96453" s="16">
        <v>0</v>
      </c>
    </row>
    <row r="96454" spans="1:7" x14ac:dyDescent="0.3">
      <c r="A96454" s="13" t="s">
        <v>478</v>
      </c>
      <c r="B96454" s="14" t="s">
        <v>1</v>
      </c>
      <c r="C96454" s="14" t="s">
        <v>96</v>
      </c>
      <c r="D96454" s="14" t="s">
        <v>479</v>
      </c>
      <c r="E96454" s="15">
        <v>45470</v>
      </c>
      <c r="F96454" s="14" t="s">
        <v>53</v>
      </c>
      <c r="G96454" s="16">
        <v>0</v>
      </c>
    </row>
    <row r="96455" spans="1:7" x14ac:dyDescent="0.3">
      <c r="A96455" s="13" t="s">
        <v>478</v>
      </c>
      <c r="B96455" s="14" t="s">
        <v>1</v>
      </c>
      <c r="C96455" s="14" t="s">
        <v>96</v>
      </c>
      <c r="D96455" s="14" t="s">
        <v>479</v>
      </c>
      <c r="E96455" s="15">
        <v>45471</v>
      </c>
      <c r="F96455" s="14" t="s">
        <v>53</v>
      </c>
      <c r="G96455" s="16">
        <v>0</v>
      </c>
    </row>
    <row r="96456" spans="1:7" x14ac:dyDescent="0.3">
      <c r="A96456" s="13" t="s">
        <v>478</v>
      </c>
      <c r="B96456" s="14" t="s">
        <v>1</v>
      </c>
      <c r="C96456" s="14" t="s">
        <v>96</v>
      </c>
      <c r="D96456" s="14" t="s">
        <v>479</v>
      </c>
      <c r="E96456" s="15">
        <v>45472</v>
      </c>
      <c r="F96456" s="14" t="s">
        <v>53</v>
      </c>
      <c r="G96456" s="16">
        <v>0</v>
      </c>
    </row>
    <row r="96457" spans="1:7" x14ac:dyDescent="0.3">
      <c r="A96457" s="13" t="s">
        <v>478</v>
      </c>
      <c r="B96457" s="14" t="s">
        <v>1</v>
      </c>
      <c r="C96457" s="14" t="s">
        <v>96</v>
      </c>
      <c r="D96457" s="14" t="s">
        <v>479</v>
      </c>
      <c r="E96457" s="15">
        <v>45473</v>
      </c>
      <c r="F96457" s="14" t="s">
        <v>53</v>
      </c>
      <c r="G96457" s="16">
        <v>0</v>
      </c>
    </row>
    <row r="96458" spans="1:7" x14ac:dyDescent="0.3">
      <c r="A96458" s="13" t="s">
        <v>478</v>
      </c>
      <c r="B96458" s="14" t="s">
        <v>1</v>
      </c>
      <c r="C96458" s="14" t="s">
        <v>96</v>
      </c>
      <c r="D96458" s="14" t="s">
        <v>479</v>
      </c>
      <c r="E96458" s="15">
        <v>45474</v>
      </c>
      <c r="F96458" s="14" t="s">
        <v>53</v>
      </c>
      <c r="G96458" s="16">
        <v>0</v>
      </c>
    </row>
    <row r="96459" spans="1:7" x14ac:dyDescent="0.3">
      <c r="A96459" s="13" t="s">
        <v>478</v>
      </c>
      <c r="B96459" s="14" t="s">
        <v>1</v>
      </c>
      <c r="C96459" s="14" t="s">
        <v>96</v>
      </c>
      <c r="D96459" s="14" t="s">
        <v>479</v>
      </c>
      <c r="E96459" s="15">
        <v>45475</v>
      </c>
      <c r="F96459" s="14" t="s">
        <v>53</v>
      </c>
      <c r="G96459" s="16">
        <v>0</v>
      </c>
    </row>
    <row r="96460" spans="1:7" x14ac:dyDescent="0.3">
      <c r="A96460" s="13" t="s">
        <v>478</v>
      </c>
      <c r="B96460" s="14" t="s">
        <v>1</v>
      </c>
      <c r="C96460" s="14" t="s">
        <v>96</v>
      </c>
      <c r="D96460" s="14" t="s">
        <v>479</v>
      </c>
      <c r="E96460" s="15">
        <v>45476</v>
      </c>
      <c r="F96460" s="14" t="s">
        <v>53</v>
      </c>
      <c r="G96460" s="16">
        <v>0</v>
      </c>
    </row>
    <row r="96461" spans="1:7" x14ac:dyDescent="0.3">
      <c r="A96461" s="13" t="s">
        <v>478</v>
      </c>
      <c r="B96461" s="14" t="s">
        <v>1</v>
      </c>
      <c r="C96461" s="14" t="s">
        <v>96</v>
      </c>
      <c r="D96461" s="14" t="s">
        <v>479</v>
      </c>
      <c r="E96461" s="15">
        <v>45477</v>
      </c>
      <c r="F96461" s="14" t="s">
        <v>53</v>
      </c>
      <c r="G96461" s="16">
        <v>0</v>
      </c>
    </row>
    <row r="96462" spans="1:7" x14ac:dyDescent="0.3">
      <c r="A96462" s="13" t="s">
        <v>478</v>
      </c>
      <c r="B96462" s="14" t="s">
        <v>1</v>
      </c>
      <c r="C96462" s="14" t="s">
        <v>96</v>
      </c>
      <c r="D96462" s="14" t="s">
        <v>479</v>
      </c>
      <c r="E96462" s="15">
        <v>45478</v>
      </c>
      <c r="F96462" s="14" t="s">
        <v>53</v>
      </c>
      <c r="G96462" s="16">
        <v>0</v>
      </c>
    </row>
    <row r="96463" spans="1:7" x14ac:dyDescent="0.3">
      <c r="A96463" s="13" t="s">
        <v>478</v>
      </c>
      <c r="B96463" s="14" t="s">
        <v>1</v>
      </c>
      <c r="C96463" s="14" t="s">
        <v>96</v>
      </c>
      <c r="D96463" s="14" t="s">
        <v>479</v>
      </c>
      <c r="E96463" s="15">
        <v>45479</v>
      </c>
      <c r="F96463" s="14" t="s">
        <v>53</v>
      </c>
      <c r="G96463" s="16">
        <v>0</v>
      </c>
    </row>
    <row r="96464" spans="1:7" x14ac:dyDescent="0.3">
      <c r="A96464" s="13" t="s">
        <v>478</v>
      </c>
      <c r="B96464" s="14" t="s">
        <v>1</v>
      </c>
      <c r="C96464" s="14" t="s">
        <v>96</v>
      </c>
      <c r="D96464" s="14" t="s">
        <v>479</v>
      </c>
      <c r="E96464" s="15">
        <v>45480</v>
      </c>
      <c r="F96464" s="14" t="s">
        <v>53</v>
      </c>
      <c r="G96464" s="16">
        <v>0</v>
      </c>
    </row>
    <row r="96465" spans="1:7" x14ac:dyDescent="0.3">
      <c r="A96465" s="13" t="s">
        <v>478</v>
      </c>
      <c r="B96465" s="14" t="s">
        <v>1</v>
      </c>
      <c r="C96465" s="14" t="s">
        <v>96</v>
      </c>
      <c r="D96465" s="14" t="s">
        <v>479</v>
      </c>
      <c r="E96465" s="15">
        <v>45481</v>
      </c>
      <c r="F96465" s="14" t="s">
        <v>53</v>
      </c>
      <c r="G96465" s="16">
        <v>0</v>
      </c>
    </row>
    <row r="96466" spans="1:7" x14ac:dyDescent="0.3">
      <c r="A96466" s="13" t="s">
        <v>478</v>
      </c>
      <c r="B96466" s="14" t="s">
        <v>1</v>
      </c>
      <c r="C96466" s="14" t="s">
        <v>96</v>
      </c>
      <c r="D96466" s="14" t="s">
        <v>479</v>
      </c>
      <c r="E96466" s="15">
        <v>45482</v>
      </c>
      <c r="F96466" s="14" t="s">
        <v>53</v>
      </c>
      <c r="G96466" s="16">
        <v>0</v>
      </c>
    </row>
    <row r="96467" spans="1:7" x14ac:dyDescent="0.3">
      <c r="A96467" s="13" t="s">
        <v>478</v>
      </c>
      <c r="B96467" s="14" t="s">
        <v>1</v>
      </c>
      <c r="C96467" s="14" t="s">
        <v>96</v>
      </c>
      <c r="D96467" s="14" t="s">
        <v>479</v>
      </c>
      <c r="E96467" s="15">
        <v>45483</v>
      </c>
      <c r="F96467" s="14" t="s">
        <v>53</v>
      </c>
      <c r="G96467" s="16">
        <v>0</v>
      </c>
    </row>
    <row r="96468" spans="1:7" x14ac:dyDescent="0.3">
      <c r="A96468" s="13" t="s">
        <v>478</v>
      </c>
      <c r="B96468" s="14" t="s">
        <v>1</v>
      </c>
      <c r="C96468" s="14" t="s">
        <v>96</v>
      </c>
      <c r="D96468" s="14" t="s">
        <v>479</v>
      </c>
      <c r="E96468" s="15">
        <v>45484</v>
      </c>
      <c r="F96468" s="14" t="s">
        <v>53</v>
      </c>
      <c r="G96468" s="16">
        <v>0</v>
      </c>
    </row>
    <row r="96469" spans="1:7" x14ac:dyDescent="0.3">
      <c r="A96469" s="13" t="s">
        <v>478</v>
      </c>
      <c r="B96469" s="14" t="s">
        <v>1</v>
      </c>
      <c r="C96469" s="14" t="s">
        <v>96</v>
      </c>
      <c r="D96469" s="14" t="s">
        <v>479</v>
      </c>
      <c r="E96469" s="15">
        <v>45485</v>
      </c>
      <c r="F96469" s="14" t="s">
        <v>53</v>
      </c>
      <c r="G96469" s="16">
        <v>0</v>
      </c>
    </row>
    <row r="96470" spans="1:7" x14ac:dyDescent="0.3">
      <c r="A96470" s="13" t="s">
        <v>478</v>
      </c>
      <c r="B96470" s="14" t="s">
        <v>1</v>
      </c>
      <c r="C96470" s="14" t="s">
        <v>96</v>
      </c>
      <c r="D96470" s="14" t="s">
        <v>479</v>
      </c>
      <c r="E96470" s="15">
        <v>45486</v>
      </c>
      <c r="F96470" s="14" t="s">
        <v>53</v>
      </c>
      <c r="G96470" s="16">
        <v>0</v>
      </c>
    </row>
    <row r="96471" spans="1:7" x14ac:dyDescent="0.3">
      <c r="A96471" s="13" t="s">
        <v>478</v>
      </c>
      <c r="B96471" s="14" t="s">
        <v>1</v>
      </c>
      <c r="C96471" s="14" t="s">
        <v>96</v>
      </c>
      <c r="D96471" s="14" t="s">
        <v>479</v>
      </c>
      <c r="E96471" s="15">
        <v>45487</v>
      </c>
      <c r="F96471" s="14" t="s">
        <v>53</v>
      </c>
      <c r="G96471" s="16">
        <v>0</v>
      </c>
    </row>
    <row r="96472" spans="1:7" x14ac:dyDescent="0.3">
      <c r="A96472" s="13" t="s">
        <v>478</v>
      </c>
      <c r="B96472" s="14" t="s">
        <v>1</v>
      </c>
      <c r="C96472" s="14" t="s">
        <v>96</v>
      </c>
      <c r="D96472" s="14" t="s">
        <v>479</v>
      </c>
      <c r="E96472" s="15">
        <v>45488</v>
      </c>
      <c r="F96472" s="14" t="s">
        <v>53</v>
      </c>
      <c r="G96472" s="16">
        <v>0</v>
      </c>
    </row>
    <row r="96473" spans="1:7" x14ac:dyDescent="0.3">
      <c r="A96473" s="13" t="s">
        <v>478</v>
      </c>
      <c r="B96473" s="14" t="s">
        <v>1</v>
      </c>
      <c r="C96473" s="14" t="s">
        <v>96</v>
      </c>
      <c r="D96473" s="14" t="s">
        <v>479</v>
      </c>
      <c r="E96473" s="15">
        <v>45489</v>
      </c>
      <c r="F96473" s="14" t="s">
        <v>53</v>
      </c>
      <c r="G96473" s="16">
        <v>0</v>
      </c>
    </row>
    <row r="96474" spans="1:7" x14ac:dyDescent="0.3">
      <c r="A96474" s="13" t="s">
        <v>478</v>
      </c>
      <c r="B96474" s="14" t="s">
        <v>1</v>
      </c>
      <c r="C96474" s="14" t="s">
        <v>96</v>
      </c>
      <c r="D96474" s="14" t="s">
        <v>479</v>
      </c>
      <c r="E96474" s="15">
        <v>45490</v>
      </c>
      <c r="F96474" s="14" t="s">
        <v>53</v>
      </c>
      <c r="G96474" s="16">
        <v>0</v>
      </c>
    </row>
    <row r="96475" spans="1:7" x14ac:dyDescent="0.3">
      <c r="A96475" s="13" t="s">
        <v>478</v>
      </c>
      <c r="B96475" s="14" t="s">
        <v>1</v>
      </c>
      <c r="C96475" s="14" t="s">
        <v>96</v>
      </c>
      <c r="D96475" s="14" t="s">
        <v>479</v>
      </c>
      <c r="E96475" s="15">
        <v>45491</v>
      </c>
      <c r="F96475" s="14" t="s">
        <v>53</v>
      </c>
      <c r="G96475" s="16">
        <v>0</v>
      </c>
    </row>
    <row r="96476" spans="1:7" x14ac:dyDescent="0.3">
      <c r="A96476" s="13" t="s">
        <v>478</v>
      </c>
      <c r="B96476" s="14" t="s">
        <v>1</v>
      </c>
      <c r="C96476" s="14" t="s">
        <v>96</v>
      </c>
      <c r="D96476" s="14" t="s">
        <v>479</v>
      </c>
      <c r="E96476" s="15">
        <v>45492</v>
      </c>
      <c r="F96476" s="14" t="s">
        <v>53</v>
      </c>
      <c r="G96476" s="16">
        <v>0</v>
      </c>
    </row>
    <row r="96477" spans="1:7" x14ac:dyDescent="0.3">
      <c r="A96477" s="13" t="s">
        <v>478</v>
      </c>
      <c r="B96477" s="14" t="s">
        <v>1</v>
      </c>
      <c r="C96477" s="14" t="s">
        <v>96</v>
      </c>
      <c r="D96477" s="14" t="s">
        <v>479</v>
      </c>
      <c r="E96477" s="15">
        <v>45493</v>
      </c>
      <c r="F96477" s="14" t="s">
        <v>53</v>
      </c>
      <c r="G96477" s="16">
        <v>0</v>
      </c>
    </row>
    <row r="96478" spans="1:7" x14ac:dyDescent="0.3">
      <c r="A96478" s="13" t="s">
        <v>478</v>
      </c>
      <c r="B96478" s="14" t="s">
        <v>1</v>
      </c>
      <c r="C96478" s="14" t="s">
        <v>96</v>
      </c>
      <c r="D96478" s="14" t="s">
        <v>479</v>
      </c>
      <c r="E96478" s="15">
        <v>45494</v>
      </c>
      <c r="F96478" s="14" t="s">
        <v>53</v>
      </c>
      <c r="G96478" s="16">
        <v>0</v>
      </c>
    </row>
    <row r="96479" spans="1:7" x14ac:dyDescent="0.3">
      <c r="A96479" s="13" t="s">
        <v>478</v>
      </c>
      <c r="B96479" s="14" t="s">
        <v>1</v>
      </c>
      <c r="C96479" s="14" t="s">
        <v>96</v>
      </c>
      <c r="D96479" s="14" t="s">
        <v>479</v>
      </c>
      <c r="E96479" s="15">
        <v>45495</v>
      </c>
      <c r="F96479" s="14" t="s">
        <v>53</v>
      </c>
      <c r="G96479" s="16">
        <v>0</v>
      </c>
    </row>
    <row r="96480" spans="1:7" x14ac:dyDescent="0.3">
      <c r="A96480" s="13" t="s">
        <v>478</v>
      </c>
      <c r="B96480" s="14" t="s">
        <v>1</v>
      </c>
      <c r="C96480" s="14" t="s">
        <v>96</v>
      </c>
      <c r="D96480" s="14" t="s">
        <v>479</v>
      </c>
      <c r="E96480" s="15">
        <v>45496</v>
      </c>
      <c r="F96480" s="14" t="s">
        <v>53</v>
      </c>
      <c r="G96480" s="16">
        <v>0</v>
      </c>
    </row>
    <row r="96481" spans="1:7" x14ac:dyDescent="0.3">
      <c r="A96481" s="13" t="s">
        <v>478</v>
      </c>
      <c r="B96481" s="14" t="s">
        <v>1</v>
      </c>
      <c r="C96481" s="14" t="s">
        <v>96</v>
      </c>
      <c r="D96481" s="14" t="s">
        <v>479</v>
      </c>
      <c r="E96481" s="15">
        <v>45497</v>
      </c>
      <c r="F96481" s="14" t="s">
        <v>53</v>
      </c>
      <c r="G96481" s="16">
        <v>0</v>
      </c>
    </row>
    <row r="96482" spans="1:7" x14ac:dyDescent="0.3">
      <c r="A96482" s="13" t="s">
        <v>478</v>
      </c>
      <c r="B96482" s="14" t="s">
        <v>1</v>
      </c>
      <c r="C96482" s="14" t="s">
        <v>96</v>
      </c>
      <c r="D96482" s="14" t="s">
        <v>479</v>
      </c>
      <c r="E96482" s="15">
        <v>45498</v>
      </c>
      <c r="F96482" s="14" t="s">
        <v>53</v>
      </c>
      <c r="G96482" s="16">
        <v>0</v>
      </c>
    </row>
    <row r="96483" spans="1:7" x14ac:dyDescent="0.3">
      <c r="A96483" s="13" t="s">
        <v>478</v>
      </c>
      <c r="B96483" s="14" t="s">
        <v>1</v>
      </c>
      <c r="C96483" s="14" t="s">
        <v>96</v>
      </c>
      <c r="D96483" s="14" t="s">
        <v>479</v>
      </c>
      <c r="E96483" s="15">
        <v>45499</v>
      </c>
      <c r="F96483" s="14" t="s">
        <v>53</v>
      </c>
      <c r="G96483" s="16">
        <v>0</v>
      </c>
    </row>
    <row r="96484" spans="1:7" x14ac:dyDescent="0.3">
      <c r="A96484" s="13" t="s">
        <v>478</v>
      </c>
      <c r="B96484" s="14" t="s">
        <v>1</v>
      </c>
      <c r="C96484" s="14" t="s">
        <v>96</v>
      </c>
      <c r="D96484" s="14" t="s">
        <v>479</v>
      </c>
      <c r="E96484" s="15">
        <v>45500</v>
      </c>
      <c r="F96484" s="14" t="s">
        <v>53</v>
      </c>
      <c r="G96484" s="16">
        <v>0</v>
      </c>
    </row>
    <row r="96485" spans="1:7" x14ac:dyDescent="0.3">
      <c r="A96485" s="13" t="s">
        <v>478</v>
      </c>
      <c r="B96485" s="14" t="s">
        <v>1</v>
      </c>
      <c r="C96485" s="14" t="s">
        <v>96</v>
      </c>
      <c r="D96485" s="14" t="s">
        <v>479</v>
      </c>
      <c r="E96485" s="15">
        <v>45501</v>
      </c>
      <c r="F96485" s="14" t="s">
        <v>53</v>
      </c>
      <c r="G96485" s="16">
        <v>0</v>
      </c>
    </row>
    <row r="96486" spans="1:7" x14ac:dyDescent="0.3">
      <c r="A96486" s="13" t="s">
        <v>478</v>
      </c>
      <c r="B96486" s="14" t="s">
        <v>1</v>
      </c>
      <c r="C96486" s="14" t="s">
        <v>96</v>
      </c>
      <c r="D96486" s="14" t="s">
        <v>479</v>
      </c>
      <c r="E96486" s="15">
        <v>45502</v>
      </c>
      <c r="F96486" s="14" t="s">
        <v>53</v>
      </c>
      <c r="G96486" s="16">
        <v>0</v>
      </c>
    </row>
    <row r="96487" spans="1:7" x14ac:dyDescent="0.3">
      <c r="A96487" s="13" t="s">
        <v>478</v>
      </c>
      <c r="B96487" s="14" t="s">
        <v>1</v>
      </c>
      <c r="C96487" s="14" t="s">
        <v>96</v>
      </c>
      <c r="D96487" s="14" t="s">
        <v>479</v>
      </c>
      <c r="E96487" s="15">
        <v>45503</v>
      </c>
      <c r="F96487" s="14" t="s">
        <v>53</v>
      </c>
      <c r="G96487" s="16">
        <v>0</v>
      </c>
    </row>
    <row r="96488" spans="1:7" x14ac:dyDescent="0.3">
      <c r="A96488" s="13" t="s">
        <v>478</v>
      </c>
      <c r="B96488" s="14" t="s">
        <v>1</v>
      </c>
      <c r="C96488" s="14" t="s">
        <v>96</v>
      </c>
      <c r="D96488" s="14" t="s">
        <v>479</v>
      </c>
      <c r="E96488" s="15">
        <v>45504</v>
      </c>
      <c r="F96488" s="14" t="s">
        <v>53</v>
      </c>
      <c r="G96488" s="16">
        <v>0</v>
      </c>
    </row>
    <row r="96489" spans="1:7" x14ac:dyDescent="0.3">
      <c r="A96489" s="13" t="s">
        <v>478</v>
      </c>
      <c r="B96489" s="14" t="s">
        <v>1</v>
      </c>
      <c r="C96489" s="14" t="s">
        <v>96</v>
      </c>
      <c r="D96489" s="14" t="s">
        <v>479</v>
      </c>
      <c r="E96489" s="15">
        <v>45505</v>
      </c>
      <c r="F96489" s="14" t="s">
        <v>53</v>
      </c>
      <c r="G96489" s="16">
        <v>0</v>
      </c>
    </row>
    <row r="96490" spans="1:7" x14ac:dyDescent="0.3">
      <c r="A96490" s="13" t="s">
        <v>478</v>
      </c>
      <c r="B96490" s="14" t="s">
        <v>1</v>
      </c>
      <c r="C96490" s="14" t="s">
        <v>96</v>
      </c>
      <c r="D96490" s="14" t="s">
        <v>479</v>
      </c>
      <c r="E96490" s="15">
        <v>45506</v>
      </c>
      <c r="F96490" s="14" t="s">
        <v>53</v>
      </c>
      <c r="G96490" s="16">
        <v>0</v>
      </c>
    </row>
    <row r="96491" spans="1:7" x14ac:dyDescent="0.3">
      <c r="A96491" s="13" t="s">
        <v>478</v>
      </c>
      <c r="B96491" s="14" t="s">
        <v>1</v>
      </c>
      <c r="C96491" s="14" t="s">
        <v>96</v>
      </c>
      <c r="D96491" s="14" t="s">
        <v>479</v>
      </c>
      <c r="E96491" s="15">
        <v>45507</v>
      </c>
      <c r="F96491" s="14" t="s">
        <v>53</v>
      </c>
      <c r="G96491" s="16">
        <v>0</v>
      </c>
    </row>
    <row r="96492" spans="1:7" x14ac:dyDescent="0.3">
      <c r="A96492" s="13" t="s">
        <v>478</v>
      </c>
      <c r="B96492" s="14" t="s">
        <v>1</v>
      </c>
      <c r="C96492" s="14" t="s">
        <v>96</v>
      </c>
      <c r="D96492" s="14" t="s">
        <v>479</v>
      </c>
      <c r="E96492" s="15">
        <v>45508</v>
      </c>
      <c r="F96492" s="14" t="s">
        <v>53</v>
      </c>
      <c r="G96492" s="16">
        <v>0</v>
      </c>
    </row>
    <row r="96493" spans="1:7" x14ac:dyDescent="0.3">
      <c r="A96493" s="13" t="s">
        <v>478</v>
      </c>
      <c r="B96493" s="14" t="s">
        <v>1</v>
      </c>
      <c r="C96493" s="14" t="s">
        <v>96</v>
      </c>
      <c r="D96493" s="14" t="s">
        <v>479</v>
      </c>
      <c r="E96493" s="15">
        <v>45509</v>
      </c>
      <c r="F96493" s="14" t="s">
        <v>53</v>
      </c>
      <c r="G96493" s="16">
        <v>0</v>
      </c>
    </row>
    <row r="96494" spans="1:7" x14ac:dyDescent="0.3">
      <c r="A96494" s="13" t="s">
        <v>478</v>
      </c>
      <c r="B96494" s="14" t="s">
        <v>1</v>
      </c>
      <c r="C96494" s="14" t="s">
        <v>96</v>
      </c>
      <c r="D96494" s="14" t="s">
        <v>479</v>
      </c>
      <c r="E96494" s="15">
        <v>45510</v>
      </c>
      <c r="F96494" s="14" t="s">
        <v>53</v>
      </c>
      <c r="G96494" s="16">
        <v>0</v>
      </c>
    </row>
    <row r="96495" spans="1:7" x14ac:dyDescent="0.3">
      <c r="A96495" s="13" t="s">
        <v>478</v>
      </c>
      <c r="B96495" s="14" t="s">
        <v>1</v>
      </c>
      <c r="C96495" s="14" t="s">
        <v>96</v>
      </c>
      <c r="D96495" s="14" t="s">
        <v>479</v>
      </c>
      <c r="E96495" s="15">
        <v>45511</v>
      </c>
      <c r="F96495" s="14" t="s">
        <v>53</v>
      </c>
      <c r="G96495" s="16">
        <v>0</v>
      </c>
    </row>
    <row r="96496" spans="1:7" x14ac:dyDescent="0.3">
      <c r="A96496" s="13" t="s">
        <v>478</v>
      </c>
      <c r="B96496" s="14" t="s">
        <v>1</v>
      </c>
      <c r="C96496" s="14" t="s">
        <v>96</v>
      </c>
      <c r="D96496" s="14" t="s">
        <v>479</v>
      </c>
      <c r="E96496" s="15">
        <v>45512</v>
      </c>
      <c r="F96496" s="14" t="s">
        <v>53</v>
      </c>
      <c r="G96496" s="16">
        <v>0</v>
      </c>
    </row>
    <row r="96497" spans="1:7" x14ac:dyDescent="0.3">
      <c r="A96497" s="13" t="s">
        <v>478</v>
      </c>
      <c r="B96497" s="14" t="s">
        <v>1</v>
      </c>
      <c r="C96497" s="14" t="s">
        <v>96</v>
      </c>
      <c r="D96497" s="14" t="s">
        <v>479</v>
      </c>
      <c r="E96497" s="15">
        <v>45513</v>
      </c>
      <c r="F96497" s="14" t="s">
        <v>53</v>
      </c>
      <c r="G96497" s="16">
        <v>0</v>
      </c>
    </row>
    <row r="96498" spans="1:7" x14ac:dyDescent="0.3">
      <c r="A96498" s="13" t="s">
        <v>478</v>
      </c>
      <c r="B96498" s="14" t="s">
        <v>1</v>
      </c>
      <c r="C96498" s="14" t="s">
        <v>96</v>
      </c>
      <c r="D96498" s="14" t="s">
        <v>479</v>
      </c>
      <c r="E96498" s="15">
        <v>45514</v>
      </c>
      <c r="F96498" s="14" t="s">
        <v>53</v>
      </c>
      <c r="G96498" s="16">
        <v>0</v>
      </c>
    </row>
    <row r="96499" spans="1:7" x14ac:dyDescent="0.3">
      <c r="A96499" s="13" t="s">
        <v>478</v>
      </c>
      <c r="B96499" s="14" t="s">
        <v>1</v>
      </c>
      <c r="C96499" s="14" t="s">
        <v>96</v>
      </c>
      <c r="D96499" s="14" t="s">
        <v>479</v>
      </c>
      <c r="E96499" s="15">
        <v>45515</v>
      </c>
      <c r="F96499" s="14" t="s">
        <v>53</v>
      </c>
      <c r="G96499" s="16">
        <v>0</v>
      </c>
    </row>
    <row r="96500" spans="1:7" x14ac:dyDescent="0.3">
      <c r="A96500" s="13" t="s">
        <v>478</v>
      </c>
      <c r="B96500" s="14" t="s">
        <v>1</v>
      </c>
      <c r="C96500" s="14" t="s">
        <v>96</v>
      </c>
      <c r="D96500" s="14" t="s">
        <v>479</v>
      </c>
      <c r="E96500" s="15">
        <v>45516</v>
      </c>
      <c r="F96500" s="14" t="s">
        <v>53</v>
      </c>
      <c r="G96500" s="16">
        <v>0</v>
      </c>
    </row>
    <row r="96501" spans="1:7" x14ac:dyDescent="0.3">
      <c r="A96501" s="13" t="s">
        <v>478</v>
      </c>
      <c r="B96501" s="14" t="s">
        <v>1</v>
      </c>
      <c r="C96501" s="14" t="s">
        <v>96</v>
      </c>
      <c r="D96501" s="14" t="s">
        <v>479</v>
      </c>
      <c r="E96501" s="15">
        <v>45517</v>
      </c>
      <c r="F96501" s="14" t="s">
        <v>53</v>
      </c>
      <c r="G96501" s="16">
        <v>0</v>
      </c>
    </row>
    <row r="96502" spans="1:7" x14ac:dyDescent="0.3">
      <c r="A96502" s="13" t="s">
        <v>478</v>
      </c>
      <c r="B96502" s="14" t="s">
        <v>1</v>
      </c>
      <c r="C96502" s="14" t="s">
        <v>96</v>
      </c>
      <c r="D96502" s="14" t="s">
        <v>479</v>
      </c>
      <c r="E96502" s="15">
        <v>45518</v>
      </c>
      <c r="F96502" s="14" t="s">
        <v>53</v>
      </c>
      <c r="G96502" s="16">
        <v>0</v>
      </c>
    </row>
    <row r="96503" spans="1:7" x14ac:dyDescent="0.3">
      <c r="A96503" s="13" t="s">
        <v>478</v>
      </c>
      <c r="B96503" s="14" t="s">
        <v>1</v>
      </c>
      <c r="C96503" s="14" t="s">
        <v>96</v>
      </c>
      <c r="D96503" s="14" t="s">
        <v>479</v>
      </c>
      <c r="E96503" s="15">
        <v>45519</v>
      </c>
      <c r="F96503" s="14" t="s">
        <v>53</v>
      </c>
      <c r="G96503" s="16">
        <v>0</v>
      </c>
    </row>
    <row r="96504" spans="1:7" x14ac:dyDescent="0.3">
      <c r="A96504" s="13" t="s">
        <v>478</v>
      </c>
      <c r="B96504" s="14" t="s">
        <v>1</v>
      </c>
      <c r="C96504" s="14" t="s">
        <v>96</v>
      </c>
      <c r="D96504" s="14" t="s">
        <v>479</v>
      </c>
      <c r="E96504" s="15">
        <v>45520</v>
      </c>
      <c r="F96504" s="14" t="s">
        <v>53</v>
      </c>
      <c r="G96504" s="16">
        <v>0</v>
      </c>
    </row>
    <row r="96505" spans="1:7" x14ac:dyDescent="0.3">
      <c r="A96505" s="13" t="s">
        <v>478</v>
      </c>
      <c r="B96505" s="14" t="s">
        <v>1</v>
      </c>
      <c r="C96505" s="14" t="s">
        <v>96</v>
      </c>
      <c r="D96505" s="14" t="s">
        <v>479</v>
      </c>
      <c r="E96505" s="15">
        <v>45521</v>
      </c>
      <c r="F96505" s="14" t="s">
        <v>53</v>
      </c>
      <c r="G96505" s="16">
        <v>0</v>
      </c>
    </row>
    <row r="96506" spans="1:7" x14ac:dyDescent="0.3">
      <c r="A96506" s="13" t="s">
        <v>478</v>
      </c>
      <c r="B96506" s="14" t="s">
        <v>1</v>
      </c>
      <c r="C96506" s="14" t="s">
        <v>96</v>
      </c>
      <c r="D96506" s="14" t="s">
        <v>479</v>
      </c>
      <c r="E96506" s="15">
        <v>45522</v>
      </c>
      <c r="F96506" s="14" t="s">
        <v>53</v>
      </c>
      <c r="G96506" s="16">
        <v>0</v>
      </c>
    </row>
    <row r="96507" spans="1:7" x14ac:dyDescent="0.3">
      <c r="A96507" s="13" t="s">
        <v>478</v>
      </c>
      <c r="B96507" s="14" t="s">
        <v>1</v>
      </c>
      <c r="C96507" s="14" t="s">
        <v>96</v>
      </c>
      <c r="D96507" s="14" t="s">
        <v>479</v>
      </c>
      <c r="E96507" s="15">
        <v>45523</v>
      </c>
      <c r="F96507" s="14" t="s">
        <v>53</v>
      </c>
      <c r="G96507" s="16">
        <v>0</v>
      </c>
    </row>
    <row r="96508" spans="1:7" x14ac:dyDescent="0.3">
      <c r="A96508" s="13" t="s">
        <v>478</v>
      </c>
      <c r="B96508" s="14" t="s">
        <v>1</v>
      </c>
      <c r="C96508" s="14" t="s">
        <v>96</v>
      </c>
      <c r="D96508" s="14" t="s">
        <v>479</v>
      </c>
      <c r="E96508" s="15">
        <v>45524</v>
      </c>
      <c r="F96508" s="14" t="s">
        <v>53</v>
      </c>
      <c r="G96508" s="16">
        <v>0</v>
      </c>
    </row>
    <row r="96509" spans="1:7" x14ac:dyDescent="0.3">
      <c r="A96509" s="13" t="s">
        <v>478</v>
      </c>
      <c r="B96509" s="14" t="s">
        <v>1</v>
      </c>
      <c r="C96509" s="14" t="s">
        <v>96</v>
      </c>
      <c r="D96509" s="14" t="s">
        <v>479</v>
      </c>
      <c r="E96509" s="15">
        <v>45525</v>
      </c>
      <c r="F96509" s="14" t="s">
        <v>53</v>
      </c>
      <c r="G96509" s="16">
        <v>0</v>
      </c>
    </row>
    <row r="96510" spans="1:7" x14ac:dyDescent="0.3">
      <c r="A96510" s="13" t="s">
        <v>478</v>
      </c>
      <c r="B96510" s="14" t="s">
        <v>1</v>
      </c>
      <c r="C96510" s="14" t="s">
        <v>96</v>
      </c>
      <c r="D96510" s="14" t="s">
        <v>479</v>
      </c>
      <c r="E96510" s="15">
        <v>45526</v>
      </c>
      <c r="F96510" s="14" t="s">
        <v>53</v>
      </c>
      <c r="G96510" s="16">
        <v>0</v>
      </c>
    </row>
    <row r="96511" spans="1:7" x14ac:dyDescent="0.3">
      <c r="A96511" s="13" t="s">
        <v>478</v>
      </c>
      <c r="B96511" s="14" t="s">
        <v>1</v>
      </c>
      <c r="C96511" s="14" t="s">
        <v>96</v>
      </c>
      <c r="D96511" s="14" t="s">
        <v>479</v>
      </c>
      <c r="E96511" s="15">
        <v>45527</v>
      </c>
      <c r="F96511" s="14" t="s">
        <v>53</v>
      </c>
      <c r="G96511" s="16">
        <v>0</v>
      </c>
    </row>
    <row r="96512" spans="1:7" x14ac:dyDescent="0.3">
      <c r="A96512" s="13" t="s">
        <v>478</v>
      </c>
      <c r="B96512" s="14" t="s">
        <v>1</v>
      </c>
      <c r="C96512" s="14" t="s">
        <v>96</v>
      </c>
      <c r="D96512" s="14" t="s">
        <v>479</v>
      </c>
      <c r="E96512" s="15">
        <v>45528</v>
      </c>
      <c r="F96512" s="14" t="s">
        <v>53</v>
      </c>
      <c r="G96512" s="16">
        <v>0</v>
      </c>
    </row>
    <row r="96513" spans="1:7" x14ac:dyDescent="0.3">
      <c r="A96513" s="13" t="s">
        <v>478</v>
      </c>
      <c r="B96513" s="14" t="s">
        <v>1</v>
      </c>
      <c r="C96513" s="14" t="s">
        <v>96</v>
      </c>
      <c r="D96513" s="14" t="s">
        <v>479</v>
      </c>
      <c r="E96513" s="15">
        <v>45529</v>
      </c>
      <c r="F96513" s="14" t="s">
        <v>53</v>
      </c>
      <c r="G96513" s="16">
        <v>0</v>
      </c>
    </row>
    <row r="96514" spans="1:7" x14ac:dyDescent="0.3">
      <c r="A96514" s="13" t="s">
        <v>478</v>
      </c>
      <c r="B96514" s="14" t="s">
        <v>1</v>
      </c>
      <c r="C96514" s="14" t="s">
        <v>96</v>
      </c>
      <c r="D96514" s="14" t="s">
        <v>479</v>
      </c>
      <c r="E96514" s="15">
        <v>45530</v>
      </c>
      <c r="F96514" s="14" t="s">
        <v>53</v>
      </c>
      <c r="G96514" s="16">
        <v>0</v>
      </c>
    </row>
    <row r="96515" spans="1:7" x14ac:dyDescent="0.3">
      <c r="A96515" s="13" t="s">
        <v>478</v>
      </c>
      <c r="B96515" s="14" t="s">
        <v>1</v>
      </c>
      <c r="C96515" s="14" t="s">
        <v>96</v>
      </c>
      <c r="D96515" s="14" t="s">
        <v>479</v>
      </c>
      <c r="E96515" s="15">
        <v>45531</v>
      </c>
      <c r="F96515" s="14" t="s">
        <v>53</v>
      </c>
      <c r="G96515" s="16">
        <v>0</v>
      </c>
    </row>
    <row r="96516" spans="1:7" x14ac:dyDescent="0.3">
      <c r="A96516" s="13" t="s">
        <v>478</v>
      </c>
      <c r="B96516" s="14" t="s">
        <v>1</v>
      </c>
      <c r="C96516" s="14" t="s">
        <v>96</v>
      </c>
      <c r="D96516" s="14" t="s">
        <v>479</v>
      </c>
      <c r="E96516" s="15">
        <v>45532</v>
      </c>
      <c r="F96516" s="14" t="s">
        <v>53</v>
      </c>
      <c r="G96516" s="16">
        <v>0</v>
      </c>
    </row>
    <row r="96517" spans="1:7" x14ac:dyDescent="0.3">
      <c r="A96517" s="13" t="s">
        <v>478</v>
      </c>
      <c r="B96517" s="14" t="s">
        <v>1</v>
      </c>
      <c r="C96517" s="14" t="s">
        <v>96</v>
      </c>
      <c r="D96517" s="14" t="s">
        <v>479</v>
      </c>
      <c r="E96517" s="15">
        <v>45533</v>
      </c>
      <c r="F96517" s="14" t="s">
        <v>53</v>
      </c>
      <c r="G96517" s="16">
        <v>0</v>
      </c>
    </row>
    <row r="96518" spans="1:7" x14ac:dyDescent="0.3">
      <c r="A96518" s="13" t="s">
        <v>478</v>
      </c>
      <c r="B96518" s="14" t="s">
        <v>1</v>
      </c>
      <c r="C96518" s="14" t="s">
        <v>96</v>
      </c>
      <c r="D96518" s="14" t="s">
        <v>479</v>
      </c>
      <c r="E96518" s="15">
        <v>45534</v>
      </c>
      <c r="F96518" s="14" t="s">
        <v>53</v>
      </c>
      <c r="G96518" s="16">
        <v>0</v>
      </c>
    </row>
    <row r="96519" spans="1:7" x14ac:dyDescent="0.3">
      <c r="A96519" s="13" t="s">
        <v>478</v>
      </c>
      <c r="B96519" s="14" t="s">
        <v>1</v>
      </c>
      <c r="C96519" s="14" t="s">
        <v>96</v>
      </c>
      <c r="D96519" s="14" t="s">
        <v>479</v>
      </c>
      <c r="E96519" s="15">
        <v>45535</v>
      </c>
      <c r="F96519" s="14" t="s">
        <v>53</v>
      </c>
      <c r="G96519" s="16">
        <v>0</v>
      </c>
    </row>
    <row r="96520" spans="1:7" x14ac:dyDescent="0.3">
      <c r="A96520" s="13" t="s">
        <v>478</v>
      </c>
      <c r="B96520" s="14" t="s">
        <v>1</v>
      </c>
      <c r="C96520" s="14" t="s">
        <v>96</v>
      </c>
      <c r="D96520" s="14" t="s">
        <v>479</v>
      </c>
      <c r="E96520" s="15">
        <v>45536</v>
      </c>
      <c r="F96520" s="14" t="s">
        <v>53</v>
      </c>
      <c r="G96520" s="16">
        <v>0</v>
      </c>
    </row>
    <row r="96521" spans="1:7" x14ac:dyDescent="0.3">
      <c r="A96521" s="13" t="s">
        <v>478</v>
      </c>
      <c r="B96521" s="14" t="s">
        <v>1</v>
      </c>
      <c r="C96521" s="14" t="s">
        <v>96</v>
      </c>
      <c r="D96521" s="14" t="s">
        <v>479</v>
      </c>
      <c r="E96521" s="15">
        <v>45537</v>
      </c>
      <c r="F96521" s="14" t="s">
        <v>53</v>
      </c>
      <c r="G96521" s="16">
        <v>0</v>
      </c>
    </row>
    <row r="96522" spans="1:7" x14ac:dyDescent="0.3">
      <c r="A96522" s="13" t="s">
        <v>478</v>
      </c>
      <c r="B96522" s="14" t="s">
        <v>1</v>
      </c>
      <c r="C96522" s="14" t="s">
        <v>96</v>
      </c>
      <c r="D96522" s="14" t="s">
        <v>479</v>
      </c>
      <c r="E96522" s="15">
        <v>45538</v>
      </c>
      <c r="F96522" s="14" t="s">
        <v>53</v>
      </c>
      <c r="G96522" s="16">
        <v>0</v>
      </c>
    </row>
    <row r="96523" spans="1:7" x14ac:dyDescent="0.3">
      <c r="A96523" s="13" t="s">
        <v>478</v>
      </c>
      <c r="B96523" s="14" t="s">
        <v>1</v>
      </c>
      <c r="C96523" s="14" t="s">
        <v>96</v>
      </c>
      <c r="D96523" s="14" t="s">
        <v>479</v>
      </c>
      <c r="E96523" s="15">
        <v>45539</v>
      </c>
      <c r="F96523" s="14" t="s">
        <v>53</v>
      </c>
      <c r="G96523" s="16">
        <v>0</v>
      </c>
    </row>
    <row r="96524" spans="1:7" x14ac:dyDescent="0.3">
      <c r="A96524" s="13" t="s">
        <v>478</v>
      </c>
      <c r="B96524" s="14" t="s">
        <v>1</v>
      </c>
      <c r="C96524" s="14" t="s">
        <v>96</v>
      </c>
      <c r="D96524" s="14" t="s">
        <v>479</v>
      </c>
      <c r="E96524" s="15">
        <v>45540</v>
      </c>
      <c r="F96524" s="14" t="s">
        <v>53</v>
      </c>
      <c r="G96524" s="16">
        <v>0</v>
      </c>
    </row>
    <row r="96525" spans="1:7" x14ac:dyDescent="0.3">
      <c r="A96525" s="13" t="s">
        <v>478</v>
      </c>
      <c r="B96525" s="14" t="s">
        <v>1</v>
      </c>
      <c r="C96525" s="14" t="s">
        <v>96</v>
      </c>
      <c r="D96525" s="14" t="s">
        <v>479</v>
      </c>
      <c r="E96525" s="15">
        <v>45541</v>
      </c>
      <c r="F96525" s="14" t="s">
        <v>53</v>
      </c>
      <c r="G96525" s="16">
        <v>0</v>
      </c>
    </row>
    <row r="96526" spans="1:7" x14ac:dyDescent="0.3">
      <c r="A96526" s="13" t="s">
        <v>478</v>
      </c>
      <c r="B96526" s="14" t="s">
        <v>1</v>
      </c>
      <c r="C96526" s="14" t="s">
        <v>96</v>
      </c>
      <c r="D96526" s="14" t="s">
        <v>479</v>
      </c>
      <c r="E96526" s="15">
        <v>45542</v>
      </c>
      <c r="F96526" s="14" t="s">
        <v>53</v>
      </c>
      <c r="G96526" s="16">
        <v>0</v>
      </c>
    </row>
    <row r="96527" spans="1:7" x14ac:dyDescent="0.3">
      <c r="A96527" s="13" t="s">
        <v>478</v>
      </c>
      <c r="B96527" s="14" t="s">
        <v>1</v>
      </c>
      <c r="C96527" s="14" t="s">
        <v>96</v>
      </c>
      <c r="D96527" s="14" t="s">
        <v>479</v>
      </c>
      <c r="E96527" s="15">
        <v>45543</v>
      </c>
      <c r="F96527" s="14" t="s">
        <v>53</v>
      </c>
      <c r="G96527" s="16">
        <v>0</v>
      </c>
    </row>
    <row r="96528" spans="1:7" x14ac:dyDescent="0.3">
      <c r="A96528" s="13" t="s">
        <v>478</v>
      </c>
      <c r="B96528" s="14" t="s">
        <v>1</v>
      </c>
      <c r="C96528" s="14" t="s">
        <v>96</v>
      </c>
      <c r="D96528" s="14" t="s">
        <v>479</v>
      </c>
      <c r="E96528" s="15">
        <v>45544</v>
      </c>
      <c r="F96528" s="14" t="s">
        <v>53</v>
      </c>
      <c r="G96528" s="16">
        <v>0</v>
      </c>
    </row>
    <row r="96529" spans="1:7" x14ac:dyDescent="0.3">
      <c r="A96529" s="13" t="s">
        <v>478</v>
      </c>
      <c r="B96529" s="14" t="s">
        <v>1</v>
      </c>
      <c r="C96529" s="14" t="s">
        <v>96</v>
      </c>
      <c r="D96529" s="14" t="s">
        <v>479</v>
      </c>
      <c r="E96529" s="15">
        <v>45545</v>
      </c>
      <c r="F96529" s="14" t="s">
        <v>53</v>
      </c>
      <c r="G96529" s="16">
        <v>0</v>
      </c>
    </row>
    <row r="96530" spans="1:7" x14ac:dyDescent="0.3">
      <c r="A96530" s="13" t="s">
        <v>478</v>
      </c>
      <c r="B96530" s="14" t="s">
        <v>1</v>
      </c>
      <c r="C96530" s="14" t="s">
        <v>96</v>
      </c>
      <c r="D96530" s="14" t="s">
        <v>479</v>
      </c>
      <c r="E96530" s="15">
        <v>45546</v>
      </c>
      <c r="F96530" s="14" t="s">
        <v>53</v>
      </c>
      <c r="G96530" s="16">
        <v>0</v>
      </c>
    </row>
    <row r="96531" spans="1:7" x14ac:dyDescent="0.3">
      <c r="A96531" s="13" t="s">
        <v>478</v>
      </c>
      <c r="B96531" s="14" t="s">
        <v>1</v>
      </c>
      <c r="C96531" s="14" t="s">
        <v>96</v>
      </c>
      <c r="D96531" s="14" t="s">
        <v>479</v>
      </c>
      <c r="E96531" s="15">
        <v>45547</v>
      </c>
      <c r="F96531" s="14" t="s">
        <v>53</v>
      </c>
      <c r="G96531" s="16">
        <v>0</v>
      </c>
    </row>
    <row r="96532" spans="1:7" x14ac:dyDescent="0.3">
      <c r="A96532" s="13" t="s">
        <v>478</v>
      </c>
      <c r="B96532" s="14" t="s">
        <v>1</v>
      </c>
      <c r="C96532" s="14" t="s">
        <v>96</v>
      </c>
      <c r="D96532" s="14" t="s">
        <v>479</v>
      </c>
      <c r="E96532" s="15">
        <v>45548</v>
      </c>
      <c r="F96532" s="14" t="s">
        <v>53</v>
      </c>
      <c r="G96532" s="16">
        <v>0</v>
      </c>
    </row>
    <row r="96533" spans="1:7" x14ac:dyDescent="0.3">
      <c r="A96533" s="13" t="s">
        <v>478</v>
      </c>
      <c r="B96533" s="14" t="s">
        <v>1</v>
      </c>
      <c r="C96533" s="14" t="s">
        <v>96</v>
      </c>
      <c r="D96533" s="14" t="s">
        <v>479</v>
      </c>
      <c r="E96533" s="15">
        <v>45549</v>
      </c>
      <c r="F96533" s="14" t="s">
        <v>53</v>
      </c>
      <c r="G96533" s="16">
        <v>0</v>
      </c>
    </row>
    <row r="96534" spans="1:7" x14ac:dyDescent="0.3">
      <c r="A96534" s="13" t="s">
        <v>478</v>
      </c>
      <c r="B96534" s="14" t="s">
        <v>1</v>
      </c>
      <c r="C96534" s="14" t="s">
        <v>96</v>
      </c>
      <c r="D96534" s="14" t="s">
        <v>479</v>
      </c>
      <c r="E96534" s="15">
        <v>45550</v>
      </c>
      <c r="F96534" s="14" t="s">
        <v>53</v>
      </c>
      <c r="G96534" s="16">
        <v>0</v>
      </c>
    </row>
    <row r="96535" spans="1:7" x14ac:dyDescent="0.3">
      <c r="A96535" s="13" t="s">
        <v>478</v>
      </c>
      <c r="B96535" s="14" t="s">
        <v>1</v>
      </c>
      <c r="C96535" s="14" t="s">
        <v>96</v>
      </c>
      <c r="D96535" s="14" t="s">
        <v>479</v>
      </c>
      <c r="E96535" s="15">
        <v>45551</v>
      </c>
      <c r="F96535" s="14" t="s">
        <v>53</v>
      </c>
      <c r="G96535" s="16">
        <v>0</v>
      </c>
    </row>
    <row r="96536" spans="1:7" x14ac:dyDescent="0.3">
      <c r="A96536" s="13" t="s">
        <v>478</v>
      </c>
      <c r="B96536" s="14" t="s">
        <v>1</v>
      </c>
      <c r="C96536" s="14" t="s">
        <v>96</v>
      </c>
      <c r="D96536" s="14" t="s">
        <v>479</v>
      </c>
      <c r="E96536" s="15">
        <v>45552</v>
      </c>
      <c r="F96536" s="14" t="s">
        <v>53</v>
      </c>
      <c r="G96536" s="16">
        <v>0</v>
      </c>
    </row>
    <row r="96537" spans="1:7" x14ac:dyDescent="0.3">
      <c r="A96537" s="13" t="s">
        <v>478</v>
      </c>
      <c r="B96537" s="14" t="s">
        <v>1</v>
      </c>
      <c r="C96537" s="14" t="s">
        <v>96</v>
      </c>
      <c r="D96537" s="14" t="s">
        <v>479</v>
      </c>
      <c r="E96537" s="15">
        <v>45553</v>
      </c>
      <c r="F96537" s="14" t="s">
        <v>53</v>
      </c>
      <c r="G96537" s="16">
        <v>0</v>
      </c>
    </row>
    <row r="96538" spans="1:7" x14ac:dyDescent="0.3">
      <c r="A96538" s="13" t="s">
        <v>478</v>
      </c>
      <c r="B96538" s="14" t="s">
        <v>1</v>
      </c>
      <c r="C96538" s="14" t="s">
        <v>96</v>
      </c>
      <c r="D96538" s="14" t="s">
        <v>479</v>
      </c>
      <c r="E96538" s="15">
        <v>45554</v>
      </c>
      <c r="F96538" s="14" t="s">
        <v>53</v>
      </c>
      <c r="G96538" s="16">
        <v>0</v>
      </c>
    </row>
    <row r="96539" spans="1:7" x14ac:dyDescent="0.3">
      <c r="A96539" s="13" t="s">
        <v>478</v>
      </c>
      <c r="B96539" s="14" t="s">
        <v>1</v>
      </c>
      <c r="C96539" s="14" t="s">
        <v>96</v>
      </c>
      <c r="D96539" s="14" t="s">
        <v>479</v>
      </c>
      <c r="E96539" s="15">
        <v>45555</v>
      </c>
      <c r="F96539" s="14" t="s">
        <v>53</v>
      </c>
      <c r="G96539" s="16">
        <v>0</v>
      </c>
    </row>
    <row r="96540" spans="1:7" x14ac:dyDescent="0.3">
      <c r="A96540" s="13" t="s">
        <v>478</v>
      </c>
      <c r="B96540" s="14" t="s">
        <v>1</v>
      </c>
      <c r="C96540" s="14" t="s">
        <v>96</v>
      </c>
      <c r="D96540" s="14" t="s">
        <v>479</v>
      </c>
      <c r="E96540" s="15">
        <v>45556</v>
      </c>
      <c r="F96540" s="14" t="s">
        <v>53</v>
      </c>
      <c r="G96540" s="16">
        <v>0</v>
      </c>
    </row>
    <row r="96541" spans="1:7" x14ac:dyDescent="0.3">
      <c r="A96541" s="13" t="s">
        <v>478</v>
      </c>
      <c r="B96541" s="14" t="s">
        <v>1</v>
      </c>
      <c r="C96541" s="14" t="s">
        <v>96</v>
      </c>
      <c r="D96541" s="14" t="s">
        <v>479</v>
      </c>
      <c r="E96541" s="15">
        <v>45557</v>
      </c>
      <c r="F96541" s="14" t="s">
        <v>53</v>
      </c>
      <c r="G96541" s="16">
        <v>0</v>
      </c>
    </row>
    <row r="96542" spans="1:7" x14ac:dyDescent="0.3">
      <c r="A96542" s="13" t="s">
        <v>478</v>
      </c>
      <c r="B96542" s="14" t="s">
        <v>1</v>
      </c>
      <c r="C96542" s="14" t="s">
        <v>96</v>
      </c>
      <c r="D96542" s="14" t="s">
        <v>479</v>
      </c>
      <c r="E96542" s="15">
        <v>45558</v>
      </c>
      <c r="F96542" s="14" t="s">
        <v>53</v>
      </c>
      <c r="G96542" s="16">
        <v>0</v>
      </c>
    </row>
    <row r="96543" spans="1:7" x14ac:dyDescent="0.3">
      <c r="A96543" s="13" t="s">
        <v>478</v>
      </c>
      <c r="B96543" s="14" t="s">
        <v>1</v>
      </c>
      <c r="C96543" s="14" t="s">
        <v>96</v>
      </c>
      <c r="D96543" s="14" t="s">
        <v>479</v>
      </c>
      <c r="E96543" s="15">
        <v>45559</v>
      </c>
      <c r="F96543" s="14" t="s">
        <v>53</v>
      </c>
      <c r="G96543" s="16">
        <v>0</v>
      </c>
    </row>
    <row r="96544" spans="1:7" x14ac:dyDescent="0.3">
      <c r="A96544" s="13" t="s">
        <v>478</v>
      </c>
      <c r="B96544" s="14" t="s">
        <v>1</v>
      </c>
      <c r="C96544" s="14" t="s">
        <v>96</v>
      </c>
      <c r="D96544" s="14" t="s">
        <v>479</v>
      </c>
      <c r="E96544" s="15">
        <v>45560</v>
      </c>
      <c r="F96544" s="14" t="s">
        <v>53</v>
      </c>
      <c r="G96544" s="16">
        <v>0</v>
      </c>
    </row>
    <row r="96545" spans="1:7" x14ac:dyDescent="0.3">
      <c r="A96545" s="13" t="s">
        <v>478</v>
      </c>
      <c r="B96545" s="14" t="s">
        <v>1</v>
      </c>
      <c r="C96545" s="14" t="s">
        <v>96</v>
      </c>
      <c r="D96545" s="14" t="s">
        <v>479</v>
      </c>
      <c r="E96545" s="15">
        <v>45561</v>
      </c>
      <c r="F96545" s="14" t="s">
        <v>53</v>
      </c>
      <c r="G96545" s="16">
        <v>0</v>
      </c>
    </row>
    <row r="96546" spans="1:7" x14ac:dyDescent="0.3">
      <c r="A96546" s="13" t="s">
        <v>478</v>
      </c>
      <c r="B96546" s="14" t="s">
        <v>1</v>
      </c>
      <c r="C96546" s="14" t="s">
        <v>96</v>
      </c>
      <c r="D96546" s="14" t="s">
        <v>479</v>
      </c>
      <c r="E96546" s="15">
        <v>45562</v>
      </c>
      <c r="F96546" s="14" t="s">
        <v>53</v>
      </c>
      <c r="G96546" s="16">
        <v>0</v>
      </c>
    </row>
    <row r="96547" spans="1:7" x14ac:dyDescent="0.3">
      <c r="A96547" s="13" t="s">
        <v>478</v>
      </c>
      <c r="B96547" s="14" t="s">
        <v>1</v>
      </c>
      <c r="C96547" s="14" t="s">
        <v>96</v>
      </c>
      <c r="D96547" s="14" t="s">
        <v>479</v>
      </c>
      <c r="E96547" s="15">
        <v>45563</v>
      </c>
      <c r="F96547" s="14" t="s">
        <v>53</v>
      </c>
      <c r="G96547" s="16">
        <v>0</v>
      </c>
    </row>
    <row r="96548" spans="1:7" x14ac:dyDescent="0.3">
      <c r="A96548" s="13" t="s">
        <v>478</v>
      </c>
      <c r="B96548" s="14" t="s">
        <v>1</v>
      </c>
      <c r="C96548" s="14" t="s">
        <v>96</v>
      </c>
      <c r="D96548" s="14" t="s">
        <v>479</v>
      </c>
      <c r="E96548" s="15">
        <v>45564</v>
      </c>
      <c r="F96548" s="14" t="s">
        <v>53</v>
      </c>
      <c r="G96548" s="16">
        <v>0</v>
      </c>
    </row>
    <row r="96549" spans="1:7" x14ac:dyDescent="0.3">
      <c r="A96549" s="13" t="s">
        <v>478</v>
      </c>
      <c r="B96549" s="14" t="s">
        <v>1</v>
      </c>
      <c r="C96549" s="14" t="s">
        <v>96</v>
      </c>
      <c r="D96549" s="14" t="s">
        <v>479</v>
      </c>
      <c r="E96549" s="15">
        <v>45565</v>
      </c>
      <c r="F96549" s="14" t="s">
        <v>53</v>
      </c>
      <c r="G96549" s="16">
        <v>0</v>
      </c>
    </row>
    <row r="96550" spans="1:7" x14ac:dyDescent="0.3">
      <c r="A96550" s="13" t="s">
        <v>478</v>
      </c>
      <c r="B96550" s="14" t="s">
        <v>1</v>
      </c>
      <c r="C96550" s="14" t="s">
        <v>96</v>
      </c>
      <c r="D96550" s="14" t="s">
        <v>479</v>
      </c>
      <c r="E96550" s="15">
        <v>45566</v>
      </c>
      <c r="F96550" s="14" t="s">
        <v>53</v>
      </c>
      <c r="G96550" s="16">
        <v>0</v>
      </c>
    </row>
    <row r="96551" spans="1:7" x14ac:dyDescent="0.3">
      <c r="A96551" s="13" t="s">
        <v>478</v>
      </c>
      <c r="B96551" s="14" t="s">
        <v>1</v>
      </c>
      <c r="C96551" s="14" t="s">
        <v>96</v>
      </c>
      <c r="D96551" s="14" t="s">
        <v>479</v>
      </c>
      <c r="E96551" s="15">
        <v>45567</v>
      </c>
      <c r="F96551" s="14" t="s">
        <v>53</v>
      </c>
      <c r="G96551" s="16">
        <v>0</v>
      </c>
    </row>
    <row r="96552" spans="1:7" x14ac:dyDescent="0.3">
      <c r="A96552" s="13" t="s">
        <v>478</v>
      </c>
      <c r="B96552" s="14" t="s">
        <v>1</v>
      </c>
      <c r="C96552" s="14" t="s">
        <v>96</v>
      </c>
      <c r="D96552" s="14" t="s">
        <v>479</v>
      </c>
      <c r="E96552" s="15">
        <v>45568</v>
      </c>
      <c r="F96552" s="14" t="s">
        <v>53</v>
      </c>
      <c r="G96552" s="16">
        <v>0</v>
      </c>
    </row>
    <row r="96553" spans="1:7" x14ac:dyDescent="0.3">
      <c r="A96553" s="13" t="s">
        <v>478</v>
      </c>
      <c r="B96553" s="14" t="s">
        <v>1</v>
      </c>
      <c r="C96553" s="14" t="s">
        <v>96</v>
      </c>
      <c r="D96553" s="14" t="s">
        <v>479</v>
      </c>
      <c r="E96553" s="15">
        <v>45569</v>
      </c>
      <c r="F96553" s="14" t="s">
        <v>53</v>
      </c>
      <c r="G96553" s="16">
        <v>0</v>
      </c>
    </row>
    <row r="96554" spans="1:7" x14ac:dyDescent="0.3">
      <c r="A96554" s="13" t="s">
        <v>478</v>
      </c>
      <c r="B96554" s="14" t="s">
        <v>1</v>
      </c>
      <c r="C96554" s="14" t="s">
        <v>96</v>
      </c>
      <c r="D96554" s="14" t="s">
        <v>479</v>
      </c>
      <c r="E96554" s="15">
        <v>45570</v>
      </c>
      <c r="F96554" s="14" t="s">
        <v>53</v>
      </c>
      <c r="G96554" s="16">
        <v>0</v>
      </c>
    </row>
    <row r="96555" spans="1:7" x14ac:dyDescent="0.3">
      <c r="A96555" s="13" t="s">
        <v>478</v>
      </c>
      <c r="B96555" s="14" t="s">
        <v>1</v>
      </c>
      <c r="C96555" s="14" t="s">
        <v>96</v>
      </c>
      <c r="D96555" s="14" t="s">
        <v>479</v>
      </c>
      <c r="E96555" s="15">
        <v>45571</v>
      </c>
      <c r="F96555" s="14" t="s">
        <v>53</v>
      </c>
      <c r="G96555" s="16">
        <v>0</v>
      </c>
    </row>
    <row r="96556" spans="1:7" x14ac:dyDescent="0.3">
      <c r="A96556" s="13" t="s">
        <v>478</v>
      </c>
      <c r="B96556" s="14" t="s">
        <v>1</v>
      </c>
      <c r="C96556" s="14" t="s">
        <v>96</v>
      </c>
      <c r="D96556" s="14" t="s">
        <v>479</v>
      </c>
      <c r="E96556" s="15">
        <v>45572</v>
      </c>
      <c r="F96556" s="14" t="s">
        <v>53</v>
      </c>
      <c r="G96556" s="16">
        <v>0</v>
      </c>
    </row>
    <row r="96557" spans="1:7" x14ac:dyDescent="0.3">
      <c r="A96557" s="13" t="s">
        <v>478</v>
      </c>
      <c r="B96557" s="14" t="s">
        <v>1</v>
      </c>
      <c r="C96557" s="14" t="s">
        <v>96</v>
      </c>
      <c r="D96557" s="14" t="s">
        <v>479</v>
      </c>
      <c r="E96557" s="15">
        <v>45573</v>
      </c>
      <c r="F96557" s="14" t="s">
        <v>53</v>
      </c>
      <c r="G96557" s="16">
        <v>0</v>
      </c>
    </row>
    <row r="96558" spans="1:7" x14ac:dyDescent="0.3">
      <c r="A96558" s="13" t="s">
        <v>478</v>
      </c>
      <c r="B96558" s="14" t="s">
        <v>1</v>
      </c>
      <c r="C96558" s="14" t="s">
        <v>96</v>
      </c>
      <c r="D96558" s="14" t="s">
        <v>479</v>
      </c>
      <c r="E96558" s="15">
        <v>45574</v>
      </c>
      <c r="F96558" s="14" t="s">
        <v>53</v>
      </c>
      <c r="G96558" s="16">
        <v>0</v>
      </c>
    </row>
    <row r="96559" spans="1:7" x14ac:dyDescent="0.3">
      <c r="A96559" s="13" t="s">
        <v>478</v>
      </c>
      <c r="B96559" s="14" t="s">
        <v>1</v>
      </c>
      <c r="C96559" s="14" t="s">
        <v>96</v>
      </c>
      <c r="D96559" s="14" t="s">
        <v>479</v>
      </c>
      <c r="E96559" s="15">
        <v>45575</v>
      </c>
      <c r="F96559" s="14" t="s">
        <v>53</v>
      </c>
      <c r="G96559" s="16">
        <v>0</v>
      </c>
    </row>
    <row r="96560" spans="1:7" x14ac:dyDescent="0.3">
      <c r="A96560" s="13" t="s">
        <v>478</v>
      </c>
      <c r="B96560" s="14" t="s">
        <v>1</v>
      </c>
      <c r="C96560" s="14" t="s">
        <v>96</v>
      </c>
      <c r="D96560" s="14" t="s">
        <v>479</v>
      </c>
      <c r="E96560" s="15">
        <v>45576</v>
      </c>
      <c r="F96560" s="14" t="s">
        <v>53</v>
      </c>
      <c r="G96560" s="16">
        <v>0</v>
      </c>
    </row>
    <row r="96561" spans="1:7" x14ac:dyDescent="0.3">
      <c r="A96561" s="13" t="s">
        <v>478</v>
      </c>
      <c r="B96561" s="14" t="s">
        <v>1</v>
      </c>
      <c r="C96561" s="14" t="s">
        <v>96</v>
      </c>
      <c r="D96561" s="14" t="s">
        <v>479</v>
      </c>
      <c r="E96561" s="15">
        <v>45577</v>
      </c>
      <c r="F96561" s="14" t="s">
        <v>53</v>
      </c>
      <c r="G96561" s="16">
        <v>0</v>
      </c>
    </row>
    <row r="96562" spans="1:7" x14ac:dyDescent="0.3">
      <c r="A96562" s="13" t="s">
        <v>478</v>
      </c>
      <c r="B96562" s="14" t="s">
        <v>1</v>
      </c>
      <c r="C96562" s="14" t="s">
        <v>96</v>
      </c>
      <c r="D96562" s="14" t="s">
        <v>479</v>
      </c>
      <c r="E96562" s="15">
        <v>45578</v>
      </c>
      <c r="F96562" s="14" t="s">
        <v>53</v>
      </c>
      <c r="G96562" s="16">
        <v>0</v>
      </c>
    </row>
    <row r="96563" spans="1:7" x14ac:dyDescent="0.3">
      <c r="A96563" s="13" t="s">
        <v>478</v>
      </c>
      <c r="B96563" s="14" t="s">
        <v>1</v>
      </c>
      <c r="C96563" s="14" t="s">
        <v>96</v>
      </c>
      <c r="D96563" s="14" t="s">
        <v>479</v>
      </c>
      <c r="E96563" s="15">
        <v>45579</v>
      </c>
      <c r="F96563" s="14" t="s">
        <v>53</v>
      </c>
      <c r="G96563" s="16">
        <v>0</v>
      </c>
    </row>
    <row r="96564" spans="1:7" x14ac:dyDescent="0.3">
      <c r="A96564" s="13" t="s">
        <v>478</v>
      </c>
      <c r="B96564" s="14" t="s">
        <v>1</v>
      </c>
      <c r="C96564" s="14" t="s">
        <v>96</v>
      </c>
      <c r="D96564" s="14" t="s">
        <v>479</v>
      </c>
      <c r="E96564" s="15">
        <v>45580</v>
      </c>
      <c r="F96564" s="14" t="s">
        <v>53</v>
      </c>
      <c r="G96564" s="16">
        <v>0</v>
      </c>
    </row>
    <row r="96565" spans="1:7" x14ac:dyDescent="0.3">
      <c r="A96565" s="13" t="s">
        <v>478</v>
      </c>
      <c r="B96565" s="14" t="s">
        <v>1</v>
      </c>
      <c r="C96565" s="14" t="s">
        <v>96</v>
      </c>
      <c r="D96565" s="14" t="s">
        <v>479</v>
      </c>
      <c r="E96565" s="15">
        <v>45581</v>
      </c>
      <c r="F96565" s="14" t="s">
        <v>53</v>
      </c>
      <c r="G96565" s="16">
        <v>0</v>
      </c>
    </row>
    <row r="96566" spans="1:7" x14ac:dyDescent="0.3">
      <c r="A96566" s="13" t="s">
        <v>478</v>
      </c>
      <c r="B96566" s="14" t="s">
        <v>1</v>
      </c>
      <c r="C96566" s="14" t="s">
        <v>96</v>
      </c>
      <c r="D96566" s="14" t="s">
        <v>479</v>
      </c>
      <c r="E96566" s="15">
        <v>45582</v>
      </c>
      <c r="F96566" s="14" t="s">
        <v>53</v>
      </c>
      <c r="G96566" s="16">
        <v>0</v>
      </c>
    </row>
    <row r="96567" spans="1:7" x14ac:dyDescent="0.3">
      <c r="A96567" s="13" t="s">
        <v>478</v>
      </c>
      <c r="B96567" s="14" t="s">
        <v>1</v>
      </c>
      <c r="C96567" s="14" t="s">
        <v>96</v>
      </c>
      <c r="D96567" s="14" t="s">
        <v>479</v>
      </c>
      <c r="E96567" s="15">
        <v>45583</v>
      </c>
      <c r="F96567" s="14" t="s">
        <v>53</v>
      </c>
      <c r="G96567" s="16">
        <v>0</v>
      </c>
    </row>
    <row r="96568" spans="1:7" x14ac:dyDescent="0.3">
      <c r="A96568" s="13" t="s">
        <v>478</v>
      </c>
      <c r="B96568" s="14" t="s">
        <v>1</v>
      </c>
      <c r="C96568" s="14" t="s">
        <v>96</v>
      </c>
      <c r="D96568" s="14" t="s">
        <v>479</v>
      </c>
      <c r="E96568" s="15">
        <v>45584</v>
      </c>
      <c r="F96568" s="14" t="s">
        <v>53</v>
      </c>
      <c r="G96568" s="16">
        <v>0</v>
      </c>
    </row>
    <row r="96569" spans="1:7" x14ac:dyDescent="0.3">
      <c r="A96569" s="13" t="s">
        <v>478</v>
      </c>
      <c r="B96569" s="14" t="s">
        <v>1</v>
      </c>
      <c r="C96569" s="14" t="s">
        <v>96</v>
      </c>
      <c r="D96569" s="14" t="s">
        <v>479</v>
      </c>
      <c r="E96569" s="15">
        <v>45585</v>
      </c>
      <c r="F96569" s="14" t="s">
        <v>53</v>
      </c>
      <c r="G96569" s="16">
        <v>0</v>
      </c>
    </row>
    <row r="96570" spans="1:7" x14ac:dyDescent="0.3">
      <c r="A96570" s="13" t="s">
        <v>478</v>
      </c>
      <c r="B96570" s="14" t="s">
        <v>1</v>
      </c>
      <c r="C96570" s="14" t="s">
        <v>96</v>
      </c>
      <c r="D96570" s="14" t="s">
        <v>479</v>
      </c>
      <c r="E96570" s="15">
        <v>45586</v>
      </c>
      <c r="F96570" s="14" t="s">
        <v>53</v>
      </c>
      <c r="G96570" s="16">
        <v>0</v>
      </c>
    </row>
    <row r="96571" spans="1:7" x14ac:dyDescent="0.3">
      <c r="A96571" s="13" t="s">
        <v>478</v>
      </c>
      <c r="B96571" s="14" t="s">
        <v>1</v>
      </c>
      <c r="C96571" s="14" t="s">
        <v>96</v>
      </c>
      <c r="D96571" s="14" t="s">
        <v>479</v>
      </c>
      <c r="E96571" s="15">
        <v>45587</v>
      </c>
      <c r="F96571" s="14" t="s">
        <v>53</v>
      </c>
      <c r="G96571" s="16">
        <v>0</v>
      </c>
    </row>
    <row r="96572" spans="1:7" x14ac:dyDescent="0.3">
      <c r="A96572" s="13" t="s">
        <v>478</v>
      </c>
      <c r="B96572" s="14" t="s">
        <v>1</v>
      </c>
      <c r="C96572" s="14" t="s">
        <v>96</v>
      </c>
      <c r="D96572" s="14" t="s">
        <v>479</v>
      </c>
      <c r="E96572" s="15">
        <v>45588</v>
      </c>
      <c r="F96572" s="14" t="s">
        <v>53</v>
      </c>
      <c r="G96572" s="16">
        <v>0</v>
      </c>
    </row>
    <row r="96573" spans="1:7" x14ac:dyDescent="0.3">
      <c r="A96573" s="13" t="s">
        <v>478</v>
      </c>
      <c r="B96573" s="14" t="s">
        <v>1</v>
      </c>
      <c r="C96573" s="14" t="s">
        <v>96</v>
      </c>
      <c r="D96573" s="14" t="s">
        <v>479</v>
      </c>
      <c r="E96573" s="15">
        <v>45589</v>
      </c>
      <c r="F96573" s="14" t="s">
        <v>53</v>
      </c>
      <c r="G96573" s="16">
        <v>0</v>
      </c>
    </row>
    <row r="96574" spans="1:7" x14ac:dyDescent="0.3">
      <c r="A96574" s="13" t="s">
        <v>478</v>
      </c>
      <c r="B96574" s="14" t="s">
        <v>1</v>
      </c>
      <c r="C96574" s="14" t="s">
        <v>96</v>
      </c>
      <c r="D96574" s="14" t="s">
        <v>479</v>
      </c>
      <c r="E96574" s="15">
        <v>45590</v>
      </c>
      <c r="F96574" s="14" t="s">
        <v>53</v>
      </c>
      <c r="G96574" s="16">
        <v>0</v>
      </c>
    </row>
    <row r="96575" spans="1:7" x14ac:dyDescent="0.3">
      <c r="A96575" s="13" t="s">
        <v>478</v>
      </c>
      <c r="B96575" s="14" t="s">
        <v>1</v>
      </c>
      <c r="C96575" s="14" t="s">
        <v>96</v>
      </c>
      <c r="D96575" s="14" t="s">
        <v>479</v>
      </c>
      <c r="E96575" s="15">
        <v>45591</v>
      </c>
      <c r="F96575" s="14" t="s">
        <v>53</v>
      </c>
      <c r="G96575" s="16">
        <v>0</v>
      </c>
    </row>
    <row r="96576" spans="1:7" x14ac:dyDescent="0.3">
      <c r="A96576" s="13" t="s">
        <v>478</v>
      </c>
      <c r="B96576" s="14" t="s">
        <v>1</v>
      </c>
      <c r="C96576" s="14" t="s">
        <v>96</v>
      </c>
      <c r="D96576" s="14" t="s">
        <v>479</v>
      </c>
      <c r="E96576" s="15">
        <v>45592</v>
      </c>
      <c r="F96576" s="14" t="s">
        <v>53</v>
      </c>
      <c r="G96576" s="16">
        <v>0</v>
      </c>
    </row>
    <row r="96577" spans="1:7" x14ac:dyDescent="0.3">
      <c r="A96577" s="13" t="s">
        <v>478</v>
      </c>
      <c r="B96577" s="14" t="s">
        <v>1</v>
      </c>
      <c r="C96577" s="14" t="s">
        <v>96</v>
      </c>
      <c r="D96577" s="14" t="s">
        <v>479</v>
      </c>
      <c r="E96577" s="15">
        <v>45593</v>
      </c>
      <c r="F96577" s="14" t="s">
        <v>53</v>
      </c>
      <c r="G96577" s="16">
        <v>0</v>
      </c>
    </row>
    <row r="96578" spans="1:7" x14ac:dyDescent="0.3">
      <c r="A96578" s="13" t="s">
        <v>478</v>
      </c>
      <c r="B96578" s="14" t="s">
        <v>1</v>
      </c>
      <c r="C96578" s="14" t="s">
        <v>96</v>
      </c>
      <c r="D96578" s="14" t="s">
        <v>479</v>
      </c>
      <c r="E96578" s="15">
        <v>45594</v>
      </c>
      <c r="F96578" s="14" t="s">
        <v>53</v>
      </c>
      <c r="G96578" s="16">
        <v>0</v>
      </c>
    </row>
    <row r="96579" spans="1:7" x14ac:dyDescent="0.3">
      <c r="A96579" s="13" t="s">
        <v>478</v>
      </c>
      <c r="B96579" s="14" t="s">
        <v>1</v>
      </c>
      <c r="C96579" s="14" t="s">
        <v>96</v>
      </c>
      <c r="D96579" s="14" t="s">
        <v>479</v>
      </c>
      <c r="E96579" s="15">
        <v>45595</v>
      </c>
      <c r="F96579" s="14" t="s">
        <v>53</v>
      </c>
      <c r="G96579" s="16">
        <v>0</v>
      </c>
    </row>
    <row r="96580" spans="1:7" x14ac:dyDescent="0.3">
      <c r="A96580" s="13" t="s">
        <v>478</v>
      </c>
      <c r="B96580" s="14" t="s">
        <v>1</v>
      </c>
      <c r="C96580" s="14" t="s">
        <v>96</v>
      </c>
      <c r="D96580" s="14" t="s">
        <v>479</v>
      </c>
      <c r="E96580" s="15">
        <v>45596</v>
      </c>
      <c r="F96580" s="14" t="s">
        <v>53</v>
      </c>
      <c r="G96580" s="16">
        <v>0</v>
      </c>
    </row>
    <row r="96581" spans="1:7" x14ac:dyDescent="0.3">
      <c r="A96581" s="13" t="s">
        <v>478</v>
      </c>
      <c r="B96581" s="14" t="s">
        <v>1</v>
      </c>
      <c r="C96581" s="14" t="s">
        <v>96</v>
      </c>
      <c r="D96581" s="14" t="s">
        <v>479</v>
      </c>
      <c r="E96581" s="15">
        <v>45597</v>
      </c>
      <c r="F96581" s="14" t="s">
        <v>53</v>
      </c>
      <c r="G96581" s="16">
        <v>0</v>
      </c>
    </row>
    <row r="96582" spans="1:7" x14ac:dyDescent="0.3">
      <c r="A96582" s="13" t="s">
        <v>478</v>
      </c>
      <c r="B96582" s="14" t="s">
        <v>1</v>
      </c>
      <c r="C96582" s="14" t="s">
        <v>96</v>
      </c>
      <c r="D96582" s="14" t="s">
        <v>479</v>
      </c>
      <c r="E96582" s="15">
        <v>45598</v>
      </c>
      <c r="F96582" s="14" t="s">
        <v>53</v>
      </c>
      <c r="G96582" s="16">
        <v>0</v>
      </c>
    </row>
    <row r="96583" spans="1:7" x14ac:dyDescent="0.3">
      <c r="A96583" s="13" t="s">
        <v>478</v>
      </c>
      <c r="B96583" s="14" t="s">
        <v>1</v>
      </c>
      <c r="C96583" s="14" t="s">
        <v>96</v>
      </c>
      <c r="D96583" s="14" t="s">
        <v>479</v>
      </c>
      <c r="E96583" s="15">
        <v>45599</v>
      </c>
      <c r="F96583" s="14" t="s">
        <v>53</v>
      </c>
      <c r="G96583" s="16">
        <v>0</v>
      </c>
    </row>
    <row r="96584" spans="1:7" x14ac:dyDescent="0.3">
      <c r="A96584" s="13" t="s">
        <v>478</v>
      </c>
      <c r="B96584" s="14" t="s">
        <v>1</v>
      </c>
      <c r="C96584" s="14" t="s">
        <v>96</v>
      </c>
      <c r="D96584" s="14" t="s">
        <v>479</v>
      </c>
      <c r="E96584" s="15">
        <v>45600</v>
      </c>
      <c r="F96584" s="14" t="s">
        <v>53</v>
      </c>
      <c r="G96584" s="16">
        <v>0</v>
      </c>
    </row>
    <row r="96585" spans="1:7" x14ac:dyDescent="0.3">
      <c r="A96585" s="13" t="s">
        <v>478</v>
      </c>
      <c r="B96585" s="14" t="s">
        <v>1</v>
      </c>
      <c r="C96585" s="14" t="s">
        <v>96</v>
      </c>
      <c r="D96585" s="14" t="s">
        <v>479</v>
      </c>
      <c r="E96585" s="15">
        <v>45601</v>
      </c>
      <c r="F96585" s="14" t="s">
        <v>53</v>
      </c>
      <c r="G96585" s="16">
        <v>0</v>
      </c>
    </row>
    <row r="96586" spans="1:7" x14ac:dyDescent="0.3">
      <c r="A96586" s="13" t="s">
        <v>478</v>
      </c>
      <c r="B96586" s="14" t="s">
        <v>1</v>
      </c>
      <c r="C96586" s="14" t="s">
        <v>96</v>
      </c>
      <c r="D96586" s="14" t="s">
        <v>479</v>
      </c>
      <c r="E96586" s="15">
        <v>45602</v>
      </c>
      <c r="F96586" s="14" t="s">
        <v>53</v>
      </c>
      <c r="G96586" s="16">
        <v>0</v>
      </c>
    </row>
    <row r="96587" spans="1:7" x14ac:dyDescent="0.3">
      <c r="A96587" s="13" t="s">
        <v>478</v>
      </c>
      <c r="B96587" s="14" t="s">
        <v>1</v>
      </c>
      <c r="C96587" s="14" t="s">
        <v>96</v>
      </c>
      <c r="D96587" s="14" t="s">
        <v>479</v>
      </c>
      <c r="E96587" s="15">
        <v>45603</v>
      </c>
      <c r="F96587" s="14" t="s">
        <v>53</v>
      </c>
      <c r="G96587" s="16">
        <v>0</v>
      </c>
    </row>
    <row r="96588" spans="1:7" x14ac:dyDescent="0.3">
      <c r="A96588" s="13" t="s">
        <v>478</v>
      </c>
      <c r="B96588" s="14" t="s">
        <v>1</v>
      </c>
      <c r="C96588" s="14" t="s">
        <v>96</v>
      </c>
      <c r="D96588" s="14" t="s">
        <v>479</v>
      </c>
      <c r="E96588" s="15">
        <v>45604</v>
      </c>
      <c r="F96588" s="14" t="s">
        <v>53</v>
      </c>
      <c r="G96588" s="16">
        <v>0</v>
      </c>
    </row>
    <row r="96589" spans="1:7" x14ac:dyDescent="0.3">
      <c r="A96589" s="13" t="s">
        <v>478</v>
      </c>
      <c r="B96589" s="14" t="s">
        <v>1</v>
      </c>
      <c r="C96589" s="14" t="s">
        <v>96</v>
      </c>
      <c r="D96589" s="14" t="s">
        <v>479</v>
      </c>
      <c r="E96589" s="15">
        <v>45605</v>
      </c>
      <c r="F96589" s="14" t="s">
        <v>53</v>
      </c>
      <c r="G96589" s="16">
        <v>0</v>
      </c>
    </row>
    <row r="96590" spans="1:7" x14ac:dyDescent="0.3">
      <c r="A96590" s="13" t="s">
        <v>478</v>
      </c>
      <c r="B96590" s="14" t="s">
        <v>1</v>
      </c>
      <c r="C96590" s="14" t="s">
        <v>96</v>
      </c>
      <c r="D96590" s="14" t="s">
        <v>479</v>
      </c>
      <c r="E96590" s="15">
        <v>45606</v>
      </c>
      <c r="F96590" s="14" t="s">
        <v>53</v>
      </c>
      <c r="G96590" s="16">
        <v>0</v>
      </c>
    </row>
    <row r="96591" spans="1:7" x14ac:dyDescent="0.3">
      <c r="A96591" s="13" t="s">
        <v>478</v>
      </c>
      <c r="B96591" s="14" t="s">
        <v>1</v>
      </c>
      <c r="C96591" s="14" t="s">
        <v>96</v>
      </c>
      <c r="D96591" s="14" t="s">
        <v>479</v>
      </c>
      <c r="E96591" s="15">
        <v>45607</v>
      </c>
      <c r="F96591" s="14" t="s">
        <v>53</v>
      </c>
      <c r="G96591" s="16">
        <v>0</v>
      </c>
    </row>
    <row r="96592" spans="1:7" x14ac:dyDescent="0.3">
      <c r="A96592" s="13" t="s">
        <v>478</v>
      </c>
      <c r="B96592" s="14" t="s">
        <v>1</v>
      </c>
      <c r="C96592" s="14" t="s">
        <v>96</v>
      </c>
      <c r="D96592" s="14" t="s">
        <v>479</v>
      </c>
      <c r="E96592" s="15">
        <v>45608</v>
      </c>
      <c r="F96592" s="14" t="s">
        <v>53</v>
      </c>
      <c r="G96592" s="16">
        <v>0</v>
      </c>
    </row>
    <row r="96593" spans="1:7" x14ac:dyDescent="0.3">
      <c r="A96593" s="13" t="s">
        <v>478</v>
      </c>
      <c r="B96593" s="14" t="s">
        <v>1</v>
      </c>
      <c r="C96593" s="14" t="s">
        <v>96</v>
      </c>
      <c r="D96593" s="14" t="s">
        <v>479</v>
      </c>
      <c r="E96593" s="15">
        <v>45609</v>
      </c>
      <c r="F96593" s="14" t="s">
        <v>53</v>
      </c>
      <c r="G96593" s="16">
        <v>0</v>
      </c>
    </row>
    <row r="96594" spans="1:7" x14ac:dyDescent="0.3">
      <c r="A96594" s="13" t="s">
        <v>478</v>
      </c>
      <c r="B96594" s="14" t="s">
        <v>1</v>
      </c>
      <c r="C96594" s="14" t="s">
        <v>96</v>
      </c>
      <c r="D96594" s="14" t="s">
        <v>479</v>
      </c>
      <c r="E96594" s="15">
        <v>45610</v>
      </c>
      <c r="F96594" s="14" t="s">
        <v>53</v>
      </c>
      <c r="G96594" s="16">
        <v>0</v>
      </c>
    </row>
    <row r="96595" spans="1:7" x14ac:dyDescent="0.3">
      <c r="A96595" s="13" t="s">
        <v>478</v>
      </c>
      <c r="B96595" s="14" t="s">
        <v>1</v>
      </c>
      <c r="C96595" s="14" t="s">
        <v>96</v>
      </c>
      <c r="D96595" s="14" t="s">
        <v>479</v>
      </c>
      <c r="E96595" s="15">
        <v>45611</v>
      </c>
      <c r="F96595" s="14" t="s">
        <v>53</v>
      </c>
      <c r="G96595" s="16">
        <v>0</v>
      </c>
    </row>
    <row r="96596" spans="1:7" x14ac:dyDescent="0.3">
      <c r="A96596" s="13" t="s">
        <v>478</v>
      </c>
      <c r="B96596" s="14" t="s">
        <v>1</v>
      </c>
      <c r="C96596" s="14" t="s">
        <v>96</v>
      </c>
      <c r="D96596" s="14" t="s">
        <v>479</v>
      </c>
      <c r="E96596" s="15">
        <v>45612</v>
      </c>
      <c r="F96596" s="14" t="s">
        <v>53</v>
      </c>
      <c r="G96596" s="16">
        <v>0</v>
      </c>
    </row>
    <row r="96597" spans="1:7" x14ac:dyDescent="0.3">
      <c r="A96597" s="13" t="s">
        <v>478</v>
      </c>
      <c r="B96597" s="14" t="s">
        <v>1</v>
      </c>
      <c r="C96597" s="14" t="s">
        <v>96</v>
      </c>
      <c r="D96597" s="14" t="s">
        <v>479</v>
      </c>
      <c r="E96597" s="15">
        <v>45613</v>
      </c>
      <c r="F96597" s="14" t="s">
        <v>53</v>
      </c>
      <c r="G96597" s="16">
        <v>0</v>
      </c>
    </row>
    <row r="96598" spans="1:7" x14ac:dyDescent="0.3">
      <c r="A96598" s="13" t="s">
        <v>478</v>
      </c>
      <c r="B96598" s="14" t="s">
        <v>1</v>
      </c>
      <c r="C96598" s="14" t="s">
        <v>96</v>
      </c>
      <c r="D96598" s="14" t="s">
        <v>479</v>
      </c>
      <c r="E96598" s="15">
        <v>45614</v>
      </c>
      <c r="F96598" s="14" t="s">
        <v>53</v>
      </c>
      <c r="G96598" s="16">
        <v>0</v>
      </c>
    </row>
    <row r="96599" spans="1:7" x14ac:dyDescent="0.3">
      <c r="A96599" s="13" t="s">
        <v>478</v>
      </c>
      <c r="B96599" s="14" t="s">
        <v>1</v>
      </c>
      <c r="C96599" s="14" t="s">
        <v>96</v>
      </c>
      <c r="D96599" s="14" t="s">
        <v>479</v>
      </c>
      <c r="E96599" s="15">
        <v>45615</v>
      </c>
      <c r="F96599" s="14" t="s">
        <v>53</v>
      </c>
      <c r="G96599" s="16">
        <v>0</v>
      </c>
    </row>
    <row r="96600" spans="1:7" x14ac:dyDescent="0.3">
      <c r="A96600" s="13" t="s">
        <v>478</v>
      </c>
      <c r="B96600" s="14" t="s">
        <v>1</v>
      </c>
      <c r="C96600" s="14" t="s">
        <v>96</v>
      </c>
      <c r="D96600" s="14" t="s">
        <v>479</v>
      </c>
      <c r="E96600" s="15">
        <v>45616</v>
      </c>
      <c r="F96600" s="14" t="s">
        <v>53</v>
      </c>
      <c r="G96600" s="16">
        <v>0</v>
      </c>
    </row>
    <row r="96601" spans="1:7" x14ac:dyDescent="0.3">
      <c r="A96601" s="13" t="s">
        <v>478</v>
      </c>
      <c r="B96601" s="14" t="s">
        <v>1</v>
      </c>
      <c r="C96601" s="14" t="s">
        <v>96</v>
      </c>
      <c r="D96601" s="14" t="s">
        <v>479</v>
      </c>
      <c r="E96601" s="15">
        <v>45617</v>
      </c>
      <c r="F96601" s="14" t="s">
        <v>53</v>
      </c>
      <c r="G96601" s="16">
        <v>0</v>
      </c>
    </row>
    <row r="96602" spans="1:7" x14ac:dyDescent="0.3">
      <c r="A96602" s="13" t="s">
        <v>478</v>
      </c>
      <c r="B96602" s="14" t="s">
        <v>1</v>
      </c>
      <c r="C96602" s="14" t="s">
        <v>96</v>
      </c>
      <c r="D96602" s="14" t="s">
        <v>479</v>
      </c>
      <c r="E96602" s="15">
        <v>45618</v>
      </c>
      <c r="F96602" s="14" t="s">
        <v>53</v>
      </c>
      <c r="G96602" s="16">
        <v>0</v>
      </c>
    </row>
    <row r="96603" spans="1:7" x14ac:dyDescent="0.3">
      <c r="A96603" s="13" t="s">
        <v>478</v>
      </c>
      <c r="B96603" s="14" t="s">
        <v>1</v>
      </c>
      <c r="C96603" s="14" t="s">
        <v>96</v>
      </c>
      <c r="D96603" s="14" t="s">
        <v>479</v>
      </c>
      <c r="E96603" s="15">
        <v>45619</v>
      </c>
      <c r="F96603" s="14" t="s">
        <v>53</v>
      </c>
      <c r="G96603" s="16">
        <v>0</v>
      </c>
    </row>
    <row r="96604" spans="1:7" x14ac:dyDescent="0.3">
      <c r="A96604" s="13" t="s">
        <v>478</v>
      </c>
      <c r="B96604" s="14" t="s">
        <v>1</v>
      </c>
      <c r="C96604" s="14" t="s">
        <v>96</v>
      </c>
      <c r="D96604" s="14" t="s">
        <v>479</v>
      </c>
      <c r="E96604" s="15">
        <v>45620</v>
      </c>
      <c r="F96604" s="14" t="s">
        <v>53</v>
      </c>
      <c r="G96604" s="16">
        <v>0</v>
      </c>
    </row>
    <row r="96605" spans="1:7" x14ac:dyDescent="0.3">
      <c r="A96605" s="13" t="s">
        <v>478</v>
      </c>
      <c r="B96605" s="14" t="s">
        <v>1</v>
      </c>
      <c r="C96605" s="14" t="s">
        <v>96</v>
      </c>
      <c r="D96605" s="14" t="s">
        <v>479</v>
      </c>
      <c r="E96605" s="15">
        <v>45621</v>
      </c>
      <c r="F96605" s="14" t="s">
        <v>53</v>
      </c>
      <c r="G96605" s="16">
        <v>0</v>
      </c>
    </row>
    <row r="96606" spans="1:7" x14ac:dyDescent="0.3">
      <c r="A96606" s="13" t="s">
        <v>478</v>
      </c>
      <c r="B96606" s="14" t="s">
        <v>1</v>
      </c>
      <c r="C96606" s="14" t="s">
        <v>96</v>
      </c>
      <c r="D96606" s="14" t="s">
        <v>479</v>
      </c>
      <c r="E96606" s="15">
        <v>45622</v>
      </c>
      <c r="F96606" s="14" t="s">
        <v>53</v>
      </c>
      <c r="G96606" s="16">
        <v>0</v>
      </c>
    </row>
    <row r="96607" spans="1:7" x14ac:dyDescent="0.3">
      <c r="A96607" s="13" t="s">
        <v>478</v>
      </c>
      <c r="B96607" s="14" t="s">
        <v>1</v>
      </c>
      <c r="C96607" s="14" t="s">
        <v>96</v>
      </c>
      <c r="D96607" s="14" t="s">
        <v>479</v>
      </c>
      <c r="E96607" s="15">
        <v>45623</v>
      </c>
      <c r="F96607" s="14" t="s">
        <v>53</v>
      </c>
      <c r="G96607" s="16">
        <v>0</v>
      </c>
    </row>
    <row r="96608" spans="1:7" x14ac:dyDescent="0.3">
      <c r="A96608" s="13" t="s">
        <v>478</v>
      </c>
      <c r="B96608" s="14" t="s">
        <v>1</v>
      </c>
      <c r="C96608" s="14" t="s">
        <v>96</v>
      </c>
      <c r="D96608" s="14" t="s">
        <v>479</v>
      </c>
      <c r="E96608" s="15">
        <v>45624</v>
      </c>
      <c r="F96608" s="14" t="s">
        <v>53</v>
      </c>
      <c r="G96608" s="16">
        <v>0</v>
      </c>
    </row>
    <row r="96609" spans="1:7" x14ac:dyDescent="0.3">
      <c r="A96609" s="13" t="s">
        <v>478</v>
      </c>
      <c r="B96609" s="14" t="s">
        <v>1</v>
      </c>
      <c r="C96609" s="14" t="s">
        <v>96</v>
      </c>
      <c r="D96609" s="14" t="s">
        <v>479</v>
      </c>
      <c r="E96609" s="15">
        <v>45625</v>
      </c>
      <c r="F96609" s="14" t="s">
        <v>53</v>
      </c>
      <c r="G96609" s="16">
        <v>0</v>
      </c>
    </row>
    <row r="96610" spans="1:7" x14ac:dyDescent="0.3">
      <c r="A96610" s="13" t="s">
        <v>478</v>
      </c>
      <c r="B96610" s="14" t="s">
        <v>1</v>
      </c>
      <c r="C96610" s="14" t="s">
        <v>96</v>
      </c>
      <c r="D96610" s="14" t="s">
        <v>479</v>
      </c>
      <c r="E96610" s="15">
        <v>45626</v>
      </c>
      <c r="F96610" s="14" t="s">
        <v>53</v>
      </c>
      <c r="G96610" s="16">
        <v>0</v>
      </c>
    </row>
    <row r="96611" spans="1:7" x14ac:dyDescent="0.3">
      <c r="A96611" s="13" t="s">
        <v>478</v>
      </c>
      <c r="B96611" s="14" t="s">
        <v>1</v>
      </c>
      <c r="C96611" s="14" t="s">
        <v>96</v>
      </c>
      <c r="D96611" s="14" t="s">
        <v>479</v>
      </c>
      <c r="E96611" s="15">
        <v>45627</v>
      </c>
      <c r="F96611" s="14" t="s">
        <v>53</v>
      </c>
      <c r="G96611" s="16">
        <v>0</v>
      </c>
    </row>
    <row r="96612" spans="1:7" x14ac:dyDescent="0.3">
      <c r="A96612" s="13" t="s">
        <v>478</v>
      </c>
      <c r="B96612" s="14" t="s">
        <v>1</v>
      </c>
      <c r="C96612" s="14" t="s">
        <v>96</v>
      </c>
      <c r="D96612" s="14" t="s">
        <v>479</v>
      </c>
      <c r="E96612" s="15">
        <v>45628</v>
      </c>
      <c r="F96612" s="14" t="s">
        <v>53</v>
      </c>
      <c r="G96612" s="16">
        <v>0</v>
      </c>
    </row>
    <row r="96613" spans="1:7" x14ac:dyDescent="0.3">
      <c r="A96613" s="13" t="s">
        <v>478</v>
      </c>
      <c r="B96613" s="14" t="s">
        <v>1</v>
      </c>
      <c r="C96613" s="14" t="s">
        <v>96</v>
      </c>
      <c r="D96613" s="14" t="s">
        <v>479</v>
      </c>
      <c r="E96613" s="15">
        <v>45629</v>
      </c>
      <c r="F96613" s="14" t="s">
        <v>53</v>
      </c>
      <c r="G96613" s="16">
        <v>0</v>
      </c>
    </row>
    <row r="96614" spans="1:7" x14ac:dyDescent="0.3">
      <c r="A96614" s="13" t="s">
        <v>478</v>
      </c>
      <c r="B96614" s="14" t="s">
        <v>1</v>
      </c>
      <c r="C96614" s="14" t="s">
        <v>96</v>
      </c>
      <c r="D96614" s="14" t="s">
        <v>479</v>
      </c>
      <c r="E96614" s="15">
        <v>45630</v>
      </c>
      <c r="F96614" s="14" t="s">
        <v>53</v>
      </c>
      <c r="G96614" s="16">
        <v>0</v>
      </c>
    </row>
    <row r="96615" spans="1:7" x14ac:dyDescent="0.3">
      <c r="A96615" s="13" t="s">
        <v>478</v>
      </c>
      <c r="B96615" s="14" t="s">
        <v>1</v>
      </c>
      <c r="C96615" s="14" t="s">
        <v>96</v>
      </c>
      <c r="D96615" s="14" t="s">
        <v>479</v>
      </c>
      <c r="E96615" s="15">
        <v>45631</v>
      </c>
      <c r="F96615" s="14" t="s">
        <v>53</v>
      </c>
      <c r="G96615" s="16">
        <v>0</v>
      </c>
    </row>
    <row r="96616" spans="1:7" x14ac:dyDescent="0.3">
      <c r="A96616" s="13" t="s">
        <v>478</v>
      </c>
      <c r="B96616" s="14" t="s">
        <v>1</v>
      </c>
      <c r="C96616" s="14" t="s">
        <v>96</v>
      </c>
      <c r="D96616" s="14" t="s">
        <v>479</v>
      </c>
      <c r="E96616" s="15">
        <v>45632</v>
      </c>
      <c r="F96616" s="14" t="s">
        <v>53</v>
      </c>
      <c r="G96616" s="16">
        <v>0</v>
      </c>
    </row>
    <row r="96617" spans="1:7" x14ac:dyDescent="0.3">
      <c r="A96617" s="13" t="s">
        <v>478</v>
      </c>
      <c r="B96617" s="14" t="s">
        <v>1</v>
      </c>
      <c r="C96617" s="14" t="s">
        <v>96</v>
      </c>
      <c r="D96617" s="14" t="s">
        <v>479</v>
      </c>
      <c r="E96617" s="15">
        <v>45633</v>
      </c>
      <c r="F96617" s="14" t="s">
        <v>53</v>
      </c>
      <c r="G96617" s="16">
        <v>0</v>
      </c>
    </row>
    <row r="96618" spans="1:7" x14ac:dyDescent="0.3">
      <c r="A96618" s="13" t="s">
        <v>478</v>
      </c>
      <c r="B96618" s="14" t="s">
        <v>1</v>
      </c>
      <c r="C96618" s="14" t="s">
        <v>96</v>
      </c>
      <c r="D96618" s="14" t="s">
        <v>479</v>
      </c>
      <c r="E96618" s="15">
        <v>45634</v>
      </c>
      <c r="F96618" s="14" t="s">
        <v>53</v>
      </c>
      <c r="G96618" s="16">
        <v>0</v>
      </c>
    </row>
    <row r="96619" spans="1:7" x14ac:dyDescent="0.3">
      <c r="A96619" s="13" t="s">
        <v>478</v>
      </c>
      <c r="B96619" s="14" t="s">
        <v>1</v>
      </c>
      <c r="C96619" s="14" t="s">
        <v>96</v>
      </c>
      <c r="D96619" s="14" t="s">
        <v>479</v>
      </c>
      <c r="E96619" s="15">
        <v>45635</v>
      </c>
      <c r="F96619" s="14" t="s">
        <v>53</v>
      </c>
      <c r="G96619" s="16">
        <v>0</v>
      </c>
    </row>
    <row r="96620" spans="1:7" x14ac:dyDescent="0.3">
      <c r="A96620" s="13" t="s">
        <v>478</v>
      </c>
      <c r="B96620" s="14" t="s">
        <v>1</v>
      </c>
      <c r="C96620" s="14" t="s">
        <v>96</v>
      </c>
      <c r="D96620" s="14" t="s">
        <v>479</v>
      </c>
      <c r="E96620" s="15">
        <v>45636</v>
      </c>
      <c r="F96620" s="14" t="s">
        <v>53</v>
      </c>
      <c r="G96620" s="16">
        <v>0</v>
      </c>
    </row>
    <row r="96621" spans="1:7" x14ac:dyDescent="0.3">
      <c r="A96621" s="13" t="s">
        <v>478</v>
      </c>
      <c r="B96621" s="14" t="s">
        <v>1</v>
      </c>
      <c r="C96621" s="14" t="s">
        <v>96</v>
      </c>
      <c r="D96621" s="14" t="s">
        <v>479</v>
      </c>
      <c r="E96621" s="15">
        <v>45637</v>
      </c>
      <c r="F96621" s="14" t="s">
        <v>53</v>
      </c>
      <c r="G96621" s="16">
        <v>0</v>
      </c>
    </row>
    <row r="96622" spans="1:7" x14ac:dyDescent="0.3">
      <c r="A96622" s="13" t="s">
        <v>478</v>
      </c>
      <c r="B96622" s="14" t="s">
        <v>1</v>
      </c>
      <c r="C96622" s="14" t="s">
        <v>96</v>
      </c>
      <c r="D96622" s="14" t="s">
        <v>479</v>
      </c>
      <c r="E96622" s="15">
        <v>45638</v>
      </c>
      <c r="F96622" s="14" t="s">
        <v>53</v>
      </c>
      <c r="G96622" s="16">
        <v>0</v>
      </c>
    </row>
    <row r="96623" spans="1:7" x14ac:dyDescent="0.3">
      <c r="A96623" s="13" t="s">
        <v>478</v>
      </c>
      <c r="B96623" s="14" t="s">
        <v>1</v>
      </c>
      <c r="C96623" s="14" t="s">
        <v>96</v>
      </c>
      <c r="D96623" s="14" t="s">
        <v>479</v>
      </c>
      <c r="E96623" s="15">
        <v>45639</v>
      </c>
      <c r="F96623" s="14" t="s">
        <v>53</v>
      </c>
      <c r="G96623" s="16">
        <v>0</v>
      </c>
    </row>
    <row r="96624" spans="1:7" x14ac:dyDescent="0.3">
      <c r="A96624" s="13" t="s">
        <v>478</v>
      </c>
      <c r="B96624" s="14" t="s">
        <v>1</v>
      </c>
      <c r="C96624" s="14" t="s">
        <v>96</v>
      </c>
      <c r="D96624" s="14" t="s">
        <v>479</v>
      </c>
      <c r="E96624" s="15">
        <v>45640</v>
      </c>
      <c r="F96624" s="14" t="s">
        <v>53</v>
      </c>
      <c r="G96624" s="16">
        <v>0</v>
      </c>
    </row>
    <row r="96625" spans="1:7" x14ac:dyDescent="0.3">
      <c r="A96625" s="13" t="s">
        <v>478</v>
      </c>
      <c r="B96625" s="14" t="s">
        <v>1</v>
      </c>
      <c r="C96625" s="14" t="s">
        <v>96</v>
      </c>
      <c r="D96625" s="14" t="s">
        <v>479</v>
      </c>
      <c r="E96625" s="15">
        <v>45641</v>
      </c>
      <c r="F96625" s="14" t="s">
        <v>53</v>
      </c>
      <c r="G96625" s="16">
        <v>0</v>
      </c>
    </row>
    <row r="96626" spans="1:7" x14ac:dyDescent="0.3">
      <c r="A96626" s="13" t="s">
        <v>478</v>
      </c>
      <c r="B96626" s="14" t="s">
        <v>1</v>
      </c>
      <c r="C96626" s="14" t="s">
        <v>96</v>
      </c>
      <c r="D96626" s="14" t="s">
        <v>479</v>
      </c>
      <c r="E96626" s="15">
        <v>45642</v>
      </c>
      <c r="F96626" s="14" t="s">
        <v>53</v>
      </c>
      <c r="G96626" s="16">
        <v>0</v>
      </c>
    </row>
    <row r="96627" spans="1:7" x14ac:dyDescent="0.3">
      <c r="A96627" s="13" t="s">
        <v>478</v>
      </c>
      <c r="B96627" s="14" t="s">
        <v>1</v>
      </c>
      <c r="C96627" s="14" t="s">
        <v>96</v>
      </c>
      <c r="D96627" s="14" t="s">
        <v>479</v>
      </c>
      <c r="E96627" s="15">
        <v>45643</v>
      </c>
      <c r="F96627" s="14" t="s">
        <v>53</v>
      </c>
      <c r="G96627" s="16">
        <v>0</v>
      </c>
    </row>
    <row r="96628" spans="1:7" x14ac:dyDescent="0.3">
      <c r="A96628" s="13" t="s">
        <v>478</v>
      </c>
      <c r="B96628" s="14" t="s">
        <v>1</v>
      </c>
      <c r="C96628" s="14" t="s">
        <v>96</v>
      </c>
      <c r="D96628" s="14" t="s">
        <v>479</v>
      </c>
      <c r="E96628" s="15">
        <v>45644</v>
      </c>
      <c r="F96628" s="14" t="s">
        <v>53</v>
      </c>
      <c r="G96628" s="16">
        <v>0</v>
      </c>
    </row>
    <row r="96629" spans="1:7" x14ac:dyDescent="0.3">
      <c r="A96629" s="13" t="s">
        <v>478</v>
      </c>
      <c r="B96629" s="14" t="s">
        <v>1</v>
      </c>
      <c r="C96629" s="14" t="s">
        <v>96</v>
      </c>
      <c r="D96629" s="14" t="s">
        <v>479</v>
      </c>
      <c r="E96629" s="15">
        <v>45645</v>
      </c>
      <c r="F96629" s="14" t="s">
        <v>53</v>
      </c>
      <c r="G96629" s="16">
        <v>0</v>
      </c>
    </row>
    <row r="96630" spans="1:7" x14ac:dyDescent="0.3">
      <c r="A96630" s="13" t="s">
        <v>478</v>
      </c>
      <c r="B96630" s="14" t="s">
        <v>1</v>
      </c>
      <c r="C96630" s="14" t="s">
        <v>96</v>
      </c>
      <c r="D96630" s="14" t="s">
        <v>479</v>
      </c>
      <c r="E96630" s="15">
        <v>45646</v>
      </c>
      <c r="F96630" s="14" t="s">
        <v>53</v>
      </c>
      <c r="G96630" s="16">
        <v>0</v>
      </c>
    </row>
    <row r="96631" spans="1:7" x14ac:dyDescent="0.3">
      <c r="A96631" s="13" t="s">
        <v>478</v>
      </c>
      <c r="B96631" s="14" t="s">
        <v>1</v>
      </c>
      <c r="C96631" s="14" t="s">
        <v>96</v>
      </c>
      <c r="D96631" s="14" t="s">
        <v>479</v>
      </c>
      <c r="E96631" s="15">
        <v>45647</v>
      </c>
      <c r="F96631" s="14" t="s">
        <v>53</v>
      </c>
      <c r="G96631" s="16">
        <v>0</v>
      </c>
    </row>
    <row r="96632" spans="1:7" x14ac:dyDescent="0.3">
      <c r="A96632" s="13" t="s">
        <v>478</v>
      </c>
      <c r="B96632" s="14" t="s">
        <v>1</v>
      </c>
      <c r="C96632" s="14" t="s">
        <v>96</v>
      </c>
      <c r="D96632" s="14" t="s">
        <v>479</v>
      </c>
      <c r="E96632" s="15">
        <v>45648</v>
      </c>
      <c r="F96632" s="14" t="s">
        <v>53</v>
      </c>
      <c r="G96632" s="16">
        <v>0</v>
      </c>
    </row>
    <row r="96633" spans="1:7" x14ac:dyDescent="0.3">
      <c r="A96633" s="13" t="s">
        <v>478</v>
      </c>
      <c r="B96633" s="14" t="s">
        <v>1</v>
      </c>
      <c r="C96633" s="14" t="s">
        <v>96</v>
      </c>
      <c r="D96633" s="14" t="s">
        <v>479</v>
      </c>
      <c r="E96633" s="15">
        <v>45649</v>
      </c>
      <c r="F96633" s="14" t="s">
        <v>53</v>
      </c>
      <c r="G96633" s="16">
        <v>0</v>
      </c>
    </row>
    <row r="96634" spans="1:7" x14ac:dyDescent="0.3">
      <c r="A96634" s="13" t="s">
        <v>478</v>
      </c>
      <c r="B96634" s="14" t="s">
        <v>1</v>
      </c>
      <c r="C96634" s="14" t="s">
        <v>96</v>
      </c>
      <c r="D96634" s="14" t="s">
        <v>479</v>
      </c>
      <c r="E96634" s="15">
        <v>45650</v>
      </c>
      <c r="F96634" s="14" t="s">
        <v>53</v>
      </c>
      <c r="G96634" s="16">
        <v>0</v>
      </c>
    </row>
    <row r="96635" spans="1:7" x14ac:dyDescent="0.3">
      <c r="A96635" s="13" t="s">
        <v>478</v>
      </c>
      <c r="B96635" s="14" t="s">
        <v>1</v>
      </c>
      <c r="C96635" s="14" t="s">
        <v>96</v>
      </c>
      <c r="D96635" s="14" t="s">
        <v>479</v>
      </c>
      <c r="E96635" s="15">
        <v>45651</v>
      </c>
      <c r="F96635" s="14" t="s">
        <v>53</v>
      </c>
      <c r="G96635" s="16">
        <v>0</v>
      </c>
    </row>
    <row r="96636" spans="1:7" x14ac:dyDescent="0.3">
      <c r="A96636" s="13" t="s">
        <v>478</v>
      </c>
      <c r="B96636" s="14" t="s">
        <v>1</v>
      </c>
      <c r="C96636" s="14" t="s">
        <v>96</v>
      </c>
      <c r="D96636" s="14" t="s">
        <v>479</v>
      </c>
      <c r="E96636" s="15">
        <v>45652</v>
      </c>
      <c r="F96636" s="14" t="s">
        <v>53</v>
      </c>
      <c r="G96636" s="16">
        <v>0</v>
      </c>
    </row>
    <row r="96637" spans="1:7" x14ac:dyDescent="0.3">
      <c r="A96637" s="13" t="s">
        <v>478</v>
      </c>
      <c r="B96637" s="14" t="s">
        <v>1</v>
      </c>
      <c r="C96637" s="14" t="s">
        <v>96</v>
      </c>
      <c r="D96637" s="14" t="s">
        <v>479</v>
      </c>
      <c r="E96637" s="15">
        <v>45653</v>
      </c>
      <c r="F96637" s="14" t="s">
        <v>53</v>
      </c>
      <c r="G96637" s="16">
        <v>0</v>
      </c>
    </row>
    <row r="96638" spans="1:7" x14ac:dyDescent="0.3">
      <c r="A96638" s="13" t="s">
        <v>478</v>
      </c>
      <c r="B96638" s="14" t="s">
        <v>1</v>
      </c>
      <c r="C96638" s="14" t="s">
        <v>96</v>
      </c>
      <c r="D96638" s="14" t="s">
        <v>479</v>
      </c>
      <c r="E96638" s="15">
        <v>45654</v>
      </c>
      <c r="F96638" s="14" t="s">
        <v>53</v>
      </c>
      <c r="G96638" s="16">
        <v>0</v>
      </c>
    </row>
    <row r="96639" spans="1:7" x14ac:dyDescent="0.3">
      <c r="A96639" s="13" t="s">
        <v>478</v>
      </c>
      <c r="B96639" s="14" t="s">
        <v>1</v>
      </c>
      <c r="C96639" s="14" t="s">
        <v>96</v>
      </c>
      <c r="D96639" s="14" t="s">
        <v>479</v>
      </c>
      <c r="E96639" s="15">
        <v>45655</v>
      </c>
      <c r="F96639" s="14" t="s">
        <v>53</v>
      </c>
      <c r="G96639" s="16">
        <v>0</v>
      </c>
    </row>
    <row r="96640" spans="1:7" x14ac:dyDescent="0.3">
      <c r="A96640" s="13" t="s">
        <v>478</v>
      </c>
      <c r="B96640" s="14" t="s">
        <v>1</v>
      </c>
      <c r="C96640" s="14" t="s">
        <v>96</v>
      </c>
      <c r="D96640" s="14" t="s">
        <v>479</v>
      </c>
      <c r="E96640" s="15">
        <v>45656</v>
      </c>
      <c r="F96640" s="14" t="s">
        <v>53</v>
      </c>
      <c r="G96640" s="16">
        <v>0</v>
      </c>
    </row>
    <row r="96641" spans="1:7" x14ac:dyDescent="0.3">
      <c r="A96641" s="13" t="s">
        <v>478</v>
      </c>
      <c r="B96641" s="14" t="s">
        <v>1</v>
      </c>
      <c r="C96641" s="14" t="s">
        <v>96</v>
      </c>
      <c r="D96641" s="14" t="s">
        <v>479</v>
      </c>
      <c r="E96641" s="15">
        <v>45657</v>
      </c>
      <c r="F96641" s="14" t="s">
        <v>53</v>
      </c>
      <c r="G96641" s="16">
        <v>0</v>
      </c>
    </row>
    <row r="96642" spans="1:7" x14ac:dyDescent="0.3">
      <c r="A96642" s="13" t="s">
        <v>478</v>
      </c>
      <c r="B96642" s="14" t="s">
        <v>1</v>
      </c>
      <c r="C96642" s="14" t="s">
        <v>96</v>
      </c>
      <c r="D96642" s="14" t="s">
        <v>479</v>
      </c>
      <c r="E96642" s="15">
        <v>45658</v>
      </c>
      <c r="F96642" s="14" t="s">
        <v>53</v>
      </c>
      <c r="G96642" s="16">
        <v>0</v>
      </c>
    </row>
    <row r="96643" spans="1:7" x14ac:dyDescent="0.3">
      <c r="A96643" s="13" t="s">
        <v>478</v>
      </c>
      <c r="B96643" s="14" t="s">
        <v>1</v>
      </c>
      <c r="C96643" s="14" t="s">
        <v>96</v>
      </c>
      <c r="D96643" s="14" t="s">
        <v>479</v>
      </c>
      <c r="E96643" s="15">
        <v>45659</v>
      </c>
      <c r="F96643" s="14" t="s">
        <v>53</v>
      </c>
      <c r="G96643" s="16">
        <v>0</v>
      </c>
    </row>
    <row r="96644" spans="1:7" x14ac:dyDescent="0.3">
      <c r="A96644" s="13" t="s">
        <v>478</v>
      </c>
      <c r="B96644" s="14" t="s">
        <v>1</v>
      </c>
      <c r="C96644" s="14" t="s">
        <v>96</v>
      </c>
      <c r="D96644" s="14" t="s">
        <v>479</v>
      </c>
      <c r="E96644" s="15">
        <v>45660</v>
      </c>
      <c r="F96644" s="14" t="s">
        <v>53</v>
      </c>
      <c r="G96644" s="16">
        <v>0</v>
      </c>
    </row>
    <row r="96645" spans="1:7" x14ac:dyDescent="0.3">
      <c r="A96645" s="13" t="s">
        <v>478</v>
      </c>
      <c r="B96645" s="14" t="s">
        <v>1</v>
      </c>
      <c r="C96645" s="14" t="s">
        <v>96</v>
      </c>
      <c r="D96645" s="14" t="s">
        <v>479</v>
      </c>
      <c r="E96645" s="15">
        <v>45661</v>
      </c>
      <c r="F96645" s="14" t="s">
        <v>53</v>
      </c>
      <c r="G96645" s="16">
        <v>0</v>
      </c>
    </row>
    <row r="96646" spans="1:7" x14ac:dyDescent="0.3">
      <c r="A96646" s="13" t="s">
        <v>478</v>
      </c>
      <c r="B96646" s="14" t="s">
        <v>1</v>
      </c>
      <c r="C96646" s="14" t="s">
        <v>96</v>
      </c>
      <c r="D96646" s="14" t="s">
        <v>479</v>
      </c>
      <c r="E96646" s="15">
        <v>45662</v>
      </c>
      <c r="F96646" s="14" t="s">
        <v>53</v>
      </c>
      <c r="G96646" s="16">
        <v>0</v>
      </c>
    </row>
    <row r="96647" spans="1:7" x14ac:dyDescent="0.3">
      <c r="A96647" s="13" t="s">
        <v>478</v>
      </c>
      <c r="B96647" s="14" t="s">
        <v>1</v>
      </c>
      <c r="C96647" s="14" t="s">
        <v>96</v>
      </c>
      <c r="D96647" s="14" t="s">
        <v>479</v>
      </c>
      <c r="E96647" s="15">
        <v>45663</v>
      </c>
      <c r="F96647" s="14" t="s">
        <v>53</v>
      </c>
      <c r="G96647" s="16">
        <v>0</v>
      </c>
    </row>
    <row r="96648" spans="1:7" x14ac:dyDescent="0.3">
      <c r="A96648" s="13" t="s">
        <v>478</v>
      </c>
      <c r="B96648" s="14" t="s">
        <v>1</v>
      </c>
      <c r="C96648" s="14" t="s">
        <v>96</v>
      </c>
      <c r="D96648" s="14" t="s">
        <v>479</v>
      </c>
      <c r="E96648" s="15">
        <v>45664</v>
      </c>
      <c r="F96648" s="14" t="s">
        <v>53</v>
      </c>
      <c r="G96648" s="16">
        <v>0</v>
      </c>
    </row>
    <row r="96649" spans="1:7" x14ac:dyDescent="0.3">
      <c r="A96649" s="13" t="s">
        <v>478</v>
      </c>
      <c r="B96649" s="14" t="s">
        <v>1</v>
      </c>
      <c r="C96649" s="14" t="s">
        <v>96</v>
      </c>
      <c r="D96649" s="14" t="s">
        <v>479</v>
      </c>
      <c r="E96649" s="15">
        <v>45665</v>
      </c>
      <c r="F96649" s="14" t="s">
        <v>53</v>
      </c>
      <c r="G96649" s="16">
        <v>0</v>
      </c>
    </row>
    <row r="96650" spans="1:7" x14ac:dyDescent="0.3">
      <c r="A96650" s="13" t="s">
        <v>478</v>
      </c>
      <c r="B96650" s="14" t="s">
        <v>1</v>
      </c>
      <c r="C96650" s="14" t="s">
        <v>96</v>
      </c>
      <c r="D96650" s="14" t="s">
        <v>479</v>
      </c>
      <c r="E96650" s="15">
        <v>45666</v>
      </c>
      <c r="F96650" s="14" t="s">
        <v>53</v>
      </c>
      <c r="G96650" s="16">
        <v>0</v>
      </c>
    </row>
    <row r="96651" spans="1:7" x14ac:dyDescent="0.3">
      <c r="A96651" s="13" t="s">
        <v>478</v>
      </c>
      <c r="B96651" s="14" t="s">
        <v>1</v>
      </c>
      <c r="C96651" s="14" t="s">
        <v>96</v>
      </c>
      <c r="D96651" s="14" t="s">
        <v>479</v>
      </c>
      <c r="E96651" s="15">
        <v>45667</v>
      </c>
      <c r="F96651" s="14" t="s">
        <v>53</v>
      </c>
      <c r="G96651" s="16">
        <v>0</v>
      </c>
    </row>
    <row r="96652" spans="1:7" x14ac:dyDescent="0.3">
      <c r="A96652" s="13" t="s">
        <v>478</v>
      </c>
      <c r="B96652" s="14" t="s">
        <v>1</v>
      </c>
      <c r="C96652" s="14" t="s">
        <v>96</v>
      </c>
      <c r="D96652" s="14" t="s">
        <v>479</v>
      </c>
      <c r="E96652" s="15">
        <v>45668</v>
      </c>
      <c r="F96652" s="14" t="s">
        <v>53</v>
      </c>
      <c r="G96652" s="16">
        <v>0</v>
      </c>
    </row>
    <row r="96653" spans="1:7" x14ac:dyDescent="0.3">
      <c r="A96653" s="13" t="s">
        <v>478</v>
      </c>
      <c r="B96653" s="14" t="s">
        <v>1</v>
      </c>
      <c r="C96653" s="14" t="s">
        <v>96</v>
      </c>
      <c r="D96653" s="14" t="s">
        <v>479</v>
      </c>
      <c r="E96653" s="15">
        <v>45669</v>
      </c>
      <c r="F96653" s="14" t="s">
        <v>53</v>
      </c>
      <c r="G96653" s="16">
        <v>0</v>
      </c>
    </row>
    <row r="96654" spans="1:7" x14ac:dyDescent="0.3">
      <c r="A96654" s="13" t="s">
        <v>478</v>
      </c>
      <c r="B96654" s="14" t="s">
        <v>1</v>
      </c>
      <c r="C96654" s="14" t="s">
        <v>96</v>
      </c>
      <c r="D96654" s="14" t="s">
        <v>479</v>
      </c>
      <c r="E96654" s="15">
        <v>45670</v>
      </c>
      <c r="F96654" s="14" t="s">
        <v>53</v>
      </c>
      <c r="G96654" s="16">
        <v>0</v>
      </c>
    </row>
    <row r="96655" spans="1:7" x14ac:dyDescent="0.3">
      <c r="A96655" s="13" t="s">
        <v>478</v>
      </c>
      <c r="B96655" s="14" t="s">
        <v>1</v>
      </c>
      <c r="C96655" s="14" t="s">
        <v>96</v>
      </c>
      <c r="D96655" s="14" t="s">
        <v>479</v>
      </c>
      <c r="E96655" s="15">
        <v>45671</v>
      </c>
      <c r="F96655" s="14" t="s">
        <v>53</v>
      </c>
      <c r="G96655" s="16">
        <v>0</v>
      </c>
    </row>
    <row r="96656" spans="1:7" x14ac:dyDescent="0.3">
      <c r="A96656" s="13" t="s">
        <v>478</v>
      </c>
      <c r="B96656" s="14" t="s">
        <v>1</v>
      </c>
      <c r="C96656" s="14" t="s">
        <v>96</v>
      </c>
      <c r="D96656" s="14" t="s">
        <v>479</v>
      </c>
      <c r="E96656" s="15">
        <v>45672</v>
      </c>
      <c r="F96656" s="14" t="s">
        <v>53</v>
      </c>
      <c r="G96656" s="16">
        <v>0</v>
      </c>
    </row>
    <row r="96657" spans="1:7" x14ac:dyDescent="0.3">
      <c r="A96657" s="13" t="s">
        <v>478</v>
      </c>
      <c r="B96657" s="14" t="s">
        <v>1</v>
      </c>
      <c r="C96657" s="14" t="s">
        <v>96</v>
      </c>
      <c r="D96657" s="14" t="s">
        <v>479</v>
      </c>
      <c r="E96657" s="15">
        <v>45673</v>
      </c>
      <c r="F96657" s="14" t="s">
        <v>53</v>
      </c>
      <c r="G96657" s="16">
        <v>0</v>
      </c>
    </row>
    <row r="96658" spans="1:7" x14ac:dyDescent="0.3">
      <c r="A96658" s="13" t="s">
        <v>478</v>
      </c>
      <c r="B96658" s="14" t="s">
        <v>1</v>
      </c>
      <c r="C96658" s="14" t="s">
        <v>96</v>
      </c>
      <c r="D96658" s="14" t="s">
        <v>479</v>
      </c>
      <c r="E96658" s="15">
        <v>45674</v>
      </c>
      <c r="F96658" s="14" t="s">
        <v>53</v>
      </c>
      <c r="G96658" s="16">
        <v>0</v>
      </c>
    </row>
    <row r="96659" spans="1:7" x14ac:dyDescent="0.3">
      <c r="A96659" s="13" t="s">
        <v>478</v>
      </c>
      <c r="B96659" s="14" t="s">
        <v>1</v>
      </c>
      <c r="C96659" s="14" t="s">
        <v>96</v>
      </c>
      <c r="D96659" s="14" t="s">
        <v>479</v>
      </c>
      <c r="E96659" s="15">
        <v>45675</v>
      </c>
      <c r="F96659" s="14" t="s">
        <v>53</v>
      </c>
      <c r="G96659" s="16">
        <v>0</v>
      </c>
    </row>
    <row r="96660" spans="1:7" x14ac:dyDescent="0.3">
      <c r="A96660" s="13" t="s">
        <v>478</v>
      </c>
      <c r="B96660" s="14" t="s">
        <v>1</v>
      </c>
      <c r="C96660" s="14" t="s">
        <v>96</v>
      </c>
      <c r="D96660" s="14" t="s">
        <v>479</v>
      </c>
      <c r="E96660" s="15">
        <v>45676</v>
      </c>
      <c r="F96660" s="14" t="s">
        <v>53</v>
      </c>
      <c r="G96660" s="16">
        <v>0</v>
      </c>
    </row>
    <row r="96661" spans="1:7" x14ac:dyDescent="0.3">
      <c r="A96661" s="13" t="s">
        <v>478</v>
      </c>
      <c r="B96661" s="14" t="s">
        <v>1</v>
      </c>
      <c r="C96661" s="14" t="s">
        <v>96</v>
      </c>
      <c r="D96661" s="14" t="s">
        <v>479</v>
      </c>
      <c r="E96661" s="15">
        <v>45677</v>
      </c>
      <c r="F96661" s="14" t="s">
        <v>53</v>
      </c>
      <c r="G96661" s="16">
        <v>0</v>
      </c>
    </row>
    <row r="96662" spans="1:7" x14ac:dyDescent="0.3">
      <c r="A96662" s="13" t="s">
        <v>478</v>
      </c>
      <c r="B96662" s="14" t="s">
        <v>1</v>
      </c>
      <c r="C96662" s="14" t="s">
        <v>96</v>
      </c>
      <c r="D96662" s="14" t="s">
        <v>479</v>
      </c>
      <c r="E96662" s="15">
        <v>45678</v>
      </c>
      <c r="F96662" s="14" t="s">
        <v>53</v>
      </c>
      <c r="G96662" s="16">
        <v>0</v>
      </c>
    </row>
    <row r="96663" spans="1:7" x14ac:dyDescent="0.3">
      <c r="A96663" s="13" t="s">
        <v>478</v>
      </c>
      <c r="B96663" s="14" t="s">
        <v>1</v>
      </c>
      <c r="C96663" s="14" t="s">
        <v>96</v>
      </c>
      <c r="D96663" s="14" t="s">
        <v>479</v>
      </c>
      <c r="E96663" s="15">
        <v>45679</v>
      </c>
      <c r="F96663" s="14" t="s">
        <v>53</v>
      </c>
      <c r="G96663" s="16">
        <v>0</v>
      </c>
    </row>
    <row r="96664" spans="1:7" x14ac:dyDescent="0.3">
      <c r="A96664" s="13" t="s">
        <v>478</v>
      </c>
      <c r="B96664" s="14" t="s">
        <v>1</v>
      </c>
      <c r="C96664" s="14" t="s">
        <v>96</v>
      </c>
      <c r="D96664" s="14" t="s">
        <v>479</v>
      </c>
      <c r="E96664" s="15">
        <v>45680</v>
      </c>
      <c r="F96664" s="14" t="s">
        <v>53</v>
      </c>
      <c r="G96664" s="16">
        <v>0</v>
      </c>
    </row>
    <row r="96665" spans="1:7" x14ac:dyDescent="0.3">
      <c r="A96665" s="13" t="s">
        <v>478</v>
      </c>
      <c r="B96665" s="14" t="s">
        <v>1</v>
      </c>
      <c r="C96665" s="14" t="s">
        <v>96</v>
      </c>
      <c r="D96665" s="14" t="s">
        <v>479</v>
      </c>
      <c r="E96665" s="15">
        <v>45681</v>
      </c>
      <c r="F96665" s="14" t="s">
        <v>53</v>
      </c>
      <c r="G96665" s="16">
        <v>0</v>
      </c>
    </row>
    <row r="96666" spans="1:7" x14ac:dyDescent="0.3">
      <c r="A96666" s="13" t="s">
        <v>478</v>
      </c>
      <c r="B96666" s="14" t="s">
        <v>1</v>
      </c>
      <c r="C96666" s="14" t="s">
        <v>96</v>
      </c>
      <c r="D96666" s="14" t="s">
        <v>479</v>
      </c>
      <c r="E96666" s="15">
        <v>45682</v>
      </c>
      <c r="F96666" s="14" t="s">
        <v>53</v>
      </c>
      <c r="G96666" s="16">
        <v>0</v>
      </c>
    </row>
    <row r="96667" spans="1:7" x14ac:dyDescent="0.3">
      <c r="A96667" s="13" t="s">
        <v>478</v>
      </c>
      <c r="B96667" s="14" t="s">
        <v>1</v>
      </c>
      <c r="C96667" s="14" t="s">
        <v>96</v>
      </c>
      <c r="D96667" s="14" t="s">
        <v>479</v>
      </c>
      <c r="E96667" s="15">
        <v>45683</v>
      </c>
      <c r="F96667" s="14" t="s">
        <v>53</v>
      </c>
      <c r="G96667" s="16">
        <v>0</v>
      </c>
    </row>
    <row r="96668" spans="1:7" x14ac:dyDescent="0.3">
      <c r="A96668" s="13" t="s">
        <v>478</v>
      </c>
      <c r="B96668" s="14" t="s">
        <v>1</v>
      </c>
      <c r="C96668" s="14" t="s">
        <v>96</v>
      </c>
      <c r="D96668" s="14" t="s">
        <v>479</v>
      </c>
      <c r="E96668" s="15">
        <v>45684</v>
      </c>
      <c r="F96668" s="14" t="s">
        <v>53</v>
      </c>
      <c r="G96668" s="16">
        <v>0</v>
      </c>
    </row>
    <row r="96669" spans="1:7" x14ac:dyDescent="0.3">
      <c r="A96669" s="13" t="s">
        <v>478</v>
      </c>
      <c r="B96669" s="14" t="s">
        <v>1</v>
      </c>
      <c r="C96669" s="14" t="s">
        <v>96</v>
      </c>
      <c r="D96669" s="14" t="s">
        <v>479</v>
      </c>
      <c r="E96669" s="15">
        <v>45685</v>
      </c>
      <c r="F96669" s="14" t="s">
        <v>53</v>
      </c>
      <c r="G96669" s="16">
        <v>0</v>
      </c>
    </row>
    <row r="96670" spans="1:7" x14ac:dyDescent="0.3">
      <c r="A96670" s="13" t="s">
        <v>478</v>
      </c>
      <c r="B96670" s="14" t="s">
        <v>1</v>
      </c>
      <c r="C96670" s="14" t="s">
        <v>96</v>
      </c>
      <c r="D96670" s="14" t="s">
        <v>479</v>
      </c>
      <c r="E96670" s="15">
        <v>45686</v>
      </c>
      <c r="F96670" s="14" t="s">
        <v>53</v>
      </c>
      <c r="G96670" s="16">
        <v>0</v>
      </c>
    </row>
    <row r="96671" spans="1:7" x14ac:dyDescent="0.3">
      <c r="A96671" s="13" t="s">
        <v>478</v>
      </c>
      <c r="B96671" s="14" t="s">
        <v>1</v>
      </c>
      <c r="C96671" s="14" t="s">
        <v>96</v>
      </c>
      <c r="D96671" s="14" t="s">
        <v>479</v>
      </c>
      <c r="E96671" s="15">
        <v>45687</v>
      </c>
      <c r="F96671" s="14" t="s">
        <v>53</v>
      </c>
      <c r="G96671" s="16">
        <v>0</v>
      </c>
    </row>
    <row r="96672" spans="1:7" x14ac:dyDescent="0.3">
      <c r="A96672" s="13" t="s">
        <v>478</v>
      </c>
      <c r="B96672" s="14" t="s">
        <v>1</v>
      </c>
      <c r="C96672" s="14" t="s">
        <v>96</v>
      </c>
      <c r="D96672" s="14" t="s">
        <v>479</v>
      </c>
      <c r="E96672" s="15">
        <v>45688</v>
      </c>
      <c r="F96672" s="14" t="s">
        <v>53</v>
      </c>
      <c r="G96672" s="16">
        <v>0</v>
      </c>
    </row>
    <row r="96673" spans="1:7" x14ac:dyDescent="0.3">
      <c r="A96673" s="13" t="s">
        <v>478</v>
      </c>
      <c r="B96673" s="14" t="s">
        <v>1</v>
      </c>
      <c r="C96673" s="14" t="s">
        <v>96</v>
      </c>
      <c r="D96673" s="14" t="s">
        <v>479</v>
      </c>
      <c r="E96673" s="15">
        <v>45689</v>
      </c>
      <c r="F96673" s="14" t="s">
        <v>53</v>
      </c>
      <c r="G96673" s="16">
        <v>0</v>
      </c>
    </row>
    <row r="96674" spans="1:7" x14ac:dyDescent="0.3">
      <c r="A96674" s="13" t="s">
        <v>478</v>
      </c>
      <c r="B96674" s="14" t="s">
        <v>1</v>
      </c>
      <c r="C96674" s="14" t="s">
        <v>96</v>
      </c>
      <c r="D96674" s="14" t="s">
        <v>479</v>
      </c>
      <c r="E96674" s="15">
        <v>45690</v>
      </c>
      <c r="F96674" s="14" t="s">
        <v>53</v>
      </c>
      <c r="G96674" s="16">
        <v>0</v>
      </c>
    </row>
    <row r="96675" spans="1:7" x14ac:dyDescent="0.3">
      <c r="A96675" s="13" t="s">
        <v>478</v>
      </c>
      <c r="B96675" s="14" t="s">
        <v>1</v>
      </c>
      <c r="C96675" s="14" t="s">
        <v>96</v>
      </c>
      <c r="D96675" s="14" t="s">
        <v>479</v>
      </c>
      <c r="E96675" s="15">
        <v>45691</v>
      </c>
      <c r="F96675" s="14" t="s">
        <v>53</v>
      </c>
      <c r="G96675" s="16">
        <v>0</v>
      </c>
    </row>
    <row r="96676" spans="1:7" x14ac:dyDescent="0.3">
      <c r="A96676" s="13" t="s">
        <v>478</v>
      </c>
      <c r="B96676" s="14" t="s">
        <v>1</v>
      </c>
      <c r="C96676" s="14" t="s">
        <v>96</v>
      </c>
      <c r="D96676" s="14" t="s">
        <v>479</v>
      </c>
      <c r="E96676" s="15">
        <v>45692</v>
      </c>
      <c r="F96676" s="14" t="s">
        <v>53</v>
      </c>
      <c r="G96676" s="16">
        <v>0</v>
      </c>
    </row>
    <row r="96677" spans="1:7" x14ac:dyDescent="0.3">
      <c r="A96677" s="13" t="s">
        <v>478</v>
      </c>
      <c r="B96677" s="14" t="s">
        <v>1</v>
      </c>
      <c r="C96677" s="14" t="s">
        <v>96</v>
      </c>
      <c r="D96677" s="14" t="s">
        <v>479</v>
      </c>
      <c r="E96677" s="15">
        <v>45693</v>
      </c>
      <c r="F96677" s="14" t="s">
        <v>53</v>
      </c>
      <c r="G96677" s="16">
        <v>0</v>
      </c>
    </row>
    <row r="96678" spans="1:7" x14ac:dyDescent="0.3">
      <c r="A96678" s="13" t="s">
        <v>478</v>
      </c>
      <c r="B96678" s="14" t="s">
        <v>1</v>
      </c>
      <c r="C96678" s="14" t="s">
        <v>96</v>
      </c>
      <c r="D96678" s="14" t="s">
        <v>479</v>
      </c>
      <c r="E96678" s="15">
        <v>45694</v>
      </c>
      <c r="F96678" s="14" t="s">
        <v>53</v>
      </c>
      <c r="G96678" s="16">
        <v>0</v>
      </c>
    </row>
    <row r="96679" spans="1:7" x14ac:dyDescent="0.3">
      <c r="A96679" s="13" t="s">
        <v>478</v>
      </c>
      <c r="B96679" s="14" t="s">
        <v>1</v>
      </c>
      <c r="C96679" s="14" t="s">
        <v>96</v>
      </c>
      <c r="D96679" s="14" t="s">
        <v>479</v>
      </c>
      <c r="E96679" s="15">
        <v>45695</v>
      </c>
      <c r="F96679" s="14" t="s">
        <v>53</v>
      </c>
      <c r="G96679" s="16">
        <v>0</v>
      </c>
    </row>
    <row r="96680" spans="1:7" x14ac:dyDescent="0.3">
      <c r="A96680" s="13" t="s">
        <v>478</v>
      </c>
      <c r="B96680" s="14" t="s">
        <v>1</v>
      </c>
      <c r="C96680" s="14" t="s">
        <v>96</v>
      </c>
      <c r="D96680" s="14" t="s">
        <v>479</v>
      </c>
      <c r="E96680" s="15">
        <v>45696</v>
      </c>
      <c r="F96680" s="14" t="s">
        <v>53</v>
      </c>
      <c r="G96680" s="16">
        <v>0</v>
      </c>
    </row>
    <row r="96681" spans="1:7" x14ac:dyDescent="0.3">
      <c r="A96681" s="13" t="s">
        <v>478</v>
      </c>
      <c r="B96681" s="14" t="s">
        <v>1</v>
      </c>
      <c r="C96681" s="14" t="s">
        <v>96</v>
      </c>
      <c r="D96681" s="14" t="s">
        <v>479</v>
      </c>
      <c r="E96681" s="15">
        <v>45697</v>
      </c>
      <c r="F96681" s="14" t="s">
        <v>53</v>
      </c>
      <c r="G96681" s="16">
        <v>0</v>
      </c>
    </row>
    <row r="96682" spans="1:7" x14ac:dyDescent="0.3">
      <c r="A96682" s="13" t="s">
        <v>478</v>
      </c>
      <c r="B96682" s="14" t="s">
        <v>1</v>
      </c>
      <c r="C96682" s="14" t="s">
        <v>96</v>
      </c>
      <c r="D96682" s="14" t="s">
        <v>479</v>
      </c>
      <c r="E96682" s="15">
        <v>45698</v>
      </c>
      <c r="F96682" s="14" t="s">
        <v>53</v>
      </c>
      <c r="G96682" s="16">
        <v>0</v>
      </c>
    </row>
    <row r="96683" spans="1:7" x14ac:dyDescent="0.3">
      <c r="A96683" s="13" t="s">
        <v>478</v>
      </c>
      <c r="B96683" s="14" t="s">
        <v>1</v>
      </c>
      <c r="C96683" s="14" t="s">
        <v>96</v>
      </c>
      <c r="D96683" s="14" t="s">
        <v>479</v>
      </c>
      <c r="E96683" s="15">
        <v>45699</v>
      </c>
      <c r="F96683" s="14" t="s">
        <v>53</v>
      </c>
      <c r="G96683" s="16">
        <v>0</v>
      </c>
    </row>
    <row r="96684" spans="1:7" x14ac:dyDescent="0.3">
      <c r="A96684" s="13" t="s">
        <v>478</v>
      </c>
      <c r="B96684" s="14" t="s">
        <v>1</v>
      </c>
      <c r="C96684" s="14" t="s">
        <v>96</v>
      </c>
      <c r="D96684" s="14" t="s">
        <v>479</v>
      </c>
      <c r="E96684" s="15">
        <v>45700</v>
      </c>
      <c r="F96684" s="14" t="s">
        <v>53</v>
      </c>
      <c r="G96684" s="16">
        <v>0</v>
      </c>
    </row>
    <row r="96685" spans="1:7" x14ac:dyDescent="0.3">
      <c r="A96685" s="13" t="s">
        <v>478</v>
      </c>
      <c r="B96685" s="14" t="s">
        <v>1</v>
      </c>
      <c r="C96685" s="14" t="s">
        <v>96</v>
      </c>
      <c r="D96685" s="14" t="s">
        <v>479</v>
      </c>
      <c r="E96685" s="15">
        <v>45701</v>
      </c>
      <c r="F96685" s="14" t="s">
        <v>53</v>
      </c>
      <c r="G96685" s="16">
        <v>0</v>
      </c>
    </row>
    <row r="96686" spans="1:7" x14ac:dyDescent="0.3">
      <c r="A96686" s="13" t="s">
        <v>478</v>
      </c>
      <c r="B96686" s="14" t="s">
        <v>1</v>
      </c>
      <c r="C96686" s="14" t="s">
        <v>96</v>
      </c>
      <c r="D96686" s="14" t="s">
        <v>479</v>
      </c>
      <c r="E96686" s="15">
        <v>45702</v>
      </c>
      <c r="F96686" s="14" t="s">
        <v>53</v>
      </c>
      <c r="G96686" s="16">
        <v>0</v>
      </c>
    </row>
    <row r="96687" spans="1:7" x14ac:dyDescent="0.3">
      <c r="A96687" s="13" t="s">
        <v>478</v>
      </c>
      <c r="B96687" s="14" t="s">
        <v>1</v>
      </c>
      <c r="C96687" s="14" t="s">
        <v>96</v>
      </c>
      <c r="D96687" s="14" t="s">
        <v>479</v>
      </c>
      <c r="E96687" s="15">
        <v>45703</v>
      </c>
      <c r="F96687" s="14" t="s">
        <v>53</v>
      </c>
      <c r="G96687" s="16">
        <v>0</v>
      </c>
    </row>
    <row r="96688" spans="1:7" x14ac:dyDescent="0.3">
      <c r="A96688" s="13" t="s">
        <v>478</v>
      </c>
      <c r="B96688" s="14" t="s">
        <v>1</v>
      </c>
      <c r="C96688" s="14" t="s">
        <v>96</v>
      </c>
      <c r="D96688" s="14" t="s">
        <v>479</v>
      </c>
      <c r="E96688" s="15">
        <v>45704</v>
      </c>
      <c r="F96688" s="14" t="s">
        <v>53</v>
      </c>
      <c r="G96688" s="16">
        <v>0</v>
      </c>
    </row>
    <row r="96689" spans="1:7" x14ac:dyDescent="0.3">
      <c r="A96689" s="13" t="s">
        <v>478</v>
      </c>
      <c r="B96689" s="14" t="s">
        <v>1</v>
      </c>
      <c r="C96689" s="14" t="s">
        <v>96</v>
      </c>
      <c r="D96689" s="14" t="s">
        <v>479</v>
      </c>
      <c r="E96689" s="15">
        <v>45705</v>
      </c>
      <c r="F96689" s="14" t="s">
        <v>53</v>
      </c>
      <c r="G96689" s="16">
        <v>0</v>
      </c>
    </row>
    <row r="96690" spans="1:7" x14ac:dyDescent="0.3">
      <c r="A96690" s="13" t="s">
        <v>478</v>
      </c>
      <c r="B96690" s="14" t="s">
        <v>1</v>
      </c>
      <c r="C96690" s="14" t="s">
        <v>96</v>
      </c>
      <c r="D96690" s="14" t="s">
        <v>479</v>
      </c>
      <c r="E96690" s="15">
        <v>45706</v>
      </c>
      <c r="F96690" s="14" t="s">
        <v>53</v>
      </c>
      <c r="G96690" s="16">
        <v>0</v>
      </c>
    </row>
    <row r="96691" spans="1:7" x14ac:dyDescent="0.3">
      <c r="A96691" s="13" t="s">
        <v>478</v>
      </c>
      <c r="B96691" s="14" t="s">
        <v>1</v>
      </c>
      <c r="C96691" s="14" t="s">
        <v>96</v>
      </c>
      <c r="D96691" s="14" t="s">
        <v>479</v>
      </c>
      <c r="E96691" s="15">
        <v>45707</v>
      </c>
      <c r="F96691" s="14" t="s">
        <v>53</v>
      </c>
      <c r="G96691" s="16">
        <v>0</v>
      </c>
    </row>
    <row r="96692" spans="1:7" x14ac:dyDescent="0.3">
      <c r="A96692" s="13" t="s">
        <v>478</v>
      </c>
      <c r="B96692" s="14" t="s">
        <v>1</v>
      </c>
      <c r="C96692" s="14" t="s">
        <v>96</v>
      </c>
      <c r="D96692" s="14" t="s">
        <v>479</v>
      </c>
      <c r="E96692" s="15">
        <v>45708</v>
      </c>
      <c r="F96692" s="14" t="s">
        <v>53</v>
      </c>
      <c r="G96692" s="16">
        <v>0</v>
      </c>
    </row>
    <row r="96693" spans="1:7" x14ac:dyDescent="0.3">
      <c r="A96693" s="13" t="s">
        <v>478</v>
      </c>
      <c r="B96693" s="14" t="s">
        <v>1</v>
      </c>
      <c r="C96693" s="14" t="s">
        <v>96</v>
      </c>
      <c r="D96693" s="14" t="s">
        <v>479</v>
      </c>
      <c r="E96693" s="15">
        <v>45709</v>
      </c>
      <c r="F96693" s="14" t="s">
        <v>53</v>
      </c>
      <c r="G96693" s="16">
        <v>0</v>
      </c>
    </row>
    <row r="96694" spans="1:7" x14ac:dyDescent="0.3">
      <c r="A96694" s="13" t="s">
        <v>478</v>
      </c>
      <c r="B96694" s="14" t="s">
        <v>1</v>
      </c>
      <c r="C96694" s="14" t="s">
        <v>96</v>
      </c>
      <c r="D96694" s="14" t="s">
        <v>479</v>
      </c>
      <c r="E96694" s="15">
        <v>45710</v>
      </c>
      <c r="F96694" s="14" t="s">
        <v>53</v>
      </c>
      <c r="G96694" s="16">
        <v>0</v>
      </c>
    </row>
    <row r="96695" spans="1:7" x14ac:dyDescent="0.3">
      <c r="A96695" s="13" t="s">
        <v>478</v>
      </c>
      <c r="B96695" s="14" t="s">
        <v>1</v>
      </c>
      <c r="C96695" s="14" t="s">
        <v>96</v>
      </c>
      <c r="D96695" s="14" t="s">
        <v>479</v>
      </c>
      <c r="E96695" s="15">
        <v>45711</v>
      </c>
      <c r="F96695" s="14" t="s">
        <v>53</v>
      </c>
      <c r="G96695" s="16">
        <v>0</v>
      </c>
    </row>
    <row r="96696" spans="1:7" x14ac:dyDescent="0.3">
      <c r="A96696" s="13" t="s">
        <v>478</v>
      </c>
      <c r="B96696" s="14" t="s">
        <v>1</v>
      </c>
      <c r="C96696" s="14" t="s">
        <v>96</v>
      </c>
      <c r="D96696" s="14" t="s">
        <v>479</v>
      </c>
      <c r="E96696" s="15">
        <v>45712</v>
      </c>
      <c r="F96696" s="14" t="s">
        <v>53</v>
      </c>
      <c r="G96696" s="16">
        <v>0</v>
      </c>
    </row>
    <row r="96697" spans="1:7" x14ac:dyDescent="0.3">
      <c r="A96697" s="13" t="s">
        <v>478</v>
      </c>
      <c r="B96697" s="14" t="s">
        <v>1</v>
      </c>
      <c r="C96697" s="14" t="s">
        <v>96</v>
      </c>
      <c r="D96697" s="14" t="s">
        <v>479</v>
      </c>
      <c r="E96697" s="15">
        <v>45713</v>
      </c>
      <c r="F96697" s="14" t="s">
        <v>53</v>
      </c>
      <c r="G96697" s="16">
        <v>0</v>
      </c>
    </row>
    <row r="96698" spans="1:7" x14ac:dyDescent="0.3">
      <c r="A96698" s="13" t="s">
        <v>478</v>
      </c>
      <c r="B96698" s="14" t="s">
        <v>1</v>
      </c>
      <c r="C96698" s="14" t="s">
        <v>96</v>
      </c>
      <c r="D96698" s="14" t="s">
        <v>479</v>
      </c>
      <c r="E96698" s="15">
        <v>45714</v>
      </c>
      <c r="F96698" s="14" t="s">
        <v>53</v>
      </c>
      <c r="G96698" s="16">
        <v>0</v>
      </c>
    </row>
    <row r="96699" spans="1:7" x14ac:dyDescent="0.3">
      <c r="A96699" s="13" t="s">
        <v>478</v>
      </c>
      <c r="B96699" s="14" t="s">
        <v>1</v>
      </c>
      <c r="C96699" s="14" t="s">
        <v>96</v>
      </c>
      <c r="D96699" s="14" t="s">
        <v>479</v>
      </c>
      <c r="E96699" s="15">
        <v>45715</v>
      </c>
      <c r="F96699" s="14" t="s">
        <v>53</v>
      </c>
      <c r="G96699" s="16">
        <v>0</v>
      </c>
    </row>
    <row r="96700" spans="1:7" x14ac:dyDescent="0.3">
      <c r="A96700" s="13" t="s">
        <v>478</v>
      </c>
      <c r="B96700" s="14" t="s">
        <v>1</v>
      </c>
      <c r="C96700" s="14" t="s">
        <v>96</v>
      </c>
      <c r="D96700" s="14" t="s">
        <v>479</v>
      </c>
      <c r="E96700" s="15">
        <v>45716</v>
      </c>
      <c r="F96700" s="14" t="s">
        <v>53</v>
      </c>
      <c r="G96700" s="16">
        <v>0</v>
      </c>
    </row>
    <row r="96701" spans="1:7" x14ac:dyDescent="0.3">
      <c r="A96701" s="13" t="s">
        <v>478</v>
      </c>
      <c r="B96701" s="14" t="s">
        <v>1</v>
      </c>
      <c r="C96701" s="14" t="s">
        <v>96</v>
      </c>
      <c r="D96701" s="14" t="s">
        <v>479</v>
      </c>
      <c r="E96701" s="15">
        <v>45717</v>
      </c>
      <c r="F96701" s="14" t="s">
        <v>53</v>
      </c>
      <c r="G96701" s="16">
        <v>0</v>
      </c>
    </row>
    <row r="96702" spans="1:7" x14ac:dyDescent="0.3">
      <c r="A96702" s="13" t="s">
        <v>478</v>
      </c>
      <c r="B96702" s="14" t="s">
        <v>1</v>
      </c>
      <c r="C96702" s="14" t="s">
        <v>96</v>
      </c>
      <c r="D96702" s="14" t="s">
        <v>479</v>
      </c>
      <c r="E96702" s="15">
        <v>45718</v>
      </c>
      <c r="F96702" s="14" t="s">
        <v>53</v>
      </c>
      <c r="G96702" s="16">
        <v>0</v>
      </c>
    </row>
    <row r="96703" spans="1:7" x14ac:dyDescent="0.3">
      <c r="A96703" s="13" t="s">
        <v>478</v>
      </c>
      <c r="B96703" s="14" t="s">
        <v>1</v>
      </c>
      <c r="C96703" s="14" t="s">
        <v>96</v>
      </c>
      <c r="D96703" s="14" t="s">
        <v>479</v>
      </c>
      <c r="E96703" s="15">
        <v>45719</v>
      </c>
      <c r="F96703" s="14" t="s">
        <v>53</v>
      </c>
      <c r="G96703" s="16">
        <v>0</v>
      </c>
    </row>
    <row r="96704" spans="1:7" x14ac:dyDescent="0.3">
      <c r="A96704" s="13" t="s">
        <v>478</v>
      </c>
      <c r="B96704" s="14" t="s">
        <v>1</v>
      </c>
      <c r="C96704" s="14" t="s">
        <v>96</v>
      </c>
      <c r="D96704" s="14" t="s">
        <v>479</v>
      </c>
      <c r="E96704" s="15">
        <v>45720</v>
      </c>
      <c r="F96704" s="14" t="s">
        <v>53</v>
      </c>
      <c r="G96704" s="16">
        <v>0</v>
      </c>
    </row>
    <row r="96705" spans="1:7" x14ac:dyDescent="0.3">
      <c r="A96705" s="13" t="s">
        <v>478</v>
      </c>
      <c r="B96705" s="14" t="s">
        <v>1</v>
      </c>
      <c r="C96705" s="14" t="s">
        <v>96</v>
      </c>
      <c r="D96705" s="14" t="s">
        <v>479</v>
      </c>
      <c r="E96705" s="15">
        <v>45721</v>
      </c>
      <c r="F96705" s="14" t="s">
        <v>53</v>
      </c>
      <c r="G96705" s="16">
        <v>0</v>
      </c>
    </row>
    <row r="96706" spans="1:7" x14ac:dyDescent="0.3">
      <c r="A96706" s="13" t="s">
        <v>478</v>
      </c>
      <c r="B96706" s="14" t="s">
        <v>1</v>
      </c>
      <c r="C96706" s="14" t="s">
        <v>96</v>
      </c>
      <c r="D96706" s="14" t="s">
        <v>479</v>
      </c>
      <c r="E96706" s="15">
        <v>45722</v>
      </c>
      <c r="F96706" s="14" t="s">
        <v>53</v>
      </c>
      <c r="G96706" s="16">
        <v>0</v>
      </c>
    </row>
    <row r="96707" spans="1:7" x14ac:dyDescent="0.3">
      <c r="A96707" s="13" t="s">
        <v>478</v>
      </c>
      <c r="B96707" s="14" t="s">
        <v>1</v>
      </c>
      <c r="C96707" s="14" t="s">
        <v>96</v>
      </c>
      <c r="D96707" s="14" t="s">
        <v>479</v>
      </c>
      <c r="E96707" s="15">
        <v>45723</v>
      </c>
      <c r="F96707" s="14" t="s">
        <v>53</v>
      </c>
      <c r="G96707" s="16">
        <v>0</v>
      </c>
    </row>
    <row r="96708" spans="1:7" x14ac:dyDescent="0.3">
      <c r="A96708" s="13" t="s">
        <v>478</v>
      </c>
      <c r="B96708" s="14" t="s">
        <v>1</v>
      </c>
      <c r="C96708" s="14" t="s">
        <v>96</v>
      </c>
      <c r="D96708" s="14" t="s">
        <v>479</v>
      </c>
      <c r="E96708" s="15">
        <v>45724</v>
      </c>
      <c r="F96708" s="14" t="s">
        <v>53</v>
      </c>
      <c r="G96708" s="16">
        <v>0</v>
      </c>
    </row>
    <row r="96709" spans="1:7" x14ac:dyDescent="0.3">
      <c r="A96709" s="13" t="s">
        <v>478</v>
      </c>
      <c r="B96709" s="14" t="s">
        <v>1</v>
      </c>
      <c r="C96709" s="14" t="s">
        <v>96</v>
      </c>
      <c r="D96709" s="14" t="s">
        <v>479</v>
      </c>
      <c r="E96709" s="15">
        <v>45725</v>
      </c>
      <c r="F96709" s="14" t="s">
        <v>53</v>
      </c>
      <c r="G96709" s="16">
        <v>0</v>
      </c>
    </row>
    <row r="96710" spans="1:7" x14ac:dyDescent="0.3">
      <c r="A96710" s="13" t="s">
        <v>478</v>
      </c>
      <c r="B96710" s="14" t="s">
        <v>1</v>
      </c>
      <c r="C96710" s="14" t="s">
        <v>96</v>
      </c>
      <c r="D96710" s="14" t="s">
        <v>479</v>
      </c>
      <c r="E96710" s="15">
        <v>45726</v>
      </c>
      <c r="F96710" s="14" t="s">
        <v>53</v>
      </c>
      <c r="G96710" s="16">
        <v>0</v>
      </c>
    </row>
    <row r="96711" spans="1:7" x14ac:dyDescent="0.3">
      <c r="A96711" s="13" t="s">
        <v>478</v>
      </c>
      <c r="B96711" s="14" t="s">
        <v>1</v>
      </c>
      <c r="C96711" s="14" t="s">
        <v>96</v>
      </c>
      <c r="D96711" s="14" t="s">
        <v>479</v>
      </c>
      <c r="E96711" s="15">
        <v>45727</v>
      </c>
      <c r="F96711" s="14" t="s">
        <v>53</v>
      </c>
      <c r="G96711" s="16">
        <v>0</v>
      </c>
    </row>
    <row r="96712" spans="1:7" x14ac:dyDescent="0.3">
      <c r="A96712" s="13" t="s">
        <v>478</v>
      </c>
      <c r="B96712" s="14" t="s">
        <v>1</v>
      </c>
      <c r="C96712" s="14" t="s">
        <v>96</v>
      </c>
      <c r="D96712" s="14" t="s">
        <v>479</v>
      </c>
      <c r="E96712" s="15">
        <v>45728</v>
      </c>
      <c r="F96712" s="14" t="s">
        <v>53</v>
      </c>
      <c r="G96712" s="16">
        <v>0</v>
      </c>
    </row>
    <row r="96713" spans="1:7" x14ac:dyDescent="0.3">
      <c r="A96713" s="13" t="s">
        <v>478</v>
      </c>
      <c r="B96713" s="14" t="s">
        <v>1</v>
      </c>
      <c r="C96713" s="14" t="s">
        <v>96</v>
      </c>
      <c r="D96713" s="14" t="s">
        <v>479</v>
      </c>
      <c r="E96713" s="15">
        <v>45729</v>
      </c>
      <c r="F96713" s="14" t="s">
        <v>53</v>
      </c>
      <c r="G96713" s="16">
        <v>0</v>
      </c>
    </row>
    <row r="96714" spans="1:7" x14ac:dyDescent="0.3">
      <c r="A96714" s="13" t="s">
        <v>478</v>
      </c>
      <c r="B96714" s="14" t="s">
        <v>1</v>
      </c>
      <c r="C96714" s="14" t="s">
        <v>96</v>
      </c>
      <c r="D96714" s="14" t="s">
        <v>479</v>
      </c>
      <c r="E96714" s="15">
        <v>45730</v>
      </c>
      <c r="F96714" s="14" t="s">
        <v>53</v>
      </c>
      <c r="G96714" s="16">
        <v>0</v>
      </c>
    </row>
    <row r="96715" spans="1:7" x14ac:dyDescent="0.3">
      <c r="A96715" s="13" t="s">
        <v>478</v>
      </c>
      <c r="B96715" s="14" t="s">
        <v>1</v>
      </c>
      <c r="C96715" s="14" t="s">
        <v>96</v>
      </c>
      <c r="D96715" s="14" t="s">
        <v>479</v>
      </c>
      <c r="E96715" s="15">
        <v>45731</v>
      </c>
      <c r="F96715" s="14" t="s">
        <v>53</v>
      </c>
      <c r="G96715" s="16">
        <v>0</v>
      </c>
    </row>
    <row r="96716" spans="1:7" x14ac:dyDescent="0.3">
      <c r="A96716" s="13" t="s">
        <v>478</v>
      </c>
      <c r="B96716" s="14" t="s">
        <v>1</v>
      </c>
      <c r="C96716" s="14" t="s">
        <v>96</v>
      </c>
      <c r="D96716" s="14" t="s">
        <v>479</v>
      </c>
      <c r="E96716" s="15">
        <v>45732</v>
      </c>
      <c r="F96716" s="14" t="s">
        <v>53</v>
      </c>
      <c r="G96716" s="16">
        <v>0</v>
      </c>
    </row>
    <row r="96717" spans="1:7" x14ac:dyDescent="0.3">
      <c r="A96717" s="13" t="s">
        <v>478</v>
      </c>
      <c r="B96717" s="14" t="s">
        <v>1</v>
      </c>
      <c r="C96717" s="14" t="s">
        <v>96</v>
      </c>
      <c r="D96717" s="14" t="s">
        <v>479</v>
      </c>
      <c r="E96717" s="15">
        <v>45733</v>
      </c>
      <c r="F96717" s="14" t="s">
        <v>53</v>
      </c>
      <c r="G96717" s="16">
        <v>0</v>
      </c>
    </row>
    <row r="96718" spans="1:7" x14ac:dyDescent="0.3">
      <c r="A96718" s="13" t="s">
        <v>478</v>
      </c>
      <c r="B96718" s="14" t="s">
        <v>1</v>
      </c>
      <c r="C96718" s="14" t="s">
        <v>96</v>
      </c>
      <c r="D96718" s="14" t="s">
        <v>479</v>
      </c>
      <c r="E96718" s="15">
        <v>45734</v>
      </c>
      <c r="F96718" s="14" t="s">
        <v>53</v>
      </c>
      <c r="G96718" s="16">
        <v>0</v>
      </c>
    </row>
    <row r="96719" spans="1:7" x14ac:dyDescent="0.3">
      <c r="A96719" s="13" t="s">
        <v>478</v>
      </c>
      <c r="B96719" s="14" t="s">
        <v>1</v>
      </c>
      <c r="C96719" s="14" t="s">
        <v>96</v>
      </c>
      <c r="D96719" s="14" t="s">
        <v>479</v>
      </c>
      <c r="E96719" s="15">
        <v>45735</v>
      </c>
      <c r="F96719" s="14" t="s">
        <v>53</v>
      </c>
      <c r="G96719" s="16">
        <v>0</v>
      </c>
    </row>
    <row r="96720" spans="1:7" x14ac:dyDescent="0.3">
      <c r="A96720" s="13" t="s">
        <v>478</v>
      </c>
      <c r="B96720" s="14" t="s">
        <v>1</v>
      </c>
      <c r="C96720" s="14" t="s">
        <v>96</v>
      </c>
      <c r="D96720" s="14" t="s">
        <v>479</v>
      </c>
      <c r="E96720" s="15">
        <v>45736</v>
      </c>
      <c r="F96720" s="14" t="s">
        <v>53</v>
      </c>
      <c r="G96720" s="16">
        <v>0</v>
      </c>
    </row>
    <row r="96721" spans="1:7" x14ac:dyDescent="0.3">
      <c r="A96721" s="13" t="s">
        <v>478</v>
      </c>
      <c r="B96721" s="14" t="s">
        <v>1</v>
      </c>
      <c r="C96721" s="14" t="s">
        <v>96</v>
      </c>
      <c r="D96721" s="14" t="s">
        <v>479</v>
      </c>
      <c r="E96721" s="15">
        <v>45737</v>
      </c>
      <c r="F96721" s="14" t="s">
        <v>53</v>
      </c>
      <c r="G96721" s="16">
        <v>0</v>
      </c>
    </row>
    <row r="96722" spans="1:7" x14ac:dyDescent="0.3">
      <c r="A96722" s="13" t="s">
        <v>478</v>
      </c>
      <c r="B96722" s="14" t="s">
        <v>1</v>
      </c>
      <c r="C96722" s="14" t="s">
        <v>96</v>
      </c>
      <c r="D96722" s="14" t="s">
        <v>479</v>
      </c>
      <c r="E96722" s="15">
        <v>45738</v>
      </c>
      <c r="F96722" s="14" t="s">
        <v>53</v>
      </c>
      <c r="G96722" s="16">
        <v>0</v>
      </c>
    </row>
    <row r="96723" spans="1:7" x14ac:dyDescent="0.3">
      <c r="A96723" s="13" t="s">
        <v>478</v>
      </c>
      <c r="B96723" s="14" t="s">
        <v>1</v>
      </c>
      <c r="C96723" s="14" t="s">
        <v>96</v>
      </c>
      <c r="D96723" s="14" t="s">
        <v>479</v>
      </c>
      <c r="E96723" s="15">
        <v>45739</v>
      </c>
      <c r="F96723" s="14" t="s">
        <v>53</v>
      </c>
      <c r="G96723" s="16">
        <v>0</v>
      </c>
    </row>
    <row r="96724" spans="1:7" x14ac:dyDescent="0.3">
      <c r="A96724" s="13" t="s">
        <v>478</v>
      </c>
      <c r="B96724" s="14" t="s">
        <v>1</v>
      </c>
      <c r="C96724" s="14" t="s">
        <v>96</v>
      </c>
      <c r="D96724" s="14" t="s">
        <v>479</v>
      </c>
      <c r="E96724" s="15">
        <v>45740</v>
      </c>
      <c r="F96724" s="14" t="s">
        <v>53</v>
      </c>
      <c r="G96724" s="16">
        <v>0</v>
      </c>
    </row>
    <row r="96725" spans="1:7" x14ac:dyDescent="0.3">
      <c r="A96725" s="13" t="s">
        <v>478</v>
      </c>
      <c r="B96725" s="14" t="s">
        <v>1</v>
      </c>
      <c r="C96725" s="14" t="s">
        <v>96</v>
      </c>
      <c r="D96725" s="14" t="s">
        <v>479</v>
      </c>
      <c r="E96725" s="15">
        <v>45741</v>
      </c>
      <c r="F96725" s="14" t="s">
        <v>53</v>
      </c>
      <c r="G96725" s="16">
        <v>0</v>
      </c>
    </row>
    <row r="96726" spans="1:7" x14ac:dyDescent="0.3">
      <c r="A96726" s="13" t="s">
        <v>478</v>
      </c>
      <c r="B96726" s="14" t="s">
        <v>1</v>
      </c>
      <c r="C96726" s="14" t="s">
        <v>96</v>
      </c>
      <c r="D96726" s="14" t="s">
        <v>479</v>
      </c>
      <c r="E96726" s="15">
        <v>45742</v>
      </c>
      <c r="F96726" s="14" t="s">
        <v>53</v>
      </c>
      <c r="G96726" s="16">
        <v>1.2025548083333323E-2</v>
      </c>
    </row>
    <row r="96727" spans="1:7" x14ac:dyDescent="0.3">
      <c r="A96727" s="13" t="s">
        <v>478</v>
      </c>
      <c r="B96727" s="14" t="s">
        <v>1</v>
      </c>
      <c r="C96727" s="14" t="s">
        <v>96</v>
      </c>
      <c r="D96727" s="14" t="s">
        <v>479</v>
      </c>
      <c r="E96727" s="15">
        <v>45743</v>
      </c>
      <c r="F96727" s="14" t="s">
        <v>53</v>
      </c>
      <c r="G96727" s="16">
        <v>2.163720325333331E-2</v>
      </c>
    </row>
    <row r="96728" spans="1:7" x14ac:dyDescent="0.3">
      <c r="A96728" s="13" t="s">
        <v>478</v>
      </c>
      <c r="B96728" s="14" t="s">
        <v>1</v>
      </c>
      <c r="C96728" s="14" t="s">
        <v>96</v>
      </c>
      <c r="D96728" s="14" t="s">
        <v>479</v>
      </c>
      <c r="E96728" s="15">
        <v>45744</v>
      </c>
      <c r="F96728" s="14" t="s">
        <v>53</v>
      </c>
      <c r="G96728" s="16">
        <v>1.2498063019999971E-2</v>
      </c>
    </row>
    <row r="96729" spans="1:7" x14ac:dyDescent="0.3">
      <c r="A96729" s="13" t="s">
        <v>478</v>
      </c>
      <c r="B96729" s="14" t="s">
        <v>1</v>
      </c>
      <c r="C96729" s="14" t="s">
        <v>96</v>
      </c>
      <c r="D96729" s="14" t="s">
        <v>479</v>
      </c>
      <c r="E96729" s="15">
        <v>45745</v>
      </c>
      <c r="F96729" s="14" t="s">
        <v>53</v>
      </c>
      <c r="G96729" s="16">
        <v>1.2498063019999971E-2</v>
      </c>
    </row>
    <row r="96730" spans="1:7" x14ac:dyDescent="0.3">
      <c r="A96730" s="13" t="s">
        <v>478</v>
      </c>
      <c r="B96730" s="14" t="s">
        <v>1</v>
      </c>
      <c r="C96730" s="14" t="s">
        <v>96</v>
      </c>
      <c r="D96730" s="14" t="s">
        <v>479</v>
      </c>
      <c r="E96730" s="15">
        <v>45746</v>
      </c>
      <c r="F96730" s="14" t="s">
        <v>53</v>
      </c>
      <c r="G96730" s="16">
        <v>1.2498063019999971E-2</v>
      </c>
    </row>
    <row r="96731" spans="1:7" x14ac:dyDescent="0.3">
      <c r="A96731" s="13" t="s">
        <v>478</v>
      </c>
      <c r="B96731" s="14" t="s">
        <v>1</v>
      </c>
      <c r="C96731" s="14" t="s">
        <v>96</v>
      </c>
      <c r="D96731" s="14" t="s">
        <v>479</v>
      </c>
      <c r="E96731" s="15">
        <v>45747</v>
      </c>
      <c r="F96731" s="14" t="s">
        <v>53</v>
      </c>
      <c r="G96731" s="16">
        <v>1.2498063019999971E-2</v>
      </c>
    </row>
    <row r="96732" spans="1:7" x14ac:dyDescent="0.3">
      <c r="A96732" s="13" t="s">
        <v>480</v>
      </c>
      <c r="B96732" s="14" t="s">
        <v>1</v>
      </c>
      <c r="C96732" s="14" t="s">
        <v>23</v>
      </c>
      <c r="D96732" s="14" t="s">
        <v>481</v>
      </c>
      <c r="E96732" s="15">
        <v>45383</v>
      </c>
      <c r="F96732" s="14" t="s">
        <v>61</v>
      </c>
      <c r="G96732" s="16">
        <v>0</v>
      </c>
    </row>
    <row r="96733" spans="1:7" x14ac:dyDescent="0.3">
      <c r="A96733" s="13" t="s">
        <v>480</v>
      </c>
      <c r="B96733" s="14" t="s">
        <v>1</v>
      </c>
      <c r="C96733" s="14" t="s">
        <v>23</v>
      </c>
      <c r="D96733" s="14" t="s">
        <v>481</v>
      </c>
      <c r="E96733" s="15">
        <v>45384</v>
      </c>
      <c r="F96733" s="14" t="s">
        <v>61</v>
      </c>
      <c r="G96733" s="16">
        <v>0</v>
      </c>
    </row>
    <row r="96734" spans="1:7" x14ac:dyDescent="0.3">
      <c r="A96734" s="13" t="s">
        <v>480</v>
      </c>
      <c r="B96734" s="14" t="s">
        <v>1</v>
      </c>
      <c r="C96734" s="14" t="s">
        <v>23</v>
      </c>
      <c r="D96734" s="14" t="s">
        <v>481</v>
      </c>
      <c r="E96734" s="15">
        <v>45385</v>
      </c>
      <c r="F96734" s="14" t="s">
        <v>61</v>
      </c>
      <c r="G96734" s="16">
        <v>7.0838711463566656E-2</v>
      </c>
    </row>
    <row r="96735" spans="1:7" x14ac:dyDescent="0.3">
      <c r="A96735" s="13" t="s">
        <v>480</v>
      </c>
      <c r="B96735" s="14" t="s">
        <v>1</v>
      </c>
      <c r="C96735" s="14" t="s">
        <v>23</v>
      </c>
      <c r="D96735" s="14" t="s">
        <v>481</v>
      </c>
      <c r="E96735" s="15">
        <v>45386</v>
      </c>
      <c r="F96735" s="14" t="s">
        <v>61</v>
      </c>
      <c r="G96735" s="16">
        <v>8.789935283780563E-2</v>
      </c>
    </row>
    <row r="96736" spans="1:7" x14ac:dyDescent="0.3">
      <c r="A96736" s="13" t="s">
        <v>480</v>
      </c>
      <c r="B96736" s="14" t="s">
        <v>1</v>
      </c>
      <c r="C96736" s="14" t="s">
        <v>23</v>
      </c>
      <c r="D96736" s="14" t="s">
        <v>481</v>
      </c>
      <c r="E96736" s="15">
        <v>45387</v>
      </c>
      <c r="F96736" s="14" t="s">
        <v>61</v>
      </c>
      <c r="G96736" s="16">
        <v>0.1151239472054264</v>
      </c>
    </row>
    <row r="96737" spans="1:7" x14ac:dyDescent="0.3">
      <c r="A96737" s="13" t="s">
        <v>480</v>
      </c>
      <c r="B96737" s="14" t="s">
        <v>1</v>
      </c>
      <c r="C96737" s="14" t="s">
        <v>23</v>
      </c>
      <c r="D96737" s="14" t="s">
        <v>481</v>
      </c>
      <c r="E96737" s="15">
        <v>45388</v>
      </c>
      <c r="F96737" s="14" t="s">
        <v>61</v>
      </c>
      <c r="G96737" s="16">
        <v>0.1151239472054264</v>
      </c>
    </row>
    <row r="96738" spans="1:7" x14ac:dyDescent="0.3">
      <c r="A96738" s="13" t="s">
        <v>480</v>
      </c>
      <c r="B96738" s="14" t="s">
        <v>1</v>
      </c>
      <c r="C96738" s="14" t="s">
        <v>23</v>
      </c>
      <c r="D96738" s="14" t="s">
        <v>481</v>
      </c>
      <c r="E96738" s="15">
        <v>45389</v>
      </c>
      <c r="F96738" s="14" t="s">
        <v>61</v>
      </c>
      <c r="G96738" s="16">
        <v>0.1151239472054264</v>
      </c>
    </row>
    <row r="96739" spans="1:7" x14ac:dyDescent="0.3">
      <c r="A96739" s="13" t="s">
        <v>480</v>
      </c>
      <c r="B96739" s="14" t="s">
        <v>1</v>
      </c>
      <c r="C96739" s="14" t="s">
        <v>23</v>
      </c>
      <c r="D96739" s="14" t="s">
        <v>481</v>
      </c>
      <c r="E96739" s="15">
        <v>45390</v>
      </c>
      <c r="F96739" s="14" t="s">
        <v>61</v>
      </c>
      <c r="G96739" s="16">
        <v>0.13015711243992384</v>
      </c>
    </row>
    <row r="96740" spans="1:7" x14ac:dyDescent="0.3">
      <c r="A96740" s="13" t="s">
        <v>480</v>
      </c>
      <c r="B96740" s="14" t="s">
        <v>1</v>
      </c>
      <c r="C96740" s="14" t="s">
        <v>23</v>
      </c>
      <c r="D96740" s="14" t="s">
        <v>481</v>
      </c>
      <c r="E96740" s="15">
        <v>45391</v>
      </c>
      <c r="F96740" s="14" t="s">
        <v>61</v>
      </c>
      <c r="G96740" s="16">
        <v>0.17573531269630094</v>
      </c>
    </row>
    <row r="96741" spans="1:7" x14ac:dyDescent="0.3">
      <c r="A96741" s="13" t="s">
        <v>480</v>
      </c>
      <c r="B96741" s="14" t="s">
        <v>1</v>
      </c>
      <c r="C96741" s="14" t="s">
        <v>23</v>
      </c>
      <c r="D96741" s="14" t="s">
        <v>481</v>
      </c>
      <c r="E96741" s="15">
        <v>45392</v>
      </c>
      <c r="F96741" s="14" t="s">
        <v>61</v>
      </c>
      <c r="G96741" s="16">
        <v>0.19587378719302886</v>
      </c>
    </row>
    <row r="96742" spans="1:7" x14ac:dyDescent="0.3">
      <c r="A96742" s="13" t="s">
        <v>480</v>
      </c>
      <c r="B96742" s="14" t="s">
        <v>1</v>
      </c>
      <c r="C96742" s="14" t="s">
        <v>23</v>
      </c>
      <c r="D96742" s="14" t="s">
        <v>481</v>
      </c>
      <c r="E96742" s="15">
        <v>45393</v>
      </c>
      <c r="F96742" s="14" t="s">
        <v>61</v>
      </c>
      <c r="G96742" s="16">
        <v>0.21285903959073835</v>
      </c>
    </row>
    <row r="96743" spans="1:7" x14ac:dyDescent="0.3">
      <c r="A96743" s="13" t="s">
        <v>480</v>
      </c>
      <c r="B96743" s="14" t="s">
        <v>1</v>
      </c>
      <c r="C96743" s="14" t="s">
        <v>23</v>
      </c>
      <c r="D96743" s="14" t="s">
        <v>481</v>
      </c>
      <c r="E96743" s="15">
        <v>45394</v>
      </c>
      <c r="F96743" s="14" t="s">
        <v>61</v>
      </c>
      <c r="G96743" s="16">
        <v>0.22988933195589747</v>
      </c>
    </row>
    <row r="96744" spans="1:7" x14ac:dyDescent="0.3">
      <c r="A96744" s="13" t="s">
        <v>480</v>
      </c>
      <c r="B96744" s="14" t="s">
        <v>1</v>
      </c>
      <c r="C96744" s="14" t="s">
        <v>23</v>
      </c>
      <c r="D96744" s="14" t="s">
        <v>481</v>
      </c>
      <c r="E96744" s="15">
        <v>45395</v>
      </c>
      <c r="F96744" s="14" t="s">
        <v>61</v>
      </c>
      <c r="G96744" s="16">
        <v>0.22988933195589747</v>
      </c>
    </row>
    <row r="96745" spans="1:7" x14ac:dyDescent="0.3">
      <c r="A96745" s="13" t="s">
        <v>480</v>
      </c>
      <c r="B96745" s="14" t="s">
        <v>1</v>
      </c>
      <c r="C96745" s="14" t="s">
        <v>23</v>
      </c>
      <c r="D96745" s="14" t="s">
        <v>481</v>
      </c>
      <c r="E96745" s="15">
        <v>45396</v>
      </c>
      <c r="F96745" s="14" t="s">
        <v>61</v>
      </c>
      <c r="G96745" s="16">
        <v>0.22988933195589747</v>
      </c>
    </row>
    <row r="96746" spans="1:7" x14ac:dyDescent="0.3">
      <c r="A96746" s="13" t="s">
        <v>480</v>
      </c>
      <c r="B96746" s="14" t="s">
        <v>1</v>
      </c>
      <c r="C96746" s="14" t="s">
        <v>23</v>
      </c>
      <c r="D96746" s="14" t="s">
        <v>481</v>
      </c>
      <c r="E96746" s="15">
        <v>45397</v>
      </c>
      <c r="F96746" s="14" t="s">
        <v>61</v>
      </c>
      <c r="G96746" s="16">
        <v>0.24694230860661712</v>
      </c>
    </row>
    <row r="96747" spans="1:7" x14ac:dyDescent="0.3">
      <c r="A96747" s="13" t="s">
        <v>480</v>
      </c>
      <c r="B96747" s="14" t="s">
        <v>1</v>
      </c>
      <c r="C96747" s="14" t="s">
        <v>23</v>
      </c>
      <c r="D96747" s="14" t="s">
        <v>481</v>
      </c>
      <c r="E96747" s="15">
        <v>45398</v>
      </c>
      <c r="F96747" s="14" t="s">
        <v>61</v>
      </c>
      <c r="G96747" s="16">
        <v>0.29207592242199665</v>
      </c>
    </row>
    <row r="96748" spans="1:7" x14ac:dyDescent="0.3">
      <c r="A96748" s="13" t="s">
        <v>480</v>
      </c>
      <c r="B96748" s="14" t="s">
        <v>1</v>
      </c>
      <c r="C96748" s="14" t="s">
        <v>23</v>
      </c>
      <c r="D96748" s="14" t="s">
        <v>481</v>
      </c>
      <c r="E96748" s="15">
        <v>45399</v>
      </c>
      <c r="F96748" s="14" t="s">
        <v>61</v>
      </c>
      <c r="G96748" s="16">
        <v>0.30554022177244022</v>
      </c>
    </row>
    <row r="96749" spans="1:7" x14ac:dyDescent="0.3">
      <c r="A96749" s="13" t="s">
        <v>480</v>
      </c>
      <c r="B96749" s="14" t="s">
        <v>1</v>
      </c>
      <c r="C96749" s="14" t="s">
        <v>23</v>
      </c>
      <c r="D96749" s="14" t="s">
        <v>481</v>
      </c>
      <c r="E96749" s="15">
        <v>45400</v>
      </c>
      <c r="F96749" s="14" t="s">
        <v>61</v>
      </c>
      <c r="G96749" s="16">
        <v>0.32138089230439337</v>
      </c>
    </row>
    <row r="96750" spans="1:7" x14ac:dyDescent="0.3">
      <c r="A96750" s="13" t="s">
        <v>480</v>
      </c>
      <c r="B96750" s="14" t="s">
        <v>1</v>
      </c>
      <c r="C96750" s="14" t="s">
        <v>23</v>
      </c>
      <c r="D96750" s="14" t="s">
        <v>481</v>
      </c>
      <c r="E96750" s="15">
        <v>45401</v>
      </c>
      <c r="F96750" s="14" t="s">
        <v>61</v>
      </c>
      <c r="G96750" s="16">
        <v>0.33607805200780655</v>
      </c>
    </row>
    <row r="96751" spans="1:7" x14ac:dyDescent="0.3">
      <c r="A96751" s="13" t="s">
        <v>480</v>
      </c>
      <c r="B96751" s="14" t="s">
        <v>1</v>
      </c>
      <c r="C96751" s="14" t="s">
        <v>23</v>
      </c>
      <c r="D96751" s="14" t="s">
        <v>481</v>
      </c>
      <c r="E96751" s="15">
        <v>45402</v>
      </c>
      <c r="F96751" s="14" t="s">
        <v>61</v>
      </c>
      <c r="G96751" s="16">
        <v>0.33607805200780655</v>
      </c>
    </row>
    <row r="96752" spans="1:7" x14ac:dyDescent="0.3">
      <c r="A96752" s="13" t="s">
        <v>480</v>
      </c>
      <c r="B96752" s="14" t="s">
        <v>1</v>
      </c>
      <c r="C96752" s="14" t="s">
        <v>23</v>
      </c>
      <c r="D96752" s="14" t="s">
        <v>481</v>
      </c>
      <c r="E96752" s="15">
        <v>45403</v>
      </c>
      <c r="F96752" s="14" t="s">
        <v>61</v>
      </c>
      <c r="G96752" s="16">
        <v>0.33607805200780655</v>
      </c>
    </row>
    <row r="96753" spans="1:7" x14ac:dyDescent="0.3">
      <c r="A96753" s="13" t="s">
        <v>480</v>
      </c>
      <c r="B96753" s="14" t="s">
        <v>1</v>
      </c>
      <c r="C96753" s="14" t="s">
        <v>23</v>
      </c>
      <c r="D96753" s="14" t="s">
        <v>481</v>
      </c>
      <c r="E96753" s="15">
        <v>45404</v>
      </c>
      <c r="F96753" s="14" t="s">
        <v>61</v>
      </c>
      <c r="G96753" s="16">
        <v>0.35802298618592188</v>
      </c>
    </row>
    <row r="96754" spans="1:7" x14ac:dyDescent="0.3">
      <c r="A96754" s="13" t="s">
        <v>480</v>
      </c>
      <c r="B96754" s="14" t="s">
        <v>1</v>
      </c>
      <c r="C96754" s="14" t="s">
        <v>23</v>
      </c>
      <c r="D96754" s="14" t="s">
        <v>481</v>
      </c>
      <c r="E96754" s="15">
        <v>45405</v>
      </c>
      <c r="F96754" s="14" t="s">
        <v>61</v>
      </c>
      <c r="G96754" s="16">
        <v>0.3950724836170863</v>
      </c>
    </row>
    <row r="96755" spans="1:7" x14ac:dyDescent="0.3">
      <c r="A96755" s="13" t="s">
        <v>480</v>
      </c>
      <c r="B96755" s="14" t="s">
        <v>1</v>
      </c>
      <c r="C96755" s="14" t="s">
        <v>23</v>
      </c>
      <c r="D96755" s="14" t="s">
        <v>481</v>
      </c>
      <c r="E96755" s="15">
        <v>45406</v>
      </c>
      <c r="F96755" s="14" t="s">
        <v>61</v>
      </c>
      <c r="G96755" s="16">
        <v>0.40745013137626562</v>
      </c>
    </row>
    <row r="96756" spans="1:7" x14ac:dyDescent="0.3">
      <c r="A96756" s="13" t="s">
        <v>480</v>
      </c>
      <c r="B96756" s="14" t="s">
        <v>1</v>
      </c>
      <c r="C96756" s="14" t="s">
        <v>23</v>
      </c>
      <c r="D96756" s="14" t="s">
        <v>481</v>
      </c>
      <c r="E96756" s="15">
        <v>45407</v>
      </c>
      <c r="F96756" s="14" t="s">
        <v>61</v>
      </c>
      <c r="G96756" s="16">
        <v>0.37343980750006267</v>
      </c>
    </row>
    <row r="96757" spans="1:7" x14ac:dyDescent="0.3">
      <c r="A96757" s="13" t="s">
        <v>480</v>
      </c>
      <c r="B96757" s="14" t="s">
        <v>1</v>
      </c>
      <c r="C96757" s="14" t="s">
        <v>23</v>
      </c>
      <c r="D96757" s="14" t="s">
        <v>481</v>
      </c>
      <c r="E96757" s="15">
        <v>45408</v>
      </c>
      <c r="F96757" s="14" t="s">
        <v>61</v>
      </c>
      <c r="G96757" s="16">
        <v>0.38848227562414572</v>
      </c>
    </row>
    <row r="96758" spans="1:7" x14ac:dyDescent="0.3">
      <c r="A96758" s="13" t="s">
        <v>480</v>
      </c>
      <c r="B96758" s="14" t="s">
        <v>1</v>
      </c>
      <c r="C96758" s="14" t="s">
        <v>23</v>
      </c>
      <c r="D96758" s="14" t="s">
        <v>481</v>
      </c>
      <c r="E96758" s="15">
        <v>45409</v>
      </c>
      <c r="F96758" s="14" t="s">
        <v>61</v>
      </c>
      <c r="G96758" s="16">
        <v>0.38848227562414572</v>
      </c>
    </row>
    <row r="96759" spans="1:7" x14ac:dyDescent="0.3">
      <c r="A96759" s="13" t="s">
        <v>480</v>
      </c>
      <c r="B96759" s="14" t="s">
        <v>1</v>
      </c>
      <c r="C96759" s="14" t="s">
        <v>23</v>
      </c>
      <c r="D96759" s="14" t="s">
        <v>481</v>
      </c>
      <c r="E96759" s="15">
        <v>45410</v>
      </c>
      <c r="F96759" s="14" t="s">
        <v>61</v>
      </c>
      <c r="G96759" s="16">
        <v>0.38848227562414572</v>
      </c>
    </row>
    <row r="96760" spans="1:7" x14ac:dyDescent="0.3">
      <c r="A96760" s="13" t="s">
        <v>480</v>
      </c>
      <c r="B96760" s="14" t="s">
        <v>1</v>
      </c>
      <c r="C96760" s="14" t="s">
        <v>23</v>
      </c>
      <c r="D96760" s="14" t="s">
        <v>481</v>
      </c>
      <c r="E96760" s="15">
        <v>45411</v>
      </c>
      <c r="F96760" s="14" t="s">
        <v>61</v>
      </c>
      <c r="G96760" s="16">
        <v>0.40296547156928741</v>
      </c>
    </row>
    <row r="96761" spans="1:7" x14ac:dyDescent="0.3">
      <c r="A96761" s="13" t="s">
        <v>480</v>
      </c>
      <c r="B96761" s="14" t="s">
        <v>1</v>
      </c>
      <c r="C96761" s="14" t="s">
        <v>23</v>
      </c>
      <c r="D96761" s="14" t="s">
        <v>481</v>
      </c>
      <c r="E96761" s="15">
        <v>45412</v>
      </c>
      <c r="F96761" s="14" t="s">
        <v>61</v>
      </c>
      <c r="G96761" s="16">
        <v>0.45163148883951187</v>
      </c>
    </row>
    <row r="96762" spans="1:7" x14ac:dyDescent="0.3">
      <c r="A96762" s="13" t="s">
        <v>480</v>
      </c>
      <c r="B96762" s="14" t="s">
        <v>1</v>
      </c>
      <c r="C96762" s="14" t="s">
        <v>23</v>
      </c>
      <c r="D96762" s="14" t="s">
        <v>481</v>
      </c>
      <c r="E96762" s="15">
        <v>45413</v>
      </c>
      <c r="F96762" s="14" t="s">
        <v>61</v>
      </c>
      <c r="G96762" s="16">
        <v>0.4650894757021623</v>
      </c>
    </row>
    <row r="96763" spans="1:7" x14ac:dyDescent="0.3">
      <c r="A96763" s="13" t="s">
        <v>480</v>
      </c>
      <c r="B96763" s="14" t="s">
        <v>1</v>
      </c>
      <c r="C96763" s="14" t="s">
        <v>23</v>
      </c>
      <c r="D96763" s="14" t="s">
        <v>481</v>
      </c>
      <c r="E96763" s="15">
        <v>45414</v>
      </c>
      <c r="F96763" s="14" t="s">
        <v>61</v>
      </c>
      <c r="G96763" s="16">
        <v>0.48016394442803473</v>
      </c>
    </row>
    <row r="96764" spans="1:7" x14ac:dyDescent="0.3">
      <c r="A96764" s="13" t="s">
        <v>480</v>
      </c>
      <c r="B96764" s="14" t="s">
        <v>1</v>
      </c>
      <c r="C96764" s="14" t="s">
        <v>23</v>
      </c>
      <c r="D96764" s="14" t="s">
        <v>481</v>
      </c>
      <c r="E96764" s="15">
        <v>45415</v>
      </c>
      <c r="F96764" s="14" t="s">
        <v>61</v>
      </c>
      <c r="G96764" s="16">
        <v>0.49405266935513104</v>
      </c>
    </row>
    <row r="96765" spans="1:7" x14ac:dyDescent="0.3">
      <c r="A96765" s="13" t="s">
        <v>480</v>
      </c>
      <c r="B96765" s="14" t="s">
        <v>1</v>
      </c>
      <c r="C96765" s="14" t="s">
        <v>23</v>
      </c>
      <c r="D96765" s="14" t="s">
        <v>481</v>
      </c>
      <c r="E96765" s="15">
        <v>45416</v>
      </c>
      <c r="F96765" s="14" t="s">
        <v>61</v>
      </c>
      <c r="G96765" s="16">
        <v>0.49405266935513104</v>
      </c>
    </row>
    <row r="96766" spans="1:7" x14ac:dyDescent="0.3">
      <c r="A96766" s="13" t="s">
        <v>480</v>
      </c>
      <c r="B96766" s="14" t="s">
        <v>1</v>
      </c>
      <c r="C96766" s="14" t="s">
        <v>23</v>
      </c>
      <c r="D96766" s="14" t="s">
        <v>481</v>
      </c>
      <c r="E96766" s="15">
        <v>45417</v>
      </c>
      <c r="F96766" s="14" t="s">
        <v>61</v>
      </c>
      <c r="G96766" s="16">
        <v>0.49405266935513104</v>
      </c>
    </row>
    <row r="96767" spans="1:7" x14ac:dyDescent="0.3">
      <c r="A96767" s="13" t="s">
        <v>480</v>
      </c>
      <c r="B96767" s="14" t="s">
        <v>1</v>
      </c>
      <c r="C96767" s="14" t="s">
        <v>23</v>
      </c>
      <c r="D96767" s="14" t="s">
        <v>481</v>
      </c>
      <c r="E96767" s="15">
        <v>45418</v>
      </c>
      <c r="F96767" s="14" t="s">
        <v>61</v>
      </c>
      <c r="G96767" s="16">
        <v>0.49405266935513104</v>
      </c>
    </row>
    <row r="96768" spans="1:7" x14ac:dyDescent="0.3">
      <c r="A96768" s="13" t="s">
        <v>480</v>
      </c>
      <c r="B96768" s="14" t="s">
        <v>1</v>
      </c>
      <c r="C96768" s="14" t="s">
        <v>23</v>
      </c>
      <c r="D96768" s="14" t="s">
        <v>481</v>
      </c>
      <c r="E96768" s="15">
        <v>45419</v>
      </c>
      <c r="F96768" s="14" t="s">
        <v>61</v>
      </c>
      <c r="G96768" s="16">
        <v>0.50908731259693296</v>
      </c>
    </row>
    <row r="96769" spans="1:7" x14ac:dyDescent="0.3">
      <c r="A96769" s="13" t="s">
        <v>480</v>
      </c>
      <c r="B96769" s="14" t="s">
        <v>1</v>
      </c>
      <c r="C96769" s="14" t="s">
        <v>23</v>
      </c>
      <c r="D96769" s="14" t="s">
        <v>481</v>
      </c>
      <c r="E96769" s="15">
        <v>45420</v>
      </c>
      <c r="F96769" s="14" t="s">
        <v>61</v>
      </c>
      <c r="G96769" s="16">
        <v>0.58571695264680668</v>
      </c>
    </row>
    <row r="96770" spans="1:7" x14ac:dyDescent="0.3">
      <c r="A96770" s="13" t="s">
        <v>480</v>
      </c>
      <c r="B96770" s="14" t="s">
        <v>1</v>
      </c>
      <c r="C96770" s="14" t="s">
        <v>23</v>
      </c>
      <c r="D96770" s="14" t="s">
        <v>481</v>
      </c>
      <c r="E96770" s="15">
        <v>45421</v>
      </c>
      <c r="F96770" s="14" t="s">
        <v>61</v>
      </c>
      <c r="G96770" s="16">
        <v>0.59944464245401607</v>
      </c>
    </row>
    <row r="96771" spans="1:7" x14ac:dyDescent="0.3">
      <c r="A96771" s="13" t="s">
        <v>480</v>
      </c>
      <c r="B96771" s="14" t="s">
        <v>1</v>
      </c>
      <c r="C96771" s="14" t="s">
        <v>23</v>
      </c>
      <c r="D96771" s="14" t="s">
        <v>481</v>
      </c>
      <c r="E96771" s="15">
        <v>45422</v>
      </c>
      <c r="F96771" s="14" t="s">
        <v>61</v>
      </c>
      <c r="G96771" s="16">
        <v>0.61528022169162255</v>
      </c>
    </row>
    <row r="96772" spans="1:7" x14ac:dyDescent="0.3">
      <c r="A96772" s="13" t="s">
        <v>480</v>
      </c>
      <c r="B96772" s="14" t="s">
        <v>1</v>
      </c>
      <c r="C96772" s="14" t="s">
        <v>23</v>
      </c>
      <c r="D96772" s="14" t="s">
        <v>481</v>
      </c>
      <c r="E96772" s="15">
        <v>45423</v>
      </c>
      <c r="F96772" s="14" t="s">
        <v>61</v>
      </c>
      <c r="G96772" s="16">
        <v>0.61528022169162255</v>
      </c>
    </row>
    <row r="96773" spans="1:7" x14ac:dyDescent="0.3">
      <c r="A96773" s="13" t="s">
        <v>480</v>
      </c>
      <c r="B96773" s="14" t="s">
        <v>1</v>
      </c>
      <c r="C96773" s="14" t="s">
        <v>23</v>
      </c>
      <c r="D96773" s="14" t="s">
        <v>481</v>
      </c>
      <c r="E96773" s="15">
        <v>45424</v>
      </c>
      <c r="F96773" s="14" t="s">
        <v>61</v>
      </c>
      <c r="G96773" s="16">
        <v>0.61528022169162255</v>
      </c>
    </row>
    <row r="96774" spans="1:7" x14ac:dyDescent="0.3">
      <c r="A96774" s="13" t="s">
        <v>480</v>
      </c>
      <c r="B96774" s="14" t="s">
        <v>1</v>
      </c>
      <c r="C96774" s="14" t="s">
        <v>23</v>
      </c>
      <c r="D96774" s="14" t="s">
        <v>481</v>
      </c>
      <c r="E96774" s="15">
        <v>45425</v>
      </c>
      <c r="F96774" s="14" t="s">
        <v>61</v>
      </c>
      <c r="G96774" s="16">
        <v>0.63024020767401445</v>
      </c>
    </row>
    <row r="96775" spans="1:7" x14ac:dyDescent="0.3">
      <c r="A96775" s="13" t="s">
        <v>480</v>
      </c>
      <c r="B96775" s="14" t="s">
        <v>1</v>
      </c>
      <c r="C96775" s="14" t="s">
        <v>23</v>
      </c>
      <c r="D96775" s="14" t="s">
        <v>481</v>
      </c>
      <c r="E96775" s="15">
        <v>45426</v>
      </c>
      <c r="F96775" s="14" t="s">
        <v>61</v>
      </c>
      <c r="G96775" s="16">
        <v>0.67588414559955623</v>
      </c>
    </row>
    <row r="96776" spans="1:7" x14ac:dyDescent="0.3">
      <c r="A96776" s="13" t="s">
        <v>480</v>
      </c>
      <c r="B96776" s="14" t="s">
        <v>1</v>
      </c>
      <c r="C96776" s="14" t="s">
        <v>23</v>
      </c>
      <c r="D96776" s="14" t="s">
        <v>481</v>
      </c>
      <c r="E96776" s="15">
        <v>45427</v>
      </c>
      <c r="F96776" s="14" t="s">
        <v>61</v>
      </c>
      <c r="G96776" s="16">
        <v>0.68715075192262731</v>
      </c>
    </row>
    <row r="96777" spans="1:7" x14ac:dyDescent="0.3">
      <c r="A96777" s="13" t="s">
        <v>480</v>
      </c>
      <c r="B96777" s="14" t="s">
        <v>1</v>
      </c>
      <c r="C96777" s="14" t="s">
        <v>23</v>
      </c>
      <c r="D96777" s="14" t="s">
        <v>481</v>
      </c>
      <c r="E96777" s="15">
        <v>45428</v>
      </c>
      <c r="F96777" s="14" t="s">
        <v>61</v>
      </c>
      <c r="G96777" s="16">
        <v>0.70369254855056274</v>
      </c>
    </row>
    <row r="96778" spans="1:7" x14ac:dyDescent="0.3">
      <c r="A96778" s="13" t="s">
        <v>480</v>
      </c>
      <c r="B96778" s="14" t="s">
        <v>1</v>
      </c>
      <c r="C96778" s="14" t="s">
        <v>23</v>
      </c>
      <c r="D96778" s="14" t="s">
        <v>481</v>
      </c>
      <c r="E96778" s="15">
        <v>45429</v>
      </c>
      <c r="F96778" s="14" t="s">
        <v>61</v>
      </c>
      <c r="G96778" s="16">
        <v>0.71891212447906794</v>
      </c>
    </row>
    <row r="96779" spans="1:7" x14ac:dyDescent="0.3">
      <c r="A96779" s="13" t="s">
        <v>480</v>
      </c>
      <c r="B96779" s="14" t="s">
        <v>1</v>
      </c>
      <c r="C96779" s="14" t="s">
        <v>23</v>
      </c>
      <c r="D96779" s="14" t="s">
        <v>481</v>
      </c>
      <c r="E96779" s="15">
        <v>45430</v>
      </c>
      <c r="F96779" s="14" t="s">
        <v>61</v>
      </c>
      <c r="G96779" s="16">
        <v>0.71891212447906794</v>
      </c>
    </row>
    <row r="96780" spans="1:7" x14ac:dyDescent="0.3">
      <c r="A96780" s="13" t="s">
        <v>480</v>
      </c>
      <c r="B96780" s="14" t="s">
        <v>1</v>
      </c>
      <c r="C96780" s="14" t="s">
        <v>23</v>
      </c>
      <c r="D96780" s="14" t="s">
        <v>481</v>
      </c>
      <c r="E96780" s="15">
        <v>45431</v>
      </c>
      <c r="F96780" s="14" t="s">
        <v>61</v>
      </c>
      <c r="G96780" s="16">
        <v>0.71891212447906794</v>
      </c>
    </row>
    <row r="96781" spans="1:7" x14ac:dyDescent="0.3">
      <c r="A96781" s="13" t="s">
        <v>480</v>
      </c>
      <c r="B96781" s="14" t="s">
        <v>1</v>
      </c>
      <c r="C96781" s="14" t="s">
        <v>23</v>
      </c>
      <c r="D96781" s="14" t="s">
        <v>481</v>
      </c>
      <c r="E96781" s="15">
        <v>45432</v>
      </c>
      <c r="F96781" s="14" t="s">
        <v>61</v>
      </c>
      <c r="G96781" s="16">
        <v>0.73567896769302199</v>
      </c>
    </row>
    <row r="96782" spans="1:7" x14ac:dyDescent="0.3">
      <c r="A96782" s="13" t="s">
        <v>480</v>
      </c>
      <c r="B96782" s="14" t="s">
        <v>1</v>
      </c>
      <c r="C96782" s="14" t="s">
        <v>23</v>
      </c>
      <c r="D96782" s="14" t="s">
        <v>481</v>
      </c>
      <c r="E96782" s="15">
        <v>45433</v>
      </c>
      <c r="F96782" s="14" t="s">
        <v>61</v>
      </c>
      <c r="G96782" s="16">
        <v>0.78282976325372755</v>
      </c>
    </row>
    <row r="96783" spans="1:7" x14ac:dyDescent="0.3">
      <c r="A96783" s="13" t="s">
        <v>480</v>
      </c>
      <c r="B96783" s="14" t="s">
        <v>1</v>
      </c>
      <c r="C96783" s="14" t="s">
        <v>23</v>
      </c>
      <c r="D96783" s="14" t="s">
        <v>481</v>
      </c>
      <c r="E96783" s="15">
        <v>45434</v>
      </c>
      <c r="F96783" s="14" t="s">
        <v>61</v>
      </c>
      <c r="G96783" s="16">
        <v>0.80064513865638909</v>
      </c>
    </row>
    <row r="96784" spans="1:7" x14ac:dyDescent="0.3">
      <c r="A96784" s="13" t="s">
        <v>480</v>
      </c>
      <c r="B96784" s="14" t="s">
        <v>1</v>
      </c>
      <c r="C96784" s="14" t="s">
        <v>23</v>
      </c>
      <c r="D96784" s="14" t="s">
        <v>481</v>
      </c>
      <c r="E96784" s="15">
        <v>45435</v>
      </c>
      <c r="F96784" s="14" t="s">
        <v>61</v>
      </c>
      <c r="G96784" s="16">
        <v>0.81937609946717538</v>
      </c>
    </row>
    <row r="96785" spans="1:7" x14ac:dyDescent="0.3">
      <c r="A96785" s="13" t="s">
        <v>480</v>
      </c>
      <c r="B96785" s="14" t="s">
        <v>1</v>
      </c>
      <c r="C96785" s="14" t="s">
        <v>23</v>
      </c>
      <c r="D96785" s="14" t="s">
        <v>481</v>
      </c>
      <c r="E96785" s="15">
        <v>45436</v>
      </c>
      <c r="F96785" s="14" t="s">
        <v>61</v>
      </c>
      <c r="G96785" s="16">
        <v>0.83205515666543906</v>
      </c>
    </row>
    <row r="96786" spans="1:7" x14ac:dyDescent="0.3">
      <c r="A96786" s="13" t="s">
        <v>480</v>
      </c>
      <c r="B96786" s="14" t="s">
        <v>1</v>
      </c>
      <c r="C96786" s="14" t="s">
        <v>23</v>
      </c>
      <c r="D96786" s="14" t="s">
        <v>481</v>
      </c>
      <c r="E96786" s="15">
        <v>45437</v>
      </c>
      <c r="F96786" s="14" t="s">
        <v>61</v>
      </c>
      <c r="G96786" s="16">
        <v>0.83205515666543906</v>
      </c>
    </row>
    <row r="96787" spans="1:7" x14ac:dyDescent="0.3">
      <c r="A96787" s="13" t="s">
        <v>480</v>
      </c>
      <c r="B96787" s="14" t="s">
        <v>1</v>
      </c>
      <c r="C96787" s="14" t="s">
        <v>23</v>
      </c>
      <c r="D96787" s="14" t="s">
        <v>481</v>
      </c>
      <c r="E96787" s="15">
        <v>45438</v>
      </c>
      <c r="F96787" s="14" t="s">
        <v>61</v>
      </c>
      <c r="G96787" s="16">
        <v>0.83205515666543906</v>
      </c>
    </row>
    <row r="96788" spans="1:7" x14ac:dyDescent="0.3">
      <c r="A96788" s="13" t="s">
        <v>480</v>
      </c>
      <c r="B96788" s="14" t="s">
        <v>1</v>
      </c>
      <c r="C96788" s="14" t="s">
        <v>23</v>
      </c>
      <c r="D96788" s="14" t="s">
        <v>481</v>
      </c>
      <c r="E96788" s="15">
        <v>45439</v>
      </c>
      <c r="F96788" s="14" t="s">
        <v>61</v>
      </c>
      <c r="G96788" s="16">
        <v>0.83205515666543906</v>
      </c>
    </row>
    <row r="96789" spans="1:7" x14ac:dyDescent="0.3">
      <c r="A96789" s="13" t="s">
        <v>480</v>
      </c>
      <c r="B96789" s="14" t="s">
        <v>1</v>
      </c>
      <c r="C96789" s="14" t="s">
        <v>23</v>
      </c>
      <c r="D96789" s="14" t="s">
        <v>481</v>
      </c>
      <c r="E96789" s="15">
        <v>45440</v>
      </c>
      <c r="F96789" s="14" t="s">
        <v>61</v>
      </c>
      <c r="G96789" s="16">
        <v>0.84649319167137416</v>
      </c>
    </row>
    <row r="96790" spans="1:7" x14ac:dyDescent="0.3">
      <c r="A96790" s="13" t="s">
        <v>480</v>
      </c>
      <c r="B96790" s="14" t="s">
        <v>1</v>
      </c>
      <c r="C96790" s="14" t="s">
        <v>23</v>
      </c>
      <c r="D96790" s="14" t="s">
        <v>481</v>
      </c>
      <c r="E96790" s="15">
        <v>45441</v>
      </c>
      <c r="F96790" s="14" t="s">
        <v>61</v>
      </c>
      <c r="G96790" s="16">
        <v>0.90761285479888854</v>
      </c>
    </row>
    <row r="96791" spans="1:7" x14ac:dyDescent="0.3">
      <c r="A96791" s="13" t="s">
        <v>480</v>
      </c>
      <c r="B96791" s="14" t="s">
        <v>1</v>
      </c>
      <c r="C96791" s="14" t="s">
        <v>23</v>
      </c>
      <c r="D96791" s="14" t="s">
        <v>481</v>
      </c>
      <c r="E96791" s="15">
        <v>45442</v>
      </c>
      <c r="F96791" s="14" t="s">
        <v>61</v>
      </c>
      <c r="G96791" s="16">
        <v>0.92214583161127073</v>
      </c>
    </row>
    <row r="96792" spans="1:7" x14ac:dyDescent="0.3">
      <c r="A96792" s="13" t="s">
        <v>480</v>
      </c>
      <c r="B96792" s="14" t="s">
        <v>1</v>
      </c>
      <c r="C96792" s="14" t="s">
        <v>23</v>
      </c>
      <c r="D96792" s="14" t="s">
        <v>481</v>
      </c>
      <c r="E96792" s="15">
        <v>45443</v>
      </c>
      <c r="F96792" s="14" t="s">
        <v>61</v>
      </c>
      <c r="G96792" s="16">
        <v>0.93161801284056167</v>
      </c>
    </row>
    <row r="96793" spans="1:7" x14ac:dyDescent="0.3">
      <c r="A96793" s="13" t="s">
        <v>480</v>
      </c>
      <c r="B96793" s="14" t="s">
        <v>1</v>
      </c>
      <c r="C96793" s="14" t="s">
        <v>23</v>
      </c>
      <c r="D96793" s="14" t="s">
        <v>481</v>
      </c>
      <c r="E96793" s="15">
        <v>45444</v>
      </c>
      <c r="F96793" s="14" t="s">
        <v>61</v>
      </c>
      <c r="G96793" s="16">
        <v>0.93161801284056167</v>
      </c>
    </row>
    <row r="96794" spans="1:7" x14ac:dyDescent="0.3">
      <c r="A96794" s="13" t="s">
        <v>480</v>
      </c>
      <c r="B96794" s="14" t="s">
        <v>1</v>
      </c>
      <c r="C96794" s="14" t="s">
        <v>23</v>
      </c>
      <c r="D96794" s="14" t="s">
        <v>481</v>
      </c>
      <c r="E96794" s="15">
        <v>45445</v>
      </c>
      <c r="F96794" s="14" t="s">
        <v>61</v>
      </c>
      <c r="G96794" s="16">
        <v>0.93161801284056167</v>
      </c>
    </row>
    <row r="96795" spans="1:7" x14ac:dyDescent="0.3">
      <c r="A96795" s="13" t="s">
        <v>480</v>
      </c>
      <c r="B96795" s="14" t="s">
        <v>1</v>
      </c>
      <c r="C96795" s="14" t="s">
        <v>23</v>
      </c>
      <c r="D96795" s="14" t="s">
        <v>481</v>
      </c>
      <c r="E96795" s="15">
        <v>45446</v>
      </c>
      <c r="F96795" s="14" t="s">
        <v>61</v>
      </c>
      <c r="G96795" s="16">
        <v>0.93161801284056167</v>
      </c>
    </row>
    <row r="96796" spans="1:7" x14ac:dyDescent="0.3">
      <c r="A96796" s="13" t="s">
        <v>480</v>
      </c>
      <c r="B96796" s="14" t="s">
        <v>1</v>
      </c>
      <c r="C96796" s="14" t="s">
        <v>23</v>
      </c>
      <c r="D96796" s="14" t="s">
        <v>481</v>
      </c>
      <c r="E96796" s="15">
        <v>45447</v>
      </c>
      <c r="F96796" s="14" t="s">
        <v>61</v>
      </c>
      <c r="G96796" s="16">
        <v>0.94645747635165411</v>
      </c>
    </row>
    <row r="96797" spans="1:7" x14ac:dyDescent="0.3">
      <c r="A96797" s="13" t="s">
        <v>480</v>
      </c>
      <c r="B96797" s="14" t="s">
        <v>1</v>
      </c>
      <c r="C96797" s="14" t="s">
        <v>23</v>
      </c>
      <c r="D96797" s="14" t="s">
        <v>481</v>
      </c>
      <c r="E96797" s="15">
        <v>45448</v>
      </c>
      <c r="F96797" s="14" t="s">
        <v>61</v>
      </c>
      <c r="G96797" s="16">
        <v>1.0129912737649498</v>
      </c>
    </row>
    <row r="96798" spans="1:7" x14ac:dyDescent="0.3">
      <c r="A96798" s="13" t="s">
        <v>480</v>
      </c>
      <c r="B96798" s="14" t="s">
        <v>1</v>
      </c>
      <c r="C96798" s="14" t="s">
        <v>23</v>
      </c>
      <c r="D96798" s="14" t="s">
        <v>481</v>
      </c>
      <c r="E96798" s="15">
        <v>45449</v>
      </c>
      <c r="F96798" s="14" t="s">
        <v>61</v>
      </c>
      <c r="G96798" s="16">
        <v>1.025803563752985</v>
      </c>
    </row>
    <row r="96799" spans="1:7" x14ac:dyDescent="0.3">
      <c r="A96799" s="13" t="s">
        <v>480</v>
      </c>
      <c r="B96799" s="14" t="s">
        <v>1</v>
      </c>
      <c r="C96799" s="14" t="s">
        <v>23</v>
      </c>
      <c r="D96799" s="14" t="s">
        <v>481</v>
      </c>
      <c r="E96799" s="15">
        <v>45450</v>
      </c>
      <c r="F96799" s="14" t="s">
        <v>61</v>
      </c>
      <c r="G96799" s="16">
        <v>1.0688633456910253</v>
      </c>
    </row>
    <row r="96800" spans="1:7" x14ac:dyDescent="0.3">
      <c r="A96800" s="13" t="s">
        <v>480</v>
      </c>
      <c r="B96800" s="14" t="s">
        <v>1</v>
      </c>
      <c r="C96800" s="14" t="s">
        <v>23</v>
      </c>
      <c r="D96800" s="14" t="s">
        <v>481</v>
      </c>
      <c r="E96800" s="15">
        <v>45451</v>
      </c>
      <c r="F96800" s="14" t="s">
        <v>61</v>
      </c>
      <c r="G96800" s="16">
        <v>1.0688633456910253</v>
      </c>
    </row>
    <row r="96801" spans="1:7" x14ac:dyDescent="0.3">
      <c r="A96801" s="13" t="s">
        <v>480</v>
      </c>
      <c r="B96801" s="14" t="s">
        <v>1</v>
      </c>
      <c r="C96801" s="14" t="s">
        <v>23</v>
      </c>
      <c r="D96801" s="14" t="s">
        <v>481</v>
      </c>
      <c r="E96801" s="15">
        <v>45452</v>
      </c>
      <c r="F96801" s="14" t="s">
        <v>61</v>
      </c>
      <c r="G96801" s="16">
        <v>1.0688633456910253</v>
      </c>
    </row>
    <row r="96802" spans="1:7" x14ac:dyDescent="0.3">
      <c r="A96802" s="13" t="s">
        <v>480</v>
      </c>
      <c r="B96802" s="14" t="s">
        <v>1</v>
      </c>
      <c r="C96802" s="14" t="s">
        <v>23</v>
      </c>
      <c r="D96802" s="14" t="s">
        <v>481</v>
      </c>
      <c r="E96802" s="15">
        <v>45453</v>
      </c>
      <c r="F96802" s="14" t="s">
        <v>61</v>
      </c>
      <c r="G96802" s="16">
        <v>1.0874759689601634</v>
      </c>
    </row>
    <row r="96803" spans="1:7" x14ac:dyDescent="0.3">
      <c r="A96803" s="13" t="s">
        <v>480</v>
      </c>
      <c r="B96803" s="14" t="s">
        <v>1</v>
      </c>
      <c r="C96803" s="14" t="s">
        <v>23</v>
      </c>
      <c r="D96803" s="14" t="s">
        <v>481</v>
      </c>
      <c r="E96803" s="15">
        <v>45454</v>
      </c>
      <c r="F96803" s="14" t="s">
        <v>61</v>
      </c>
      <c r="G96803" s="16">
        <v>1.1346785544702345</v>
      </c>
    </row>
    <row r="96804" spans="1:7" x14ac:dyDescent="0.3">
      <c r="A96804" s="13" t="s">
        <v>480</v>
      </c>
      <c r="B96804" s="14" t="s">
        <v>1</v>
      </c>
      <c r="C96804" s="14" t="s">
        <v>23</v>
      </c>
      <c r="D96804" s="14" t="s">
        <v>481</v>
      </c>
      <c r="E96804" s="15">
        <v>45455</v>
      </c>
      <c r="F96804" s="14" t="s">
        <v>61</v>
      </c>
      <c r="G96804" s="16">
        <v>1.1420618769106292</v>
      </c>
    </row>
    <row r="96805" spans="1:7" x14ac:dyDescent="0.3">
      <c r="A96805" s="13" t="s">
        <v>480</v>
      </c>
      <c r="B96805" s="14" t="s">
        <v>1</v>
      </c>
      <c r="C96805" s="14" t="s">
        <v>23</v>
      </c>
      <c r="D96805" s="14" t="s">
        <v>481</v>
      </c>
      <c r="E96805" s="15">
        <v>45456</v>
      </c>
      <c r="F96805" s="14" t="s">
        <v>61</v>
      </c>
      <c r="G96805" s="16">
        <v>1.1639401110175611</v>
      </c>
    </row>
    <row r="96806" spans="1:7" x14ac:dyDescent="0.3">
      <c r="A96806" s="13" t="s">
        <v>480</v>
      </c>
      <c r="B96806" s="14" t="s">
        <v>1</v>
      </c>
      <c r="C96806" s="14" t="s">
        <v>23</v>
      </c>
      <c r="D96806" s="14" t="s">
        <v>481</v>
      </c>
      <c r="E96806" s="15">
        <v>45457</v>
      </c>
      <c r="F96806" s="14" t="s">
        <v>61</v>
      </c>
      <c r="G96806" s="16">
        <v>1.1841575575471954</v>
      </c>
    </row>
    <row r="96807" spans="1:7" x14ac:dyDescent="0.3">
      <c r="A96807" s="13" t="s">
        <v>480</v>
      </c>
      <c r="B96807" s="14" t="s">
        <v>1</v>
      </c>
      <c r="C96807" s="14" t="s">
        <v>23</v>
      </c>
      <c r="D96807" s="14" t="s">
        <v>481</v>
      </c>
      <c r="E96807" s="15">
        <v>45458</v>
      </c>
      <c r="F96807" s="14" t="s">
        <v>61</v>
      </c>
      <c r="G96807" s="16">
        <v>1.1841575575471954</v>
      </c>
    </row>
    <row r="96808" spans="1:7" x14ac:dyDescent="0.3">
      <c r="A96808" s="13" t="s">
        <v>480</v>
      </c>
      <c r="B96808" s="14" t="s">
        <v>1</v>
      </c>
      <c r="C96808" s="14" t="s">
        <v>23</v>
      </c>
      <c r="D96808" s="14" t="s">
        <v>481</v>
      </c>
      <c r="E96808" s="15">
        <v>45459</v>
      </c>
      <c r="F96808" s="14" t="s">
        <v>61</v>
      </c>
      <c r="G96808" s="16">
        <v>1.1841575575471954</v>
      </c>
    </row>
    <row r="96809" spans="1:7" x14ac:dyDescent="0.3">
      <c r="A96809" s="13" t="s">
        <v>480</v>
      </c>
      <c r="B96809" s="14" t="s">
        <v>1</v>
      </c>
      <c r="C96809" s="14" t="s">
        <v>23</v>
      </c>
      <c r="D96809" s="14" t="s">
        <v>481</v>
      </c>
      <c r="E96809" s="15">
        <v>45460</v>
      </c>
      <c r="F96809" s="14" t="s">
        <v>61</v>
      </c>
      <c r="G96809" s="16">
        <v>1.1956709919978559</v>
      </c>
    </row>
    <row r="96810" spans="1:7" x14ac:dyDescent="0.3">
      <c r="A96810" s="13" t="s">
        <v>480</v>
      </c>
      <c r="B96810" s="14" t="s">
        <v>1</v>
      </c>
      <c r="C96810" s="14" t="s">
        <v>23</v>
      </c>
      <c r="D96810" s="14" t="s">
        <v>481</v>
      </c>
      <c r="E96810" s="15">
        <v>45461</v>
      </c>
      <c r="F96810" s="14" t="s">
        <v>61</v>
      </c>
      <c r="G96810" s="16">
        <v>1.23937383416751</v>
      </c>
    </row>
    <row r="96811" spans="1:7" x14ac:dyDescent="0.3">
      <c r="A96811" s="13" t="s">
        <v>480</v>
      </c>
      <c r="B96811" s="14" t="s">
        <v>1</v>
      </c>
      <c r="C96811" s="14" t="s">
        <v>23</v>
      </c>
      <c r="D96811" s="14" t="s">
        <v>481</v>
      </c>
      <c r="E96811" s="15">
        <v>45462</v>
      </c>
      <c r="F96811" s="14" t="s">
        <v>61</v>
      </c>
      <c r="G96811" s="16">
        <v>1.23937383416751</v>
      </c>
    </row>
    <row r="96812" spans="1:7" x14ac:dyDescent="0.3">
      <c r="A96812" s="13" t="s">
        <v>480</v>
      </c>
      <c r="B96812" s="14" t="s">
        <v>1</v>
      </c>
      <c r="C96812" s="14" t="s">
        <v>23</v>
      </c>
      <c r="D96812" s="14" t="s">
        <v>481</v>
      </c>
      <c r="E96812" s="15">
        <v>45463</v>
      </c>
      <c r="F96812" s="14" t="s">
        <v>61</v>
      </c>
      <c r="G96812" s="16">
        <v>1.2586966839600278</v>
      </c>
    </row>
    <row r="96813" spans="1:7" x14ac:dyDescent="0.3">
      <c r="A96813" s="13" t="s">
        <v>480</v>
      </c>
      <c r="B96813" s="14" t="s">
        <v>1</v>
      </c>
      <c r="C96813" s="14" t="s">
        <v>23</v>
      </c>
      <c r="D96813" s="14" t="s">
        <v>481</v>
      </c>
      <c r="E96813" s="15">
        <v>45464</v>
      </c>
      <c r="F96813" s="14" t="s">
        <v>61</v>
      </c>
      <c r="G96813" s="16">
        <v>1.2912163074373351</v>
      </c>
    </row>
    <row r="96814" spans="1:7" x14ac:dyDescent="0.3">
      <c r="A96814" s="13" t="s">
        <v>480</v>
      </c>
      <c r="B96814" s="14" t="s">
        <v>1</v>
      </c>
      <c r="C96814" s="14" t="s">
        <v>23</v>
      </c>
      <c r="D96814" s="14" t="s">
        <v>481</v>
      </c>
      <c r="E96814" s="15">
        <v>45465</v>
      </c>
      <c r="F96814" s="14" t="s">
        <v>61</v>
      </c>
      <c r="G96814" s="16">
        <v>1.2912163074373351</v>
      </c>
    </row>
    <row r="96815" spans="1:7" x14ac:dyDescent="0.3">
      <c r="A96815" s="13" t="s">
        <v>480</v>
      </c>
      <c r="B96815" s="14" t="s">
        <v>1</v>
      </c>
      <c r="C96815" s="14" t="s">
        <v>23</v>
      </c>
      <c r="D96815" s="14" t="s">
        <v>481</v>
      </c>
      <c r="E96815" s="15">
        <v>45466</v>
      </c>
      <c r="F96815" s="14" t="s">
        <v>61</v>
      </c>
      <c r="G96815" s="16">
        <v>1.2912163074373351</v>
      </c>
    </row>
    <row r="96816" spans="1:7" x14ac:dyDescent="0.3">
      <c r="A96816" s="13" t="s">
        <v>480</v>
      </c>
      <c r="B96816" s="14" t="s">
        <v>1</v>
      </c>
      <c r="C96816" s="14" t="s">
        <v>23</v>
      </c>
      <c r="D96816" s="14" t="s">
        <v>481</v>
      </c>
      <c r="E96816" s="15">
        <v>45467</v>
      </c>
      <c r="F96816" s="14" t="s">
        <v>61</v>
      </c>
      <c r="G96816" s="16">
        <v>1.3013280099672708</v>
      </c>
    </row>
    <row r="96817" spans="1:7" x14ac:dyDescent="0.3">
      <c r="A96817" s="13" t="s">
        <v>480</v>
      </c>
      <c r="B96817" s="14" t="s">
        <v>1</v>
      </c>
      <c r="C96817" s="14" t="s">
        <v>23</v>
      </c>
      <c r="D96817" s="14" t="s">
        <v>481</v>
      </c>
      <c r="E96817" s="15">
        <v>45468</v>
      </c>
      <c r="F96817" s="14" t="s">
        <v>61</v>
      </c>
      <c r="G96817" s="16">
        <v>1.3504602259695486</v>
      </c>
    </row>
    <row r="96818" spans="1:7" x14ac:dyDescent="0.3">
      <c r="A96818" s="13" t="s">
        <v>480</v>
      </c>
      <c r="B96818" s="14" t="s">
        <v>1</v>
      </c>
      <c r="C96818" s="14" t="s">
        <v>23</v>
      </c>
      <c r="D96818" s="14" t="s">
        <v>481</v>
      </c>
      <c r="E96818" s="15">
        <v>45469</v>
      </c>
      <c r="F96818" s="14" t="s">
        <v>61</v>
      </c>
      <c r="G96818" s="16">
        <v>1.3685770430457813</v>
      </c>
    </row>
    <row r="96819" spans="1:7" x14ac:dyDescent="0.3">
      <c r="A96819" s="13" t="s">
        <v>480</v>
      </c>
      <c r="B96819" s="14" t="s">
        <v>1</v>
      </c>
      <c r="C96819" s="14" t="s">
        <v>23</v>
      </c>
      <c r="D96819" s="14" t="s">
        <v>481</v>
      </c>
      <c r="E96819" s="15">
        <v>45470</v>
      </c>
      <c r="F96819" s="14" t="s">
        <v>61</v>
      </c>
      <c r="G96819" s="16">
        <v>1.3802169423015473</v>
      </c>
    </row>
    <row r="96820" spans="1:7" x14ac:dyDescent="0.3">
      <c r="A96820" s="13" t="s">
        <v>480</v>
      </c>
      <c r="B96820" s="14" t="s">
        <v>1</v>
      </c>
      <c r="C96820" s="14" t="s">
        <v>23</v>
      </c>
      <c r="D96820" s="14" t="s">
        <v>481</v>
      </c>
      <c r="E96820" s="15">
        <v>45471</v>
      </c>
      <c r="F96820" s="14" t="s">
        <v>61</v>
      </c>
      <c r="G96820" s="16">
        <v>1.3934706973563782</v>
      </c>
    </row>
    <row r="96821" spans="1:7" x14ac:dyDescent="0.3">
      <c r="A96821" s="13" t="s">
        <v>480</v>
      </c>
      <c r="B96821" s="14" t="s">
        <v>1</v>
      </c>
      <c r="C96821" s="14" t="s">
        <v>23</v>
      </c>
      <c r="D96821" s="14" t="s">
        <v>481</v>
      </c>
      <c r="E96821" s="15">
        <v>45472</v>
      </c>
      <c r="F96821" s="14" t="s">
        <v>61</v>
      </c>
      <c r="G96821" s="16">
        <v>1.3934706973563782</v>
      </c>
    </row>
    <row r="96822" spans="1:7" x14ac:dyDescent="0.3">
      <c r="A96822" s="13" t="s">
        <v>480</v>
      </c>
      <c r="B96822" s="14" t="s">
        <v>1</v>
      </c>
      <c r="C96822" s="14" t="s">
        <v>23</v>
      </c>
      <c r="D96822" s="14" t="s">
        <v>481</v>
      </c>
      <c r="E96822" s="15">
        <v>45473</v>
      </c>
      <c r="F96822" s="14" t="s">
        <v>61</v>
      </c>
      <c r="G96822" s="16">
        <v>1.3934706973563782</v>
      </c>
    </row>
    <row r="96823" spans="1:7" x14ac:dyDescent="0.3">
      <c r="A96823" s="13" t="s">
        <v>480</v>
      </c>
      <c r="B96823" s="14" t="s">
        <v>1</v>
      </c>
      <c r="C96823" s="14" t="s">
        <v>23</v>
      </c>
      <c r="D96823" s="14" t="s">
        <v>481</v>
      </c>
      <c r="E96823" s="15">
        <v>45474</v>
      </c>
      <c r="F96823" s="14" t="s">
        <v>61</v>
      </c>
      <c r="G96823" s="16">
        <v>1.405043235116358</v>
      </c>
    </row>
    <row r="96824" spans="1:7" x14ac:dyDescent="0.3">
      <c r="A96824" s="13" t="s">
        <v>480</v>
      </c>
      <c r="B96824" s="14" t="s">
        <v>1</v>
      </c>
      <c r="C96824" s="14" t="s">
        <v>23</v>
      </c>
      <c r="D96824" s="14" t="s">
        <v>481</v>
      </c>
      <c r="E96824" s="15">
        <v>45475</v>
      </c>
      <c r="F96824" s="14" t="s">
        <v>61</v>
      </c>
      <c r="G96824" s="16">
        <v>1.4496626039782834</v>
      </c>
    </row>
    <row r="96825" spans="1:7" x14ac:dyDescent="0.3">
      <c r="A96825" s="13" t="s">
        <v>480</v>
      </c>
      <c r="B96825" s="14" t="s">
        <v>1</v>
      </c>
      <c r="C96825" s="14" t="s">
        <v>23</v>
      </c>
      <c r="D96825" s="14" t="s">
        <v>481</v>
      </c>
      <c r="E96825" s="15">
        <v>45476</v>
      </c>
      <c r="F96825" s="14" t="s">
        <v>61</v>
      </c>
      <c r="G96825" s="16">
        <v>1.4591353173549892</v>
      </c>
    </row>
    <row r="96826" spans="1:7" x14ac:dyDescent="0.3">
      <c r="A96826" s="13" t="s">
        <v>480</v>
      </c>
      <c r="B96826" s="14" t="s">
        <v>1</v>
      </c>
      <c r="C96826" s="14" t="s">
        <v>23</v>
      </c>
      <c r="D96826" s="14" t="s">
        <v>481</v>
      </c>
      <c r="E96826" s="15">
        <v>45477</v>
      </c>
      <c r="F96826" s="14" t="s">
        <v>61</v>
      </c>
      <c r="G96826" s="16">
        <v>1.4591353173549892</v>
      </c>
    </row>
    <row r="96827" spans="1:7" x14ac:dyDescent="0.3">
      <c r="A96827" s="13" t="s">
        <v>480</v>
      </c>
      <c r="B96827" s="14" t="s">
        <v>1</v>
      </c>
      <c r="C96827" s="14" t="s">
        <v>23</v>
      </c>
      <c r="D96827" s="14" t="s">
        <v>481</v>
      </c>
      <c r="E96827" s="15">
        <v>45478</v>
      </c>
      <c r="F96827" s="14" t="s">
        <v>61</v>
      </c>
      <c r="G96827" s="16">
        <v>1.4670466335608898</v>
      </c>
    </row>
    <row r="96828" spans="1:7" x14ac:dyDescent="0.3">
      <c r="A96828" s="13" t="s">
        <v>480</v>
      </c>
      <c r="B96828" s="14" t="s">
        <v>1</v>
      </c>
      <c r="C96828" s="14" t="s">
        <v>23</v>
      </c>
      <c r="D96828" s="14" t="s">
        <v>481</v>
      </c>
      <c r="E96828" s="15">
        <v>45479</v>
      </c>
      <c r="F96828" s="14" t="s">
        <v>61</v>
      </c>
      <c r="G96828" s="16">
        <v>1.4670466335608898</v>
      </c>
    </row>
    <row r="96829" spans="1:7" x14ac:dyDescent="0.3">
      <c r="A96829" s="13" t="s">
        <v>480</v>
      </c>
      <c r="B96829" s="14" t="s">
        <v>1</v>
      </c>
      <c r="C96829" s="14" t="s">
        <v>23</v>
      </c>
      <c r="D96829" s="14" t="s">
        <v>481</v>
      </c>
      <c r="E96829" s="15">
        <v>45480</v>
      </c>
      <c r="F96829" s="14" t="s">
        <v>61</v>
      </c>
      <c r="G96829" s="16">
        <v>1.4670466335608898</v>
      </c>
    </row>
    <row r="96830" spans="1:7" x14ac:dyDescent="0.3">
      <c r="A96830" s="13" t="s">
        <v>480</v>
      </c>
      <c r="B96830" s="14" t="s">
        <v>1</v>
      </c>
      <c r="C96830" s="14" t="s">
        <v>23</v>
      </c>
      <c r="D96830" s="14" t="s">
        <v>481</v>
      </c>
      <c r="E96830" s="15">
        <v>45481</v>
      </c>
      <c r="F96830" s="14" t="s">
        <v>61</v>
      </c>
      <c r="G96830" s="16">
        <v>1.5237681433006824</v>
      </c>
    </row>
    <row r="96831" spans="1:7" x14ac:dyDescent="0.3">
      <c r="A96831" s="13" t="s">
        <v>480</v>
      </c>
      <c r="B96831" s="14" t="s">
        <v>1</v>
      </c>
      <c r="C96831" s="14" t="s">
        <v>23</v>
      </c>
      <c r="D96831" s="14" t="s">
        <v>481</v>
      </c>
      <c r="E96831" s="15">
        <v>45482</v>
      </c>
      <c r="F96831" s="14" t="s">
        <v>61</v>
      </c>
      <c r="G96831" s="16">
        <v>1.5711445942601785</v>
      </c>
    </row>
    <row r="96832" spans="1:7" x14ac:dyDescent="0.3">
      <c r="A96832" s="13" t="s">
        <v>480</v>
      </c>
      <c r="B96832" s="14" t="s">
        <v>1</v>
      </c>
      <c r="C96832" s="14" t="s">
        <v>23</v>
      </c>
      <c r="D96832" s="14" t="s">
        <v>481</v>
      </c>
      <c r="E96832" s="15">
        <v>45483</v>
      </c>
      <c r="F96832" s="14" t="s">
        <v>61</v>
      </c>
      <c r="G96832" s="16">
        <v>1.5851556452726252</v>
      </c>
    </row>
    <row r="96833" spans="1:7" x14ac:dyDescent="0.3">
      <c r="A96833" s="13" t="s">
        <v>480</v>
      </c>
      <c r="B96833" s="14" t="s">
        <v>1</v>
      </c>
      <c r="C96833" s="14" t="s">
        <v>23</v>
      </c>
      <c r="D96833" s="14" t="s">
        <v>481</v>
      </c>
      <c r="E96833" s="15">
        <v>45484</v>
      </c>
      <c r="F96833" s="14" t="s">
        <v>61</v>
      </c>
      <c r="G96833" s="16">
        <v>1.5947199448822342</v>
      </c>
    </row>
    <row r="96834" spans="1:7" x14ac:dyDescent="0.3">
      <c r="A96834" s="13" t="s">
        <v>480</v>
      </c>
      <c r="B96834" s="14" t="s">
        <v>1</v>
      </c>
      <c r="C96834" s="14" t="s">
        <v>23</v>
      </c>
      <c r="D96834" s="14" t="s">
        <v>481</v>
      </c>
      <c r="E96834" s="15">
        <v>45485</v>
      </c>
      <c r="F96834" s="14" t="s">
        <v>61</v>
      </c>
      <c r="G96834" s="16">
        <v>1.6047983427871673</v>
      </c>
    </row>
    <row r="96835" spans="1:7" x14ac:dyDescent="0.3">
      <c r="A96835" s="13" t="s">
        <v>480</v>
      </c>
      <c r="B96835" s="14" t="s">
        <v>1</v>
      </c>
      <c r="C96835" s="14" t="s">
        <v>23</v>
      </c>
      <c r="D96835" s="14" t="s">
        <v>481</v>
      </c>
      <c r="E96835" s="15">
        <v>45486</v>
      </c>
      <c r="F96835" s="14" t="s">
        <v>61</v>
      </c>
      <c r="G96835" s="16">
        <v>1.6047983427871673</v>
      </c>
    </row>
    <row r="96836" spans="1:7" x14ac:dyDescent="0.3">
      <c r="A96836" s="13" t="s">
        <v>480</v>
      </c>
      <c r="B96836" s="14" t="s">
        <v>1</v>
      </c>
      <c r="C96836" s="14" t="s">
        <v>23</v>
      </c>
      <c r="D96836" s="14" t="s">
        <v>481</v>
      </c>
      <c r="E96836" s="15">
        <v>45487</v>
      </c>
      <c r="F96836" s="14" t="s">
        <v>61</v>
      </c>
      <c r="G96836" s="16">
        <v>1.6047983427871673</v>
      </c>
    </row>
    <row r="96837" spans="1:7" x14ac:dyDescent="0.3">
      <c r="A96837" s="13" t="s">
        <v>480</v>
      </c>
      <c r="B96837" s="14" t="s">
        <v>1</v>
      </c>
      <c r="C96837" s="14" t="s">
        <v>23</v>
      </c>
      <c r="D96837" s="14" t="s">
        <v>481</v>
      </c>
      <c r="E96837" s="15">
        <v>45488</v>
      </c>
      <c r="F96837" s="14" t="s">
        <v>61</v>
      </c>
      <c r="G96837" s="16">
        <v>1.6216719573664957</v>
      </c>
    </row>
    <row r="96838" spans="1:7" x14ac:dyDescent="0.3">
      <c r="A96838" s="13" t="s">
        <v>480</v>
      </c>
      <c r="B96838" s="14" t="s">
        <v>1</v>
      </c>
      <c r="C96838" s="14" t="s">
        <v>23</v>
      </c>
      <c r="D96838" s="14" t="s">
        <v>481</v>
      </c>
      <c r="E96838" s="15">
        <v>45489</v>
      </c>
      <c r="F96838" s="14" t="s">
        <v>61</v>
      </c>
      <c r="G96838" s="16">
        <v>1.6653830737794688</v>
      </c>
    </row>
    <row r="96839" spans="1:7" x14ac:dyDescent="0.3">
      <c r="A96839" s="13" t="s">
        <v>480</v>
      </c>
      <c r="B96839" s="14" t="s">
        <v>1</v>
      </c>
      <c r="C96839" s="14" t="s">
        <v>23</v>
      </c>
      <c r="D96839" s="14" t="s">
        <v>481</v>
      </c>
      <c r="E96839" s="15">
        <v>45490</v>
      </c>
      <c r="F96839" s="14" t="s">
        <v>61</v>
      </c>
      <c r="G96839" s="16">
        <v>1.6742116107936573</v>
      </c>
    </row>
    <row r="96840" spans="1:7" x14ac:dyDescent="0.3">
      <c r="A96840" s="13" t="s">
        <v>480</v>
      </c>
      <c r="B96840" s="14" t="s">
        <v>1</v>
      </c>
      <c r="C96840" s="14" t="s">
        <v>23</v>
      </c>
      <c r="D96840" s="14" t="s">
        <v>481</v>
      </c>
      <c r="E96840" s="15">
        <v>45491</v>
      </c>
      <c r="F96840" s="14" t="s">
        <v>61</v>
      </c>
      <c r="G96840" s="16">
        <v>1.6959985506229154</v>
      </c>
    </row>
    <row r="96841" spans="1:7" x14ac:dyDescent="0.3">
      <c r="A96841" s="13" t="s">
        <v>480</v>
      </c>
      <c r="B96841" s="14" t="s">
        <v>1</v>
      </c>
      <c r="C96841" s="14" t="s">
        <v>23</v>
      </c>
      <c r="D96841" s="14" t="s">
        <v>481</v>
      </c>
      <c r="E96841" s="15">
        <v>45492</v>
      </c>
      <c r="F96841" s="14" t="s">
        <v>61</v>
      </c>
      <c r="G96841" s="16">
        <v>1.7131168729685449</v>
      </c>
    </row>
    <row r="96842" spans="1:7" x14ac:dyDescent="0.3">
      <c r="A96842" s="13" t="s">
        <v>480</v>
      </c>
      <c r="B96842" s="14" t="s">
        <v>1</v>
      </c>
      <c r="C96842" s="14" t="s">
        <v>23</v>
      </c>
      <c r="D96842" s="14" t="s">
        <v>481</v>
      </c>
      <c r="E96842" s="15">
        <v>45493</v>
      </c>
      <c r="F96842" s="14" t="s">
        <v>61</v>
      </c>
      <c r="G96842" s="16">
        <v>1.7131168729685449</v>
      </c>
    </row>
    <row r="96843" spans="1:7" x14ac:dyDescent="0.3">
      <c r="A96843" s="13" t="s">
        <v>480</v>
      </c>
      <c r="B96843" s="14" t="s">
        <v>1</v>
      </c>
      <c r="C96843" s="14" t="s">
        <v>23</v>
      </c>
      <c r="D96843" s="14" t="s">
        <v>481</v>
      </c>
      <c r="E96843" s="15">
        <v>45494</v>
      </c>
      <c r="F96843" s="14" t="s">
        <v>61</v>
      </c>
      <c r="G96843" s="16">
        <v>1.7131168729685449</v>
      </c>
    </row>
    <row r="96844" spans="1:7" x14ac:dyDescent="0.3">
      <c r="A96844" s="13" t="s">
        <v>480</v>
      </c>
      <c r="B96844" s="14" t="s">
        <v>1</v>
      </c>
      <c r="C96844" s="14" t="s">
        <v>23</v>
      </c>
      <c r="D96844" s="14" t="s">
        <v>481</v>
      </c>
      <c r="E96844" s="15">
        <v>45495</v>
      </c>
      <c r="F96844" s="14" t="s">
        <v>61</v>
      </c>
      <c r="G96844" s="16">
        <v>1.7258636936104446</v>
      </c>
    </row>
    <row r="96845" spans="1:7" x14ac:dyDescent="0.3">
      <c r="A96845" s="13" t="s">
        <v>480</v>
      </c>
      <c r="B96845" s="14" t="s">
        <v>1</v>
      </c>
      <c r="C96845" s="14" t="s">
        <v>23</v>
      </c>
      <c r="D96845" s="14" t="s">
        <v>481</v>
      </c>
      <c r="E96845" s="15">
        <v>45496</v>
      </c>
      <c r="F96845" s="14" t="s">
        <v>61</v>
      </c>
      <c r="G96845" s="16">
        <v>1.776194730917914</v>
      </c>
    </row>
    <row r="96846" spans="1:7" x14ac:dyDescent="0.3">
      <c r="A96846" s="13" t="s">
        <v>480</v>
      </c>
      <c r="B96846" s="14" t="s">
        <v>1</v>
      </c>
      <c r="C96846" s="14" t="s">
        <v>23</v>
      </c>
      <c r="D96846" s="14" t="s">
        <v>481</v>
      </c>
      <c r="E96846" s="15">
        <v>45497</v>
      </c>
      <c r="F96846" s="14" t="s">
        <v>61</v>
      </c>
      <c r="G96846" s="16">
        <v>1.7948994267449367</v>
      </c>
    </row>
    <row r="96847" spans="1:7" x14ac:dyDescent="0.3">
      <c r="A96847" s="13" t="s">
        <v>480</v>
      </c>
      <c r="B96847" s="14" t="s">
        <v>1</v>
      </c>
      <c r="C96847" s="14" t="s">
        <v>23</v>
      </c>
      <c r="D96847" s="14" t="s">
        <v>481</v>
      </c>
      <c r="E96847" s="15">
        <v>45498</v>
      </c>
      <c r="F96847" s="14" t="s">
        <v>61</v>
      </c>
      <c r="G96847" s="16">
        <v>1.8080491433195676</v>
      </c>
    </row>
    <row r="96848" spans="1:7" x14ac:dyDescent="0.3">
      <c r="A96848" s="13" t="s">
        <v>480</v>
      </c>
      <c r="B96848" s="14" t="s">
        <v>1</v>
      </c>
      <c r="C96848" s="14" t="s">
        <v>23</v>
      </c>
      <c r="D96848" s="14" t="s">
        <v>481</v>
      </c>
      <c r="E96848" s="15">
        <v>45499</v>
      </c>
      <c r="F96848" s="14" t="s">
        <v>61</v>
      </c>
      <c r="G96848" s="16">
        <v>1.8202626873204053</v>
      </c>
    </row>
    <row r="96849" spans="1:7" x14ac:dyDescent="0.3">
      <c r="A96849" s="13" t="s">
        <v>480</v>
      </c>
      <c r="B96849" s="14" t="s">
        <v>1</v>
      </c>
      <c r="C96849" s="14" t="s">
        <v>23</v>
      </c>
      <c r="D96849" s="14" t="s">
        <v>481</v>
      </c>
      <c r="E96849" s="15">
        <v>45500</v>
      </c>
      <c r="F96849" s="14" t="s">
        <v>61</v>
      </c>
      <c r="G96849" s="16">
        <v>1.8202626873204053</v>
      </c>
    </row>
    <row r="96850" spans="1:7" x14ac:dyDescent="0.3">
      <c r="A96850" s="13" t="s">
        <v>480</v>
      </c>
      <c r="B96850" s="14" t="s">
        <v>1</v>
      </c>
      <c r="C96850" s="14" t="s">
        <v>23</v>
      </c>
      <c r="D96850" s="14" t="s">
        <v>481</v>
      </c>
      <c r="E96850" s="15">
        <v>45501</v>
      </c>
      <c r="F96850" s="14" t="s">
        <v>61</v>
      </c>
      <c r="G96850" s="16">
        <v>1.8202626873204053</v>
      </c>
    </row>
    <row r="96851" spans="1:7" x14ac:dyDescent="0.3">
      <c r="A96851" s="13" t="s">
        <v>480</v>
      </c>
      <c r="B96851" s="14" t="s">
        <v>1</v>
      </c>
      <c r="C96851" s="14" t="s">
        <v>23</v>
      </c>
      <c r="D96851" s="14" t="s">
        <v>481</v>
      </c>
      <c r="E96851" s="15">
        <v>45502</v>
      </c>
      <c r="F96851" s="14" t="s">
        <v>61</v>
      </c>
      <c r="G96851" s="16">
        <v>1.8408250937155026</v>
      </c>
    </row>
    <row r="96852" spans="1:7" x14ac:dyDescent="0.3">
      <c r="A96852" s="13" t="s">
        <v>480</v>
      </c>
      <c r="B96852" s="14" t="s">
        <v>1</v>
      </c>
      <c r="C96852" s="14" t="s">
        <v>23</v>
      </c>
      <c r="D96852" s="14" t="s">
        <v>481</v>
      </c>
      <c r="E96852" s="15">
        <v>45503</v>
      </c>
      <c r="F96852" s="14" t="s">
        <v>61</v>
      </c>
      <c r="G96852" s="16">
        <v>1.8847562458586811</v>
      </c>
    </row>
    <row r="96853" spans="1:7" x14ac:dyDescent="0.3">
      <c r="A96853" s="13" t="s">
        <v>480</v>
      </c>
      <c r="B96853" s="14" t="s">
        <v>1</v>
      </c>
      <c r="C96853" s="14" t="s">
        <v>23</v>
      </c>
      <c r="D96853" s="14" t="s">
        <v>481</v>
      </c>
      <c r="E96853" s="15">
        <v>45504</v>
      </c>
      <c r="F96853" s="14" t="s">
        <v>61</v>
      </c>
      <c r="G96853" s="16">
        <v>1.8984282780211759</v>
      </c>
    </row>
    <row r="96854" spans="1:7" x14ac:dyDescent="0.3">
      <c r="A96854" s="13" t="s">
        <v>480</v>
      </c>
      <c r="B96854" s="14" t="s">
        <v>1</v>
      </c>
      <c r="C96854" s="14" t="s">
        <v>23</v>
      </c>
      <c r="D96854" s="14" t="s">
        <v>481</v>
      </c>
      <c r="E96854" s="15">
        <v>45505</v>
      </c>
      <c r="F96854" s="14" t="s">
        <v>61</v>
      </c>
      <c r="G96854" s="16">
        <v>1.9107334059577006</v>
      </c>
    </row>
    <row r="96855" spans="1:7" x14ac:dyDescent="0.3">
      <c r="A96855" s="13" t="s">
        <v>480</v>
      </c>
      <c r="B96855" s="14" t="s">
        <v>1</v>
      </c>
      <c r="C96855" s="14" t="s">
        <v>23</v>
      </c>
      <c r="D96855" s="14" t="s">
        <v>481</v>
      </c>
      <c r="E96855" s="15">
        <v>45506</v>
      </c>
      <c r="F96855" s="14" t="s">
        <v>61</v>
      </c>
      <c r="G96855" s="16">
        <v>1.895999593771954</v>
      </c>
    </row>
    <row r="96856" spans="1:7" x14ac:dyDescent="0.3">
      <c r="A96856" s="13" t="s">
        <v>480</v>
      </c>
      <c r="B96856" s="14" t="s">
        <v>1</v>
      </c>
      <c r="C96856" s="14" t="s">
        <v>23</v>
      </c>
      <c r="D96856" s="14" t="s">
        <v>481</v>
      </c>
      <c r="E96856" s="15">
        <v>45507</v>
      </c>
      <c r="F96856" s="14" t="s">
        <v>61</v>
      </c>
      <c r="G96856" s="16">
        <v>1.895999593771954</v>
      </c>
    </row>
    <row r="96857" spans="1:7" x14ac:dyDescent="0.3">
      <c r="A96857" s="13" t="s">
        <v>480</v>
      </c>
      <c r="B96857" s="14" t="s">
        <v>1</v>
      </c>
      <c r="C96857" s="14" t="s">
        <v>23</v>
      </c>
      <c r="D96857" s="14" t="s">
        <v>481</v>
      </c>
      <c r="E96857" s="15">
        <v>45508</v>
      </c>
      <c r="F96857" s="14" t="s">
        <v>61</v>
      </c>
      <c r="G96857" s="16">
        <v>1.895999593771954</v>
      </c>
    </row>
    <row r="96858" spans="1:7" x14ac:dyDescent="0.3">
      <c r="A96858" s="13" t="s">
        <v>480</v>
      </c>
      <c r="B96858" s="14" t="s">
        <v>1</v>
      </c>
      <c r="C96858" s="14" t="s">
        <v>23</v>
      </c>
      <c r="D96858" s="14" t="s">
        <v>481</v>
      </c>
      <c r="E96858" s="15">
        <v>45509</v>
      </c>
      <c r="F96858" s="14" t="s">
        <v>61</v>
      </c>
      <c r="G96858" s="16">
        <v>1.895999593771954</v>
      </c>
    </row>
    <row r="96859" spans="1:7" x14ac:dyDescent="0.3">
      <c r="A96859" s="13" t="s">
        <v>480</v>
      </c>
      <c r="B96859" s="14" t="s">
        <v>1</v>
      </c>
      <c r="C96859" s="14" t="s">
        <v>23</v>
      </c>
      <c r="D96859" s="14" t="s">
        <v>481</v>
      </c>
      <c r="E96859" s="15">
        <v>45510</v>
      </c>
      <c r="F96859" s="14" t="s">
        <v>61</v>
      </c>
      <c r="G96859" s="16">
        <v>1.9058499597624508</v>
      </c>
    </row>
    <row r="96860" spans="1:7" x14ac:dyDescent="0.3">
      <c r="A96860" s="13" t="s">
        <v>480</v>
      </c>
      <c r="B96860" s="14" t="s">
        <v>1</v>
      </c>
      <c r="C96860" s="14" t="s">
        <v>23</v>
      </c>
      <c r="D96860" s="14" t="s">
        <v>481</v>
      </c>
      <c r="E96860" s="15">
        <v>45511</v>
      </c>
      <c r="F96860" s="14" t="s">
        <v>61</v>
      </c>
      <c r="G96860" s="16">
        <v>1.9799824911541193</v>
      </c>
    </row>
    <row r="96861" spans="1:7" x14ac:dyDescent="0.3">
      <c r="A96861" s="13" t="s">
        <v>480</v>
      </c>
      <c r="B96861" s="14" t="s">
        <v>1</v>
      </c>
      <c r="C96861" s="14" t="s">
        <v>23</v>
      </c>
      <c r="D96861" s="14" t="s">
        <v>481</v>
      </c>
      <c r="E96861" s="15">
        <v>45512</v>
      </c>
      <c r="F96861" s="14" t="s">
        <v>61</v>
      </c>
      <c r="G96861" s="16">
        <v>1.9895764160952447</v>
      </c>
    </row>
    <row r="96862" spans="1:7" x14ac:dyDescent="0.3">
      <c r="A96862" s="13" t="s">
        <v>480</v>
      </c>
      <c r="B96862" s="14" t="s">
        <v>1</v>
      </c>
      <c r="C96862" s="14" t="s">
        <v>23</v>
      </c>
      <c r="D96862" s="14" t="s">
        <v>481</v>
      </c>
      <c r="E96862" s="15">
        <v>45513</v>
      </c>
      <c r="F96862" s="14" t="s">
        <v>61</v>
      </c>
      <c r="G96862" s="16">
        <v>2.003373094701844</v>
      </c>
    </row>
    <row r="96863" spans="1:7" x14ac:dyDescent="0.3">
      <c r="A96863" s="13" t="s">
        <v>480</v>
      </c>
      <c r="B96863" s="14" t="s">
        <v>1</v>
      </c>
      <c r="C96863" s="14" t="s">
        <v>23</v>
      </c>
      <c r="D96863" s="14" t="s">
        <v>481</v>
      </c>
      <c r="E96863" s="15">
        <v>45514</v>
      </c>
      <c r="F96863" s="14" t="s">
        <v>61</v>
      </c>
      <c r="G96863" s="16">
        <v>2.003373094701844</v>
      </c>
    </row>
    <row r="96864" spans="1:7" x14ac:dyDescent="0.3">
      <c r="A96864" s="13" t="s">
        <v>480</v>
      </c>
      <c r="B96864" s="14" t="s">
        <v>1</v>
      </c>
      <c r="C96864" s="14" t="s">
        <v>23</v>
      </c>
      <c r="D96864" s="14" t="s">
        <v>481</v>
      </c>
      <c r="E96864" s="15">
        <v>45515</v>
      </c>
      <c r="F96864" s="14" t="s">
        <v>61</v>
      </c>
      <c r="G96864" s="16">
        <v>2.003373094701844</v>
      </c>
    </row>
    <row r="96865" spans="1:7" x14ac:dyDescent="0.3">
      <c r="A96865" s="13" t="s">
        <v>480</v>
      </c>
      <c r="B96865" s="14" t="s">
        <v>1</v>
      </c>
      <c r="C96865" s="14" t="s">
        <v>23</v>
      </c>
      <c r="D96865" s="14" t="s">
        <v>481</v>
      </c>
      <c r="E96865" s="15">
        <v>45516</v>
      </c>
      <c r="F96865" s="14" t="s">
        <v>61</v>
      </c>
      <c r="G96865" s="16">
        <v>2.0146963242273292</v>
      </c>
    </row>
    <row r="96866" spans="1:7" x14ac:dyDescent="0.3">
      <c r="A96866" s="13" t="s">
        <v>480</v>
      </c>
      <c r="B96866" s="14" t="s">
        <v>1</v>
      </c>
      <c r="C96866" s="14" t="s">
        <v>23</v>
      </c>
      <c r="D96866" s="14" t="s">
        <v>481</v>
      </c>
      <c r="E96866" s="15">
        <v>45517</v>
      </c>
      <c r="F96866" s="14" t="s">
        <v>61</v>
      </c>
      <c r="G96866" s="16">
        <v>2.0460514445174289</v>
      </c>
    </row>
    <row r="96867" spans="1:7" x14ac:dyDescent="0.3">
      <c r="A96867" s="13" t="s">
        <v>480</v>
      </c>
      <c r="B96867" s="14" t="s">
        <v>1</v>
      </c>
      <c r="C96867" s="14" t="s">
        <v>23</v>
      </c>
      <c r="D96867" s="14" t="s">
        <v>481</v>
      </c>
      <c r="E96867" s="15">
        <v>45518</v>
      </c>
      <c r="F96867" s="14" t="s">
        <v>61</v>
      </c>
      <c r="G96867" s="16">
        <v>2.0564424475931675</v>
      </c>
    </row>
    <row r="96868" spans="1:7" x14ac:dyDescent="0.3">
      <c r="A96868" s="13" t="s">
        <v>480</v>
      </c>
      <c r="B96868" s="14" t="s">
        <v>1</v>
      </c>
      <c r="C96868" s="14" t="s">
        <v>23</v>
      </c>
      <c r="D96868" s="14" t="s">
        <v>481</v>
      </c>
      <c r="E96868" s="15">
        <v>45519</v>
      </c>
      <c r="F96868" s="14" t="s">
        <v>61</v>
      </c>
      <c r="G96868" s="16">
        <v>2.0728113779810302</v>
      </c>
    </row>
    <row r="96869" spans="1:7" x14ac:dyDescent="0.3">
      <c r="A96869" s="13" t="s">
        <v>480</v>
      </c>
      <c r="B96869" s="14" t="s">
        <v>1</v>
      </c>
      <c r="C96869" s="14" t="s">
        <v>23</v>
      </c>
      <c r="D96869" s="14" t="s">
        <v>481</v>
      </c>
      <c r="E96869" s="15">
        <v>45520</v>
      </c>
      <c r="F96869" s="14" t="s">
        <v>61</v>
      </c>
      <c r="G96869" s="16">
        <v>2.0767354678677434</v>
      </c>
    </row>
    <row r="96870" spans="1:7" x14ac:dyDescent="0.3">
      <c r="A96870" s="13" t="s">
        <v>480</v>
      </c>
      <c r="B96870" s="14" t="s">
        <v>1</v>
      </c>
      <c r="C96870" s="14" t="s">
        <v>23</v>
      </c>
      <c r="D96870" s="14" t="s">
        <v>481</v>
      </c>
      <c r="E96870" s="15">
        <v>45521</v>
      </c>
      <c r="F96870" s="14" t="s">
        <v>61</v>
      </c>
      <c r="G96870" s="16">
        <v>2.0767354678677434</v>
      </c>
    </row>
    <row r="96871" spans="1:7" x14ac:dyDescent="0.3">
      <c r="A96871" s="13" t="s">
        <v>480</v>
      </c>
      <c r="B96871" s="14" t="s">
        <v>1</v>
      </c>
      <c r="C96871" s="14" t="s">
        <v>23</v>
      </c>
      <c r="D96871" s="14" t="s">
        <v>481</v>
      </c>
      <c r="E96871" s="15">
        <v>45522</v>
      </c>
      <c r="F96871" s="14" t="s">
        <v>61</v>
      </c>
      <c r="G96871" s="16">
        <v>2.0767354678677434</v>
      </c>
    </row>
    <row r="96872" spans="1:7" x14ac:dyDescent="0.3">
      <c r="A96872" s="13" t="s">
        <v>480</v>
      </c>
      <c r="B96872" s="14" t="s">
        <v>1</v>
      </c>
      <c r="C96872" s="14" t="s">
        <v>23</v>
      </c>
      <c r="D96872" s="14" t="s">
        <v>481</v>
      </c>
      <c r="E96872" s="15">
        <v>45523</v>
      </c>
      <c r="F96872" s="14" t="s">
        <v>61</v>
      </c>
      <c r="G96872" s="16">
        <v>2.0802348397640777</v>
      </c>
    </row>
    <row r="96873" spans="1:7" x14ac:dyDescent="0.3">
      <c r="A96873" s="13" t="s">
        <v>480</v>
      </c>
      <c r="B96873" s="14" t="s">
        <v>1</v>
      </c>
      <c r="C96873" s="14" t="s">
        <v>23</v>
      </c>
      <c r="D96873" s="14" t="s">
        <v>481</v>
      </c>
      <c r="E96873" s="15">
        <v>45524</v>
      </c>
      <c r="F96873" s="14" t="s">
        <v>61</v>
      </c>
      <c r="G96873" s="16">
        <v>2.1152240282421593</v>
      </c>
    </row>
    <row r="96874" spans="1:7" x14ac:dyDescent="0.3">
      <c r="A96874" s="13" t="s">
        <v>480</v>
      </c>
      <c r="B96874" s="14" t="s">
        <v>1</v>
      </c>
      <c r="C96874" s="14" t="s">
        <v>23</v>
      </c>
      <c r="D96874" s="14" t="s">
        <v>481</v>
      </c>
      <c r="E96874" s="15">
        <v>45525</v>
      </c>
      <c r="F96874" s="14" t="s">
        <v>61</v>
      </c>
      <c r="G96874" s="16">
        <v>2.1213822947224767</v>
      </c>
    </row>
    <row r="96875" spans="1:7" x14ac:dyDescent="0.3">
      <c r="A96875" s="13" t="s">
        <v>480</v>
      </c>
      <c r="B96875" s="14" t="s">
        <v>1</v>
      </c>
      <c r="C96875" s="14" t="s">
        <v>23</v>
      </c>
      <c r="D96875" s="14" t="s">
        <v>481</v>
      </c>
      <c r="E96875" s="15">
        <v>45526</v>
      </c>
      <c r="F96875" s="14" t="s">
        <v>61</v>
      </c>
      <c r="G96875" s="16">
        <v>2.1428763787982361</v>
      </c>
    </row>
    <row r="96876" spans="1:7" x14ac:dyDescent="0.3">
      <c r="A96876" s="13" t="s">
        <v>480</v>
      </c>
      <c r="B96876" s="14" t="s">
        <v>1</v>
      </c>
      <c r="C96876" s="14" t="s">
        <v>23</v>
      </c>
      <c r="D96876" s="14" t="s">
        <v>481</v>
      </c>
      <c r="E96876" s="15">
        <v>45527</v>
      </c>
      <c r="F96876" s="14" t="s">
        <v>61</v>
      </c>
      <c r="G96876" s="16">
        <v>2.1418941959504449</v>
      </c>
    </row>
    <row r="96877" spans="1:7" x14ac:dyDescent="0.3">
      <c r="A96877" s="13" t="s">
        <v>480</v>
      </c>
      <c r="B96877" s="14" t="s">
        <v>1</v>
      </c>
      <c r="C96877" s="14" t="s">
        <v>23</v>
      </c>
      <c r="D96877" s="14" t="s">
        <v>481</v>
      </c>
      <c r="E96877" s="15">
        <v>45528</v>
      </c>
      <c r="F96877" s="14" t="s">
        <v>61</v>
      </c>
      <c r="G96877" s="16">
        <v>2.1418941959504449</v>
      </c>
    </row>
    <row r="96878" spans="1:7" x14ac:dyDescent="0.3">
      <c r="A96878" s="13" t="s">
        <v>480</v>
      </c>
      <c r="B96878" s="14" t="s">
        <v>1</v>
      </c>
      <c r="C96878" s="14" t="s">
        <v>23</v>
      </c>
      <c r="D96878" s="14" t="s">
        <v>481</v>
      </c>
      <c r="E96878" s="15">
        <v>45529</v>
      </c>
      <c r="F96878" s="14" t="s">
        <v>61</v>
      </c>
      <c r="G96878" s="16">
        <v>2.1418941959504449</v>
      </c>
    </row>
    <row r="96879" spans="1:7" x14ac:dyDescent="0.3">
      <c r="A96879" s="13" t="s">
        <v>480</v>
      </c>
      <c r="B96879" s="14" t="s">
        <v>1</v>
      </c>
      <c r="C96879" s="14" t="s">
        <v>23</v>
      </c>
      <c r="D96879" s="14" t="s">
        <v>481</v>
      </c>
      <c r="E96879" s="15">
        <v>45530</v>
      </c>
      <c r="F96879" s="14" t="s">
        <v>61</v>
      </c>
      <c r="G96879" s="16">
        <v>2.1625694445872705</v>
      </c>
    </row>
    <row r="96880" spans="1:7" x14ac:dyDescent="0.3">
      <c r="A96880" s="13" t="s">
        <v>480</v>
      </c>
      <c r="B96880" s="14" t="s">
        <v>1</v>
      </c>
      <c r="C96880" s="14" t="s">
        <v>23</v>
      </c>
      <c r="D96880" s="14" t="s">
        <v>481</v>
      </c>
      <c r="E96880" s="15">
        <v>45531</v>
      </c>
      <c r="F96880" s="14" t="s">
        <v>61</v>
      </c>
      <c r="G96880" s="16">
        <v>2.2015056855942245</v>
      </c>
    </row>
    <row r="96881" spans="1:7" x14ac:dyDescent="0.3">
      <c r="A96881" s="13" t="s">
        <v>480</v>
      </c>
      <c r="B96881" s="14" t="s">
        <v>1</v>
      </c>
      <c r="C96881" s="14" t="s">
        <v>23</v>
      </c>
      <c r="D96881" s="14" t="s">
        <v>481</v>
      </c>
      <c r="E96881" s="15">
        <v>45532</v>
      </c>
      <c r="F96881" s="14" t="s">
        <v>61</v>
      </c>
      <c r="G96881" s="16">
        <v>2.2291225858874726</v>
      </c>
    </row>
    <row r="96882" spans="1:7" x14ac:dyDescent="0.3">
      <c r="A96882" s="13" t="s">
        <v>480</v>
      </c>
      <c r="B96882" s="14" t="s">
        <v>1</v>
      </c>
      <c r="C96882" s="14" t="s">
        <v>23</v>
      </c>
      <c r="D96882" s="14" t="s">
        <v>481</v>
      </c>
      <c r="E96882" s="15">
        <v>45533</v>
      </c>
      <c r="F96882" s="14" t="s">
        <v>61</v>
      </c>
      <c r="G96882" s="16">
        <v>2.2519361706522458</v>
      </c>
    </row>
    <row r="96883" spans="1:7" x14ac:dyDescent="0.3">
      <c r="A96883" s="13" t="s">
        <v>480</v>
      </c>
      <c r="B96883" s="14" t="s">
        <v>1</v>
      </c>
      <c r="C96883" s="14" t="s">
        <v>23</v>
      </c>
      <c r="D96883" s="14" t="s">
        <v>481</v>
      </c>
      <c r="E96883" s="15">
        <v>45534</v>
      </c>
      <c r="F96883" s="14" t="s">
        <v>61</v>
      </c>
      <c r="G96883" s="16">
        <v>2.2723816184879428</v>
      </c>
    </row>
    <row r="96884" spans="1:7" x14ac:dyDescent="0.3">
      <c r="A96884" s="13" t="s">
        <v>480</v>
      </c>
      <c r="B96884" s="14" t="s">
        <v>1</v>
      </c>
      <c r="C96884" s="14" t="s">
        <v>23</v>
      </c>
      <c r="D96884" s="14" t="s">
        <v>481</v>
      </c>
      <c r="E96884" s="15">
        <v>45535</v>
      </c>
      <c r="F96884" s="14" t="s">
        <v>61</v>
      </c>
      <c r="G96884" s="16">
        <v>2.2723816184879428</v>
      </c>
    </row>
    <row r="96885" spans="1:7" x14ac:dyDescent="0.3">
      <c r="A96885" s="13" t="s">
        <v>480</v>
      </c>
      <c r="B96885" s="14" t="s">
        <v>1</v>
      </c>
      <c r="C96885" s="14" t="s">
        <v>23</v>
      </c>
      <c r="D96885" s="14" t="s">
        <v>481</v>
      </c>
      <c r="E96885" s="15">
        <v>45536</v>
      </c>
      <c r="F96885" s="14" t="s">
        <v>61</v>
      </c>
      <c r="G96885" s="16">
        <v>2.2723816184879428</v>
      </c>
    </row>
    <row r="96886" spans="1:7" x14ac:dyDescent="0.3">
      <c r="A96886" s="13" t="s">
        <v>480</v>
      </c>
      <c r="B96886" s="14" t="s">
        <v>1</v>
      </c>
      <c r="C96886" s="14" t="s">
        <v>23</v>
      </c>
      <c r="D96886" s="14" t="s">
        <v>481</v>
      </c>
      <c r="E96886" s="15">
        <v>45537</v>
      </c>
      <c r="F96886" s="14" t="s">
        <v>61</v>
      </c>
      <c r="G96886" s="16">
        <v>2.2723816184879428</v>
      </c>
    </row>
    <row r="96887" spans="1:7" x14ac:dyDescent="0.3">
      <c r="A96887" s="13" t="s">
        <v>480</v>
      </c>
      <c r="B96887" s="14" t="s">
        <v>1</v>
      </c>
      <c r="C96887" s="14" t="s">
        <v>23</v>
      </c>
      <c r="D96887" s="14" t="s">
        <v>481</v>
      </c>
      <c r="E96887" s="15">
        <v>45538</v>
      </c>
      <c r="F96887" s="14" t="s">
        <v>61</v>
      </c>
      <c r="G96887" s="16">
        <v>2.2879833177507929</v>
      </c>
    </row>
    <row r="96888" spans="1:7" x14ac:dyDescent="0.3">
      <c r="A96888" s="13" t="s">
        <v>480</v>
      </c>
      <c r="B96888" s="14" t="s">
        <v>1</v>
      </c>
      <c r="C96888" s="14" t="s">
        <v>23</v>
      </c>
      <c r="D96888" s="14" t="s">
        <v>481</v>
      </c>
      <c r="E96888" s="15">
        <v>45539</v>
      </c>
      <c r="F96888" s="14" t="s">
        <v>61</v>
      </c>
      <c r="G96888" s="16">
        <v>2.3286948420944125</v>
      </c>
    </row>
    <row r="96889" spans="1:7" x14ac:dyDescent="0.3">
      <c r="A96889" s="13" t="s">
        <v>480</v>
      </c>
      <c r="B96889" s="14" t="s">
        <v>1</v>
      </c>
      <c r="C96889" s="14" t="s">
        <v>23</v>
      </c>
      <c r="D96889" s="14" t="s">
        <v>481</v>
      </c>
      <c r="E96889" s="15">
        <v>45540</v>
      </c>
      <c r="F96889" s="14" t="s">
        <v>61</v>
      </c>
      <c r="G96889" s="16">
        <v>2.3372376805868122</v>
      </c>
    </row>
    <row r="96890" spans="1:7" x14ac:dyDescent="0.3">
      <c r="A96890" s="13" t="s">
        <v>480</v>
      </c>
      <c r="B96890" s="14" t="s">
        <v>1</v>
      </c>
      <c r="C96890" s="14" t="s">
        <v>23</v>
      </c>
      <c r="D96890" s="14" t="s">
        <v>481</v>
      </c>
      <c r="E96890" s="15">
        <v>45541</v>
      </c>
      <c r="F96890" s="14" t="s">
        <v>61</v>
      </c>
      <c r="G96890" s="16">
        <v>2.3574536284049343</v>
      </c>
    </row>
    <row r="96891" spans="1:7" x14ac:dyDescent="0.3">
      <c r="A96891" s="13" t="s">
        <v>480</v>
      </c>
      <c r="B96891" s="14" t="s">
        <v>1</v>
      </c>
      <c r="C96891" s="14" t="s">
        <v>23</v>
      </c>
      <c r="D96891" s="14" t="s">
        <v>481</v>
      </c>
      <c r="E96891" s="15">
        <v>45542</v>
      </c>
      <c r="F96891" s="14" t="s">
        <v>61</v>
      </c>
      <c r="G96891" s="16">
        <v>2.3574536284049343</v>
      </c>
    </row>
    <row r="96892" spans="1:7" x14ac:dyDescent="0.3">
      <c r="A96892" s="13" t="s">
        <v>480</v>
      </c>
      <c r="B96892" s="14" t="s">
        <v>1</v>
      </c>
      <c r="C96892" s="14" t="s">
        <v>23</v>
      </c>
      <c r="D96892" s="14" t="s">
        <v>481</v>
      </c>
      <c r="E96892" s="15">
        <v>45543</v>
      </c>
      <c r="F96892" s="14" t="s">
        <v>61</v>
      </c>
      <c r="G96892" s="16">
        <v>2.3574536284049343</v>
      </c>
    </row>
    <row r="96893" spans="1:7" x14ac:dyDescent="0.3">
      <c r="A96893" s="13" t="s">
        <v>480</v>
      </c>
      <c r="B96893" s="14" t="s">
        <v>1</v>
      </c>
      <c r="C96893" s="14" t="s">
        <v>23</v>
      </c>
      <c r="D96893" s="14" t="s">
        <v>481</v>
      </c>
      <c r="E96893" s="15">
        <v>45544</v>
      </c>
      <c r="F96893" s="14" t="s">
        <v>61</v>
      </c>
      <c r="G96893" s="16">
        <v>2.4104429004805428</v>
      </c>
    </row>
    <row r="96894" spans="1:7" x14ac:dyDescent="0.3">
      <c r="A96894" s="13" t="s">
        <v>480</v>
      </c>
      <c r="B96894" s="14" t="s">
        <v>1</v>
      </c>
      <c r="C96894" s="14" t="s">
        <v>23</v>
      </c>
      <c r="D96894" s="14" t="s">
        <v>481</v>
      </c>
      <c r="E96894" s="15">
        <v>45545</v>
      </c>
      <c r="F96894" s="14" t="s">
        <v>61</v>
      </c>
      <c r="G96894" s="16">
        <v>2.4540088704355885</v>
      </c>
    </row>
    <row r="96895" spans="1:7" x14ac:dyDescent="0.3">
      <c r="A96895" s="13" t="s">
        <v>480</v>
      </c>
      <c r="B96895" s="14" t="s">
        <v>1</v>
      </c>
      <c r="C96895" s="14" t="s">
        <v>23</v>
      </c>
      <c r="D96895" s="14" t="s">
        <v>481</v>
      </c>
      <c r="E96895" s="15">
        <v>45546</v>
      </c>
      <c r="F96895" s="14" t="s">
        <v>61</v>
      </c>
      <c r="G96895" s="16">
        <v>2.4682903711822175</v>
      </c>
    </row>
    <row r="96896" spans="1:7" x14ac:dyDescent="0.3">
      <c r="A96896" s="13" t="s">
        <v>480</v>
      </c>
      <c r="B96896" s="14" t="s">
        <v>1</v>
      </c>
      <c r="C96896" s="14" t="s">
        <v>23</v>
      </c>
      <c r="D96896" s="14" t="s">
        <v>481</v>
      </c>
      <c r="E96896" s="15">
        <v>45547</v>
      </c>
      <c r="F96896" s="14" t="s">
        <v>61</v>
      </c>
      <c r="G96896" s="16">
        <v>2.4692645338645667</v>
      </c>
    </row>
    <row r="96897" spans="1:7" x14ac:dyDescent="0.3">
      <c r="A96897" s="13" t="s">
        <v>480</v>
      </c>
      <c r="B96897" s="14" t="s">
        <v>1</v>
      </c>
      <c r="C96897" s="14" t="s">
        <v>23</v>
      </c>
      <c r="D96897" s="14" t="s">
        <v>481</v>
      </c>
      <c r="E96897" s="15">
        <v>45548</v>
      </c>
      <c r="F96897" s="14" t="s">
        <v>61</v>
      </c>
      <c r="G96897" s="16">
        <v>2.48349080068729</v>
      </c>
    </row>
    <row r="96898" spans="1:7" x14ac:dyDescent="0.3">
      <c r="A96898" s="13" t="s">
        <v>480</v>
      </c>
      <c r="B96898" s="14" t="s">
        <v>1</v>
      </c>
      <c r="C96898" s="14" t="s">
        <v>23</v>
      </c>
      <c r="D96898" s="14" t="s">
        <v>481</v>
      </c>
      <c r="E96898" s="15">
        <v>45549</v>
      </c>
      <c r="F96898" s="14" t="s">
        <v>61</v>
      </c>
      <c r="G96898" s="16">
        <v>2.48349080068729</v>
      </c>
    </row>
    <row r="96899" spans="1:7" x14ac:dyDescent="0.3">
      <c r="A96899" s="13" t="s">
        <v>480</v>
      </c>
      <c r="B96899" s="14" t="s">
        <v>1</v>
      </c>
      <c r="C96899" s="14" t="s">
        <v>23</v>
      </c>
      <c r="D96899" s="14" t="s">
        <v>481</v>
      </c>
      <c r="E96899" s="15">
        <v>45550</v>
      </c>
      <c r="F96899" s="14" t="s">
        <v>61</v>
      </c>
      <c r="G96899" s="16">
        <v>2.48349080068729</v>
      </c>
    </row>
    <row r="96900" spans="1:7" x14ac:dyDescent="0.3">
      <c r="A96900" s="13" t="s">
        <v>480</v>
      </c>
      <c r="B96900" s="14" t="s">
        <v>1</v>
      </c>
      <c r="C96900" s="14" t="s">
        <v>23</v>
      </c>
      <c r="D96900" s="14" t="s">
        <v>481</v>
      </c>
      <c r="E96900" s="15">
        <v>45551</v>
      </c>
      <c r="F96900" s="14" t="s">
        <v>61</v>
      </c>
      <c r="G96900" s="16">
        <v>2.485424315707347</v>
      </c>
    </row>
    <row r="96901" spans="1:7" x14ac:dyDescent="0.3">
      <c r="A96901" s="13" t="s">
        <v>480</v>
      </c>
      <c r="B96901" s="14" t="s">
        <v>1</v>
      </c>
      <c r="C96901" s="14" t="s">
        <v>23</v>
      </c>
      <c r="D96901" s="14" t="s">
        <v>481</v>
      </c>
      <c r="E96901" s="15">
        <v>45552</v>
      </c>
      <c r="F96901" s="14" t="s">
        <v>61</v>
      </c>
      <c r="G96901" s="16">
        <v>2.5348484790020898</v>
      </c>
    </row>
    <row r="96902" spans="1:7" x14ac:dyDescent="0.3">
      <c r="A96902" s="13" t="s">
        <v>480</v>
      </c>
      <c r="B96902" s="14" t="s">
        <v>1</v>
      </c>
      <c r="C96902" s="14" t="s">
        <v>23</v>
      </c>
      <c r="D96902" s="14" t="s">
        <v>481</v>
      </c>
      <c r="E96902" s="15">
        <v>45553</v>
      </c>
      <c r="F96902" s="14" t="s">
        <v>61</v>
      </c>
      <c r="G96902" s="16">
        <v>2.5487543786587801</v>
      </c>
    </row>
    <row r="96903" spans="1:7" x14ac:dyDescent="0.3">
      <c r="A96903" s="13" t="s">
        <v>480</v>
      </c>
      <c r="B96903" s="14" t="s">
        <v>1</v>
      </c>
      <c r="C96903" s="14" t="s">
        <v>23</v>
      </c>
      <c r="D96903" s="14" t="s">
        <v>481</v>
      </c>
      <c r="E96903" s="15">
        <v>45554</v>
      </c>
      <c r="F96903" s="14" t="s">
        <v>61</v>
      </c>
      <c r="G96903" s="16">
        <v>2.5531950088183946</v>
      </c>
    </row>
    <row r="96904" spans="1:7" x14ac:dyDescent="0.3">
      <c r="A96904" s="13" t="s">
        <v>480</v>
      </c>
      <c r="B96904" s="14" t="s">
        <v>1</v>
      </c>
      <c r="C96904" s="14" t="s">
        <v>23</v>
      </c>
      <c r="D96904" s="14" t="s">
        <v>481</v>
      </c>
      <c r="E96904" s="15">
        <v>45555</v>
      </c>
      <c r="F96904" s="14" t="s">
        <v>61</v>
      </c>
      <c r="G96904" s="16">
        <v>2.5682230044918652</v>
      </c>
    </row>
    <row r="96905" spans="1:7" x14ac:dyDescent="0.3">
      <c r="A96905" s="13" t="s">
        <v>480</v>
      </c>
      <c r="B96905" s="14" t="s">
        <v>1</v>
      </c>
      <c r="C96905" s="14" t="s">
        <v>23</v>
      </c>
      <c r="D96905" s="14" t="s">
        <v>481</v>
      </c>
      <c r="E96905" s="15">
        <v>45556</v>
      </c>
      <c r="F96905" s="14" t="s">
        <v>61</v>
      </c>
      <c r="G96905" s="16">
        <v>2.5682230044918652</v>
      </c>
    </row>
    <row r="96906" spans="1:7" x14ac:dyDescent="0.3">
      <c r="A96906" s="13" t="s">
        <v>480</v>
      </c>
      <c r="B96906" s="14" t="s">
        <v>1</v>
      </c>
      <c r="C96906" s="14" t="s">
        <v>23</v>
      </c>
      <c r="D96906" s="14" t="s">
        <v>481</v>
      </c>
      <c r="E96906" s="15">
        <v>45557</v>
      </c>
      <c r="F96906" s="14" t="s">
        <v>61</v>
      </c>
      <c r="G96906" s="16">
        <v>2.5682230044918652</v>
      </c>
    </row>
    <row r="96907" spans="1:7" x14ac:dyDescent="0.3">
      <c r="A96907" s="13" t="s">
        <v>480</v>
      </c>
      <c r="B96907" s="14" t="s">
        <v>1</v>
      </c>
      <c r="C96907" s="14" t="s">
        <v>23</v>
      </c>
      <c r="D96907" s="14" t="s">
        <v>481</v>
      </c>
      <c r="E96907" s="15">
        <v>45558</v>
      </c>
      <c r="F96907" s="14" t="s">
        <v>61</v>
      </c>
      <c r="G96907" s="16">
        <v>2.595060207285349</v>
      </c>
    </row>
    <row r="96908" spans="1:7" x14ac:dyDescent="0.3">
      <c r="A96908" s="13" t="s">
        <v>480</v>
      </c>
      <c r="B96908" s="14" t="s">
        <v>1</v>
      </c>
      <c r="C96908" s="14" t="s">
        <v>23</v>
      </c>
      <c r="D96908" s="14" t="s">
        <v>481</v>
      </c>
      <c r="E96908" s="15">
        <v>45559</v>
      </c>
      <c r="F96908" s="14" t="s">
        <v>61</v>
      </c>
      <c r="G96908" s="16">
        <v>2.6371163315956356</v>
      </c>
    </row>
    <row r="96909" spans="1:7" x14ac:dyDescent="0.3">
      <c r="A96909" s="13" t="s">
        <v>480</v>
      </c>
      <c r="B96909" s="14" t="s">
        <v>1</v>
      </c>
      <c r="C96909" s="14" t="s">
        <v>23</v>
      </c>
      <c r="D96909" s="14" t="s">
        <v>481</v>
      </c>
      <c r="E96909" s="15">
        <v>45560</v>
      </c>
      <c r="F96909" s="14" t="s">
        <v>61</v>
      </c>
      <c r="G96909" s="16">
        <v>2.6635516219033524</v>
      </c>
    </row>
    <row r="96910" spans="1:7" x14ac:dyDescent="0.3">
      <c r="A96910" s="13" t="s">
        <v>480</v>
      </c>
      <c r="B96910" s="14" t="s">
        <v>1</v>
      </c>
      <c r="C96910" s="14" t="s">
        <v>23</v>
      </c>
      <c r="D96910" s="14" t="s">
        <v>481</v>
      </c>
      <c r="E96910" s="15">
        <v>45561</v>
      </c>
      <c r="F96910" s="14" t="s">
        <v>61</v>
      </c>
      <c r="G96910" s="16">
        <v>2.668923252852089</v>
      </c>
    </row>
    <row r="96911" spans="1:7" x14ac:dyDescent="0.3">
      <c r="A96911" s="13" t="s">
        <v>480</v>
      </c>
      <c r="B96911" s="14" t="s">
        <v>1</v>
      </c>
      <c r="C96911" s="14" t="s">
        <v>23</v>
      </c>
      <c r="D96911" s="14" t="s">
        <v>481</v>
      </c>
      <c r="E96911" s="15">
        <v>45562</v>
      </c>
      <c r="F96911" s="14" t="s">
        <v>61</v>
      </c>
      <c r="G96911" s="16">
        <v>2.6900658887671369</v>
      </c>
    </row>
    <row r="96912" spans="1:7" x14ac:dyDescent="0.3">
      <c r="A96912" s="13" t="s">
        <v>480</v>
      </c>
      <c r="B96912" s="14" t="s">
        <v>1</v>
      </c>
      <c r="C96912" s="14" t="s">
        <v>23</v>
      </c>
      <c r="D96912" s="14" t="s">
        <v>481</v>
      </c>
      <c r="E96912" s="15">
        <v>45563</v>
      </c>
      <c r="F96912" s="14" t="s">
        <v>61</v>
      </c>
      <c r="G96912" s="16">
        <v>2.6900658887671369</v>
      </c>
    </row>
    <row r="96913" spans="1:7" x14ac:dyDescent="0.3">
      <c r="A96913" s="13" t="s">
        <v>480</v>
      </c>
      <c r="B96913" s="14" t="s">
        <v>1</v>
      </c>
      <c r="C96913" s="14" t="s">
        <v>23</v>
      </c>
      <c r="D96913" s="14" t="s">
        <v>481</v>
      </c>
      <c r="E96913" s="15">
        <v>45564</v>
      </c>
      <c r="F96913" s="14" t="s">
        <v>61</v>
      </c>
      <c r="G96913" s="16">
        <v>2.6900658887671369</v>
      </c>
    </row>
    <row r="96914" spans="1:7" x14ac:dyDescent="0.3">
      <c r="A96914" s="13" t="s">
        <v>480</v>
      </c>
      <c r="B96914" s="14" t="s">
        <v>1</v>
      </c>
      <c r="C96914" s="14" t="s">
        <v>23</v>
      </c>
      <c r="D96914" s="14" t="s">
        <v>481</v>
      </c>
      <c r="E96914" s="15">
        <v>45565</v>
      </c>
      <c r="F96914" s="14" t="s">
        <v>61</v>
      </c>
      <c r="G96914" s="16">
        <v>2.7127578560409717</v>
      </c>
    </row>
    <row r="96915" spans="1:7" x14ac:dyDescent="0.3">
      <c r="A96915" s="13" t="s">
        <v>480</v>
      </c>
      <c r="B96915" s="14" t="s">
        <v>1</v>
      </c>
      <c r="C96915" s="14" t="s">
        <v>23</v>
      </c>
      <c r="D96915" s="14" t="s">
        <v>481</v>
      </c>
      <c r="E96915" s="15">
        <v>45566</v>
      </c>
      <c r="F96915" s="14" t="s">
        <v>61</v>
      </c>
      <c r="G96915" s="16">
        <v>2.7754010711087975</v>
      </c>
    </row>
    <row r="96916" spans="1:7" x14ac:dyDescent="0.3">
      <c r="A96916" s="13" t="s">
        <v>480</v>
      </c>
      <c r="B96916" s="14" t="s">
        <v>1</v>
      </c>
      <c r="C96916" s="14" t="s">
        <v>23</v>
      </c>
      <c r="D96916" s="14" t="s">
        <v>481</v>
      </c>
      <c r="E96916" s="15">
        <v>45567</v>
      </c>
      <c r="F96916" s="14" t="s">
        <v>61</v>
      </c>
      <c r="G96916" s="16">
        <v>2.7965868349308969</v>
      </c>
    </row>
    <row r="96917" spans="1:7" x14ac:dyDescent="0.3">
      <c r="A96917" s="13" t="s">
        <v>480</v>
      </c>
      <c r="B96917" s="14" t="s">
        <v>1</v>
      </c>
      <c r="C96917" s="14" t="s">
        <v>23</v>
      </c>
      <c r="D96917" s="14" t="s">
        <v>481</v>
      </c>
      <c r="E96917" s="15">
        <v>45568</v>
      </c>
      <c r="F96917" s="14" t="s">
        <v>61</v>
      </c>
      <c r="G96917" s="16">
        <v>2.8065856810740004</v>
      </c>
    </row>
    <row r="96918" spans="1:7" x14ac:dyDescent="0.3">
      <c r="A96918" s="13" t="s">
        <v>480</v>
      </c>
      <c r="B96918" s="14" t="s">
        <v>1</v>
      </c>
      <c r="C96918" s="14" t="s">
        <v>23</v>
      </c>
      <c r="D96918" s="14" t="s">
        <v>481</v>
      </c>
      <c r="E96918" s="15">
        <v>45569</v>
      </c>
      <c r="F96918" s="14" t="s">
        <v>61</v>
      </c>
      <c r="G96918" s="16">
        <v>2.8360041737953683</v>
      </c>
    </row>
    <row r="96919" spans="1:7" x14ac:dyDescent="0.3">
      <c r="A96919" s="13" t="s">
        <v>480</v>
      </c>
      <c r="B96919" s="14" t="s">
        <v>1</v>
      </c>
      <c r="C96919" s="14" t="s">
        <v>23</v>
      </c>
      <c r="D96919" s="14" t="s">
        <v>481</v>
      </c>
      <c r="E96919" s="15">
        <v>45570</v>
      </c>
      <c r="F96919" s="14" t="s">
        <v>61</v>
      </c>
      <c r="G96919" s="16">
        <v>2.8360041737953683</v>
      </c>
    </row>
    <row r="96920" spans="1:7" x14ac:dyDescent="0.3">
      <c r="A96920" s="13" t="s">
        <v>480</v>
      </c>
      <c r="B96920" s="14" t="s">
        <v>1</v>
      </c>
      <c r="C96920" s="14" t="s">
        <v>23</v>
      </c>
      <c r="D96920" s="14" t="s">
        <v>481</v>
      </c>
      <c r="E96920" s="15">
        <v>45571</v>
      </c>
      <c r="F96920" s="14" t="s">
        <v>61</v>
      </c>
      <c r="G96920" s="16">
        <v>2.8360041737953683</v>
      </c>
    </row>
    <row r="96921" spans="1:7" x14ac:dyDescent="0.3">
      <c r="A96921" s="13" t="s">
        <v>480</v>
      </c>
      <c r="B96921" s="14" t="s">
        <v>1</v>
      </c>
      <c r="C96921" s="14" t="s">
        <v>23</v>
      </c>
      <c r="D96921" s="14" t="s">
        <v>481</v>
      </c>
      <c r="E96921" s="15">
        <v>45572</v>
      </c>
      <c r="F96921" s="14" t="s">
        <v>61</v>
      </c>
      <c r="G96921" s="16">
        <v>2.8747847954375905</v>
      </c>
    </row>
    <row r="96922" spans="1:7" x14ac:dyDescent="0.3">
      <c r="A96922" s="13" t="s">
        <v>480</v>
      </c>
      <c r="B96922" s="14" t="s">
        <v>1</v>
      </c>
      <c r="C96922" s="14" t="s">
        <v>23</v>
      </c>
      <c r="D96922" s="14" t="s">
        <v>481</v>
      </c>
      <c r="E96922" s="15">
        <v>45573</v>
      </c>
      <c r="F96922" s="14" t="s">
        <v>61</v>
      </c>
      <c r="G96922" s="16">
        <v>2.9226782642043312</v>
      </c>
    </row>
    <row r="96923" spans="1:7" x14ac:dyDescent="0.3">
      <c r="A96923" s="13" t="s">
        <v>480</v>
      </c>
      <c r="B96923" s="14" t="s">
        <v>1</v>
      </c>
      <c r="C96923" s="14" t="s">
        <v>23</v>
      </c>
      <c r="D96923" s="14" t="s">
        <v>481</v>
      </c>
      <c r="E96923" s="15">
        <v>45574</v>
      </c>
      <c r="F96923" s="14" t="s">
        <v>61</v>
      </c>
      <c r="G96923" s="16">
        <v>2.9501463825920435</v>
      </c>
    </row>
    <row r="96924" spans="1:7" x14ac:dyDescent="0.3">
      <c r="A96924" s="13" t="s">
        <v>480</v>
      </c>
      <c r="B96924" s="14" t="s">
        <v>1</v>
      </c>
      <c r="C96924" s="14" t="s">
        <v>23</v>
      </c>
      <c r="D96924" s="14" t="s">
        <v>481</v>
      </c>
      <c r="E96924" s="15">
        <v>45575</v>
      </c>
      <c r="F96924" s="14" t="s">
        <v>61</v>
      </c>
      <c r="G96924" s="16">
        <v>2.9670015623991048</v>
      </c>
    </row>
    <row r="96925" spans="1:7" x14ac:dyDescent="0.3">
      <c r="A96925" s="13" t="s">
        <v>480</v>
      </c>
      <c r="B96925" s="14" t="s">
        <v>1</v>
      </c>
      <c r="C96925" s="14" t="s">
        <v>23</v>
      </c>
      <c r="D96925" s="14" t="s">
        <v>481</v>
      </c>
      <c r="E96925" s="15">
        <v>45576</v>
      </c>
      <c r="F96925" s="14" t="s">
        <v>61</v>
      </c>
      <c r="G96925" s="16">
        <v>2.9820715474435198</v>
      </c>
    </row>
    <row r="96926" spans="1:7" x14ac:dyDescent="0.3">
      <c r="A96926" s="13" t="s">
        <v>480</v>
      </c>
      <c r="B96926" s="14" t="s">
        <v>1</v>
      </c>
      <c r="C96926" s="14" t="s">
        <v>23</v>
      </c>
      <c r="D96926" s="14" t="s">
        <v>481</v>
      </c>
      <c r="E96926" s="15">
        <v>45577</v>
      </c>
      <c r="F96926" s="14" t="s">
        <v>61</v>
      </c>
      <c r="G96926" s="16">
        <v>2.9820715474435198</v>
      </c>
    </row>
    <row r="96927" spans="1:7" x14ac:dyDescent="0.3">
      <c r="A96927" s="13" t="s">
        <v>480</v>
      </c>
      <c r="B96927" s="14" t="s">
        <v>1</v>
      </c>
      <c r="C96927" s="14" t="s">
        <v>23</v>
      </c>
      <c r="D96927" s="14" t="s">
        <v>481</v>
      </c>
      <c r="E96927" s="15">
        <v>45578</v>
      </c>
      <c r="F96927" s="14" t="s">
        <v>61</v>
      </c>
      <c r="G96927" s="16">
        <v>2.9820715474435198</v>
      </c>
    </row>
    <row r="96928" spans="1:7" x14ac:dyDescent="0.3">
      <c r="A96928" s="13" t="s">
        <v>480</v>
      </c>
      <c r="B96928" s="14" t="s">
        <v>1</v>
      </c>
      <c r="C96928" s="14" t="s">
        <v>23</v>
      </c>
      <c r="D96928" s="14" t="s">
        <v>481</v>
      </c>
      <c r="E96928" s="15">
        <v>45579</v>
      </c>
      <c r="F96928" s="14" t="s">
        <v>61</v>
      </c>
      <c r="G96928" s="16">
        <v>2.9820715474435198</v>
      </c>
    </row>
    <row r="96929" spans="1:7" x14ac:dyDescent="0.3">
      <c r="A96929" s="13" t="s">
        <v>480</v>
      </c>
      <c r="B96929" s="14" t="s">
        <v>1</v>
      </c>
      <c r="C96929" s="14" t="s">
        <v>23</v>
      </c>
      <c r="D96929" s="14" t="s">
        <v>481</v>
      </c>
      <c r="E96929" s="15">
        <v>45580</v>
      </c>
      <c r="F96929" s="14" t="s">
        <v>61</v>
      </c>
      <c r="G96929" s="16">
        <v>3.0106097352589543</v>
      </c>
    </row>
    <row r="96930" spans="1:7" x14ac:dyDescent="0.3">
      <c r="A96930" s="13" t="s">
        <v>480</v>
      </c>
      <c r="B96930" s="14" t="s">
        <v>1</v>
      </c>
      <c r="C96930" s="14" t="s">
        <v>23</v>
      </c>
      <c r="D96930" s="14" t="s">
        <v>481</v>
      </c>
      <c r="E96930" s="15">
        <v>45581</v>
      </c>
      <c r="F96930" s="14" t="s">
        <v>61</v>
      </c>
      <c r="G96930" s="16">
        <v>3.0823482782086034</v>
      </c>
    </row>
    <row r="96931" spans="1:7" x14ac:dyDescent="0.3">
      <c r="A96931" s="13" t="s">
        <v>480</v>
      </c>
      <c r="B96931" s="14" t="s">
        <v>1</v>
      </c>
      <c r="C96931" s="14" t="s">
        <v>23</v>
      </c>
      <c r="D96931" s="14" t="s">
        <v>481</v>
      </c>
      <c r="E96931" s="15">
        <v>45582</v>
      </c>
      <c r="F96931" s="14" t="s">
        <v>61</v>
      </c>
      <c r="G96931" s="16">
        <v>3.1066749270621981</v>
      </c>
    </row>
    <row r="96932" spans="1:7" x14ac:dyDescent="0.3">
      <c r="A96932" s="13" t="s">
        <v>480</v>
      </c>
      <c r="B96932" s="14" t="s">
        <v>1</v>
      </c>
      <c r="C96932" s="14" t="s">
        <v>23</v>
      </c>
      <c r="D96932" s="14" t="s">
        <v>481</v>
      </c>
      <c r="E96932" s="15">
        <v>45583</v>
      </c>
      <c r="F96932" s="14" t="s">
        <v>61</v>
      </c>
      <c r="G96932" s="16">
        <v>3.112186966965691</v>
      </c>
    </row>
    <row r="96933" spans="1:7" x14ac:dyDescent="0.3">
      <c r="A96933" s="13" t="s">
        <v>480</v>
      </c>
      <c r="B96933" s="14" t="s">
        <v>1</v>
      </c>
      <c r="C96933" s="14" t="s">
        <v>23</v>
      </c>
      <c r="D96933" s="14" t="s">
        <v>481</v>
      </c>
      <c r="E96933" s="15">
        <v>45584</v>
      </c>
      <c r="F96933" s="14" t="s">
        <v>61</v>
      </c>
      <c r="G96933" s="16">
        <v>3.112186966965691</v>
      </c>
    </row>
    <row r="96934" spans="1:7" x14ac:dyDescent="0.3">
      <c r="A96934" s="13" t="s">
        <v>480</v>
      </c>
      <c r="B96934" s="14" t="s">
        <v>1</v>
      </c>
      <c r="C96934" s="14" t="s">
        <v>23</v>
      </c>
      <c r="D96934" s="14" t="s">
        <v>481</v>
      </c>
      <c r="E96934" s="15">
        <v>45585</v>
      </c>
      <c r="F96934" s="14" t="s">
        <v>61</v>
      </c>
      <c r="G96934" s="16">
        <v>3.112186966965691</v>
      </c>
    </row>
    <row r="96935" spans="1:7" x14ac:dyDescent="0.3">
      <c r="A96935" s="13" t="s">
        <v>480</v>
      </c>
      <c r="B96935" s="14" t="s">
        <v>1</v>
      </c>
      <c r="C96935" s="14" t="s">
        <v>23</v>
      </c>
      <c r="D96935" s="14" t="s">
        <v>481</v>
      </c>
      <c r="E96935" s="15">
        <v>45586</v>
      </c>
      <c r="F96935" s="14" t="s">
        <v>61</v>
      </c>
      <c r="G96935" s="16">
        <v>3.141714567559756</v>
      </c>
    </row>
    <row r="96936" spans="1:7" x14ac:dyDescent="0.3">
      <c r="A96936" s="13" t="s">
        <v>480</v>
      </c>
      <c r="B96936" s="14" t="s">
        <v>1</v>
      </c>
      <c r="C96936" s="14" t="s">
        <v>23</v>
      </c>
      <c r="D96936" s="14" t="s">
        <v>481</v>
      </c>
      <c r="E96936" s="15">
        <v>45587</v>
      </c>
      <c r="F96936" s="14" t="s">
        <v>61</v>
      </c>
      <c r="G96936" s="16">
        <v>3.1927741328312798</v>
      </c>
    </row>
    <row r="96937" spans="1:7" x14ac:dyDescent="0.3">
      <c r="A96937" s="13" t="s">
        <v>480</v>
      </c>
      <c r="B96937" s="14" t="s">
        <v>1</v>
      </c>
      <c r="C96937" s="14" t="s">
        <v>23</v>
      </c>
      <c r="D96937" s="14" t="s">
        <v>481</v>
      </c>
      <c r="E96937" s="15">
        <v>45588</v>
      </c>
      <c r="F96937" s="14" t="s">
        <v>61</v>
      </c>
      <c r="G96937" s="16">
        <v>3.2136502119611077</v>
      </c>
    </row>
    <row r="96938" spans="1:7" x14ac:dyDescent="0.3">
      <c r="A96938" s="13" t="s">
        <v>480</v>
      </c>
      <c r="B96938" s="14" t="s">
        <v>1</v>
      </c>
      <c r="C96938" s="14" t="s">
        <v>23</v>
      </c>
      <c r="D96938" s="14" t="s">
        <v>481</v>
      </c>
      <c r="E96938" s="15">
        <v>45589</v>
      </c>
      <c r="F96938" s="14" t="s">
        <v>61</v>
      </c>
      <c r="G96938" s="16">
        <v>3.2157564229211313</v>
      </c>
    </row>
    <row r="96939" spans="1:7" x14ac:dyDescent="0.3">
      <c r="A96939" s="13" t="s">
        <v>480</v>
      </c>
      <c r="B96939" s="14" t="s">
        <v>1</v>
      </c>
      <c r="C96939" s="14" t="s">
        <v>23</v>
      </c>
      <c r="D96939" s="14" t="s">
        <v>481</v>
      </c>
      <c r="E96939" s="15">
        <v>45590</v>
      </c>
      <c r="F96939" s="14" t="s">
        <v>61</v>
      </c>
      <c r="G96939" s="16">
        <v>3.2405277471992662</v>
      </c>
    </row>
    <row r="96940" spans="1:7" x14ac:dyDescent="0.3">
      <c r="A96940" s="13" t="s">
        <v>480</v>
      </c>
      <c r="B96940" s="14" t="s">
        <v>1</v>
      </c>
      <c r="C96940" s="14" t="s">
        <v>23</v>
      </c>
      <c r="D96940" s="14" t="s">
        <v>481</v>
      </c>
      <c r="E96940" s="15">
        <v>45591</v>
      </c>
      <c r="F96940" s="14" t="s">
        <v>61</v>
      </c>
      <c r="G96940" s="16">
        <v>3.2405277471992662</v>
      </c>
    </row>
    <row r="96941" spans="1:7" x14ac:dyDescent="0.3">
      <c r="A96941" s="13" t="s">
        <v>480</v>
      </c>
      <c r="B96941" s="14" t="s">
        <v>1</v>
      </c>
      <c r="C96941" s="14" t="s">
        <v>23</v>
      </c>
      <c r="D96941" s="14" t="s">
        <v>481</v>
      </c>
      <c r="E96941" s="15">
        <v>45592</v>
      </c>
      <c r="F96941" s="14" t="s">
        <v>61</v>
      </c>
      <c r="G96941" s="16">
        <v>3.2405277471992662</v>
      </c>
    </row>
    <row r="96942" spans="1:7" x14ac:dyDescent="0.3">
      <c r="A96942" s="13" t="s">
        <v>480</v>
      </c>
      <c r="B96942" s="14" t="s">
        <v>1</v>
      </c>
      <c r="C96942" s="14" t="s">
        <v>23</v>
      </c>
      <c r="D96942" s="14" t="s">
        <v>481</v>
      </c>
      <c r="E96942" s="15">
        <v>45593</v>
      </c>
      <c r="F96942" s="14" t="s">
        <v>61</v>
      </c>
      <c r="G96942" s="16">
        <v>3.2405277471992662</v>
      </c>
    </row>
    <row r="96943" spans="1:7" x14ac:dyDescent="0.3">
      <c r="A96943" s="13" t="s">
        <v>480</v>
      </c>
      <c r="B96943" s="14" t="s">
        <v>1</v>
      </c>
      <c r="C96943" s="14" t="s">
        <v>23</v>
      </c>
      <c r="D96943" s="14" t="s">
        <v>481</v>
      </c>
      <c r="E96943" s="15">
        <v>45594</v>
      </c>
      <c r="F96943" s="14" t="s">
        <v>61</v>
      </c>
      <c r="G96943" s="16">
        <v>3.2520773368641369</v>
      </c>
    </row>
    <row r="96944" spans="1:7" x14ac:dyDescent="0.3">
      <c r="A96944" s="13" t="s">
        <v>480</v>
      </c>
      <c r="B96944" s="14" t="s">
        <v>1</v>
      </c>
      <c r="C96944" s="14" t="s">
        <v>23</v>
      </c>
      <c r="D96944" s="14" t="s">
        <v>481</v>
      </c>
      <c r="E96944" s="15">
        <v>45595</v>
      </c>
      <c r="F96944" s="14" t="s">
        <v>61</v>
      </c>
      <c r="G96944" s="16">
        <v>3.3010468416864409</v>
      </c>
    </row>
    <row r="96945" spans="1:7" x14ac:dyDescent="0.3">
      <c r="A96945" s="13" t="s">
        <v>480</v>
      </c>
      <c r="B96945" s="14" t="s">
        <v>1</v>
      </c>
      <c r="C96945" s="14" t="s">
        <v>23</v>
      </c>
      <c r="D96945" s="14" t="s">
        <v>481</v>
      </c>
      <c r="E96945" s="15">
        <v>45596</v>
      </c>
      <c r="F96945" s="14" t="s">
        <v>61</v>
      </c>
      <c r="G96945" s="16">
        <v>3.2959716715514511</v>
      </c>
    </row>
    <row r="96946" spans="1:7" x14ac:dyDescent="0.3">
      <c r="A96946" s="13" t="s">
        <v>480</v>
      </c>
      <c r="B96946" s="14" t="s">
        <v>1</v>
      </c>
      <c r="C96946" s="14" t="s">
        <v>23</v>
      </c>
      <c r="D96946" s="14" t="s">
        <v>481</v>
      </c>
      <c r="E96946" s="15">
        <v>45597</v>
      </c>
      <c r="F96946" s="14" t="s">
        <v>61</v>
      </c>
      <c r="G96946" s="16">
        <v>3.3257208018005739</v>
      </c>
    </row>
    <row r="96947" spans="1:7" x14ac:dyDescent="0.3">
      <c r="A96947" s="13" t="s">
        <v>480</v>
      </c>
      <c r="B96947" s="14" t="s">
        <v>1</v>
      </c>
      <c r="C96947" s="14" t="s">
        <v>23</v>
      </c>
      <c r="D96947" s="14" t="s">
        <v>481</v>
      </c>
      <c r="E96947" s="15">
        <v>45598</v>
      </c>
      <c r="F96947" s="14" t="s">
        <v>61</v>
      </c>
      <c r="G96947" s="16">
        <v>3.3257208018005739</v>
      </c>
    </row>
    <row r="96948" spans="1:7" x14ac:dyDescent="0.3">
      <c r="A96948" s="13" t="s">
        <v>480</v>
      </c>
      <c r="B96948" s="14" t="s">
        <v>1</v>
      </c>
      <c r="C96948" s="14" t="s">
        <v>23</v>
      </c>
      <c r="D96948" s="14" t="s">
        <v>481</v>
      </c>
      <c r="E96948" s="15">
        <v>45599</v>
      </c>
      <c r="F96948" s="14" t="s">
        <v>61</v>
      </c>
      <c r="G96948" s="16">
        <v>3.3257208018005739</v>
      </c>
    </row>
    <row r="96949" spans="1:7" x14ac:dyDescent="0.3">
      <c r="A96949" s="13" t="s">
        <v>480</v>
      </c>
      <c r="B96949" s="14" t="s">
        <v>1</v>
      </c>
      <c r="C96949" s="14" t="s">
        <v>23</v>
      </c>
      <c r="D96949" s="14" t="s">
        <v>481</v>
      </c>
      <c r="E96949" s="15">
        <v>45600</v>
      </c>
      <c r="F96949" s="14" t="s">
        <v>61</v>
      </c>
      <c r="G96949" s="16">
        <v>3.3189720758698518</v>
      </c>
    </row>
    <row r="96950" spans="1:7" x14ac:dyDescent="0.3">
      <c r="A96950" s="13" t="s">
        <v>480</v>
      </c>
      <c r="B96950" s="14" t="s">
        <v>1</v>
      </c>
      <c r="C96950" s="14" t="s">
        <v>23</v>
      </c>
      <c r="D96950" s="14" t="s">
        <v>481</v>
      </c>
      <c r="E96950" s="15">
        <v>45601</v>
      </c>
      <c r="F96950" s="14" t="s">
        <v>61</v>
      </c>
      <c r="G96950" s="16">
        <v>3.348765051968067</v>
      </c>
    </row>
    <row r="96951" spans="1:7" x14ac:dyDescent="0.3">
      <c r="A96951" s="13" t="s">
        <v>480</v>
      </c>
      <c r="B96951" s="14" t="s">
        <v>1</v>
      </c>
      <c r="C96951" s="14" t="s">
        <v>23</v>
      </c>
      <c r="D96951" s="14" t="s">
        <v>481</v>
      </c>
      <c r="E96951" s="15">
        <v>45602</v>
      </c>
      <c r="F96951" s="14" t="s">
        <v>61</v>
      </c>
      <c r="G96951" s="16">
        <v>3.4277907386996347</v>
      </c>
    </row>
    <row r="96952" spans="1:7" x14ac:dyDescent="0.3">
      <c r="A96952" s="13" t="s">
        <v>480</v>
      </c>
      <c r="B96952" s="14" t="s">
        <v>1</v>
      </c>
      <c r="C96952" s="14" t="s">
        <v>23</v>
      </c>
      <c r="D96952" s="14" t="s">
        <v>481</v>
      </c>
      <c r="E96952" s="15">
        <v>45603</v>
      </c>
      <c r="F96952" s="14" t="s">
        <v>61</v>
      </c>
      <c r="G96952" s="16">
        <v>3.420649722643653</v>
      </c>
    </row>
    <row r="96953" spans="1:7" x14ac:dyDescent="0.3">
      <c r="A96953" s="13" t="s">
        <v>480</v>
      </c>
      <c r="B96953" s="14" t="s">
        <v>1</v>
      </c>
      <c r="C96953" s="14" t="s">
        <v>23</v>
      </c>
      <c r="D96953" s="14" t="s">
        <v>481</v>
      </c>
      <c r="E96953" s="15">
        <v>45604</v>
      </c>
      <c r="F96953" s="14" t="s">
        <v>61</v>
      </c>
      <c r="G96953" s="16">
        <v>3.4644007604137141</v>
      </c>
    </row>
    <row r="96954" spans="1:7" x14ac:dyDescent="0.3">
      <c r="A96954" s="13" t="s">
        <v>480</v>
      </c>
      <c r="B96954" s="14" t="s">
        <v>1</v>
      </c>
      <c r="C96954" s="14" t="s">
        <v>23</v>
      </c>
      <c r="D96954" s="14" t="s">
        <v>481</v>
      </c>
      <c r="E96954" s="15">
        <v>45605</v>
      </c>
      <c r="F96954" s="14" t="s">
        <v>61</v>
      </c>
      <c r="G96954" s="16">
        <v>3.4644007604137141</v>
      </c>
    </row>
    <row r="96955" spans="1:7" x14ac:dyDescent="0.3">
      <c r="A96955" s="13" t="s">
        <v>480</v>
      </c>
      <c r="B96955" s="14" t="s">
        <v>1</v>
      </c>
      <c r="C96955" s="14" t="s">
        <v>23</v>
      </c>
      <c r="D96955" s="14" t="s">
        <v>481</v>
      </c>
      <c r="E96955" s="15">
        <v>45606</v>
      </c>
      <c r="F96955" s="14" t="s">
        <v>61</v>
      </c>
      <c r="G96955" s="16">
        <v>3.4644007604137141</v>
      </c>
    </row>
    <row r="96956" spans="1:7" x14ac:dyDescent="0.3">
      <c r="A96956" s="13" t="s">
        <v>480</v>
      </c>
      <c r="B96956" s="14" t="s">
        <v>1</v>
      </c>
      <c r="C96956" s="14" t="s">
        <v>23</v>
      </c>
      <c r="D96956" s="14" t="s">
        <v>481</v>
      </c>
      <c r="E96956" s="15">
        <v>45607</v>
      </c>
      <c r="F96956" s="14" t="s">
        <v>61</v>
      </c>
      <c r="G96956" s="16">
        <v>3.4644007604137141</v>
      </c>
    </row>
    <row r="96957" spans="1:7" x14ac:dyDescent="0.3">
      <c r="A96957" s="13" t="s">
        <v>480</v>
      </c>
      <c r="B96957" s="14" t="s">
        <v>1</v>
      </c>
      <c r="C96957" s="14" t="s">
        <v>23</v>
      </c>
      <c r="D96957" s="14" t="s">
        <v>481</v>
      </c>
      <c r="E96957" s="15">
        <v>45608</v>
      </c>
      <c r="F96957" s="14" t="s">
        <v>61</v>
      </c>
      <c r="G96957" s="16">
        <v>3.5107694198355013</v>
      </c>
    </row>
    <row r="96958" spans="1:7" x14ac:dyDescent="0.3">
      <c r="A96958" s="13" t="s">
        <v>480</v>
      </c>
      <c r="B96958" s="14" t="s">
        <v>1</v>
      </c>
      <c r="C96958" s="14" t="s">
        <v>23</v>
      </c>
      <c r="D96958" s="14" t="s">
        <v>481</v>
      </c>
      <c r="E96958" s="15">
        <v>45609</v>
      </c>
      <c r="F96958" s="14" t="s">
        <v>61</v>
      </c>
      <c r="G96958" s="16">
        <v>3.6054871634601899</v>
      </c>
    </row>
    <row r="96959" spans="1:7" x14ac:dyDescent="0.3">
      <c r="A96959" s="13" t="s">
        <v>480</v>
      </c>
      <c r="B96959" s="14" t="s">
        <v>1</v>
      </c>
      <c r="C96959" s="14" t="s">
        <v>23</v>
      </c>
      <c r="D96959" s="14" t="s">
        <v>481</v>
      </c>
      <c r="E96959" s="15">
        <v>45610</v>
      </c>
      <c r="F96959" s="14" t="s">
        <v>61</v>
      </c>
      <c r="G96959" s="16">
        <v>3.6324587108418611</v>
      </c>
    </row>
    <row r="96960" spans="1:7" x14ac:dyDescent="0.3">
      <c r="A96960" s="13" t="s">
        <v>480</v>
      </c>
      <c r="B96960" s="14" t="s">
        <v>1</v>
      </c>
      <c r="C96960" s="14" t="s">
        <v>23</v>
      </c>
      <c r="D96960" s="14" t="s">
        <v>481</v>
      </c>
      <c r="E96960" s="15">
        <v>45611</v>
      </c>
      <c r="F96960" s="14" t="s">
        <v>61</v>
      </c>
      <c r="G96960" s="16">
        <v>3.643773935378956</v>
      </c>
    </row>
    <row r="96961" spans="1:7" x14ac:dyDescent="0.3">
      <c r="A96961" s="13" t="s">
        <v>480</v>
      </c>
      <c r="B96961" s="14" t="s">
        <v>1</v>
      </c>
      <c r="C96961" s="14" t="s">
        <v>23</v>
      </c>
      <c r="D96961" s="14" t="s">
        <v>481</v>
      </c>
      <c r="E96961" s="15">
        <v>45612</v>
      </c>
      <c r="F96961" s="14" t="s">
        <v>61</v>
      </c>
      <c r="G96961" s="16">
        <v>3.643773935378956</v>
      </c>
    </row>
    <row r="96962" spans="1:7" x14ac:dyDescent="0.3">
      <c r="A96962" s="13" t="s">
        <v>480</v>
      </c>
      <c r="B96962" s="14" t="s">
        <v>1</v>
      </c>
      <c r="C96962" s="14" t="s">
        <v>23</v>
      </c>
      <c r="D96962" s="14" t="s">
        <v>481</v>
      </c>
      <c r="E96962" s="15">
        <v>45613</v>
      </c>
      <c r="F96962" s="14" t="s">
        <v>61</v>
      </c>
      <c r="G96962" s="16">
        <v>3.643773935378956</v>
      </c>
    </row>
    <row r="96963" spans="1:7" x14ac:dyDescent="0.3">
      <c r="A96963" s="13" t="s">
        <v>480</v>
      </c>
      <c r="B96963" s="14" t="s">
        <v>1</v>
      </c>
      <c r="C96963" s="14" t="s">
        <v>23</v>
      </c>
      <c r="D96963" s="14" t="s">
        <v>481</v>
      </c>
      <c r="E96963" s="15">
        <v>45614</v>
      </c>
      <c r="F96963" s="14" t="s">
        <v>61</v>
      </c>
      <c r="G96963" s="16">
        <v>3.6384588164848788</v>
      </c>
    </row>
    <row r="96964" spans="1:7" x14ac:dyDescent="0.3">
      <c r="A96964" s="13" t="s">
        <v>480</v>
      </c>
      <c r="B96964" s="14" t="s">
        <v>1</v>
      </c>
      <c r="C96964" s="14" t="s">
        <v>23</v>
      </c>
      <c r="D96964" s="14" t="s">
        <v>481</v>
      </c>
      <c r="E96964" s="15">
        <v>45615</v>
      </c>
      <c r="F96964" s="14" t="s">
        <v>61</v>
      </c>
      <c r="G96964" s="16">
        <v>3.6843752700774068</v>
      </c>
    </row>
    <row r="96965" spans="1:7" x14ac:dyDescent="0.3">
      <c r="A96965" s="13" t="s">
        <v>480</v>
      </c>
      <c r="B96965" s="14" t="s">
        <v>1</v>
      </c>
      <c r="C96965" s="14" t="s">
        <v>23</v>
      </c>
      <c r="D96965" s="14" t="s">
        <v>481</v>
      </c>
      <c r="E96965" s="15">
        <v>45616</v>
      </c>
      <c r="F96965" s="14" t="s">
        <v>61</v>
      </c>
      <c r="G96965" s="16">
        <v>3.7176661706801464</v>
      </c>
    </row>
    <row r="96966" spans="1:7" x14ac:dyDescent="0.3">
      <c r="A96966" s="13" t="s">
        <v>480</v>
      </c>
      <c r="B96966" s="14" t="s">
        <v>1</v>
      </c>
      <c r="C96966" s="14" t="s">
        <v>23</v>
      </c>
      <c r="D96966" s="14" t="s">
        <v>481</v>
      </c>
      <c r="E96966" s="15">
        <v>45617</v>
      </c>
      <c r="F96966" s="14" t="s">
        <v>61</v>
      </c>
      <c r="G96966" s="16">
        <v>3.7580969972618274</v>
      </c>
    </row>
    <row r="96967" spans="1:7" x14ac:dyDescent="0.3">
      <c r="A96967" s="13" t="s">
        <v>480</v>
      </c>
      <c r="B96967" s="14" t="s">
        <v>1</v>
      </c>
      <c r="C96967" s="14" t="s">
        <v>23</v>
      </c>
      <c r="D96967" s="14" t="s">
        <v>481</v>
      </c>
      <c r="E96967" s="15">
        <v>45618</v>
      </c>
      <c r="F96967" s="14" t="s">
        <v>61</v>
      </c>
      <c r="G96967" s="16">
        <v>3.7927658755411762</v>
      </c>
    </row>
    <row r="96968" spans="1:7" x14ac:dyDescent="0.3">
      <c r="A96968" s="13" t="s">
        <v>480</v>
      </c>
      <c r="B96968" s="14" t="s">
        <v>1</v>
      </c>
      <c r="C96968" s="14" t="s">
        <v>23</v>
      </c>
      <c r="D96968" s="14" t="s">
        <v>481</v>
      </c>
      <c r="E96968" s="15">
        <v>45619</v>
      </c>
      <c r="F96968" s="14" t="s">
        <v>61</v>
      </c>
      <c r="G96968" s="16">
        <v>3.7927658755411762</v>
      </c>
    </row>
    <row r="96969" spans="1:7" x14ac:dyDescent="0.3">
      <c r="A96969" s="13" t="s">
        <v>480</v>
      </c>
      <c r="B96969" s="14" t="s">
        <v>1</v>
      </c>
      <c r="C96969" s="14" t="s">
        <v>23</v>
      </c>
      <c r="D96969" s="14" t="s">
        <v>481</v>
      </c>
      <c r="E96969" s="15">
        <v>45620</v>
      </c>
      <c r="F96969" s="14" t="s">
        <v>61</v>
      </c>
      <c r="G96969" s="16">
        <v>3.7927658755411762</v>
      </c>
    </row>
    <row r="96970" spans="1:7" x14ac:dyDescent="0.3">
      <c r="A96970" s="13" t="s">
        <v>480</v>
      </c>
      <c r="B96970" s="14" t="s">
        <v>1</v>
      </c>
      <c r="C96970" s="14" t="s">
        <v>23</v>
      </c>
      <c r="D96970" s="14" t="s">
        <v>481</v>
      </c>
      <c r="E96970" s="15">
        <v>45621</v>
      </c>
      <c r="F96970" s="14" t="s">
        <v>61</v>
      </c>
      <c r="G96970" s="16">
        <v>3.7814638400934926</v>
      </c>
    </row>
    <row r="96971" spans="1:7" x14ac:dyDescent="0.3">
      <c r="A96971" s="13" t="s">
        <v>480</v>
      </c>
      <c r="B96971" s="14" t="s">
        <v>1</v>
      </c>
      <c r="C96971" s="14" t="s">
        <v>23</v>
      </c>
      <c r="D96971" s="14" t="s">
        <v>481</v>
      </c>
      <c r="E96971" s="15">
        <v>45622</v>
      </c>
      <c r="F96971" s="14" t="s">
        <v>61</v>
      </c>
      <c r="G96971" s="16">
        <v>3.8284448194555036</v>
      </c>
    </row>
    <row r="96972" spans="1:7" x14ac:dyDescent="0.3">
      <c r="A96972" s="13" t="s">
        <v>480</v>
      </c>
      <c r="B96972" s="14" t="s">
        <v>1</v>
      </c>
      <c r="C96972" s="14" t="s">
        <v>23</v>
      </c>
      <c r="D96972" s="14" t="s">
        <v>481</v>
      </c>
      <c r="E96972" s="15">
        <v>45623</v>
      </c>
      <c r="F96972" s="14" t="s">
        <v>61</v>
      </c>
      <c r="G96972" s="16">
        <v>3.8154177179854734</v>
      </c>
    </row>
    <row r="96973" spans="1:7" x14ac:dyDescent="0.3">
      <c r="A96973" s="13" t="s">
        <v>480</v>
      </c>
      <c r="B96973" s="14" t="s">
        <v>1</v>
      </c>
      <c r="C96973" s="14" t="s">
        <v>23</v>
      </c>
      <c r="D96973" s="14" t="s">
        <v>481</v>
      </c>
      <c r="E96973" s="15">
        <v>45624</v>
      </c>
      <c r="F96973" s="14" t="s">
        <v>61</v>
      </c>
      <c r="G96973" s="16">
        <v>3.8154177179854734</v>
      </c>
    </row>
    <row r="96974" spans="1:7" x14ac:dyDescent="0.3">
      <c r="A96974" s="13" t="s">
        <v>480</v>
      </c>
      <c r="B96974" s="14" t="s">
        <v>1</v>
      </c>
      <c r="C96974" s="14" t="s">
        <v>23</v>
      </c>
      <c r="D96974" s="14" t="s">
        <v>481</v>
      </c>
      <c r="E96974" s="15">
        <v>45625</v>
      </c>
      <c r="F96974" s="14" t="s">
        <v>61</v>
      </c>
      <c r="G96974" s="16">
        <v>3.8309372972268454</v>
      </c>
    </row>
    <row r="96975" spans="1:7" x14ac:dyDescent="0.3">
      <c r="A96975" s="13" t="s">
        <v>480</v>
      </c>
      <c r="B96975" s="14" t="s">
        <v>1</v>
      </c>
      <c r="C96975" s="14" t="s">
        <v>23</v>
      </c>
      <c r="D96975" s="14" t="s">
        <v>481</v>
      </c>
      <c r="E96975" s="15">
        <v>45626</v>
      </c>
      <c r="F96975" s="14" t="s">
        <v>61</v>
      </c>
      <c r="G96975" s="16">
        <v>3.8309372972268454</v>
      </c>
    </row>
    <row r="96976" spans="1:7" x14ac:dyDescent="0.3">
      <c r="A96976" s="13" t="s">
        <v>480</v>
      </c>
      <c r="B96976" s="14" t="s">
        <v>1</v>
      </c>
      <c r="C96976" s="14" t="s">
        <v>23</v>
      </c>
      <c r="D96976" s="14" t="s">
        <v>481</v>
      </c>
      <c r="E96976" s="15">
        <v>45627</v>
      </c>
      <c r="F96976" s="14" t="s">
        <v>61</v>
      </c>
      <c r="G96976" s="16">
        <v>3.8309372972268454</v>
      </c>
    </row>
    <row r="96977" spans="1:7" x14ac:dyDescent="0.3">
      <c r="A96977" s="13" t="s">
        <v>480</v>
      </c>
      <c r="B96977" s="14" t="s">
        <v>1</v>
      </c>
      <c r="C96977" s="14" t="s">
        <v>23</v>
      </c>
      <c r="D96977" s="14" t="s">
        <v>481</v>
      </c>
      <c r="E96977" s="15">
        <v>45628</v>
      </c>
      <c r="F96977" s="14" t="s">
        <v>61</v>
      </c>
      <c r="G96977" s="16">
        <v>3.8905081554402146</v>
      </c>
    </row>
    <row r="96978" spans="1:7" x14ac:dyDescent="0.3">
      <c r="A96978" s="13" t="s">
        <v>480</v>
      </c>
      <c r="B96978" s="14" t="s">
        <v>1</v>
      </c>
      <c r="C96978" s="14" t="s">
        <v>23</v>
      </c>
      <c r="D96978" s="14" t="s">
        <v>481</v>
      </c>
      <c r="E96978" s="15">
        <v>45629</v>
      </c>
      <c r="F96978" s="14" t="s">
        <v>61</v>
      </c>
      <c r="G96978" s="16">
        <v>3.9195473342206286</v>
      </c>
    </row>
    <row r="96979" spans="1:7" x14ac:dyDescent="0.3">
      <c r="A96979" s="13" t="s">
        <v>480</v>
      </c>
      <c r="B96979" s="14" t="s">
        <v>1</v>
      </c>
      <c r="C96979" s="14" t="s">
        <v>23</v>
      </c>
      <c r="D96979" s="14" t="s">
        <v>481</v>
      </c>
      <c r="E96979" s="15">
        <v>45630</v>
      </c>
      <c r="F96979" s="14" t="s">
        <v>61</v>
      </c>
      <c r="G96979" s="16">
        <v>3.9320107794546924</v>
      </c>
    </row>
    <row r="96980" spans="1:7" x14ac:dyDescent="0.3">
      <c r="A96980" s="13" t="s">
        <v>480</v>
      </c>
      <c r="B96980" s="14" t="s">
        <v>1</v>
      </c>
      <c r="C96980" s="14" t="s">
        <v>23</v>
      </c>
      <c r="D96980" s="14" t="s">
        <v>481</v>
      </c>
      <c r="E96980" s="15">
        <v>45631</v>
      </c>
      <c r="F96980" s="14" t="s">
        <v>61</v>
      </c>
      <c r="G96980" s="16">
        <v>3.9190549180334844</v>
      </c>
    </row>
    <row r="96981" spans="1:7" x14ac:dyDescent="0.3">
      <c r="A96981" s="13" t="s">
        <v>480</v>
      </c>
      <c r="B96981" s="14" t="s">
        <v>1</v>
      </c>
      <c r="C96981" s="14" t="s">
        <v>23</v>
      </c>
      <c r="D96981" s="14" t="s">
        <v>481</v>
      </c>
      <c r="E96981" s="15">
        <v>45632</v>
      </c>
      <c r="F96981" s="14" t="s">
        <v>61</v>
      </c>
      <c r="G96981" s="16">
        <v>3.9404094442588939</v>
      </c>
    </row>
    <row r="96982" spans="1:7" x14ac:dyDescent="0.3">
      <c r="A96982" s="13" t="s">
        <v>480</v>
      </c>
      <c r="B96982" s="14" t="s">
        <v>1</v>
      </c>
      <c r="C96982" s="14" t="s">
        <v>23</v>
      </c>
      <c r="D96982" s="14" t="s">
        <v>481</v>
      </c>
      <c r="E96982" s="15">
        <v>45633</v>
      </c>
      <c r="F96982" s="14" t="s">
        <v>61</v>
      </c>
      <c r="G96982" s="16">
        <v>3.9404094442588939</v>
      </c>
    </row>
    <row r="96983" spans="1:7" x14ac:dyDescent="0.3">
      <c r="A96983" s="13" t="s">
        <v>480</v>
      </c>
      <c r="B96983" s="14" t="s">
        <v>1</v>
      </c>
      <c r="C96983" s="14" t="s">
        <v>23</v>
      </c>
      <c r="D96983" s="14" t="s">
        <v>481</v>
      </c>
      <c r="E96983" s="15">
        <v>45634</v>
      </c>
      <c r="F96983" s="14" t="s">
        <v>61</v>
      </c>
      <c r="G96983" s="16">
        <v>3.9404094442588939</v>
      </c>
    </row>
    <row r="96984" spans="1:7" x14ac:dyDescent="0.3">
      <c r="A96984" s="13" t="s">
        <v>480</v>
      </c>
      <c r="B96984" s="14" t="s">
        <v>1</v>
      </c>
      <c r="C96984" s="14" t="s">
        <v>23</v>
      </c>
      <c r="D96984" s="14" t="s">
        <v>481</v>
      </c>
      <c r="E96984" s="15">
        <v>45635</v>
      </c>
      <c r="F96984" s="14" t="s">
        <v>61</v>
      </c>
      <c r="G96984" s="16">
        <v>3.968486687889679</v>
      </c>
    </row>
    <row r="96985" spans="1:7" x14ac:dyDescent="0.3">
      <c r="A96985" s="13" t="s">
        <v>480</v>
      </c>
      <c r="B96985" s="14" t="s">
        <v>1</v>
      </c>
      <c r="C96985" s="14" t="s">
        <v>23</v>
      </c>
      <c r="D96985" s="14" t="s">
        <v>481</v>
      </c>
      <c r="E96985" s="15">
        <v>45636</v>
      </c>
      <c r="F96985" s="14" t="s">
        <v>61</v>
      </c>
      <c r="G96985" s="16">
        <v>4.0238208053482385</v>
      </c>
    </row>
    <row r="96986" spans="1:7" x14ac:dyDescent="0.3">
      <c r="A96986" s="13" t="s">
        <v>480</v>
      </c>
      <c r="B96986" s="14" t="s">
        <v>1</v>
      </c>
      <c r="C96986" s="14" t="s">
        <v>23</v>
      </c>
      <c r="D96986" s="14" t="s">
        <v>481</v>
      </c>
      <c r="E96986" s="15">
        <v>45637</v>
      </c>
      <c r="F96986" s="14" t="s">
        <v>61</v>
      </c>
      <c r="G96986" s="16">
        <v>4.0513824144249657</v>
      </c>
    </row>
    <row r="96987" spans="1:7" x14ac:dyDescent="0.3">
      <c r="A96987" s="13" t="s">
        <v>480</v>
      </c>
      <c r="B96987" s="14" t="s">
        <v>1</v>
      </c>
      <c r="C96987" s="14" t="s">
        <v>23</v>
      </c>
      <c r="D96987" s="14" t="s">
        <v>481</v>
      </c>
      <c r="E96987" s="15">
        <v>45638</v>
      </c>
      <c r="F96987" s="14" t="s">
        <v>61</v>
      </c>
      <c r="G96987" s="16">
        <v>4.0776672921740023</v>
      </c>
    </row>
    <row r="96988" spans="1:7" x14ac:dyDescent="0.3">
      <c r="A96988" s="13" t="s">
        <v>480</v>
      </c>
      <c r="B96988" s="14" t="s">
        <v>1</v>
      </c>
      <c r="C96988" s="14" t="s">
        <v>23</v>
      </c>
      <c r="D96988" s="14" t="s">
        <v>481</v>
      </c>
      <c r="E96988" s="15">
        <v>45639</v>
      </c>
      <c r="F96988" s="14" t="s">
        <v>61</v>
      </c>
      <c r="G96988" s="16">
        <v>4.0791537554805579</v>
      </c>
    </row>
    <row r="96989" spans="1:7" x14ac:dyDescent="0.3">
      <c r="A96989" s="13" t="s">
        <v>480</v>
      </c>
      <c r="B96989" s="14" t="s">
        <v>1</v>
      </c>
      <c r="C96989" s="14" t="s">
        <v>23</v>
      </c>
      <c r="D96989" s="14" t="s">
        <v>481</v>
      </c>
      <c r="E96989" s="15">
        <v>45640</v>
      </c>
      <c r="F96989" s="14" t="s">
        <v>61</v>
      </c>
      <c r="G96989" s="16">
        <v>4.0791537554805579</v>
      </c>
    </row>
    <row r="96990" spans="1:7" x14ac:dyDescent="0.3">
      <c r="A96990" s="13" t="s">
        <v>480</v>
      </c>
      <c r="B96990" s="14" t="s">
        <v>1</v>
      </c>
      <c r="C96990" s="14" t="s">
        <v>23</v>
      </c>
      <c r="D96990" s="14" t="s">
        <v>481</v>
      </c>
      <c r="E96990" s="15">
        <v>45641</v>
      </c>
      <c r="F96990" s="14" t="s">
        <v>61</v>
      </c>
      <c r="G96990" s="16">
        <v>4.0791537554805579</v>
      </c>
    </row>
    <row r="96991" spans="1:7" x14ac:dyDescent="0.3">
      <c r="A96991" s="13" t="s">
        <v>480</v>
      </c>
      <c r="B96991" s="14" t="s">
        <v>1</v>
      </c>
      <c r="C96991" s="14" t="s">
        <v>23</v>
      </c>
      <c r="D96991" s="14" t="s">
        <v>481</v>
      </c>
      <c r="E96991" s="15">
        <v>45642</v>
      </c>
      <c r="F96991" s="14" t="s">
        <v>61</v>
      </c>
      <c r="G96991" s="16">
        <v>4.0900751208916191</v>
      </c>
    </row>
    <row r="96992" spans="1:7" x14ac:dyDescent="0.3">
      <c r="A96992" s="13" t="s">
        <v>480</v>
      </c>
      <c r="B96992" s="14" t="s">
        <v>1</v>
      </c>
      <c r="C96992" s="14" t="s">
        <v>23</v>
      </c>
      <c r="D96992" s="14" t="s">
        <v>481</v>
      </c>
      <c r="E96992" s="15">
        <v>45643</v>
      </c>
      <c r="F96992" s="14" t="s">
        <v>61</v>
      </c>
      <c r="G96992" s="16">
        <v>4.1434315407223927</v>
      </c>
    </row>
    <row r="96993" spans="1:7" x14ac:dyDescent="0.3">
      <c r="A96993" s="13" t="s">
        <v>480</v>
      </c>
      <c r="B96993" s="14" t="s">
        <v>1</v>
      </c>
      <c r="C96993" s="14" t="s">
        <v>23</v>
      </c>
      <c r="D96993" s="14" t="s">
        <v>481</v>
      </c>
      <c r="E96993" s="15">
        <v>45644</v>
      </c>
      <c r="F96993" s="14" t="s">
        <v>61</v>
      </c>
      <c r="G96993" s="16">
        <v>4.2152564303681492</v>
      </c>
    </row>
    <row r="96994" spans="1:7" x14ac:dyDescent="0.3">
      <c r="A96994" s="13" t="s">
        <v>480</v>
      </c>
      <c r="B96994" s="14" t="s">
        <v>1</v>
      </c>
      <c r="C96994" s="14" t="s">
        <v>23</v>
      </c>
      <c r="D96994" s="14" t="s">
        <v>481</v>
      </c>
      <c r="E96994" s="15">
        <v>45645</v>
      </c>
      <c r="F96994" s="14" t="s">
        <v>61</v>
      </c>
      <c r="G96994" s="16">
        <v>4.2256175671141341</v>
      </c>
    </row>
    <row r="96995" spans="1:7" x14ac:dyDescent="0.3">
      <c r="A96995" s="13" t="s">
        <v>480</v>
      </c>
      <c r="B96995" s="14" t="s">
        <v>1</v>
      </c>
      <c r="C96995" s="14" t="s">
        <v>23</v>
      </c>
      <c r="D96995" s="14" t="s">
        <v>481</v>
      </c>
      <c r="E96995" s="15">
        <v>45646</v>
      </c>
      <c r="F96995" s="14" t="s">
        <v>61</v>
      </c>
      <c r="G96995" s="16">
        <v>4.2129940372551093</v>
      </c>
    </row>
    <row r="96996" spans="1:7" x14ac:dyDescent="0.3">
      <c r="A96996" s="13" t="s">
        <v>480</v>
      </c>
      <c r="B96996" s="14" t="s">
        <v>1</v>
      </c>
      <c r="C96996" s="14" t="s">
        <v>23</v>
      </c>
      <c r="D96996" s="14" t="s">
        <v>481</v>
      </c>
      <c r="E96996" s="15">
        <v>45647</v>
      </c>
      <c r="F96996" s="14" t="s">
        <v>61</v>
      </c>
      <c r="G96996" s="16">
        <v>4.2129940372551093</v>
      </c>
    </row>
    <row r="96997" spans="1:7" x14ac:dyDescent="0.3">
      <c r="A96997" s="13" t="s">
        <v>480</v>
      </c>
      <c r="B96997" s="14" t="s">
        <v>1</v>
      </c>
      <c r="C96997" s="14" t="s">
        <v>23</v>
      </c>
      <c r="D96997" s="14" t="s">
        <v>481</v>
      </c>
      <c r="E96997" s="15">
        <v>45648</v>
      </c>
      <c r="F96997" s="14" t="s">
        <v>61</v>
      </c>
      <c r="G96997" s="16">
        <v>4.2129940372551093</v>
      </c>
    </row>
    <row r="96998" spans="1:7" x14ac:dyDescent="0.3">
      <c r="A96998" s="13" t="s">
        <v>480</v>
      </c>
      <c r="B96998" s="14" t="s">
        <v>1</v>
      </c>
      <c r="C96998" s="14" t="s">
        <v>23</v>
      </c>
      <c r="D96998" s="14" t="s">
        <v>481</v>
      </c>
      <c r="E96998" s="15">
        <v>45649</v>
      </c>
      <c r="F96998" s="14" t="s">
        <v>61</v>
      </c>
      <c r="G96998" s="16">
        <v>4.2007365130986107</v>
      </c>
    </row>
    <row r="96999" spans="1:7" x14ac:dyDescent="0.3">
      <c r="A96999" s="13" t="s">
        <v>480</v>
      </c>
      <c r="B96999" s="14" t="s">
        <v>1</v>
      </c>
      <c r="C96999" s="14" t="s">
        <v>23</v>
      </c>
      <c r="D96999" s="14" t="s">
        <v>481</v>
      </c>
      <c r="E96999" s="15">
        <v>45650</v>
      </c>
      <c r="F96999" s="14" t="s">
        <v>61</v>
      </c>
      <c r="G96999" s="16">
        <v>4.2440806272312983</v>
      </c>
    </row>
    <row r="97000" spans="1:7" x14ac:dyDescent="0.3">
      <c r="A97000" s="13" t="s">
        <v>480</v>
      </c>
      <c r="B97000" s="14" t="s">
        <v>1</v>
      </c>
      <c r="C97000" s="14" t="s">
        <v>23</v>
      </c>
      <c r="D97000" s="14" t="s">
        <v>481</v>
      </c>
      <c r="E97000" s="15">
        <v>45651</v>
      </c>
      <c r="F97000" s="14" t="s">
        <v>61</v>
      </c>
      <c r="G97000" s="16">
        <v>4.2440806272312983</v>
      </c>
    </row>
    <row r="97001" spans="1:7" x14ac:dyDescent="0.3">
      <c r="A97001" s="13" t="s">
        <v>480</v>
      </c>
      <c r="B97001" s="14" t="s">
        <v>1</v>
      </c>
      <c r="C97001" s="14" t="s">
        <v>23</v>
      </c>
      <c r="D97001" s="14" t="s">
        <v>481</v>
      </c>
      <c r="E97001" s="15">
        <v>45652</v>
      </c>
      <c r="F97001" s="14" t="s">
        <v>61</v>
      </c>
      <c r="G97001" s="16">
        <v>4.2440806272312983</v>
      </c>
    </row>
    <row r="97002" spans="1:7" x14ac:dyDescent="0.3">
      <c r="A97002" s="13" t="s">
        <v>480</v>
      </c>
      <c r="B97002" s="14" t="s">
        <v>1</v>
      </c>
      <c r="C97002" s="14" t="s">
        <v>23</v>
      </c>
      <c r="D97002" s="14" t="s">
        <v>481</v>
      </c>
      <c r="E97002" s="15">
        <v>45653</v>
      </c>
      <c r="F97002" s="14" t="s">
        <v>61</v>
      </c>
      <c r="G97002" s="16">
        <v>4.2440806272312983</v>
      </c>
    </row>
    <row r="97003" spans="1:7" x14ac:dyDescent="0.3">
      <c r="A97003" s="13" t="s">
        <v>480</v>
      </c>
      <c r="B97003" s="14" t="s">
        <v>1</v>
      </c>
      <c r="C97003" s="14" t="s">
        <v>23</v>
      </c>
      <c r="D97003" s="14" t="s">
        <v>481</v>
      </c>
      <c r="E97003" s="15">
        <v>45654</v>
      </c>
      <c r="F97003" s="14" t="s">
        <v>61</v>
      </c>
      <c r="G97003" s="16">
        <v>4.2440806272312983</v>
      </c>
    </row>
    <row r="97004" spans="1:7" x14ac:dyDescent="0.3">
      <c r="A97004" s="13" t="s">
        <v>480</v>
      </c>
      <c r="B97004" s="14" t="s">
        <v>1</v>
      </c>
      <c r="C97004" s="14" t="s">
        <v>23</v>
      </c>
      <c r="D97004" s="14" t="s">
        <v>481</v>
      </c>
      <c r="E97004" s="15">
        <v>45655</v>
      </c>
      <c r="F97004" s="14" t="s">
        <v>61</v>
      </c>
      <c r="G97004" s="16">
        <v>4.2440806272312983</v>
      </c>
    </row>
    <row r="97005" spans="1:7" x14ac:dyDescent="0.3">
      <c r="A97005" s="13" t="s">
        <v>480</v>
      </c>
      <c r="B97005" s="14" t="s">
        <v>1</v>
      </c>
      <c r="C97005" s="14" t="s">
        <v>23</v>
      </c>
      <c r="D97005" s="14" t="s">
        <v>481</v>
      </c>
      <c r="E97005" s="15">
        <v>45656</v>
      </c>
      <c r="F97005" s="14" t="s">
        <v>61</v>
      </c>
      <c r="G97005" s="16">
        <v>4.2559362192529679</v>
      </c>
    </row>
    <row r="97006" spans="1:7" x14ac:dyDescent="0.3">
      <c r="A97006" s="13" t="s">
        <v>480</v>
      </c>
      <c r="B97006" s="14" t="s">
        <v>1</v>
      </c>
      <c r="C97006" s="14" t="s">
        <v>23</v>
      </c>
      <c r="D97006" s="14" t="s">
        <v>481</v>
      </c>
      <c r="E97006" s="15">
        <v>45657</v>
      </c>
      <c r="F97006" s="14" t="s">
        <v>61</v>
      </c>
      <c r="G97006" s="16">
        <v>4.3742657346142257</v>
      </c>
    </row>
    <row r="97007" spans="1:7" x14ac:dyDescent="0.3">
      <c r="A97007" s="13" t="s">
        <v>480</v>
      </c>
      <c r="B97007" s="14" t="s">
        <v>1</v>
      </c>
      <c r="C97007" s="14" t="s">
        <v>23</v>
      </c>
      <c r="D97007" s="14" t="s">
        <v>481</v>
      </c>
      <c r="E97007" s="15">
        <v>45658</v>
      </c>
      <c r="F97007" s="14" t="s">
        <v>61</v>
      </c>
      <c r="G97007" s="16">
        <v>4.3742657346142257</v>
      </c>
    </row>
    <row r="97008" spans="1:7" x14ac:dyDescent="0.3">
      <c r="A97008" s="13" t="s">
        <v>480</v>
      </c>
      <c r="B97008" s="14" t="s">
        <v>1</v>
      </c>
      <c r="C97008" s="14" t="s">
        <v>23</v>
      </c>
      <c r="D97008" s="14" t="s">
        <v>481</v>
      </c>
      <c r="E97008" s="15">
        <v>45659</v>
      </c>
      <c r="F97008" s="14" t="s">
        <v>61</v>
      </c>
      <c r="G97008" s="16">
        <v>4.426469920142182</v>
      </c>
    </row>
    <row r="97009" spans="1:7" x14ac:dyDescent="0.3">
      <c r="A97009" s="13" t="s">
        <v>480</v>
      </c>
      <c r="B97009" s="14" t="s">
        <v>1</v>
      </c>
      <c r="C97009" s="14" t="s">
        <v>23</v>
      </c>
      <c r="D97009" s="14" t="s">
        <v>481</v>
      </c>
      <c r="E97009" s="15">
        <v>45660</v>
      </c>
      <c r="F97009" s="14" t="s">
        <v>61</v>
      </c>
      <c r="G97009" s="16">
        <v>4.428850096518147</v>
      </c>
    </row>
    <row r="97010" spans="1:7" x14ac:dyDescent="0.3">
      <c r="A97010" s="13" t="s">
        <v>480</v>
      </c>
      <c r="B97010" s="14" t="s">
        <v>1</v>
      </c>
      <c r="C97010" s="14" t="s">
        <v>23</v>
      </c>
      <c r="D97010" s="14" t="s">
        <v>481</v>
      </c>
      <c r="E97010" s="15">
        <v>45661</v>
      </c>
      <c r="F97010" s="14" t="s">
        <v>61</v>
      </c>
      <c r="G97010" s="16">
        <v>4.428850096518147</v>
      </c>
    </row>
    <row r="97011" spans="1:7" x14ac:dyDescent="0.3">
      <c r="A97011" s="13" t="s">
        <v>480</v>
      </c>
      <c r="B97011" s="14" t="s">
        <v>1</v>
      </c>
      <c r="C97011" s="14" t="s">
        <v>23</v>
      </c>
      <c r="D97011" s="14" t="s">
        <v>481</v>
      </c>
      <c r="E97011" s="15">
        <v>45662</v>
      </c>
      <c r="F97011" s="14" t="s">
        <v>61</v>
      </c>
      <c r="G97011" s="16">
        <v>4.428850096518147</v>
      </c>
    </row>
    <row r="97012" spans="1:7" x14ac:dyDescent="0.3">
      <c r="A97012" s="13" t="s">
        <v>480</v>
      </c>
      <c r="B97012" s="14" t="s">
        <v>1</v>
      </c>
      <c r="C97012" s="14" t="s">
        <v>23</v>
      </c>
      <c r="D97012" s="14" t="s">
        <v>481</v>
      </c>
      <c r="E97012" s="15">
        <v>45663</v>
      </c>
      <c r="F97012" s="14" t="s">
        <v>61</v>
      </c>
      <c r="G97012" s="16">
        <v>4.4093052515661535</v>
      </c>
    </row>
    <row r="97013" spans="1:7" x14ac:dyDescent="0.3">
      <c r="A97013" s="13" t="s">
        <v>480</v>
      </c>
      <c r="B97013" s="14" t="s">
        <v>1</v>
      </c>
      <c r="C97013" s="14" t="s">
        <v>23</v>
      </c>
      <c r="D97013" s="14" t="s">
        <v>481</v>
      </c>
      <c r="E97013" s="15">
        <v>45664</v>
      </c>
      <c r="F97013" s="14" t="s">
        <v>61</v>
      </c>
      <c r="G97013" s="16">
        <v>4.4773452869690757</v>
      </c>
    </row>
    <row r="97014" spans="1:7" x14ac:dyDescent="0.3">
      <c r="A97014" s="13" t="s">
        <v>480</v>
      </c>
      <c r="B97014" s="14" t="s">
        <v>1</v>
      </c>
      <c r="C97014" s="14" t="s">
        <v>23</v>
      </c>
      <c r="D97014" s="14" t="s">
        <v>481</v>
      </c>
      <c r="E97014" s="15">
        <v>45665</v>
      </c>
      <c r="F97014" s="14" t="s">
        <v>61</v>
      </c>
      <c r="G97014" s="16">
        <v>4.5038287643268085</v>
      </c>
    </row>
    <row r="97015" spans="1:7" x14ac:dyDescent="0.3">
      <c r="A97015" s="13" t="s">
        <v>480</v>
      </c>
      <c r="B97015" s="14" t="s">
        <v>1</v>
      </c>
      <c r="C97015" s="14" t="s">
        <v>23</v>
      </c>
      <c r="D97015" s="14" t="s">
        <v>481</v>
      </c>
      <c r="E97015" s="15">
        <v>45666</v>
      </c>
      <c r="F97015" s="14" t="s">
        <v>61</v>
      </c>
      <c r="G97015" s="16">
        <v>4.5038287643268085</v>
      </c>
    </row>
    <row r="97016" spans="1:7" x14ac:dyDescent="0.3">
      <c r="A97016" s="13" t="s">
        <v>480</v>
      </c>
      <c r="B97016" s="14" t="s">
        <v>1</v>
      </c>
      <c r="C97016" s="14" t="s">
        <v>23</v>
      </c>
      <c r="D97016" s="14" t="s">
        <v>481</v>
      </c>
      <c r="E97016" s="15">
        <v>45667</v>
      </c>
      <c r="F97016" s="14" t="s">
        <v>61</v>
      </c>
      <c r="G97016" s="16">
        <v>4.5569471251410922</v>
      </c>
    </row>
    <row r="97017" spans="1:7" x14ac:dyDescent="0.3">
      <c r="A97017" s="13" t="s">
        <v>480</v>
      </c>
      <c r="B97017" s="14" t="s">
        <v>1</v>
      </c>
      <c r="C97017" s="14" t="s">
        <v>23</v>
      </c>
      <c r="D97017" s="14" t="s">
        <v>481</v>
      </c>
      <c r="E97017" s="15">
        <v>45668</v>
      </c>
      <c r="F97017" s="14" t="s">
        <v>61</v>
      </c>
      <c r="G97017" s="16">
        <v>4.5569471251410922</v>
      </c>
    </row>
    <row r="97018" spans="1:7" x14ac:dyDescent="0.3">
      <c r="A97018" s="13" t="s">
        <v>480</v>
      </c>
      <c r="B97018" s="14" t="s">
        <v>1</v>
      </c>
      <c r="C97018" s="14" t="s">
        <v>23</v>
      </c>
      <c r="D97018" s="14" t="s">
        <v>481</v>
      </c>
      <c r="E97018" s="15">
        <v>45669</v>
      </c>
      <c r="F97018" s="14" t="s">
        <v>61</v>
      </c>
      <c r="G97018" s="16">
        <v>4.5569471251410922</v>
      </c>
    </row>
    <row r="97019" spans="1:7" x14ac:dyDescent="0.3">
      <c r="A97019" s="13" t="s">
        <v>480</v>
      </c>
      <c r="B97019" s="14" t="s">
        <v>1</v>
      </c>
      <c r="C97019" s="14" t="s">
        <v>23</v>
      </c>
      <c r="D97019" s="14" t="s">
        <v>481</v>
      </c>
      <c r="E97019" s="15">
        <v>45670</v>
      </c>
      <c r="F97019" s="14" t="s">
        <v>61</v>
      </c>
      <c r="G97019" s="16">
        <v>4.5905728902382315</v>
      </c>
    </row>
    <row r="97020" spans="1:7" x14ac:dyDescent="0.3">
      <c r="A97020" s="13" t="s">
        <v>480</v>
      </c>
      <c r="B97020" s="14" t="s">
        <v>1</v>
      </c>
      <c r="C97020" s="14" t="s">
        <v>23</v>
      </c>
      <c r="D97020" s="14" t="s">
        <v>481</v>
      </c>
      <c r="E97020" s="15">
        <v>45671</v>
      </c>
      <c r="F97020" s="14" t="s">
        <v>61</v>
      </c>
      <c r="G97020" s="16">
        <v>4.6029870100022974</v>
      </c>
    </row>
    <row r="97021" spans="1:7" x14ac:dyDescent="0.3">
      <c r="A97021" s="13" t="s">
        <v>480</v>
      </c>
      <c r="B97021" s="14" t="s">
        <v>1</v>
      </c>
      <c r="C97021" s="14" t="s">
        <v>23</v>
      </c>
      <c r="D97021" s="14" t="s">
        <v>481</v>
      </c>
      <c r="E97021" s="15">
        <v>45672</v>
      </c>
      <c r="F97021" s="14" t="s">
        <v>61</v>
      </c>
      <c r="G97021" s="16">
        <v>4.6273982516921697</v>
      </c>
    </row>
    <row r="97022" spans="1:7" x14ac:dyDescent="0.3">
      <c r="A97022" s="13" t="s">
        <v>480</v>
      </c>
      <c r="B97022" s="14" t="s">
        <v>1</v>
      </c>
      <c r="C97022" s="14" t="s">
        <v>23</v>
      </c>
      <c r="D97022" s="14" t="s">
        <v>481</v>
      </c>
      <c r="E97022" s="15">
        <v>45673</v>
      </c>
      <c r="F97022" s="14" t="s">
        <v>61</v>
      </c>
      <c r="G97022" s="16">
        <v>4.6386350357482691</v>
      </c>
    </row>
    <row r="97023" spans="1:7" x14ac:dyDescent="0.3">
      <c r="A97023" s="13" t="s">
        <v>480</v>
      </c>
      <c r="B97023" s="14" t="s">
        <v>1</v>
      </c>
      <c r="C97023" s="14" t="s">
        <v>23</v>
      </c>
      <c r="D97023" s="14" t="s">
        <v>481</v>
      </c>
      <c r="E97023" s="15">
        <v>45674</v>
      </c>
      <c r="F97023" s="14" t="s">
        <v>61</v>
      </c>
      <c r="G97023" s="16">
        <v>4.6581968064216097</v>
      </c>
    </row>
    <row r="97024" spans="1:7" x14ac:dyDescent="0.3">
      <c r="A97024" s="13" t="s">
        <v>480</v>
      </c>
      <c r="B97024" s="14" t="s">
        <v>1</v>
      </c>
      <c r="C97024" s="14" t="s">
        <v>23</v>
      </c>
      <c r="D97024" s="14" t="s">
        <v>481</v>
      </c>
      <c r="E97024" s="15">
        <v>45675</v>
      </c>
      <c r="F97024" s="14" t="s">
        <v>61</v>
      </c>
      <c r="G97024" s="16">
        <v>4.6581968064216097</v>
      </c>
    </row>
    <row r="97025" spans="1:7" x14ac:dyDescent="0.3">
      <c r="A97025" s="13" t="s">
        <v>480</v>
      </c>
      <c r="B97025" s="14" t="s">
        <v>1</v>
      </c>
      <c r="C97025" s="14" t="s">
        <v>23</v>
      </c>
      <c r="D97025" s="14" t="s">
        <v>481</v>
      </c>
      <c r="E97025" s="15">
        <v>45676</v>
      </c>
      <c r="F97025" s="14" t="s">
        <v>61</v>
      </c>
      <c r="G97025" s="16">
        <v>4.6581968064216097</v>
      </c>
    </row>
    <row r="97026" spans="1:7" x14ac:dyDescent="0.3">
      <c r="A97026" s="13" t="s">
        <v>480</v>
      </c>
      <c r="B97026" s="14" t="s">
        <v>1</v>
      </c>
      <c r="C97026" s="14" t="s">
        <v>23</v>
      </c>
      <c r="D97026" s="14" t="s">
        <v>481</v>
      </c>
      <c r="E97026" s="15">
        <v>45677</v>
      </c>
      <c r="F97026" s="14" t="s">
        <v>61</v>
      </c>
      <c r="G97026" s="16">
        <v>4.6581968064216097</v>
      </c>
    </row>
    <row r="97027" spans="1:7" x14ac:dyDescent="0.3">
      <c r="A97027" s="13" t="s">
        <v>480</v>
      </c>
      <c r="B97027" s="14" t="s">
        <v>1</v>
      </c>
      <c r="C97027" s="14" t="s">
        <v>23</v>
      </c>
      <c r="D97027" s="14" t="s">
        <v>481</v>
      </c>
      <c r="E97027" s="15">
        <v>45678</v>
      </c>
      <c r="F97027" s="14" t="s">
        <v>61</v>
      </c>
      <c r="G97027" s="16">
        <v>4.6040618656285774</v>
      </c>
    </row>
    <row r="97028" spans="1:7" x14ac:dyDescent="0.3">
      <c r="A97028" s="13" t="s">
        <v>480</v>
      </c>
      <c r="B97028" s="14" t="s">
        <v>1</v>
      </c>
      <c r="C97028" s="14" t="s">
        <v>23</v>
      </c>
      <c r="D97028" s="14" t="s">
        <v>481</v>
      </c>
      <c r="E97028" s="15">
        <v>45679</v>
      </c>
      <c r="F97028" s="14" t="s">
        <v>61</v>
      </c>
      <c r="G97028" s="16">
        <v>4.6700347241916207</v>
      </c>
    </row>
    <row r="97029" spans="1:7" x14ac:dyDescent="0.3">
      <c r="A97029" s="13" t="s">
        <v>480</v>
      </c>
      <c r="B97029" s="14" t="s">
        <v>1</v>
      </c>
      <c r="C97029" s="14" t="s">
        <v>23</v>
      </c>
      <c r="D97029" s="14" t="s">
        <v>481</v>
      </c>
      <c r="E97029" s="15">
        <v>45680</v>
      </c>
      <c r="F97029" s="14" t="s">
        <v>61</v>
      </c>
      <c r="G97029" s="16">
        <v>4.6816146053529222</v>
      </c>
    </row>
    <row r="97030" spans="1:7" x14ac:dyDescent="0.3">
      <c r="A97030" s="13" t="s">
        <v>480</v>
      </c>
      <c r="B97030" s="14" t="s">
        <v>1</v>
      </c>
      <c r="C97030" s="14" t="s">
        <v>23</v>
      </c>
      <c r="D97030" s="14" t="s">
        <v>481</v>
      </c>
      <c r="E97030" s="15">
        <v>45681</v>
      </c>
      <c r="F97030" s="14" t="s">
        <v>61</v>
      </c>
      <c r="G97030" s="16">
        <v>4.6609731753605326</v>
      </c>
    </row>
    <row r="97031" spans="1:7" x14ac:dyDescent="0.3">
      <c r="A97031" s="13" t="s">
        <v>480</v>
      </c>
      <c r="B97031" s="14" t="s">
        <v>1</v>
      </c>
      <c r="C97031" s="14" t="s">
        <v>23</v>
      </c>
      <c r="D97031" s="14" t="s">
        <v>481</v>
      </c>
      <c r="E97031" s="15">
        <v>45682</v>
      </c>
      <c r="F97031" s="14" t="s">
        <v>61</v>
      </c>
      <c r="G97031" s="16">
        <v>4.6609731753605326</v>
      </c>
    </row>
    <row r="97032" spans="1:7" x14ac:dyDescent="0.3">
      <c r="A97032" s="13" t="s">
        <v>480</v>
      </c>
      <c r="B97032" s="14" t="s">
        <v>1</v>
      </c>
      <c r="C97032" s="14" t="s">
        <v>23</v>
      </c>
      <c r="D97032" s="14" t="s">
        <v>481</v>
      </c>
      <c r="E97032" s="15">
        <v>45683</v>
      </c>
      <c r="F97032" s="14" t="s">
        <v>61</v>
      </c>
      <c r="G97032" s="16">
        <v>4.6609731753605326</v>
      </c>
    </row>
    <row r="97033" spans="1:7" x14ac:dyDescent="0.3">
      <c r="A97033" s="13" t="s">
        <v>480</v>
      </c>
      <c r="B97033" s="14" t="s">
        <v>1</v>
      </c>
      <c r="C97033" s="14" t="s">
        <v>23</v>
      </c>
      <c r="D97033" s="14" t="s">
        <v>481</v>
      </c>
      <c r="E97033" s="15">
        <v>45684</v>
      </c>
      <c r="F97033" s="14" t="s">
        <v>61</v>
      </c>
      <c r="G97033" s="16">
        <v>4.677924652963477</v>
      </c>
    </row>
    <row r="97034" spans="1:7" x14ac:dyDescent="0.3">
      <c r="A97034" s="13" t="s">
        <v>480</v>
      </c>
      <c r="B97034" s="14" t="s">
        <v>1</v>
      </c>
      <c r="C97034" s="14" t="s">
        <v>23</v>
      </c>
      <c r="D97034" s="14" t="s">
        <v>481</v>
      </c>
      <c r="E97034" s="15">
        <v>45685</v>
      </c>
      <c r="F97034" s="14" t="s">
        <v>61</v>
      </c>
      <c r="G97034" s="16">
        <v>4.7497203030696564</v>
      </c>
    </row>
    <row r="97035" spans="1:7" x14ac:dyDescent="0.3">
      <c r="A97035" s="13" t="s">
        <v>480</v>
      </c>
      <c r="B97035" s="14" t="s">
        <v>1</v>
      </c>
      <c r="C97035" s="14" t="s">
        <v>23</v>
      </c>
      <c r="D97035" s="14" t="s">
        <v>481</v>
      </c>
      <c r="E97035" s="15">
        <v>45686</v>
      </c>
      <c r="F97035" s="14" t="s">
        <v>61</v>
      </c>
      <c r="G97035" s="16">
        <v>4.7694730156352358</v>
      </c>
    </row>
    <row r="97036" spans="1:7" x14ac:dyDescent="0.3">
      <c r="A97036" s="13" t="s">
        <v>480</v>
      </c>
      <c r="B97036" s="14" t="s">
        <v>1</v>
      </c>
      <c r="C97036" s="14" t="s">
        <v>23</v>
      </c>
      <c r="D97036" s="14" t="s">
        <v>481</v>
      </c>
      <c r="E97036" s="15">
        <v>45687</v>
      </c>
      <c r="F97036" s="14" t="s">
        <v>61</v>
      </c>
      <c r="G97036" s="16">
        <v>4.7989750730936453</v>
      </c>
    </row>
    <row r="97037" spans="1:7" x14ac:dyDescent="0.3">
      <c r="A97037" s="13" t="s">
        <v>480</v>
      </c>
      <c r="B97037" s="14" t="s">
        <v>1</v>
      </c>
      <c r="C97037" s="14" t="s">
        <v>23</v>
      </c>
      <c r="D97037" s="14" t="s">
        <v>481</v>
      </c>
      <c r="E97037" s="15">
        <v>45688</v>
      </c>
      <c r="F97037" s="14" t="s">
        <v>61</v>
      </c>
      <c r="G97037" s="16">
        <v>4.8255826578990613</v>
      </c>
    </row>
    <row r="97038" spans="1:7" x14ac:dyDescent="0.3">
      <c r="A97038" s="13" t="s">
        <v>480</v>
      </c>
      <c r="B97038" s="14" t="s">
        <v>1</v>
      </c>
      <c r="C97038" s="14" t="s">
        <v>23</v>
      </c>
      <c r="D97038" s="14" t="s">
        <v>481</v>
      </c>
      <c r="E97038" s="15">
        <v>45689</v>
      </c>
      <c r="F97038" s="14" t="s">
        <v>61</v>
      </c>
      <c r="G97038" s="16">
        <v>4.8255826578990613</v>
      </c>
    </row>
    <row r="97039" spans="1:7" x14ac:dyDescent="0.3">
      <c r="A97039" s="13" t="s">
        <v>480</v>
      </c>
      <c r="B97039" s="14" t="s">
        <v>1</v>
      </c>
      <c r="C97039" s="14" t="s">
        <v>23</v>
      </c>
      <c r="D97039" s="14" t="s">
        <v>481</v>
      </c>
      <c r="E97039" s="15">
        <v>45690</v>
      </c>
      <c r="F97039" s="14" t="s">
        <v>61</v>
      </c>
      <c r="G97039" s="16">
        <v>4.8255826578990613</v>
      </c>
    </row>
    <row r="97040" spans="1:7" x14ac:dyDescent="0.3">
      <c r="A97040" s="13" t="s">
        <v>480</v>
      </c>
      <c r="B97040" s="14" t="s">
        <v>1</v>
      </c>
      <c r="C97040" s="14" t="s">
        <v>23</v>
      </c>
      <c r="D97040" s="14" t="s">
        <v>481</v>
      </c>
      <c r="E97040" s="15">
        <v>45691</v>
      </c>
      <c r="F97040" s="14" t="s">
        <v>61</v>
      </c>
      <c r="G97040" s="16">
        <v>4.8255826578990613</v>
      </c>
    </row>
    <row r="97041" spans="1:7" x14ac:dyDescent="0.3">
      <c r="A97041" s="13" t="s">
        <v>480</v>
      </c>
      <c r="B97041" s="14" t="s">
        <v>1</v>
      </c>
      <c r="C97041" s="14" t="s">
        <v>23</v>
      </c>
      <c r="D97041" s="14" t="s">
        <v>481</v>
      </c>
      <c r="E97041" s="15">
        <v>45692</v>
      </c>
      <c r="F97041" s="14" t="s">
        <v>61</v>
      </c>
      <c r="G97041" s="16">
        <v>4.8316442939224729</v>
      </c>
    </row>
    <row r="97042" spans="1:7" x14ac:dyDescent="0.3">
      <c r="A97042" s="13" t="s">
        <v>480</v>
      </c>
      <c r="B97042" s="14" t="s">
        <v>1</v>
      </c>
      <c r="C97042" s="14" t="s">
        <v>23</v>
      </c>
      <c r="D97042" s="14" t="s">
        <v>481</v>
      </c>
      <c r="E97042" s="15">
        <v>45693</v>
      </c>
      <c r="F97042" s="14" t="s">
        <v>61</v>
      </c>
      <c r="G97042" s="16">
        <v>4.8707809729551821</v>
      </c>
    </row>
    <row r="97043" spans="1:7" x14ac:dyDescent="0.3">
      <c r="A97043" s="13" t="s">
        <v>480</v>
      </c>
      <c r="B97043" s="14" t="s">
        <v>1</v>
      </c>
      <c r="C97043" s="14" t="s">
        <v>23</v>
      </c>
      <c r="D97043" s="14" t="s">
        <v>481</v>
      </c>
      <c r="E97043" s="15">
        <v>45694</v>
      </c>
      <c r="F97043" s="14" t="s">
        <v>61</v>
      </c>
      <c r="G97043" s="16">
        <v>4.8936275846386907</v>
      </c>
    </row>
    <row r="97044" spans="1:7" x14ac:dyDescent="0.3">
      <c r="A97044" s="13" t="s">
        <v>480</v>
      </c>
      <c r="B97044" s="14" t="s">
        <v>1</v>
      </c>
      <c r="C97044" s="14" t="s">
        <v>23</v>
      </c>
      <c r="D97044" s="14" t="s">
        <v>481</v>
      </c>
      <c r="E97044" s="15">
        <v>45695</v>
      </c>
      <c r="F97044" s="14" t="s">
        <v>61</v>
      </c>
      <c r="G97044" s="16">
        <v>4.9355258733603282</v>
      </c>
    </row>
    <row r="97045" spans="1:7" x14ac:dyDescent="0.3">
      <c r="A97045" s="13" t="s">
        <v>480</v>
      </c>
      <c r="B97045" s="14" t="s">
        <v>1</v>
      </c>
      <c r="C97045" s="14" t="s">
        <v>23</v>
      </c>
      <c r="D97045" s="14" t="s">
        <v>481</v>
      </c>
      <c r="E97045" s="15">
        <v>45696</v>
      </c>
      <c r="F97045" s="14" t="s">
        <v>61</v>
      </c>
      <c r="G97045" s="16">
        <v>4.9355258733603282</v>
      </c>
    </row>
    <row r="97046" spans="1:7" x14ac:dyDescent="0.3">
      <c r="A97046" s="13" t="s">
        <v>480</v>
      </c>
      <c r="B97046" s="14" t="s">
        <v>1</v>
      </c>
      <c r="C97046" s="14" t="s">
        <v>23</v>
      </c>
      <c r="D97046" s="14" t="s">
        <v>481</v>
      </c>
      <c r="E97046" s="15">
        <v>45697</v>
      </c>
      <c r="F97046" s="14" t="s">
        <v>61</v>
      </c>
      <c r="G97046" s="16">
        <v>4.9355258733603282</v>
      </c>
    </row>
    <row r="97047" spans="1:7" x14ac:dyDescent="0.3">
      <c r="A97047" s="13" t="s">
        <v>480</v>
      </c>
      <c r="B97047" s="14" t="s">
        <v>1</v>
      </c>
      <c r="C97047" s="14" t="s">
        <v>23</v>
      </c>
      <c r="D97047" s="14" t="s">
        <v>481</v>
      </c>
      <c r="E97047" s="15">
        <v>45698</v>
      </c>
      <c r="F97047" s="14" t="s">
        <v>61</v>
      </c>
      <c r="G97047" s="16">
        <v>4.9680018467180602</v>
      </c>
    </row>
    <row r="97048" spans="1:7" x14ac:dyDescent="0.3">
      <c r="A97048" s="13" t="s">
        <v>480</v>
      </c>
      <c r="B97048" s="14" t="s">
        <v>1</v>
      </c>
      <c r="C97048" s="14" t="s">
        <v>23</v>
      </c>
      <c r="D97048" s="14" t="s">
        <v>481</v>
      </c>
      <c r="E97048" s="15">
        <v>45699</v>
      </c>
      <c r="F97048" s="14" t="s">
        <v>61</v>
      </c>
      <c r="G97048" s="16">
        <v>4.9865013572023127</v>
      </c>
    </row>
    <row r="97049" spans="1:7" x14ac:dyDescent="0.3">
      <c r="A97049" s="13" t="s">
        <v>480</v>
      </c>
      <c r="B97049" s="14" t="s">
        <v>1</v>
      </c>
      <c r="C97049" s="14" t="s">
        <v>23</v>
      </c>
      <c r="D97049" s="14" t="s">
        <v>481</v>
      </c>
      <c r="E97049" s="15">
        <v>45700</v>
      </c>
      <c r="F97049" s="14" t="s">
        <v>61</v>
      </c>
      <c r="G97049" s="16">
        <v>4.9912655417059986</v>
      </c>
    </row>
    <row r="97050" spans="1:7" x14ac:dyDescent="0.3">
      <c r="A97050" s="13" t="s">
        <v>480</v>
      </c>
      <c r="B97050" s="14" t="s">
        <v>1</v>
      </c>
      <c r="C97050" s="14" t="s">
        <v>23</v>
      </c>
      <c r="D97050" s="14" t="s">
        <v>481</v>
      </c>
      <c r="E97050" s="15">
        <v>45701</v>
      </c>
      <c r="F97050" s="14" t="s">
        <v>61</v>
      </c>
      <c r="G97050" s="16">
        <v>4.9684198459626483</v>
      </c>
    </row>
    <row r="97051" spans="1:7" x14ac:dyDescent="0.3">
      <c r="A97051" s="13" t="s">
        <v>480</v>
      </c>
      <c r="B97051" s="14" t="s">
        <v>1</v>
      </c>
      <c r="C97051" s="14" t="s">
        <v>23</v>
      </c>
      <c r="D97051" s="14" t="s">
        <v>481</v>
      </c>
      <c r="E97051" s="15">
        <v>45702</v>
      </c>
      <c r="F97051" s="14" t="s">
        <v>61</v>
      </c>
      <c r="G97051" s="16">
        <v>4.9682245930291424</v>
      </c>
    </row>
    <row r="97052" spans="1:7" x14ac:dyDescent="0.3">
      <c r="A97052" s="13" t="s">
        <v>480</v>
      </c>
      <c r="B97052" s="14" t="s">
        <v>1</v>
      </c>
      <c r="C97052" s="14" t="s">
        <v>23</v>
      </c>
      <c r="D97052" s="14" t="s">
        <v>481</v>
      </c>
      <c r="E97052" s="15">
        <v>45703</v>
      </c>
      <c r="F97052" s="14" t="s">
        <v>61</v>
      </c>
      <c r="G97052" s="16">
        <v>4.9682245930291424</v>
      </c>
    </row>
    <row r="97053" spans="1:7" x14ac:dyDescent="0.3">
      <c r="A97053" s="13" t="s">
        <v>480</v>
      </c>
      <c r="B97053" s="14" t="s">
        <v>1</v>
      </c>
      <c r="C97053" s="14" t="s">
        <v>23</v>
      </c>
      <c r="D97053" s="14" t="s">
        <v>481</v>
      </c>
      <c r="E97053" s="15">
        <v>45704</v>
      </c>
      <c r="F97053" s="14" t="s">
        <v>61</v>
      </c>
      <c r="G97053" s="16">
        <v>4.9682245930291424</v>
      </c>
    </row>
    <row r="97054" spans="1:7" x14ac:dyDescent="0.3">
      <c r="A97054" s="13" t="s">
        <v>480</v>
      </c>
      <c r="B97054" s="14" t="s">
        <v>1</v>
      </c>
      <c r="C97054" s="14" t="s">
        <v>23</v>
      </c>
      <c r="D97054" s="14" t="s">
        <v>481</v>
      </c>
      <c r="E97054" s="15">
        <v>45705</v>
      </c>
      <c r="F97054" s="14" t="s">
        <v>61</v>
      </c>
      <c r="G97054" s="16">
        <v>4.9682245930291424</v>
      </c>
    </row>
    <row r="97055" spans="1:7" x14ac:dyDescent="0.3">
      <c r="A97055" s="13" t="s">
        <v>480</v>
      </c>
      <c r="B97055" s="14" t="s">
        <v>1</v>
      </c>
      <c r="C97055" s="14" t="s">
        <v>23</v>
      </c>
      <c r="D97055" s="14" t="s">
        <v>481</v>
      </c>
      <c r="E97055" s="15">
        <v>45706</v>
      </c>
      <c r="F97055" s="14" t="s">
        <v>61</v>
      </c>
      <c r="G97055" s="16">
        <v>5.005348144796967</v>
      </c>
    </row>
    <row r="97056" spans="1:7" x14ac:dyDescent="0.3">
      <c r="A97056" s="13" t="s">
        <v>480</v>
      </c>
      <c r="B97056" s="14" t="s">
        <v>1</v>
      </c>
      <c r="C97056" s="14" t="s">
        <v>23</v>
      </c>
      <c r="D97056" s="14" t="s">
        <v>481</v>
      </c>
      <c r="E97056" s="15">
        <v>45707</v>
      </c>
      <c r="F97056" s="14" t="s">
        <v>61</v>
      </c>
      <c r="G97056" s="16">
        <v>5.0763995775159492</v>
      </c>
    </row>
    <row r="97057" spans="1:7" x14ac:dyDescent="0.3">
      <c r="A97057" s="13" t="s">
        <v>480</v>
      </c>
      <c r="B97057" s="14" t="s">
        <v>1</v>
      </c>
      <c r="C97057" s="14" t="s">
        <v>23</v>
      </c>
      <c r="D97057" s="14" t="s">
        <v>481</v>
      </c>
      <c r="E97057" s="15">
        <v>45708</v>
      </c>
      <c r="F97057" s="14" t="s">
        <v>61</v>
      </c>
      <c r="G97057" s="16">
        <v>5.0523479481319331</v>
      </c>
    </row>
    <row r="97058" spans="1:7" x14ac:dyDescent="0.3">
      <c r="A97058" s="13" t="s">
        <v>480</v>
      </c>
      <c r="B97058" s="14" t="s">
        <v>1</v>
      </c>
      <c r="C97058" s="14" t="s">
        <v>23</v>
      </c>
      <c r="D97058" s="14" t="s">
        <v>481</v>
      </c>
      <c r="E97058" s="15">
        <v>45709</v>
      </c>
      <c r="F97058" s="14" t="s">
        <v>61</v>
      </c>
      <c r="G97058" s="16">
        <v>5.0816801111235153</v>
      </c>
    </row>
    <row r="97059" spans="1:7" x14ac:dyDescent="0.3">
      <c r="A97059" s="13" t="s">
        <v>480</v>
      </c>
      <c r="B97059" s="14" t="s">
        <v>1</v>
      </c>
      <c r="C97059" s="14" t="s">
        <v>23</v>
      </c>
      <c r="D97059" s="14" t="s">
        <v>481</v>
      </c>
      <c r="E97059" s="15">
        <v>45710</v>
      </c>
      <c r="F97059" s="14" t="s">
        <v>61</v>
      </c>
      <c r="G97059" s="16">
        <v>5.0816801111235153</v>
      </c>
    </row>
    <row r="97060" spans="1:7" x14ac:dyDescent="0.3">
      <c r="A97060" s="13" t="s">
        <v>480</v>
      </c>
      <c r="B97060" s="14" t="s">
        <v>1</v>
      </c>
      <c r="C97060" s="14" t="s">
        <v>23</v>
      </c>
      <c r="D97060" s="14" t="s">
        <v>481</v>
      </c>
      <c r="E97060" s="15">
        <v>45711</v>
      </c>
      <c r="F97060" s="14" t="s">
        <v>61</v>
      </c>
      <c r="G97060" s="16">
        <v>5.0816801111235153</v>
      </c>
    </row>
    <row r="97061" spans="1:7" x14ac:dyDescent="0.3">
      <c r="A97061" s="13" t="s">
        <v>480</v>
      </c>
      <c r="B97061" s="14" t="s">
        <v>1</v>
      </c>
      <c r="C97061" s="14" t="s">
        <v>23</v>
      </c>
      <c r="D97061" s="14" t="s">
        <v>481</v>
      </c>
      <c r="E97061" s="15">
        <v>45712</v>
      </c>
      <c r="F97061" s="14" t="s">
        <v>61</v>
      </c>
      <c r="G97061" s="16">
        <v>5.0891010287698659</v>
      </c>
    </row>
    <row r="97062" spans="1:7" x14ac:dyDescent="0.3">
      <c r="A97062" s="13" t="s">
        <v>480</v>
      </c>
      <c r="B97062" s="14" t="s">
        <v>1</v>
      </c>
      <c r="C97062" s="14" t="s">
        <v>23</v>
      </c>
      <c r="D97062" s="14" t="s">
        <v>481</v>
      </c>
      <c r="E97062" s="15">
        <v>45713</v>
      </c>
      <c r="F97062" s="14" t="s">
        <v>61</v>
      </c>
      <c r="G97062" s="16">
        <v>5.1109514629282664</v>
      </c>
    </row>
    <row r="97063" spans="1:7" x14ac:dyDescent="0.3">
      <c r="A97063" s="13" t="s">
        <v>480</v>
      </c>
      <c r="B97063" s="14" t="s">
        <v>1</v>
      </c>
      <c r="C97063" s="14" t="s">
        <v>23</v>
      </c>
      <c r="D97063" s="14" t="s">
        <v>481</v>
      </c>
      <c r="E97063" s="15">
        <v>45714</v>
      </c>
      <c r="F97063" s="14" t="s">
        <v>61</v>
      </c>
      <c r="G97063" s="16">
        <v>5.1371440526699939</v>
      </c>
    </row>
    <row r="97064" spans="1:7" x14ac:dyDescent="0.3">
      <c r="A97064" s="13" t="s">
        <v>480</v>
      </c>
      <c r="B97064" s="14" t="s">
        <v>1</v>
      </c>
      <c r="C97064" s="14" t="s">
        <v>23</v>
      </c>
      <c r="D97064" s="14" t="s">
        <v>481</v>
      </c>
      <c r="E97064" s="15">
        <v>45715</v>
      </c>
      <c r="F97064" s="14" t="s">
        <v>61</v>
      </c>
      <c r="G97064" s="16">
        <v>5.194249042727618</v>
      </c>
    </row>
    <row r="97065" spans="1:7" x14ac:dyDescent="0.3">
      <c r="A97065" s="13" t="s">
        <v>480</v>
      </c>
      <c r="B97065" s="14" t="s">
        <v>1</v>
      </c>
      <c r="C97065" s="14" t="s">
        <v>23</v>
      </c>
      <c r="D97065" s="14" t="s">
        <v>481</v>
      </c>
      <c r="E97065" s="15">
        <v>45716</v>
      </c>
      <c r="F97065" s="14" t="s">
        <v>61</v>
      </c>
      <c r="G97065" s="16">
        <v>5.2210400195698501</v>
      </c>
    </row>
    <row r="97066" spans="1:7" x14ac:dyDescent="0.3">
      <c r="A97066" s="13" t="s">
        <v>480</v>
      </c>
      <c r="B97066" s="14" t="s">
        <v>1</v>
      </c>
      <c r="C97066" s="14" t="s">
        <v>23</v>
      </c>
      <c r="D97066" s="14" t="s">
        <v>481</v>
      </c>
      <c r="E97066" s="15">
        <v>45717</v>
      </c>
      <c r="F97066" s="14" t="s">
        <v>61</v>
      </c>
      <c r="G97066" s="16">
        <v>5.2210400195698501</v>
      </c>
    </row>
    <row r="97067" spans="1:7" x14ac:dyDescent="0.3">
      <c r="A97067" s="13" t="s">
        <v>480</v>
      </c>
      <c r="B97067" s="14" t="s">
        <v>1</v>
      </c>
      <c r="C97067" s="14" t="s">
        <v>23</v>
      </c>
      <c r="D97067" s="14" t="s">
        <v>481</v>
      </c>
      <c r="E97067" s="15">
        <v>45718</v>
      </c>
      <c r="F97067" s="14" t="s">
        <v>61</v>
      </c>
      <c r="G97067" s="16">
        <v>5.2210400195698501</v>
      </c>
    </row>
    <row r="97068" spans="1:7" x14ac:dyDescent="0.3">
      <c r="A97068" s="13" t="s">
        <v>480</v>
      </c>
      <c r="B97068" s="14" t="s">
        <v>1</v>
      </c>
      <c r="C97068" s="14" t="s">
        <v>23</v>
      </c>
      <c r="D97068" s="14" t="s">
        <v>481</v>
      </c>
      <c r="E97068" s="15">
        <v>45719</v>
      </c>
      <c r="F97068" s="14" t="s">
        <v>61</v>
      </c>
      <c r="G97068" s="16">
        <v>5.1996256482513203</v>
      </c>
    </row>
    <row r="97069" spans="1:7" x14ac:dyDescent="0.3">
      <c r="A97069" s="13" t="s">
        <v>480</v>
      </c>
      <c r="B97069" s="14" t="s">
        <v>1</v>
      </c>
      <c r="C97069" s="14" t="s">
        <v>23</v>
      </c>
      <c r="D97069" s="14" t="s">
        <v>481</v>
      </c>
      <c r="E97069" s="15">
        <v>45720</v>
      </c>
      <c r="F97069" s="14" t="s">
        <v>61</v>
      </c>
      <c r="G97069" s="16">
        <v>5.1751360035806657</v>
      </c>
    </row>
    <row r="97070" spans="1:7" x14ac:dyDescent="0.3">
      <c r="A97070" s="13" t="s">
        <v>480</v>
      </c>
      <c r="B97070" s="14" t="s">
        <v>1</v>
      </c>
      <c r="C97070" s="14" t="s">
        <v>23</v>
      </c>
      <c r="D97070" s="14" t="s">
        <v>481</v>
      </c>
      <c r="E97070" s="15">
        <v>45721</v>
      </c>
      <c r="F97070" s="14" t="s">
        <v>61</v>
      </c>
      <c r="G97070" s="16">
        <v>5.1116078994153984</v>
      </c>
    </row>
    <row r="97071" spans="1:7" x14ac:dyDescent="0.3">
      <c r="A97071" s="13" t="s">
        <v>480</v>
      </c>
      <c r="B97071" s="14" t="s">
        <v>1</v>
      </c>
      <c r="C97071" s="14" t="s">
        <v>23</v>
      </c>
      <c r="D97071" s="14" t="s">
        <v>481</v>
      </c>
      <c r="E97071" s="15">
        <v>45722</v>
      </c>
      <c r="F97071" s="14" t="s">
        <v>61</v>
      </c>
      <c r="G97071" s="16">
        <v>5.1288217295033158</v>
      </c>
    </row>
    <row r="97072" spans="1:7" x14ac:dyDescent="0.3">
      <c r="A97072" s="13" t="s">
        <v>480</v>
      </c>
      <c r="B97072" s="14" t="s">
        <v>1</v>
      </c>
      <c r="C97072" s="14" t="s">
        <v>23</v>
      </c>
      <c r="D97072" s="14" t="s">
        <v>481</v>
      </c>
      <c r="E97072" s="15">
        <v>45723</v>
      </c>
      <c r="F97072" s="14" t="s">
        <v>61</v>
      </c>
      <c r="G97072" s="16">
        <v>5.1202740689951245</v>
      </c>
    </row>
    <row r="97073" spans="1:7" x14ac:dyDescent="0.3">
      <c r="A97073" s="13" t="s">
        <v>480</v>
      </c>
      <c r="B97073" s="14" t="s">
        <v>1</v>
      </c>
      <c r="C97073" s="14" t="s">
        <v>23</v>
      </c>
      <c r="D97073" s="14" t="s">
        <v>481</v>
      </c>
      <c r="E97073" s="15">
        <v>45724</v>
      </c>
      <c r="F97073" s="14" t="s">
        <v>61</v>
      </c>
      <c r="G97073" s="16">
        <v>5.1202740689951245</v>
      </c>
    </row>
    <row r="97074" spans="1:7" x14ac:dyDescent="0.3">
      <c r="A97074" s="13" t="s">
        <v>480</v>
      </c>
      <c r="B97074" s="14" t="s">
        <v>1</v>
      </c>
      <c r="C97074" s="14" t="s">
        <v>23</v>
      </c>
      <c r="D97074" s="14" t="s">
        <v>481</v>
      </c>
      <c r="E97074" s="15">
        <v>45725</v>
      </c>
      <c r="F97074" s="14" t="s">
        <v>61</v>
      </c>
      <c r="G97074" s="16">
        <v>5.1202740689951245</v>
      </c>
    </row>
    <row r="97075" spans="1:7" x14ac:dyDescent="0.3">
      <c r="A97075" s="13" t="s">
        <v>480</v>
      </c>
      <c r="B97075" s="14" t="s">
        <v>1</v>
      </c>
      <c r="C97075" s="14" t="s">
        <v>23</v>
      </c>
      <c r="D97075" s="14" t="s">
        <v>481</v>
      </c>
      <c r="E97075" s="15">
        <v>45726</v>
      </c>
      <c r="F97075" s="14" t="s">
        <v>61</v>
      </c>
      <c r="G97075" s="16">
        <v>5.1426178079178788</v>
      </c>
    </row>
    <row r="97076" spans="1:7" x14ac:dyDescent="0.3">
      <c r="A97076" s="13" t="s">
        <v>480</v>
      </c>
      <c r="B97076" s="14" t="s">
        <v>1</v>
      </c>
      <c r="C97076" s="14" t="s">
        <v>23</v>
      </c>
      <c r="D97076" s="14" t="s">
        <v>481</v>
      </c>
      <c r="E97076" s="15">
        <v>45727</v>
      </c>
      <c r="F97076" s="14" t="s">
        <v>61</v>
      </c>
      <c r="G97076" s="16">
        <v>5.1473778461417643</v>
      </c>
    </row>
    <row r="97077" spans="1:7" x14ac:dyDescent="0.3">
      <c r="A97077" s="13" t="s">
        <v>480</v>
      </c>
      <c r="B97077" s="14" t="s">
        <v>1</v>
      </c>
      <c r="C97077" s="14" t="s">
        <v>23</v>
      </c>
      <c r="D97077" s="14" t="s">
        <v>481</v>
      </c>
      <c r="E97077" s="15">
        <v>45728</v>
      </c>
      <c r="F97077" s="14" t="s">
        <v>61</v>
      </c>
      <c r="G97077" s="16">
        <v>5.1779724518450845</v>
      </c>
    </row>
    <row r="97078" spans="1:7" x14ac:dyDescent="0.3">
      <c r="A97078" s="13" t="s">
        <v>480</v>
      </c>
      <c r="B97078" s="14" t="s">
        <v>1</v>
      </c>
      <c r="C97078" s="14" t="s">
        <v>23</v>
      </c>
      <c r="D97078" s="14" t="s">
        <v>481</v>
      </c>
      <c r="E97078" s="15">
        <v>45729</v>
      </c>
      <c r="F97078" s="14" t="s">
        <v>61</v>
      </c>
      <c r="G97078" s="16">
        <v>5.2078238128712471</v>
      </c>
    </row>
    <row r="97079" spans="1:7" x14ac:dyDescent="0.3">
      <c r="A97079" s="13" t="s">
        <v>480</v>
      </c>
      <c r="B97079" s="14" t="s">
        <v>1</v>
      </c>
      <c r="C97079" s="14" t="s">
        <v>23</v>
      </c>
      <c r="D97079" s="14" t="s">
        <v>481</v>
      </c>
      <c r="E97079" s="15">
        <v>45730</v>
      </c>
      <c r="F97079" s="14" t="s">
        <v>61</v>
      </c>
      <c r="G97079" s="16">
        <v>5.1101296484411591</v>
      </c>
    </row>
    <row r="97080" spans="1:7" x14ac:dyDescent="0.3">
      <c r="A97080" s="13" t="s">
        <v>480</v>
      </c>
      <c r="B97080" s="14" t="s">
        <v>1</v>
      </c>
      <c r="C97080" s="14" t="s">
        <v>23</v>
      </c>
      <c r="D97080" s="14" t="s">
        <v>481</v>
      </c>
      <c r="E97080" s="15">
        <v>45731</v>
      </c>
      <c r="F97080" s="14" t="s">
        <v>61</v>
      </c>
      <c r="G97080" s="16">
        <v>5.1101296484411591</v>
      </c>
    </row>
    <row r="97081" spans="1:7" x14ac:dyDescent="0.3">
      <c r="A97081" s="13" t="s">
        <v>480</v>
      </c>
      <c r="B97081" s="14" t="s">
        <v>1</v>
      </c>
      <c r="C97081" s="14" t="s">
        <v>23</v>
      </c>
      <c r="D97081" s="14" t="s">
        <v>481</v>
      </c>
      <c r="E97081" s="15">
        <v>45732</v>
      </c>
      <c r="F97081" s="14" t="s">
        <v>61</v>
      </c>
      <c r="G97081" s="16">
        <v>5.1101296484411591</v>
      </c>
    </row>
    <row r="97082" spans="1:7" x14ac:dyDescent="0.3">
      <c r="A97082" s="13" t="s">
        <v>480</v>
      </c>
      <c r="B97082" s="14" t="s">
        <v>1</v>
      </c>
      <c r="C97082" s="14" t="s">
        <v>23</v>
      </c>
      <c r="D97082" s="14" t="s">
        <v>481</v>
      </c>
      <c r="E97082" s="15">
        <v>45733</v>
      </c>
      <c r="F97082" s="14" t="s">
        <v>61</v>
      </c>
      <c r="G97082" s="16">
        <v>5.1101296484411591</v>
      </c>
    </row>
    <row r="97083" spans="1:7" x14ac:dyDescent="0.3">
      <c r="A97083" s="13" t="s">
        <v>480</v>
      </c>
      <c r="B97083" s="14" t="s">
        <v>1</v>
      </c>
      <c r="C97083" s="14" t="s">
        <v>23</v>
      </c>
      <c r="D97083" s="14" t="s">
        <v>481</v>
      </c>
      <c r="E97083" s="15">
        <v>45734</v>
      </c>
      <c r="F97083" s="14" t="s">
        <v>61</v>
      </c>
      <c r="G97083" s="16">
        <v>5.0934589883846062</v>
      </c>
    </row>
    <row r="97084" spans="1:7" x14ac:dyDescent="0.3">
      <c r="A97084" s="13" t="s">
        <v>480</v>
      </c>
      <c r="B97084" s="14" t="s">
        <v>1</v>
      </c>
      <c r="C97084" s="14" t="s">
        <v>23</v>
      </c>
      <c r="D97084" s="14" t="s">
        <v>481</v>
      </c>
      <c r="E97084" s="15">
        <v>45735</v>
      </c>
      <c r="F97084" s="14" t="s">
        <v>61</v>
      </c>
      <c r="G97084" s="16">
        <v>5.1648134195395121</v>
      </c>
    </row>
    <row r="97085" spans="1:7" x14ac:dyDescent="0.3">
      <c r="A97085" s="13" t="s">
        <v>480</v>
      </c>
      <c r="B97085" s="14" t="s">
        <v>1</v>
      </c>
      <c r="C97085" s="14" t="s">
        <v>23</v>
      </c>
      <c r="D97085" s="14" t="s">
        <v>481</v>
      </c>
      <c r="E97085" s="15">
        <v>45736</v>
      </c>
      <c r="F97085" s="14" t="s">
        <v>61</v>
      </c>
      <c r="G97085" s="16">
        <v>5.2034168984477649</v>
      </c>
    </row>
    <row r="97086" spans="1:7" x14ac:dyDescent="0.3">
      <c r="A97086" s="13" t="s">
        <v>480</v>
      </c>
      <c r="B97086" s="14" t="s">
        <v>1</v>
      </c>
      <c r="C97086" s="14" t="s">
        <v>23</v>
      </c>
      <c r="D97086" s="14" t="s">
        <v>481</v>
      </c>
      <c r="E97086" s="15">
        <v>45737</v>
      </c>
      <c r="F97086" s="14" t="s">
        <v>61</v>
      </c>
      <c r="G97086" s="16">
        <v>5.2360234153634035</v>
      </c>
    </row>
    <row r="97087" spans="1:7" x14ac:dyDescent="0.3">
      <c r="A97087" s="13" t="s">
        <v>480</v>
      </c>
      <c r="B97087" s="14" t="s">
        <v>1</v>
      </c>
      <c r="C97087" s="14" t="s">
        <v>23</v>
      </c>
      <c r="D97087" s="14" t="s">
        <v>481</v>
      </c>
      <c r="E97087" s="15">
        <v>45738</v>
      </c>
      <c r="F97087" s="14" t="s">
        <v>61</v>
      </c>
      <c r="G97087" s="16">
        <v>5.2360234153634035</v>
      </c>
    </row>
    <row r="97088" spans="1:7" x14ac:dyDescent="0.3">
      <c r="A97088" s="13" t="s">
        <v>480</v>
      </c>
      <c r="B97088" s="14" t="s">
        <v>1</v>
      </c>
      <c r="C97088" s="14" t="s">
        <v>23</v>
      </c>
      <c r="D97088" s="14" t="s">
        <v>481</v>
      </c>
      <c r="E97088" s="15">
        <v>45739</v>
      </c>
      <c r="F97088" s="14" t="s">
        <v>61</v>
      </c>
      <c r="G97088" s="16">
        <v>5.2360234153634035</v>
      </c>
    </row>
    <row r="97089" spans="1:7" x14ac:dyDescent="0.3">
      <c r="A97089" s="13" t="s">
        <v>480</v>
      </c>
      <c r="B97089" s="14" t="s">
        <v>1</v>
      </c>
      <c r="C97089" s="14" t="s">
        <v>23</v>
      </c>
      <c r="D97089" s="14" t="s">
        <v>481</v>
      </c>
      <c r="E97089" s="15">
        <v>45740</v>
      </c>
      <c r="F97089" s="14" t="s">
        <v>61</v>
      </c>
      <c r="G97089" s="16">
        <v>5.2577869332446676</v>
      </c>
    </row>
    <row r="97090" spans="1:7" x14ac:dyDescent="0.3">
      <c r="A97090" s="13" t="s">
        <v>480</v>
      </c>
      <c r="B97090" s="14" t="s">
        <v>1</v>
      </c>
      <c r="C97090" s="14" t="s">
        <v>23</v>
      </c>
      <c r="D97090" s="14" t="s">
        <v>481</v>
      </c>
      <c r="E97090" s="15">
        <v>45741</v>
      </c>
      <c r="F97090" s="14" t="s">
        <v>61</v>
      </c>
      <c r="G97090" s="16">
        <v>5.3072217612852759</v>
      </c>
    </row>
    <row r="97091" spans="1:7" x14ac:dyDescent="0.3">
      <c r="A97091" s="13" t="s">
        <v>480</v>
      </c>
      <c r="B97091" s="14" t="s">
        <v>1</v>
      </c>
      <c r="C97091" s="14" t="s">
        <v>23</v>
      </c>
      <c r="D97091" s="14" t="s">
        <v>481</v>
      </c>
      <c r="E97091" s="15">
        <v>45742</v>
      </c>
      <c r="F97091" s="14" t="s">
        <v>61</v>
      </c>
      <c r="G97091" s="16">
        <v>5.3404835682737506</v>
      </c>
    </row>
    <row r="97092" spans="1:7" x14ac:dyDescent="0.3">
      <c r="A97092" s="13" t="s">
        <v>480</v>
      </c>
      <c r="B97092" s="14" t="s">
        <v>1</v>
      </c>
      <c r="C97092" s="14" t="s">
        <v>23</v>
      </c>
      <c r="D97092" s="14" t="s">
        <v>481</v>
      </c>
      <c r="E97092" s="15">
        <v>45743</v>
      </c>
      <c r="F97092" s="14" t="s">
        <v>61</v>
      </c>
      <c r="G97092" s="16">
        <v>5.3325878018760076</v>
      </c>
    </row>
    <row r="97093" spans="1:7" x14ac:dyDescent="0.3">
      <c r="A97093" s="13" t="s">
        <v>480</v>
      </c>
      <c r="B97093" s="14" t="s">
        <v>1</v>
      </c>
      <c r="C97093" s="14" t="s">
        <v>23</v>
      </c>
      <c r="D97093" s="14" t="s">
        <v>481</v>
      </c>
      <c r="E97093" s="15">
        <v>45744</v>
      </c>
      <c r="F97093" s="14" t="s">
        <v>61</v>
      </c>
      <c r="G97093" s="16">
        <v>5.3335513643726857</v>
      </c>
    </row>
    <row r="97094" spans="1:7" x14ac:dyDescent="0.3">
      <c r="A97094" s="13" t="s">
        <v>480</v>
      </c>
      <c r="B97094" s="14" t="s">
        <v>1</v>
      </c>
      <c r="C97094" s="14" t="s">
        <v>23</v>
      </c>
      <c r="D97094" s="14" t="s">
        <v>481</v>
      </c>
      <c r="E97094" s="15">
        <v>45745</v>
      </c>
      <c r="F97094" s="14" t="s">
        <v>61</v>
      </c>
      <c r="G97094" s="16">
        <v>5.3335513643726857</v>
      </c>
    </row>
    <row r="97095" spans="1:7" x14ac:dyDescent="0.3">
      <c r="A97095" s="13" t="s">
        <v>480</v>
      </c>
      <c r="B97095" s="14" t="s">
        <v>1</v>
      </c>
      <c r="C97095" s="14" t="s">
        <v>23</v>
      </c>
      <c r="D97095" s="14" t="s">
        <v>481</v>
      </c>
      <c r="E97095" s="15">
        <v>45746</v>
      </c>
      <c r="F97095" s="14" t="s">
        <v>61</v>
      </c>
      <c r="G97095" s="16">
        <v>5.3335513643726857</v>
      </c>
    </row>
    <row r="97096" spans="1:7" x14ac:dyDescent="0.3">
      <c r="A97096" s="13" t="s">
        <v>480</v>
      </c>
      <c r="B97096" s="14" t="s">
        <v>1</v>
      </c>
      <c r="C97096" s="14" t="s">
        <v>23</v>
      </c>
      <c r="D97096" s="14" t="s">
        <v>481</v>
      </c>
      <c r="E97096" s="15">
        <v>45747</v>
      </c>
      <c r="F97096" s="14" t="s">
        <v>61</v>
      </c>
      <c r="G97096" s="16">
        <v>5.3540322784204539</v>
      </c>
    </row>
    <row r="97097" spans="1:7" x14ac:dyDescent="0.3">
      <c r="A97097" s="13" t="s">
        <v>482</v>
      </c>
      <c r="B97097" s="14" t="s">
        <v>1</v>
      </c>
      <c r="C97097" s="14" t="s">
        <v>109</v>
      </c>
      <c r="D97097" s="14" t="s">
        <v>339</v>
      </c>
      <c r="E97097" s="15">
        <v>45383</v>
      </c>
      <c r="F97097" s="14" t="s">
        <v>15</v>
      </c>
      <c r="G97097" s="16">
        <v>0</v>
      </c>
    </row>
    <row r="97098" spans="1:7" x14ac:dyDescent="0.3">
      <c r="A97098" s="13" t="s">
        <v>482</v>
      </c>
      <c r="B97098" s="14" t="s">
        <v>1</v>
      </c>
      <c r="C97098" s="14" t="s">
        <v>109</v>
      </c>
      <c r="D97098" s="14" t="s">
        <v>339</v>
      </c>
      <c r="E97098" s="15">
        <v>45384</v>
      </c>
      <c r="F97098" s="14" t="s">
        <v>15</v>
      </c>
      <c r="G97098" s="16">
        <v>0</v>
      </c>
    </row>
    <row r="97099" spans="1:7" x14ac:dyDescent="0.3">
      <c r="A97099" s="13" t="s">
        <v>482</v>
      </c>
      <c r="B97099" s="14" t="s">
        <v>1</v>
      </c>
      <c r="C97099" s="14" t="s">
        <v>109</v>
      </c>
      <c r="D97099" s="14" t="s">
        <v>339</v>
      </c>
      <c r="E97099" s="15">
        <v>45385</v>
      </c>
      <c r="F97099" s="14" t="s">
        <v>15</v>
      </c>
      <c r="G97099" s="16">
        <v>0</v>
      </c>
    </row>
    <row r="97100" spans="1:7" x14ac:dyDescent="0.3">
      <c r="A97100" s="13" t="s">
        <v>482</v>
      </c>
      <c r="B97100" s="14" t="s">
        <v>1</v>
      </c>
      <c r="C97100" s="14" t="s">
        <v>109</v>
      </c>
      <c r="D97100" s="14" t="s">
        <v>339</v>
      </c>
      <c r="E97100" s="15">
        <v>45386</v>
      </c>
      <c r="F97100" s="14" t="s">
        <v>15</v>
      </c>
      <c r="G97100" s="16">
        <v>0</v>
      </c>
    </row>
    <row r="97101" spans="1:7" x14ac:dyDescent="0.3">
      <c r="A97101" s="13" t="s">
        <v>482</v>
      </c>
      <c r="B97101" s="14" t="s">
        <v>1</v>
      </c>
      <c r="C97101" s="14" t="s">
        <v>109</v>
      </c>
      <c r="D97101" s="14" t="s">
        <v>339</v>
      </c>
      <c r="E97101" s="15">
        <v>45387</v>
      </c>
      <c r="F97101" s="14" t="s">
        <v>15</v>
      </c>
      <c r="G97101" s="16">
        <v>0</v>
      </c>
    </row>
    <row r="97102" spans="1:7" x14ac:dyDescent="0.3">
      <c r="A97102" s="13" t="s">
        <v>482</v>
      </c>
      <c r="B97102" s="14" t="s">
        <v>1</v>
      </c>
      <c r="C97102" s="14" t="s">
        <v>109</v>
      </c>
      <c r="D97102" s="14" t="s">
        <v>339</v>
      </c>
      <c r="E97102" s="15">
        <v>45388</v>
      </c>
      <c r="F97102" s="14" t="s">
        <v>15</v>
      </c>
      <c r="G97102" s="16">
        <v>0</v>
      </c>
    </row>
    <row r="97103" spans="1:7" x14ac:dyDescent="0.3">
      <c r="A97103" s="13" t="s">
        <v>482</v>
      </c>
      <c r="B97103" s="14" t="s">
        <v>1</v>
      </c>
      <c r="C97103" s="14" t="s">
        <v>109</v>
      </c>
      <c r="D97103" s="14" t="s">
        <v>339</v>
      </c>
      <c r="E97103" s="15">
        <v>45389</v>
      </c>
      <c r="F97103" s="14" t="s">
        <v>15</v>
      </c>
      <c r="G97103" s="16">
        <v>0</v>
      </c>
    </row>
    <row r="97104" spans="1:7" x14ac:dyDescent="0.3">
      <c r="A97104" s="13" t="s">
        <v>482</v>
      </c>
      <c r="B97104" s="14" t="s">
        <v>1</v>
      </c>
      <c r="C97104" s="14" t="s">
        <v>109</v>
      </c>
      <c r="D97104" s="14" t="s">
        <v>339</v>
      </c>
      <c r="E97104" s="15">
        <v>45390</v>
      </c>
      <c r="F97104" s="14" t="s">
        <v>15</v>
      </c>
      <c r="G97104" s="16">
        <v>0</v>
      </c>
    </row>
    <row r="97105" spans="1:7" x14ac:dyDescent="0.3">
      <c r="A97105" s="13" t="s">
        <v>482</v>
      </c>
      <c r="B97105" s="14" t="s">
        <v>1</v>
      </c>
      <c r="C97105" s="14" t="s">
        <v>109</v>
      </c>
      <c r="D97105" s="14" t="s">
        <v>339</v>
      </c>
      <c r="E97105" s="15">
        <v>45391</v>
      </c>
      <c r="F97105" s="14" t="s">
        <v>15</v>
      </c>
      <c r="G97105" s="16">
        <v>0</v>
      </c>
    </row>
    <row r="97106" spans="1:7" x14ac:dyDescent="0.3">
      <c r="A97106" s="13" t="s">
        <v>482</v>
      </c>
      <c r="B97106" s="14" t="s">
        <v>1</v>
      </c>
      <c r="C97106" s="14" t="s">
        <v>109</v>
      </c>
      <c r="D97106" s="14" t="s">
        <v>339</v>
      </c>
      <c r="E97106" s="15">
        <v>45392</v>
      </c>
      <c r="F97106" s="14" t="s">
        <v>15</v>
      </c>
      <c r="G97106" s="16">
        <v>0</v>
      </c>
    </row>
    <row r="97107" spans="1:7" x14ac:dyDescent="0.3">
      <c r="A97107" s="13" t="s">
        <v>482</v>
      </c>
      <c r="B97107" s="14" t="s">
        <v>1</v>
      </c>
      <c r="C97107" s="14" t="s">
        <v>109</v>
      </c>
      <c r="D97107" s="14" t="s">
        <v>339</v>
      </c>
      <c r="E97107" s="15">
        <v>45393</v>
      </c>
      <c r="F97107" s="14" t="s">
        <v>15</v>
      </c>
      <c r="G97107" s="16">
        <v>0</v>
      </c>
    </row>
    <row r="97108" spans="1:7" x14ac:dyDescent="0.3">
      <c r="A97108" s="13" t="s">
        <v>482</v>
      </c>
      <c r="B97108" s="14" t="s">
        <v>1</v>
      </c>
      <c r="C97108" s="14" t="s">
        <v>109</v>
      </c>
      <c r="D97108" s="14" t="s">
        <v>339</v>
      </c>
      <c r="E97108" s="15">
        <v>45394</v>
      </c>
      <c r="F97108" s="14" t="s">
        <v>15</v>
      </c>
      <c r="G97108" s="16">
        <v>0</v>
      </c>
    </row>
    <row r="97109" spans="1:7" x14ac:dyDescent="0.3">
      <c r="A97109" s="13" t="s">
        <v>482</v>
      </c>
      <c r="B97109" s="14" t="s">
        <v>1</v>
      </c>
      <c r="C97109" s="14" t="s">
        <v>109</v>
      </c>
      <c r="D97109" s="14" t="s">
        <v>339</v>
      </c>
      <c r="E97109" s="15">
        <v>45395</v>
      </c>
      <c r="F97109" s="14" t="s">
        <v>15</v>
      </c>
      <c r="G97109" s="16">
        <v>0</v>
      </c>
    </row>
    <row r="97110" spans="1:7" x14ac:dyDescent="0.3">
      <c r="A97110" s="13" t="s">
        <v>482</v>
      </c>
      <c r="B97110" s="14" t="s">
        <v>1</v>
      </c>
      <c r="C97110" s="14" t="s">
        <v>109</v>
      </c>
      <c r="D97110" s="14" t="s">
        <v>339</v>
      </c>
      <c r="E97110" s="15">
        <v>45396</v>
      </c>
      <c r="F97110" s="14" t="s">
        <v>15</v>
      </c>
      <c r="G97110" s="16">
        <v>0</v>
      </c>
    </row>
    <row r="97111" spans="1:7" x14ac:dyDescent="0.3">
      <c r="A97111" s="13" t="s">
        <v>482</v>
      </c>
      <c r="B97111" s="14" t="s">
        <v>1</v>
      </c>
      <c r="C97111" s="14" t="s">
        <v>109</v>
      </c>
      <c r="D97111" s="14" t="s">
        <v>339</v>
      </c>
      <c r="E97111" s="15">
        <v>45397</v>
      </c>
      <c r="F97111" s="14" t="s">
        <v>15</v>
      </c>
      <c r="G97111" s="16">
        <v>0</v>
      </c>
    </row>
    <row r="97112" spans="1:7" x14ac:dyDescent="0.3">
      <c r="A97112" s="13" t="s">
        <v>482</v>
      </c>
      <c r="B97112" s="14" t="s">
        <v>1</v>
      </c>
      <c r="C97112" s="14" t="s">
        <v>109</v>
      </c>
      <c r="D97112" s="14" t="s">
        <v>339</v>
      </c>
      <c r="E97112" s="15">
        <v>45398</v>
      </c>
      <c r="F97112" s="14" t="s">
        <v>15</v>
      </c>
      <c r="G97112" s="16">
        <v>0</v>
      </c>
    </row>
    <row r="97113" spans="1:7" x14ac:dyDescent="0.3">
      <c r="A97113" s="13" t="s">
        <v>482</v>
      </c>
      <c r="B97113" s="14" t="s">
        <v>1</v>
      </c>
      <c r="C97113" s="14" t="s">
        <v>109</v>
      </c>
      <c r="D97113" s="14" t="s">
        <v>339</v>
      </c>
      <c r="E97113" s="15">
        <v>45399</v>
      </c>
      <c r="F97113" s="14" t="s">
        <v>15</v>
      </c>
      <c r="G97113" s="16">
        <v>0</v>
      </c>
    </row>
    <row r="97114" spans="1:7" x14ac:dyDescent="0.3">
      <c r="A97114" s="13" t="s">
        <v>482</v>
      </c>
      <c r="B97114" s="14" t="s">
        <v>1</v>
      </c>
      <c r="C97114" s="14" t="s">
        <v>109</v>
      </c>
      <c r="D97114" s="14" t="s">
        <v>339</v>
      </c>
      <c r="E97114" s="15">
        <v>45400</v>
      </c>
      <c r="F97114" s="14" t="s">
        <v>15</v>
      </c>
      <c r="G97114" s="16">
        <v>0</v>
      </c>
    </row>
    <row r="97115" spans="1:7" x14ac:dyDescent="0.3">
      <c r="A97115" s="13" t="s">
        <v>482</v>
      </c>
      <c r="B97115" s="14" t="s">
        <v>1</v>
      </c>
      <c r="C97115" s="14" t="s">
        <v>109</v>
      </c>
      <c r="D97115" s="14" t="s">
        <v>339</v>
      </c>
      <c r="E97115" s="15">
        <v>45401</v>
      </c>
      <c r="F97115" s="14" t="s">
        <v>15</v>
      </c>
      <c r="G97115" s="16">
        <v>0</v>
      </c>
    </row>
    <row r="97116" spans="1:7" x14ac:dyDescent="0.3">
      <c r="A97116" s="13" t="s">
        <v>482</v>
      </c>
      <c r="B97116" s="14" t="s">
        <v>1</v>
      </c>
      <c r="C97116" s="14" t="s">
        <v>109</v>
      </c>
      <c r="D97116" s="14" t="s">
        <v>339</v>
      </c>
      <c r="E97116" s="15">
        <v>45402</v>
      </c>
      <c r="F97116" s="14" t="s">
        <v>15</v>
      </c>
      <c r="G97116" s="16">
        <v>0</v>
      </c>
    </row>
    <row r="97117" spans="1:7" x14ac:dyDescent="0.3">
      <c r="A97117" s="13" t="s">
        <v>482</v>
      </c>
      <c r="B97117" s="14" t="s">
        <v>1</v>
      </c>
      <c r="C97117" s="14" t="s">
        <v>109</v>
      </c>
      <c r="D97117" s="14" t="s">
        <v>339</v>
      </c>
      <c r="E97117" s="15">
        <v>45403</v>
      </c>
      <c r="F97117" s="14" t="s">
        <v>15</v>
      </c>
      <c r="G97117" s="16">
        <v>0</v>
      </c>
    </row>
    <row r="97118" spans="1:7" x14ac:dyDescent="0.3">
      <c r="A97118" s="13" t="s">
        <v>482</v>
      </c>
      <c r="B97118" s="14" t="s">
        <v>1</v>
      </c>
      <c r="C97118" s="14" t="s">
        <v>109</v>
      </c>
      <c r="D97118" s="14" t="s">
        <v>339</v>
      </c>
      <c r="E97118" s="15">
        <v>45404</v>
      </c>
      <c r="F97118" s="14" t="s">
        <v>15</v>
      </c>
      <c r="G97118" s="16">
        <v>0</v>
      </c>
    </row>
    <row r="97119" spans="1:7" x14ac:dyDescent="0.3">
      <c r="A97119" s="13" t="s">
        <v>482</v>
      </c>
      <c r="B97119" s="14" t="s">
        <v>1</v>
      </c>
      <c r="C97119" s="14" t="s">
        <v>109</v>
      </c>
      <c r="D97119" s="14" t="s">
        <v>339</v>
      </c>
      <c r="E97119" s="15">
        <v>45405</v>
      </c>
      <c r="F97119" s="14" t="s">
        <v>15</v>
      </c>
      <c r="G97119" s="16">
        <v>0</v>
      </c>
    </row>
    <row r="97120" spans="1:7" x14ac:dyDescent="0.3">
      <c r="A97120" s="13" t="s">
        <v>482</v>
      </c>
      <c r="B97120" s="14" t="s">
        <v>1</v>
      </c>
      <c r="C97120" s="14" t="s">
        <v>109</v>
      </c>
      <c r="D97120" s="14" t="s">
        <v>339</v>
      </c>
      <c r="E97120" s="15">
        <v>45406</v>
      </c>
      <c r="F97120" s="14" t="s">
        <v>15</v>
      </c>
      <c r="G97120" s="16">
        <v>0</v>
      </c>
    </row>
    <row r="97121" spans="1:7" x14ac:dyDescent="0.3">
      <c r="A97121" s="13" t="s">
        <v>482</v>
      </c>
      <c r="B97121" s="14" t="s">
        <v>1</v>
      </c>
      <c r="C97121" s="14" t="s">
        <v>109</v>
      </c>
      <c r="D97121" s="14" t="s">
        <v>339</v>
      </c>
      <c r="E97121" s="15">
        <v>45407</v>
      </c>
      <c r="F97121" s="14" t="s">
        <v>15</v>
      </c>
      <c r="G97121" s="16">
        <v>0</v>
      </c>
    </row>
    <row r="97122" spans="1:7" x14ac:dyDescent="0.3">
      <c r="A97122" s="13" t="s">
        <v>482</v>
      </c>
      <c r="B97122" s="14" t="s">
        <v>1</v>
      </c>
      <c r="C97122" s="14" t="s">
        <v>109</v>
      </c>
      <c r="D97122" s="14" t="s">
        <v>339</v>
      </c>
      <c r="E97122" s="15">
        <v>45408</v>
      </c>
      <c r="F97122" s="14" t="s">
        <v>15</v>
      </c>
      <c r="G97122" s="16">
        <v>0</v>
      </c>
    </row>
    <row r="97123" spans="1:7" x14ac:dyDescent="0.3">
      <c r="A97123" s="13" t="s">
        <v>482</v>
      </c>
      <c r="B97123" s="14" t="s">
        <v>1</v>
      </c>
      <c r="C97123" s="14" t="s">
        <v>109</v>
      </c>
      <c r="D97123" s="14" t="s">
        <v>339</v>
      </c>
      <c r="E97123" s="15">
        <v>45409</v>
      </c>
      <c r="F97123" s="14" t="s">
        <v>15</v>
      </c>
      <c r="G97123" s="16">
        <v>0</v>
      </c>
    </row>
    <row r="97124" spans="1:7" x14ac:dyDescent="0.3">
      <c r="A97124" s="13" t="s">
        <v>482</v>
      </c>
      <c r="B97124" s="14" t="s">
        <v>1</v>
      </c>
      <c r="C97124" s="14" t="s">
        <v>109</v>
      </c>
      <c r="D97124" s="14" t="s">
        <v>339</v>
      </c>
      <c r="E97124" s="15">
        <v>45410</v>
      </c>
      <c r="F97124" s="14" t="s">
        <v>15</v>
      </c>
      <c r="G97124" s="16">
        <v>0</v>
      </c>
    </row>
    <row r="97125" spans="1:7" x14ac:dyDescent="0.3">
      <c r="A97125" s="13" t="s">
        <v>482</v>
      </c>
      <c r="B97125" s="14" t="s">
        <v>1</v>
      </c>
      <c r="C97125" s="14" t="s">
        <v>109</v>
      </c>
      <c r="D97125" s="14" t="s">
        <v>339</v>
      </c>
      <c r="E97125" s="15">
        <v>45411</v>
      </c>
      <c r="F97125" s="14" t="s">
        <v>15</v>
      </c>
      <c r="G97125" s="16">
        <v>0</v>
      </c>
    </row>
    <row r="97126" spans="1:7" x14ac:dyDescent="0.3">
      <c r="A97126" s="13" t="s">
        <v>482</v>
      </c>
      <c r="B97126" s="14" t="s">
        <v>1</v>
      </c>
      <c r="C97126" s="14" t="s">
        <v>109</v>
      </c>
      <c r="D97126" s="14" t="s">
        <v>339</v>
      </c>
      <c r="E97126" s="15">
        <v>45412</v>
      </c>
      <c r="F97126" s="14" t="s">
        <v>15</v>
      </c>
      <c r="G97126" s="16">
        <v>0</v>
      </c>
    </row>
    <row r="97127" spans="1:7" x14ac:dyDescent="0.3">
      <c r="A97127" s="13" t="s">
        <v>482</v>
      </c>
      <c r="B97127" s="14" t="s">
        <v>1</v>
      </c>
      <c r="C97127" s="14" t="s">
        <v>109</v>
      </c>
      <c r="D97127" s="14" t="s">
        <v>339</v>
      </c>
      <c r="E97127" s="15">
        <v>45413</v>
      </c>
      <c r="F97127" s="14" t="s">
        <v>15</v>
      </c>
      <c r="G97127" s="16">
        <v>0</v>
      </c>
    </row>
    <row r="97128" spans="1:7" x14ac:dyDescent="0.3">
      <c r="A97128" s="13" t="s">
        <v>482</v>
      </c>
      <c r="B97128" s="14" t="s">
        <v>1</v>
      </c>
      <c r="C97128" s="14" t="s">
        <v>109</v>
      </c>
      <c r="D97128" s="14" t="s">
        <v>339</v>
      </c>
      <c r="E97128" s="15">
        <v>45414</v>
      </c>
      <c r="F97128" s="14" t="s">
        <v>15</v>
      </c>
      <c r="G97128" s="16">
        <v>0</v>
      </c>
    </row>
    <row r="97129" spans="1:7" x14ac:dyDescent="0.3">
      <c r="A97129" s="13" t="s">
        <v>482</v>
      </c>
      <c r="B97129" s="14" t="s">
        <v>1</v>
      </c>
      <c r="C97129" s="14" t="s">
        <v>109</v>
      </c>
      <c r="D97129" s="14" t="s">
        <v>339</v>
      </c>
      <c r="E97129" s="15">
        <v>45415</v>
      </c>
      <c r="F97129" s="14" t="s">
        <v>15</v>
      </c>
      <c r="G97129" s="16">
        <v>0</v>
      </c>
    </row>
    <row r="97130" spans="1:7" x14ac:dyDescent="0.3">
      <c r="A97130" s="13" t="s">
        <v>482</v>
      </c>
      <c r="B97130" s="14" t="s">
        <v>1</v>
      </c>
      <c r="C97130" s="14" t="s">
        <v>109</v>
      </c>
      <c r="D97130" s="14" t="s">
        <v>339</v>
      </c>
      <c r="E97130" s="15">
        <v>45416</v>
      </c>
      <c r="F97130" s="14" t="s">
        <v>15</v>
      </c>
      <c r="G97130" s="16">
        <v>0</v>
      </c>
    </row>
    <row r="97131" spans="1:7" x14ac:dyDescent="0.3">
      <c r="A97131" s="13" t="s">
        <v>482</v>
      </c>
      <c r="B97131" s="14" t="s">
        <v>1</v>
      </c>
      <c r="C97131" s="14" t="s">
        <v>109</v>
      </c>
      <c r="D97131" s="14" t="s">
        <v>339</v>
      </c>
      <c r="E97131" s="15">
        <v>45417</v>
      </c>
      <c r="F97131" s="14" t="s">
        <v>15</v>
      </c>
      <c r="G97131" s="16">
        <v>0</v>
      </c>
    </row>
    <row r="97132" spans="1:7" x14ac:dyDescent="0.3">
      <c r="A97132" s="13" t="s">
        <v>482</v>
      </c>
      <c r="B97132" s="14" t="s">
        <v>1</v>
      </c>
      <c r="C97132" s="14" t="s">
        <v>109</v>
      </c>
      <c r="D97132" s="14" t="s">
        <v>339</v>
      </c>
      <c r="E97132" s="15">
        <v>45418</v>
      </c>
      <c r="F97132" s="14" t="s">
        <v>15</v>
      </c>
      <c r="G97132" s="16">
        <v>0</v>
      </c>
    </row>
    <row r="97133" spans="1:7" x14ac:dyDescent="0.3">
      <c r="A97133" s="13" t="s">
        <v>482</v>
      </c>
      <c r="B97133" s="14" t="s">
        <v>1</v>
      </c>
      <c r="C97133" s="14" t="s">
        <v>109</v>
      </c>
      <c r="D97133" s="14" t="s">
        <v>339</v>
      </c>
      <c r="E97133" s="15">
        <v>45419</v>
      </c>
      <c r="F97133" s="14" t="s">
        <v>15</v>
      </c>
      <c r="G97133" s="16">
        <v>0</v>
      </c>
    </row>
    <row r="97134" spans="1:7" x14ac:dyDescent="0.3">
      <c r="A97134" s="13" t="s">
        <v>482</v>
      </c>
      <c r="B97134" s="14" t="s">
        <v>1</v>
      </c>
      <c r="C97134" s="14" t="s">
        <v>109</v>
      </c>
      <c r="D97134" s="14" t="s">
        <v>339</v>
      </c>
      <c r="E97134" s="15">
        <v>45420</v>
      </c>
      <c r="F97134" s="14" t="s">
        <v>15</v>
      </c>
      <c r="G97134" s="16">
        <v>0</v>
      </c>
    </row>
    <row r="97135" spans="1:7" x14ac:dyDescent="0.3">
      <c r="A97135" s="13" t="s">
        <v>482</v>
      </c>
      <c r="B97135" s="14" t="s">
        <v>1</v>
      </c>
      <c r="C97135" s="14" t="s">
        <v>109</v>
      </c>
      <c r="D97135" s="14" t="s">
        <v>339</v>
      </c>
      <c r="E97135" s="15">
        <v>45421</v>
      </c>
      <c r="F97135" s="14" t="s">
        <v>15</v>
      </c>
      <c r="G97135" s="16">
        <v>0</v>
      </c>
    </row>
    <row r="97136" spans="1:7" x14ac:dyDescent="0.3">
      <c r="A97136" s="13" t="s">
        <v>482</v>
      </c>
      <c r="B97136" s="14" t="s">
        <v>1</v>
      </c>
      <c r="C97136" s="14" t="s">
        <v>109</v>
      </c>
      <c r="D97136" s="14" t="s">
        <v>339</v>
      </c>
      <c r="E97136" s="15">
        <v>45422</v>
      </c>
      <c r="F97136" s="14" t="s">
        <v>15</v>
      </c>
      <c r="G97136" s="16">
        <v>0</v>
      </c>
    </row>
    <row r="97137" spans="1:7" x14ac:dyDescent="0.3">
      <c r="A97137" s="13" t="s">
        <v>482</v>
      </c>
      <c r="B97137" s="14" t="s">
        <v>1</v>
      </c>
      <c r="C97137" s="14" t="s">
        <v>109</v>
      </c>
      <c r="D97137" s="14" t="s">
        <v>339</v>
      </c>
      <c r="E97137" s="15">
        <v>45423</v>
      </c>
      <c r="F97137" s="14" t="s">
        <v>15</v>
      </c>
      <c r="G97137" s="16">
        <v>0</v>
      </c>
    </row>
    <row r="97138" spans="1:7" x14ac:dyDescent="0.3">
      <c r="A97138" s="13" t="s">
        <v>482</v>
      </c>
      <c r="B97138" s="14" t="s">
        <v>1</v>
      </c>
      <c r="C97138" s="14" t="s">
        <v>109</v>
      </c>
      <c r="D97138" s="14" t="s">
        <v>339</v>
      </c>
      <c r="E97138" s="15">
        <v>45424</v>
      </c>
      <c r="F97138" s="14" t="s">
        <v>15</v>
      </c>
      <c r="G97138" s="16">
        <v>0</v>
      </c>
    </row>
    <row r="97139" spans="1:7" x14ac:dyDescent="0.3">
      <c r="A97139" s="13" t="s">
        <v>482</v>
      </c>
      <c r="B97139" s="14" t="s">
        <v>1</v>
      </c>
      <c r="C97139" s="14" t="s">
        <v>109</v>
      </c>
      <c r="D97139" s="14" t="s">
        <v>339</v>
      </c>
      <c r="E97139" s="15">
        <v>45425</v>
      </c>
      <c r="F97139" s="14" t="s">
        <v>15</v>
      </c>
      <c r="G97139" s="16">
        <v>0</v>
      </c>
    </row>
    <row r="97140" spans="1:7" x14ac:dyDescent="0.3">
      <c r="A97140" s="13" t="s">
        <v>482</v>
      </c>
      <c r="B97140" s="14" t="s">
        <v>1</v>
      </c>
      <c r="C97140" s="14" t="s">
        <v>109</v>
      </c>
      <c r="D97140" s="14" t="s">
        <v>339</v>
      </c>
      <c r="E97140" s="15">
        <v>45426</v>
      </c>
      <c r="F97140" s="14" t="s">
        <v>15</v>
      </c>
      <c r="G97140" s="16">
        <v>0</v>
      </c>
    </row>
    <row r="97141" spans="1:7" x14ac:dyDescent="0.3">
      <c r="A97141" s="13" t="s">
        <v>482</v>
      </c>
      <c r="B97141" s="14" t="s">
        <v>1</v>
      </c>
      <c r="C97141" s="14" t="s">
        <v>109</v>
      </c>
      <c r="D97141" s="14" t="s">
        <v>339</v>
      </c>
      <c r="E97141" s="15">
        <v>45427</v>
      </c>
      <c r="F97141" s="14" t="s">
        <v>15</v>
      </c>
      <c r="G97141" s="16">
        <v>0</v>
      </c>
    </row>
    <row r="97142" spans="1:7" x14ac:dyDescent="0.3">
      <c r="A97142" s="13" t="s">
        <v>482</v>
      </c>
      <c r="B97142" s="14" t="s">
        <v>1</v>
      </c>
      <c r="C97142" s="14" t="s">
        <v>109</v>
      </c>
      <c r="D97142" s="14" t="s">
        <v>339</v>
      </c>
      <c r="E97142" s="15">
        <v>45428</v>
      </c>
      <c r="F97142" s="14" t="s">
        <v>15</v>
      </c>
      <c r="G97142" s="16">
        <v>4.7162431407356395E-3</v>
      </c>
    </row>
    <row r="97143" spans="1:7" x14ac:dyDescent="0.3">
      <c r="A97143" s="13" t="s">
        <v>482</v>
      </c>
      <c r="B97143" s="14" t="s">
        <v>1</v>
      </c>
      <c r="C97143" s="14" t="s">
        <v>109</v>
      </c>
      <c r="D97143" s="14" t="s">
        <v>339</v>
      </c>
      <c r="E97143" s="15">
        <v>45429</v>
      </c>
      <c r="F97143" s="14" t="s">
        <v>15</v>
      </c>
      <c r="G97143" s="16">
        <v>1.7669950207104637E-3</v>
      </c>
    </row>
    <row r="97144" spans="1:7" x14ac:dyDescent="0.3">
      <c r="A97144" s="13" t="s">
        <v>482</v>
      </c>
      <c r="B97144" s="14" t="s">
        <v>1</v>
      </c>
      <c r="C97144" s="14" t="s">
        <v>109</v>
      </c>
      <c r="D97144" s="14" t="s">
        <v>339</v>
      </c>
      <c r="E97144" s="15">
        <v>45430</v>
      </c>
      <c r="F97144" s="14" t="s">
        <v>15</v>
      </c>
      <c r="G97144" s="16">
        <v>1.7669950207104637E-3</v>
      </c>
    </row>
    <row r="97145" spans="1:7" x14ac:dyDescent="0.3">
      <c r="A97145" s="13" t="s">
        <v>482</v>
      </c>
      <c r="B97145" s="14" t="s">
        <v>1</v>
      </c>
      <c r="C97145" s="14" t="s">
        <v>109</v>
      </c>
      <c r="D97145" s="14" t="s">
        <v>339</v>
      </c>
      <c r="E97145" s="15">
        <v>45431</v>
      </c>
      <c r="F97145" s="14" t="s">
        <v>15</v>
      </c>
      <c r="G97145" s="16">
        <v>1.7669950207104637E-3</v>
      </c>
    </row>
    <row r="97146" spans="1:7" x14ac:dyDescent="0.3">
      <c r="A97146" s="13" t="s">
        <v>482</v>
      </c>
      <c r="B97146" s="14" t="s">
        <v>1</v>
      </c>
      <c r="C97146" s="14" t="s">
        <v>109</v>
      </c>
      <c r="D97146" s="14" t="s">
        <v>339</v>
      </c>
      <c r="E97146" s="15">
        <v>45432</v>
      </c>
      <c r="F97146" s="14" t="s">
        <v>15</v>
      </c>
      <c r="G97146" s="16">
        <v>0</v>
      </c>
    </row>
    <row r="97147" spans="1:7" x14ac:dyDescent="0.3">
      <c r="A97147" s="13" t="s">
        <v>482</v>
      </c>
      <c r="B97147" s="14" t="s">
        <v>1</v>
      </c>
      <c r="C97147" s="14" t="s">
        <v>109</v>
      </c>
      <c r="D97147" s="14" t="s">
        <v>339</v>
      </c>
      <c r="E97147" s="15">
        <v>45433</v>
      </c>
      <c r="F97147" s="14" t="s">
        <v>15</v>
      </c>
      <c r="G97147" s="16">
        <v>0</v>
      </c>
    </row>
    <row r="97148" spans="1:7" x14ac:dyDescent="0.3">
      <c r="A97148" s="13" t="s">
        <v>482</v>
      </c>
      <c r="B97148" s="14" t="s">
        <v>1</v>
      </c>
      <c r="C97148" s="14" t="s">
        <v>109</v>
      </c>
      <c r="D97148" s="14" t="s">
        <v>339</v>
      </c>
      <c r="E97148" s="15">
        <v>45434</v>
      </c>
      <c r="F97148" s="14" t="s">
        <v>15</v>
      </c>
      <c r="G97148" s="16">
        <v>0</v>
      </c>
    </row>
    <row r="97149" spans="1:7" x14ac:dyDescent="0.3">
      <c r="A97149" s="13" t="s">
        <v>482</v>
      </c>
      <c r="B97149" s="14" t="s">
        <v>1</v>
      </c>
      <c r="C97149" s="14" t="s">
        <v>109</v>
      </c>
      <c r="D97149" s="14" t="s">
        <v>339</v>
      </c>
      <c r="E97149" s="15">
        <v>45435</v>
      </c>
      <c r="F97149" s="14" t="s">
        <v>15</v>
      </c>
      <c r="G97149" s="16">
        <v>0</v>
      </c>
    </row>
    <row r="97150" spans="1:7" x14ac:dyDescent="0.3">
      <c r="A97150" s="13" t="s">
        <v>482</v>
      </c>
      <c r="B97150" s="14" t="s">
        <v>1</v>
      </c>
      <c r="C97150" s="14" t="s">
        <v>109</v>
      </c>
      <c r="D97150" s="14" t="s">
        <v>339</v>
      </c>
      <c r="E97150" s="15">
        <v>45436</v>
      </c>
      <c r="F97150" s="14" t="s">
        <v>15</v>
      </c>
      <c r="G97150" s="16">
        <v>1.171535985972859E-2</v>
      </c>
    </row>
    <row r="97151" spans="1:7" x14ac:dyDescent="0.3">
      <c r="A97151" s="13" t="s">
        <v>482</v>
      </c>
      <c r="B97151" s="14" t="s">
        <v>1</v>
      </c>
      <c r="C97151" s="14" t="s">
        <v>109</v>
      </c>
      <c r="D97151" s="14" t="s">
        <v>339</v>
      </c>
      <c r="E97151" s="15">
        <v>45437</v>
      </c>
      <c r="F97151" s="14" t="s">
        <v>15</v>
      </c>
      <c r="G97151" s="16">
        <v>1.171535985972859E-2</v>
      </c>
    </row>
    <row r="97152" spans="1:7" x14ac:dyDescent="0.3">
      <c r="A97152" s="13" t="s">
        <v>482</v>
      </c>
      <c r="B97152" s="14" t="s">
        <v>1</v>
      </c>
      <c r="C97152" s="14" t="s">
        <v>109</v>
      </c>
      <c r="D97152" s="14" t="s">
        <v>339</v>
      </c>
      <c r="E97152" s="15">
        <v>45438</v>
      </c>
      <c r="F97152" s="14" t="s">
        <v>15</v>
      </c>
      <c r="G97152" s="16">
        <v>1.171535985972859E-2</v>
      </c>
    </row>
    <row r="97153" spans="1:7" x14ac:dyDescent="0.3">
      <c r="A97153" s="13" t="s">
        <v>482</v>
      </c>
      <c r="B97153" s="14" t="s">
        <v>1</v>
      </c>
      <c r="C97153" s="14" t="s">
        <v>109</v>
      </c>
      <c r="D97153" s="14" t="s">
        <v>339</v>
      </c>
      <c r="E97153" s="15">
        <v>45439</v>
      </c>
      <c r="F97153" s="14" t="s">
        <v>15</v>
      </c>
      <c r="G97153" s="16">
        <v>1.2627012319284332E-2</v>
      </c>
    </row>
    <row r="97154" spans="1:7" x14ac:dyDescent="0.3">
      <c r="A97154" s="13" t="s">
        <v>482</v>
      </c>
      <c r="B97154" s="14" t="s">
        <v>1</v>
      </c>
      <c r="C97154" s="14" t="s">
        <v>109</v>
      </c>
      <c r="D97154" s="14" t="s">
        <v>339</v>
      </c>
      <c r="E97154" s="15">
        <v>45440</v>
      </c>
      <c r="F97154" s="14" t="s">
        <v>15</v>
      </c>
      <c r="G97154" s="16">
        <v>4.789222068184701E-3</v>
      </c>
    </row>
    <row r="97155" spans="1:7" x14ac:dyDescent="0.3">
      <c r="A97155" s="13" t="s">
        <v>482</v>
      </c>
      <c r="B97155" s="14" t="s">
        <v>1</v>
      </c>
      <c r="C97155" s="14" t="s">
        <v>109</v>
      </c>
      <c r="D97155" s="14" t="s">
        <v>339</v>
      </c>
      <c r="E97155" s="15">
        <v>45441</v>
      </c>
      <c r="F97155" s="14" t="s">
        <v>15</v>
      </c>
      <c r="G97155" s="16">
        <v>3.0459480899339346E-3</v>
      </c>
    </row>
    <row r="97156" spans="1:7" x14ac:dyDescent="0.3">
      <c r="A97156" s="13" t="s">
        <v>482</v>
      </c>
      <c r="B97156" s="14" t="s">
        <v>1</v>
      </c>
      <c r="C97156" s="14" t="s">
        <v>109</v>
      </c>
      <c r="D97156" s="14" t="s">
        <v>339</v>
      </c>
      <c r="E97156" s="15">
        <v>45442</v>
      </c>
      <c r="F97156" s="14" t="s">
        <v>15</v>
      </c>
      <c r="G97156" s="16">
        <v>7.2277744237652011E-3</v>
      </c>
    </row>
    <row r="97157" spans="1:7" x14ac:dyDescent="0.3">
      <c r="A97157" s="13" t="s">
        <v>482</v>
      </c>
      <c r="B97157" s="14" t="s">
        <v>1</v>
      </c>
      <c r="C97157" s="14" t="s">
        <v>109</v>
      </c>
      <c r="D97157" s="14" t="s">
        <v>339</v>
      </c>
      <c r="E97157" s="15">
        <v>45443</v>
      </c>
      <c r="F97157" s="14" t="s">
        <v>15</v>
      </c>
      <c r="G97157" s="16">
        <v>4.6641705302224151E-3</v>
      </c>
    </row>
    <row r="97158" spans="1:7" x14ac:dyDescent="0.3">
      <c r="A97158" s="13" t="s">
        <v>482</v>
      </c>
      <c r="B97158" s="14" t="s">
        <v>1</v>
      </c>
      <c r="C97158" s="14" t="s">
        <v>109</v>
      </c>
      <c r="D97158" s="14" t="s">
        <v>339</v>
      </c>
      <c r="E97158" s="15">
        <v>45444</v>
      </c>
      <c r="F97158" s="14" t="s">
        <v>15</v>
      </c>
      <c r="G97158" s="16">
        <v>4.6641705302224151E-3</v>
      </c>
    </row>
    <row r="97159" spans="1:7" x14ac:dyDescent="0.3">
      <c r="A97159" s="13" t="s">
        <v>482</v>
      </c>
      <c r="B97159" s="14" t="s">
        <v>1</v>
      </c>
      <c r="C97159" s="14" t="s">
        <v>109</v>
      </c>
      <c r="D97159" s="14" t="s">
        <v>339</v>
      </c>
      <c r="E97159" s="15">
        <v>45445</v>
      </c>
      <c r="F97159" s="14" t="s">
        <v>15</v>
      </c>
      <c r="G97159" s="16">
        <v>4.6641705302224151E-3</v>
      </c>
    </row>
    <row r="97160" spans="1:7" x14ac:dyDescent="0.3">
      <c r="A97160" s="13" t="s">
        <v>482</v>
      </c>
      <c r="B97160" s="14" t="s">
        <v>1</v>
      </c>
      <c r="C97160" s="14" t="s">
        <v>109</v>
      </c>
      <c r="D97160" s="14" t="s">
        <v>339</v>
      </c>
      <c r="E97160" s="15">
        <v>45446</v>
      </c>
      <c r="F97160" s="14" t="s">
        <v>15</v>
      </c>
      <c r="G97160" s="16">
        <v>4.6641705302224151E-3</v>
      </c>
    </row>
    <row r="97161" spans="1:7" x14ac:dyDescent="0.3">
      <c r="A97161" s="13" t="s">
        <v>482</v>
      </c>
      <c r="B97161" s="14" t="s">
        <v>1</v>
      </c>
      <c r="C97161" s="14" t="s">
        <v>109</v>
      </c>
      <c r="D97161" s="14" t="s">
        <v>339</v>
      </c>
      <c r="E97161" s="15">
        <v>45447</v>
      </c>
      <c r="F97161" s="14" t="s">
        <v>15</v>
      </c>
      <c r="G97161" s="16">
        <v>1.6391310593278675E-3</v>
      </c>
    </row>
    <row r="97162" spans="1:7" x14ac:dyDescent="0.3">
      <c r="A97162" s="13" t="s">
        <v>482</v>
      </c>
      <c r="B97162" s="14" t="s">
        <v>1</v>
      </c>
      <c r="C97162" s="14" t="s">
        <v>109</v>
      </c>
      <c r="D97162" s="14" t="s">
        <v>339</v>
      </c>
      <c r="E97162" s="15">
        <v>45448</v>
      </c>
      <c r="F97162" s="14" t="s">
        <v>15</v>
      </c>
      <c r="G97162" s="16">
        <v>0</v>
      </c>
    </row>
    <row r="97163" spans="1:7" x14ac:dyDescent="0.3">
      <c r="A97163" s="13" t="s">
        <v>482</v>
      </c>
      <c r="B97163" s="14" t="s">
        <v>1</v>
      </c>
      <c r="C97163" s="14" t="s">
        <v>109</v>
      </c>
      <c r="D97163" s="14" t="s">
        <v>339</v>
      </c>
      <c r="E97163" s="15">
        <v>45449</v>
      </c>
      <c r="F97163" s="14" t="s">
        <v>15</v>
      </c>
      <c r="G97163" s="16">
        <v>0</v>
      </c>
    </row>
    <row r="97164" spans="1:7" x14ac:dyDescent="0.3">
      <c r="A97164" s="13" t="s">
        <v>482</v>
      </c>
      <c r="B97164" s="14" t="s">
        <v>1</v>
      </c>
      <c r="C97164" s="14" t="s">
        <v>109</v>
      </c>
      <c r="D97164" s="14" t="s">
        <v>339</v>
      </c>
      <c r="E97164" s="15">
        <v>45450</v>
      </c>
      <c r="F97164" s="14" t="s">
        <v>15</v>
      </c>
      <c r="G97164" s="16">
        <v>2.2929594456720014E-2</v>
      </c>
    </row>
    <row r="97165" spans="1:7" x14ac:dyDescent="0.3">
      <c r="A97165" s="13" t="s">
        <v>482</v>
      </c>
      <c r="B97165" s="14" t="s">
        <v>1</v>
      </c>
      <c r="C97165" s="14" t="s">
        <v>109</v>
      </c>
      <c r="D97165" s="14" t="s">
        <v>339</v>
      </c>
      <c r="E97165" s="15">
        <v>45451</v>
      </c>
      <c r="F97165" s="14" t="s">
        <v>15</v>
      </c>
      <c r="G97165" s="16">
        <v>2.2929594456720014E-2</v>
      </c>
    </row>
    <row r="97166" spans="1:7" x14ac:dyDescent="0.3">
      <c r="A97166" s="13" t="s">
        <v>482</v>
      </c>
      <c r="B97166" s="14" t="s">
        <v>1</v>
      </c>
      <c r="C97166" s="14" t="s">
        <v>109</v>
      </c>
      <c r="D97166" s="14" t="s">
        <v>339</v>
      </c>
      <c r="E97166" s="15">
        <v>45452</v>
      </c>
      <c r="F97166" s="14" t="s">
        <v>15</v>
      </c>
      <c r="G97166" s="16">
        <v>2.2929594456720014E-2</v>
      </c>
    </row>
    <row r="97167" spans="1:7" x14ac:dyDescent="0.3">
      <c r="A97167" s="13" t="s">
        <v>482</v>
      </c>
      <c r="B97167" s="14" t="s">
        <v>1</v>
      </c>
      <c r="C97167" s="14" t="s">
        <v>109</v>
      </c>
      <c r="D97167" s="14" t="s">
        <v>339</v>
      </c>
      <c r="E97167" s="15">
        <v>45453</v>
      </c>
      <c r="F97167" s="14" t="s">
        <v>15</v>
      </c>
      <c r="G97167" s="16">
        <v>2.0343698989392117E-2</v>
      </c>
    </row>
    <row r="97168" spans="1:7" x14ac:dyDescent="0.3">
      <c r="A97168" s="13" t="s">
        <v>482</v>
      </c>
      <c r="B97168" s="14" t="s">
        <v>1</v>
      </c>
      <c r="C97168" s="14" t="s">
        <v>109</v>
      </c>
      <c r="D97168" s="14" t="s">
        <v>339</v>
      </c>
      <c r="E97168" s="15">
        <v>45454</v>
      </c>
      <c r="F97168" s="14" t="s">
        <v>15</v>
      </c>
      <c r="G97168" s="16">
        <v>1.4523296165844876E-2</v>
      </c>
    </row>
    <row r="97169" spans="1:7" x14ac:dyDescent="0.3">
      <c r="A97169" s="13" t="s">
        <v>482</v>
      </c>
      <c r="B97169" s="14" t="s">
        <v>1</v>
      </c>
      <c r="C97169" s="14" t="s">
        <v>109</v>
      </c>
      <c r="D97169" s="14" t="s">
        <v>339</v>
      </c>
      <c r="E97169" s="15">
        <v>45455</v>
      </c>
      <c r="F97169" s="14" t="s">
        <v>15</v>
      </c>
      <c r="G97169" s="16">
        <v>2.9119745772079177E-2</v>
      </c>
    </row>
    <row r="97170" spans="1:7" x14ac:dyDescent="0.3">
      <c r="A97170" s="13" t="s">
        <v>482</v>
      </c>
      <c r="B97170" s="14" t="s">
        <v>1</v>
      </c>
      <c r="C97170" s="14" t="s">
        <v>109</v>
      </c>
      <c r="D97170" s="14" t="s">
        <v>339</v>
      </c>
      <c r="E97170" s="15">
        <v>45456</v>
      </c>
      <c r="F97170" s="14" t="s">
        <v>15</v>
      </c>
      <c r="G97170" s="16">
        <v>2.6516017045723195E-2</v>
      </c>
    </row>
    <row r="97171" spans="1:7" x14ac:dyDescent="0.3">
      <c r="A97171" s="13" t="s">
        <v>482</v>
      </c>
      <c r="B97171" s="14" t="s">
        <v>1</v>
      </c>
      <c r="C97171" s="14" t="s">
        <v>109</v>
      </c>
      <c r="D97171" s="14" t="s">
        <v>339</v>
      </c>
      <c r="E97171" s="15">
        <v>45457</v>
      </c>
      <c r="F97171" s="14" t="s">
        <v>15</v>
      </c>
      <c r="G97171" s="16">
        <v>2.3852101070147416E-2</v>
      </c>
    </row>
    <row r="97172" spans="1:7" x14ac:dyDescent="0.3">
      <c r="A97172" s="13" t="s">
        <v>482</v>
      </c>
      <c r="B97172" s="14" t="s">
        <v>1</v>
      </c>
      <c r="C97172" s="14" t="s">
        <v>109</v>
      </c>
      <c r="D97172" s="14" t="s">
        <v>339</v>
      </c>
      <c r="E97172" s="15">
        <v>45458</v>
      </c>
      <c r="F97172" s="14" t="s">
        <v>15</v>
      </c>
      <c r="G97172" s="16">
        <v>2.3852101070147416E-2</v>
      </c>
    </row>
    <row r="97173" spans="1:7" x14ac:dyDescent="0.3">
      <c r="A97173" s="13" t="s">
        <v>482</v>
      </c>
      <c r="B97173" s="14" t="s">
        <v>1</v>
      </c>
      <c r="C97173" s="14" t="s">
        <v>109</v>
      </c>
      <c r="D97173" s="14" t="s">
        <v>339</v>
      </c>
      <c r="E97173" s="15">
        <v>45459</v>
      </c>
      <c r="F97173" s="14" t="s">
        <v>15</v>
      </c>
      <c r="G97173" s="16">
        <v>2.3852101070147416E-2</v>
      </c>
    </row>
    <row r="97174" spans="1:7" x14ac:dyDescent="0.3">
      <c r="A97174" s="13" t="s">
        <v>482</v>
      </c>
      <c r="B97174" s="14" t="s">
        <v>1</v>
      </c>
      <c r="C97174" s="14" t="s">
        <v>109</v>
      </c>
      <c r="D97174" s="14" t="s">
        <v>339</v>
      </c>
      <c r="E97174" s="15">
        <v>45460</v>
      </c>
      <c r="F97174" s="14" t="s">
        <v>15</v>
      </c>
      <c r="G97174" s="16">
        <v>2.1177039307679082E-2</v>
      </c>
    </row>
    <row r="97175" spans="1:7" x14ac:dyDescent="0.3">
      <c r="A97175" s="13" t="s">
        <v>482</v>
      </c>
      <c r="B97175" s="14" t="s">
        <v>1</v>
      </c>
      <c r="C97175" s="14" t="s">
        <v>109</v>
      </c>
      <c r="D97175" s="14" t="s">
        <v>339</v>
      </c>
      <c r="E97175" s="15">
        <v>45461</v>
      </c>
      <c r="F97175" s="14" t="s">
        <v>15</v>
      </c>
      <c r="G97175" s="16">
        <v>1.3363769787743073E-2</v>
      </c>
    </row>
    <row r="97176" spans="1:7" x14ac:dyDescent="0.3">
      <c r="A97176" s="13" t="s">
        <v>482</v>
      </c>
      <c r="B97176" s="14" t="s">
        <v>1</v>
      </c>
      <c r="C97176" s="14" t="s">
        <v>109</v>
      </c>
      <c r="D97176" s="14" t="s">
        <v>339</v>
      </c>
      <c r="E97176" s="15">
        <v>45462</v>
      </c>
      <c r="F97176" s="14" t="s">
        <v>15</v>
      </c>
      <c r="G97176" s="16">
        <v>1.0688708025274741E-2</v>
      </c>
    </row>
    <row r="97177" spans="1:7" x14ac:dyDescent="0.3">
      <c r="A97177" s="13" t="s">
        <v>482</v>
      </c>
      <c r="B97177" s="14" t="s">
        <v>1</v>
      </c>
      <c r="C97177" s="14" t="s">
        <v>109</v>
      </c>
      <c r="D97177" s="14" t="s">
        <v>339</v>
      </c>
      <c r="E97177" s="15">
        <v>45463</v>
      </c>
      <c r="F97177" s="14" t="s">
        <v>15</v>
      </c>
      <c r="G97177" s="16">
        <v>7.9757505873717226E-3</v>
      </c>
    </row>
    <row r="97178" spans="1:7" x14ac:dyDescent="0.3">
      <c r="A97178" s="13" t="s">
        <v>482</v>
      </c>
      <c r="B97178" s="14" t="s">
        <v>1</v>
      </c>
      <c r="C97178" s="14" t="s">
        <v>109</v>
      </c>
      <c r="D97178" s="14" t="s">
        <v>339</v>
      </c>
      <c r="E97178" s="15">
        <v>45464</v>
      </c>
      <c r="F97178" s="14" t="s">
        <v>15</v>
      </c>
      <c r="G97178" s="16">
        <v>5.2627931494687048E-3</v>
      </c>
    </row>
    <row r="97179" spans="1:7" x14ac:dyDescent="0.3">
      <c r="A97179" s="13" t="s">
        <v>482</v>
      </c>
      <c r="B97179" s="14" t="s">
        <v>1</v>
      </c>
      <c r="C97179" s="14" t="s">
        <v>109</v>
      </c>
      <c r="D97179" s="14" t="s">
        <v>339</v>
      </c>
      <c r="E97179" s="15">
        <v>45465</v>
      </c>
      <c r="F97179" s="14" t="s">
        <v>15</v>
      </c>
      <c r="G97179" s="16">
        <v>5.2627931494687048E-3</v>
      </c>
    </row>
    <row r="97180" spans="1:7" x14ac:dyDescent="0.3">
      <c r="A97180" s="13" t="s">
        <v>482</v>
      </c>
      <c r="B97180" s="14" t="s">
        <v>1</v>
      </c>
      <c r="C97180" s="14" t="s">
        <v>109</v>
      </c>
      <c r="D97180" s="14" t="s">
        <v>339</v>
      </c>
      <c r="E97180" s="15">
        <v>45466</v>
      </c>
      <c r="F97180" s="14" t="s">
        <v>15</v>
      </c>
      <c r="G97180" s="16">
        <v>5.2627931494687048E-3</v>
      </c>
    </row>
    <row r="97181" spans="1:7" x14ac:dyDescent="0.3">
      <c r="A97181" s="13" t="s">
        <v>482</v>
      </c>
      <c r="B97181" s="14" t="s">
        <v>1</v>
      </c>
      <c r="C97181" s="14" t="s">
        <v>109</v>
      </c>
      <c r="D97181" s="14" t="s">
        <v>339</v>
      </c>
      <c r="E97181" s="15">
        <v>45467</v>
      </c>
      <c r="F97181" s="14" t="s">
        <v>15</v>
      </c>
      <c r="G97181" s="16">
        <v>2.578814757486328E-3</v>
      </c>
    </row>
    <row r="97182" spans="1:7" x14ac:dyDescent="0.3">
      <c r="A97182" s="13" t="s">
        <v>482</v>
      </c>
      <c r="B97182" s="14" t="s">
        <v>1</v>
      </c>
      <c r="C97182" s="14" t="s">
        <v>109</v>
      </c>
      <c r="D97182" s="14" t="s">
        <v>339</v>
      </c>
      <c r="E97182" s="15">
        <v>45468</v>
      </c>
      <c r="F97182" s="14" t="s">
        <v>15</v>
      </c>
      <c r="G97182" s="16">
        <v>0</v>
      </c>
    </row>
    <row r="97183" spans="1:7" x14ac:dyDescent="0.3">
      <c r="A97183" s="13" t="s">
        <v>482</v>
      </c>
      <c r="B97183" s="14" t="s">
        <v>1</v>
      </c>
      <c r="C97183" s="14" t="s">
        <v>109</v>
      </c>
      <c r="D97183" s="14" t="s">
        <v>339</v>
      </c>
      <c r="E97183" s="15">
        <v>45469</v>
      </c>
      <c r="F97183" s="14" t="s">
        <v>15</v>
      </c>
      <c r="G97183" s="16">
        <v>0</v>
      </c>
    </row>
    <row r="97184" spans="1:7" x14ac:dyDescent="0.3">
      <c r="A97184" s="13" t="s">
        <v>482</v>
      </c>
      <c r="B97184" s="14" t="s">
        <v>1</v>
      </c>
      <c r="C97184" s="14" t="s">
        <v>109</v>
      </c>
      <c r="D97184" s="14" t="s">
        <v>339</v>
      </c>
      <c r="E97184" s="15">
        <v>45470</v>
      </c>
      <c r="F97184" s="14" t="s">
        <v>15</v>
      </c>
      <c r="G97184" s="16">
        <v>0</v>
      </c>
    </row>
    <row r="97185" spans="1:7" x14ac:dyDescent="0.3">
      <c r="A97185" s="13" t="s">
        <v>482</v>
      </c>
      <c r="B97185" s="14" t="s">
        <v>1</v>
      </c>
      <c r="C97185" s="14" t="s">
        <v>109</v>
      </c>
      <c r="D97185" s="14" t="s">
        <v>339</v>
      </c>
      <c r="E97185" s="15">
        <v>45471</v>
      </c>
      <c r="F97185" s="14" t="s">
        <v>15</v>
      </c>
      <c r="G97185" s="16">
        <v>2.9905763427630832E-2</v>
      </c>
    </row>
    <row r="97186" spans="1:7" x14ac:dyDescent="0.3">
      <c r="A97186" s="13" t="s">
        <v>482</v>
      </c>
      <c r="B97186" s="14" t="s">
        <v>1</v>
      </c>
      <c r="C97186" s="14" t="s">
        <v>109</v>
      </c>
      <c r="D97186" s="14" t="s">
        <v>339</v>
      </c>
      <c r="E97186" s="15">
        <v>45472</v>
      </c>
      <c r="F97186" s="14" t="s">
        <v>15</v>
      </c>
      <c r="G97186" s="16">
        <v>2.9905763427630832E-2</v>
      </c>
    </row>
    <row r="97187" spans="1:7" x14ac:dyDescent="0.3">
      <c r="A97187" s="13" t="s">
        <v>482</v>
      </c>
      <c r="B97187" s="14" t="s">
        <v>1</v>
      </c>
      <c r="C97187" s="14" t="s">
        <v>109</v>
      </c>
      <c r="D97187" s="14" t="s">
        <v>339</v>
      </c>
      <c r="E97187" s="15">
        <v>45473</v>
      </c>
      <c r="F97187" s="14" t="s">
        <v>15</v>
      </c>
      <c r="G97187" s="16">
        <v>2.9905763427630832E-2</v>
      </c>
    </row>
    <row r="97188" spans="1:7" x14ac:dyDescent="0.3">
      <c r="A97188" s="13" t="s">
        <v>482</v>
      </c>
      <c r="B97188" s="14" t="s">
        <v>1</v>
      </c>
      <c r="C97188" s="14" t="s">
        <v>109</v>
      </c>
      <c r="D97188" s="14" t="s">
        <v>339</v>
      </c>
      <c r="E97188" s="15">
        <v>45474</v>
      </c>
      <c r="F97188" s="14" t="s">
        <v>15</v>
      </c>
      <c r="G97188" s="16">
        <v>2.9125485436896786E-2</v>
      </c>
    </row>
    <row r="97189" spans="1:7" x14ac:dyDescent="0.3">
      <c r="A97189" s="13" t="s">
        <v>482</v>
      </c>
      <c r="B97189" s="14" t="s">
        <v>1</v>
      </c>
      <c r="C97189" s="14" t="s">
        <v>109</v>
      </c>
      <c r="D97189" s="14" t="s">
        <v>339</v>
      </c>
      <c r="E97189" s="15">
        <v>45475</v>
      </c>
      <c r="F97189" s="14" t="s">
        <v>15</v>
      </c>
      <c r="G97189" s="16">
        <v>2.3238207891994215E-2</v>
      </c>
    </row>
    <row r="97190" spans="1:7" x14ac:dyDescent="0.3">
      <c r="A97190" s="13" t="s">
        <v>482</v>
      </c>
      <c r="B97190" s="14" t="s">
        <v>1</v>
      </c>
      <c r="C97190" s="14" t="s">
        <v>109</v>
      </c>
      <c r="D97190" s="14" t="s">
        <v>339</v>
      </c>
      <c r="E97190" s="15">
        <v>45476</v>
      </c>
      <c r="F97190" s="14" t="s">
        <v>15</v>
      </c>
      <c r="G97190" s="16">
        <v>2.0540854555740774E-2</v>
      </c>
    </row>
    <row r="97191" spans="1:7" x14ac:dyDescent="0.3">
      <c r="A97191" s="13" t="s">
        <v>482</v>
      </c>
      <c r="B97191" s="14" t="s">
        <v>1</v>
      </c>
      <c r="C97191" s="14" t="s">
        <v>109</v>
      </c>
      <c r="D97191" s="14" t="s">
        <v>339</v>
      </c>
      <c r="E97191" s="15">
        <v>45477</v>
      </c>
      <c r="F97191" s="14" t="s">
        <v>15</v>
      </c>
      <c r="G97191" s="16">
        <v>1.7821209645702222E-2</v>
      </c>
    </row>
    <row r="97192" spans="1:7" x14ac:dyDescent="0.3">
      <c r="A97192" s="13" t="s">
        <v>482</v>
      </c>
      <c r="B97192" s="14" t="s">
        <v>1</v>
      </c>
      <c r="C97192" s="14" t="s">
        <v>109</v>
      </c>
      <c r="D97192" s="14" t="s">
        <v>339</v>
      </c>
      <c r="E97192" s="15">
        <v>45478</v>
      </c>
      <c r="F97192" s="14" t="s">
        <v>15</v>
      </c>
      <c r="G97192" s="16">
        <v>1.9189839367852703E-2</v>
      </c>
    </row>
    <row r="97193" spans="1:7" x14ac:dyDescent="0.3">
      <c r="A97193" s="13" t="s">
        <v>482</v>
      </c>
      <c r="B97193" s="14" t="s">
        <v>1</v>
      </c>
      <c r="C97193" s="14" t="s">
        <v>109</v>
      </c>
      <c r="D97193" s="14" t="s">
        <v>339</v>
      </c>
      <c r="E97193" s="15">
        <v>45479</v>
      </c>
      <c r="F97193" s="14" t="s">
        <v>15</v>
      </c>
      <c r="G97193" s="16">
        <v>1.9189839367852703E-2</v>
      </c>
    </row>
    <row r="97194" spans="1:7" x14ac:dyDescent="0.3">
      <c r="A97194" s="13" t="s">
        <v>482</v>
      </c>
      <c r="B97194" s="14" t="s">
        <v>1</v>
      </c>
      <c r="C97194" s="14" t="s">
        <v>109</v>
      </c>
      <c r="D97194" s="14" t="s">
        <v>339</v>
      </c>
      <c r="E97194" s="15">
        <v>45480</v>
      </c>
      <c r="F97194" s="14" t="s">
        <v>15</v>
      </c>
      <c r="G97194" s="16">
        <v>1.9189839367852703E-2</v>
      </c>
    </row>
    <row r="97195" spans="1:7" x14ac:dyDescent="0.3">
      <c r="A97195" s="13" t="s">
        <v>482</v>
      </c>
      <c r="B97195" s="14" t="s">
        <v>1</v>
      </c>
      <c r="C97195" s="14" t="s">
        <v>109</v>
      </c>
      <c r="D97195" s="14" t="s">
        <v>339</v>
      </c>
      <c r="E97195" s="15">
        <v>45481</v>
      </c>
      <c r="F97195" s="14" t="s">
        <v>15</v>
      </c>
      <c r="G97195" s="16">
        <v>2.4631139620542641E-2</v>
      </c>
    </row>
    <row r="97196" spans="1:7" x14ac:dyDescent="0.3">
      <c r="A97196" s="13" t="s">
        <v>482</v>
      </c>
      <c r="B97196" s="14" t="s">
        <v>1</v>
      </c>
      <c r="C97196" s="14" t="s">
        <v>109</v>
      </c>
      <c r="D97196" s="14" t="s">
        <v>339</v>
      </c>
      <c r="E97196" s="15">
        <v>45482</v>
      </c>
      <c r="F97196" s="14" t="s">
        <v>15</v>
      </c>
      <c r="G97196" s="16">
        <v>1.632522631995572E-2</v>
      </c>
    </row>
    <row r="97197" spans="1:7" x14ac:dyDescent="0.3">
      <c r="A97197" s="13" t="s">
        <v>482</v>
      </c>
      <c r="B97197" s="14" t="s">
        <v>1</v>
      </c>
      <c r="C97197" s="14" t="s">
        <v>109</v>
      </c>
      <c r="D97197" s="14" t="s">
        <v>339</v>
      </c>
      <c r="E97197" s="15">
        <v>45483</v>
      </c>
      <c r="F97197" s="14" t="s">
        <v>15</v>
      </c>
      <c r="G97197" s="16">
        <v>1.3545394160697373E-2</v>
      </c>
    </row>
    <row r="97198" spans="1:7" x14ac:dyDescent="0.3">
      <c r="A97198" s="13" t="s">
        <v>482</v>
      </c>
      <c r="B97198" s="14" t="s">
        <v>1</v>
      </c>
      <c r="C97198" s="14" t="s">
        <v>109</v>
      </c>
      <c r="D97198" s="14" t="s">
        <v>339</v>
      </c>
      <c r="E97198" s="15">
        <v>45484</v>
      </c>
      <c r="F97198" s="14" t="s">
        <v>15</v>
      </c>
      <c r="G97198" s="16">
        <v>1.0770020316196048E-2</v>
      </c>
    </row>
    <row r="97199" spans="1:7" x14ac:dyDescent="0.3">
      <c r="A97199" s="13" t="s">
        <v>482</v>
      </c>
      <c r="B97199" s="14" t="s">
        <v>1</v>
      </c>
      <c r="C97199" s="14" t="s">
        <v>109</v>
      </c>
      <c r="D97199" s="14" t="s">
        <v>339</v>
      </c>
      <c r="E97199" s="15">
        <v>45485</v>
      </c>
      <c r="F97199" s="14" t="s">
        <v>15</v>
      </c>
      <c r="G97199" s="16">
        <v>7.9790423700451477E-3</v>
      </c>
    </row>
    <row r="97200" spans="1:7" x14ac:dyDescent="0.3">
      <c r="A97200" s="13" t="s">
        <v>482</v>
      </c>
      <c r="B97200" s="14" t="s">
        <v>1</v>
      </c>
      <c r="C97200" s="14" t="s">
        <v>109</v>
      </c>
      <c r="D97200" s="14" t="s">
        <v>339</v>
      </c>
      <c r="E97200" s="15">
        <v>45486</v>
      </c>
      <c r="F97200" s="14" t="s">
        <v>15</v>
      </c>
      <c r="G97200" s="16">
        <v>7.9790423700451477E-3</v>
      </c>
    </row>
    <row r="97201" spans="1:7" x14ac:dyDescent="0.3">
      <c r="A97201" s="13" t="s">
        <v>482</v>
      </c>
      <c r="B97201" s="14" t="s">
        <v>1</v>
      </c>
      <c r="C97201" s="14" t="s">
        <v>109</v>
      </c>
      <c r="D97201" s="14" t="s">
        <v>339</v>
      </c>
      <c r="E97201" s="15">
        <v>45487</v>
      </c>
      <c r="F97201" s="14" t="s">
        <v>15</v>
      </c>
      <c r="G97201" s="16">
        <v>7.9790423700451477E-3</v>
      </c>
    </row>
    <row r="97202" spans="1:7" x14ac:dyDescent="0.3">
      <c r="A97202" s="13" t="s">
        <v>482</v>
      </c>
      <c r="B97202" s="14" t="s">
        <v>1</v>
      </c>
      <c r="C97202" s="14" t="s">
        <v>109</v>
      </c>
      <c r="D97202" s="14" t="s">
        <v>339</v>
      </c>
      <c r="E97202" s="15">
        <v>45488</v>
      </c>
      <c r="F97202" s="14" t="s">
        <v>15</v>
      </c>
      <c r="G97202" s="16">
        <v>6.1599770409250087E-3</v>
      </c>
    </row>
    <row r="97203" spans="1:7" x14ac:dyDescent="0.3">
      <c r="A97203" s="13" t="s">
        <v>482</v>
      </c>
      <c r="B97203" s="14" t="s">
        <v>1</v>
      </c>
      <c r="C97203" s="14" t="s">
        <v>109</v>
      </c>
      <c r="D97203" s="14" t="s">
        <v>339</v>
      </c>
      <c r="E97203" s="15">
        <v>45489</v>
      </c>
      <c r="F97203" s="14" t="s">
        <v>15</v>
      </c>
      <c r="G97203" s="16">
        <v>0</v>
      </c>
    </row>
    <row r="97204" spans="1:7" x14ac:dyDescent="0.3">
      <c r="A97204" s="13" t="s">
        <v>482</v>
      </c>
      <c r="B97204" s="14" t="s">
        <v>1</v>
      </c>
      <c r="C97204" s="14" t="s">
        <v>109</v>
      </c>
      <c r="D97204" s="14" t="s">
        <v>339</v>
      </c>
      <c r="E97204" s="15">
        <v>45490</v>
      </c>
      <c r="F97204" s="14" t="s">
        <v>15</v>
      </c>
      <c r="G97204" s="16">
        <v>0</v>
      </c>
    </row>
    <row r="97205" spans="1:7" x14ac:dyDescent="0.3">
      <c r="A97205" s="13" t="s">
        <v>482</v>
      </c>
      <c r="B97205" s="14" t="s">
        <v>1</v>
      </c>
      <c r="C97205" s="14" t="s">
        <v>109</v>
      </c>
      <c r="D97205" s="14" t="s">
        <v>339</v>
      </c>
      <c r="E97205" s="15">
        <v>45491</v>
      </c>
      <c r="F97205" s="14" t="s">
        <v>15</v>
      </c>
      <c r="G97205" s="16">
        <v>0</v>
      </c>
    </row>
    <row r="97206" spans="1:7" x14ac:dyDescent="0.3">
      <c r="A97206" s="13" t="s">
        <v>482</v>
      </c>
      <c r="B97206" s="14" t="s">
        <v>1</v>
      </c>
      <c r="C97206" s="14" t="s">
        <v>109</v>
      </c>
      <c r="D97206" s="14" t="s">
        <v>339</v>
      </c>
      <c r="E97206" s="15">
        <v>45492</v>
      </c>
      <c r="F97206" s="14" t="s">
        <v>15</v>
      </c>
      <c r="G97206" s="16">
        <v>0</v>
      </c>
    </row>
    <row r="97207" spans="1:7" x14ac:dyDescent="0.3">
      <c r="A97207" s="13" t="s">
        <v>482</v>
      </c>
      <c r="B97207" s="14" t="s">
        <v>1</v>
      </c>
      <c r="C97207" s="14" t="s">
        <v>109</v>
      </c>
      <c r="D97207" s="14" t="s">
        <v>339</v>
      </c>
      <c r="E97207" s="15">
        <v>45493</v>
      </c>
      <c r="F97207" s="14" t="s">
        <v>15</v>
      </c>
      <c r="G97207" s="16">
        <v>0</v>
      </c>
    </row>
    <row r="97208" spans="1:7" x14ac:dyDescent="0.3">
      <c r="A97208" s="13" t="s">
        <v>482</v>
      </c>
      <c r="B97208" s="14" t="s">
        <v>1</v>
      </c>
      <c r="C97208" s="14" t="s">
        <v>109</v>
      </c>
      <c r="D97208" s="14" t="s">
        <v>339</v>
      </c>
      <c r="E97208" s="15">
        <v>45494</v>
      </c>
      <c r="F97208" s="14" t="s">
        <v>15</v>
      </c>
      <c r="G97208" s="16">
        <v>0</v>
      </c>
    </row>
    <row r="97209" spans="1:7" x14ac:dyDescent="0.3">
      <c r="A97209" s="13" t="s">
        <v>482</v>
      </c>
      <c r="B97209" s="14" t="s">
        <v>1</v>
      </c>
      <c r="C97209" s="14" t="s">
        <v>109</v>
      </c>
      <c r="D97209" s="14" t="s">
        <v>339</v>
      </c>
      <c r="E97209" s="15">
        <v>45495</v>
      </c>
      <c r="F97209" s="14" t="s">
        <v>15</v>
      </c>
      <c r="G97209" s="16">
        <v>0</v>
      </c>
    </row>
    <row r="97210" spans="1:7" x14ac:dyDescent="0.3">
      <c r="A97210" s="13" t="s">
        <v>482</v>
      </c>
      <c r="B97210" s="14" t="s">
        <v>1</v>
      </c>
      <c r="C97210" s="14" t="s">
        <v>109</v>
      </c>
      <c r="D97210" s="14" t="s">
        <v>339</v>
      </c>
      <c r="E97210" s="15">
        <v>45496</v>
      </c>
      <c r="F97210" s="14" t="s">
        <v>15</v>
      </c>
      <c r="G97210" s="16">
        <v>0</v>
      </c>
    </row>
    <row r="97211" spans="1:7" x14ac:dyDescent="0.3">
      <c r="A97211" s="13" t="s">
        <v>482</v>
      </c>
      <c r="B97211" s="14" t="s">
        <v>1</v>
      </c>
      <c r="C97211" s="14" t="s">
        <v>109</v>
      </c>
      <c r="D97211" s="14" t="s">
        <v>339</v>
      </c>
      <c r="E97211" s="15">
        <v>45497</v>
      </c>
      <c r="F97211" s="14" t="s">
        <v>15</v>
      </c>
      <c r="G97211" s="16">
        <v>0</v>
      </c>
    </row>
    <row r="97212" spans="1:7" x14ac:dyDescent="0.3">
      <c r="A97212" s="13" t="s">
        <v>482</v>
      </c>
      <c r="B97212" s="14" t="s">
        <v>1</v>
      </c>
      <c r="C97212" s="14" t="s">
        <v>109</v>
      </c>
      <c r="D97212" s="14" t="s">
        <v>339</v>
      </c>
      <c r="E97212" s="15">
        <v>45498</v>
      </c>
      <c r="F97212" s="14" t="s">
        <v>15</v>
      </c>
      <c r="G97212" s="16">
        <v>0</v>
      </c>
    </row>
    <row r="97213" spans="1:7" x14ac:dyDescent="0.3">
      <c r="A97213" s="13" t="s">
        <v>482</v>
      </c>
      <c r="B97213" s="14" t="s">
        <v>1</v>
      </c>
      <c r="C97213" s="14" t="s">
        <v>109</v>
      </c>
      <c r="D97213" s="14" t="s">
        <v>339</v>
      </c>
      <c r="E97213" s="15">
        <v>45499</v>
      </c>
      <c r="F97213" s="14" t="s">
        <v>15</v>
      </c>
      <c r="G97213" s="16">
        <v>0</v>
      </c>
    </row>
    <row r="97214" spans="1:7" x14ac:dyDescent="0.3">
      <c r="A97214" s="13" t="s">
        <v>482</v>
      </c>
      <c r="B97214" s="14" t="s">
        <v>1</v>
      </c>
      <c r="C97214" s="14" t="s">
        <v>109</v>
      </c>
      <c r="D97214" s="14" t="s">
        <v>339</v>
      </c>
      <c r="E97214" s="15">
        <v>45500</v>
      </c>
      <c r="F97214" s="14" t="s">
        <v>15</v>
      </c>
      <c r="G97214" s="16">
        <v>0</v>
      </c>
    </row>
    <row r="97215" spans="1:7" x14ac:dyDescent="0.3">
      <c r="A97215" s="13" t="s">
        <v>482</v>
      </c>
      <c r="B97215" s="14" t="s">
        <v>1</v>
      </c>
      <c r="C97215" s="14" t="s">
        <v>109</v>
      </c>
      <c r="D97215" s="14" t="s">
        <v>339</v>
      </c>
      <c r="E97215" s="15">
        <v>45501</v>
      </c>
      <c r="F97215" s="14" t="s">
        <v>15</v>
      </c>
      <c r="G97215" s="16">
        <v>0</v>
      </c>
    </row>
    <row r="97216" spans="1:7" x14ac:dyDescent="0.3">
      <c r="A97216" s="13" t="s">
        <v>482</v>
      </c>
      <c r="B97216" s="14" t="s">
        <v>1</v>
      </c>
      <c r="C97216" s="14" t="s">
        <v>109</v>
      </c>
      <c r="D97216" s="14" t="s">
        <v>339</v>
      </c>
      <c r="E97216" s="15">
        <v>45502</v>
      </c>
      <c r="F97216" s="14" t="s">
        <v>15</v>
      </c>
      <c r="G97216" s="16">
        <v>0</v>
      </c>
    </row>
    <row r="97217" spans="1:7" x14ac:dyDescent="0.3">
      <c r="A97217" s="13" t="s">
        <v>482</v>
      </c>
      <c r="B97217" s="14" t="s">
        <v>1</v>
      </c>
      <c r="C97217" s="14" t="s">
        <v>109</v>
      </c>
      <c r="D97217" s="14" t="s">
        <v>339</v>
      </c>
      <c r="E97217" s="15">
        <v>45503</v>
      </c>
      <c r="F97217" s="14" t="s">
        <v>15</v>
      </c>
      <c r="G97217" s="16">
        <v>0</v>
      </c>
    </row>
    <row r="97218" spans="1:7" x14ac:dyDescent="0.3">
      <c r="A97218" s="13" t="s">
        <v>482</v>
      </c>
      <c r="B97218" s="14" t="s">
        <v>1</v>
      </c>
      <c r="C97218" s="14" t="s">
        <v>109</v>
      </c>
      <c r="D97218" s="14" t="s">
        <v>339</v>
      </c>
      <c r="E97218" s="15">
        <v>45504</v>
      </c>
      <c r="F97218" s="14" t="s">
        <v>15</v>
      </c>
      <c r="G97218" s="16">
        <v>0</v>
      </c>
    </row>
    <row r="97219" spans="1:7" x14ac:dyDescent="0.3">
      <c r="A97219" s="13" t="s">
        <v>482</v>
      </c>
      <c r="B97219" s="14" t="s">
        <v>1</v>
      </c>
      <c r="C97219" s="14" t="s">
        <v>109</v>
      </c>
      <c r="D97219" s="14" t="s">
        <v>339</v>
      </c>
      <c r="E97219" s="15">
        <v>45505</v>
      </c>
      <c r="F97219" s="14" t="s">
        <v>15</v>
      </c>
      <c r="G97219" s="16">
        <v>0</v>
      </c>
    </row>
    <row r="97220" spans="1:7" x14ac:dyDescent="0.3">
      <c r="A97220" s="13" t="s">
        <v>482</v>
      </c>
      <c r="B97220" s="14" t="s">
        <v>1</v>
      </c>
      <c r="C97220" s="14" t="s">
        <v>109</v>
      </c>
      <c r="D97220" s="14" t="s">
        <v>339</v>
      </c>
      <c r="E97220" s="15">
        <v>45506</v>
      </c>
      <c r="F97220" s="14" t="s">
        <v>15</v>
      </c>
      <c r="G97220" s="16">
        <v>0</v>
      </c>
    </row>
    <row r="97221" spans="1:7" x14ac:dyDescent="0.3">
      <c r="A97221" s="13" t="s">
        <v>482</v>
      </c>
      <c r="B97221" s="14" t="s">
        <v>1</v>
      </c>
      <c r="C97221" s="14" t="s">
        <v>109</v>
      </c>
      <c r="D97221" s="14" t="s">
        <v>339</v>
      </c>
      <c r="E97221" s="15">
        <v>45507</v>
      </c>
      <c r="F97221" s="14" t="s">
        <v>15</v>
      </c>
      <c r="G97221" s="16">
        <v>0</v>
      </c>
    </row>
    <row r="97222" spans="1:7" x14ac:dyDescent="0.3">
      <c r="A97222" s="13" t="s">
        <v>482</v>
      </c>
      <c r="B97222" s="14" t="s">
        <v>1</v>
      </c>
      <c r="C97222" s="14" t="s">
        <v>109</v>
      </c>
      <c r="D97222" s="14" t="s">
        <v>339</v>
      </c>
      <c r="E97222" s="15">
        <v>45508</v>
      </c>
      <c r="F97222" s="14" t="s">
        <v>15</v>
      </c>
      <c r="G97222" s="16">
        <v>0</v>
      </c>
    </row>
    <row r="97223" spans="1:7" x14ac:dyDescent="0.3">
      <c r="A97223" s="13" t="s">
        <v>482</v>
      </c>
      <c r="B97223" s="14" t="s">
        <v>1</v>
      </c>
      <c r="C97223" s="14" t="s">
        <v>109</v>
      </c>
      <c r="D97223" s="14" t="s">
        <v>339</v>
      </c>
      <c r="E97223" s="15">
        <v>45509</v>
      </c>
      <c r="F97223" s="14" t="s">
        <v>15</v>
      </c>
      <c r="G97223" s="16">
        <v>0</v>
      </c>
    </row>
    <row r="97224" spans="1:7" x14ac:dyDescent="0.3">
      <c r="A97224" s="13" t="s">
        <v>482</v>
      </c>
      <c r="B97224" s="14" t="s">
        <v>1</v>
      </c>
      <c r="C97224" s="14" t="s">
        <v>109</v>
      </c>
      <c r="D97224" s="14" t="s">
        <v>339</v>
      </c>
      <c r="E97224" s="15">
        <v>45510</v>
      </c>
      <c r="F97224" s="14" t="s">
        <v>15</v>
      </c>
      <c r="G97224" s="16">
        <v>0</v>
      </c>
    </row>
    <row r="97225" spans="1:7" x14ac:dyDescent="0.3">
      <c r="A97225" s="13" t="s">
        <v>482</v>
      </c>
      <c r="B97225" s="14" t="s">
        <v>1</v>
      </c>
      <c r="C97225" s="14" t="s">
        <v>109</v>
      </c>
      <c r="D97225" s="14" t="s">
        <v>339</v>
      </c>
      <c r="E97225" s="15">
        <v>45511</v>
      </c>
      <c r="F97225" s="14" t="s">
        <v>15</v>
      </c>
      <c r="G97225" s="16">
        <v>0</v>
      </c>
    </row>
    <row r="97226" spans="1:7" x14ac:dyDescent="0.3">
      <c r="A97226" s="13" t="s">
        <v>482</v>
      </c>
      <c r="B97226" s="14" t="s">
        <v>1</v>
      </c>
      <c r="C97226" s="14" t="s">
        <v>109</v>
      </c>
      <c r="D97226" s="14" t="s">
        <v>339</v>
      </c>
      <c r="E97226" s="15">
        <v>45512</v>
      </c>
      <c r="F97226" s="14" t="s">
        <v>15</v>
      </c>
      <c r="G97226" s="16">
        <v>0</v>
      </c>
    </row>
    <row r="97227" spans="1:7" x14ac:dyDescent="0.3">
      <c r="A97227" s="13" t="s">
        <v>482</v>
      </c>
      <c r="B97227" s="14" t="s">
        <v>1</v>
      </c>
      <c r="C97227" s="14" t="s">
        <v>109</v>
      </c>
      <c r="D97227" s="14" t="s">
        <v>339</v>
      </c>
      <c r="E97227" s="15">
        <v>45513</v>
      </c>
      <c r="F97227" s="14" t="s">
        <v>15</v>
      </c>
      <c r="G97227" s="16">
        <v>0</v>
      </c>
    </row>
    <row r="97228" spans="1:7" x14ac:dyDescent="0.3">
      <c r="A97228" s="13" t="s">
        <v>482</v>
      </c>
      <c r="B97228" s="14" t="s">
        <v>1</v>
      </c>
      <c r="C97228" s="14" t="s">
        <v>109</v>
      </c>
      <c r="D97228" s="14" t="s">
        <v>339</v>
      </c>
      <c r="E97228" s="15">
        <v>45514</v>
      </c>
      <c r="F97228" s="14" t="s">
        <v>15</v>
      </c>
      <c r="G97228" s="16">
        <v>0</v>
      </c>
    </row>
    <row r="97229" spans="1:7" x14ac:dyDescent="0.3">
      <c r="A97229" s="13" t="s">
        <v>482</v>
      </c>
      <c r="B97229" s="14" t="s">
        <v>1</v>
      </c>
      <c r="C97229" s="14" t="s">
        <v>109</v>
      </c>
      <c r="D97229" s="14" t="s">
        <v>339</v>
      </c>
      <c r="E97229" s="15">
        <v>45515</v>
      </c>
      <c r="F97229" s="14" t="s">
        <v>15</v>
      </c>
      <c r="G97229" s="16">
        <v>0</v>
      </c>
    </row>
    <row r="97230" spans="1:7" x14ac:dyDescent="0.3">
      <c r="A97230" s="13" t="s">
        <v>482</v>
      </c>
      <c r="B97230" s="14" t="s">
        <v>1</v>
      </c>
      <c r="C97230" s="14" t="s">
        <v>109</v>
      </c>
      <c r="D97230" s="14" t="s">
        <v>339</v>
      </c>
      <c r="E97230" s="15">
        <v>45516</v>
      </c>
      <c r="F97230" s="14" t="s">
        <v>15</v>
      </c>
      <c r="G97230" s="16">
        <v>0</v>
      </c>
    </row>
    <row r="97231" spans="1:7" x14ac:dyDescent="0.3">
      <c r="A97231" s="13" t="s">
        <v>482</v>
      </c>
      <c r="B97231" s="14" t="s">
        <v>1</v>
      </c>
      <c r="C97231" s="14" t="s">
        <v>109</v>
      </c>
      <c r="D97231" s="14" t="s">
        <v>339</v>
      </c>
      <c r="E97231" s="15">
        <v>45517</v>
      </c>
      <c r="F97231" s="14" t="s">
        <v>15</v>
      </c>
      <c r="G97231" s="16">
        <v>0</v>
      </c>
    </row>
    <row r="97232" spans="1:7" x14ac:dyDescent="0.3">
      <c r="A97232" s="13" t="s">
        <v>482</v>
      </c>
      <c r="B97232" s="14" t="s">
        <v>1</v>
      </c>
      <c r="C97232" s="14" t="s">
        <v>109</v>
      </c>
      <c r="D97232" s="14" t="s">
        <v>339</v>
      </c>
      <c r="E97232" s="15">
        <v>45518</v>
      </c>
      <c r="F97232" s="14" t="s">
        <v>15</v>
      </c>
      <c r="G97232" s="16">
        <v>0</v>
      </c>
    </row>
    <row r="97233" spans="1:7" x14ac:dyDescent="0.3">
      <c r="A97233" s="13" t="s">
        <v>482</v>
      </c>
      <c r="B97233" s="14" t="s">
        <v>1</v>
      </c>
      <c r="C97233" s="14" t="s">
        <v>109</v>
      </c>
      <c r="D97233" s="14" t="s">
        <v>339</v>
      </c>
      <c r="E97233" s="15">
        <v>45519</v>
      </c>
      <c r="F97233" s="14" t="s">
        <v>15</v>
      </c>
      <c r="G97233" s="16">
        <v>0</v>
      </c>
    </row>
    <row r="97234" spans="1:7" x14ac:dyDescent="0.3">
      <c r="A97234" s="13" t="s">
        <v>482</v>
      </c>
      <c r="B97234" s="14" t="s">
        <v>1</v>
      </c>
      <c r="C97234" s="14" t="s">
        <v>109</v>
      </c>
      <c r="D97234" s="14" t="s">
        <v>339</v>
      </c>
      <c r="E97234" s="15">
        <v>45520</v>
      </c>
      <c r="F97234" s="14" t="s">
        <v>15</v>
      </c>
      <c r="G97234" s="16">
        <v>0</v>
      </c>
    </row>
    <row r="97235" spans="1:7" x14ac:dyDescent="0.3">
      <c r="A97235" s="13" t="s">
        <v>482</v>
      </c>
      <c r="B97235" s="14" t="s">
        <v>1</v>
      </c>
      <c r="C97235" s="14" t="s">
        <v>109</v>
      </c>
      <c r="D97235" s="14" t="s">
        <v>339</v>
      </c>
      <c r="E97235" s="15">
        <v>45521</v>
      </c>
      <c r="F97235" s="14" t="s">
        <v>15</v>
      </c>
      <c r="G97235" s="16">
        <v>0</v>
      </c>
    </row>
    <row r="97236" spans="1:7" x14ac:dyDescent="0.3">
      <c r="A97236" s="13" t="s">
        <v>482</v>
      </c>
      <c r="B97236" s="14" t="s">
        <v>1</v>
      </c>
      <c r="C97236" s="14" t="s">
        <v>109</v>
      </c>
      <c r="D97236" s="14" t="s">
        <v>339</v>
      </c>
      <c r="E97236" s="15">
        <v>45522</v>
      </c>
      <c r="F97236" s="14" t="s">
        <v>15</v>
      </c>
      <c r="G97236" s="16">
        <v>0</v>
      </c>
    </row>
    <row r="97237" spans="1:7" x14ac:dyDescent="0.3">
      <c r="A97237" s="13" t="s">
        <v>482</v>
      </c>
      <c r="B97237" s="14" t="s">
        <v>1</v>
      </c>
      <c r="C97237" s="14" t="s">
        <v>109</v>
      </c>
      <c r="D97237" s="14" t="s">
        <v>339</v>
      </c>
      <c r="E97237" s="15">
        <v>45523</v>
      </c>
      <c r="F97237" s="14" t="s">
        <v>15</v>
      </c>
      <c r="G97237" s="16">
        <v>0</v>
      </c>
    </row>
    <row r="97238" spans="1:7" x14ac:dyDescent="0.3">
      <c r="A97238" s="13" t="s">
        <v>482</v>
      </c>
      <c r="B97238" s="14" t="s">
        <v>1</v>
      </c>
      <c r="C97238" s="14" t="s">
        <v>109</v>
      </c>
      <c r="D97238" s="14" t="s">
        <v>339</v>
      </c>
      <c r="E97238" s="15">
        <v>45524</v>
      </c>
      <c r="F97238" s="14" t="s">
        <v>15</v>
      </c>
      <c r="G97238" s="16">
        <v>0</v>
      </c>
    </row>
    <row r="97239" spans="1:7" x14ac:dyDescent="0.3">
      <c r="A97239" s="13" t="s">
        <v>482</v>
      </c>
      <c r="B97239" s="14" t="s">
        <v>1</v>
      </c>
      <c r="C97239" s="14" t="s">
        <v>109</v>
      </c>
      <c r="D97239" s="14" t="s">
        <v>339</v>
      </c>
      <c r="E97239" s="15">
        <v>45525</v>
      </c>
      <c r="F97239" s="14" t="s">
        <v>15</v>
      </c>
      <c r="G97239" s="16">
        <v>0</v>
      </c>
    </row>
    <row r="97240" spans="1:7" x14ac:dyDescent="0.3">
      <c r="A97240" s="13" t="s">
        <v>482</v>
      </c>
      <c r="B97240" s="14" t="s">
        <v>1</v>
      </c>
      <c r="C97240" s="14" t="s">
        <v>109</v>
      </c>
      <c r="D97240" s="14" t="s">
        <v>339</v>
      </c>
      <c r="E97240" s="15">
        <v>45526</v>
      </c>
      <c r="F97240" s="14" t="s">
        <v>15</v>
      </c>
      <c r="G97240" s="16">
        <v>0</v>
      </c>
    </row>
    <row r="97241" spans="1:7" x14ac:dyDescent="0.3">
      <c r="A97241" s="13" t="s">
        <v>482</v>
      </c>
      <c r="B97241" s="14" t="s">
        <v>1</v>
      </c>
      <c r="C97241" s="14" t="s">
        <v>109</v>
      </c>
      <c r="D97241" s="14" t="s">
        <v>339</v>
      </c>
      <c r="E97241" s="15">
        <v>45527</v>
      </c>
      <c r="F97241" s="14" t="s">
        <v>15</v>
      </c>
      <c r="G97241" s="16">
        <v>0</v>
      </c>
    </row>
    <row r="97242" spans="1:7" x14ac:dyDescent="0.3">
      <c r="A97242" s="13" t="s">
        <v>482</v>
      </c>
      <c r="B97242" s="14" t="s">
        <v>1</v>
      </c>
      <c r="C97242" s="14" t="s">
        <v>109</v>
      </c>
      <c r="D97242" s="14" t="s">
        <v>339</v>
      </c>
      <c r="E97242" s="15">
        <v>45528</v>
      </c>
      <c r="F97242" s="14" t="s">
        <v>15</v>
      </c>
      <c r="G97242" s="16">
        <v>0</v>
      </c>
    </row>
    <row r="97243" spans="1:7" x14ac:dyDescent="0.3">
      <c r="A97243" s="13" t="s">
        <v>482</v>
      </c>
      <c r="B97243" s="14" t="s">
        <v>1</v>
      </c>
      <c r="C97243" s="14" t="s">
        <v>109</v>
      </c>
      <c r="D97243" s="14" t="s">
        <v>339</v>
      </c>
      <c r="E97243" s="15">
        <v>45529</v>
      </c>
      <c r="F97243" s="14" t="s">
        <v>15</v>
      </c>
      <c r="G97243" s="16">
        <v>0</v>
      </c>
    </row>
    <row r="97244" spans="1:7" x14ac:dyDescent="0.3">
      <c r="A97244" s="13" t="s">
        <v>482</v>
      </c>
      <c r="B97244" s="14" t="s">
        <v>1</v>
      </c>
      <c r="C97244" s="14" t="s">
        <v>109</v>
      </c>
      <c r="D97244" s="14" t="s">
        <v>339</v>
      </c>
      <c r="E97244" s="15">
        <v>45530</v>
      </c>
      <c r="F97244" s="14" t="s">
        <v>15</v>
      </c>
      <c r="G97244" s="16">
        <v>0</v>
      </c>
    </row>
    <row r="97245" spans="1:7" x14ac:dyDescent="0.3">
      <c r="A97245" s="13" t="s">
        <v>482</v>
      </c>
      <c r="B97245" s="14" t="s">
        <v>1</v>
      </c>
      <c r="C97245" s="14" t="s">
        <v>109</v>
      </c>
      <c r="D97245" s="14" t="s">
        <v>339</v>
      </c>
      <c r="E97245" s="15">
        <v>45531</v>
      </c>
      <c r="F97245" s="14" t="s">
        <v>15</v>
      </c>
      <c r="G97245" s="16">
        <v>0</v>
      </c>
    </row>
    <row r="97246" spans="1:7" x14ac:dyDescent="0.3">
      <c r="A97246" s="13" t="s">
        <v>482</v>
      </c>
      <c r="B97246" s="14" t="s">
        <v>1</v>
      </c>
      <c r="C97246" s="14" t="s">
        <v>109</v>
      </c>
      <c r="D97246" s="14" t="s">
        <v>339</v>
      </c>
      <c r="E97246" s="15">
        <v>45532</v>
      </c>
      <c r="F97246" s="14" t="s">
        <v>15</v>
      </c>
      <c r="G97246" s="16">
        <v>0</v>
      </c>
    </row>
    <row r="97247" spans="1:7" x14ac:dyDescent="0.3">
      <c r="A97247" s="13" t="s">
        <v>482</v>
      </c>
      <c r="B97247" s="14" t="s">
        <v>1</v>
      </c>
      <c r="C97247" s="14" t="s">
        <v>109</v>
      </c>
      <c r="D97247" s="14" t="s">
        <v>339</v>
      </c>
      <c r="E97247" s="15">
        <v>45533</v>
      </c>
      <c r="F97247" s="14" t="s">
        <v>15</v>
      </c>
      <c r="G97247" s="16">
        <v>9.0622360409575321E-3</v>
      </c>
    </row>
    <row r="97248" spans="1:7" x14ac:dyDescent="0.3">
      <c r="A97248" s="13" t="s">
        <v>482</v>
      </c>
      <c r="B97248" s="14" t="s">
        <v>1</v>
      </c>
      <c r="C97248" s="14" t="s">
        <v>109</v>
      </c>
      <c r="D97248" s="14" t="s">
        <v>339</v>
      </c>
      <c r="E97248" s="15">
        <v>45534</v>
      </c>
      <c r="F97248" s="14" t="s">
        <v>15</v>
      </c>
      <c r="G97248" s="16">
        <v>6.5075487769287897E-3</v>
      </c>
    </row>
    <row r="97249" spans="1:7" x14ac:dyDescent="0.3">
      <c r="A97249" s="13" t="s">
        <v>482</v>
      </c>
      <c r="B97249" s="14" t="s">
        <v>1</v>
      </c>
      <c r="C97249" s="14" t="s">
        <v>109</v>
      </c>
      <c r="D97249" s="14" t="s">
        <v>339</v>
      </c>
      <c r="E97249" s="15">
        <v>45535</v>
      </c>
      <c r="F97249" s="14" t="s">
        <v>15</v>
      </c>
      <c r="G97249" s="16">
        <v>6.5075487769287897E-3</v>
      </c>
    </row>
    <row r="97250" spans="1:7" x14ac:dyDescent="0.3">
      <c r="A97250" s="13" t="s">
        <v>482</v>
      </c>
      <c r="B97250" s="14" t="s">
        <v>1</v>
      </c>
      <c r="C97250" s="14" t="s">
        <v>109</v>
      </c>
      <c r="D97250" s="14" t="s">
        <v>339</v>
      </c>
      <c r="E97250" s="15">
        <v>45536</v>
      </c>
      <c r="F97250" s="14" t="s">
        <v>15</v>
      </c>
      <c r="G97250" s="16">
        <v>6.5075487769287897E-3</v>
      </c>
    </row>
    <row r="97251" spans="1:7" x14ac:dyDescent="0.3">
      <c r="A97251" s="13" t="s">
        <v>482</v>
      </c>
      <c r="B97251" s="14" t="s">
        <v>1</v>
      </c>
      <c r="C97251" s="14" t="s">
        <v>109</v>
      </c>
      <c r="D97251" s="14" t="s">
        <v>339</v>
      </c>
      <c r="E97251" s="15">
        <v>45537</v>
      </c>
      <c r="F97251" s="14" t="s">
        <v>15</v>
      </c>
      <c r="G97251" s="16">
        <v>3.9528615129000473E-3</v>
      </c>
    </row>
    <row r="97252" spans="1:7" x14ac:dyDescent="0.3">
      <c r="A97252" s="13" t="s">
        <v>482</v>
      </c>
      <c r="B97252" s="14" t="s">
        <v>1</v>
      </c>
      <c r="C97252" s="14" t="s">
        <v>109</v>
      </c>
      <c r="D97252" s="14" t="s">
        <v>339</v>
      </c>
      <c r="E97252" s="15">
        <v>45538</v>
      </c>
      <c r="F97252" s="14" t="s">
        <v>15</v>
      </c>
      <c r="G97252" s="16">
        <v>0</v>
      </c>
    </row>
    <row r="97253" spans="1:7" x14ac:dyDescent="0.3">
      <c r="A97253" s="13" t="s">
        <v>482</v>
      </c>
      <c r="B97253" s="14" t="s">
        <v>1</v>
      </c>
      <c r="C97253" s="14" t="s">
        <v>109</v>
      </c>
      <c r="D97253" s="14" t="s">
        <v>339</v>
      </c>
      <c r="E97253" s="15">
        <v>45539</v>
      </c>
      <c r="F97253" s="14" t="s">
        <v>15</v>
      </c>
      <c r="G97253" s="16">
        <v>0</v>
      </c>
    </row>
    <row r="97254" spans="1:7" x14ac:dyDescent="0.3">
      <c r="A97254" s="13" t="s">
        <v>482</v>
      </c>
      <c r="B97254" s="14" t="s">
        <v>1</v>
      </c>
      <c r="C97254" s="14" t="s">
        <v>109</v>
      </c>
      <c r="D97254" s="14" t="s">
        <v>339</v>
      </c>
      <c r="E97254" s="15">
        <v>45540</v>
      </c>
      <c r="F97254" s="14" t="s">
        <v>15</v>
      </c>
      <c r="G97254" s="16">
        <v>0</v>
      </c>
    </row>
    <row r="97255" spans="1:7" x14ac:dyDescent="0.3">
      <c r="A97255" s="13" t="s">
        <v>482</v>
      </c>
      <c r="B97255" s="14" t="s">
        <v>1</v>
      </c>
      <c r="C97255" s="14" t="s">
        <v>109</v>
      </c>
      <c r="D97255" s="14" t="s">
        <v>339</v>
      </c>
      <c r="E97255" s="15">
        <v>45541</v>
      </c>
      <c r="F97255" s="14" t="s">
        <v>15</v>
      </c>
      <c r="G97255" s="16">
        <v>0</v>
      </c>
    </row>
    <row r="97256" spans="1:7" x14ac:dyDescent="0.3">
      <c r="A97256" s="13" t="s">
        <v>482</v>
      </c>
      <c r="B97256" s="14" t="s">
        <v>1</v>
      </c>
      <c r="C97256" s="14" t="s">
        <v>109</v>
      </c>
      <c r="D97256" s="14" t="s">
        <v>339</v>
      </c>
      <c r="E97256" s="15">
        <v>45542</v>
      </c>
      <c r="F97256" s="14" t="s">
        <v>15</v>
      </c>
      <c r="G97256" s="16">
        <v>0</v>
      </c>
    </row>
    <row r="97257" spans="1:7" x14ac:dyDescent="0.3">
      <c r="A97257" s="13" t="s">
        <v>482</v>
      </c>
      <c r="B97257" s="14" t="s">
        <v>1</v>
      </c>
      <c r="C97257" s="14" t="s">
        <v>109</v>
      </c>
      <c r="D97257" s="14" t="s">
        <v>339</v>
      </c>
      <c r="E97257" s="15">
        <v>45543</v>
      </c>
      <c r="F97257" s="14" t="s">
        <v>15</v>
      </c>
      <c r="G97257" s="16">
        <v>0</v>
      </c>
    </row>
    <row r="97258" spans="1:7" x14ac:dyDescent="0.3">
      <c r="A97258" s="13" t="s">
        <v>482</v>
      </c>
      <c r="B97258" s="14" t="s">
        <v>1</v>
      </c>
      <c r="C97258" s="14" t="s">
        <v>109</v>
      </c>
      <c r="D97258" s="14" t="s">
        <v>339</v>
      </c>
      <c r="E97258" s="15">
        <v>45544</v>
      </c>
      <c r="F97258" s="14" t="s">
        <v>15</v>
      </c>
      <c r="G97258" s="16">
        <v>0</v>
      </c>
    </row>
    <row r="97259" spans="1:7" x14ac:dyDescent="0.3">
      <c r="A97259" s="13" t="s">
        <v>482</v>
      </c>
      <c r="B97259" s="14" t="s">
        <v>1</v>
      </c>
      <c r="C97259" s="14" t="s">
        <v>109</v>
      </c>
      <c r="D97259" s="14" t="s">
        <v>339</v>
      </c>
      <c r="E97259" s="15">
        <v>45545</v>
      </c>
      <c r="F97259" s="14" t="s">
        <v>15</v>
      </c>
      <c r="G97259" s="16">
        <v>0</v>
      </c>
    </row>
    <row r="97260" spans="1:7" x14ac:dyDescent="0.3">
      <c r="A97260" s="13" t="s">
        <v>482</v>
      </c>
      <c r="B97260" s="14" t="s">
        <v>1</v>
      </c>
      <c r="C97260" s="14" t="s">
        <v>109</v>
      </c>
      <c r="D97260" s="14" t="s">
        <v>339</v>
      </c>
      <c r="E97260" s="15">
        <v>45546</v>
      </c>
      <c r="F97260" s="14" t="s">
        <v>15</v>
      </c>
      <c r="G97260" s="16">
        <v>0</v>
      </c>
    </row>
    <row r="97261" spans="1:7" x14ac:dyDescent="0.3">
      <c r="A97261" s="13" t="s">
        <v>482</v>
      </c>
      <c r="B97261" s="14" t="s">
        <v>1</v>
      </c>
      <c r="C97261" s="14" t="s">
        <v>109</v>
      </c>
      <c r="D97261" s="14" t="s">
        <v>339</v>
      </c>
      <c r="E97261" s="15">
        <v>45547</v>
      </c>
      <c r="F97261" s="14" t="s">
        <v>15</v>
      </c>
      <c r="G97261" s="16">
        <v>0</v>
      </c>
    </row>
    <row r="97262" spans="1:7" x14ac:dyDescent="0.3">
      <c r="A97262" s="13" t="s">
        <v>482</v>
      </c>
      <c r="B97262" s="14" t="s">
        <v>1</v>
      </c>
      <c r="C97262" s="14" t="s">
        <v>109</v>
      </c>
      <c r="D97262" s="14" t="s">
        <v>339</v>
      </c>
      <c r="E97262" s="15">
        <v>45548</v>
      </c>
      <c r="F97262" s="14" t="s">
        <v>15</v>
      </c>
      <c r="G97262" s="16">
        <v>0</v>
      </c>
    </row>
    <row r="97263" spans="1:7" x14ac:dyDescent="0.3">
      <c r="A97263" s="13" t="s">
        <v>482</v>
      </c>
      <c r="B97263" s="14" t="s">
        <v>1</v>
      </c>
      <c r="C97263" s="14" t="s">
        <v>109</v>
      </c>
      <c r="D97263" s="14" t="s">
        <v>339</v>
      </c>
      <c r="E97263" s="15">
        <v>45549</v>
      </c>
      <c r="F97263" s="14" t="s">
        <v>15</v>
      </c>
      <c r="G97263" s="16">
        <v>0</v>
      </c>
    </row>
    <row r="97264" spans="1:7" x14ac:dyDescent="0.3">
      <c r="A97264" s="13" t="s">
        <v>482</v>
      </c>
      <c r="B97264" s="14" t="s">
        <v>1</v>
      </c>
      <c r="C97264" s="14" t="s">
        <v>109</v>
      </c>
      <c r="D97264" s="14" t="s">
        <v>339</v>
      </c>
      <c r="E97264" s="15">
        <v>45550</v>
      </c>
      <c r="F97264" s="14" t="s">
        <v>15</v>
      </c>
      <c r="G97264" s="16">
        <v>0</v>
      </c>
    </row>
    <row r="97265" spans="1:7" x14ac:dyDescent="0.3">
      <c r="A97265" s="13" t="s">
        <v>482</v>
      </c>
      <c r="B97265" s="14" t="s">
        <v>1</v>
      </c>
      <c r="C97265" s="14" t="s">
        <v>109</v>
      </c>
      <c r="D97265" s="14" t="s">
        <v>339</v>
      </c>
      <c r="E97265" s="15">
        <v>45551</v>
      </c>
      <c r="F97265" s="14" t="s">
        <v>15</v>
      </c>
      <c r="G97265" s="16">
        <v>0</v>
      </c>
    </row>
    <row r="97266" spans="1:7" x14ac:dyDescent="0.3">
      <c r="A97266" s="13" t="s">
        <v>482</v>
      </c>
      <c r="B97266" s="14" t="s">
        <v>1</v>
      </c>
      <c r="C97266" s="14" t="s">
        <v>109</v>
      </c>
      <c r="D97266" s="14" t="s">
        <v>339</v>
      </c>
      <c r="E97266" s="15">
        <v>45552</v>
      </c>
      <c r="F97266" s="14" t="s">
        <v>15</v>
      </c>
      <c r="G97266" s="16">
        <v>0</v>
      </c>
    </row>
    <row r="97267" spans="1:7" x14ac:dyDescent="0.3">
      <c r="A97267" s="13" t="s">
        <v>482</v>
      </c>
      <c r="B97267" s="14" t="s">
        <v>1</v>
      </c>
      <c r="C97267" s="14" t="s">
        <v>109</v>
      </c>
      <c r="D97267" s="14" t="s">
        <v>339</v>
      </c>
      <c r="E97267" s="15">
        <v>45553</v>
      </c>
      <c r="F97267" s="14" t="s">
        <v>15</v>
      </c>
      <c r="G97267" s="16">
        <v>0</v>
      </c>
    </row>
    <row r="97268" spans="1:7" x14ac:dyDescent="0.3">
      <c r="A97268" s="13" t="s">
        <v>482</v>
      </c>
      <c r="B97268" s="14" t="s">
        <v>1</v>
      </c>
      <c r="C97268" s="14" t="s">
        <v>109</v>
      </c>
      <c r="D97268" s="14" t="s">
        <v>339</v>
      </c>
      <c r="E97268" s="15">
        <v>45554</v>
      </c>
      <c r="F97268" s="14" t="s">
        <v>15</v>
      </c>
      <c r="G97268" s="16">
        <v>0</v>
      </c>
    </row>
    <row r="97269" spans="1:7" x14ac:dyDescent="0.3">
      <c r="A97269" s="13" t="s">
        <v>482</v>
      </c>
      <c r="B97269" s="14" t="s">
        <v>1</v>
      </c>
      <c r="C97269" s="14" t="s">
        <v>109</v>
      </c>
      <c r="D97269" s="14" t="s">
        <v>339</v>
      </c>
      <c r="E97269" s="15">
        <v>45555</v>
      </c>
      <c r="F97269" s="14" t="s">
        <v>15</v>
      </c>
      <c r="G97269" s="16">
        <v>0</v>
      </c>
    </row>
    <row r="97270" spans="1:7" x14ac:dyDescent="0.3">
      <c r="A97270" s="13" t="s">
        <v>482</v>
      </c>
      <c r="B97270" s="14" t="s">
        <v>1</v>
      </c>
      <c r="C97270" s="14" t="s">
        <v>109</v>
      </c>
      <c r="D97270" s="14" t="s">
        <v>339</v>
      </c>
      <c r="E97270" s="15">
        <v>45556</v>
      </c>
      <c r="F97270" s="14" t="s">
        <v>15</v>
      </c>
      <c r="G97270" s="16">
        <v>0</v>
      </c>
    </row>
    <row r="97271" spans="1:7" x14ac:dyDescent="0.3">
      <c r="A97271" s="13" t="s">
        <v>482</v>
      </c>
      <c r="B97271" s="14" t="s">
        <v>1</v>
      </c>
      <c r="C97271" s="14" t="s">
        <v>109</v>
      </c>
      <c r="D97271" s="14" t="s">
        <v>339</v>
      </c>
      <c r="E97271" s="15">
        <v>45557</v>
      </c>
      <c r="F97271" s="14" t="s">
        <v>15</v>
      </c>
      <c r="G97271" s="16">
        <v>0</v>
      </c>
    </row>
    <row r="97272" spans="1:7" x14ac:dyDescent="0.3">
      <c r="A97272" s="13" t="s">
        <v>482</v>
      </c>
      <c r="B97272" s="14" t="s">
        <v>1</v>
      </c>
      <c r="C97272" s="14" t="s">
        <v>109</v>
      </c>
      <c r="D97272" s="14" t="s">
        <v>339</v>
      </c>
      <c r="E97272" s="15">
        <v>45558</v>
      </c>
      <c r="F97272" s="14" t="s">
        <v>15</v>
      </c>
      <c r="G97272" s="16">
        <v>0</v>
      </c>
    </row>
    <row r="97273" spans="1:7" x14ac:dyDescent="0.3">
      <c r="A97273" s="13" t="s">
        <v>482</v>
      </c>
      <c r="B97273" s="14" t="s">
        <v>1</v>
      </c>
      <c r="C97273" s="14" t="s">
        <v>109</v>
      </c>
      <c r="D97273" s="14" t="s">
        <v>339</v>
      </c>
      <c r="E97273" s="15">
        <v>45559</v>
      </c>
      <c r="F97273" s="14" t="s">
        <v>15</v>
      </c>
      <c r="G97273" s="16">
        <v>0</v>
      </c>
    </row>
    <row r="97274" spans="1:7" x14ac:dyDescent="0.3">
      <c r="A97274" s="13" t="s">
        <v>482</v>
      </c>
      <c r="B97274" s="14" t="s">
        <v>1</v>
      </c>
      <c r="C97274" s="14" t="s">
        <v>109</v>
      </c>
      <c r="D97274" s="14" t="s">
        <v>339</v>
      </c>
      <c r="E97274" s="15">
        <v>45560</v>
      </c>
      <c r="F97274" s="14" t="s">
        <v>15</v>
      </c>
      <c r="G97274" s="16">
        <v>0</v>
      </c>
    </row>
    <row r="97275" spans="1:7" x14ac:dyDescent="0.3">
      <c r="A97275" s="13" t="s">
        <v>482</v>
      </c>
      <c r="B97275" s="14" t="s">
        <v>1</v>
      </c>
      <c r="C97275" s="14" t="s">
        <v>109</v>
      </c>
      <c r="D97275" s="14" t="s">
        <v>339</v>
      </c>
      <c r="E97275" s="15">
        <v>45561</v>
      </c>
      <c r="F97275" s="14" t="s">
        <v>15</v>
      </c>
      <c r="G97275" s="16">
        <v>0</v>
      </c>
    </row>
    <row r="97276" spans="1:7" x14ac:dyDescent="0.3">
      <c r="A97276" s="13" t="s">
        <v>482</v>
      </c>
      <c r="B97276" s="14" t="s">
        <v>1</v>
      </c>
      <c r="C97276" s="14" t="s">
        <v>109</v>
      </c>
      <c r="D97276" s="14" t="s">
        <v>339</v>
      </c>
      <c r="E97276" s="15">
        <v>45562</v>
      </c>
      <c r="F97276" s="14" t="s">
        <v>15</v>
      </c>
      <c r="G97276" s="16">
        <v>0</v>
      </c>
    </row>
    <row r="97277" spans="1:7" x14ac:dyDescent="0.3">
      <c r="A97277" s="13" t="s">
        <v>482</v>
      </c>
      <c r="B97277" s="14" t="s">
        <v>1</v>
      </c>
      <c r="C97277" s="14" t="s">
        <v>109</v>
      </c>
      <c r="D97277" s="14" t="s">
        <v>339</v>
      </c>
      <c r="E97277" s="15">
        <v>45563</v>
      </c>
      <c r="F97277" s="14" t="s">
        <v>15</v>
      </c>
      <c r="G97277" s="16">
        <v>0</v>
      </c>
    </row>
    <row r="97278" spans="1:7" x14ac:dyDescent="0.3">
      <c r="A97278" s="13" t="s">
        <v>482</v>
      </c>
      <c r="B97278" s="14" t="s">
        <v>1</v>
      </c>
      <c r="C97278" s="14" t="s">
        <v>109</v>
      </c>
      <c r="D97278" s="14" t="s">
        <v>339</v>
      </c>
      <c r="E97278" s="15">
        <v>45564</v>
      </c>
      <c r="F97278" s="14" t="s">
        <v>15</v>
      </c>
      <c r="G97278" s="16">
        <v>0</v>
      </c>
    </row>
    <row r="97279" spans="1:7" x14ac:dyDescent="0.3">
      <c r="A97279" s="13" t="s">
        <v>482</v>
      </c>
      <c r="B97279" s="14" t="s">
        <v>1</v>
      </c>
      <c r="C97279" s="14" t="s">
        <v>109</v>
      </c>
      <c r="D97279" s="14" t="s">
        <v>339</v>
      </c>
      <c r="E97279" s="15">
        <v>45565</v>
      </c>
      <c r="F97279" s="14" t="s">
        <v>15</v>
      </c>
      <c r="G97279" s="16">
        <v>0</v>
      </c>
    </row>
    <row r="97280" spans="1:7" x14ac:dyDescent="0.3">
      <c r="A97280" s="13" t="s">
        <v>482</v>
      </c>
      <c r="B97280" s="14" t="s">
        <v>1</v>
      </c>
      <c r="C97280" s="14" t="s">
        <v>109</v>
      </c>
      <c r="D97280" s="14" t="s">
        <v>339</v>
      </c>
      <c r="E97280" s="15">
        <v>45566</v>
      </c>
      <c r="F97280" s="14" t="s">
        <v>15</v>
      </c>
      <c r="G97280" s="16">
        <v>0</v>
      </c>
    </row>
    <row r="97281" spans="1:7" x14ac:dyDescent="0.3">
      <c r="A97281" s="13" t="s">
        <v>482</v>
      </c>
      <c r="B97281" s="14" t="s">
        <v>1</v>
      </c>
      <c r="C97281" s="14" t="s">
        <v>109</v>
      </c>
      <c r="D97281" s="14" t="s">
        <v>339</v>
      </c>
      <c r="E97281" s="15">
        <v>45567</v>
      </c>
      <c r="F97281" s="14" t="s">
        <v>15</v>
      </c>
      <c r="G97281" s="16">
        <v>0</v>
      </c>
    </row>
    <row r="97282" spans="1:7" x14ac:dyDescent="0.3">
      <c r="A97282" s="13" t="s">
        <v>482</v>
      </c>
      <c r="B97282" s="14" t="s">
        <v>1</v>
      </c>
      <c r="C97282" s="14" t="s">
        <v>109</v>
      </c>
      <c r="D97282" s="14" t="s">
        <v>339</v>
      </c>
      <c r="E97282" s="15">
        <v>45568</v>
      </c>
      <c r="F97282" s="14" t="s">
        <v>15</v>
      </c>
      <c r="G97282" s="16">
        <v>0</v>
      </c>
    </row>
    <row r="97283" spans="1:7" x14ac:dyDescent="0.3">
      <c r="A97283" s="13" t="s">
        <v>482</v>
      </c>
      <c r="B97283" s="14" t="s">
        <v>1</v>
      </c>
      <c r="C97283" s="14" t="s">
        <v>109</v>
      </c>
      <c r="D97283" s="14" t="s">
        <v>339</v>
      </c>
      <c r="E97283" s="15">
        <v>45569</v>
      </c>
      <c r="F97283" s="14" t="s">
        <v>15</v>
      </c>
      <c r="G97283" s="16">
        <v>0</v>
      </c>
    </row>
    <row r="97284" spans="1:7" x14ac:dyDescent="0.3">
      <c r="A97284" s="13" t="s">
        <v>482</v>
      </c>
      <c r="B97284" s="14" t="s">
        <v>1</v>
      </c>
      <c r="C97284" s="14" t="s">
        <v>109</v>
      </c>
      <c r="D97284" s="14" t="s">
        <v>339</v>
      </c>
      <c r="E97284" s="15">
        <v>45570</v>
      </c>
      <c r="F97284" s="14" t="s">
        <v>15</v>
      </c>
      <c r="G97284" s="16">
        <v>0</v>
      </c>
    </row>
    <row r="97285" spans="1:7" x14ac:dyDescent="0.3">
      <c r="A97285" s="13" t="s">
        <v>482</v>
      </c>
      <c r="B97285" s="14" t="s">
        <v>1</v>
      </c>
      <c r="C97285" s="14" t="s">
        <v>109</v>
      </c>
      <c r="D97285" s="14" t="s">
        <v>339</v>
      </c>
      <c r="E97285" s="15">
        <v>45571</v>
      </c>
      <c r="F97285" s="14" t="s">
        <v>15</v>
      </c>
      <c r="G97285" s="16">
        <v>0</v>
      </c>
    </row>
    <row r="97286" spans="1:7" x14ac:dyDescent="0.3">
      <c r="A97286" s="13" t="s">
        <v>482</v>
      </c>
      <c r="B97286" s="14" t="s">
        <v>1</v>
      </c>
      <c r="C97286" s="14" t="s">
        <v>109</v>
      </c>
      <c r="D97286" s="14" t="s">
        <v>339</v>
      </c>
      <c r="E97286" s="15">
        <v>45572</v>
      </c>
      <c r="F97286" s="14" t="s">
        <v>15</v>
      </c>
      <c r="G97286" s="16">
        <v>0</v>
      </c>
    </row>
    <row r="97287" spans="1:7" x14ac:dyDescent="0.3">
      <c r="A97287" s="13" t="s">
        <v>482</v>
      </c>
      <c r="B97287" s="14" t="s">
        <v>1</v>
      </c>
      <c r="C97287" s="14" t="s">
        <v>109</v>
      </c>
      <c r="D97287" s="14" t="s">
        <v>339</v>
      </c>
      <c r="E97287" s="15">
        <v>45573</v>
      </c>
      <c r="F97287" s="14" t="s">
        <v>15</v>
      </c>
      <c r="G97287" s="16">
        <v>0</v>
      </c>
    </row>
    <row r="97288" spans="1:7" x14ac:dyDescent="0.3">
      <c r="A97288" s="13" t="s">
        <v>482</v>
      </c>
      <c r="B97288" s="14" t="s">
        <v>1</v>
      </c>
      <c r="C97288" s="14" t="s">
        <v>109</v>
      </c>
      <c r="D97288" s="14" t="s">
        <v>339</v>
      </c>
      <c r="E97288" s="15">
        <v>45574</v>
      </c>
      <c r="F97288" s="14" t="s">
        <v>15</v>
      </c>
      <c r="G97288" s="16">
        <v>0</v>
      </c>
    </row>
    <row r="97289" spans="1:7" x14ac:dyDescent="0.3">
      <c r="A97289" s="13" t="s">
        <v>482</v>
      </c>
      <c r="B97289" s="14" t="s">
        <v>1</v>
      </c>
      <c r="C97289" s="14" t="s">
        <v>109</v>
      </c>
      <c r="D97289" s="14" t="s">
        <v>339</v>
      </c>
      <c r="E97289" s="15">
        <v>45575</v>
      </c>
      <c r="F97289" s="14" t="s">
        <v>15</v>
      </c>
      <c r="G97289" s="16">
        <v>0</v>
      </c>
    </row>
    <row r="97290" spans="1:7" x14ac:dyDescent="0.3">
      <c r="A97290" s="13" t="s">
        <v>482</v>
      </c>
      <c r="B97290" s="14" t="s">
        <v>1</v>
      </c>
      <c r="C97290" s="14" t="s">
        <v>109</v>
      </c>
      <c r="D97290" s="14" t="s">
        <v>339</v>
      </c>
      <c r="E97290" s="15">
        <v>45576</v>
      </c>
      <c r="F97290" s="14" t="s">
        <v>15</v>
      </c>
      <c r="G97290" s="16">
        <v>0</v>
      </c>
    </row>
    <row r="97291" spans="1:7" x14ac:dyDescent="0.3">
      <c r="A97291" s="13" t="s">
        <v>482</v>
      </c>
      <c r="B97291" s="14" t="s">
        <v>1</v>
      </c>
      <c r="C97291" s="14" t="s">
        <v>109</v>
      </c>
      <c r="D97291" s="14" t="s">
        <v>339</v>
      </c>
      <c r="E97291" s="15">
        <v>45577</v>
      </c>
      <c r="F97291" s="14" t="s">
        <v>15</v>
      </c>
      <c r="G97291" s="16">
        <v>0</v>
      </c>
    </row>
    <row r="97292" spans="1:7" x14ac:dyDescent="0.3">
      <c r="A97292" s="13" t="s">
        <v>482</v>
      </c>
      <c r="B97292" s="14" t="s">
        <v>1</v>
      </c>
      <c r="C97292" s="14" t="s">
        <v>109</v>
      </c>
      <c r="D97292" s="14" t="s">
        <v>339</v>
      </c>
      <c r="E97292" s="15">
        <v>45578</v>
      </c>
      <c r="F97292" s="14" t="s">
        <v>15</v>
      </c>
      <c r="G97292" s="16">
        <v>0</v>
      </c>
    </row>
    <row r="97293" spans="1:7" x14ac:dyDescent="0.3">
      <c r="A97293" s="13" t="s">
        <v>482</v>
      </c>
      <c r="B97293" s="14" t="s">
        <v>1</v>
      </c>
      <c r="C97293" s="14" t="s">
        <v>109</v>
      </c>
      <c r="D97293" s="14" t="s">
        <v>339</v>
      </c>
      <c r="E97293" s="15">
        <v>45579</v>
      </c>
      <c r="F97293" s="14" t="s">
        <v>15</v>
      </c>
      <c r="G97293" s="16">
        <v>0</v>
      </c>
    </row>
    <row r="97294" spans="1:7" x14ac:dyDescent="0.3">
      <c r="A97294" s="13" t="s">
        <v>482</v>
      </c>
      <c r="B97294" s="14" t="s">
        <v>1</v>
      </c>
      <c r="C97294" s="14" t="s">
        <v>109</v>
      </c>
      <c r="D97294" s="14" t="s">
        <v>339</v>
      </c>
      <c r="E97294" s="15">
        <v>45580</v>
      </c>
      <c r="F97294" s="14" t="s">
        <v>15</v>
      </c>
      <c r="G97294" s="16">
        <v>0</v>
      </c>
    </row>
    <row r="97295" spans="1:7" x14ac:dyDescent="0.3">
      <c r="A97295" s="13" t="s">
        <v>482</v>
      </c>
      <c r="B97295" s="14" t="s">
        <v>1</v>
      </c>
      <c r="C97295" s="14" t="s">
        <v>109</v>
      </c>
      <c r="D97295" s="14" t="s">
        <v>339</v>
      </c>
      <c r="E97295" s="15">
        <v>45581</v>
      </c>
      <c r="F97295" s="14" t="s">
        <v>15</v>
      </c>
      <c r="G97295" s="16">
        <v>0</v>
      </c>
    </row>
    <row r="97296" spans="1:7" x14ac:dyDescent="0.3">
      <c r="A97296" s="13" t="s">
        <v>482</v>
      </c>
      <c r="B97296" s="14" t="s">
        <v>1</v>
      </c>
      <c r="C97296" s="14" t="s">
        <v>109</v>
      </c>
      <c r="D97296" s="14" t="s">
        <v>339</v>
      </c>
      <c r="E97296" s="15">
        <v>45582</v>
      </c>
      <c r="F97296" s="14" t="s">
        <v>15</v>
      </c>
      <c r="G97296" s="16">
        <v>0</v>
      </c>
    </row>
    <row r="97297" spans="1:7" x14ac:dyDescent="0.3">
      <c r="A97297" s="13" t="s">
        <v>482</v>
      </c>
      <c r="B97297" s="14" t="s">
        <v>1</v>
      </c>
      <c r="C97297" s="14" t="s">
        <v>109</v>
      </c>
      <c r="D97297" s="14" t="s">
        <v>339</v>
      </c>
      <c r="E97297" s="15">
        <v>45583</v>
      </c>
      <c r="F97297" s="14" t="s">
        <v>15</v>
      </c>
      <c r="G97297" s="16">
        <v>0</v>
      </c>
    </row>
    <row r="97298" spans="1:7" x14ac:dyDescent="0.3">
      <c r="A97298" s="13" t="s">
        <v>482</v>
      </c>
      <c r="B97298" s="14" t="s">
        <v>1</v>
      </c>
      <c r="C97298" s="14" t="s">
        <v>109</v>
      </c>
      <c r="D97298" s="14" t="s">
        <v>339</v>
      </c>
      <c r="E97298" s="15">
        <v>45584</v>
      </c>
      <c r="F97298" s="14" t="s">
        <v>15</v>
      </c>
      <c r="G97298" s="16">
        <v>0</v>
      </c>
    </row>
    <row r="97299" spans="1:7" x14ac:dyDescent="0.3">
      <c r="A97299" s="13" t="s">
        <v>482</v>
      </c>
      <c r="B97299" s="14" t="s">
        <v>1</v>
      </c>
      <c r="C97299" s="14" t="s">
        <v>109</v>
      </c>
      <c r="D97299" s="14" t="s">
        <v>339</v>
      </c>
      <c r="E97299" s="15">
        <v>45585</v>
      </c>
      <c r="F97299" s="14" t="s">
        <v>15</v>
      </c>
      <c r="G97299" s="16">
        <v>0</v>
      </c>
    </row>
    <row r="97300" spans="1:7" x14ac:dyDescent="0.3">
      <c r="A97300" s="13" t="s">
        <v>482</v>
      </c>
      <c r="B97300" s="14" t="s">
        <v>1</v>
      </c>
      <c r="C97300" s="14" t="s">
        <v>109</v>
      </c>
      <c r="D97300" s="14" t="s">
        <v>339</v>
      </c>
      <c r="E97300" s="15">
        <v>45586</v>
      </c>
      <c r="F97300" s="14" t="s">
        <v>15</v>
      </c>
      <c r="G97300" s="16">
        <v>0</v>
      </c>
    </row>
    <row r="97301" spans="1:7" x14ac:dyDescent="0.3">
      <c r="A97301" s="13" t="s">
        <v>482</v>
      </c>
      <c r="B97301" s="14" t="s">
        <v>1</v>
      </c>
      <c r="C97301" s="14" t="s">
        <v>109</v>
      </c>
      <c r="D97301" s="14" t="s">
        <v>339</v>
      </c>
      <c r="E97301" s="15">
        <v>45587</v>
      </c>
      <c r="F97301" s="14" t="s">
        <v>15</v>
      </c>
      <c r="G97301" s="16">
        <v>0</v>
      </c>
    </row>
    <row r="97302" spans="1:7" x14ac:dyDescent="0.3">
      <c r="A97302" s="13" t="s">
        <v>482</v>
      </c>
      <c r="B97302" s="14" t="s">
        <v>1</v>
      </c>
      <c r="C97302" s="14" t="s">
        <v>109</v>
      </c>
      <c r="D97302" s="14" t="s">
        <v>339</v>
      </c>
      <c r="E97302" s="15">
        <v>45588</v>
      </c>
      <c r="F97302" s="14" t="s">
        <v>15</v>
      </c>
      <c r="G97302" s="16">
        <v>0</v>
      </c>
    </row>
    <row r="97303" spans="1:7" x14ac:dyDescent="0.3">
      <c r="A97303" s="13" t="s">
        <v>482</v>
      </c>
      <c r="B97303" s="14" t="s">
        <v>1</v>
      </c>
      <c r="C97303" s="14" t="s">
        <v>109</v>
      </c>
      <c r="D97303" s="14" t="s">
        <v>339</v>
      </c>
      <c r="E97303" s="15">
        <v>45589</v>
      </c>
      <c r="F97303" s="14" t="s">
        <v>15</v>
      </c>
      <c r="G97303" s="16">
        <v>0</v>
      </c>
    </row>
    <row r="97304" spans="1:7" x14ac:dyDescent="0.3">
      <c r="A97304" s="13" t="s">
        <v>482</v>
      </c>
      <c r="B97304" s="14" t="s">
        <v>1</v>
      </c>
      <c r="C97304" s="14" t="s">
        <v>109</v>
      </c>
      <c r="D97304" s="14" t="s">
        <v>339</v>
      </c>
      <c r="E97304" s="15">
        <v>45590</v>
      </c>
      <c r="F97304" s="14" t="s">
        <v>15</v>
      </c>
      <c r="G97304" s="16">
        <v>0</v>
      </c>
    </row>
    <row r="97305" spans="1:7" x14ac:dyDescent="0.3">
      <c r="A97305" s="13" t="s">
        <v>482</v>
      </c>
      <c r="B97305" s="14" t="s">
        <v>1</v>
      </c>
      <c r="C97305" s="14" t="s">
        <v>109</v>
      </c>
      <c r="D97305" s="14" t="s">
        <v>339</v>
      </c>
      <c r="E97305" s="15">
        <v>45591</v>
      </c>
      <c r="F97305" s="14" t="s">
        <v>15</v>
      </c>
      <c r="G97305" s="16">
        <v>0</v>
      </c>
    </row>
    <row r="97306" spans="1:7" x14ac:dyDescent="0.3">
      <c r="A97306" s="13" t="s">
        <v>482</v>
      </c>
      <c r="B97306" s="14" t="s">
        <v>1</v>
      </c>
      <c r="C97306" s="14" t="s">
        <v>109</v>
      </c>
      <c r="D97306" s="14" t="s">
        <v>339</v>
      </c>
      <c r="E97306" s="15">
        <v>45592</v>
      </c>
      <c r="F97306" s="14" t="s">
        <v>15</v>
      </c>
      <c r="G97306" s="16">
        <v>0</v>
      </c>
    </row>
    <row r="97307" spans="1:7" x14ac:dyDescent="0.3">
      <c r="A97307" s="13" t="s">
        <v>482</v>
      </c>
      <c r="B97307" s="14" t="s">
        <v>1</v>
      </c>
      <c r="C97307" s="14" t="s">
        <v>109</v>
      </c>
      <c r="D97307" s="14" t="s">
        <v>339</v>
      </c>
      <c r="E97307" s="15">
        <v>45593</v>
      </c>
      <c r="F97307" s="14" t="s">
        <v>15</v>
      </c>
      <c r="G97307" s="16">
        <v>0</v>
      </c>
    </row>
    <row r="97308" spans="1:7" x14ac:dyDescent="0.3">
      <c r="A97308" s="13" t="s">
        <v>482</v>
      </c>
      <c r="B97308" s="14" t="s">
        <v>1</v>
      </c>
      <c r="C97308" s="14" t="s">
        <v>109</v>
      </c>
      <c r="D97308" s="14" t="s">
        <v>339</v>
      </c>
      <c r="E97308" s="15">
        <v>45594</v>
      </c>
      <c r="F97308" s="14" t="s">
        <v>15</v>
      </c>
      <c r="G97308" s="16">
        <v>0</v>
      </c>
    </row>
    <row r="97309" spans="1:7" x14ac:dyDescent="0.3">
      <c r="A97309" s="13" t="s">
        <v>482</v>
      </c>
      <c r="B97309" s="14" t="s">
        <v>1</v>
      </c>
      <c r="C97309" s="14" t="s">
        <v>109</v>
      </c>
      <c r="D97309" s="14" t="s">
        <v>339</v>
      </c>
      <c r="E97309" s="15">
        <v>45595</v>
      </c>
      <c r="F97309" s="14" t="s">
        <v>15</v>
      </c>
      <c r="G97309" s="16">
        <v>0</v>
      </c>
    </row>
    <row r="97310" spans="1:7" x14ac:dyDescent="0.3">
      <c r="A97310" s="13" t="s">
        <v>482</v>
      </c>
      <c r="B97310" s="14" t="s">
        <v>1</v>
      </c>
      <c r="C97310" s="14" t="s">
        <v>109</v>
      </c>
      <c r="D97310" s="14" t="s">
        <v>339</v>
      </c>
      <c r="E97310" s="15">
        <v>45596</v>
      </c>
      <c r="F97310" s="14" t="s">
        <v>15</v>
      </c>
      <c r="G97310" s="16">
        <v>0</v>
      </c>
    </row>
    <row r="97311" spans="1:7" x14ac:dyDescent="0.3">
      <c r="A97311" s="13" t="s">
        <v>482</v>
      </c>
      <c r="B97311" s="14" t="s">
        <v>1</v>
      </c>
      <c r="C97311" s="14" t="s">
        <v>109</v>
      </c>
      <c r="D97311" s="14" t="s">
        <v>339</v>
      </c>
      <c r="E97311" s="15">
        <v>45597</v>
      </c>
      <c r="F97311" s="14" t="s">
        <v>15</v>
      </c>
      <c r="G97311" s="16">
        <v>0</v>
      </c>
    </row>
    <row r="97312" spans="1:7" x14ac:dyDescent="0.3">
      <c r="A97312" s="13" t="s">
        <v>482</v>
      </c>
      <c r="B97312" s="14" t="s">
        <v>1</v>
      </c>
      <c r="C97312" s="14" t="s">
        <v>109</v>
      </c>
      <c r="D97312" s="14" t="s">
        <v>339</v>
      </c>
      <c r="E97312" s="15">
        <v>45598</v>
      </c>
      <c r="F97312" s="14" t="s">
        <v>15</v>
      </c>
      <c r="G97312" s="16">
        <v>0</v>
      </c>
    </row>
    <row r="97313" spans="1:7" x14ac:dyDescent="0.3">
      <c r="A97313" s="13" t="s">
        <v>482</v>
      </c>
      <c r="B97313" s="14" t="s">
        <v>1</v>
      </c>
      <c r="C97313" s="14" t="s">
        <v>109</v>
      </c>
      <c r="D97313" s="14" t="s">
        <v>339</v>
      </c>
      <c r="E97313" s="15">
        <v>45599</v>
      </c>
      <c r="F97313" s="14" t="s">
        <v>15</v>
      </c>
      <c r="G97313" s="16">
        <v>0</v>
      </c>
    </row>
    <row r="97314" spans="1:7" x14ac:dyDescent="0.3">
      <c r="A97314" s="13" t="s">
        <v>482</v>
      </c>
      <c r="B97314" s="14" t="s">
        <v>1</v>
      </c>
      <c r="C97314" s="14" t="s">
        <v>109</v>
      </c>
      <c r="D97314" s="14" t="s">
        <v>339</v>
      </c>
      <c r="E97314" s="15">
        <v>45600</v>
      </c>
      <c r="F97314" s="14" t="s">
        <v>15</v>
      </c>
      <c r="G97314" s="16">
        <v>0</v>
      </c>
    </row>
    <row r="97315" spans="1:7" x14ac:dyDescent="0.3">
      <c r="A97315" s="13" t="s">
        <v>482</v>
      </c>
      <c r="B97315" s="14" t="s">
        <v>1</v>
      </c>
      <c r="C97315" s="14" t="s">
        <v>109</v>
      </c>
      <c r="D97315" s="14" t="s">
        <v>339</v>
      </c>
      <c r="E97315" s="15">
        <v>45601</v>
      </c>
      <c r="F97315" s="14" t="s">
        <v>15</v>
      </c>
      <c r="G97315" s="16">
        <v>0</v>
      </c>
    </row>
    <row r="97316" spans="1:7" x14ac:dyDescent="0.3">
      <c r="A97316" s="13" t="s">
        <v>482</v>
      </c>
      <c r="B97316" s="14" t="s">
        <v>1</v>
      </c>
      <c r="C97316" s="14" t="s">
        <v>109</v>
      </c>
      <c r="D97316" s="14" t="s">
        <v>339</v>
      </c>
      <c r="E97316" s="15">
        <v>45602</v>
      </c>
      <c r="F97316" s="14" t="s">
        <v>15</v>
      </c>
      <c r="G97316" s="16">
        <v>0</v>
      </c>
    </row>
    <row r="97317" spans="1:7" x14ac:dyDescent="0.3">
      <c r="A97317" s="13" t="s">
        <v>482</v>
      </c>
      <c r="B97317" s="14" t="s">
        <v>1</v>
      </c>
      <c r="C97317" s="14" t="s">
        <v>109</v>
      </c>
      <c r="D97317" s="14" t="s">
        <v>339</v>
      </c>
      <c r="E97317" s="15">
        <v>45603</v>
      </c>
      <c r="F97317" s="14" t="s">
        <v>15</v>
      </c>
      <c r="G97317" s="16">
        <v>0</v>
      </c>
    </row>
    <row r="97318" spans="1:7" x14ac:dyDescent="0.3">
      <c r="A97318" s="13" t="s">
        <v>482</v>
      </c>
      <c r="B97318" s="14" t="s">
        <v>1</v>
      </c>
      <c r="C97318" s="14" t="s">
        <v>109</v>
      </c>
      <c r="D97318" s="14" t="s">
        <v>339</v>
      </c>
      <c r="E97318" s="15">
        <v>45604</v>
      </c>
      <c r="F97318" s="14" t="s">
        <v>15</v>
      </c>
      <c r="G97318" s="16">
        <v>0</v>
      </c>
    </row>
    <row r="97319" spans="1:7" x14ac:dyDescent="0.3">
      <c r="A97319" s="13" t="s">
        <v>482</v>
      </c>
      <c r="B97319" s="14" t="s">
        <v>1</v>
      </c>
      <c r="C97319" s="14" t="s">
        <v>109</v>
      </c>
      <c r="D97319" s="14" t="s">
        <v>339</v>
      </c>
      <c r="E97319" s="15">
        <v>45605</v>
      </c>
      <c r="F97319" s="14" t="s">
        <v>15</v>
      </c>
      <c r="G97319" s="16">
        <v>0</v>
      </c>
    </row>
    <row r="97320" spans="1:7" x14ac:dyDescent="0.3">
      <c r="A97320" s="13" t="s">
        <v>482</v>
      </c>
      <c r="B97320" s="14" t="s">
        <v>1</v>
      </c>
      <c r="C97320" s="14" t="s">
        <v>109</v>
      </c>
      <c r="D97320" s="14" t="s">
        <v>339</v>
      </c>
      <c r="E97320" s="15">
        <v>45606</v>
      </c>
      <c r="F97320" s="14" t="s">
        <v>15</v>
      </c>
      <c r="G97320" s="16">
        <v>0</v>
      </c>
    </row>
    <row r="97321" spans="1:7" x14ac:dyDescent="0.3">
      <c r="A97321" s="13" t="s">
        <v>482</v>
      </c>
      <c r="B97321" s="14" t="s">
        <v>1</v>
      </c>
      <c r="C97321" s="14" t="s">
        <v>109</v>
      </c>
      <c r="D97321" s="14" t="s">
        <v>339</v>
      </c>
      <c r="E97321" s="15">
        <v>45607</v>
      </c>
      <c r="F97321" s="14" t="s">
        <v>15</v>
      </c>
      <c r="G97321" s="16">
        <v>0</v>
      </c>
    </row>
    <row r="97322" spans="1:7" x14ac:dyDescent="0.3">
      <c r="A97322" s="13" t="s">
        <v>482</v>
      </c>
      <c r="B97322" s="14" t="s">
        <v>1</v>
      </c>
      <c r="C97322" s="14" t="s">
        <v>109</v>
      </c>
      <c r="D97322" s="14" t="s">
        <v>339</v>
      </c>
      <c r="E97322" s="15">
        <v>45608</v>
      </c>
      <c r="F97322" s="14" t="s">
        <v>15</v>
      </c>
      <c r="G97322" s="16">
        <v>0</v>
      </c>
    </row>
    <row r="97323" spans="1:7" x14ac:dyDescent="0.3">
      <c r="A97323" s="13" t="s">
        <v>482</v>
      </c>
      <c r="B97323" s="14" t="s">
        <v>1</v>
      </c>
      <c r="C97323" s="14" t="s">
        <v>109</v>
      </c>
      <c r="D97323" s="14" t="s">
        <v>339</v>
      </c>
      <c r="E97323" s="15">
        <v>45609</v>
      </c>
      <c r="F97323" s="14" t="s">
        <v>15</v>
      </c>
      <c r="G97323" s="16">
        <v>0</v>
      </c>
    </row>
    <row r="97324" spans="1:7" x14ac:dyDescent="0.3">
      <c r="A97324" s="13" t="s">
        <v>482</v>
      </c>
      <c r="B97324" s="14" t="s">
        <v>1</v>
      </c>
      <c r="C97324" s="14" t="s">
        <v>109</v>
      </c>
      <c r="D97324" s="14" t="s">
        <v>339</v>
      </c>
      <c r="E97324" s="15">
        <v>45610</v>
      </c>
      <c r="F97324" s="14" t="s">
        <v>15</v>
      </c>
      <c r="G97324" s="16">
        <v>0</v>
      </c>
    </row>
    <row r="97325" spans="1:7" x14ac:dyDescent="0.3">
      <c r="A97325" s="13" t="s">
        <v>482</v>
      </c>
      <c r="B97325" s="14" t="s">
        <v>1</v>
      </c>
      <c r="C97325" s="14" t="s">
        <v>109</v>
      </c>
      <c r="D97325" s="14" t="s">
        <v>339</v>
      </c>
      <c r="E97325" s="15">
        <v>45611</v>
      </c>
      <c r="F97325" s="14" t="s">
        <v>15</v>
      </c>
      <c r="G97325" s="16">
        <v>0</v>
      </c>
    </row>
    <row r="97326" spans="1:7" x14ac:dyDescent="0.3">
      <c r="A97326" s="13" t="s">
        <v>482</v>
      </c>
      <c r="B97326" s="14" t="s">
        <v>1</v>
      </c>
      <c r="C97326" s="14" t="s">
        <v>109</v>
      </c>
      <c r="D97326" s="14" t="s">
        <v>339</v>
      </c>
      <c r="E97326" s="15">
        <v>45612</v>
      </c>
      <c r="F97326" s="14" t="s">
        <v>15</v>
      </c>
      <c r="G97326" s="16">
        <v>0</v>
      </c>
    </row>
    <row r="97327" spans="1:7" x14ac:dyDescent="0.3">
      <c r="A97327" s="13" t="s">
        <v>482</v>
      </c>
      <c r="B97327" s="14" t="s">
        <v>1</v>
      </c>
      <c r="C97327" s="14" t="s">
        <v>109</v>
      </c>
      <c r="D97327" s="14" t="s">
        <v>339</v>
      </c>
      <c r="E97327" s="15">
        <v>45613</v>
      </c>
      <c r="F97327" s="14" t="s">
        <v>15</v>
      </c>
      <c r="G97327" s="16">
        <v>0</v>
      </c>
    </row>
    <row r="97328" spans="1:7" x14ac:dyDescent="0.3">
      <c r="A97328" s="13" t="s">
        <v>482</v>
      </c>
      <c r="B97328" s="14" t="s">
        <v>1</v>
      </c>
      <c r="C97328" s="14" t="s">
        <v>109</v>
      </c>
      <c r="D97328" s="14" t="s">
        <v>339</v>
      </c>
      <c r="E97328" s="15">
        <v>45614</v>
      </c>
      <c r="F97328" s="14" t="s">
        <v>15</v>
      </c>
      <c r="G97328" s="16">
        <v>0</v>
      </c>
    </row>
    <row r="97329" spans="1:7" x14ac:dyDescent="0.3">
      <c r="A97329" s="13" t="s">
        <v>482</v>
      </c>
      <c r="B97329" s="14" t="s">
        <v>1</v>
      </c>
      <c r="C97329" s="14" t="s">
        <v>109</v>
      </c>
      <c r="D97329" s="14" t="s">
        <v>339</v>
      </c>
      <c r="E97329" s="15">
        <v>45615</v>
      </c>
      <c r="F97329" s="14" t="s">
        <v>15</v>
      </c>
      <c r="G97329" s="16">
        <v>0</v>
      </c>
    </row>
    <row r="97330" spans="1:7" x14ac:dyDescent="0.3">
      <c r="A97330" s="13" t="s">
        <v>482</v>
      </c>
      <c r="B97330" s="14" t="s">
        <v>1</v>
      </c>
      <c r="C97330" s="14" t="s">
        <v>109</v>
      </c>
      <c r="D97330" s="14" t="s">
        <v>339</v>
      </c>
      <c r="E97330" s="15">
        <v>45616</v>
      </c>
      <c r="F97330" s="14" t="s">
        <v>15</v>
      </c>
      <c r="G97330" s="16">
        <v>0</v>
      </c>
    </row>
    <row r="97331" spans="1:7" x14ac:dyDescent="0.3">
      <c r="A97331" s="13" t="s">
        <v>482</v>
      </c>
      <c r="B97331" s="14" t="s">
        <v>1</v>
      </c>
      <c r="C97331" s="14" t="s">
        <v>109</v>
      </c>
      <c r="D97331" s="14" t="s">
        <v>339</v>
      </c>
      <c r="E97331" s="15">
        <v>45617</v>
      </c>
      <c r="F97331" s="14" t="s">
        <v>15</v>
      </c>
      <c r="G97331" s="16">
        <v>0</v>
      </c>
    </row>
    <row r="97332" spans="1:7" x14ac:dyDescent="0.3">
      <c r="A97332" s="13" t="s">
        <v>482</v>
      </c>
      <c r="B97332" s="14" t="s">
        <v>1</v>
      </c>
      <c r="C97332" s="14" t="s">
        <v>109</v>
      </c>
      <c r="D97332" s="14" t="s">
        <v>339</v>
      </c>
      <c r="E97332" s="15">
        <v>45618</v>
      </c>
      <c r="F97332" s="14" t="s">
        <v>15</v>
      </c>
      <c r="G97332" s="16">
        <v>0</v>
      </c>
    </row>
    <row r="97333" spans="1:7" x14ac:dyDescent="0.3">
      <c r="A97333" s="13" t="s">
        <v>482</v>
      </c>
      <c r="B97333" s="14" t="s">
        <v>1</v>
      </c>
      <c r="C97333" s="14" t="s">
        <v>109</v>
      </c>
      <c r="D97333" s="14" t="s">
        <v>339</v>
      </c>
      <c r="E97333" s="15">
        <v>45619</v>
      </c>
      <c r="F97333" s="14" t="s">
        <v>15</v>
      </c>
      <c r="G97333" s="16">
        <v>0</v>
      </c>
    </row>
    <row r="97334" spans="1:7" x14ac:dyDescent="0.3">
      <c r="A97334" s="13" t="s">
        <v>482</v>
      </c>
      <c r="B97334" s="14" t="s">
        <v>1</v>
      </c>
      <c r="C97334" s="14" t="s">
        <v>109</v>
      </c>
      <c r="D97334" s="14" t="s">
        <v>339</v>
      </c>
      <c r="E97334" s="15">
        <v>45620</v>
      </c>
      <c r="F97334" s="14" t="s">
        <v>15</v>
      </c>
      <c r="G97334" s="16">
        <v>0</v>
      </c>
    </row>
    <row r="97335" spans="1:7" x14ac:dyDescent="0.3">
      <c r="A97335" s="13" t="s">
        <v>482</v>
      </c>
      <c r="B97335" s="14" t="s">
        <v>1</v>
      </c>
      <c r="C97335" s="14" t="s">
        <v>109</v>
      </c>
      <c r="D97335" s="14" t="s">
        <v>339</v>
      </c>
      <c r="E97335" s="15">
        <v>45621</v>
      </c>
      <c r="F97335" s="14" t="s">
        <v>15</v>
      </c>
      <c r="G97335" s="16">
        <v>0</v>
      </c>
    </row>
    <row r="97336" spans="1:7" x14ac:dyDescent="0.3">
      <c r="A97336" s="13" t="s">
        <v>482</v>
      </c>
      <c r="B97336" s="14" t="s">
        <v>1</v>
      </c>
      <c r="C97336" s="14" t="s">
        <v>109</v>
      </c>
      <c r="D97336" s="14" t="s">
        <v>339</v>
      </c>
      <c r="E97336" s="15">
        <v>45622</v>
      </c>
      <c r="F97336" s="14" t="s">
        <v>15</v>
      </c>
      <c r="G97336" s="16">
        <v>0</v>
      </c>
    </row>
    <row r="97337" spans="1:7" x14ac:dyDescent="0.3">
      <c r="A97337" s="13" t="s">
        <v>482</v>
      </c>
      <c r="B97337" s="14" t="s">
        <v>1</v>
      </c>
      <c r="C97337" s="14" t="s">
        <v>109</v>
      </c>
      <c r="D97337" s="14" t="s">
        <v>339</v>
      </c>
      <c r="E97337" s="15">
        <v>45623</v>
      </c>
      <c r="F97337" s="14" t="s">
        <v>15</v>
      </c>
      <c r="G97337" s="16">
        <v>0</v>
      </c>
    </row>
    <row r="97338" spans="1:7" x14ac:dyDescent="0.3">
      <c r="A97338" s="13" t="s">
        <v>482</v>
      </c>
      <c r="B97338" s="14" t="s">
        <v>1</v>
      </c>
      <c r="C97338" s="14" t="s">
        <v>109</v>
      </c>
      <c r="D97338" s="14" t="s">
        <v>339</v>
      </c>
      <c r="E97338" s="15">
        <v>45624</v>
      </c>
      <c r="F97338" s="14" t="s">
        <v>15</v>
      </c>
      <c r="G97338" s="16">
        <v>0</v>
      </c>
    </row>
    <row r="97339" spans="1:7" x14ac:dyDescent="0.3">
      <c r="A97339" s="13" t="s">
        <v>482</v>
      </c>
      <c r="B97339" s="14" t="s">
        <v>1</v>
      </c>
      <c r="C97339" s="14" t="s">
        <v>109</v>
      </c>
      <c r="D97339" s="14" t="s">
        <v>339</v>
      </c>
      <c r="E97339" s="15">
        <v>45625</v>
      </c>
      <c r="F97339" s="14" t="s">
        <v>15</v>
      </c>
      <c r="G97339" s="16">
        <v>0</v>
      </c>
    </row>
    <row r="97340" spans="1:7" x14ac:dyDescent="0.3">
      <c r="A97340" s="13" t="s">
        <v>482</v>
      </c>
      <c r="B97340" s="14" t="s">
        <v>1</v>
      </c>
      <c r="C97340" s="14" t="s">
        <v>109</v>
      </c>
      <c r="D97340" s="14" t="s">
        <v>339</v>
      </c>
      <c r="E97340" s="15">
        <v>45626</v>
      </c>
      <c r="F97340" s="14" t="s">
        <v>15</v>
      </c>
      <c r="G97340" s="16">
        <v>0</v>
      </c>
    </row>
    <row r="97341" spans="1:7" x14ac:dyDescent="0.3">
      <c r="A97341" s="13" t="s">
        <v>482</v>
      </c>
      <c r="B97341" s="14" t="s">
        <v>1</v>
      </c>
      <c r="C97341" s="14" t="s">
        <v>109</v>
      </c>
      <c r="D97341" s="14" t="s">
        <v>339</v>
      </c>
      <c r="E97341" s="15">
        <v>45627</v>
      </c>
      <c r="F97341" s="14" t="s">
        <v>15</v>
      </c>
      <c r="G97341" s="16">
        <v>0</v>
      </c>
    </row>
    <row r="97342" spans="1:7" x14ac:dyDescent="0.3">
      <c r="A97342" s="13" t="s">
        <v>482</v>
      </c>
      <c r="B97342" s="14" t="s">
        <v>1</v>
      </c>
      <c r="C97342" s="14" t="s">
        <v>109</v>
      </c>
      <c r="D97342" s="14" t="s">
        <v>339</v>
      </c>
      <c r="E97342" s="15">
        <v>45628</v>
      </c>
      <c r="F97342" s="14" t="s">
        <v>15</v>
      </c>
      <c r="G97342" s="16">
        <v>0</v>
      </c>
    </row>
    <row r="97343" spans="1:7" x14ac:dyDescent="0.3">
      <c r="A97343" s="13" t="s">
        <v>482</v>
      </c>
      <c r="B97343" s="14" t="s">
        <v>1</v>
      </c>
      <c r="C97343" s="14" t="s">
        <v>109</v>
      </c>
      <c r="D97343" s="14" t="s">
        <v>339</v>
      </c>
      <c r="E97343" s="15">
        <v>45629</v>
      </c>
      <c r="F97343" s="14" t="s">
        <v>15</v>
      </c>
      <c r="G97343" s="16">
        <v>0</v>
      </c>
    </row>
    <row r="97344" spans="1:7" x14ac:dyDescent="0.3">
      <c r="A97344" s="13" t="s">
        <v>482</v>
      </c>
      <c r="B97344" s="14" t="s">
        <v>1</v>
      </c>
      <c r="C97344" s="14" t="s">
        <v>109</v>
      </c>
      <c r="D97344" s="14" t="s">
        <v>339</v>
      </c>
      <c r="E97344" s="15">
        <v>45630</v>
      </c>
      <c r="F97344" s="14" t="s">
        <v>15</v>
      </c>
      <c r="G97344" s="16">
        <v>0</v>
      </c>
    </row>
    <row r="97345" spans="1:7" x14ac:dyDescent="0.3">
      <c r="A97345" s="13" t="s">
        <v>482</v>
      </c>
      <c r="B97345" s="14" t="s">
        <v>1</v>
      </c>
      <c r="C97345" s="14" t="s">
        <v>109</v>
      </c>
      <c r="D97345" s="14" t="s">
        <v>339</v>
      </c>
      <c r="E97345" s="15">
        <v>45631</v>
      </c>
      <c r="F97345" s="14" t="s">
        <v>15</v>
      </c>
      <c r="G97345" s="16">
        <v>0</v>
      </c>
    </row>
    <row r="97346" spans="1:7" x14ac:dyDescent="0.3">
      <c r="A97346" s="13" t="s">
        <v>482</v>
      </c>
      <c r="B97346" s="14" t="s">
        <v>1</v>
      </c>
      <c r="C97346" s="14" t="s">
        <v>109</v>
      </c>
      <c r="D97346" s="14" t="s">
        <v>339</v>
      </c>
      <c r="E97346" s="15">
        <v>45632</v>
      </c>
      <c r="F97346" s="14" t="s">
        <v>15</v>
      </c>
      <c r="G97346" s="16">
        <v>0</v>
      </c>
    </row>
    <row r="97347" spans="1:7" x14ac:dyDescent="0.3">
      <c r="A97347" s="13" t="s">
        <v>482</v>
      </c>
      <c r="B97347" s="14" t="s">
        <v>1</v>
      </c>
      <c r="C97347" s="14" t="s">
        <v>109</v>
      </c>
      <c r="D97347" s="14" t="s">
        <v>339</v>
      </c>
      <c r="E97347" s="15">
        <v>45633</v>
      </c>
      <c r="F97347" s="14" t="s">
        <v>15</v>
      </c>
      <c r="G97347" s="16">
        <v>0</v>
      </c>
    </row>
    <row r="97348" spans="1:7" x14ac:dyDescent="0.3">
      <c r="A97348" s="13" t="s">
        <v>482</v>
      </c>
      <c r="B97348" s="14" t="s">
        <v>1</v>
      </c>
      <c r="C97348" s="14" t="s">
        <v>109</v>
      </c>
      <c r="D97348" s="14" t="s">
        <v>339</v>
      </c>
      <c r="E97348" s="15">
        <v>45634</v>
      </c>
      <c r="F97348" s="14" t="s">
        <v>15</v>
      </c>
      <c r="G97348" s="16">
        <v>0</v>
      </c>
    </row>
    <row r="97349" spans="1:7" x14ac:dyDescent="0.3">
      <c r="A97349" s="13" t="s">
        <v>482</v>
      </c>
      <c r="B97349" s="14" t="s">
        <v>1</v>
      </c>
      <c r="C97349" s="14" t="s">
        <v>109</v>
      </c>
      <c r="D97349" s="14" t="s">
        <v>339</v>
      </c>
      <c r="E97349" s="15">
        <v>45635</v>
      </c>
      <c r="F97349" s="14" t="s">
        <v>15</v>
      </c>
      <c r="G97349" s="16">
        <v>0</v>
      </c>
    </row>
    <row r="97350" spans="1:7" x14ac:dyDescent="0.3">
      <c r="A97350" s="13" t="s">
        <v>482</v>
      </c>
      <c r="B97350" s="14" t="s">
        <v>1</v>
      </c>
      <c r="C97350" s="14" t="s">
        <v>109</v>
      </c>
      <c r="D97350" s="14" t="s">
        <v>339</v>
      </c>
      <c r="E97350" s="15">
        <v>45636</v>
      </c>
      <c r="F97350" s="14" t="s">
        <v>15</v>
      </c>
      <c r="G97350" s="16">
        <v>0</v>
      </c>
    </row>
    <row r="97351" spans="1:7" x14ac:dyDescent="0.3">
      <c r="A97351" s="13" t="s">
        <v>482</v>
      </c>
      <c r="B97351" s="14" t="s">
        <v>1</v>
      </c>
      <c r="C97351" s="14" t="s">
        <v>109</v>
      </c>
      <c r="D97351" s="14" t="s">
        <v>339</v>
      </c>
      <c r="E97351" s="15">
        <v>45637</v>
      </c>
      <c r="F97351" s="14" t="s">
        <v>15</v>
      </c>
      <c r="G97351" s="16">
        <v>0</v>
      </c>
    </row>
    <row r="97352" spans="1:7" x14ac:dyDescent="0.3">
      <c r="A97352" s="13" t="s">
        <v>482</v>
      </c>
      <c r="B97352" s="14" t="s">
        <v>1</v>
      </c>
      <c r="C97352" s="14" t="s">
        <v>109</v>
      </c>
      <c r="D97352" s="14" t="s">
        <v>339</v>
      </c>
      <c r="E97352" s="15">
        <v>45638</v>
      </c>
      <c r="F97352" s="14" t="s">
        <v>15</v>
      </c>
      <c r="G97352" s="16">
        <v>0</v>
      </c>
    </row>
    <row r="97353" spans="1:7" x14ac:dyDescent="0.3">
      <c r="A97353" s="13" t="s">
        <v>482</v>
      </c>
      <c r="B97353" s="14" t="s">
        <v>1</v>
      </c>
      <c r="C97353" s="14" t="s">
        <v>109</v>
      </c>
      <c r="D97353" s="14" t="s">
        <v>339</v>
      </c>
      <c r="E97353" s="15">
        <v>45639</v>
      </c>
      <c r="F97353" s="14" t="s">
        <v>15</v>
      </c>
      <c r="G97353" s="16">
        <v>0</v>
      </c>
    </row>
    <row r="97354" spans="1:7" x14ac:dyDescent="0.3">
      <c r="A97354" s="13" t="s">
        <v>482</v>
      </c>
      <c r="B97354" s="14" t="s">
        <v>1</v>
      </c>
      <c r="C97354" s="14" t="s">
        <v>109</v>
      </c>
      <c r="D97354" s="14" t="s">
        <v>339</v>
      </c>
      <c r="E97354" s="15">
        <v>45640</v>
      </c>
      <c r="F97354" s="14" t="s">
        <v>15</v>
      </c>
      <c r="G97354" s="16">
        <v>0</v>
      </c>
    </row>
    <row r="97355" spans="1:7" x14ac:dyDescent="0.3">
      <c r="A97355" s="13" t="s">
        <v>482</v>
      </c>
      <c r="B97355" s="14" t="s">
        <v>1</v>
      </c>
      <c r="C97355" s="14" t="s">
        <v>109</v>
      </c>
      <c r="D97355" s="14" t="s">
        <v>339</v>
      </c>
      <c r="E97355" s="15">
        <v>45641</v>
      </c>
      <c r="F97355" s="14" t="s">
        <v>15</v>
      </c>
      <c r="G97355" s="16">
        <v>0</v>
      </c>
    </row>
    <row r="97356" spans="1:7" x14ac:dyDescent="0.3">
      <c r="A97356" s="13" t="s">
        <v>482</v>
      </c>
      <c r="B97356" s="14" t="s">
        <v>1</v>
      </c>
      <c r="C97356" s="14" t="s">
        <v>109</v>
      </c>
      <c r="D97356" s="14" t="s">
        <v>339</v>
      </c>
      <c r="E97356" s="15">
        <v>45642</v>
      </c>
      <c r="F97356" s="14" t="s">
        <v>15</v>
      </c>
      <c r="G97356" s="16">
        <v>0</v>
      </c>
    </row>
    <row r="97357" spans="1:7" x14ac:dyDescent="0.3">
      <c r="A97357" s="13" t="s">
        <v>482</v>
      </c>
      <c r="B97357" s="14" t="s">
        <v>1</v>
      </c>
      <c r="C97357" s="14" t="s">
        <v>109</v>
      </c>
      <c r="D97357" s="14" t="s">
        <v>339</v>
      </c>
      <c r="E97357" s="15">
        <v>45643</v>
      </c>
      <c r="F97357" s="14" t="s">
        <v>15</v>
      </c>
      <c r="G97357" s="16">
        <v>0</v>
      </c>
    </row>
    <row r="97358" spans="1:7" x14ac:dyDescent="0.3">
      <c r="A97358" s="13" t="s">
        <v>482</v>
      </c>
      <c r="B97358" s="14" t="s">
        <v>1</v>
      </c>
      <c r="C97358" s="14" t="s">
        <v>109</v>
      </c>
      <c r="D97358" s="14" t="s">
        <v>339</v>
      </c>
      <c r="E97358" s="15">
        <v>45644</v>
      </c>
      <c r="F97358" s="14" t="s">
        <v>15</v>
      </c>
      <c r="G97358" s="16">
        <v>0</v>
      </c>
    </row>
    <row r="97359" spans="1:7" x14ac:dyDescent="0.3">
      <c r="A97359" s="13" t="s">
        <v>482</v>
      </c>
      <c r="B97359" s="14" t="s">
        <v>1</v>
      </c>
      <c r="C97359" s="14" t="s">
        <v>109</v>
      </c>
      <c r="D97359" s="14" t="s">
        <v>339</v>
      </c>
      <c r="E97359" s="15">
        <v>45645</v>
      </c>
      <c r="F97359" s="14" t="s">
        <v>15</v>
      </c>
      <c r="G97359" s="16">
        <v>0</v>
      </c>
    </row>
    <row r="97360" spans="1:7" x14ac:dyDescent="0.3">
      <c r="A97360" s="13" t="s">
        <v>482</v>
      </c>
      <c r="B97360" s="14" t="s">
        <v>1</v>
      </c>
      <c r="C97360" s="14" t="s">
        <v>109</v>
      </c>
      <c r="D97360" s="14" t="s">
        <v>339</v>
      </c>
      <c r="E97360" s="15">
        <v>45646</v>
      </c>
      <c r="F97360" s="14" t="s">
        <v>15</v>
      </c>
      <c r="G97360" s="16">
        <v>0</v>
      </c>
    </row>
    <row r="97361" spans="1:7" x14ac:dyDescent="0.3">
      <c r="A97361" s="13" t="s">
        <v>482</v>
      </c>
      <c r="B97361" s="14" t="s">
        <v>1</v>
      </c>
      <c r="C97361" s="14" t="s">
        <v>109</v>
      </c>
      <c r="D97361" s="14" t="s">
        <v>339</v>
      </c>
      <c r="E97361" s="15">
        <v>45647</v>
      </c>
      <c r="F97361" s="14" t="s">
        <v>15</v>
      </c>
      <c r="G97361" s="16">
        <v>0</v>
      </c>
    </row>
    <row r="97362" spans="1:7" x14ac:dyDescent="0.3">
      <c r="A97362" s="13" t="s">
        <v>482</v>
      </c>
      <c r="B97362" s="14" t="s">
        <v>1</v>
      </c>
      <c r="C97362" s="14" t="s">
        <v>109</v>
      </c>
      <c r="D97362" s="14" t="s">
        <v>339</v>
      </c>
      <c r="E97362" s="15">
        <v>45648</v>
      </c>
      <c r="F97362" s="14" t="s">
        <v>15</v>
      </c>
      <c r="G97362" s="16">
        <v>0</v>
      </c>
    </row>
    <row r="97363" spans="1:7" x14ac:dyDescent="0.3">
      <c r="A97363" s="13" t="s">
        <v>482</v>
      </c>
      <c r="B97363" s="14" t="s">
        <v>1</v>
      </c>
      <c r="C97363" s="14" t="s">
        <v>109</v>
      </c>
      <c r="D97363" s="14" t="s">
        <v>339</v>
      </c>
      <c r="E97363" s="15">
        <v>45649</v>
      </c>
      <c r="F97363" s="14" t="s">
        <v>15</v>
      </c>
      <c r="G97363" s="16">
        <v>0</v>
      </c>
    </row>
    <row r="97364" spans="1:7" x14ac:dyDescent="0.3">
      <c r="A97364" s="13" t="s">
        <v>482</v>
      </c>
      <c r="B97364" s="14" t="s">
        <v>1</v>
      </c>
      <c r="C97364" s="14" t="s">
        <v>109</v>
      </c>
      <c r="D97364" s="14" t="s">
        <v>339</v>
      </c>
      <c r="E97364" s="15">
        <v>45650</v>
      </c>
      <c r="F97364" s="14" t="s">
        <v>15</v>
      </c>
      <c r="G97364" s="16">
        <v>0</v>
      </c>
    </row>
    <row r="97365" spans="1:7" x14ac:dyDescent="0.3">
      <c r="A97365" s="13" t="s">
        <v>482</v>
      </c>
      <c r="B97365" s="14" t="s">
        <v>1</v>
      </c>
      <c r="C97365" s="14" t="s">
        <v>109</v>
      </c>
      <c r="D97365" s="14" t="s">
        <v>339</v>
      </c>
      <c r="E97365" s="15">
        <v>45651</v>
      </c>
      <c r="F97365" s="14" t="s">
        <v>15</v>
      </c>
      <c r="G97365" s="16">
        <v>0</v>
      </c>
    </row>
    <row r="97366" spans="1:7" x14ac:dyDescent="0.3">
      <c r="A97366" s="13" t="s">
        <v>482</v>
      </c>
      <c r="B97366" s="14" t="s">
        <v>1</v>
      </c>
      <c r="C97366" s="14" t="s">
        <v>109</v>
      </c>
      <c r="D97366" s="14" t="s">
        <v>339</v>
      </c>
      <c r="E97366" s="15">
        <v>45652</v>
      </c>
      <c r="F97366" s="14" t="s">
        <v>15</v>
      </c>
      <c r="G97366" s="16">
        <v>0</v>
      </c>
    </row>
    <row r="97367" spans="1:7" x14ac:dyDescent="0.3">
      <c r="A97367" s="13" t="s">
        <v>482</v>
      </c>
      <c r="B97367" s="14" t="s">
        <v>1</v>
      </c>
      <c r="C97367" s="14" t="s">
        <v>109</v>
      </c>
      <c r="D97367" s="14" t="s">
        <v>339</v>
      </c>
      <c r="E97367" s="15">
        <v>45653</v>
      </c>
      <c r="F97367" s="14" t="s">
        <v>15</v>
      </c>
      <c r="G97367" s="16">
        <v>0</v>
      </c>
    </row>
    <row r="97368" spans="1:7" x14ac:dyDescent="0.3">
      <c r="A97368" s="13" t="s">
        <v>482</v>
      </c>
      <c r="B97368" s="14" t="s">
        <v>1</v>
      </c>
      <c r="C97368" s="14" t="s">
        <v>109</v>
      </c>
      <c r="D97368" s="14" t="s">
        <v>339</v>
      </c>
      <c r="E97368" s="15">
        <v>45654</v>
      </c>
      <c r="F97368" s="14" t="s">
        <v>15</v>
      </c>
      <c r="G97368" s="16">
        <v>0</v>
      </c>
    </row>
    <row r="97369" spans="1:7" x14ac:dyDescent="0.3">
      <c r="A97369" s="13" t="s">
        <v>482</v>
      </c>
      <c r="B97369" s="14" t="s">
        <v>1</v>
      </c>
      <c r="C97369" s="14" t="s">
        <v>109</v>
      </c>
      <c r="D97369" s="14" t="s">
        <v>339</v>
      </c>
      <c r="E97369" s="15">
        <v>45655</v>
      </c>
      <c r="F97369" s="14" t="s">
        <v>15</v>
      </c>
      <c r="G97369" s="16">
        <v>0</v>
      </c>
    </row>
    <row r="97370" spans="1:7" x14ac:dyDescent="0.3">
      <c r="A97370" s="13" t="s">
        <v>482</v>
      </c>
      <c r="B97370" s="14" t="s">
        <v>1</v>
      </c>
      <c r="C97370" s="14" t="s">
        <v>109</v>
      </c>
      <c r="D97370" s="14" t="s">
        <v>339</v>
      </c>
      <c r="E97370" s="15">
        <v>45656</v>
      </c>
      <c r="F97370" s="14" t="s">
        <v>15</v>
      </c>
      <c r="G97370" s="16">
        <v>0</v>
      </c>
    </row>
    <row r="97371" spans="1:7" x14ac:dyDescent="0.3">
      <c r="A97371" s="13" t="s">
        <v>482</v>
      </c>
      <c r="B97371" s="14" t="s">
        <v>1</v>
      </c>
      <c r="C97371" s="14" t="s">
        <v>109</v>
      </c>
      <c r="D97371" s="14" t="s">
        <v>339</v>
      </c>
      <c r="E97371" s="15">
        <v>45657</v>
      </c>
      <c r="F97371" s="14" t="s">
        <v>15</v>
      </c>
      <c r="G97371" s="16">
        <v>0</v>
      </c>
    </row>
    <row r="97372" spans="1:7" x14ac:dyDescent="0.3">
      <c r="A97372" s="13" t="s">
        <v>482</v>
      </c>
      <c r="B97372" s="14" t="s">
        <v>1</v>
      </c>
      <c r="C97372" s="14" t="s">
        <v>109</v>
      </c>
      <c r="D97372" s="14" t="s">
        <v>339</v>
      </c>
      <c r="E97372" s="15">
        <v>45658</v>
      </c>
      <c r="F97372" s="14" t="s">
        <v>15</v>
      </c>
      <c r="G97372" s="16">
        <v>0</v>
      </c>
    </row>
    <row r="97373" spans="1:7" x14ac:dyDescent="0.3">
      <c r="A97373" s="13" t="s">
        <v>482</v>
      </c>
      <c r="B97373" s="14" t="s">
        <v>1</v>
      </c>
      <c r="C97373" s="14" t="s">
        <v>109</v>
      </c>
      <c r="D97373" s="14" t="s">
        <v>339</v>
      </c>
      <c r="E97373" s="15">
        <v>45659</v>
      </c>
      <c r="F97373" s="14" t="s">
        <v>15</v>
      </c>
      <c r="G97373" s="16">
        <v>0</v>
      </c>
    </row>
    <row r="97374" spans="1:7" x14ac:dyDescent="0.3">
      <c r="A97374" s="13" t="s">
        <v>482</v>
      </c>
      <c r="B97374" s="14" t="s">
        <v>1</v>
      </c>
      <c r="C97374" s="14" t="s">
        <v>109</v>
      </c>
      <c r="D97374" s="14" t="s">
        <v>339</v>
      </c>
      <c r="E97374" s="15">
        <v>45660</v>
      </c>
      <c r="F97374" s="14" t="s">
        <v>15</v>
      </c>
      <c r="G97374" s="16">
        <v>0</v>
      </c>
    </row>
    <row r="97375" spans="1:7" x14ac:dyDescent="0.3">
      <c r="A97375" s="13" t="s">
        <v>482</v>
      </c>
      <c r="B97375" s="14" t="s">
        <v>1</v>
      </c>
      <c r="C97375" s="14" t="s">
        <v>109</v>
      </c>
      <c r="D97375" s="14" t="s">
        <v>339</v>
      </c>
      <c r="E97375" s="15">
        <v>45661</v>
      </c>
      <c r="F97375" s="14" t="s">
        <v>15</v>
      </c>
      <c r="G97375" s="16">
        <v>0</v>
      </c>
    </row>
    <row r="97376" spans="1:7" x14ac:dyDescent="0.3">
      <c r="A97376" s="13" t="s">
        <v>482</v>
      </c>
      <c r="B97376" s="14" t="s">
        <v>1</v>
      </c>
      <c r="C97376" s="14" t="s">
        <v>109</v>
      </c>
      <c r="D97376" s="14" t="s">
        <v>339</v>
      </c>
      <c r="E97376" s="15">
        <v>45662</v>
      </c>
      <c r="F97376" s="14" t="s">
        <v>15</v>
      </c>
      <c r="G97376" s="16">
        <v>0</v>
      </c>
    </row>
    <row r="97377" spans="1:7" x14ac:dyDescent="0.3">
      <c r="A97377" s="13" t="s">
        <v>482</v>
      </c>
      <c r="B97377" s="14" t="s">
        <v>1</v>
      </c>
      <c r="C97377" s="14" t="s">
        <v>109</v>
      </c>
      <c r="D97377" s="14" t="s">
        <v>339</v>
      </c>
      <c r="E97377" s="15">
        <v>45663</v>
      </c>
      <c r="F97377" s="14" t="s">
        <v>15</v>
      </c>
      <c r="G97377" s="16">
        <v>0</v>
      </c>
    </row>
    <row r="97378" spans="1:7" x14ac:dyDescent="0.3">
      <c r="A97378" s="13" t="s">
        <v>482</v>
      </c>
      <c r="B97378" s="14" t="s">
        <v>1</v>
      </c>
      <c r="C97378" s="14" t="s">
        <v>109</v>
      </c>
      <c r="D97378" s="14" t="s">
        <v>339</v>
      </c>
      <c r="E97378" s="15">
        <v>45664</v>
      </c>
      <c r="F97378" s="14" t="s">
        <v>15</v>
      </c>
      <c r="G97378" s="16">
        <v>0</v>
      </c>
    </row>
    <row r="97379" spans="1:7" x14ac:dyDescent="0.3">
      <c r="A97379" s="13" t="s">
        <v>482</v>
      </c>
      <c r="B97379" s="14" t="s">
        <v>1</v>
      </c>
      <c r="C97379" s="14" t="s">
        <v>109</v>
      </c>
      <c r="D97379" s="14" t="s">
        <v>339</v>
      </c>
      <c r="E97379" s="15">
        <v>45665</v>
      </c>
      <c r="F97379" s="14" t="s">
        <v>15</v>
      </c>
      <c r="G97379" s="16">
        <v>0</v>
      </c>
    </row>
    <row r="97380" spans="1:7" x14ac:dyDescent="0.3">
      <c r="A97380" s="13" t="s">
        <v>482</v>
      </c>
      <c r="B97380" s="14" t="s">
        <v>1</v>
      </c>
      <c r="C97380" s="14" t="s">
        <v>109</v>
      </c>
      <c r="D97380" s="14" t="s">
        <v>339</v>
      </c>
      <c r="E97380" s="15">
        <v>45666</v>
      </c>
      <c r="F97380" s="14" t="s">
        <v>15</v>
      </c>
      <c r="G97380" s="16">
        <v>0</v>
      </c>
    </row>
    <row r="97381" spans="1:7" x14ac:dyDescent="0.3">
      <c r="A97381" s="13" t="s">
        <v>482</v>
      </c>
      <c r="B97381" s="14" t="s">
        <v>1</v>
      </c>
      <c r="C97381" s="14" t="s">
        <v>109</v>
      </c>
      <c r="D97381" s="14" t="s">
        <v>339</v>
      </c>
      <c r="E97381" s="15">
        <v>45667</v>
      </c>
      <c r="F97381" s="14" t="s">
        <v>15</v>
      </c>
      <c r="G97381" s="16">
        <v>0</v>
      </c>
    </row>
    <row r="97382" spans="1:7" x14ac:dyDescent="0.3">
      <c r="A97382" s="13" t="s">
        <v>482</v>
      </c>
      <c r="B97382" s="14" t="s">
        <v>1</v>
      </c>
      <c r="C97382" s="14" t="s">
        <v>109</v>
      </c>
      <c r="D97382" s="14" t="s">
        <v>339</v>
      </c>
      <c r="E97382" s="15">
        <v>45668</v>
      </c>
      <c r="F97382" s="14" t="s">
        <v>15</v>
      </c>
      <c r="G97382" s="16">
        <v>0</v>
      </c>
    </row>
    <row r="97383" spans="1:7" x14ac:dyDescent="0.3">
      <c r="A97383" s="13" t="s">
        <v>482</v>
      </c>
      <c r="B97383" s="14" t="s">
        <v>1</v>
      </c>
      <c r="C97383" s="14" t="s">
        <v>109</v>
      </c>
      <c r="D97383" s="14" t="s">
        <v>339</v>
      </c>
      <c r="E97383" s="15">
        <v>45669</v>
      </c>
      <c r="F97383" s="14" t="s">
        <v>15</v>
      </c>
      <c r="G97383" s="16">
        <v>0</v>
      </c>
    </row>
    <row r="97384" spans="1:7" x14ac:dyDescent="0.3">
      <c r="A97384" s="13" t="s">
        <v>482</v>
      </c>
      <c r="B97384" s="14" t="s">
        <v>1</v>
      </c>
      <c r="C97384" s="14" t="s">
        <v>109</v>
      </c>
      <c r="D97384" s="14" t="s">
        <v>339</v>
      </c>
      <c r="E97384" s="15">
        <v>45670</v>
      </c>
      <c r="F97384" s="14" t="s">
        <v>15</v>
      </c>
      <c r="G97384" s="16">
        <v>0</v>
      </c>
    </row>
    <row r="97385" spans="1:7" x14ac:dyDescent="0.3">
      <c r="A97385" s="13" t="s">
        <v>482</v>
      </c>
      <c r="B97385" s="14" t="s">
        <v>1</v>
      </c>
      <c r="C97385" s="14" t="s">
        <v>109</v>
      </c>
      <c r="D97385" s="14" t="s">
        <v>339</v>
      </c>
      <c r="E97385" s="15">
        <v>45671</v>
      </c>
      <c r="F97385" s="14" t="s">
        <v>15</v>
      </c>
      <c r="G97385" s="16">
        <v>0</v>
      </c>
    </row>
    <row r="97386" spans="1:7" x14ac:dyDescent="0.3">
      <c r="A97386" s="13" t="s">
        <v>482</v>
      </c>
      <c r="B97386" s="14" t="s">
        <v>1</v>
      </c>
      <c r="C97386" s="14" t="s">
        <v>109</v>
      </c>
      <c r="D97386" s="14" t="s">
        <v>339</v>
      </c>
      <c r="E97386" s="15">
        <v>45672</v>
      </c>
      <c r="F97386" s="14" t="s">
        <v>15</v>
      </c>
      <c r="G97386" s="16">
        <v>0</v>
      </c>
    </row>
    <row r="97387" spans="1:7" x14ac:dyDescent="0.3">
      <c r="A97387" s="13" t="s">
        <v>482</v>
      </c>
      <c r="B97387" s="14" t="s">
        <v>1</v>
      </c>
      <c r="C97387" s="14" t="s">
        <v>109</v>
      </c>
      <c r="D97387" s="14" t="s">
        <v>339</v>
      </c>
      <c r="E97387" s="15">
        <v>45673</v>
      </c>
      <c r="F97387" s="14" t="s">
        <v>15</v>
      </c>
      <c r="G97387" s="16">
        <v>0</v>
      </c>
    </row>
    <row r="97388" spans="1:7" x14ac:dyDescent="0.3">
      <c r="A97388" s="13" t="s">
        <v>482</v>
      </c>
      <c r="B97388" s="14" t="s">
        <v>1</v>
      </c>
      <c r="C97388" s="14" t="s">
        <v>109</v>
      </c>
      <c r="D97388" s="14" t="s">
        <v>339</v>
      </c>
      <c r="E97388" s="15">
        <v>45674</v>
      </c>
      <c r="F97388" s="14" t="s">
        <v>15</v>
      </c>
      <c r="G97388" s="16">
        <v>0</v>
      </c>
    </row>
    <row r="97389" spans="1:7" x14ac:dyDescent="0.3">
      <c r="A97389" s="13" t="s">
        <v>482</v>
      </c>
      <c r="B97389" s="14" t="s">
        <v>1</v>
      </c>
      <c r="C97389" s="14" t="s">
        <v>109</v>
      </c>
      <c r="D97389" s="14" t="s">
        <v>339</v>
      </c>
      <c r="E97389" s="15">
        <v>45675</v>
      </c>
      <c r="F97389" s="14" t="s">
        <v>15</v>
      </c>
      <c r="G97389" s="16">
        <v>0</v>
      </c>
    </row>
    <row r="97390" spans="1:7" x14ac:dyDescent="0.3">
      <c r="A97390" s="13" t="s">
        <v>482</v>
      </c>
      <c r="B97390" s="14" t="s">
        <v>1</v>
      </c>
      <c r="C97390" s="14" t="s">
        <v>109</v>
      </c>
      <c r="D97390" s="14" t="s">
        <v>339</v>
      </c>
      <c r="E97390" s="15">
        <v>45676</v>
      </c>
      <c r="F97390" s="14" t="s">
        <v>15</v>
      </c>
      <c r="G97390" s="16">
        <v>0</v>
      </c>
    </row>
    <row r="97391" spans="1:7" x14ac:dyDescent="0.3">
      <c r="A97391" s="13" t="s">
        <v>482</v>
      </c>
      <c r="B97391" s="14" t="s">
        <v>1</v>
      </c>
      <c r="C97391" s="14" t="s">
        <v>109</v>
      </c>
      <c r="D97391" s="14" t="s">
        <v>339</v>
      </c>
      <c r="E97391" s="15">
        <v>45677</v>
      </c>
      <c r="F97391" s="14" t="s">
        <v>15</v>
      </c>
      <c r="G97391" s="16">
        <v>0</v>
      </c>
    </row>
    <row r="97392" spans="1:7" x14ac:dyDescent="0.3">
      <c r="A97392" s="13" t="s">
        <v>482</v>
      </c>
      <c r="B97392" s="14" t="s">
        <v>1</v>
      </c>
      <c r="C97392" s="14" t="s">
        <v>109</v>
      </c>
      <c r="D97392" s="14" t="s">
        <v>339</v>
      </c>
      <c r="E97392" s="15">
        <v>45678</v>
      </c>
      <c r="F97392" s="14" t="s">
        <v>15</v>
      </c>
      <c r="G97392" s="16">
        <v>0</v>
      </c>
    </row>
    <row r="97393" spans="1:7" x14ac:dyDescent="0.3">
      <c r="A97393" s="13" t="s">
        <v>482</v>
      </c>
      <c r="B97393" s="14" t="s">
        <v>1</v>
      </c>
      <c r="C97393" s="14" t="s">
        <v>109</v>
      </c>
      <c r="D97393" s="14" t="s">
        <v>339</v>
      </c>
      <c r="E97393" s="15">
        <v>45679</v>
      </c>
      <c r="F97393" s="14" t="s">
        <v>15</v>
      </c>
      <c r="G97393" s="16">
        <v>0</v>
      </c>
    </row>
    <row r="97394" spans="1:7" x14ac:dyDescent="0.3">
      <c r="A97394" s="13" t="s">
        <v>482</v>
      </c>
      <c r="B97394" s="14" t="s">
        <v>1</v>
      </c>
      <c r="C97394" s="14" t="s">
        <v>109</v>
      </c>
      <c r="D97394" s="14" t="s">
        <v>339</v>
      </c>
      <c r="E97394" s="15">
        <v>45680</v>
      </c>
      <c r="F97394" s="14" t="s">
        <v>15</v>
      </c>
      <c r="G97394" s="16">
        <v>0</v>
      </c>
    </row>
    <row r="97395" spans="1:7" x14ac:dyDescent="0.3">
      <c r="A97395" s="13" t="s">
        <v>482</v>
      </c>
      <c r="B97395" s="14" t="s">
        <v>1</v>
      </c>
      <c r="C97395" s="14" t="s">
        <v>109</v>
      </c>
      <c r="D97395" s="14" t="s">
        <v>339</v>
      </c>
      <c r="E97395" s="15">
        <v>45681</v>
      </c>
      <c r="F97395" s="14" t="s">
        <v>15</v>
      </c>
      <c r="G97395" s="16">
        <v>0</v>
      </c>
    </row>
    <row r="97396" spans="1:7" x14ac:dyDescent="0.3">
      <c r="A97396" s="13" t="s">
        <v>482</v>
      </c>
      <c r="B97396" s="14" t="s">
        <v>1</v>
      </c>
      <c r="C97396" s="14" t="s">
        <v>109</v>
      </c>
      <c r="D97396" s="14" t="s">
        <v>339</v>
      </c>
      <c r="E97396" s="15">
        <v>45682</v>
      </c>
      <c r="F97396" s="14" t="s">
        <v>15</v>
      </c>
      <c r="G97396" s="16">
        <v>0</v>
      </c>
    </row>
    <row r="97397" spans="1:7" x14ac:dyDescent="0.3">
      <c r="A97397" s="13" t="s">
        <v>482</v>
      </c>
      <c r="B97397" s="14" t="s">
        <v>1</v>
      </c>
      <c r="C97397" s="14" t="s">
        <v>109</v>
      </c>
      <c r="D97397" s="14" t="s">
        <v>339</v>
      </c>
      <c r="E97397" s="15">
        <v>45683</v>
      </c>
      <c r="F97397" s="14" t="s">
        <v>15</v>
      </c>
      <c r="G97397" s="16">
        <v>0</v>
      </c>
    </row>
    <row r="97398" spans="1:7" x14ac:dyDescent="0.3">
      <c r="A97398" s="13" t="s">
        <v>482</v>
      </c>
      <c r="B97398" s="14" t="s">
        <v>1</v>
      </c>
      <c r="C97398" s="14" t="s">
        <v>109</v>
      </c>
      <c r="D97398" s="14" t="s">
        <v>339</v>
      </c>
      <c r="E97398" s="15">
        <v>45684</v>
      </c>
      <c r="F97398" s="14" t="s">
        <v>15</v>
      </c>
      <c r="G97398" s="16">
        <v>0</v>
      </c>
    </row>
    <row r="97399" spans="1:7" x14ac:dyDescent="0.3">
      <c r="A97399" s="13" t="s">
        <v>482</v>
      </c>
      <c r="B97399" s="14" t="s">
        <v>1</v>
      </c>
      <c r="C97399" s="14" t="s">
        <v>109</v>
      </c>
      <c r="D97399" s="14" t="s">
        <v>339</v>
      </c>
      <c r="E97399" s="15">
        <v>45685</v>
      </c>
      <c r="F97399" s="14" t="s">
        <v>15</v>
      </c>
      <c r="G97399" s="16">
        <v>0</v>
      </c>
    </row>
    <row r="97400" spans="1:7" x14ac:dyDescent="0.3">
      <c r="A97400" s="13" t="s">
        <v>482</v>
      </c>
      <c r="B97400" s="14" t="s">
        <v>1</v>
      </c>
      <c r="C97400" s="14" t="s">
        <v>109</v>
      </c>
      <c r="D97400" s="14" t="s">
        <v>339</v>
      </c>
      <c r="E97400" s="15">
        <v>45686</v>
      </c>
      <c r="F97400" s="14" t="s">
        <v>15</v>
      </c>
      <c r="G97400" s="16">
        <v>0</v>
      </c>
    </row>
    <row r="97401" spans="1:7" x14ac:dyDescent="0.3">
      <c r="A97401" s="13" t="s">
        <v>482</v>
      </c>
      <c r="B97401" s="14" t="s">
        <v>1</v>
      </c>
      <c r="C97401" s="14" t="s">
        <v>109</v>
      </c>
      <c r="D97401" s="14" t="s">
        <v>339</v>
      </c>
      <c r="E97401" s="15">
        <v>45687</v>
      </c>
      <c r="F97401" s="14" t="s">
        <v>15</v>
      </c>
      <c r="G97401" s="16">
        <v>0</v>
      </c>
    </row>
    <row r="97402" spans="1:7" x14ac:dyDescent="0.3">
      <c r="A97402" s="13" t="s">
        <v>482</v>
      </c>
      <c r="B97402" s="14" t="s">
        <v>1</v>
      </c>
      <c r="C97402" s="14" t="s">
        <v>109</v>
      </c>
      <c r="D97402" s="14" t="s">
        <v>339</v>
      </c>
      <c r="E97402" s="15">
        <v>45688</v>
      </c>
      <c r="F97402" s="14" t="s">
        <v>15</v>
      </c>
      <c r="G97402" s="16">
        <v>0</v>
      </c>
    </row>
    <row r="97403" spans="1:7" x14ac:dyDescent="0.3">
      <c r="A97403" s="13" t="s">
        <v>482</v>
      </c>
      <c r="B97403" s="14" t="s">
        <v>1</v>
      </c>
      <c r="C97403" s="14" t="s">
        <v>109</v>
      </c>
      <c r="D97403" s="14" t="s">
        <v>339</v>
      </c>
      <c r="E97403" s="15">
        <v>45689</v>
      </c>
      <c r="F97403" s="14" t="s">
        <v>15</v>
      </c>
      <c r="G97403" s="16">
        <v>0</v>
      </c>
    </row>
    <row r="97404" spans="1:7" x14ac:dyDescent="0.3">
      <c r="A97404" s="13" t="s">
        <v>482</v>
      </c>
      <c r="B97404" s="14" t="s">
        <v>1</v>
      </c>
      <c r="C97404" s="14" t="s">
        <v>109</v>
      </c>
      <c r="D97404" s="14" t="s">
        <v>339</v>
      </c>
      <c r="E97404" s="15">
        <v>45690</v>
      </c>
      <c r="F97404" s="14" t="s">
        <v>15</v>
      </c>
      <c r="G97404" s="16">
        <v>0</v>
      </c>
    </row>
    <row r="97405" spans="1:7" x14ac:dyDescent="0.3">
      <c r="A97405" s="13" t="s">
        <v>482</v>
      </c>
      <c r="B97405" s="14" t="s">
        <v>1</v>
      </c>
      <c r="C97405" s="14" t="s">
        <v>109</v>
      </c>
      <c r="D97405" s="14" t="s">
        <v>339</v>
      </c>
      <c r="E97405" s="15">
        <v>45691</v>
      </c>
      <c r="F97405" s="14" t="s">
        <v>15</v>
      </c>
      <c r="G97405" s="16">
        <v>0</v>
      </c>
    </row>
    <row r="97406" spans="1:7" x14ac:dyDescent="0.3">
      <c r="A97406" s="13" t="s">
        <v>482</v>
      </c>
      <c r="B97406" s="14" t="s">
        <v>1</v>
      </c>
      <c r="C97406" s="14" t="s">
        <v>109</v>
      </c>
      <c r="D97406" s="14" t="s">
        <v>339</v>
      </c>
      <c r="E97406" s="15">
        <v>45692</v>
      </c>
      <c r="F97406" s="14" t="s">
        <v>15</v>
      </c>
      <c r="G97406" s="16">
        <v>0</v>
      </c>
    </row>
    <row r="97407" spans="1:7" x14ac:dyDescent="0.3">
      <c r="A97407" s="13" t="s">
        <v>482</v>
      </c>
      <c r="B97407" s="14" t="s">
        <v>1</v>
      </c>
      <c r="C97407" s="14" t="s">
        <v>109</v>
      </c>
      <c r="D97407" s="14" t="s">
        <v>339</v>
      </c>
      <c r="E97407" s="15">
        <v>45693</v>
      </c>
      <c r="F97407" s="14" t="s">
        <v>15</v>
      </c>
      <c r="G97407" s="16">
        <v>0</v>
      </c>
    </row>
    <row r="97408" spans="1:7" x14ac:dyDescent="0.3">
      <c r="A97408" s="13" t="s">
        <v>482</v>
      </c>
      <c r="B97408" s="14" t="s">
        <v>1</v>
      </c>
      <c r="C97408" s="14" t="s">
        <v>109</v>
      </c>
      <c r="D97408" s="14" t="s">
        <v>339</v>
      </c>
      <c r="E97408" s="15">
        <v>45694</v>
      </c>
      <c r="F97408" s="14" t="s">
        <v>15</v>
      </c>
      <c r="G97408" s="16">
        <v>0</v>
      </c>
    </row>
    <row r="97409" spans="1:7" x14ac:dyDescent="0.3">
      <c r="A97409" s="13" t="s">
        <v>482</v>
      </c>
      <c r="B97409" s="14" t="s">
        <v>1</v>
      </c>
      <c r="C97409" s="14" t="s">
        <v>109</v>
      </c>
      <c r="D97409" s="14" t="s">
        <v>339</v>
      </c>
      <c r="E97409" s="15">
        <v>45695</v>
      </c>
      <c r="F97409" s="14" t="s">
        <v>15</v>
      </c>
      <c r="G97409" s="16">
        <v>0</v>
      </c>
    </row>
    <row r="97410" spans="1:7" x14ac:dyDescent="0.3">
      <c r="A97410" s="13" t="s">
        <v>482</v>
      </c>
      <c r="B97410" s="14" t="s">
        <v>1</v>
      </c>
      <c r="C97410" s="14" t="s">
        <v>109</v>
      </c>
      <c r="D97410" s="14" t="s">
        <v>339</v>
      </c>
      <c r="E97410" s="15">
        <v>45696</v>
      </c>
      <c r="F97410" s="14" t="s">
        <v>15</v>
      </c>
      <c r="G97410" s="16">
        <v>0</v>
      </c>
    </row>
    <row r="97411" spans="1:7" x14ac:dyDescent="0.3">
      <c r="A97411" s="13" t="s">
        <v>482</v>
      </c>
      <c r="B97411" s="14" t="s">
        <v>1</v>
      </c>
      <c r="C97411" s="14" t="s">
        <v>109</v>
      </c>
      <c r="D97411" s="14" t="s">
        <v>339</v>
      </c>
      <c r="E97411" s="15">
        <v>45697</v>
      </c>
      <c r="F97411" s="14" t="s">
        <v>15</v>
      </c>
      <c r="G97411" s="16">
        <v>0</v>
      </c>
    </row>
    <row r="97412" spans="1:7" x14ac:dyDescent="0.3">
      <c r="A97412" s="13" t="s">
        <v>482</v>
      </c>
      <c r="B97412" s="14" t="s">
        <v>1</v>
      </c>
      <c r="C97412" s="14" t="s">
        <v>109</v>
      </c>
      <c r="D97412" s="14" t="s">
        <v>339</v>
      </c>
      <c r="E97412" s="15">
        <v>45698</v>
      </c>
      <c r="F97412" s="14" t="s">
        <v>15</v>
      </c>
      <c r="G97412" s="16">
        <v>0</v>
      </c>
    </row>
    <row r="97413" spans="1:7" x14ac:dyDescent="0.3">
      <c r="A97413" s="13" t="s">
        <v>482</v>
      </c>
      <c r="B97413" s="14" t="s">
        <v>1</v>
      </c>
      <c r="C97413" s="14" t="s">
        <v>109</v>
      </c>
      <c r="D97413" s="14" t="s">
        <v>339</v>
      </c>
      <c r="E97413" s="15">
        <v>45699</v>
      </c>
      <c r="F97413" s="14" t="s">
        <v>15</v>
      </c>
      <c r="G97413" s="16">
        <v>0</v>
      </c>
    </row>
    <row r="97414" spans="1:7" x14ac:dyDescent="0.3">
      <c r="A97414" s="13" t="s">
        <v>482</v>
      </c>
      <c r="B97414" s="14" t="s">
        <v>1</v>
      </c>
      <c r="C97414" s="14" t="s">
        <v>109</v>
      </c>
      <c r="D97414" s="14" t="s">
        <v>339</v>
      </c>
      <c r="E97414" s="15">
        <v>45700</v>
      </c>
      <c r="F97414" s="14" t="s">
        <v>15</v>
      </c>
      <c r="G97414" s="16">
        <v>0</v>
      </c>
    </row>
    <row r="97415" spans="1:7" x14ac:dyDescent="0.3">
      <c r="A97415" s="13" t="s">
        <v>482</v>
      </c>
      <c r="B97415" s="14" t="s">
        <v>1</v>
      </c>
      <c r="C97415" s="14" t="s">
        <v>109</v>
      </c>
      <c r="D97415" s="14" t="s">
        <v>339</v>
      </c>
      <c r="E97415" s="15">
        <v>45701</v>
      </c>
      <c r="F97415" s="14" t="s">
        <v>15</v>
      </c>
      <c r="G97415" s="16">
        <v>0</v>
      </c>
    </row>
    <row r="97416" spans="1:7" x14ac:dyDescent="0.3">
      <c r="A97416" s="13" t="s">
        <v>482</v>
      </c>
      <c r="B97416" s="14" t="s">
        <v>1</v>
      </c>
      <c r="C97416" s="14" t="s">
        <v>109</v>
      </c>
      <c r="D97416" s="14" t="s">
        <v>339</v>
      </c>
      <c r="E97416" s="15">
        <v>45702</v>
      </c>
      <c r="F97416" s="14" t="s">
        <v>15</v>
      </c>
      <c r="G97416" s="16">
        <v>0</v>
      </c>
    </row>
    <row r="97417" spans="1:7" x14ac:dyDescent="0.3">
      <c r="A97417" s="13" t="s">
        <v>482</v>
      </c>
      <c r="B97417" s="14" t="s">
        <v>1</v>
      </c>
      <c r="C97417" s="14" t="s">
        <v>109</v>
      </c>
      <c r="D97417" s="14" t="s">
        <v>339</v>
      </c>
      <c r="E97417" s="15">
        <v>45703</v>
      </c>
      <c r="F97417" s="14" t="s">
        <v>15</v>
      </c>
      <c r="G97417" s="16">
        <v>0</v>
      </c>
    </row>
    <row r="97418" spans="1:7" x14ac:dyDescent="0.3">
      <c r="A97418" s="13" t="s">
        <v>482</v>
      </c>
      <c r="B97418" s="14" t="s">
        <v>1</v>
      </c>
      <c r="C97418" s="14" t="s">
        <v>109</v>
      </c>
      <c r="D97418" s="14" t="s">
        <v>339</v>
      </c>
      <c r="E97418" s="15">
        <v>45704</v>
      </c>
      <c r="F97418" s="14" t="s">
        <v>15</v>
      </c>
      <c r="G97418" s="16">
        <v>0</v>
      </c>
    </row>
    <row r="97419" spans="1:7" x14ac:dyDescent="0.3">
      <c r="A97419" s="13" t="s">
        <v>482</v>
      </c>
      <c r="B97419" s="14" t="s">
        <v>1</v>
      </c>
      <c r="C97419" s="14" t="s">
        <v>109</v>
      </c>
      <c r="D97419" s="14" t="s">
        <v>339</v>
      </c>
      <c r="E97419" s="15">
        <v>45705</v>
      </c>
      <c r="F97419" s="14" t="s">
        <v>15</v>
      </c>
      <c r="G97419" s="16">
        <v>0</v>
      </c>
    </row>
    <row r="97420" spans="1:7" x14ac:dyDescent="0.3">
      <c r="A97420" s="13" t="s">
        <v>482</v>
      </c>
      <c r="B97420" s="14" t="s">
        <v>1</v>
      </c>
      <c r="C97420" s="14" t="s">
        <v>109</v>
      </c>
      <c r="D97420" s="14" t="s">
        <v>339</v>
      </c>
      <c r="E97420" s="15">
        <v>45706</v>
      </c>
      <c r="F97420" s="14" t="s">
        <v>15</v>
      </c>
      <c r="G97420" s="16">
        <v>0</v>
      </c>
    </row>
    <row r="97421" spans="1:7" x14ac:dyDescent="0.3">
      <c r="A97421" s="13" t="s">
        <v>482</v>
      </c>
      <c r="B97421" s="14" t="s">
        <v>1</v>
      </c>
      <c r="C97421" s="14" t="s">
        <v>109</v>
      </c>
      <c r="D97421" s="14" t="s">
        <v>339</v>
      </c>
      <c r="E97421" s="15">
        <v>45707</v>
      </c>
      <c r="F97421" s="14" t="s">
        <v>15</v>
      </c>
      <c r="G97421" s="16">
        <v>0</v>
      </c>
    </row>
    <row r="97422" spans="1:7" x14ac:dyDescent="0.3">
      <c r="A97422" s="13" t="s">
        <v>482</v>
      </c>
      <c r="B97422" s="14" t="s">
        <v>1</v>
      </c>
      <c r="C97422" s="14" t="s">
        <v>109</v>
      </c>
      <c r="D97422" s="14" t="s">
        <v>339</v>
      </c>
      <c r="E97422" s="15">
        <v>45708</v>
      </c>
      <c r="F97422" s="14" t="s">
        <v>15</v>
      </c>
      <c r="G97422" s="16">
        <v>0</v>
      </c>
    </row>
    <row r="97423" spans="1:7" x14ac:dyDescent="0.3">
      <c r="A97423" s="13" t="s">
        <v>482</v>
      </c>
      <c r="B97423" s="14" t="s">
        <v>1</v>
      </c>
      <c r="C97423" s="14" t="s">
        <v>109</v>
      </c>
      <c r="D97423" s="14" t="s">
        <v>339</v>
      </c>
      <c r="E97423" s="15">
        <v>45709</v>
      </c>
      <c r="F97423" s="14" t="s">
        <v>15</v>
      </c>
      <c r="G97423" s="16">
        <v>0</v>
      </c>
    </row>
    <row r="97424" spans="1:7" x14ac:dyDescent="0.3">
      <c r="A97424" s="13" t="s">
        <v>482</v>
      </c>
      <c r="B97424" s="14" t="s">
        <v>1</v>
      </c>
      <c r="C97424" s="14" t="s">
        <v>109</v>
      </c>
      <c r="D97424" s="14" t="s">
        <v>339</v>
      </c>
      <c r="E97424" s="15">
        <v>45710</v>
      </c>
      <c r="F97424" s="14" t="s">
        <v>15</v>
      </c>
      <c r="G97424" s="16">
        <v>0</v>
      </c>
    </row>
    <row r="97425" spans="1:7" x14ac:dyDescent="0.3">
      <c r="A97425" s="13" t="s">
        <v>482</v>
      </c>
      <c r="B97425" s="14" t="s">
        <v>1</v>
      </c>
      <c r="C97425" s="14" t="s">
        <v>109</v>
      </c>
      <c r="D97425" s="14" t="s">
        <v>339</v>
      </c>
      <c r="E97425" s="15">
        <v>45711</v>
      </c>
      <c r="F97425" s="14" t="s">
        <v>15</v>
      </c>
      <c r="G97425" s="16">
        <v>0</v>
      </c>
    </row>
    <row r="97426" spans="1:7" x14ac:dyDescent="0.3">
      <c r="A97426" s="13" t="s">
        <v>482</v>
      </c>
      <c r="B97426" s="14" t="s">
        <v>1</v>
      </c>
      <c r="C97426" s="14" t="s">
        <v>109</v>
      </c>
      <c r="D97426" s="14" t="s">
        <v>339</v>
      </c>
      <c r="E97426" s="15">
        <v>45712</v>
      </c>
      <c r="F97426" s="14" t="s">
        <v>15</v>
      </c>
      <c r="G97426" s="16">
        <v>0</v>
      </c>
    </row>
    <row r="97427" spans="1:7" x14ac:dyDescent="0.3">
      <c r="A97427" s="13" t="s">
        <v>482</v>
      </c>
      <c r="B97427" s="14" t="s">
        <v>1</v>
      </c>
      <c r="C97427" s="14" t="s">
        <v>109</v>
      </c>
      <c r="D97427" s="14" t="s">
        <v>339</v>
      </c>
      <c r="E97427" s="15">
        <v>45713</v>
      </c>
      <c r="F97427" s="14" t="s">
        <v>15</v>
      </c>
      <c r="G97427" s="16">
        <v>0</v>
      </c>
    </row>
    <row r="97428" spans="1:7" x14ac:dyDescent="0.3">
      <c r="A97428" s="13" t="s">
        <v>482</v>
      </c>
      <c r="B97428" s="14" t="s">
        <v>1</v>
      </c>
      <c r="C97428" s="14" t="s">
        <v>109</v>
      </c>
      <c r="D97428" s="14" t="s">
        <v>339</v>
      </c>
      <c r="E97428" s="15">
        <v>45714</v>
      </c>
      <c r="F97428" s="14" t="s">
        <v>15</v>
      </c>
      <c r="G97428" s="16">
        <v>0</v>
      </c>
    </row>
    <row r="97429" spans="1:7" x14ac:dyDescent="0.3">
      <c r="A97429" s="13" t="s">
        <v>482</v>
      </c>
      <c r="B97429" s="14" t="s">
        <v>1</v>
      </c>
      <c r="C97429" s="14" t="s">
        <v>109</v>
      </c>
      <c r="D97429" s="14" t="s">
        <v>339</v>
      </c>
      <c r="E97429" s="15">
        <v>45715</v>
      </c>
      <c r="F97429" s="14" t="s">
        <v>15</v>
      </c>
      <c r="G97429" s="16">
        <v>0</v>
      </c>
    </row>
    <row r="97430" spans="1:7" x14ac:dyDescent="0.3">
      <c r="A97430" s="13" t="s">
        <v>482</v>
      </c>
      <c r="B97430" s="14" t="s">
        <v>1</v>
      </c>
      <c r="C97430" s="14" t="s">
        <v>109</v>
      </c>
      <c r="D97430" s="14" t="s">
        <v>339</v>
      </c>
      <c r="E97430" s="15">
        <v>45716</v>
      </c>
      <c r="F97430" s="14" t="s">
        <v>15</v>
      </c>
      <c r="G97430" s="16">
        <v>0</v>
      </c>
    </row>
    <row r="97431" spans="1:7" x14ac:dyDescent="0.3">
      <c r="A97431" s="13" t="s">
        <v>482</v>
      </c>
      <c r="B97431" s="14" t="s">
        <v>1</v>
      </c>
      <c r="C97431" s="14" t="s">
        <v>109</v>
      </c>
      <c r="D97431" s="14" t="s">
        <v>339</v>
      </c>
      <c r="E97431" s="15">
        <v>45717</v>
      </c>
      <c r="F97431" s="14" t="s">
        <v>15</v>
      </c>
      <c r="G97431" s="16">
        <v>0</v>
      </c>
    </row>
    <row r="97432" spans="1:7" x14ac:dyDescent="0.3">
      <c r="A97432" s="13" t="s">
        <v>482</v>
      </c>
      <c r="B97432" s="14" t="s">
        <v>1</v>
      </c>
      <c r="C97432" s="14" t="s">
        <v>109</v>
      </c>
      <c r="D97432" s="14" t="s">
        <v>339</v>
      </c>
      <c r="E97432" s="15">
        <v>45718</v>
      </c>
      <c r="F97432" s="14" t="s">
        <v>15</v>
      </c>
      <c r="G97432" s="16">
        <v>0</v>
      </c>
    </row>
    <row r="97433" spans="1:7" x14ac:dyDescent="0.3">
      <c r="A97433" s="13" t="s">
        <v>482</v>
      </c>
      <c r="B97433" s="14" t="s">
        <v>1</v>
      </c>
      <c r="C97433" s="14" t="s">
        <v>109</v>
      </c>
      <c r="D97433" s="14" t="s">
        <v>339</v>
      </c>
      <c r="E97433" s="15">
        <v>45719</v>
      </c>
      <c r="F97433" s="14" t="s">
        <v>15</v>
      </c>
      <c r="G97433" s="16">
        <v>0</v>
      </c>
    </row>
    <row r="97434" spans="1:7" x14ac:dyDescent="0.3">
      <c r="A97434" s="13" t="s">
        <v>482</v>
      </c>
      <c r="B97434" s="14" t="s">
        <v>1</v>
      </c>
      <c r="C97434" s="14" t="s">
        <v>109</v>
      </c>
      <c r="D97434" s="14" t="s">
        <v>339</v>
      </c>
      <c r="E97434" s="15">
        <v>45720</v>
      </c>
      <c r="F97434" s="14" t="s">
        <v>15</v>
      </c>
      <c r="G97434" s="16">
        <v>0</v>
      </c>
    </row>
    <row r="97435" spans="1:7" x14ac:dyDescent="0.3">
      <c r="A97435" s="13" t="s">
        <v>482</v>
      </c>
      <c r="B97435" s="14" t="s">
        <v>1</v>
      </c>
      <c r="C97435" s="14" t="s">
        <v>109</v>
      </c>
      <c r="D97435" s="14" t="s">
        <v>339</v>
      </c>
      <c r="E97435" s="15">
        <v>45721</v>
      </c>
      <c r="F97435" s="14" t="s">
        <v>15</v>
      </c>
      <c r="G97435" s="16">
        <v>0</v>
      </c>
    </row>
    <row r="97436" spans="1:7" x14ac:dyDescent="0.3">
      <c r="A97436" s="13" t="s">
        <v>482</v>
      </c>
      <c r="B97436" s="14" t="s">
        <v>1</v>
      </c>
      <c r="C97436" s="14" t="s">
        <v>109</v>
      </c>
      <c r="D97436" s="14" t="s">
        <v>339</v>
      </c>
      <c r="E97436" s="15">
        <v>45722</v>
      </c>
      <c r="F97436" s="14" t="s">
        <v>15</v>
      </c>
      <c r="G97436" s="16">
        <v>0</v>
      </c>
    </row>
    <row r="97437" spans="1:7" x14ac:dyDescent="0.3">
      <c r="A97437" s="13" t="s">
        <v>482</v>
      </c>
      <c r="B97437" s="14" t="s">
        <v>1</v>
      </c>
      <c r="C97437" s="14" t="s">
        <v>109</v>
      </c>
      <c r="D97437" s="14" t="s">
        <v>339</v>
      </c>
      <c r="E97437" s="15">
        <v>45723</v>
      </c>
      <c r="F97437" s="14" t="s">
        <v>15</v>
      </c>
      <c r="G97437" s="16">
        <v>0</v>
      </c>
    </row>
    <row r="97438" spans="1:7" x14ac:dyDescent="0.3">
      <c r="A97438" s="13" t="s">
        <v>482</v>
      </c>
      <c r="B97438" s="14" t="s">
        <v>1</v>
      </c>
      <c r="C97438" s="14" t="s">
        <v>109</v>
      </c>
      <c r="D97438" s="14" t="s">
        <v>339</v>
      </c>
      <c r="E97438" s="15">
        <v>45724</v>
      </c>
      <c r="F97438" s="14" t="s">
        <v>15</v>
      </c>
      <c r="G97438" s="16">
        <v>0</v>
      </c>
    </row>
    <row r="97439" spans="1:7" x14ac:dyDescent="0.3">
      <c r="A97439" s="13" t="s">
        <v>482</v>
      </c>
      <c r="B97439" s="14" t="s">
        <v>1</v>
      </c>
      <c r="C97439" s="14" t="s">
        <v>109</v>
      </c>
      <c r="D97439" s="14" t="s">
        <v>339</v>
      </c>
      <c r="E97439" s="15">
        <v>45725</v>
      </c>
      <c r="F97439" s="14" t="s">
        <v>15</v>
      </c>
      <c r="G97439" s="16">
        <v>0</v>
      </c>
    </row>
    <row r="97440" spans="1:7" x14ac:dyDescent="0.3">
      <c r="A97440" s="13" t="s">
        <v>482</v>
      </c>
      <c r="B97440" s="14" t="s">
        <v>1</v>
      </c>
      <c r="C97440" s="14" t="s">
        <v>109</v>
      </c>
      <c r="D97440" s="14" t="s">
        <v>339</v>
      </c>
      <c r="E97440" s="15">
        <v>45726</v>
      </c>
      <c r="F97440" s="14" t="s">
        <v>15</v>
      </c>
      <c r="G97440" s="16">
        <v>0</v>
      </c>
    </row>
    <row r="97441" spans="1:7" x14ac:dyDescent="0.3">
      <c r="A97441" s="13" t="s">
        <v>482</v>
      </c>
      <c r="B97441" s="14" t="s">
        <v>1</v>
      </c>
      <c r="C97441" s="14" t="s">
        <v>109</v>
      </c>
      <c r="D97441" s="14" t="s">
        <v>339</v>
      </c>
      <c r="E97441" s="15">
        <v>45727</v>
      </c>
      <c r="F97441" s="14" t="s">
        <v>15</v>
      </c>
      <c r="G97441" s="16">
        <v>0</v>
      </c>
    </row>
    <row r="97442" spans="1:7" x14ac:dyDescent="0.3">
      <c r="A97442" s="13" t="s">
        <v>482</v>
      </c>
      <c r="B97442" s="14" t="s">
        <v>1</v>
      </c>
      <c r="C97442" s="14" t="s">
        <v>109</v>
      </c>
      <c r="D97442" s="14" t="s">
        <v>339</v>
      </c>
      <c r="E97442" s="15">
        <v>45728</v>
      </c>
      <c r="F97442" s="14" t="s">
        <v>15</v>
      </c>
      <c r="G97442" s="16">
        <v>0</v>
      </c>
    </row>
    <row r="97443" spans="1:7" x14ac:dyDescent="0.3">
      <c r="A97443" s="13" t="s">
        <v>482</v>
      </c>
      <c r="B97443" s="14" t="s">
        <v>1</v>
      </c>
      <c r="C97443" s="14" t="s">
        <v>109</v>
      </c>
      <c r="D97443" s="14" t="s">
        <v>339</v>
      </c>
      <c r="E97443" s="15">
        <v>45729</v>
      </c>
      <c r="F97443" s="14" t="s">
        <v>15</v>
      </c>
      <c r="G97443" s="16">
        <v>0</v>
      </c>
    </row>
    <row r="97444" spans="1:7" x14ac:dyDescent="0.3">
      <c r="A97444" s="13" t="s">
        <v>482</v>
      </c>
      <c r="B97444" s="14" t="s">
        <v>1</v>
      </c>
      <c r="C97444" s="14" t="s">
        <v>109</v>
      </c>
      <c r="D97444" s="14" t="s">
        <v>339</v>
      </c>
      <c r="E97444" s="15">
        <v>45730</v>
      </c>
      <c r="F97444" s="14" t="s">
        <v>15</v>
      </c>
      <c r="G97444" s="16">
        <v>0</v>
      </c>
    </row>
    <row r="97445" spans="1:7" x14ac:dyDescent="0.3">
      <c r="A97445" s="13" t="s">
        <v>482</v>
      </c>
      <c r="B97445" s="14" t="s">
        <v>1</v>
      </c>
      <c r="C97445" s="14" t="s">
        <v>109</v>
      </c>
      <c r="D97445" s="14" t="s">
        <v>339</v>
      </c>
      <c r="E97445" s="15">
        <v>45731</v>
      </c>
      <c r="F97445" s="14" t="s">
        <v>15</v>
      </c>
      <c r="G97445" s="16">
        <v>0</v>
      </c>
    </row>
    <row r="97446" spans="1:7" x14ac:dyDescent="0.3">
      <c r="A97446" s="13" t="s">
        <v>482</v>
      </c>
      <c r="B97446" s="14" t="s">
        <v>1</v>
      </c>
      <c r="C97446" s="14" t="s">
        <v>109</v>
      </c>
      <c r="D97446" s="14" t="s">
        <v>339</v>
      </c>
      <c r="E97446" s="15">
        <v>45732</v>
      </c>
      <c r="F97446" s="14" t="s">
        <v>15</v>
      </c>
      <c r="G97446" s="16">
        <v>0</v>
      </c>
    </row>
    <row r="97447" spans="1:7" x14ac:dyDescent="0.3">
      <c r="A97447" s="13" t="s">
        <v>482</v>
      </c>
      <c r="B97447" s="14" t="s">
        <v>1</v>
      </c>
      <c r="C97447" s="14" t="s">
        <v>109</v>
      </c>
      <c r="D97447" s="14" t="s">
        <v>339</v>
      </c>
      <c r="E97447" s="15">
        <v>45733</v>
      </c>
      <c r="F97447" s="14" t="s">
        <v>15</v>
      </c>
      <c r="G97447" s="16">
        <v>0</v>
      </c>
    </row>
    <row r="97448" spans="1:7" x14ac:dyDescent="0.3">
      <c r="A97448" s="13" t="s">
        <v>482</v>
      </c>
      <c r="B97448" s="14" t="s">
        <v>1</v>
      </c>
      <c r="C97448" s="14" t="s">
        <v>109</v>
      </c>
      <c r="D97448" s="14" t="s">
        <v>339</v>
      </c>
      <c r="E97448" s="15">
        <v>45734</v>
      </c>
      <c r="F97448" s="14" t="s">
        <v>15</v>
      </c>
      <c r="G97448" s="16">
        <v>0</v>
      </c>
    </row>
    <row r="97449" spans="1:7" x14ac:dyDescent="0.3">
      <c r="A97449" s="13" t="s">
        <v>482</v>
      </c>
      <c r="B97449" s="14" t="s">
        <v>1</v>
      </c>
      <c r="C97449" s="14" t="s">
        <v>109</v>
      </c>
      <c r="D97449" s="14" t="s">
        <v>339</v>
      </c>
      <c r="E97449" s="15">
        <v>45735</v>
      </c>
      <c r="F97449" s="14" t="s">
        <v>15</v>
      </c>
      <c r="G97449" s="16">
        <v>0</v>
      </c>
    </row>
    <row r="97450" spans="1:7" x14ac:dyDescent="0.3">
      <c r="A97450" s="13" t="s">
        <v>482</v>
      </c>
      <c r="B97450" s="14" t="s">
        <v>1</v>
      </c>
      <c r="C97450" s="14" t="s">
        <v>109</v>
      </c>
      <c r="D97450" s="14" t="s">
        <v>339</v>
      </c>
      <c r="E97450" s="15">
        <v>45736</v>
      </c>
      <c r="F97450" s="14" t="s">
        <v>15</v>
      </c>
      <c r="G97450" s="16">
        <v>0</v>
      </c>
    </row>
    <row r="97451" spans="1:7" x14ac:dyDescent="0.3">
      <c r="A97451" s="13" t="s">
        <v>482</v>
      </c>
      <c r="B97451" s="14" t="s">
        <v>1</v>
      </c>
      <c r="C97451" s="14" t="s">
        <v>109</v>
      </c>
      <c r="D97451" s="14" t="s">
        <v>339</v>
      </c>
      <c r="E97451" s="15">
        <v>45737</v>
      </c>
      <c r="F97451" s="14" t="s">
        <v>15</v>
      </c>
      <c r="G97451" s="16">
        <v>0</v>
      </c>
    </row>
    <row r="97452" spans="1:7" x14ac:dyDescent="0.3">
      <c r="A97452" s="13" t="s">
        <v>482</v>
      </c>
      <c r="B97452" s="14" t="s">
        <v>1</v>
      </c>
      <c r="C97452" s="14" t="s">
        <v>109</v>
      </c>
      <c r="D97452" s="14" t="s">
        <v>339</v>
      </c>
      <c r="E97452" s="15">
        <v>45738</v>
      </c>
      <c r="F97452" s="14" t="s">
        <v>15</v>
      </c>
      <c r="G97452" s="16">
        <v>0</v>
      </c>
    </row>
    <row r="97453" spans="1:7" x14ac:dyDescent="0.3">
      <c r="A97453" s="13" t="s">
        <v>482</v>
      </c>
      <c r="B97453" s="14" t="s">
        <v>1</v>
      </c>
      <c r="C97453" s="14" t="s">
        <v>109</v>
      </c>
      <c r="D97453" s="14" t="s">
        <v>339</v>
      </c>
      <c r="E97453" s="15">
        <v>45739</v>
      </c>
      <c r="F97453" s="14" t="s">
        <v>15</v>
      </c>
      <c r="G97453" s="16">
        <v>0</v>
      </c>
    </row>
    <row r="97454" spans="1:7" x14ac:dyDescent="0.3">
      <c r="A97454" s="13" t="s">
        <v>482</v>
      </c>
      <c r="B97454" s="14" t="s">
        <v>1</v>
      </c>
      <c r="C97454" s="14" t="s">
        <v>109</v>
      </c>
      <c r="D97454" s="14" t="s">
        <v>339</v>
      </c>
      <c r="E97454" s="15">
        <v>45740</v>
      </c>
      <c r="F97454" s="14" t="s">
        <v>15</v>
      </c>
      <c r="G97454" s="16">
        <v>0</v>
      </c>
    </row>
    <row r="97455" spans="1:7" x14ac:dyDescent="0.3">
      <c r="A97455" s="13" t="s">
        <v>482</v>
      </c>
      <c r="B97455" s="14" t="s">
        <v>1</v>
      </c>
      <c r="C97455" s="14" t="s">
        <v>109</v>
      </c>
      <c r="D97455" s="14" t="s">
        <v>339</v>
      </c>
      <c r="E97455" s="15">
        <v>45741</v>
      </c>
      <c r="F97455" s="14" t="s">
        <v>15</v>
      </c>
      <c r="G97455" s="16">
        <v>0</v>
      </c>
    </row>
    <row r="97456" spans="1:7" x14ac:dyDescent="0.3">
      <c r="A97456" s="13" t="s">
        <v>482</v>
      </c>
      <c r="B97456" s="14" t="s">
        <v>1</v>
      </c>
      <c r="C97456" s="14" t="s">
        <v>109</v>
      </c>
      <c r="D97456" s="14" t="s">
        <v>339</v>
      </c>
      <c r="E97456" s="15">
        <v>45742</v>
      </c>
      <c r="F97456" s="14" t="s">
        <v>15</v>
      </c>
      <c r="G97456" s="16">
        <v>0</v>
      </c>
    </row>
    <row r="97457" spans="1:7" x14ac:dyDescent="0.3">
      <c r="A97457" s="13" t="s">
        <v>482</v>
      </c>
      <c r="B97457" s="14" t="s">
        <v>1</v>
      </c>
      <c r="C97457" s="14" t="s">
        <v>109</v>
      </c>
      <c r="D97457" s="14" t="s">
        <v>339</v>
      </c>
      <c r="E97457" s="15">
        <v>45743</v>
      </c>
      <c r="F97457" s="14" t="s">
        <v>15</v>
      </c>
      <c r="G97457" s="16">
        <v>0</v>
      </c>
    </row>
    <row r="97458" spans="1:7" x14ac:dyDescent="0.3">
      <c r="A97458" s="13" t="s">
        <v>482</v>
      </c>
      <c r="B97458" s="14" t="s">
        <v>1</v>
      </c>
      <c r="C97458" s="14" t="s">
        <v>109</v>
      </c>
      <c r="D97458" s="14" t="s">
        <v>339</v>
      </c>
      <c r="E97458" s="15">
        <v>45744</v>
      </c>
      <c r="F97458" s="14" t="s">
        <v>15</v>
      </c>
      <c r="G97458" s="16">
        <v>0</v>
      </c>
    </row>
    <row r="97459" spans="1:7" x14ac:dyDescent="0.3">
      <c r="A97459" s="13" t="s">
        <v>482</v>
      </c>
      <c r="B97459" s="14" t="s">
        <v>1</v>
      </c>
      <c r="C97459" s="14" t="s">
        <v>109</v>
      </c>
      <c r="D97459" s="14" t="s">
        <v>339</v>
      </c>
      <c r="E97459" s="15">
        <v>45745</v>
      </c>
      <c r="F97459" s="14" t="s">
        <v>15</v>
      </c>
      <c r="G97459" s="16">
        <v>0</v>
      </c>
    </row>
    <row r="97460" spans="1:7" x14ac:dyDescent="0.3">
      <c r="A97460" s="13" t="s">
        <v>482</v>
      </c>
      <c r="B97460" s="14" t="s">
        <v>1</v>
      </c>
      <c r="C97460" s="14" t="s">
        <v>109</v>
      </c>
      <c r="D97460" s="14" t="s">
        <v>339</v>
      </c>
      <c r="E97460" s="15">
        <v>45746</v>
      </c>
      <c r="F97460" s="14" t="s">
        <v>15</v>
      </c>
      <c r="G97460" s="16">
        <v>0</v>
      </c>
    </row>
    <row r="97461" spans="1:7" x14ac:dyDescent="0.3">
      <c r="A97461" s="13" t="s">
        <v>482</v>
      </c>
      <c r="B97461" s="14" t="s">
        <v>1</v>
      </c>
      <c r="C97461" s="14" t="s">
        <v>109</v>
      </c>
      <c r="D97461" s="14" t="s">
        <v>339</v>
      </c>
      <c r="E97461" s="15">
        <v>45747</v>
      </c>
      <c r="F97461" s="14" t="s">
        <v>15</v>
      </c>
      <c r="G97461" s="16">
        <v>0</v>
      </c>
    </row>
    <row r="97462" spans="1:7" x14ac:dyDescent="0.3">
      <c r="A97462" s="13" t="s">
        <v>483</v>
      </c>
      <c r="B97462" s="14" t="s">
        <v>1</v>
      </c>
      <c r="C97462" s="14" t="s">
        <v>47</v>
      </c>
      <c r="D97462" s="14" t="s">
        <v>81</v>
      </c>
      <c r="E97462" s="15">
        <v>45383</v>
      </c>
      <c r="F97462" s="14" t="s">
        <v>15</v>
      </c>
      <c r="G97462" s="16">
        <v>0</v>
      </c>
    </row>
    <row r="97463" spans="1:7" x14ac:dyDescent="0.3">
      <c r="A97463" s="13" t="s">
        <v>483</v>
      </c>
      <c r="B97463" s="14" t="s">
        <v>1</v>
      </c>
      <c r="C97463" s="14" t="s">
        <v>47</v>
      </c>
      <c r="D97463" s="14" t="s">
        <v>81</v>
      </c>
      <c r="E97463" s="15">
        <v>45384</v>
      </c>
      <c r="F97463" s="14" t="s">
        <v>15</v>
      </c>
      <c r="G97463" s="16">
        <v>0</v>
      </c>
    </row>
    <row r="97464" spans="1:7" x14ac:dyDescent="0.3">
      <c r="A97464" s="13" t="s">
        <v>483</v>
      </c>
      <c r="B97464" s="14" t="s">
        <v>1</v>
      </c>
      <c r="C97464" s="14" t="s">
        <v>47</v>
      </c>
      <c r="D97464" s="14" t="s">
        <v>81</v>
      </c>
      <c r="E97464" s="15">
        <v>45385</v>
      </c>
      <c r="F97464" s="14" t="s">
        <v>15</v>
      </c>
      <c r="G97464" s="16">
        <v>0</v>
      </c>
    </row>
    <row r="97465" spans="1:7" x14ac:dyDescent="0.3">
      <c r="A97465" s="13" t="s">
        <v>483</v>
      </c>
      <c r="B97465" s="14" t="s">
        <v>1</v>
      </c>
      <c r="C97465" s="14" t="s">
        <v>47</v>
      </c>
      <c r="D97465" s="14" t="s">
        <v>81</v>
      </c>
      <c r="E97465" s="15">
        <v>45386</v>
      </c>
      <c r="F97465" s="14" t="s">
        <v>15</v>
      </c>
      <c r="G97465" s="16">
        <v>0</v>
      </c>
    </row>
    <row r="97466" spans="1:7" x14ac:dyDescent="0.3">
      <c r="A97466" s="13" t="s">
        <v>483</v>
      </c>
      <c r="B97466" s="14" t="s">
        <v>1</v>
      </c>
      <c r="C97466" s="14" t="s">
        <v>47</v>
      </c>
      <c r="D97466" s="14" t="s">
        <v>81</v>
      </c>
      <c r="E97466" s="15">
        <v>45387</v>
      </c>
      <c r="F97466" s="14" t="s">
        <v>15</v>
      </c>
      <c r="G97466" s="16">
        <v>0</v>
      </c>
    </row>
    <row r="97467" spans="1:7" x14ac:dyDescent="0.3">
      <c r="A97467" s="13" t="s">
        <v>483</v>
      </c>
      <c r="B97467" s="14" t="s">
        <v>1</v>
      </c>
      <c r="C97467" s="14" t="s">
        <v>47</v>
      </c>
      <c r="D97467" s="14" t="s">
        <v>81</v>
      </c>
      <c r="E97467" s="15">
        <v>45388</v>
      </c>
      <c r="F97467" s="14" t="s">
        <v>15</v>
      </c>
      <c r="G97467" s="16">
        <v>0</v>
      </c>
    </row>
    <row r="97468" spans="1:7" x14ac:dyDescent="0.3">
      <c r="A97468" s="13" t="s">
        <v>483</v>
      </c>
      <c r="B97468" s="14" t="s">
        <v>1</v>
      </c>
      <c r="C97468" s="14" t="s">
        <v>47</v>
      </c>
      <c r="D97468" s="14" t="s">
        <v>81</v>
      </c>
      <c r="E97468" s="15">
        <v>45389</v>
      </c>
      <c r="F97468" s="14" t="s">
        <v>15</v>
      </c>
      <c r="G97468" s="16">
        <v>0</v>
      </c>
    </row>
    <row r="97469" spans="1:7" x14ac:dyDescent="0.3">
      <c r="A97469" s="13" t="s">
        <v>483</v>
      </c>
      <c r="B97469" s="14" t="s">
        <v>1</v>
      </c>
      <c r="C97469" s="14" t="s">
        <v>47</v>
      </c>
      <c r="D97469" s="14" t="s">
        <v>81</v>
      </c>
      <c r="E97469" s="15">
        <v>45390</v>
      </c>
      <c r="F97469" s="14" t="s">
        <v>15</v>
      </c>
      <c r="G97469" s="16">
        <v>0</v>
      </c>
    </row>
    <row r="97470" spans="1:7" x14ac:dyDescent="0.3">
      <c r="A97470" s="13" t="s">
        <v>483</v>
      </c>
      <c r="B97470" s="14" t="s">
        <v>1</v>
      </c>
      <c r="C97470" s="14" t="s">
        <v>47</v>
      </c>
      <c r="D97470" s="14" t="s">
        <v>81</v>
      </c>
      <c r="E97470" s="15">
        <v>45391</v>
      </c>
      <c r="F97470" s="14" t="s">
        <v>15</v>
      </c>
      <c r="G97470" s="16">
        <v>0</v>
      </c>
    </row>
    <row r="97471" spans="1:7" x14ac:dyDescent="0.3">
      <c r="A97471" s="13" t="s">
        <v>483</v>
      </c>
      <c r="B97471" s="14" t="s">
        <v>1</v>
      </c>
      <c r="C97471" s="14" t="s">
        <v>47</v>
      </c>
      <c r="D97471" s="14" t="s">
        <v>81</v>
      </c>
      <c r="E97471" s="15">
        <v>45392</v>
      </c>
      <c r="F97471" s="14" t="s">
        <v>15</v>
      </c>
      <c r="G97471" s="16">
        <v>0</v>
      </c>
    </row>
    <row r="97472" spans="1:7" x14ac:dyDescent="0.3">
      <c r="A97472" s="13" t="s">
        <v>483</v>
      </c>
      <c r="B97472" s="14" t="s">
        <v>1</v>
      </c>
      <c r="C97472" s="14" t="s">
        <v>47</v>
      </c>
      <c r="D97472" s="14" t="s">
        <v>81</v>
      </c>
      <c r="E97472" s="15">
        <v>45393</v>
      </c>
      <c r="F97472" s="14" t="s">
        <v>15</v>
      </c>
      <c r="G97472" s="16">
        <v>0</v>
      </c>
    </row>
    <row r="97473" spans="1:7" x14ac:dyDescent="0.3">
      <c r="A97473" s="13" t="s">
        <v>483</v>
      </c>
      <c r="B97473" s="14" t="s">
        <v>1</v>
      </c>
      <c r="C97473" s="14" t="s">
        <v>47</v>
      </c>
      <c r="D97473" s="14" t="s">
        <v>81</v>
      </c>
      <c r="E97473" s="15">
        <v>45394</v>
      </c>
      <c r="F97473" s="14" t="s">
        <v>15</v>
      </c>
      <c r="G97473" s="16">
        <v>0</v>
      </c>
    </row>
    <row r="97474" spans="1:7" x14ac:dyDescent="0.3">
      <c r="A97474" s="13" t="s">
        <v>483</v>
      </c>
      <c r="B97474" s="14" t="s">
        <v>1</v>
      </c>
      <c r="C97474" s="14" t="s">
        <v>47</v>
      </c>
      <c r="D97474" s="14" t="s">
        <v>81</v>
      </c>
      <c r="E97474" s="15">
        <v>45395</v>
      </c>
      <c r="F97474" s="14" t="s">
        <v>15</v>
      </c>
      <c r="G97474" s="16">
        <v>0</v>
      </c>
    </row>
    <row r="97475" spans="1:7" x14ac:dyDescent="0.3">
      <c r="A97475" s="13" t="s">
        <v>483</v>
      </c>
      <c r="B97475" s="14" t="s">
        <v>1</v>
      </c>
      <c r="C97475" s="14" t="s">
        <v>47</v>
      </c>
      <c r="D97475" s="14" t="s">
        <v>81</v>
      </c>
      <c r="E97475" s="15">
        <v>45396</v>
      </c>
      <c r="F97475" s="14" t="s">
        <v>15</v>
      </c>
      <c r="G97475" s="16">
        <v>0</v>
      </c>
    </row>
    <row r="97476" spans="1:7" x14ac:dyDescent="0.3">
      <c r="A97476" s="13" t="s">
        <v>483</v>
      </c>
      <c r="B97476" s="14" t="s">
        <v>1</v>
      </c>
      <c r="C97476" s="14" t="s">
        <v>47</v>
      </c>
      <c r="D97476" s="14" t="s">
        <v>81</v>
      </c>
      <c r="E97476" s="15">
        <v>45397</v>
      </c>
      <c r="F97476" s="14" t="s">
        <v>15</v>
      </c>
      <c r="G97476" s="16">
        <v>0</v>
      </c>
    </row>
    <row r="97477" spans="1:7" x14ac:dyDescent="0.3">
      <c r="A97477" s="13" t="s">
        <v>483</v>
      </c>
      <c r="B97477" s="14" t="s">
        <v>1</v>
      </c>
      <c r="C97477" s="14" t="s">
        <v>47</v>
      </c>
      <c r="D97477" s="14" t="s">
        <v>81</v>
      </c>
      <c r="E97477" s="15">
        <v>45398</v>
      </c>
      <c r="F97477" s="14" t="s">
        <v>15</v>
      </c>
      <c r="G97477" s="16">
        <v>0</v>
      </c>
    </row>
    <row r="97478" spans="1:7" x14ac:dyDescent="0.3">
      <c r="A97478" s="13" t="s">
        <v>483</v>
      </c>
      <c r="B97478" s="14" t="s">
        <v>1</v>
      </c>
      <c r="C97478" s="14" t="s">
        <v>47</v>
      </c>
      <c r="D97478" s="14" t="s">
        <v>81</v>
      </c>
      <c r="E97478" s="15">
        <v>45399</v>
      </c>
      <c r="F97478" s="14" t="s">
        <v>15</v>
      </c>
      <c r="G97478" s="16">
        <v>0</v>
      </c>
    </row>
    <row r="97479" spans="1:7" x14ac:dyDescent="0.3">
      <c r="A97479" s="13" t="s">
        <v>483</v>
      </c>
      <c r="B97479" s="14" t="s">
        <v>1</v>
      </c>
      <c r="C97479" s="14" t="s">
        <v>47</v>
      </c>
      <c r="D97479" s="14" t="s">
        <v>81</v>
      </c>
      <c r="E97479" s="15">
        <v>45400</v>
      </c>
      <c r="F97479" s="14" t="s">
        <v>15</v>
      </c>
      <c r="G97479" s="16">
        <v>0</v>
      </c>
    </row>
    <row r="97480" spans="1:7" x14ac:dyDescent="0.3">
      <c r="A97480" s="13" t="s">
        <v>483</v>
      </c>
      <c r="B97480" s="14" t="s">
        <v>1</v>
      </c>
      <c r="C97480" s="14" t="s">
        <v>47</v>
      </c>
      <c r="D97480" s="14" t="s">
        <v>81</v>
      </c>
      <c r="E97480" s="15">
        <v>45401</v>
      </c>
      <c r="F97480" s="14" t="s">
        <v>15</v>
      </c>
      <c r="G97480" s="16">
        <v>0</v>
      </c>
    </row>
    <row r="97481" spans="1:7" x14ac:dyDescent="0.3">
      <c r="A97481" s="13" t="s">
        <v>483</v>
      </c>
      <c r="B97481" s="14" t="s">
        <v>1</v>
      </c>
      <c r="C97481" s="14" t="s">
        <v>47</v>
      </c>
      <c r="D97481" s="14" t="s">
        <v>81</v>
      </c>
      <c r="E97481" s="15">
        <v>45402</v>
      </c>
      <c r="F97481" s="14" t="s">
        <v>15</v>
      </c>
      <c r="G97481" s="16">
        <v>0</v>
      </c>
    </row>
    <row r="97482" spans="1:7" x14ac:dyDescent="0.3">
      <c r="A97482" s="13" t="s">
        <v>483</v>
      </c>
      <c r="B97482" s="14" t="s">
        <v>1</v>
      </c>
      <c r="C97482" s="14" t="s">
        <v>47</v>
      </c>
      <c r="D97482" s="14" t="s">
        <v>81</v>
      </c>
      <c r="E97482" s="15">
        <v>45403</v>
      </c>
      <c r="F97482" s="14" t="s">
        <v>15</v>
      </c>
      <c r="G97482" s="16">
        <v>0</v>
      </c>
    </row>
    <row r="97483" spans="1:7" x14ac:dyDescent="0.3">
      <c r="A97483" s="13" t="s">
        <v>483</v>
      </c>
      <c r="B97483" s="14" t="s">
        <v>1</v>
      </c>
      <c r="C97483" s="14" t="s">
        <v>47</v>
      </c>
      <c r="D97483" s="14" t="s">
        <v>81</v>
      </c>
      <c r="E97483" s="15">
        <v>45404</v>
      </c>
      <c r="F97483" s="14" t="s">
        <v>15</v>
      </c>
      <c r="G97483" s="16">
        <v>0</v>
      </c>
    </row>
    <row r="97484" spans="1:7" x14ac:dyDescent="0.3">
      <c r="A97484" s="13" t="s">
        <v>483</v>
      </c>
      <c r="B97484" s="14" t="s">
        <v>1</v>
      </c>
      <c r="C97484" s="14" t="s">
        <v>47</v>
      </c>
      <c r="D97484" s="14" t="s">
        <v>81</v>
      </c>
      <c r="E97484" s="15">
        <v>45405</v>
      </c>
      <c r="F97484" s="14" t="s">
        <v>15</v>
      </c>
      <c r="G97484" s="16">
        <v>0</v>
      </c>
    </row>
    <row r="97485" spans="1:7" x14ac:dyDescent="0.3">
      <c r="A97485" s="13" t="s">
        <v>483</v>
      </c>
      <c r="B97485" s="14" t="s">
        <v>1</v>
      </c>
      <c r="C97485" s="14" t="s">
        <v>47</v>
      </c>
      <c r="D97485" s="14" t="s">
        <v>81</v>
      </c>
      <c r="E97485" s="15">
        <v>45406</v>
      </c>
      <c r="F97485" s="14" t="s">
        <v>15</v>
      </c>
      <c r="G97485" s="16">
        <v>0</v>
      </c>
    </row>
    <row r="97486" spans="1:7" x14ac:dyDescent="0.3">
      <c r="A97486" s="13" t="s">
        <v>483</v>
      </c>
      <c r="B97486" s="14" t="s">
        <v>1</v>
      </c>
      <c r="C97486" s="14" t="s">
        <v>47</v>
      </c>
      <c r="D97486" s="14" t="s">
        <v>81</v>
      </c>
      <c r="E97486" s="15">
        <v>45407</v>
      </c>
      <c r="F97486" s="14" t="s">
        <v>15</v>
      </c>
      <c r="G97486" s="16">
        <v>0</v>
      </c>
    </row>
    <row r="97487" spans="1:7" x14ac:dyDescent="0.3">
      <c r="A97487" s="13" t="s">
        <v>483</v>
      </c>
      <c r="B97487" s="14" t="s">
        <v>1</v>
      </c>
      <c r="C97487" s="14" t="s">
        <v>47</v>
      </c>
      <c r="D97487" s="14" t="s">
        <v>81</v>
      </c>
      <c r="E97487" s="15">
        <v>45408</v>
      </c>
      <c r="F97487" s="14" t="s">
        <v>15</v>
      </c>
      <c r="G97487" s="16">
        <v>0</v>
      </c>
    </row>
    <row r="97488" spans="1:7" x14ac:dyDescent="0.3">
      <c r="A97488" s="13" t="s">
        <v>483</v>
      </c>
      <c r="B97488" s="14" t="s">
        <v>1</v>
      </c>
      <c r="C97488" s="14" t="s">
        <v>47</v>
      </c>
      <c r="D97488" s="14" t="s">
        <v>81</v>
      </c>
      <c r="E97488" s="15">
        <v>45409</v>
      </c>
      <c r="F97488" s="14" t="s">
        <v>15</v>
      </c>
      <c r="G97488" s="16">
        <v>0</v>
      </c>
    </row>
    <row r="97489" spans="1:7" x14ac:dyDescent="0.3">
      <c r="A97489" s="13" t="s">
        <v>483</v>
      </c>
      <c r="B97489" s="14" t="s">
        <v>1</v>
      </c>
      <c r="C97489" s="14" t="s">
        <v>47</v>
      </c>
      <c r="D97489" s="14" t="s">
        <v>81</v>
      </c>
      <c r="E97489" s="15">
        <v>45410</v>
      </c>
      <c r="F97489" s="14" t="s">
        <v>15</v>
      </c>
      <c r="G97489" s="16">
        <v>0</v>
      </c>
    </row>
    <row r="97490" spans="1:7" x14ac:dyDescent="0.3">
      <c r="A97490" s="13" t="s">
        <v>483</v>
      </c>
      <c r="B97490" s="14" t="s">
        <v>1</v>
      </c>
      <c r="C97490" s="14" t="s">
        <v>47</v>
      </c>
      <c r="D97490" s="14" t="s">
        <v>81</v>
      </c>
      <c r="E97490" s="15">
        <v>45411</v>
      </c>
      <c r="F97490" s="14" t="s">
        <v>15</v>
      </c>
      <c r="G97490" s="16">
        <v>0</v>
      </c>
    </row>
    <row r="97491" spans="1:7" x14ac:dyDescent="0.3">
      <c r="A97491" s="13" t="s">
        <v>483</v>
      </c>
      <c r="B97491" s="14" t="s">
        <v>1</v>
      </c>
      <c r="C97491" s="14" t="s">
        <v>47</v>
      </c>
      <c r="D97491" s="14" t="s">
        <v>81</v>
      </c>
      <c r="E97491" s="15">
        <v>45412</v>
      </c>
      <c r="F97491" s="14" t="s">
        <v>15</v>
      </c>
      <c r="G97491" s="16">
        <v>0</v>
      </c>
    </row>
    <row r="97492" spans="1:7" x14ac:dyDescent="0.3">
      <c r="A97492" s="13" t="s">
        <v>483</v>
      </c>
      <c r="B97492" s="14" t="s">
        <v>1</v>
      </c>
      <c r="C97492" s="14" t="s">
        <v>47</v>
      </c>
      <c r="D97492" s="14" t="s">
        <v>81</v>
      </c>
      <c r="E97492" s="15">
        <v>45413</v>
      </c>
      <c r="F97492" s="14" t="s">
        <v>15</v>
      </c>
      <c r="G97492" s="16">
        <v>0</v>
      </c>
    </row>
    <row r="97493" spans="1:7" x14ac:dyDescent="0.3">
      <c r="A97493" s="13" t="s">
        <v>483</v>
      </c>
      <c r="B97493" s="14" t="s">
        <v>1</v>
      </c>
      <c r="C97493" s="14" t="s">
        <v>47</v>
      </c>
      <c r="D97493" s="14" t="s">
        <v>81</v>
      </c>
      <c r="E97493" s="15">
        <v>45414</v>
      </c>
      <c r="F97493" s="14" t="s">
        <v>15</v>
      </c>
      <c r="G97493" s="16">
        <v>0</v>
      </c>
    </row>
    <row r="97494" spans="1:7" x14ac:dyDescent="0.3">
      <c r="A97494" s="13" t="s">
        <v>483</v>
      </c>
      <c r="B97494" s="14" t="s">
        <v>1</v>
      </c>
      <c r="C97494" s="14" t="s">
        <v>47</v>
      </c>
      <c r="D97494" s="14" t="s">
        <v>81</v>
      </c>
      <c r="E97494" s="15">
        <v>45415</v>
      </c>
      <c r="F97494" s="14" t="s">
        <v>15</v>
      </c>
      <c r="G97494" s="16">
        <v>0</v>
      </c>
    </row>
    <row r="97495" spans="1:7" x14ac:dyDescent="0.3">
      <c r="A97495" s="13" t="s">
        <v>483</v>
      </c>
      <c r="B97495" s="14" t="s">
        <v>1</v>
      </c>
      <c r="C97495" s="14" t="s">
        <v>47</v>
      </c>
      <c r="D97495" s="14" t="s">
        <v>81</v>
      </c>
      <c r="E97495" s="15">
        <v>45416</v>
      </c>
      <c r="F97495" s="14" t="s">
        <v>15</v>
      </c>
      <c r="G97495" s="16">
        <v>0</v>
      </c>
    </row>
    <row r="97496" spans="1:7" x14ac:dyDescent="0.3">
      <c r="A97496" s="13" t="s">
        <v>483</v>
      </c>
      <c r="B97496" s="14" t="s">
        <v>1</v>
      </c>
      <c r="C97496" s="14" t="s">
        <v>47</v>
      </c>
      <c r="D97496" s="14" t="s">
        <v>81</v>
      </c>
      <c r="E97496" s="15">
        <v>45417</v>
      </c>
      <c r="F97496" s="14" t="s">
        <v>15</v>
      </c>
      <c r="G97496" s="16">
        <v>0</v>
      </c>
    </row>
    <row r="97497" spans="1:7" x14ac:dyDescent="0.3">
      <c r="A97497" s="13" t="s">
        <v>483</v>
      </c>
      <c r="B97497" s="14" t="s">
        <v>1</v>
      </c>
      <c r="C97497" s="14" t="s">
        <v>47</v>
      </c>
      <c r="D97497" s="14" t="s">
        <v>81</v>
      </c>
      <c r="E97497" s="15">
        <v>45418</v>
      </c>
      <c r="F97497" s="14" t="s">
        <v>15</v>
      </c>
      <c r="G97497" s="16">
        <v>0</v>
      </c>
    </row>
    <row r="97498" spans="1:7" x14ac:dyDescent="0.3">
      <c r="A97498" s="13" t="s">
        <v>483</v>
      </c>
      <c r="B97498" s="14" t="s">
        <v>1</v>
      </c>
      <c r="C97498" s="14" t="s">
        <v>47</v>
      </c>
      <c r="D97498" s="14" t="s">
        <v>81</v>
      </c>
      <c r="E97498" s="15">
        <v>45419</v>
      </c>
      <c r="F97498" s="14" t="s">
        <v>15</v>
      </c>
      <c r="G97498" s="16">
        <v>0</v>
      </c>
    </row>
    <row r="97499" spans="1:7" x14ac:dyDescent="0.3">
      <c r="A97499" s="13" t="s">
        <v>483</v>
      </c>
      <c r="B97499" s="14" t="s">
        <v>1</v>
      </c>
      <c r="C97499" s="14" t="s">
        <v>47</v>
      </c>
      <c r="D97499" s="14" t="s">
        <v>81</v>
      </c>
      <c r="E97499" s="15">
        <v>45420</v>
      </c>
      <c r="F97499" s="14" t="s">
        <v>15</v>
      </c>
      <c r="G97499" s="16">
        <v>0</v>
      </c>
    </row>
    <row r="97500" spans="1:7" x14ac:dyDescent="0.3">
      <c r="A97500" s="13" t="s">
        <v>483</v>
      </c>
      <c r="B97500" s="14" t="s">
        <v>1</v>
      </c>
      <c r="C97500" s="14" t="s">
        <v>47</v>
      </c>
      <c r="D97500" s="14" t="s">
        <v>81</v>
      </c>
      <c r="E97500" s="15">
        <v>45421</v>
      </c>
      <c r="F97500" s="14" t="s">
        <v>15</v>
      </c>
      <c r="G97500" s="16">
        <v>0</v>
      </c>
    </row>
    <row r="97501" spans="1:7" x14ac:dyDescent="0.3">
      <c r="A97501" s="13" t="s">
        <v>483</v>
      </c>
      <c r="B97501" s="14" t="s">
        <v>1</v>
      </c>
      <c r="C97501" s="14" t="s">
        <v>47</v>
      </c>
      <c r="D97501" s="14" t="s">
        <v>81</v>
      </c>
      <c r="E97501" s="15">
        <v>45422</v>
      </c>
      <c r="F97501" s="14" t="s">
        <v>15</v>
      </c>
      <c r="G97501" s="16">
        <v>0</v>
      </c>
    </row>
    <row r="97502" spans="1:7" x14ac:dyDescent="0.3">
      <c r="A97502" s="13" t="s">
        <v>483</v>
      </c>
      <c r="B97502" s="14" t="s">
        <v>1</v>
      </c>
      <c r="C97502" s="14" t="s">
        <v>47</v>
      </c>
      <c r="D97502" s="14" t="s">
        <v>81</v>
      </c>
      <c r="E97502" s="15">
        <v>45423</v>
      </c>
      <c r="F97502" s="14" t="s">
        <v>15</v>
      </c>
      <c r="G97502" s="16">
        <v>0</v>
      </c>
    </row>
    <row r="97503" spans="1:7" x14ac:dyDescent="0.3">
      <c r="A97503" s="13" t="s">
        <v>483</v>
      </c>
      <c r="B97503" s="14" t="s">
        <v>1</v>
      </c>
      <c r="C97503" s="14" t="s">
        <v>47</v>
      </c>
      <c r="D97503" s="14" t="s">
        <v>81</v>
      </c>
      <c r="E97503" s="15">
        <v>45424</v>
      </c>
      <c r="F97503" s="14" t="s">
        <v>15</v>
      </c>
      <c r="G97503" s="16">
        <v>0</v>
      </c>
    </row>
    <row r="97504" spans="1:7" x14ac:dyDescent="0.3">
      <c r="A97504" s="13" t="s">
        <v>483</v>
      </c>
      <c r="B97504" s="14" t="s">
        <v>1</v>
      </c>
      <c r="C97504" s="14" t="s">
        <v>47</v>
      </c>
      <c r="D97504" s="14" t="s">
        <v>81</v>
      </c>
      <c r="E97504" s="15">
        <v>45425</v>
      </c>
      <c r="F97504" s="14" t="s">
        <v>15</v>
      </c>
      <c r="G97504" s="16">
        <v>0</v>
      </c>
    </row>
    <row r="97505" spans="1:7" x14ac:dyDescent="0.3">
      <c r="A97505" s="13" t="s">
        <v>483</v>
      </c>
      <c r="B97505" s="14" t="s">
        <v>1</v>
      </c>
      <c r="C97505" s="14" t="s">
        <v>47</v>
      </c>
      <c r="D97505" s="14" t="s">
        <v>81</v>
      </c>
      <c r="E97505" s="15">
        <v>45426</v>
      </c>
      <c r="F97505" s="14" t="s">
        <v>15</v>
      </c>
      <c r="G97505" s="16">
        <v>0</v>
      </c>
    </row>
    <row r="97506" spans="1:7" x14ac:dyDescent="0.3">
      <c r="A97506" s="13" t="s">
        <v>483</v>
      </c>
      <c r="B97506" s="14" t="s">
        <v>1</v>
      </c>
      <c r="C97506" s="14" t="s">
        <v>47</v>
      </c>
      <c r="D97506" s="14" t="s">
        <v>81</v>
      </c>
      <c r="E97506" s="15">
        <v>45427</v>
      </c>
      <c r="F97506" s="14" t="s">
        <v>15</v>
      </c>
      <c r="G97506" s="16">
        <v>0</v>
      </c>
    </row>
    <row r="97507" spans="1:7" x14ac:dyDescent="0.3">
      <c r="A97507" s="13" t="s">
        <v>483</v>
      </c>
      <c r="B97507" s="14" t="s">
        <v>1</v>
      </c>
      <c r="C97507" s="14" t="s">
        <v>47</v>
      </c>
      <c r="D97507" s="14" t="s">
        <v>81</v>
      </c>
      <c r="E97507" s="15">
        <v>45428</v>
      </c>
      <c r="F97507" s="14" t="s">
        <v>15</v>
      </c>
      <c r="G97507" s="16">
        <v>0</v>
      </c>
    </row>
    <row r="97508" spans="1:7" x14ac:dyDescent="0.3">
      <c r="A97508" s="13" t="s">
        <v>483</v>
      </c>
      <c r="B97508" s="14" t="s">
        <v>1</v>
      </c>
      <c r="C97508" s="14" t="s">
        <v>47</v>
      </c>
      <c r="D97508" s="14" t="s">
        <v>81</v>
      </c>
      <c r="E97508" s="15">
        <v>45429</v>
      </c>
      <c r="F97508" s="14" t="s">
        <v>15</v>
      </c>
      <c r="G97508" s="16">
        <v>0</v>
      </c>
    </row>
    <row r="97509" spans="1:7" x14ac:dyDescent="0.3">
      <c r="A97509" s="13" t="s">
        <v>483</v>
      </c>
      <c r="B97509" s="14" t="s">
        <v>1</v>
      </c>
      <c r="C97509" s="14" t="s">
        <v>47</v>
      </c>
      <c r="D97509" s="14" t="s">
        <v>81</v>
      </c>
      <c r="E97509" s="15">
        <v>45430</v>
      </c>
      <c r="F97509" s="14" t="s">
        <v>15</v>
      </c>
      <c r="G97509" s="16">
        <v>0</v>
      </c>
    </row>
    <row r="97510" spans="1:7" x14ac:dyDescent="0.3">
      <c r="A97510" s="13" t="s">
        <v>483</v>
      </c>
      <c r="B97510" s="14" t="s">
        <v>1</v>
      </c>
      <c r="C97510" s="14" t="s">
        <v>47</v>
      </c>
      <c r="D97510" s="14" t="s">
        <v>81</v>
      </c>
      <c r="E97510" s="15">
        <v>45431</v>
      </c>
      <c r="F97510" s="14" t="s">
        <v>15</v>
      </c>
      <c r="G97510" s="16">
        <v>0</v>
      </c>
    </row>
    <row r="97511" spans="1:7" x14ac:dyDescent="0.3">
      <c r="A97511" s="13" t="s">
        <v>483</v>
      </c>
      <c r="B97511" s="14" t="s">
        <v>1</v>
      </c>
      <c r="C97511" s="14" t="s">
        <v>47</v>
      </c>
      <c r="D97511" s="14" t="s">
        <v>81</v>
      </c>
      <c r="E97511" s="15">
        <v>45432</v>
      </c>
      <c r="F97511" s="14" t="s">
        <v>15</v>
      </c>
      <c r="G97511" s="16">
        <v>0</v>
      </c>
    </row>
    <row r="97512" spans="1:7" x14ac:dyDescent="0.3">
      <c r="A97512" s="13" t="s">
        <v>483</v>
      </c>
      <c r="B97512" s="14" t="s">
        <v>1</v>
      </c>
      <c r="C97512" s="14" t="s">
        <v>47</v>
      </c>
      <c r="D97512" s="14" t="s">
        <v>81</v>
      </c>
      <c r="E97512" s="15">
        <v>45433</v>
      </c>
      <c r="F97512" s="14" t="s">
        <v>15</v>
      </c>
      <c r="G97512" s="16">
        <v>0</v>
      </c>
    </row>
    <row r="97513" spans="1:7" x14ac:dyDescent="0.3">
      <c r="A97513" s="13" t="s">
        <v>483</v>
      </c>
      <c r="B97513" s="14" t="s">
        <v>1</v>
      </c>
      <c r="C97513" s="14" t="s">
        <v>47</v>
      </c>
      <c r="D97513" s="14" t="s">
        <v>81</v>
      </c>
      <c r="E97513" s="15">
        <v>45434</v>
      </c>
      <c r="F97513" s="14" t="s">
        <v>15</v>
      </c>
      <c r="G97513" s="16">
        <v>0</v>
      </c>
    </row>
    <row r="97514" spans="1:7" x14ac:dyDescent="0.3">
      <c r="A97514" s="13" t="s">
        <v>483</v>
      </c>
      <c r="B97514" s="14" t="s">
        <v>1</v>
      </c>
      <c r="C97514" s="14" t="s">
        <v>47</v>
      </c>
      <c r="D97514" s="14" t="s">
        <v>81</v>
      </c>
      <c r="E97514" s="15">
        <v>45435</v>
      </c>
      <c r="F97514" s="14" t="s">
        <v>15</v>
      </c>
      <c r="G97514" s="16">
        <v>0</v>
      </c>
    </row>
    <row r="97515" spans="1:7" x14ac:dyDescent="0.3">
      <c r="A97515" s="13" t="s">
        <v>483</v>
      </c>
      <c r="B97515" s="14" t="s">
        <v>1</v>
      </c>
      <c r="C97515" s="14" t="s">
        <v>47</v>
      </c>
      <c r="D97515" s="14" t="s">
        <v>81</v>
      </c>
      <c r="E97515" s="15">
        <v>45436</v>
      </c>
      <c r="F97515" s="14" t="s">
        <v>15</v>
      </c>
      <c r="G97515" s="16">
        <v>0</v>
      </c>
    </row>
    <row r="97516" spans="1:7" x14ac:dyDescent="0.3">
      <c r="A97516" s="13" t="s">
        <v>483</v>
      </c>
      <c r="B97516" s="14" t="s">
        <v>1</v>
      </c>
      <c r="C97516" s="14" t="s">
        <v>47</v>
      </c>
      <c r="D97516" s="14" t="s">
        <v>81</v>
      </c>
      <c r="E97516" s="15">
        <v>45437</v>
      </c>
      <c r="F97516" s="14" t="s">
        <v>15</v>
      </c>
      <c r="G97516" s="16">
        <v>0</v>
      </c>
    </row>
    <row r="97517" spans="1:7" x14ac:dyDescent="0.3">
      <c r="A97517" s="13" t="s">
        <v>483</v>
      </c>
      <c r="B97517" s="14" t="s">
        <v>1</v>
      </c>
      <c r="C97517" s="14" t="s">
        <v>47</v>
      </c>
      <c r="D97517" s="14" t="s">
        <v>81</v>
      </c>
      <c r="E97517" s="15">
        <v>45438</v>
      </c>
      <c r="F97517" s="14" t="s">
        <v>15</v>
      </c>
      <c r="G97517" s="16">
        <v>0</v>
      </c>
    </row>
    <row r="97518" spans="1:7" x14ac:dyDescent="0.3">
      <c r="A97518" s="13" t="s">
        <v>483</v>
      </c>
      <c r="B97518" s="14" t="s">
        <v>1</v>
      </c>
      <c r="C97518" s="14" t="s">
        <v>47</v>
      </c>
      <c r="D97518" s="14" t="s">
        <v>81</v>
      </c>
      <c r="E97518" s="15">
        <v>45439</v>
      </c>
      <c r="F97518" s="14" t="s">
        <v>15</v>
      </c>
      <c r="G97518" s="16">
        <v>0</v>
      </c>
    </row>
    <row r="97519" spans="1:7" x14ac:dyDescent="0.3">
      <c r="A97519" s="13" t="s">
        <v>483</v>
      </c>
      <c r="B97519" s="14" t="s">
        <v>1</v>
      </c>
      <c r="C97519" s="14" t="s">
        <v>47</v>
      </c>
      <c r="D97519" s="14" t="s">
        <v>81</v>
      </c>
      <c r="E97519" s="15">
        <v>45440</v>
      </c>
      <c r="F97519" s="14" t="s">
        <v>15</v>
      </c>
      <c r="G97519" s="16">
        <v>0</v>
      </c>
    </row>
    <row r="97520" spans="1:7" x14ac:dyDescent="0.3">
      <c r="A97520" s="13" t="s">
        <v>483</v>
      </c>
      <c r="B97520" s="14" t="s">
        <v>1</v>
      </c>
      <c r="C97520" s="14" t="s">
        <v>47</v>
      </c>
      <c r="D97520" s="14" t="s">
        <v>81</v>
      </c>
      <c r="E97520" s="15">
        <v>45441</v>
      </c>
      <c r="F97520" s="14" t="s">
        <v>15</v>
      </c>
      <c r="G97520" s="16">
        <v>0</v>
      </c>
    </row>
    <row r="97521" spans="1:7" x14ac:dyDescent="0.3">
      <c r="A97521" s="13" t="s">
        <v>483</v>
      </c>
      <c r="B97521" s="14" t="s">
        <v>1</v>
      </c>
      <c r="C97521" s="14" t="s">
        <v>47</v>
      </c>
      <c r="D97521" s="14" t="s">
        <v>81</v>
      </c>
      <c r="E97521" s="15">
        <v>45442</v>
      </c>
      <c r="F97521" s="14" t="s">
        <v>15</v>
      </c>
      <c r="G97521" s="16">
        <v>1.103723620150872E-2</v>
      </c>
    </row>
    <row r="97522" spans="1:7" x14ac:dyDescent="0.3">
      <c r="A97522" s="13" t="s">
        <v>483</v>
      </c>
      <c r="B97522" s="14" t="s">
        <v>1</v>
      </c>
      <c r="C97522" s="14" t="s">
        <v>47</v>
      </c>
      <c r="D97522" s="14" t="s">
        <v>81</v>
      </c>
      <c r="E97522" s="15">
        <v>45443</v>
      </c>
      <c r="F97522" s="14" t="s">
        <v>15</v>
      </c>
      <c r="G97522" s="16">
        <v>7.0943200605292538E-3</v>
      </c>
    </row>
    <row r="97523" spans="1:7" x14ac:dyDescent="0.3">
      <c r="A97523" s="13" t="s">
        <v>483</v>
      </c>
      <c r="B97523" s="14" t="s">
        <v>1</v>
      </c>
      <c r="C97523" s="14" t="s">
        <v>47</v>
      </c>
      <c r="D97523" s="14" t="s">
        <v>81</v>
      </c>
      <c r="E97523" s="15">
        <v>45444</v>
      </c>
      <c r="F97523" s="14" t="s">
        <v>15</v>
      </c>
      <c r="G97523" s="16">
        <v>7.0943200605292538E-3</v>
      </c>
    </row>
    <row r="97524" spans="1:7" x14ac:dyDescent="0.3">
      <c r="A97524" s="13" t="s">
        <v>483</v>
      </c>
      <c r="B97524" s="14" t="s">
        <v>1</v>
      </c>
      <c r="C97524" s="14" t="s">
        <v>47</v>
      </c>
      <c r="D97524" s="14" t="s">
        <v>81</v>
      </c>
      <c r="E97524" s="15">
        <v>45445</v>
      </c>
      <c r="F97524" s="14" t="s">
        <v>15</v>
      </c>
      <c r="G97524" s="16">
        <v>7.0943200605292538E-3</v>
      </c>
    </row>
    <row r="97525" spans="1:7" x14ac:dyDescent="0.3">
      <c r="A97525" s="13" t="s">
        <v>483</v>
      </c>
      <c r="B97525" s="14" t="s">
        <v>1</v>
      </c>
      <c r="C97525" s="14" t="s">
        <v>47</v>
      </c>
      <c r="D97525" s="14" t="s">
        <v>81</v>
      </c>
      <c r="E97525" s="15">
        <v>45446</v>
      </c>
      <c r="F97525" s="14" t="s">
        <v>15</v>
      </c>
      <c r="G97525" s="16">
        <v>7.0943200605292538E-3</v>
      </c>
    </row>
    <row r="97526" spans="1:7" x14ac:dyDescent="0.3">
      <c r="A97526" s="13" t="s">
        <v>483</v>
      </c>
      <c r="B97526" s="14" t="s">
        <v>1</v>
      </c>
      <c r="C97526" s="14" t="s">
        <v>47</v>
      </c>
      <c r="D97526" s="14" t="s">
        <v>81</v>
      </c>
      <c r="E97526" s="15">
        <v>45447</v>
      </c>
      <c r="F97526" s="14" t="s">
        <v>15</v>
      </c>
      <c r="G97526" s="16">
        <v>3.112872981481702E-2</v>
      </c>
    </row>
    <row r="97527" spans="1:7" x14ac:dyDescent="0.3">
      <c r="A97527" s="13" t="s">
        <v>483</v>
      </c>
      <c r="B97527" s="14" t="s">
        <v>1</v>
      </c>
      <c r="C97527" s="14" t="s">
        <v>47</v>
      </c>
      <c r="D97527" s="14" t="s">
        <v>81</v>
      </c>
      <c r="E97527" s="15">
        <v>45448</v>
      </c>
      <c r="F97527" s="14" t="s">
        <v>15</v>
      </c>
      <c r="G97527" s="16">
        <v>4.3607983909576264E-2</v>
      </c>
    </row>
    <row r="97528" spans="1:7" x14ac:dyDescent="0.3">
      <c r="A97528" s="13" t="s">
        <v>483</v>
      </c>
      <c r="B97528" s="14" t="s">
        <v>1</v>
      </c>
      <c r="C97528" s="14" t="s">
        <v>47</v>
      </c>
      <c r="D97528" s="14" t="s">
        <v>81</v>
      </c>
      <c r="E97528" s="15">
        <v>45449</v>
      </c>
      <c r="F97528" s="14" t="s">
        <v>15</v>
      </c>
      <c r="G97528" s="16">
        <v>3.9706097100970381E-2</v>
      </c>
    </row>
    <row r="97529" spans="1:7" x14ac:dyDescent="0.3">
      <c r="A97529" s="13" t="s">
        <v>483</v>
      </c>
      <c r="B97529" s="14" t="s">
        <v>1</v>
      </c>
      <c r="C97529" s="14" t="s">
        <v>47</v>
      </c>
      <c r="D97529" s="14" t="s">
        <v>81</v>
      </c>
      <c r="E97529" s="15">
        <v>45450</v>
      </c>
      <c r="F97529" s="14" t="s">
        <v>15</v>
      </c>
      <c r="G97529" s="16">
        <v>3.5723591253314653E-2</v>
      </c>
    </row>
    <row r="97530" spans="1:7" x14ac:dyDescent="0.3">
      <c r="A97530" s="13" t="s">
        <v>483</v>
      </c>
      <c r="B97530" s="14" t="s">
        <v>1</v>
      </c>
      <c r="C97530" s="14" t="s">
        <v>47</v>
      </c>
      <c r="D97530" s="14" t="s">
        <v>81</v>
      </c>
      <c r="E97530" s="15">
        <v>45451</v>
      </c>
      <c r="F97530" s="14" t="s">
        <v>15</v>
      </c>
      <c r="G97530" s="16">
        <v>3.5723591253314653E-2</v>
      </c>
    </row>
    <row r="97531" spans="1:7" x14ac:dyDescent="0.3">
      <c r="A97531" s="13" t="s">
        <v>483</v>
      </c>
      <c r="B97531" s="14" t="s">
        <v>1</v>
      </c>
      <c r="C97531" s="14" t="s">
        <v>47</v>
      </c>
      <c r="D97531" s="14" t="s">
        <v>81</v>
      </c>
      <c r="E97531" s="15">
        <v>45452</v>
      </c>
      <c r="F97531" s="14" t="s">
        <v>15</v>
      </c>
      <c r="G97531" s="16">
        <v>3.5723591253314653E-2</v>
      </c>
    </row>
    <row r="97532" spans="1:7" x14ac:dyDescent="0.3">
      <c r="A97532" s="13" t="s">
        <v>483</v>
      </c>
      <c r="B97532" s="14" t="s">
        <v>1</v>
      </c>
      <c r="C97532" s="14" t="s">
        <v>47</v>
      </c>
      <c r="D97532" s="14" t="s">
        <v>81</v>
      </c>
      <c r="E97532" s="15">
        <v>45453</v>
      </c>
      <c r="F97532" s="14" t="s">
        <v>15</v>
      </c>
      <c r="G97532" s="16">
        <v>3.1762319884694371E-2</v>
      </c>
    </row>
    <row r="97533" spans="1:7" x14ac:dyDescent="0.3">
      <c r="A97533" s="13" t="s">
        <v>483</v>
      </c>
      <c r="B97533" s="14" t="s">
        <v>1</v>
      </c>
      <c r="C97533" s="14" t="s">
        <v>47</v>
      </c>
      <c r="D97533" s="14" t="s">
        <v>81</v>
      </c>
      <c r="E97533" s="15">
        <v>45454</v>
      </c>
      <c r="F97533" s="14" t="s">
        <v>15</v>
      </c>
      <c r="G97533" s="16">
        <v>1.9968405003387389E-2</v>
      </c>
    </row>
    <row r="97534" spans="1:7" x14ac:dyDescent="0.3">
      <c r="A97534" s="13" t="s">
        <v>483</v>
      </c>
      <c r="B97534" s="14" t="s">
        <v>1</v>
      </c>
      <c r="C97534" s="14" t="s">
        <v>47</v>
      </c>
      <c r="D97534" s="14" t="s">
        <v>81</v>
      </c>
      <c r="E97534" s="15">
        <v>45455</v>
      </c>
      <c r="F97534" s="14" t="s">
        <v>15</v>
      </c>
      <c r="G97534" s="16">
        <v>1.6018290733921327E-2</v>
      </c>
    </row>
    <row r="97535" spans="1:7" x14ac:dyDescent="0.3">
      <c r="A97535" s="13" t="s">
        <v>483</v>
      </c>
      <c r="B97535" s="14" t="s">
        <v>1</v>
      </c>
      <c r="C97535" s="14" t="s">
        <v>47</v>
      </c>
      <c r="D97535" s="14" t="s">
        <v>81</v>
      </c>
      <c r="E97535" s="15">
        <v>45456</v>
      </c>
      <c r="F97535" s="14" t="s">
        <v>15</v>
      </c>
      <c r="G97535" s="16">
        <v>4.3645286415867908E-2</v>
      </c>
    </row>
    <row r="97536" spans="1:7" x14ac:dyDescent="0.3">
      <c r="A97536" s="13" t="s">
        <v>483</v>
      </c>
      <c r="B97536" s="14" t="s">
        <v>1</v>
      </c>
      <c r="C97536" s="14" t="s">
        <v>47</v>
      </c>
      <c r="D97536" s="14" t="s">
        <v>81</v>
      </c>
      <c r="E97536" s="15">
        <v>45457</v>
      </c>
      <c r="F97536" s="14" t="s">
        <v>15</v>
      </c>
      <c r="G97536" s="16">
        <v>4.5997853449263104E-2</v>
      </c>
    </row>
    <row r="97537" spans="1:7" x14ac:dyDescent="0.3">
      <c r="A97537" s="13" t="s">
        <v>483</v>
      </c>
      <c r="B97537" s="14" t="s">
        <v>1</v>
      </c>
      <c r="C97537" s="14" t="s">
        <v>47</v>
      </c>
      <c r="D97537" s="14" t="s">
        <v>81</v>
      </c>
      <c r="E97537" s="15">
        <v>45458</v>
      </c>
      <c r="F97537" s="14" t="s">
        <v>15</v>
      </c>
      <c r="G97537" s="16">
        <v>4.5997853449263104E-2</v>
      </c>
    </row>
    <row r="97538" spans="1:7" x14ac:dyDescent="0.3">
      <c r="A97538" s="13" t="s">
        <v>483</v>
      </c>
      <c r="B97538" s="14" t="s">
        <v>1</v>
      </c>
      <c r="C97538" s="14" t="s">
        <v>47</v>
      </c>
      <c r="D97538" s="14" t="s">
        <v>81</v>
      </c>
      <c r="E97538" s="15">
        <v>45459</v>
      </c>
      <c r="F97538" s="14" t="s">
        <v>15</v>
      </c>
      <c r="G97538" s="16">
        <v>4.5997853449263104E-2</v>
      </c>
    </row>
    <row r="97539" spans="1:7" x14ac:dyDescent="0.3">
      <c r="A97539" s="13" t="s">
        <v>483</v>
      </c>
      <c r="B97539" s="14" t="s">
        <v>1</v>
      </c>
      <c r="C97539" s="14" t="s">
        <v>47</v>
      </c>
      <c r="D97539" s="14" t="s">
        <v>81</v>
      </c>
      <c r="E97539" s="15">
        <v>45460</v>
      </c>
      <c r="F97539" s="14" t="s">
        <v>15</v>
      </c>
      <c r="G97539" s="16">
        <v>4.3131417423453694E-2</v>
      </c>
    </row>
    <row r="97540" spans="1:7" x14ac:dyDescent="0.3">
      <c r="A97540" s="13" t="s">
        <v>483</v>
      </c>
      <c r="B97540" s="14" t="s">
        <v>1</v>
      </c>
      <c r="C97540" s="14" t="s">
        <v>47</v>
      </c>
      <c r="D97540" s="14" t="s">
        <v>81</v>
      </c>
      <c r="E97540" s="15">
        <v>45461</v>
      </c>
      <c r="F97540" s="14" t="s">
        <v>15</v>
      </c>
      <c r="G97540" s="16">
        <v>3.8947363978173347E-2</v>
      </c>
    </row>
    <row r="97541" spans="1:7" x14ac:dyDescent="0.3">
      <c r="A97541" s="13" t="s">
        <v>483</v>
      </c>
      <c r="B97541" s="14" t="s">
        <v>1</v>
      </c>
      <c r="C97541" s="14" t="s">
        <v>47</v>
      </c>
      <c r="D97541" s="14" t="s">
        <v>81</v>
      </c>
      <c r="E97541" s="15">
        <v>45462</v>
      </c>
      <c r="F97541" s="14" t="s">
        <v>15</v>
      </c>
      <c r="G97541" s="16">
        <v>3.8947363978173347E-2</v>
      </c>
    </row>
    <row r="97542" spans="1:7" x14ac:dyDescent="0.3">
      <c r="A97542" s="13" t="s">
        <v>483</v>
      </c>
      <c r="B97542" s="14" t="s">
        <v>1</v>
      </c>
      <c r="C97542" s="14" t="s">
        <v>47</v>
      </c>
      <c r="D97542" s="14" t="s">
        <v>81</v>
      </c>
      <c r="E97542" s="15">
        <v>45463</v>
      </c>
      <c r="F97542" s="14" t="s">
        <v>15</v>
      </c>
      <c r="G97542" s="16">
        <v>7.446782735851834E-2</v>
      </c>
    </row>
    <row r="97543" spans="1:7" x14ac:dyDescent="0.3">
      <c r="A97543" s="13" t="s">
        <v>483</v>
      </c>
      <c r="B97543" s="14" t="s">
        <v>1</v>
      </c>
      <c r="C97543" s="14" t="s">
        <v>47</v>
      </c>
      <c r="D97543" s="14" t="s">
        <v>81</v>
      </c>
      <c r="E97543" s="15">
        <v>45464</v>
      </c>
      <c r="F97543" s="14" t="s">
        <v>15</v>
      </c>
      <c r="G97543" s="16">
        <v>6.6566300456336783E-2</v>
      </c>
    </row>
    <row r="97544" spans="1:7" x14ac:dyDescent="0.3">
      <c r="A97544" s="13" t="s">
        <v>483</v>
      </c>
      <c r="B97544" s="14" t="s">
        <v>1</v>
      </c>
      <c r="C97544" s="14" t="s">
        <v>47</v>
      </c>
      <c r="D97544" s="14" t="s">
        <v>81</v>
      </c>
      <c r="E97544" s="15">
        <v>45465</v>
      </c>
      <c r="F97544" s="14" t="s">
        <v>15</v>
      </c>
      <c r="G97544" s="16">
        <v>6.6566300456336783E-2</v>
      </c>
    </row>
    <row r="97545" spans="1:7" x14ac:dyDescent="0.3">
      <c r="A97545" s="13" t="s">
        <v>483</v>
      </c>
      <c r="B97545" s="14" t="s">
        <v>1</v>
      </c>
      <c r="C97545" s="14" t="s">
        <v>47</v>
      </c>
      <c r="D97545" s="14" t="s">
        <v>81</v>
      </c>
      <c r="E97545" s="15">
        <v>45466</v>
      </c>
      <c r="F97545" s="14" t="s">
        <v>15</v>
      </c>
      <c r="G97545" s="16">
        <v>6.6566300456336783E-2</v>
      </c>
    </row>
    <row r="97546" spans="1:7" x14ac:dyDescent="0.3">
      <c r="A97546" s="13" t="s">
        <v>483</v>
      </c>
      <c r="B97546" s="14" t="s">
        <v>1</v>
      </c>
      <c r="C97546" s="14" t="s">
        <v>47</v>
      </c>
      <c r="D97546" s="14" t="s">
        <v>81</v>
      </c>
      <c r="E97546" s="15">
        <v>45467</v>
      </c>
      <c r="F97546" s="14" t="s">
        <v>15</v>
      </c>
      <c r="G97546" s="16">
        <v>6.5678253909951856E-2</v>
      </c>
    </row>
    <row r="97547" spans="1:7" x14ac:dyDescent="0.3">
      <c r="A97547" s="13" t="s">
        <v>483</v>
      </c>
      <c r="B97547" s="14" t="s">
        <v>1</v>
      </c>
      <c r="C97547" s="14" t="s">
        <v>47</v>
      </c>
      <c r="D97547" s="14" t="s">
        <v>81</v>
      </c>
      <c r="E97547" s="15">
        <v>45468</v>
      </c>
      <c r="F97547" s="14" t="s">
        <v>15</v>
      </c>
      <c r="G97547" s="16">
        <v>5.7162938004545083E-2</v>
      </c>
    </row>
    <row r="97548" spans="1:7" x14ac:dyDescent="0.3">
      <c r="A97548" s="13" t="s">
        <v>483</v>
      </c>
      <c r="B97548" s="14" t="s">
        <v>1</v>
      </c>
      <c r="C97548" s="14" t="s">
        <v>47</v>
      </c>
      <c r="D97548" s="14" t="s">
        <v>81</v>
      </c>
      <c r="E97548" s="15">
        <v>45469</v>
      </c>
      <c r="F97548" s="14" t="s">
        <v>15</v>
      </c>
      <c r="G97548" s="16">
        <v>5.3326392013921559E-2</v>
      </c>
    </row>
    <row r="97549" spans="1:7" x14ac:dyDescent="0.3">
      <c r="A97549" s="13" t="s">
        <v>483</v>
      </c>
      <c r="B97549" s="14" t="s">
        <v>1</v>
      </c>
      <c r="C97549" s="14" t="s">
        <v>47</v>
      </c>
      <c r="D97549" s="14" t="s">
        <v>81</v>
      </c>
      <c r="E97549" s="15">
        <v>45470</v>
      </c>
      <c r="F97549" s="14" t="s">
        <v>15</v>
      </c>
      <c r="G97549" s="16">
        <v>4.9498738205587769E-2</v>
      </c>
    </row>
    <row r="97550" spans="1:7" x14ac:dyDescent="0.3">
      <c r="A97550" s="13" t="s">
        <v>483</v>
      </c>
      <c r="B97550" s="14" t="s">
        <v>1</v>
      </c>
      <c r="C97550" s="14" t="s">
        <v>47</v>
      </c>
      <c r="D97550" s="14" t="s">
        <v>81</v>
      </c>
      <c r="E97550" s="15">
        <v>45471</v>
      </c>
      <c r="F97550" s="14" t="s">
        <v>15</v>
      </c>
      <c r="G97550" s="16">
        <v>4.567923556435291E-2</v>
      </c>
    </row>
    <row r="97551" spans="1:7" x14ac:dyDescent="0.3">
      <c r="A97551" s="13" t="s">
        <v>483</v>
      </c>
      <c r="B97551" s="14" t="s">
        <v>1</v>
      </c>
      <c r="C97551" s="14" t="s">
        <v>47</v>
      </c>
      <c r="D97551" s="14" t="s">
        <v>81</v>
      </c>
      <c r="E97551" s="15">
        <v>45472</v>
      </c>
      <c r="F97551" s="14" t="s">
        <v>15</v>
      </c>
      <c r="G97551" s="16">
        <v>4.567923556435291E-2</v>
      </c>
    </row>
    <row r="97552" spans="1:7" x14ac:dyDescent="0.3">
      <c r="A97552" s="13" t="s">
        <v>483</v>
      </c>
      <c r="B97552" s="14" t="s">
        <v>1</v>
      </c>
      <c r="C97552" s="14" t="s">
        <v>47</v>
      </c>
      <c r="D97552" s="14" t="s">
        <v>81</v>
      </c>
      <c r="E97552" s="15">
        <v>45473</v>
      </c>
      <c r="F97552" s="14" t="s">
        <v>15</v>
      </c>
      <c r="G97552" s="16">
        <v>4.567923556435291E-2</v>
      </c>
    </row>
    <row r="97553" spans="1:7" x14ac:dyDescent="0.3">
      <c r="A97553" s="13" t="s">
        <v>483</v>
      </c>
      <c r="B97553" s="14" t="s">
        <v>1</v>
      </c>
      <c r="C97553" s="14" t="s">
        <v>47</v>
      </c>
      <c r="D97553" s="14" t="s">
        <v>81</v>
      </c>
      <c r="E97553" s="15">
        <v>45474</v>
      </c>
      <c r="F97553" s="14" t="s">
        <v>15</v>
      </c>
      <c r="G97553" s="16">
        <v>5.099756174860897E-2</v>
      </c>
    </row>
    <row r="97554" spans="1:7" x14ac:dyDescent="0.3">
      <c r="A97554" s="13" t="s">
        <v>483</v>
      </c>
      <c r="B97554" s="14" t="s">
        <v>1</v>
      </c>
      <c r="C97554" s="14" t="s">
        <v>47</v>
      </c>
      <c r="D97554" s="14" t="s">
        <v>81</v>
      </c>
      <c r="E97554" s="15">
        <v>45475</v>
      </c>
      <c r="F97554" s="14" t="s">
        <v>15</v>
      </c>
      <c r="G97554" s="16">
        <v>4.0859793082920606E-2</v>
      </c>
    </row>
    <row r="97555" spans="1:7" x14ac:dyDescent="0.3">
      <c r="A97555" s="13" t="s">
        <v>483</v>
      </c>
      <c r="B97555" s="14" t="s">
        <v>1</v>
      </c>
      <c r="C97555" s="14" t="s">
        <v>47</v>
      </c>
      <c r="D97555" s="14" t="s">
        <v>81</v>
      </c>
      <c r="E97555" s="15">
        <v>45476</v>
      </c>
      <c r="F97555" s="14" t="s">
        <v>15</v>
      </c>
      <c r="G97555" s="16">
        <v>4.8196644646946951E-2</v>
      </c>
    </row>
    <row r="97556" spans="1:7" x14ac:dyDescent="0.3">
      <c r="A97556" s="13" t="s">
        <v>483</v>
      </c>
      <c r="B97556" s="14" t="s">
        <v>1</v>
      </c>
      <c r="C97556" s="14" t="s">
        <v>47</v>
      </c>
      <c r="D97556" s="14" t="s">
        <v>81</v>
      </c>
      <c r="E97556" s="15">
        <v>45477</v>
      </c>
      <c r="F97556" s="14" t="s">
        <v>15</v>
      </c>
      <c r="G97556" s="16">
        <v>4.8196644646946951E-2</v>
      </c>
    </row>
    <row r="97557" spans="1:7" x14ac:dyDescent="0.3">
      <c r="A97557" s="13" t="s">
        <v>483</v>
      </c>
      <c r="B97557" s="14" t="s">
        <v>1</v>
      </c>
      <c r="C97557" s="14" t="s">
        <v>47</v>
      </c>
      <c r="D97557" s="14" t="s">
        <v>81</v>
      </c>
      <c r="E97557" s="15">
        <v>45478</v>
      </c>
      <c r="F97557" s="14" t="s">
        <v>15</v>
      </c>
      <c r="G97557" s="16">
        <v>4.4375659975330467E-2</v>
      </c>
    </row>
    <row r="97558" spans="1:7" x14ac:dyDescent="0.3">
      <c r="A97558" s="13" t="s">
        <v>483</v>
      </c>
      <c r="B97558" s="14" t="s">
        <v>1</v>
      </c>
      <c r="C97558" s="14" t="s">
        <v>47</v>
      </c>
      <c r="D97558" s="14" t="s">
        <v>81</v>
      </c>
      <c r="E97558" s="15">
        <v>45479</v>
      </c>
      <c r="F97558" s="14" t="s">
        <v>15</v>
      </c>
      <c r="G97558" s="16">
        <v>4.4375659975330467E-2</v>
      </c>
    </row>
    <row r="97559" spans="1:7" x14ac:dyDescent="0.3">
      <c r="A97559" s="13" t="s">
        <v>483</v>
      </c>
      <c r="B97559" s="14" t="s">
        <v>1</v>
      </c>
      <c r="C97559" s="14" t="s">
        <v>47</v>
      </c>
      <c r="D97559" s="14" t="s">
        <v>81</v>
      </c>
      <c r="E97559" s="15">
        <v>45480</v>
      </c>
      <c r="F97559" s="14" t="s">
        <v>15</v>
      </c>
      <c r="G97559" s="16">
        <v>4.4375659975330467E-2</v>
      </c>
    </row>
    <row r="97560" spans="1:7" x14ac:dyDescent="0.3">
      <c r="A97560" s="13" t="s">
        <v>483</v>
      </c>
      <c r="B97560" s="14" t="s">
        <v>1</v>
      </c>
      <c r="C97560" s="14" t="s">
        <v>47</v>
      </c>
      <c r="D97560" s="14" t="s">
        <v>81</v>
      </c>
      <c r="E97560" s="15">
        <v>45481</v>
      </c>
      <c r="F97560" s="14" t="s">
        <v>15</v>
      </c>
      <c r="G97560" s="16">
        <v>3.6610621950620245E-2</v>
      </c>
    </row>
    <row r="97561" spans="1:7" x14ac:dyDescent="0.3">
      <c r="A97561" s="13" t="s">
        <v>483</v>
      </c>
      <c r="B97561" s="14" t="s">
        <v>1</v>
      </c>
      <c r="C97561" s="14" t="s">
        <v>47</v>
      </c>
      <c r="D97561" s="14" t="s">
        <v>81</v>
      </c>
      <c r="E97561" s="15">
        <v>45482</v>
      </c>
      <c r="F97561" s="14" t="s">
        <v>15</v>
      </c>
      <c r="G97561" s="16">
        <v>2.4915980369037111E-2</v>
      </c>
    </row>
    <row r="97562" spans="1:7" x14ac:dyDescent="0.3">
      <c r="A97562" s="13" t="s">
        <v>483</v>
      </c>
      <c r="B97562" s="14" t="s">
        <v>1</v>
      </c>
      <c r="C97562" s="14" t="s">
        <v>47</v>
      </c>
      <c r="D97562" s="14" t="s">
        <v>81</v>
      </c>
      <c r="E97562" s="15">
        <v>45483</v>
      </c>
      <c r="F97562" s="14" t="s">
        <v>15</v>
      </c>
      <c r="G97562" s="16">
        <v>2.0978285804867828E-2</v>
      </c>
    </row>
    <row r="97563" spans="1:7" x14ac:dyDescent="0.3">
      <c r="A97563" s="13" t="s">
        <v>483</v>
      </c>
      <c r="B97563" s="14" t="s">
        <v>1</v>
      </c>
      <c r="C97563" s="14" t="s">
        <v>47</v>
      </c>
      <c r="D97563" s="14" t="s">
        <v>81</v>
      </c>
      <c r="E97563" s="15">
        <v>45484</v>
      </c>
      <c r="F97563" s="14" t="s">
        <v>15</v>
      </c>
      <c r="G97563" s="16">
        <v>1.7072454893903435E-2</v>
      </c>
    </row>
    <row r="97564" spans="1:7" x14ac:dyDescent="0.3">
      <c r="A97564" s="13" t="s">
        <v>483</v>
      </c>
      <c r="B97564" s="14" t="s">
        <v>1</v>
      </c>
      <c r="C97564" s="14" t="s">
        <v>47</v>
      </c>
      <c r="D97564" s="14" t="s">
        <v>81</v>
      </c>
      <c r="E97564" s="15">
        <v>45485</v>
      </c>
      <c r="F97564" s="14" t="s">
        <v>15</v>
      </c>
      <c r="G97564" s="16">
        <v>1.3109195305651159E-2</v>
      </c>
    </row>
    <row r="97565" spans="1:7" x14ac:dyDescent="0.3">
      <c r="A97565" s="13" t="s">
        <v>483</v>
      </c>
      <c r="B97565" s="14" t="s">
        <v>1</v>
      </c>
      <c r="C97565" s="14" t="s">
        <v>47</v>
      </c>
      <c r="D97565" s="14" t="s">
        <v>81</v>
      </c>
      <c r="E97565" s="15">
        <v>45486</v>
      </c>
      <c r="F97565" s="14" t="s">
        <v>15</v>
      </c>
      <c r="G97565" s="16">
        <v>1.3109195305651159E-2</v>
      </c>
    </row>
    <row r="97566" spans="1:7" x14ac:dyDescent="0.3">
      <c r="A97566" s="13" t="s">
        <v>483</v>
      </c>
      <c r="B97566" s="14" t="s">
        <v>1</v>
      </c>
      <c r="C97566" s="14" t="s">
        <v>47</v>
      </c>
      <c r="D97566" s="14" t="s">
        <v>81</v>
      </c>
      <c r="E97566" s="15">
        <v>45487</v>
      </c>
      <c r="F97566" s="14" t="s">
        <v>15</v>
      </c>
      <c r="G97566" s="16">
        <v>1.3109195305651159E-2</v>
      </c>
    </row>
    <row r="97567" spans="1:7" x14ac:dyDescent="0.3">
      <c r="A97567" s="13" t="s">
        <v>483</v>
      </c>
      <c r="B97567" s="14" t="s">
        <v>1</v>
      </c>
      <c r="C97567" s="14" t="s">
        <v>47</v>
      </c>
      <c r="D97567" s="14" t="s">
        <v>81</v>
      </c>
      <c r="E97567" s="15">
        <v>45488</v>
      </c>
      <c r="F97567" s="14" t="s">
        <v>15</v>
      </c>
      <c r="G97567" s="16">
        <v>1.2286358096057647E-2</v>
      </c>
    </row>
    <row r="97568" spans="1:7" x14ac:dyDescent="0.3">
      <c r="A97568" s="13" t="s">
        <v>483</v>
      </c>
      <c r="B97568" s="14" t="s">
        <v>1</v>
      </c>
      <c r="C97568" s="14" t="s">
        <v>47</v>
      </c>
      <c r="D97568" s="14" t="s">
        <v>81</v>
      </c>
      <c r="E97568" s="15">
        <v>45489</v>
      </c>
      <c r="F97568" s="14" t="s">
        <v>15</v>
      </c>
      <c r="G97568" s="16">
        <v>1.7820835862186618E-4</v>
      </c>
    </row>
    <row r="97569" spans="1:7" x14ac:dyDescent="0.3">
      <c r="A97569" s="13" t="s">
        <v>483</v>
      </c>
      <c r="B97569" s="14" t="s">
        <v>1</v>
      </c>
      <c r="C97569" s="14" t="s">
        <v>47</v>
      </c>
      <c r="D97569" s="14" t="s">
        <v>81</v>
      </c>
      <c r="E97569" s="15">
        <v>45490</v>
      </c>
      <c r="F97569" s="14" t="s">
        <v>15</v>
      </c>
      <c r="G97569" s="16">
        <v>0</v>
      </c>
    </row>
    <row r="97570" spans="1:7" x14ac:dyDescent="0.3">
      <c r="A97570" s="13" t="s">
        <v>483</v>
      </c>
      <c r="B97570" s="14" t="s">
        <v>1</v>
      </c>
      <c r="C97570" s="14" t="s">
        <v>47</v>
      </c>
      <c r="D97570" s="14" t="s">
        <v>81</v>
      </c>
      <c r="E97570" s="15">
        <v>45491</v>
      </c>
      <c r="F97570" s="14" t="s">
        <v>15</v>
      </c>
      <c r="G97570" s="16">
        <v>0</v>
      </c>
    </row>
    <row r="97571" spans="1:7" x14ac:dyDescent="0.3">
      <c r="A97571" s="13" t="s">
        <v>483</v>
      </c>
      <c r="B97571" s="14" t="s">
        <v>1</v>
      </c>
      <c r="C97571" s="14" t="s">
        <v>47</v>
      </c>
      <c r="D97571" s="14" t="s">
        <v>81</v>
      </c>
      <c r="E97571" s="15">
        <v>45492</v>
      </c>
      <c r="F97571" s="14" t="s">
        <v>15</v>
      </c>
      <c r="G97571" s="16">
        <v>0</v>
      </c>
    </row>
    <row r="97572" spans="1:7" x14ac:dyDescent="0.3">
      <c r="A97572" s="13" t="s">
        <v>483</v>
      </c>
      <c r="B97572" s="14" t="s">
        <v>1</v>
      </c>
      <c r="C97572" s="14" t="s">
        <v>47</v>
      </c>
      <c r="D97572" s="14" t="s">
        <v>81</v>
      </c>
      <c r="E97572" s="15">
        <v>45493</v>
      </c>
      <c r="F97572" s="14" t="s">
        <v>15</v>
      </c>
      <c r="G97572" s="16">
        <v>0</v>
      </c>
    </row>
    <row r="97573" spans="1:7" x14ac:dyDescent="0.3">
      <c r="A97573" s="13" t="s">
        <v>483</v>
      </c>
      <c r="B97573" s="14" t="s">
        <v>1</v>
      </c>
      <c r="C97573" s="14" t="s">
        <v>47</v>
      </c>
      <c r="D97573" s="14" t="s">
        <v>81</v>
      </c>
      <c r="E97573" s="15">
        <v>45494</v>
      </c>
      <c r="F97573" s="14" t="s">
        <v>15</v>
      </c>
      <c r="G97573" s="16">
        <v>0</v>
      </c>
    </row>
    <row r="97574" spans="1:7" x14ac:dyDescent="0.3">
      <c r="A97574" s="13" t="s">
        <v>483</v>
      </c>
      <c r="B97574" s="14" t="s">
        <v>1</v>
      </c>
      <c r="C97574" s="14" t="s">
        <v>47</v>
      </c>
      <c r="D97574" s="14" t="s">
        <v>81</v>
      </c>
      <c r="E97574" s="15">
        <v>45495</v>
      </c>
      <c r="F97574" s="14" t="s">
        <v>15</v>
      </c>
      <c r="G97574" s="16">
        <v>0</v>
      </c>
    </row>
    <row r="97575" spans="1:7" x14ac:dyDescent="0.3">
      <c r="A97575" s="13" t="s">
        <v>483</v>
      </c>
      <c r="B97575" s="14" t="s">
        <v>1</v>
      </c>
      <c r="C97575" s="14" t="s">
        <v>47</v>
      </c>
      <c r="D97575" s="14" t="s">
        <v>81</v>
      </c>
      <c r="E97575" s="15">
        <v>45496</v>
      </c>
      <c r="F97575" s="14" t="s">
        <v>15</v>
      </c>
      <c r="G97575" s="16">
        <v>0</v>
      </c>
    </row>
    <row r="97576" spans="1:7" x14ac:dyDescent="0.3">
      <c r="A97576" s="13" t="s">
        <v>483</v>
      </c>
      <c r="B97576" s="14" t="s">
        <v>1</v>
      </c>
      <c r="C97576" s="14" t="s">
        <v>47</v>
      </c>
      <c r="D97576" s="14" t="s">
        <v>81</v>
      </c>
      <c r="E97576" s="15">
        <v>45497</v>
      </c>
      <c r="F97576" s="14" t="s">
        <v>15</v>
      </c>
      <c r="G97576" s="16">
        <v>0</v>
      </c>
    </row>
    <row r="97577" spans="1:7" x14ac:dyDescent="0.3">
      <c r="A97577" s="13" t="s">
        <v>483</v>
      </c>
      <c r="B97577" s="14" t="s">
        <v>1</v>
      </c>
      <c r="C97577" s="14" t="s">
        <v>47</v>
      </c>
      <c r="D97577" s="14" t="s">
        <v>81</v>
      </c>
      <c r="E97577" s="15">
        <v>45498</v>
      </c>
      <c r="F97577" s="14" t="s">
        <v>15</v>
      </c>
      <c r="G97577" s="16">
        <v>0</v>
      </c>
    </row>
    <row r="97578" spans="1:7" x14ac:dyDescent="0.3">
      <c r="A97578" s="13" t="s">
        <v>483</v>
      </c>
      <c r="B97578" s="14" t="s">
        <v>1</v>
      </c>
      <c r="C97578" s="14" t="s">
        <v>47</v>
      </c>
      <c r="D97578" s="14" t="s">
        <v>81</v>
      </c>
      <c r="E97578" s="15">
        <v>45499</v>
      </c>
      <c r="F97578" s="14" t="s">
        <v>15</v>
      </c>
      <c r="G97578" s="16">
        <v>0</v>
      </c>
    </row>
    <row r="97579" spans="1:7" x14ac:dyDescent="0.3">
      <c r="A97579" s="13" t="s">
        <v>483</v>
      </c>
      <c r="B97579" s="14" t="s">
        <v>1</v>
      </c>
      <c r="C97579" s="14" t="s">
        <v>47</v>
      </c>
      <c r="D97579" s="14" t="s">
        <v>81</v>
      </c>
      <c r="E97579" s="15">
        <v>45500</v>
      </c>
      <c r="F97579" s="14" t="s">
        <v>15</v>
      </c>
      <c r="G97579" s="16">
        <v>0</v>
      </c>
    </row>
    <row r="97580" spans="1:7" x14ac:dyDescent="0.3">
      <c r="A97580" s="13" t="s">
        <v>483</v>
      </c>
      <c r="B97580" s="14" t="s">
        <v>1</v>
      </c>
      <c r="C97580" s="14" t="s">
        <v>47</v>
      </c>
      <c r="D97580" s="14" t="s">
        <v>81</v>
      </c>
      <c r="E97580" s="15">
        <v>45501</v>
      </c>
      <c r="F97580" s="14" t="s">
        <v>15</v>
      </c>
      <c r="G97580" s="16">
        <v>0</v>
      </c>
    </row>
    <row r="97581" spans="1:7" x14ac:dyDescent="0.3">
      <c r="A97581" s="13" t="s">
        <v>483</v>
      </c>
      <c r="B97581" s="14" t="s">
        <v>1</v>
      </c>
      <c r="C97581" s="14" t="s">
        <v>47</v>
      </c>
      <c r="D97581" s="14" t="s">
        <v>81</v>
      </c>
      <c r="E97581" s="15">
        <v>45502</v>
      </c>
      <c r="F97581" s="14" t="s">
        <v>15</v>
      </c>
      <c r="G97581" s="16">
        <v>0</v>
      </c>
    </row>
    <row r="97582" spans="1:7" x14ac:dyDescent="0.3">
      <c r="A97582" s="13" t="s">
        <v>483</v>
      </c>
      <c r="B97582" s="14" t="s">
        <v>1</v>
      </c>
      <c r="C97582" s="14" t="s">
        <v>47</v>
      </c>
      <c r="D97582" s="14" t="s">
        <v>81</v>
      </c>
      <c r="E97582" s="15">
        <v>45503</v>
      </c>
      <c r="F97582" s="14" t="s">
        <v>15</v>
      </c>
      <c r="G97582" s="16">
        <v>0</v>
      </c>
    </row>
    <row r="97583" spans="1:7" x14ac:dyDescent="0.3">
      <c r="A97583" s="13" t="s">
        <v>483</v>
      </c>
      <c r="B97583" s="14" t="s">
        <v>1</v>
      </c>
      <c r="C97583" s="14" t="s">
        <v>47</v>
      </c>
      <c r="D97583" s="14" t="s">
        <v>81</v>
      </c>
      <c r="E97583" s="15">
        <v>45504</v>
      </c>
      <c r="F97583" s="14" t="s">
        <v>15</v>
      </c>
      <c r="G97583" s="16">
        <v>0</v>
      </c>
    </row>
    <row r="97584" spans="1:7" x14ac:dyDescent="0.3">
      <c r="A97584" s="13" t="s">
        <v>483</v>
      </c>
      <c r="B97584" s="14" t="s">
        <v>1</v>
      </c>
      <c r="C97584" s="14" t="s">
        <v>47</v>
      </c>
      <c r="D97584" s="14" t="s">
        <v>81</v>
      </c>
      <c r="E97584" s="15">
        <v>45505</v>
      </c>
      <c r="F97584" s="14" t="s">
        <v>15</v>
      </c>
      <c r="G97584" s="16">
        <v>0</v>
      </c>
    </row>
    <row r="97585" spans="1:7" x14ac:dyDescent="0.3">
      <c r="A97585" s="13" t="s">
        <v>483</v>
      </c>
      <c r="B97585" s="14" t="s">
        <v>1</v>
      </c>
      <c r="C97585" s="14" t="s">
        <v>47</v>
      </c>
      <c r="D97585" s="14" t="s">
        <v>81</v>
      </c>
      <c r="E97585" s="15">
        <v>45506</v>
      </c>
      <c r="F97585" s="14" t="s">
        <v>15</v>
      </c>
      <c r="G97585" s="16">
        <v>0</v>
      </c>
    </row>
    <row r="97586" spans="1:7" x14ac:dyDescent="0.3">
      <c r="A97586" s="13" t="s">
        <v>483</v>
      </c>
      <c r="B97586" s="14" t="s">
        <v>1</v>
      </c>
      <c r="C97586" s="14" t="s">
        <v>47</v>
      </c>
      <c r="D97586" s="14" t="s">
        <v>81</v>
      </c>
      <c r="E97586" s="15">
        <v>45507</v>
      </c>
      <c r="F97586" s="14" t="s">
        <v>15</v>
      </c>
      <c r="G97586" s="16">
        <v>0</v>
      </c>
    </row>
    <row r="97587" spans="1:7" x14ac:dyDescent="0.3">
      <c r="A97587" s="13" t="s">
        <v>483</v>
      </c>
      <c r="B97587" s="14" t="s">
        <v>1</v>
      </c>
      <c r="C97587" s="14" t="s">
        <v>47</v>
      </c>
      <c r="D97587" s="14" t="s">
        <v>81</v>
      </c>
      <c r="E97587" s="15">
        <v>45508</v>
      </c>
      <c r="F97587" s="14" t="s">
        <v>15</v>
      </c>
      <c r="G97587" s="16">
        <v>0</v>
      </c>
    </row>
    <row r="97588" spans="1:7" x14ac:dyDescent="0.3">
      <c r="A97588" s="13" t="s">
        <v>483</v>
      </c>
      <c r="B97588" s="14" t="s">
        <v>1</v>
      </c>
      <c r="C97588" s="14" t="s">
        <v>47</v>
      </c>
      <c r="D97588" s="14" t="s">
        <v>81</v>
      </c>
      <c r="E97588" s="15">
        <v>45509</v>
      </c>
      <c r="F97588" s="14" t="s">
        <v>15</v>
      </c>
      <c r="G97588" s="16">
        <v>0</v>
      </c>
    </row>
    <row r="97589" spans="1:7" x14ac:dyDescent="0.3">
      <c r="A97589" s="13" t="s">
        <v>483</v>
      </c>
      <c r="B97589" s="14" t="s">
        <v>1</v>
      </c>
      <c r="C97589" s="14" t="s">
        <v>47</v>
      </c>
      <c r="D97589" s="14" t="s">
        <v>81</v>
      </c>
      <c r="E97589" s="15">
        <v>45510</v>
      </c>
      <c r="F97589" s="14" t="s">
        <v>15</v>
      </c>
      <c r="G97589" s="16">
        <v>0</v>
      </c>
    </row>
    <row r="97590" spans="1:7" x14ac:dyDescent="0.3">
      <c r="A97590" s="13" t="s">
        <v>483</v>
      </c>
      <c r="B97590" s="14" t="s">
        <v>1</v>
      </c>
      <c r="C97590" s="14" t="s">
        <v>47</v>
      </c>
      <c r="D97590" s="14" t="s">
        <v>81</v>
      </c>
      <c r="E97590" s="15">
        <v>45511</v>
      </c>
      <c r="F97590" s="14" t="s">
        <v>15</v>
      </c>
      <c r="G97590" s="16">
        <v>0</v>
      </c>
    </row>
    <row r="97591" spans="1:7" x14ac:dyDescent="0.3">
      <c r="A97591" s="13" t="s">
        <v>483</v>
      </c>
      <c r="B97591" s="14" t="s">
        <v>1</v>
      </c>
      <c r="C97591" s="14" t="s">
        <v>47</v>
      </c>
      <c r="D97591" s="14" t="s">
        <v>81</v>
      </c>
      <c r="E97591" s="15">
        <v>45512</v>
      </c>
      <c r="F97591" s="14" t="s">
        <v>15</v>
      </c>
      <c r="G97591" s="16">
        <v>0</v>
      </c>
    </row>
    <row r="97592" spans="1:7" x14ac:dyDescent="0.3">
      <c r="A97592" s="13" t="s">
        <v>483</v>
      </c>
      <c r="B97592" s="14" t="s">
        <v>1</v>
      </c>
      <c r="C97592" s="14" t="s">
        <v>47</v>
      </c>
      <c r="D97592" s="14" t="s">
        <v>81</v>
      </c>
      <c r="E97592" s="15">
        <v>45513</v>
      </c>
      <c r="F97592" s="14" t="s">
        <v>15</v>
      </c>
      <c r="G97592" s="16">
        <v>0</v>
      </c>
    </row>
    <row r="97593" spans="1:7" x14ac:dyDescent="0.3">
      <c r="A97593" s="13" t="s">
        <v>483</v>
      </c>
      <c r="B97593" s="14" t="s">
        <v>1</v>
      </c>
      <c r="C97593" s="14" t="s">
        <v>47</v>
      </c>
      <c r="D97593" s="14" t="s">
        <v>81</v>
      </c>
      <c r="E97593" s="15">
        <v>45514</v>
      </c>
      <c r="F97593" s="14" t="s">
        <v>15</v>
      </c>
      <c r="G97593" s="16">
        <v>0</v>
      </c>
    </row>
    <row r="97594" spans="1:7" x14ac:dyDescent="0.3">
      <c r="A97594" s="13" t="s">
        <v>483</v>
      </c>
      <c r="B97594" s="14" t="s">
        <v>1</v>
      </c>
      <c r="C97594" s="14" t="s">
        <v>47</v>
      </c>
      <c r="D97594" s="14" t="s">
        <v>81</v>
      </c>
      <c r="E97594" s="15">
        <v>45515</v>
      </c>
      <c r="F97594" s="14" t="s">
        <v>15</v>
      </c>
      <c r="G97594" s="16">
        <v>0</v>
      </c>
    </row>
    <row r="97595" spans="1:7" x14ac:dyDescent="0.3">
      <c r="A97595" s="13" t="s">
        <v>483</v>
      </c>
      <c r="B97595" s="14" t="s">
        <v>1</v>
      </c>
      <c r="C97595" s="14" t="s">
        <v>47</v>
      </c>
      <c r="D97595" s="14" t="s">
        <v>81</v>
      </c>
      <c r="E97595" s="15">
        <v>45516</v>
      </c>
      <c r="F97595" s="14" t="s">
        <v>15</v>
      </c>
      <c r="G97595" s="16">
        <v>0</v>
      </c>
    </row>
    <row r="97596" spans="1:7" x14ac:dyDescent="0.3">
      <c r="A97596" s="13" t="s">
        <v>483</v>
      </c>
      <c r="B97596" s="14" t="s">
        <v>1</v>
      </c>
      <c r="C97596" s="14" t="s">
        <v>47</v>
      </c>
      <c r="D97596" s="14" t="s">
        <v>81</v>
      </c>
      <c r="E97596" s="15">
        <v>45517</v>
      </c>
      <c r="F97596" s="14" t="s">
        <v>15</v>
      </c>
      <c r="G97596" s="16">
        <v>0</v>
      </c>
    </row>
    <row r="97597" spans="1:7" x14ac:dyDescent="0.3">
      <c r="A97597" s="13" t="s">
        <v>483</v>
      </c>
      <c r="B97597" s="14" t="s">
        <v>1</v>
      </c>
      <c r="C97597" s="14" t="s">
        <v>47</v>
      </c>
      <c r="D97597" s="14" t="s">
        <v>81</v>
      </c>
      <c r="E97597" s="15">
        <v>45518</v>
      </c>
      <c r="F97597" s="14" t="s">
        <v>15</v>
      </c>
      <c r="G97597" s="16">
        <v>0</v>
      </c>
    </row>
    <row r="97598" spans="1:7" x14ac:dyDescent="0.3">
      <c r="A97598" s="13" t="s">
        <v>483</v>
      </c>
      <c r="B97598" s="14" t="s">
        <v>1</v>
      </c>
      <c r="C97598" s="14" t="s">
        <v>47</v>
      </c>
      <c r="D97598" s="14" t="s">
        <v>81</v>
      </c>
      <c r="E97598" s="15">
        <v>45519</v>
      </c>
      <c r="F97598" s="14" t="s">
        <v>15</v>
      </c>
      <c r="G97598" s="16">
        <v>0</v>
      </c>
    </row>
    <row r="97599" spans="1:7" x14ac:dyDescent="0.3">
      <c r="A97599" s="13" t="s">
        <v>483</v>
      </c>
      <c r="B97599" s="14" t="s">
        <v>1</v>
      </c>
      <c r="C97599" s="14" t="s">
        <v>47</v>
      </c>
      <c r="D97599" s="14" t="s">
        <v>81</v>
      </c>
      <c r="E97599" s="15">
        <v>45520</v>
      </c>
      <c r="F97599" s="14" t="s">
        <v>15</v>
      </c>
      <c r="G97599" s="16">
        <v>0</v>
      </c>
    </row>
    <row r="97600" spans="1:7" x14ac:dyDescent="0.3">
      <c r="A97600" s="13" t="s">
        <v>483</v>
      </c>
      <c r="B97600" s="14" t="s">
        <v>1</v>
      </c>
      <c r="C97600" s="14" t="s">
        <v>47</v>
      </c>
      <c r="D97600" s="14" t="s">
        <v>81</v>
      </c>
      <c r="E97600" s="15">
        <v>45521</v>
      </c>
      <c r="F97600" s="14" t="s">
        <v>15</v>
      </c>
      <c r="G97600" s="16">
        <v>0</v>
      </c>
    </row>
    <row r="97601" spans="1:7" x14ac:dyDescent="0.3">
      <c r="A97601" s="13" t="s">
        <v>483</v>
      </c>
      <c r="B97601" s="14" t="s">
        <v>1</v>
      </c>
      <c r="C97601" s="14" t="s">
        <v>47</v>
      </c>
      <c r="D97601" s="14" t="s">
        <v>81</v>
      </c>
      <c r="E97601" s="15">
        <v>45522</v>
      </c>
      <c r="F97601" s="14" t="s">
        <v>15</v>
      </c>
      <c r="G97601" s="16">
        <v>0</v>
      </c>
    </row>
    <row r="97602" spans="1:7" x14ac:dyDescent="0.3">
      <c r="A97602" s="13" t="s">
        <v>483</v>
      </c>
      <c r="B97602" s="14" t="s">
        <v>1</v>
      </c>
      <c r="C97602" s="14" t="s">
        <v>47</v>
      </c>
      <c r="D97602" s="14" t="s">
        <v>81</v>
      </c>
      <c r="E97602" s="15">
        <v>45523</v>
      </c>
      <c r="F97602" s="14" t="s">
        <v>15</v>
      </c>
      <c r="G97602" s="16">
        <v>0</v>
      </c>
    </row>
    <row r="97603" spans="1:7" x14ac:dyDescent="0.3">
      <c r="A97603" s="13" t="s">
        <v>483</v>
      </c>
      <c r="B97603" s="14" t="s">
        <v>1</v>
      </c>
      <c r="C97603" s="14" t="s">
        <v>47</v>
      </c>
      <c r="D97603" s="14" t="s">
        <v>81</v>
      </c>
      <c r="E97603" s="15">
        <v>45524</v>
      </c>
      <c r="F97603" s="14" t="s">
        <v>15</v>
      </c>
      <c r="G97603" s="16">
        <v>0</v>
      </c>
    </row>
    <row r="97604" spans="1:7" x14ac:dyDescent="0.3">
      <c r="A97604" s="13" t="s">
        <v>483</v>
      </c>
      <c r="B97604" s="14" t="s">
        <v>1</v>
      </c>
      <c r="C97604" s="14" t="s">
        <v>47</v>
      </c>
      <c r="D97604" s="14" t="s">
        <v>81</v>
      </c>
      <c r="E97604" s="15">
        <v>45525</v>
      </c>
      <c r="F97604" s="14" t="s">
        <v>15</v>
      </c>
      <c r="G97604" s="16">
        <v>0</v>
      </c>
    </row>
    <row r="97605" spans="1:7" x14ac:dyDescent="0.3">
      <c r="A97605" s="13" t="s">
        <v>483</v>
      </c>
      <c r="B97605" s="14" t="s">
        <v>1</v>
      </c>
      <c r="C97605" s="14" t="s">
        <v>47</v>
      </c>
      <c r="D97605" s="14" t="s">
        <v>81</v>
      </c>
      <c r="E97605" s="15">
        <v>45526</v>
      </c>
      <c r="F97605" s="14" t="s">
        <v>15</v>
      </c>
      <c r="G97605" s="16">
        <v>0</v>
      </c>
    </row>
    <row r="97606" spans="1:7" x14ac:dyDescent="0.3">
      <c r="A97606" s="13" t="s">
        <v>483</v>
      </c>
      <c r="B97606" s="14" t="s">
        <v>1</v>
      </c>
      <c r="C97606" s="14" t="s">
        <v>47</v>
      </c>
      <c r="D97606" s="14" t="s">
        <v>81</v>
      </c>
      <c r="E97606" s="15">
        <v>45527</v>
      </c>
      <c r="F97606" s="14" t="s">
        <v>15</v>
      </c>
      <c r="G97606" s="16">
        <v>0</v>
      </c>
    </row>
    <row r="97607" spans="1:7" x14ac:dyDescent="0.3">
      <c r="A97607" s="13" t="s">
        <v>483</v>
      </c>
      <c r="B97607" s="14" t="s">
        <v>1</v>
      </c>
      <c r="C97607" s="14" t="s">
        <v>47</v>
      </c>
      <c r="D97607" s="14" t="s">
        <v>81</v>
      </c>
      <c r="E97607" s="15">
        <v>45528</v>
      </c>
      <c r="F97607" s="14" t="s">
        <v>15</v>
      </c>
      <c r="G97607" s="16">
        <v>0</v>
      </c>
    </row>
    <row r="97608" spans="1:7" x14ac:dyDescent="0.3">
      <c r="A97608" s="13" t="s">
        <v>483</v>
      </c>
      <c r="B97608" s="14" t="s">
        <v>1</v>
      </c>
      <c r="C97608" s="14" t="s">
        <v>47</v>
      </c>
      <c r="D97608" s="14" t="s">
        <v>81</v>
      </c>
      <c r="E97608" s="15">
        <v>45529</v>
      </c>
      <c r="F97608" s="14" t="s">
        <v>15</v>
      </c>
      <c r="G97608" s="16">
        <v>0</v>
      </c>
    </row>
    <row r="97609" spans="1:7" x14ac:dyDescent="0.3">
      <c r="A97609" s="13" t="s">
        <v>483</v>
      </c>
      <c r="B97609" s="14" t="s">
        <v>1</v>
      </c>
      <c r="C97609" s="14" t="s">
        <v>47</v>
      </c>
      <c r="D97609" s="14" t="s">
        <v>81</v>
      </c>
      <c r="E97609" s="15">
        <v>45530</v>
      </c>
      <c r="F97609" s="14" t="s">
        <v>15</v>
      </c>
      <c r="G97609" s="16">
        <v>0</v>
      </c>
    </row>
    <row r="97610" spans="1:7" x14ac:dyDescent="0.3">
      <c r="A97610" s="13" t="s">
        <v>483</v>
      </c>
      <c r="B97610" s="14" t="s">
        <v>1</v>
      </c>
      <c r="C97610" s="14" t="s">
        <v>47</v>
      </c>
      <c r="D97610" s="14" t="s">
        <v>81</v>
      </c>
      <c r="E97610" s="15">
        <v>45531</v>
      </c>
      <c r="F97610" s="14" t="s">
        <v>15</v>
      </c>
      <c r="G97610" s="16">
        <v>0</v>
      </c>
    </row>
    <row r="97611" spans="1:7" x14ac:dyDescent="0.3">
      <c r="A97611" s="13" t="s">
        <v>483</v>
      </c>
      <c r="B97611" s="14" t="s">
        <v>1</v>
      </c>
      <c r="C97611" s="14" t="s">
        <v>47</v>
      </c>
      <c r="D97611" s="14" t="s">
        <v>81</v>
      </c>
      <c r="E97611" s="15">
        <v>45532</v>
      </c>
      <c r="F97611" s="14" t="s">
        <v>15</v>
      </c>
      <c r="G97611" s="16">
        <v>0</v>
      </c>
    </row>
    <row r="97612" spans="1:7" x14ac:dyDescent="0.3">
      <c r="A97612" s="13" t="s">
        <v>483</v>
      </c>
      <c r="B97612" s="14" t="s">
        <v>1</v>
      </c>
      <c r="C97612" s="14" t="s">
        <v>47</v>
      </c>
      <c r="D97612" s="14" t="s">
        <v>81</v>
      </c>
      <c r="E97612" s="15">
        <v>45533</v>
      </c>
      <c r="F97612" s="14" t="s">
        <v>15</v>
      </c>
      <c r="G97612" s="16">
        <v>0</v>
      </c>
    </row>
    <row r="97613" spans="1:7" x14ac:dyDescent="0.3">
      <c r="A97613" s="13" t="s">
        <v>483</v>
      </c>
      <c r="B97613" s="14" t="s">
        <v>1</v>
      </c>
      <c r="C97613" s="14" t="s">
        <v>47</v>
      </c>
      <c r="D97613" s="14" t="s">
        <v>81</v>
      </c>
      <c r="E97613" s="15">
        <v>45534</v>
      </c>
      <c r="F97613" s="14" t="s">
        <v>15</v>
      </c>
      <c r="G97613" s="16">
        <v>0</v>
      </c>
    </row>
    <row r="97614" spans="1:7" x14ac:dyDescent="0.3">
      <c r="A97614" s="13" t="s">
        <v>483</v>
      </c>
      <c r="B97614" s="14" t="s">
        <v>1</v>
      </c>
      <c r="C97614" s="14" t="s">
        <v>47</v>
      </c>
      <c r="D97614" s="14" t="s">
        <v>81</v>
      </c>
      <c r="E97614" s="15">
        <v>45535</v>
      </c>
      <c r="F97614" s="14" t="s">
        <v>15</v>
      </c>
      <c r="G97614" s="16">
        <v>0</v>
      </c>
    </row>
    <row r="97615" spans="1:7" x14ac:dyDescent="0.3">
      <c r="A97615" s="13" t="s">
        <v>483</v>
      </c>
      <c r="B97615" s="14" t="s">
        <v>1</v>
      </c>
      <c r="C97615" s="14" t="s">
        <v>47</v>
      </c>
      <c r="D97615" s="14" t="s">
        <v>81</v>
      </c>
      <c r="E97615" s="15">
        <v>45536</v>
      </c>
      <c r="F97615" s="14" t="s">
        <v>15</v>
      </c>
      <c r="G97615" s="16">
        <v>0</v>
      </c>
    </row>
    <row r="97616" spans="1:7" x14ac:dyDescent="0.3">
      <c r="A97616" s="13" t="s">
        <v>483</v>
      </c>
      <c r="B97616" s="14" t="s">
        <v>1</v>
      </c>
      <c r="C97616" s="14" t="s">
        <v>47</v>
      </c>
      <c r="D97616" s="14" t="s">
        <v>81</v>
      </c>
      <c r="E97616" s="15">
        <v>45537</v>
      </c>
      <c r="F97616" s="14" t="s">
        <v>15</v>
      </c>
      <c r="G97616" s="16">
        <v>0</v>
      </c>
    </row>
    <row r="97617" spans="1:7" x14ac:dyDescent="0.3">
      <c r="A97617" s="13" t="s">
        <v>483</v>
      </c>
      <c r="B97617" s="14" t="s">
        <v>1</v>
      </c>
      <c r="C97617" s="14" t="s">
        <v>47</v>
      </c>
      <c r="D97617" s="14" t="s">
        <v>81</v>
      </c>
      <c r="E97617" s="15">
        <v>45538</v>
      </c>
      <c r="F97617" s="14" t="s">
        <v>15</v>
      </c>
      <c r="G97617" s="16">
        <v>0</v>
      </c>
    </row>
    <row r="97618" spans="1:7" x14ac:dyDescent="0.3">
      <c r="A97618" s="13" t="s">
        <v>483</v>
      </c>
      <c r="B97618" s="14" t="s">
        <v>1</v>
      </c>
      <c r="C97618" s="14" t="s">
        <v>47</v>
      </c>
      <c r="D97618" s="14" t="s">
        <v>81</v>
      </c>
      <c r="E97618" s="15">
        <v>45539</v>
      </c>
      <c r="F97618" s="14" t="s">
        <v>15</v>
      </c>
      <c r="G97618" s="16">
        <v>0</v>
      </c>
    </row>
    <row r="97619" spans="1:7" x14ac:dyDescent="0.3">
      <c r="A97619" s="13" t="s">
        <v>483</v>
      </c>
      <c r="B97619" s="14" t="s">
        <v>1</v>
      </c>
      <c r="C97619" s="14" t="s">
        <v>47</v>
      </c>
      <c r="D97619" s="14" t="s">
        <v>81</v>
      </c>
      <c r="E97619" s="15">
        <v>45540</v>
      </c>
      <c r="F97619" s="14" t="s">
        <v>15</v>
      </c>
      <c r="G97619" s="16">
        <v>0</v>
      </c>
    </row>
    <row r="97620" spans="1:7" x14ac:dyDescent="0.3">
      <c r="A97620" s="13" t="s">
        <v>483</v>
      </c>
      <c r="B97620" s="14" t="s">
        <v>1</v>
      </c>
      <c r="C97620" s="14" t="s">
        <v>47</v>
      </c>
      <c r="D97620" s="14" t="s">
        <v>81</v>
      </c>
      <c r="E97620" s="15">
        <v>45541</v>
      </c>
      <c r="F97620" s="14" t="s">
        <v>15</v>
      </c>
      <c r="G97620" s="16">
        <v>0</v>
      </c>
    </row>
    <row r="97621" spans="1:7" x14ac:dyDescent="0.3">
      <c r="A97621" s="13" t="s">
        <v>483</v>
      </c>
      <c r="B97621" s="14" t="s">
        <v>1</v>
      </c>
      <c r="C97621" s="14" t="s">
        <v>47</v>
      </c>
      <c r="D97621" s="14" t="s">
        <v>81</v>
      </c>
      <c r="E97621" s="15">
        <v>45542</v>
      </c>
      <c r="F97621" s="14" t="s">
        <v>15</v>
      </c>
      <c r="G97621" s="16">
        <v>0</v>
      </c>
    </row>
    <row r="97622" spans="1:7" x14ac:dyDescent="0.3">
      <c r="A97622" s="13" t="s">
        <v>483</v>
      </c>
      <c r="B97622" s="14" t="s">
        <v>1</v>
      </c>
      <c r="C97622" s="14" t="s">
        <v>47</v>
      </c>
      <c r="D97622" s="14" t="s">
        <v>81</v>
      </c>
      <c r="E97622" s="15">
        <v>45543</v>
      </c>
      <c r="F97622" s="14" t="s">
        <v>15</v>
      </c>
      <c r="G97622" s="16">
        <v>0</v>
      </c>
    </row>
    <row r="97623" spans="1:7" x14ac:dyDescent="0.3">
      <c r="A97623" s="13" t="s">
        <v>483</v>
      </c>
      <c r="B97623" s="14" t="s">
        <v>1</v>
      </c>
      <c r="C97623" s="14" t="s">
        <v>47</v>
      </c>
      <c r="D97623" s="14" t="s">
        <v>81</v>
      </c>
      <c r="E97623" s="15">
        <v>45544</v>
      </c>
      <c r="F97623" s="14" t="s">
        <v>15</v>
      </c>
      <c r="G97623" s="16">
        <v>0</v>
      </c>
    </row>
    <row r="97624" spans="1:7" x14ac:dyDescent="0.3">
      <c r="A97624" s="13" t="s">
        <v>483</v>
      </c>
      <c r="B97624" s="14" t="s">
        <v>1</v>
      </c>
      <c r="C97624" s="14" t="s">
        <v>47</v>
      </c>
      <c r="D97624" s="14" t="s">
        <v>81</v>
      </c>
      <c r="E97624" s="15">
        <v>45545</v>
      </c>
      <c r="F97624" s="14" t="s">
        <v>15</v>
      </c>
      <c r="G97624" s="16">
        <v>0</v>
      </c>
    </row>
    <row r="97625" spans="1:7" x14ac:dyDescent="0.3">
      <c r="A97625" s="13" t="s">
        <v>483</v>
      </c>
      <c r="B97625" s="14" t="s">
        <v>1</v>
      </c>
      <c r="C97625" s="14" t="s">
        <v>47</v>
      </c>
      <c r="D97625" s="14" t="s">
        <v>81</v>
      </c>
      <c r="E97625" s="15">
        <v>45546</v>
      </c>
      <c r="F97625" s="14" t="s">
        <v>15</v>
      </c>
      <c r="G97625" s="16">
        <v>0</v>
      </c>
    </row>
    <row r="97626" spans="1:7" x14ac:dyDescent="0.3">
      <c r="A97626" s="13" t="s">
        <v>483</v>
      </c>
      <c r="B97626" s="14" t="s">
        <v>1</v>
      </c>
      <c r="C97626" s="14" t="s">
        <v>47</v>
      </c>
      <c r="D97626" s="14" t="s">
        <v>81</v>
      </c>
      <c r="E97626" s="15">
        <v>45547</v>
      </c>
      <c r="F97626" s="14" t="s">
        <v>15</v>
      </c>
      <c r="G97626" s="16">
        <v>0</v>
      </c>
    </row>
    <row r="97627" spans="1:7" x14ac:dyDescent="0.3">
      <c r="A97627" s="13" t="s">
        <v>483</v>
      </c>
      <c r="B97627" s="14" t="s">
        <v>1</v>
      </c>
      <c r="C97627" s="14" t="s">
        <v>47</v>
      </c>
      <c r="D97627" s="14" t="s">
        <v>81</v>
      </c>
      <c r="E97627" s="15">
        <v>45548</v>
      </c>
      <c r="F97627" s="14" t="s">
        <v>15</v>
      </c>
      <c r="G97627" s="16">
        <v>0</v>
      </c>
    </row>
    <row r="97628" spans="1:7" x14ac:dyDescent="0.3">
      <c r="A97628" s="13" t="s">
        <v>483</v>
      </c>
      <c r="B97628" s="14" t="s">
        <v>1</v>
      </c>
      <c r="C97628" s="14" t="s">
        <v>47</v>
      </c>
      <c r="D97628" s="14" t="s">
        <v>81</v>
      </c>
      <c r="E97628" s="15">
        <v>45549</v>
      </c>
      <c r="F97628" s="14" t="s">
        <v>15</v>
      </c>
      <c r="G97628" s="16">
        <v>0</v>
      </c>
    </row>
    <row r="97629" spans="1:7" x14ac:dyDescent="0.3">
      <c r="A97629" s="13" t="s">
        <v>483</v>
      </c>
      <c r="B97629" s="14" t="s">
        <v>1</v>
      </c>
      <c r="C97629" s="14" t="s">
        <v>47</v>
      </c>
      <c r="D97629" s="14" t="s">
        <v>81</v>
      </c>
      <c r="E97629" s="15">
        <v>45550</v>
      </c>
      <c r="F97629" s="14" t="s">
        <v>15</v>
      </c>
      <c r="G97629" s="16">
        <v>0</v>
      </c>
    </row>
    <row r="97630" spans="1:7" x14ac:dyDescent="0.3">
      <c r="A97630" s="13" t="s">
        <v>483</v>
      </c>
      <c r="B97630" s="14" t="s">
        <v>1</v>
      </c>
      <c r="C97630" s="14" t="s">
        <v>47</v>
      </c>
      <c r="D97630" s="14" t="s">
        <v>81</v>
      </c>
      <c r="E97630" s="15">
        <v>45551</v>
      </c>
      <c r="F97630" s="14" t="s">
        <v>15</v>
      </c>
      <c r="G97630" s="16">
        <v>0</v>
      </c>
    </row>
    <row r="97631" spans="1:7" x14ac:dyDescent="0.3">
      <c r="A97631" s="13" t="s">
        <v>483</v>
      </c>
      <c r="B97631" s="14" t="s">
        <v>1</v>
      </c>
      <c r="C97631" s="14" t="s">
        <v>47</v>
      </c>
      <c r="D97631" s="14" t="s">
        <v>81</v>
      </c>
      <c r="E97631" s="15">
        <v>45552</v>
      </c>
      <c r="F97631" s="14" t="s">
        <v>15</v>
      </c>
      <c r="G97631" s="16">
        <v>0</v>
      </c>
    </row>
    <row r="97632" spans="1:7" x14ac:dyDescent="0.3">
      <c r="A97632" s="13" t="s">
        <v>483</v>
      </c>
      <c r="B97632" s="14" t="s">
        <v>1</v>
      </c>
      <c r="C97632" s="14" t="s">
        <v>47</v>
      </c>
      <c r="D97632" s="14" t="s">
        <v>81</v>
      </c>
      <c r="E97632" s="15">
        <v>45553</v>
      </c>
      <c r="F97632" s="14" t="s">
        <v>15</v>
      </c>
      <c r="G97632" s="16">
        <v>0</v>
      </c>
    </row>
    <row r="97633" spans="1:7" x14ac:dyDescent="0.3">
      <c r="A97633" s="13" t="s">
        <v>483</v>
      </c>
      <c r="B97633" s="14" t="s">
        <v>1</v>
      </c>
      <c r="C97633" s="14" t="s">
        <v>47</v>
      </c>
      <c r="D97633" s="14" t="s">
        <v>81</v>
      </c>
      <c r="E97633" s="15">
        <v>45554</v>
      </c>
      <c r="F97633" s="14" t="s">
        <v>15</v>
      </c>
      <c r="G97633" s="16">
        <v>0</v>
      </c>
    </row>
    <row r="97634" spans="1:7" x14ac:dyDescent="0.3">
      <c r="A97634" s="13" t="s">
        <v>483</v>
      </c>
      <c r="B97634" s="14" t="s">
        <v>1</v>
      </c>
      <c r="C97634" s="14" t="s">
        <v>47</v>
      </c>
      <c r="D97634" s="14" t="s">
        <v>81</v>
      </c>
      <c r="E97634" s="15">
        <v>45555</v>
      </c>
      <c r="F97634" s="14" t="s">
        <v>15</v>
      </c>
      <c r="G97634" s="16">
        <v>0</v>
      </c>
    </row>
    <row r="97635" spans="1:7" x14ac:dyDescent="0.3">
      <c r="A97635" s="13" t="s">
        <v>483</v>
      </c>
      <c r="B97635" s="14" t="s">
        <v>1</v>
      </c>
      <c r="C97635" s="14" t="s">
        <v>47</v>
      </c>
      <c r="D97635" s="14" t="s">
        <v>81</v>
      </c>
      <c r="E97635" s="15">
        <v>45556</v>
      </c>
      <c r="F97635" s="14" t="s">
        <v>15</v>
      </c>
      <c r="G97635" s="16">
        <v>0</v>
      </c>
    </row>
    <row r="97636" spans="1:7" x14ac:dyDescent="0.3">
      <c r="A97636" s="13" t="s">
        <v>483</v>
      </c>
      <c r="B97636" s="14" t="s">
        <v>1</v>
      </c>
      <c r="C97636" s="14" t="s">
        <v>47</v>
      </c>
      <c r="D97636" s="14" t="s">
        <v>81</v>
      </c>
      <c r="E97636" s="15">
        <v>45557</v>
      </c>
      <c r="F97636" s="14" t="s">
        <v>15</v>
      </c>
      <c r="G97636" s="16">
        <v>0</v>
      </c>
    </row>
    <row r="97637" spans="1:7" x14ac:dyDescent="0.3">
      <c r="A97637" s="13" t="s">
        <v>483</v>
      </c>
      <c r="B97637" s="14" t="s">
        <v>1</v>
      </c>
      <c r="C97637" s="14" t="s">
        <v>47</v>
      </c>
      <c r="D97637" s="14" t="s">
        <v>81</v>
      </c>
      <c r="E97637" s="15">
        <v>45558</v>
      </c>
      <c r="F97637" s="14" t="s">
        <v>15</v>
      </c>
      <c r="G97637" s="16">
        <v>0</v>
      </c>
    </row>
    <row r="97638" spans="1:7" x14ac:dyDescent="0.3">
      <c r="A97638" s="13" t="s">
        <v>483</v>
      </c>
      <c r="B97638" s="14" t="s">
        <v>1</v>
      </c>
      <c r="C97638" s="14" t="s">
        <v>47</v>
      </c>
      <c r="D97638" s="14" t="s">
        <v>81</v>
      </c>
      <c r="E97638" s="15">
        <v>45559</v>
      </c>
      <c r="F97638" s="14" t="s">
        <v>15</v>
      </c>
      <c r="G97638" s="16">
        <v>0</v>
      </c>
    </row>
    <row r="97639" spans="1:7" x14ac:dyDescent="0.3">
      <c r="A97639" s="13" t="s">
        <v>483</v>
      </c>
      <c r="B97639" s="14" t="s">
        <v>1</v>
      </c>
      <c r="C97639" s="14" t="s">
        <v>47</v>
      </c>
      <c r="D97639" s="14" t="s">
        <v>81</v>
      </c>
      <c r="E97639" s="15">
        <v>45560</v>
      </c>
      <c r="F97639" s="14" t="s">
        <v>15</v>
      </c>
      <c r="G97639" s="16">
        <v>0</v>
      </c>
    </row>
    <row r="97640" spans="1:7" x14ac:dyDescent="0.3">
      <c r="A97640" s="13" t="s">
        <v>483</v>
      </c>
      <c r="B97640" s="14" t="s">
        <v>1</v>
      </c>
      <c r="C97640" s="14" t="s">
        <v>47</v>
      </c>
      <c r="D97640" s="14" t="s">
        <v>81</v>
      </c>
      <c r="E97640" s="15">
        <v>45561</v>
      </c>
      <c r="F97640" s="14" t="s">
        <v>15</v>
      </c>
      <c r="G97640" s="16">
        <v>0</v>
      </c>
    </row>
    <row r="97641" spans="1:7" x14ac:dyDescent="0.3">
      <c r="A97641" s="13" t="s">
        <v>483</v>
      </c>
      <c r="B97641" s="14" t="s">
        <v>1</v>
      </c>
      <c r="C97641" s="14" t="s">
        <v>47</v>
      </c>
      <c r="D97641" s="14" t="s">
        <v>81</v>
      </c>
      <c r="E97641" s="15">
        <v>45562</v>
      </c>
      <c r="F97641" s="14" t="s">
        <v>15</v>
      </c>
      <c r="G97641" s="16">
        <v>0</v>
      </c>
    </row>
    <row r="97642" spans="1:7" x14ac:dyDescent="0.3">
      <c r="A97642" s="13" t="s">
        <v>483</v>
      </c>
      <c r="B97642" s="14" t="s">
        <v>1</v>
      </c>
      <c r="C97642" s="14" t="s">
        <v>47</v>
      </c>
      <c r="D97642" s="14" t="s">
        <v>81</v>
      </c>
      <c r="E97642" s="15">
        <v>45563</v>
      </c>
      <c r="F97642" s="14" t="s">
        <v>15</v>
      </c>
      <c r="G97642" s="16">
        <v>0</v>
      </c>
    </row>
    <row r="97643" spans="1:7" x14ac:dyDescent="0.3">
      <c r="A97643" s="13" t="s">
        <v>483</v>
      </c>
      <c r="B97643" s="14" t="s">
        <v>1</v>
      </c>
      <c r="C97643" s="14" t="s">
        <v>47</v>
      </c>
      <c r="D97643" s="14" t="s">
        <v>81</v>
      </c>
      <c r="E97643" s="15">
        <v>45564</v>
      </c>
      <c r="F97643" s="14" t="s">
        <v>15</v>
      </c>
      <c r="G97643" s="16">
        <v>0</v>
      </c>
    </row>
    <row r="97644" spans="1:7" x14ac:dyDescent="0.3">
      <c r="A97644" s="13" t="s">
        <v>483</v>
      </c>
      <c r="B97644" s="14" t="s">
        <v>1</v>
      </c>
      <c r="C97644" s="14" t="s">
        <v>47</v>
      </c>
      <c r="D97644" s="14" t="s">
        <v>81</v>
      </c>
      <c r="E97644" s="15">
        <v>45565</v>
      </c>
      <c r="F97644" s="14" t="s">
        <v>15</v>
      </c>
      <c r="G97644" s="16">
        <v>0</v>
      </c>
    </row>
    <row r="97645" spans="1:7" x14ac:dyDescent="0.3">
      <c r="A97645" s="13" t="s">
        <v>483</v>
      </c>
      <c r="B97645" s="14" t="s">
        <v>1</v>
      </c>
      <c r="C97645" s="14" t="s">
        <v>47</v>
      </c>
      <c r="D97645" s="14" t="s">
        <v>81</v>
      </c>
      <c r="E97645" s="15">
        <v>45566</v>
      </c>
      <c r="F97645" s="14" t="s">
        <v>15</v>
      </c>
      <c r="G97645" s="16">
        <v>0</v>
      </c>
    </row>
    <row r="97646" spans="1:7" x14ac:dyDescent="0.3">
      <c r="A97646" s="13" t="s">
        <v>483</v>
      </c>
      <c r="B97646" s="14" t="s">
        <v>1</v>
      </c>
      <c r="C97646" s="14" t="s">
        <v>47</v>
      </c>
      <c r="D97646" s="14" t="s">
        <v>81</v>
      </c>
      <c r="E97646" s="15">
        <v>45567</v>
      </c>
      <c r="F97646" s="14" t="s">
        <v>15</v>
      </c>
      <c r="G97646" s="16">
        <v>0</v>
      </c>
    </row>
    <row r="97647" spans="1:7" x14ac:dyDescent="0.3">
      <c r="A97647" s="13" t="s">
        <v>483</v>
      </c>
      <c r="B97647" s="14" t="s">
        <v>1</v>
      </c>
      <c r="C97647" s="14" t="s">
        <v>47</v>
      </c>
      <c r="D97647" s="14" t="s">
        <v>81</v>
      </c>
      <c r="E97647" s="15">
        <v>45568</v>
      </c>
      <c r="F97647" s="14" t="s">
        <v>15</v>
      </c>
      <c r="G97647" s="16">
        <v>0</v>
      </c>
    </row>
    <row r="97648" spans="1:7" x14ac:dyDescent="0.3">
      <c r="A97648" s="13" t="s">
        <v>483</v>
      </c>
      <c r="B97648" s="14" t="s">
        <v>1</v>
      </c>
      <c r="C97648" s="14" t="s">
        <v>47</v>
      </c>
      <c r="D97648" s="14" t="s">
        <v>81</v>
      </c>
      <c r="E97648" s="15">
        <v>45569</v>
      </c>
      <c r="F97648" s="14" t="s">
        <v>15</v>
      </c>
      <c r="G97648" s="16">
        <v>0</v>
      </c>
    </row>
    <row r="97649" spans="1:7" x14ac:dyDescent="0.3">
      <c r="A97649" s="13" t="s">
        <v>483</v>
      </c>
      <c r="B97649" s="14" t="s">
        <v>1</v>
      </c>
      <c r="C97649" s="14" t="s">
        <v>47</v>
      </c>
      <c r="D97649" s="14" t="s">
        <v>81</v>
      </c>
      <c r="E97649" s="15">
        <v>45570</v>
      </c>
      <c r="F97649" s="14" t="s">
        <v>15</v>
      </c>
      <c r="G97649" s="16">
        <v>0</v>
      </c>
    </row>
    <row r="97650" spans="1:7" x14ac:dyDescent="0.3">
      <c r="A97650" s="13" t="s">
        <v>483</v>
      </c>
      <c r="B97650" s="14" t="s">
        <v>1</v>
      </c>
      <c r="C97650" s="14" t="s">
        <v>47</v>
      </c>
      <c r="D97650" s="14" t="s">
        <v>81</v>
      </c>
      <c r="E97650" s="15">
        <v>45571</v>
      </c>
      <c r="F97650" s="14" t="s">
        <v>15</v>
      </c>
      <c r="G97650" s="16">
        <v>0</v>
      </c>
    </row>
    <row r="97651" spans="1:7" x14ac:dyDescent="0.3">
      <c r="A97651" s="13" t="s">
        <v>483</v>
      </c>
      <c r="B97651" s="14" t="s">
        <v>1</v>
      </c>
      <c r="C97651" s="14" t="s">
        <v>47</v>
      </c>
      <c r="D97651" s="14" t="s">
        <v>81</v>
      </c>
      <c r="E97651" s="15">
        <v>45572</v>
      </c>
      <c r="F97651" s="14" t="s">
        <v>15</v>
      </c>
      <c r="G97651" s="16">
        <v>0</v>
      </c>
    </row>
    <row r="97652" spans="1:7" x14ac:dyDescent="0.3">
      <c r="A97652" s="13" t="s">
        <v>483</v>
      </c>
      <c r="B97652" s="14" t="s">
        <v>1</v>
      </c>
      <c r="C97652" s="14" t="s">
        <v>47</v>
      </c>
      <c r="D97652" s="14" t="s">
        <v>81</v>
      </c>
      <c r="E97652" s="15">
        <v>45573</v>
      </c>
      <c r="F97652" s="14" t="s">
        <v>15</v>
      </c>
      <c r="G97652" s="16">
        <v>0</v>
      </c>
    </row>
    <row r="97653" spans="1:7" x14ac:dyDescent="0.3">
      <c r="A97653" s="13" t="s">
        <v>483</v>
      </c>
      <c r="B97653" s="14" t="s">
        <v>1</v>
      </c>
      <c r="C97653" s="14" t="s">
        <v>47</v>
      </c>
      <c r="D97653" s="14" t="s">
        <v>81</v>
      </c>
      <c r="E97653" s="15">
        <v>45574</v>
      </c>
      <c r="F97653" s="14" t="s">
        <v>15</v>
      </c>
      <c r="G97653" s="16">
        <v>0</v>
      </c>
    </row>
    <row r="97654" spans="1:7" x14ac:dyDescent="0.3">
      <c r="A97654" s="13" t="s">
        <v>483</v>
      </c>
      <c r="B97654" s="14" t="s">
        <v>1</v>
      </c>
      <c r="C97654" s="14" t="s">
        <v>47</v>
      </c>
      <c r="D97654" s="14" t="s">
        <v>81</v>
      </c>
      <c r="E97654" s="15">
        <v>45575</v>
      </c>
      <c r="F97654" s="14" t="s">
        <v>15</v>
      </c>
      <c r="G97654" s="16">
        <v>0</v>
      </c>
    </row>
    <row r="97655" spans="1:7" x14ac:dyDescent="0.3">
      <c r="A97655" s="13" t="s">
        <v>483</v>
      </c>
      <c r="B97655" s="14" t="s">
        <v>1</v>
      </c>
      <c r="C97655" s="14" t="s">
        <v>47</v>
      </c>
      <c r="D97655" s="14" t="s">
        <v>81</v>
      </c>
      <c r="E97655" s="15">
        <v>45576</v>
      </c>
      <c r="F97655" s="14" t="s">
        <v>15</v>
      </c>
      <c r="G97655" s="16">
        <v>0</v>
      </c>
    </row>
    <row r="97656" spans="1:7" x14ac:dyDescent="0.3">
      <c r="A97656" s="13" t="s">
        <v>483</v>
      </c>
      <c r="B97656" s="14" t="s">
        <v>1</v>
      </c>
      <c r="C97656" s="14" t="s">
        <v>47</v>
      </c>
      <c r="D97656" s="14" t="s">
        <v>81</v>
      </c>
      <c r="E97656" s="15">
        <v>45577</v>
      </c>
      <c r="F97656" s="14" t="s">
        <v>15</v>
      </c>
      <c r="G97656" s="16">
        <v>0</v>
      </c>
    </row>
    <row r="97657" spans="1:7" x14ac:dyDescent="0.3">
      <c r="A97657" s="13" t="s">
        <v>483</v>
      </c>
      <c r="B97657" s="14" t="s">
        <v>1</v>
      </c>
      <c r="C97657" s="14" t="s">
        <v>47</v>
      </c>
      <c r="D97657" s="14" t="s">
        <v>81</v>
      </c>
      <c r="E97657" s="15">
        <v>45578</v>
      </c>
      <c r="F97657" s="14" t="s">
        <v>15</v>
      </c>
      <c r="G97657" s="16">
        <v>0</v>
      </c>
    </row>
    <row r="97658" spans="1:7" x14ac:dyDescent="0.3">
      <c r="A97658" s="13" t="s">
        <v>483</v>
      </c>
      <c r="B97658" s="14" t="s">
        <v>1</v>
      </c>
      <c r="C97658" s="14" t="s">
        <v>47</v>
      </c>
      <c r="D97658" s="14" t="s">
        <v>81</v>
      </c>
      <c r="E97658" s="15">
        <v>45579</v>
      </c>
      <c r="F97658" s="14" t="s">
        <v>15</v>
      </c>
      <c r="G97658" s="16">
        <v>0</v>
      </c>
    </row>
    <row r="97659" spans="1:7" x14ac:dyDescent="0.3">
      <c r="A97659" s="13" t="s">
        <v>483</v>
      </c>
      <c r="B97659" s="14" t="s">
        <v>1</v>
      </c>
      <c r="C97659" s="14" t="s">
        <v>47</v>
      </c>
      <c r="D97659" s="14" t="s">
        <v>81</v>
      </c>
      <c r="E97659" s="15">
        <v>45580</v>
      </c>
      <c r="F97659" s="14" t="s">
        <v>15</v>
      </c>
      <c r="G97659" s="16">
        <v>0</v>
      </c>
    </row>
    <row r="97660" spans="1:7" x14ac:dyDescent="0.3">
      <c r="A97660" s="13" t="s">
        <v>483</v>
      </c>
      <c r="B97660" s="14" t="s">
        <v>1</v>
      </c>
      <c r="C97660" s="14" t="s">
        <v>47</v>
      </c>
      <c r="D97660" s="14" t="s">
        <v>81</v>
      </c>
      <c r="E97660" s="15">
        <v>45581</v>
      </c>
      <c r="F97660" s="14" t="s">
        <v>15</v>
      </c>
      <c r="G97660" s="16">
        <v>0</v>
      </c>
    </row>
    <row r="97661" spans="1:7" x14ac:dyDescent="0.3">
      <c r="A97661" s="13" t="s">
        <v>483</v>
      </c>
      <c r="B97661" s="14" t="s">
        <v>1</v>
      </c>
      <c r="C97661" s="14" t="s">
        <v>47</v>
      </c>
      <c r="D97661" s="14" t="s">
        <v>81</v>
      </c>
      <c r="E97661" s="15">
        <v>45582</v>
      </c>
      <c r="F97661" s="14" t="s">
        <v>15</v>
      </c>
      <c r="G97661" s="16">
        <v>0</v>
      </c>
    </row>
    <row r="97662" spans="1:7" x14ac:dyDescent="0.3">
      <c r="A97662" s="13" t="s">
        <v>483</v>
      </c>
      <c r="B97662" s="14" t="s">
        <v>1</v>
      </c>
      <c r="C97662" s="14" t="s">
        <v>47</v>
      </c>
      <c r="D97662" s="14" t="s">
        <v>81</v>
      </c>
      <c r="E97662" s="15">
        <v>45583</v>
      </c>
      <c r="F97662" s="14" t="s">
        <v>15</v>
      </c>
      <c r="G97662" s="16">
        <v>0</v>
      </c>
    </row>
    <row r="97663" spans="1:7" x14ac:dyDescent="0.3">
      <c r="A97663" s="13" t="s">
        <v>483</v>
      </c>
      <c r="B97663" s="14" t="s">
        <v>1</v>
      </c>
      <c r="C97663" s="14" t="s">
        <v>47</v>
      </c>
      <c r="D97663" s="14" t="s">
        <v>81</v>
      </c>
      <c r="E97663" s="15">
        <v>45584</v>
      </c>
      <c r="F97663" s="14" t="s">
        <v>15</v>
      </c>
      <c r="G97663" s="16">
        <v>0</v>
      </c>
    </row>
    <row r="97664" spans="1:7" x14ac:dyDescent="0.3">
      <c r="A97664" s="13" t="s">
        <v>483</v>
      </c>
      <c r="B97664" s="14" t="s">
        <v>1</v>
      </c>
      <c r="C97664" s="14" t="s">
        <v>47</v>
      </c>
      <c r="D97664" s="14" t="s">
        <v>81</v>
      </c>
      <c r="E97664" s="15">
        <v>45585</v>
      </c>
      <c r="F97664" s="14" t="s">
        <v>15</v>
      </c>
      <c r="G97664" s="16">
        <v>0</v>
      </c>
    </row>
    <row r="97665" spans="1:7" x14ac:dyDescent="0.3">
      <c r="A97665" s="13" t="s">
        <v>483</v>
      </c>
      <c r="B97665" s="14" t="s">
        <v>1</v>
      </c>
      <c r="C97665" s="14" t="s">
        <v>47</v>
      </c>
      <c r="D97665" s="14" t="s">
        <v>81</v>
      </c>
      <c r="E97665" s="15">
        <v>45586</v>
      </c>
      <c r="F97665" s="14" t="s">
        <v>15</v>
      </c>
      <c r="G97665" s="16">
        <v>0</v>
      </c>
    </row>
    <row r="97666" spans="1:7" x14ac:dyDescent="0.3">
      <c r="A97666" s="13" t="s">
        <v>483</v>
      </c>
      <c r="B97666" s="14" t="s">
        <v>1</v>
      </c>
      <c r="C97666" s="14" t="s">
        <v>47</v>
      </c>
      <c r="D97666" s="14" t="s">
        <v>81</v>
      </c>
      <c r="E97666" s="15">
        <v>45587</v>
      </c>
      <c r="F97666" s="14" t="s">
        <v>15</v>
      </c>
      <c r="G97666" s="16">
        <v>0</v>
      </c>
    </row>
    <row r="97667" spans="1:7" x14ac:dyDescent="0.3">
      <c r="A97667" s="13" t="s">
        <v>483</v>
      </c>
      <c r="B97667" s="14" t="s">
        <v>1</v>
      </c>
      <c r="C97667" s="14" t="s">
        <v>47</v>
      </c>
      <c r="D97667" s="14" t="s">
        <v>81</v>
      </c>
      <c r="E97667" s="15">
        <v>45588</v>
      </c>
      <c r="F97667" s="14" t="s">
        <v>15</v>
      </c>
      <c r="G97667" s="16">
        <v>0</v>
      </c>
    </row>
    <row r="97668" spans="1:7" x14ac:dyDescent="0.3">
      <c r="A97668" s="13" t="s">
        <v>483</v>
      </c>
      <c r="B97668" s="14" t="s">
        <v>1</v>
      </c>
      <c r="C97668" s="14" t="s">
        <v>47</v>
      </c>
      <c r="D97668" s="14" t="s">
        <v>81</v>
      </c>
      <c r="E97668" s="15">
        <v>45589</v>
      </c>
      <c r="F97668" s="14" t="s">
        <v>15</v>
      </c>
      <c r="G97668" s="16">
        <v>0</v>
      </c>
    </row>
    <row r="97669" spans="1:7" x14ac:dyDescent="0.3">
      <c r="A97669" s="13" t="s">
        <v>483</v>
      </c>
      <c r="B97669" s="14" t="s">
        <v>1</v>
      </c>
      <c r="C97669" s="14" t="s">
        <v>47</v>
      </c>
      <c r="D97669" s="14" t="s">
        <v>81</v>
      </c>
      <c r="E97669" s="15">
        <v>45590</v>
      </c>
      <c r="F97669" s="14" t="s">
        <v>15</v>
      </c>
      <c r="G97669" s="16">
        <v>0</v>
      </c>
    </row>
    <row r="97670" spans="1:7" x14ac:dyDescent="0.3">
      <c r="A97670" s="13" t="s">
        <v>483</v>
      </c>
      <c r="B97670" s="14" t="s">
        <v>1</v>
      </c>
      <c r="C97670" s="14" t="s">
        <v>47</v>
      </c>
      <c r="D97670" s="14" t="s">
        <v>81</v>
      </c>
      <c r="E97670" s="15">
        <v>45591</v>
      </c>
      <c r="F97670" s="14" t="s">
        <v>15</v>
      </c>
      <c r="G97670" s="16">
        <v>0</v>
      </c>
    </row>
    <row r="97671" spans="1:7" x14ac:dyDescent="0.3">
      <c r="A97671" s="13" t="s">
        <v>483</v>
      </c>
      <c r="B97671" s="14" t="s">
        <v>1</v>
      </c>
      <c r="C97671" s="14" t="s">
        <v>47</v>
      </c>
      <c r="D97671" s="14" t="s">
        <v>81</v>
      </c>
      <c r="E97671" s="15">
        <v>45592</v>
      </c>
      <c r="F97671" s="14" t="s">
        <v>15</v>
      </c>
      <c r="G97671" s="16">
        <v>0</v>
      </c>
    </row>
    <row r="97672" spans="1:7" x14ac:dyDescent="0.3">
      <c r="A97672" s="13" t="s">
        <v>483</v>
      </c>
      <c r="B97672" s="14" t="s">
        <v>1</v>
      </c>
      <c r="C97672" s="14" t="s">
        <v>47</v>
      </c>
      <c r="D97672" s="14" t="s">
        <v>81</v>
      </c>
      <c r="E97672" s="15">
        <v>45593</v>
      </c>
      <c r="F97672" s="14" t="s">
        <v>15</v>
      </c>
      <c r="G97672" s="16">
        <v>0</v>
      </c>
    </row>
    <row r="97673" spans="1:7" x14ac:dyDescent="0.3">
      <c r="A97673" s="13" t="s">
        <v>483</v>
      </c>
      <c r="B97673" s="14" t="s">
        <v>1</v>
      </c>
      <c r="C97673" s="14" t="s">
        <v>47</v>
      </c>
      <c r="D97673" s="14" t="s">
        <v>81</v>
      </c>
      <c r="E97673" s="15">
        <v>45594</v>
      </c>
      <c r="F97673" s="14" t="s">
        <v>15</v>
      </c>
      <c r="G97673" s="16">
        <v>0</v>
      </c>
    </row>
    <row r="97674" spans="1:7" x14ac:dyDescent="0.3">
      <c r="A97674" s="13" t="s">
        <v>483</v>
      </c>
      <c r="B97674" s="14" t="s">
        <v>1</v>
      </c>
      <c r="C97674" s="14" t="s">
        <v>47</v>
      </c>
      <c r="D97674" s="14" t="s">
        <v>81</v>
      </c>
      <c r="E97674" s="15">
        <v>45595</v>
      </c>
      <c r="F97674" s="14" t="s">
        <v>15</v>
      </c>
      <c r="G97674" s="16">
        <v>0</v>
      </c>
    </row>
    <row r="97675" spans="1:7" x14ac:dyDescent="0.3">
      <c r="A97675" s="13" t="s">
        <v>483</v>
      </c>
      <c r="B97675" s="14" t="s">
        <v>1</v>
      </c>
      <c r="C97675" s="14" t="s">
        <v>47</v>
      </c>
      <c r="D97675" s="14" t="s">
        <v>81</v>
      </c>
      <c r="E97675" s="15">
        <v>45596</v>
      </c>
      <c r="F97675" s="14" t="s">
        <v>15</v>
      </c>
      <c r="G97675" s="16">
        <v>0</v>
      </c>
    </row>
    <row r="97676" spans="1:7" x14ac:dyDescent="0.3">
      <c r="A97676" s="13" t="s">
        <v>483</v>
      </c>
      <c r="B97676" s="14" t="s">
        <v>1</v>
      </c>
      <c r="C97676" s="14" t="s">
        <v>47</v>
      </c>
      <c r="D97676" s="14" t="s">
        <v>81</v>
      </c>
      <c r="E97676" s="15">
        <v>45597</v>
      </c>
      <c r="F97676" s="14" t="s">
        <v>15</v>
      </c>
      <c r="G97676" s="16">
        <v>0</v>
      </c>
    </row>
    <row r="97677" spans="1:7" x14ac:dyDescent="0.3">
      <c r="A97677" s="13" t="s">
        <v>483</v>
      </c>
      <c r="B97677" s="14" t="s">
        <v>1</v>
      </c>
      <c r="C97677" s="14" t="s">
        <v>47</v>
      </c>
      <c r="D97677" s="14" t="s">
        <v>81</v>
      </c>
      <c r="E97677" s="15">
        <v>45598</v>
      </c>
      <c r="F97677" s="14" t="s">
        <v>15</v>
      </c>
      <c r="G97677" s="16">
        <v>0</v>
      </c>
    </row>
    <row r="97678" spans="1:7" x14ac:dyDescent="0.3">
      <c r="A97678" s="13" t="s">
        <v>483</v>
      </c>
      <c r="B97678" s="14" t="s">
        <v>1</v>
      </c>
      <c r="C97678" s="14" t="s">
        <v>47</v>
      </c>
      <c r="D97678" s="14" t="s">
        <v>81</v>
      </c>
      <c r="E97678" s="15">
        <v>45599</v>
      </c>
      <c r="F97678" s="14" t="s">
        <v>15</v>
      </c>
      <c r="G97678" s="16">
        <v>0</v>
      </c>
    </row>
    <row r="97679" spans="1:7" x14ac:dyDescent="0.3">
      <c r="A97679" s="13" t="s">
        <v>483</v>
      </c>
      <c r="B97679" s="14" t="s">
        <v>1</v>
      </c>
      <c r="C97679" s="14" t="s">
        <v>47</v>
      </c>
      <c r="D97679" s="14" t="s">
        <v>81</v>
      </c>
      <c r="E97679" s="15">
        <v>45600</v>
      </c>
      <c r="F97679" s="14" t="s">
        <v>15</v>
      </c>
      <c r="G97679" s="16">
        <v>0</v>
      </c>
    </row>
    <row r="97680" spans="1:7" x14ac:dyDescent="0.3">
      <c r="A97680" s="13" t="s">
        <v>483</v>
      </c>
      <c r="B97680" s="14" t="s">
        <v>1</v>
      </c>
      <c r="C97680" s="14" t="s">
        <v>47</v>
      </c>
      <c r="D97680" s="14" t="s">
        <v>81</v>
      </c>
      <c r="E97680" s="15">
        <v>45601</v>
      </c>
      <c r="F97680" s="14" t="s">
        <v>15</v>
      </c>
      <c r="G97680" s="16">
        <v>0</v>
      </c>
    </row>
    <row r="97681" spans="1:7" x14ac:dyDescent="0.3">
      <c r="A97681" s="13" t="s">
        <v>483</v>
      </c>
      <c r="B97681" s="14" t="s">
        <v>1</v>
      </c>
      <c r="C97681" s="14" t="s">
        <v>47</v>
      </c>
      <c r="D97681" s="14" t="s">
        <v>81</v>
      </c>
      <c r="E97681" s="15">
        <v>45602</v>
      </c>
      <c r="F97681" s="14" t="s">
        <v>15</v>
      </c>
      <c r="G97681" s="16">
        <v>0</v>
      </c>
    </row>
    <row r="97682" spans="1:7" x14ac:dyDescent="0.3">
      <c r="A97682" s="13" t="s">
        <v>483</v>
      </c>
      <c r="B97682" s="14" t="s">
        <v>1</v>
      </c>
      <c r="C97682" s="14" t="s">
        <v>47</v>
      </c>
      <c r="D97682" s="14" t="s">
        <v>81</v>
      </c>
      <c r="E97682" s="15">
        <v>45603</v>
      </c>
      <c r="F97682" s="14" t="s">
        <v>15</v>
      </c>
      <c r="G97682" s="16">
        <v>0</v>
      </c>
    </row>
    <row r="97683" spans="1:7" x14ac:dyDescent="0.3">
      <c r="A97683" s="13" t="s">
        <v>483</v>
      </c>
      <c r="B97683" s="14" t="s">
        <v>1</v>
      </c>
      <c r="C97683" s="14" t="s">
        <v>47</v>
      </c>
      <c r="D97683" s="14" t="s">
        <v>81</v>
      </c>
      <c r="E97683" s="15">
        <v>45604</v>
      </c>
      <c r="F97683" s="14" t="s">
        <v>15</v>
      </c>
      <c r="G97683" s="16">
        <v>0</v>
      </c>
    </row>
    <row r="97684" spans="1:7" x14ac:dyDescent="0.3">
      <c r="A97684" s="13" t="s">
        <v>483</v>
      </c>
      <c r="B97684" s="14" t="s">
        <v>1</v>
      </c>
      <c r="C97684" s="14" t="s">
        <v>47</v>
      </c>
      <c r="D97684" s="14" t="s">
        <v>81</v>
      </c>
      <c r="E97684" s="15">
        <v>45605</v>
      </c>
      <c r="F97684" s="14" t="s">
        <v>15</v>
      </c>
      <c r="G97684" s="16">
        <v>0</v>
      </c>
    </row>
    <row r="97685" spans="1:7" x14ac:dyDescent="0.3">
      <c r="A97685" s="13" t="s">
        <v>483</v>
      </c>
      <c r="B97685" s="14" t="s">
        <v>1</v>
      </c>
      <c r="C97685" s="14" t="s">
        <v>47</v>
      </c>
      <c r="D97685" s="14" t="s">
        <v>81</v>
      </c>
      <c r="E97685" s="15">
        <v>45606</v>
      </c>
      <c r="F97685" s="14" t="s">
        <v>15</v>
      </c>
      <c r="G97685" s="16">
        <v>0</v>
      </c>
    </row>
    <row r="97686" spans="1:7" x14ac:dyDescent="0.3">
      <c r="A97686" s="13" t="s">
        <v>483</v>
      </c>
      <c r="B97686" s="14" t="s">
        <v>1</v>
      </c>
      <c r="C97686" s="14" t="s">
        <v>47</v>
      </c>
      <c r="D97686" s="14" t="s">
        <v>81</v>
      </c>
      <c r="E97686" s="15">
        <v>45607</v>
      </c>
      <c r="F97686" s="14" t="s">
        <v>15</v>
      </c>
      <c r="G97686" s="16">
        <v>0</v>
      </c>
    </row>
    <row r="97687" spans="1:7" x14ac:dyDescent="0.3">
      <c r="A97687" s="13" t="s">
        <v>483</v>
      </c>
      <c r="B97687" s="14" t="s">
        <v>1</v>
      </c>
      <c r="C97687" s="14" t="s">
        <v>47</v>
      </c>
      <c r="D97687" s="14" t="s">
        <v>81</v>
      </c>
      <c r="E97687" s="15">
        <v>45608</v>
      </c>
      <c r="F97687" s="14" t="s">
        <v>15</v>
      </c>
      <c r="G97687" s="16">
        <v>0</v>
      </c>
    </row>
    <row r="97688" spans="1:7" x14ac:dyDescent="0.3">
      <c r="A97688" s="13" t="s">
        <v>483</v>
      </c>
      <c r="B97688" s="14" t="s">
        <v>1</v>
      </c>
      <c r="C97688" s="14" t="s">
        <v>47</v>
      </c>
      <c r="D97688" s="14" t="s">
        <v>81</v>
      </c>
      <c r="E97688" s="15">
        <v>45609</v>
      </c>
      <c r="F97688" s="14" t="s">
        <v>15</v>
      </c>
      <c r="G97688" s="16">
        <v>0</v>
      </c>
    </row>
    <row r="97689" spans="1:7" x14ac:dyDescent="0.3">
      <c r="A97689" s="13" t="s">
        <v>483</v>
      </c>
      <c r="B97689" s="14" t="s">
        <v>1</v>
      </c>
      <c r="C97689" s="14" t="s">
        <v>47</v>
      </c>
      <c r="D97689" s="14" t="s">
        <v>81</v>
      </c>
      <c r="E97689" s="15">
        <v>45610</v>
      </c>
      <c r="F97689" s="14" t="s">
        <v>15</v>
      </c>
      <c r="G97689" s="16">
        <v>0</v>
      </c>
    </row>
    <row r="97690" spans="1:7" x14ac:dyDescent="0.3">
      <c r="A97690" s="13" t="s">
        <v>483</v>
      </c>
      <c r="B97690" s="14" t="s">
        <v>1</v>
      </c>
      <c r="C97690" s="14" t="s">
        <v>47</v>
      </c>
      <c r="D97690" s="14" t="s">
        <v>81</v>
      </c>
      <c r="E97690" s="15">
        <v>45611</v>
      </c>
      <c r="F97690" s="14" t="s">
        <v>15</v>
      </c>
      <c r="G97690" s="16">
        <v>0</v>
      </c>
    </row>
    <row r="97691" spans="1:7" x14ac:dyDescent="0.3">
      <c r="A97691" s="13" t="s">
        <v>483</v>
      </c>
      <c r="B97691" s="14" t="s">
        <v>1</v>
      </c>
      <c r="C97691" s="14" t="s">
        <v>47</v>
      </c>
      <c r="D97691" s="14" t="s">
        <v>81</v>
      </c>
      <c r="E97691" s="15">
        <v>45612</v>
      </c>
      <c r="F97691" s="14" t="s">
        <v>15</v>
      </c>
      <c r="G97691" s="16">
        <v>0</v>
      </c>
    </row>
    <row r="97692" spans="1:7" x14ac:dyDescent="0.3">
      <c r="A97692" s="13" t="s">
        <v>483</v>
      </c>
      <c r="B97692" s="14" t="s">
        <v>1</v>
      </c>
      <c r="C97692" s="14" t="s">
        <v>47</v>
      </c>
      <c r="D97692" s="14" t="s">
        <v>81</v>
      </c>
      <c r="E97692" s="15">
        <v>45613</v>
      </c>
      <c r="F97692" s="14" t="s">
        <v>15</v>
      </c>
      <c r="G97692" s="16">
        <v>0</v>
      </c>
    </row>
    <row r="97693" spans="1:7" x14ac:dyDescent="0.3">
      <c r="A97693" s="13" t="s">
        <v>483</v>
      </c>
      <c r="B97693" s="14" t="s">
        <v>1</v>
      </c>
      <c r="C97693" s="14" t="s">
        <v>47</v>
      </c>
      <c r="D97693" s="14" t="s">
        <v>81</v>
      </c>
      <c r="E97693" s="15">
        <v>45614</v>
      </c>
      <c r="F97693" s="14" t="s">
        <v>15</v>
      </c>
      <c r="G97693" s="16">
        <v>0</v>
      </c>
    </row>
    <row r="97694" spans="1:7" x14ac:dyDescent="0.3">
      <c r="A97694" s="13" t="s">
        <v>483</v>
      </c>
      <c r="B97694" s="14" t="s">
        <v>1</v>
      </c>
      <c r="C97694" s="14" t="s">
        <v>47</v>
      </c>
      <c r="D97694" s="14" t="s">
        <v>81</v>
      </c>
      <c r="E97694" s="15">
        <v>45615</v>
      </c>
      <c r="F97694" s="14" t="s">
        <v>15</v>
      </c>
      <c r="G97694" s="16">
        <v>0</v>
      </c>
    </row>
    <row r="97695" spans="1:7" x14ac:dyDescent="0.3">
      <c r="A97695" s="13" t="s">
        <v>483</v>
      </c>
      <c r="B97695" s="14" t="s">
        <v>1</v>
      </c>
      <c r="C97695" s="14" t="s">
        <v>47</v>
      </c>
      <c r="D97695" s="14" t="s">
        <v>81</v>
      </c>
      <c r="E97695" s="15">
        <v>45616</v>
      </c>
      <c r="F97695" s="14" t="s">
        <v>15</v>
      </c>
      <c r="G97695" s="16">
        <v>0</v>
      </c>
    </row>
    <row r="97696" spans="1:7" x14ac:dyDescent="0.3">
      <c r="A97696" s="13" t="s">
        <v>483</v>
      </c>
      <c r="B97696" s="14" t="s">
        <v>1</v>
      </c>
      <c r="C97696" s="14" t="s">
        <v>47</v>
      </c>
      <c r="D97696" s="14" t="s">
        <v>81</v>
      </c>
      <c r="E97696" s="15">
        <v>45617</v>
      </c>
      <c r="F97696" s="14" t="s">
        <v>15</v>
      </c>
      <c r="G97696" s="16">
        <v>0</v>
      </c>
    </row>
    <row r="97697" spans="1:7" x14ac:dyDescent="0.3">
      <c r="A97697" s="13" t="s">
        <v>483</v>
      </c>
      <c r="B97697" s="14" t="s">
        <v>1</v>
      </c>
      <c r="C97697" s="14" t="s">
        <v>47</v>
      </c>
      <c r="D97697" s="14" t="s">
        <v>81</v>
      </c>
      <c r="E97697" s="15">
        <v>45618</v>
      </c>
      <c r="F97697" s="14" t="s">
        <v>15</v>
      </c>
      <c r="G97697" s="16">
        <v>0</v>
      </c>
    </row>
    <row r="97698" spans="1:7" x14ac:dyDescent="0.3">
      <c r="A97698" s="13" t="s">
        <v>483</v>
      </c>
      <c r="B97698" s="14" t="s">
        <v>1</v>
      </c>
      <c r="C97698" s="14" t="s">
        <v>47</v>
      </c>
      <c r="D97698" s="14" t="s">
        <v>81</v>
      </c>
      <c r="E97698" s="15">
        <v>45619</v>
      </c>
      <c r="F97698" s="14" t="s">
        <v>15</v>
      </c>
      <c r="G97698" s="16">
        <v>0</v>
      </c>
    </row>
    <row r="97699" spans="1:7" x14ac:dyDescent="0.3">
      <c r="A97699" s="13" t="s">
        <v>483</v>
      </c>
      <c r="B97699" s="14" t="s">
        <v>1</v>
      </c>
      <c r="C97699" s="14" t="s">
        <v>47</v>
      </c>
      <c r="D97699" s="14" t="s">
        <v>81</v>
      </c>
      <c r="E97699" s="15">
        <v>45620</v>
      </c>
      <c r="F97699" s="14" t="s">
        <v>15</v>
      </c>
      <c r="G97699" s="16">
        <v>0</v>
      </c>
    </row>
    <row r="97700" spans="1:7" x14ac:dyDescent="0.3">
      <c r="A97700" s="13" t="s">
        <v>483</v>
      </c>
      <c r="B97700" s="14" t="s">
        <v>1</v>
      </c>
      <c r="C97700" s="14" t="s">
        <v>47</v>
      </c>
      <c r="D97700" s="14" t="s">
        <v>81</v>
      </c>
      <c r="E97700" s="15">
        <v>45621</v>
      </c>
      <c r="F97700" s="14" t="s">
        <v>15</v>
      </c>
      <c r="G97700" s="16">
        <v>0</v>
      </c>
    </row>
    <row r="97701" spans="1:7" x14ac:dyDescent="0.3">
      <c r="A97701" s="13" t="s">
        <v>483</v>
      </c>
      <c r="B97701" s="14" t="s">
        <v>1</v>
      </c>
      <c r="C97701" s="14" t="s">
        <v>47</v>
      </c>
      <c r="D97701" s="14" t="s">
        <v>81</v>
      </c>
      <c r="E97701" s="15">
        <v>45622</v>
      </c>
      <c r="F97701" s="14" t="s">
        <v>15</v>
      </c>
      <c r="G97701" s="16">
        <v>0</v>
      </c>
    </row>
    <row r="97702" spans="1:7" x14ac:dyDescent="0.3">
      <c r="A97702" s="13" t="s">
        <v>483</v>
      </c>
      <c r="B97702" s="14" t="s">
        <v>1</v>
      </c>
      <c r="C97702" s="14" t="s">
        <v>47</v>
      </c>
      <c r="D97702" s="14" t="s">
        <v>81</v>
      </c>
      <c r="E97702" s="15">
        <v>45623</v>
      </c>
      <c r="F97702" s="14" t="s">
        <v>15</v>
      </c>
      <c r="G97702" s="16">
        <v>0</v>
      </c>
    </row>
    <row r="97703" spans="1:7" x14ac:dyDescent="0.3">
      <c r="A97703" s="13" t="s">
        <v>483</v>
      </c>
      <c r="B97703" s="14" t="s">
        <v>1</v>
      </c>
      <c r="C97703" s="14" t="s">
        <v>47</v>
      </c>
      <c r="D97703" s="14" t="s">
        <v>81</v>
      </c>
      <c r="E97703" s="15">
        <v>45624</v>
      </c>
      <c r="F97703" s="14" t="s">
        <v>15</v>
      </c>
      <c r="G97703" s="16">
        <v>0</v>
      </c>
    </row>
    <row r="97704" spans="1:7" x14ac:dyDescent="0.3">
      <c r="A97704" s="13" t="s">
        <v>483</v>
      </c>
      <c r="B97704" s="14" t="s">
        <v>1</v>
      </c>
      <c r="C97704" s="14" t="s">
        <v>47</v>
      </c>
      <c r="D97704" s="14" t="s">
        <v>81</v>
      </c>
      <c r="E97704" s="15">
        <v>45625</v>
      </c>
      <c r="F97704" s="14" t="s">
        <v>15</v>
      </c>
      <c r="G97704" s="16">
        <v>0</v>
      </c>
    </row>
    <row r="97705" spans="1:7" x14ac:dyDescent="0.3">
      <c r="A97705" s="13" t="s">
        <v>483</v>
      </c>
      <c r="B97705" s="14" t="s">
        <v>1</v>
      </c>
      <c r="C97705" s="14" t="s">
        <v>47</v>
      </c>
      <c r="D97705" s="14" t="s">
        <v>81</v>
      </c>
      <c r="E97705" s="15">
        <v>45626</v>
      </c>
      <c r="F97705" s="14" t="s">
        <v>15</v>
      </c>
      <c r="G97705" s="16">
        <v>0</v>
      </c>
    </row>
    <row r="97706" spans="1:7" x14ac:dyDescent="0.3">
      <c r="A97706" s="13" t="s">
        <v>483</v>
      </c>
      <c r="B97706" s="14" t="s">
        <v>1</v>
      </c>
      <c r="C97706" s="14" t="s">
        <v>47</v>
      </c>
      <c r="D97706" s="14" t="s">
        <v>81</v>
      </c>
      <c r="E97706" s="15">
        <v>45627</v>
      </c>
      <c r="F97706" s="14" t="s">
        <v>15</v>
      </c>
      <c r="G97706" s="16">
        <v>0</v>
      </c>
    </row>
    <row r="97707" spans="1:7" x14ac:dyDescent="0.3">
      <c r="A97707" s="13" t="s">
        <v>483</v>
      </c>
      <c r="B97707" s="14" t="s">
        <v>1</v>
      </c>
      <c r="C97707" s="14" t="s">
        <v>47</v>
      </c>
      <c r="D97707" s="14" t="s">
        <v>81</v>
      </c>
      <c r="E97707" s="15">
        <v>45628</v>
      </c>
      <c r="F97707" s="14" t="s">
        <v>15</v>
      </c>
      <c r="G97707" s="16">
        <v>0</v>
      </c>
    </row>
    <row r="97708" spans="1:7" x14ac:dyDescent="0.3">
      <c r="A97708" s="13" t="s">
        <v>483</v>
      </c>
      <c r="B97708" s="14" t="s">
        <v>1</v>
      </c>
      <c r="C97708" s="14" t="s">
        <v>47</v>
      </c>
      <c r="D97708" s="14" t="s">
        <v>81</v>
      </c>
      <c r="E97708" s="15">
        <v>45629</v>
      </c>
      <c r="F97708" s="14" t="s">
        <v>15</v>
      </c>
      <c r="G97708" s="16">
        <v>0</v>
      </c>
    </row>
    <row r="97709" spans="1:7" x14ac:dyDescent="0.3">
      <c r="A97709" s="13" t="s">
        <v>483</v>
      </c>
      <c r="B97709" s="14" t="s">
        <v>1</v>
      </c>
      <c r="C97709" s="14" t="s">
        <v>47</v>
      </c>
      <c r="D97709" s="14" t="s">
        <v>81</v>
      </c>
      <c r="E97709" s="15">
        <v>45630</v>
      </c>
      <c r="F97709" s="14" t="s">
        <v>15</v>
      </c>
      <c r="G97709" s="16">
        <v>0</v>
      </c>
    </row>
    <row r="97710" spans="1:7" x14ac:dyDescent="0.3">
      <c r="A97710" s="13" t="s">
        <v>483</v>
      </c>
      <c r="B97710" s="14" t="s">
        <v>1</v>
      </c>
      <c r="C97710" s="14" t="s">
        <v>47</v>
      </c>
      <c r="D97710" s="14" t="s">
        <v>81</v>
      </c>
      <c r="E97710" s="15">
        <v>45631</v>
      </c>
      <c r="F97710" s="14" t="s">
        <v>15</v>
      </c>
      <c r="G97710" s="16">
        <v>0</v>
      </c>
    </row>
    <row r="97711" spans="1:7" x14ac:dyDescent="0.3">
      <c r="A97711" s="13" t="s">
        <v>483</v>
      </c>
      <c r="B97711" s="14" t="s">
        <v>1</v>
      </c>
      <c r="C97711" s="14" t="s">
        <v>47</v>
      </c>
      <c r="D97711" s="14" t="s">
        <v>81</v>
      </c>
      <c r="E97711" s="15">
        <v>45632</v>
      </c>
      <c r="F97711" s="14" t="s">
        <v>15</v>
      </c>
      <c r="G97711" s="16">
        <v>0</v>
      </c>
    </row>
    <row r="97712" spans="1:7" x14ac:dyDescent="0.3">
      <c r="A97712" s="13" t="s">
        <v>483</v>
      </c>
      <c r="B97712" s="14" t="s">
        <v>1</v>
      </c>
      <c r="C97712" s="14" t="s">
        <v>47</v>
      </c>
      <c r="D97712" s="14" t="s">
        <v>81</v>
      </c>
      <c r="E97712" s="15">
        <v>45633</v>
      </c>
      <c r="F97712" s="14" t="s">
        <v>15</v>
      </c>
      <c r="G97712" s="16">
        <v>0</v>
      </c>
    </row>
    <row r="97713" spans="1:7" x14ac:dyDescent="0.3">
      <c r="A97713" s="13" t="s">
        <v>483</v>
      </c>
      <c r="B97713" s="14" t="s">
        <v>1</v>
      </c>
      <c r="C97713" s="14" t="s">
        <v>47</v>
      </c>
      <c r="D97713" s="14" t="s">
        <v>81</v>
      </c>
      <c r="E97713" s="15">
        <v>45634</v>
      </c>
      <c r="F97713" s="14" t="s">
        <v>15</v>
      </c>
      <c r="G97713" s="16">
        <v>0</v>
      </c>
    </row>
    <row r="97714" spans="1:7" x14ac:dyDescent="0.3">
      <c r="A97714" s="13" t="s">
        <v>483</v>
      </c>
      <c r="B97714" s="14" t="s">
        <v>1</v>
      </c>
      <c r="C97714" s="14" t="s">
        <v>47</v>
      </c>
      <c r="D97714" s="14" t="s">
        <v>81</v>
      </c>
      <c r="E97714" s="15">
        <v>45635</v>
      </c>
      <c r="F97714" s="14" t="s">
        <v>15</v>
      </c>
      <c r="G97714" s="16">
        <v>0</v>
      </c>
    </row>
    <row r="97715" spans="1:7" x14ac:dyDescent="0.3">
      <c r="A97715" s="13" t="s">
        <v>483</v>
      </c>
      <c r="B97715" s="14" t="s">
        <v>1</v>
      </c>
      <c r="C97715" s="14" t="s">
        <v>47</v>
      </c>
      <c r="D97715" s="14" t="s">
        <v>81</v>
      </c>
      <c r="E97715" s="15">
        <v>45636</v>
      </c>
      <c r="F97715" s="14" t="s">
        <v>15</v>
      </c>
      <c r="G97715" s="16">
        <v>0</v>
      </c>
    </row>
    <row r="97716" spans="1:7" x14ac:dyDescent="0.3">
      <c r="A97716" s="13" t="s">
        <v>483</v>
      </c>
      <c r="B97716" s="14" t="s">
        <v>1</v>
      </c>
      <c r="C97716" s="14" t="s">
        <v>47</v>
      </c>
      <c r="D97716" s="14" t="s">
        <v>81</v>
      </c>
      <c r="E97716" s="15">
        <v>45637</v>
      </c>
      <c r="F97716" s="14" t="s">
        <v>15</v>
      </c>
      <c r="G97716" s="16">
        <v>0</v>
      </c>
    </row>
    <row r="97717" spans="1:7" x14ac:dyDescent="0.3">
      <c r="A97717" s="13" t="s">
        <v>483</v>
      </c>
      <c r="B97717" s="14" t="s">
        <v>1</v>
      </c>
      <c r="C97717" s="14" t="s">
        <v>47</v>
      </c>
      <c r="D97717" s="14" t="s">
        <v>81</v>
      </c>
      <c r="E97717" s="15">
        <v>45638</v>
      </c>
      <c r="F97717" s="14" t="s">
        <v>15</v>
      </c>
      <c r="G97717" s="16">
        <v>0</v>
      </c>
    </row>
    <row r="97718" spans="1:7" x14ac:dyDescent="0.3">
      <c r="A97718" s="13" t="s">
        <v>483</v>
      </c>
      <c r="B97718" s="14" t="s">
        <v>1</v>
      </c>
      <c r="C97718" s="14" t="s">
        <v>47</v>
      </c>
      <c r="D97718" s="14" t="s">
        <v>81</v>
      </c>
      <c r="E97718" s="15">
        <v>45639</v>
      </c>
      <c r="F97718" s="14" t="s">
        <v>15</v>
      </c>
      <c r="G97718" s="16">
        <v>0</v>
      </c>
    </row>
    <row r="97719" spans="1:7" x14ac:dyDescent="0.3">
      <c r="A97719" s="13" t="s">
        <v>483</v>
      </c>
      <c r="B97719" s="14" t="s">
        <v>1</v>
      </c>
      <c r="C97719" s="14" t="s">
        <v>47</v>
      </c>
      <c r="D97719" s="14" t="s">
        <v>81</v>
      </c>
      <c r="E97719" s="15">
        <v>45640</v>
      </c>
      <c r="F97719" s="14" t="s">
        <v>15</v>
      </c>
      <c r="G97719" s="16">
        <v>0</v>
      </c>
    </row>
    <row r="97720" spans="1:7" x14ac:dyDescent="0.3">
      <c r="A97720" s="13" t="s">
        <v>483</v>
      </c>
      <c r="B97720" s="14" t="s">
        <v>1</v>
      </c>
      <c r="C97720" s="14" t="s">
        <v>47</v>
      </c>
      <c r="D97720" s="14" t="s">
        <v>81</v>
      </c>
      <c r="E97720" s="15">
        <v>45641</v>
      </c>
      <c r="F97720" s="14" t="s">
        <v>15</v>
      </c>
      <c r="G97720" s="16">
        <v>0</v>
      </c>
    </row>
    <row r="97721" spans="1:7" x14ac:dyDescent="0.3">
      <c r="A97721" s="13" t="s">
        <v>483</v>
      </c>
      <c r="B97721" s="14" t="s">
        <v>1</v>
      </c>
      <c r="C97721" s="14" t="s">
        <v>47</v>
      </c>
      <c r="D97721" s="14" t="s">
        <v>81</v>
      </c>
      <c r="E97721" s="15">
        <v>45642</v>
      </c>
      <c r="F97721" s="14" t="s">
        <v>15</v>
      </c>
      <c r="G97721" s="16">
        <v>0</v>
      </c>
    </row>
    <row r="97722" spans="1:7" x14ac:dyDescent="0.3">
      <c r="A97722" s="13" t="s">
        <v>483</v>
      </c>
      <c r="B97722" s="14" t="s">
        <v>1</v>
      </c>
      <c r="C97722" s="14" t="s">
        <v>47</v>
      </c>
      <c r="D97722" s="14" t="s">
        <v>81</v>
      </c>
      <c r="E97722" s="15">
        <v>45643</v>
      </c>
      <c r="F97722" s="14" t="s">
        <v>15</v>
      </c>
      <c r="G97722" s="16">
        <v>0</v>
      </c>
    </row>
    <row r="97723" spans="1:7" x14ac:dyDescent="0.3">
      <c r="A97723" s="13" t="s">
        <v>483</v>
      </c>
      <c r="B97723" s="14" t="s">
        <v>1</v>
      </c>
      <c r="C97723" s="14" t="s">
        <v>47</v>
      </c>
      <c r="D97723" s="14" t="s">
        <v>81</v>
      </c>
      <c r="E97723" s="15">
        <v>45644</v>
      </c>
      <c r="F97723" s="14" t="s">
        <v>15</v>
      </c>
      <c r="G97723" s="16">
        <v>0</v>
      </c>
    </row>
    <row r="97724" spans="1:7" x14ac:dyDescent="0.3">
      <c r="A97724" s="13" t="s">
        <v>483</v>
      </c>
      <c r="B97724" s="14" t="s">
        <v>1</v>
      </c>
      <c r="C97724" s="14" t="s">
        <v>47</v>
      </c>
      <c r="D97724" s="14" t="s">
        <v>81</v>
      </c>
      <c r="E97724" s="15">
        <v>45645</v>
      </c>
      <c r="F97724" s="14" t="s">
        <v>15</v>
      </c>
      <c r="G97724" s="16">
        <v>0</v>
      </c>
    </row>
    <row r="97725" spans="1:7" x14ac:dyDescent="0.3">
      <c r="A97725" s="13" t="s">
        <v>483</v>
      </c>
      <c r="B97725" s="14" t="s">
        <v>1</v>
      </c>
      <c r="C97725" s="14" t="s">
        <v>47</v>
      </c>
      <c r="D97725" s="14" t="s">
        <v>81</v>
      </c>
      <c r="E97725" s="15">
        <v>45646</v>
      </c>
      <c r="F97725" s="14" t="s">
        <v>15</v>
      </c>
      <c r="G97725" s="16">
        <v>0</v>
      </c>
    </row>
    <row r="97726" spans="1:7" x14ac:dyDescent="0.3">
      <c r="A97726" s="13" t="s">
        <v>483</v>
      </c>
      <c r="B97726" s="14" t="s">
        <v>1</v>
      </c>
      <c r="C97726" s="14" t="s">
        <v>47</v>
      </c>
      <c r="D97726" s="14" t="s">
        <v>81</v>
      </c>
      <c r="E97726" s="15">
        <v>45647</v>
      </c>
      <c r="F97726" s="14" t="s">
        <v>15</v>
      </c>
      <c r="G97726" s="16">
        <v>0</v>
      </c>
    </row>
    <row r="97727" spans="1:7" x14ac:dyDescent="0.3">
      <c r="A97727" s="13" t="s">
        <v>483</v>
      </c>
      <c r="B97727" s="14" t="s">
        <v>1</v>
      </c>
      <c r="C97727" s="14" t="s">
        <v>47</v>
      </c>
      <c r="D97727" s="14" t="s">
        <v>81</v>
      </c>
      <c r="E97727" s="15">
        <v>45648</v>
      </c>
      <c r="F97727" s="14" t="s">
        <v>15</v>
      </c>
      <c r="G97727" s="16">
        <v>0</v>
      </c>
    </row>
    <row r="97728" spans="1:7" x14ac:dyDescent="0.3">
      <c r="A97728" s="13" t="s">
        <v>483</v>
      </c>
      <c r="B97728" s="14" t="s">
        <v>1</v>
      </c>
      <c r="C97728" s="14" t="s">
        <v>47</v>
      </c>
      <c r="D97728" s="14" t="s">
        <v>81</v>
      </c>
      <c r="E97728" s="15">
        <v>45649</v>
      </c>
      <c r="F97728" s="14" t="s">
        <v>15</v>
      </c>
      <c r="G97728" s="16">
        <v>0</v>
      </c>
    </row>
    <row r="97729" spans="1:7" x14ac:dyDescent="0.3">
      <c r="A97729" s="13" t="s">
        <v>483</v>
      </c>
      <c r="B97729" s="14" t="s">
        <v>1</v>
      </c>
      <c r="C97729" s="14" t="s">
        <v>47</v>
      </c>
      <c r="D97729" s="14" t="s">
        <v>81</v>
      </c>
      <c r="E97729" s="15">
        <v>45650</v>
      </c>
      <c r="F97729" s="14" t="s">
        <v>15</v>
      </c>
      <c r="G97729" s="16">
        <v>0</v>
      </c>
    </row>
    <row r="97730" spans="1:7" x14ac:dyDescent="0.3">
      <c r="A97730" s="13" t="s">
        <v>483</v>
      </c>
      <c r="B97730" s="14" t="s">
        <v>1</v>
      </c>
      <c r="C97730" s="14" t="s">
        <v>47</v>
      </c>
      <c r="D97730" s="14" t="s">
        <v>81</v>
      </c>
      <c r="E97730" s="15">
        <v>45651</v>
      </c>
      <c r="F97730" s="14" t="s">
        <v>15</v>
      </c>
      <c r="G97730" s="16">
        <v>0</v>
      </c>
    </row>
    <row r="97731" spans="1:7" x14ac:dyDescent="0.3">
      <c r="A97731" s="13" t="s">
        <v>483</v>
      </c>
      <c r="B97731" s="14" t="s">
        <v>1</v>
      </c>
      <c r="C97731" s="14" t="s">
        <v>47</v>
      </c>
      <c r="D97731" s="14" t="s">
        <v>81</v>
      </c>
      <c r="E97731" s="15">
        <v>45652</v>
      </c>
      <c r="F97731" s="14" t="s">
        <v>15</v>
      </c>
      <c r="G97731" s="16">
        <v>0</v>
      </c>
    </row>
    <row r="97732" spans="1:7" x14ac:dyDescent="0.3">
      <c r="A97732" s="13" t="s">
        <v>483</v>
      </c>
      <c r="B97732" s="14" t="s">
        <v>1</v>
      </c>
      <c r="C97732" s="14" t="s">
        <v>47</v>
      </c>
      <c r="D97732" s="14" t="s">
        <v>81</v>
      </c>
      <c r="E97732" s="15">
        <v>45653</v>
      </c>
      <c r="F97732" s="14" t="s">
        <v>15</v>
      </c>
      <c r="G97732" s="16">
        <v>0</v>
      </c>
    </row>
    <row r="97733" spans="1:7" x14ac:dyDescent="0.3">
      <c r="A97733" s="13" t="s">
        <v>483</v>
      </c>
      <c r="B97733" s="14" t="s">
        <v>1</v>
      </c>
      <c r="C97733" s="14" t="s">
        <v>47</v>
      </c>
      <c r="D97733" s="14" t="s">
        <v>81</v>
      </c>
      <c r="E97733" s="15">
        <v>45654</v>
      </c>
      <c r="F97733" s="14" t="s">
        <v>15</v>
      </c>
      <c r="G97733" s="16">
        <v>0</v>
      </c>
    </row>
    <row r="97734" spans="1:7" x14ac:dyDescent="0.3">
      <c r="A97734" s="13" t="s">
        <v>483</v>
      </c>
      <c r="B97734" s="14" t="s">
        <v>1</v>
      </c>
      <c r="C97734" s="14" t="s">
        <v>47</v>
      </c>
      <c r="D97734" s="14" t="s">
        <v>81</v>
      </c>
      <c r="E97734" s="15">
        <v>45655</v>
      </c>
      <c r="F97734" s="14" t="s">
        <v>15</v>
      </c>
      <c r="G97734" s="16">
        <v>0</v>
      </c>
    </row>
    <row r="97735" spans="1:7" x14ac:dyDescent="0.3">
      <c r="A97735" s="13" t="s">
        <v>483</v>
      </c>
      <c r="B97735" s="14" t="s">
        <v>1</v>
      </c>
      <c r="C97735" s="14" t="s">
        <v>47</v>
      </c>
      <c r="D97735" s="14" t="s">
        <v>81</v>
      </c>
      <c r="E97735" s="15">
        <v>45656</v>
      </c>
      <c r="F97735" s="14" t="s">
        <v>15</v>
      </c>
      <c r="G97735" s="16">
        <v>0</v>
      </c>
    </row>
    <row r="97736" spans="1:7" x14ac:dyDescent="0.3">
      <c r="A97736" s="13" t="s">
        <v>483</v>
      </c>
      <c r="B97736" s="14" t="s">
        <v>1</v>
      </c>
      <c r="C97736" s="14" t="s">
        <v>47</v>
      </c>
      <c r="D97736" s="14" t="s">
        <v>81</v>
      </c>
      <c r="E97736" s="15">
        <v>45657</v>
      </c>
      <c r="F97736" s="14" t="s">
        <v>15</v>
      </c>
      <c r="G97736" s="16">
        <v>0</v>
      </c>
    </row>
    <row r="97737" spans="1:7" x14ac:dyDescent="0.3">
      <c r="A97737" s="13" t="s">
        <v>483</v>
      </c>
      <c r="B97737" s="14" t="s">
        <v>1</v>
      </c>
      <c r="C97737" s="14" t="s">
        <v>47</v>
      </c>
      <c r="D97737" s="14" t="s">
        <v>81</v>
      </c>
      <c r="E97737" s="15">
        <v>45658</v>
      </c>
      <c r="F97737" s="14" t="s">
        <v>15</v>
      </c>
      <c r="G97737" s="16">
        <v>0</v>
      </c>
    </row>
    <row r="97738" spans="1:7" x14ac:dyDescent="0.3">
      <c r="A97738" s="13" t="s">
        <v>483</v>
      </c>
      <c r="B97738" s="14" t="s">
        <v>1</v>
      </c>
      <c r="C97738" s="14" t="s">
        <v>47</v>
      </c>
      <c r="D97738" s="14" t="s">
        <v>81</v>
      </c>
      <c r="E97738" s="15">
        <v>45659</v>
      </c>
      <c r="F97738" s="14" t="s">
        <v>15</v>
      </c>
      <c r="G97738" s="16">
        <v>0</v>
      </c>
    </row>
    <row r="97739" spans="1:7" x14ac:dyDescent="0.3">
      <c r="A97739" s="13" t="s">
        <v>483</v>
      </c>
      <c r="B97739" s="14" t="s">
        <v>1</v>
      </c>
      <c r="C97739" s="14" t="s">
        <v>47</v>
      </c>
      <c r="D97739" s="14" t="s">
        <v>81</v>
      </c>
      <c r="E97739" s="15">
        <v>45660</v>
      </c>
      <c r="F97739" s="14" t="s">
        <v>15</v>
      </c>
      <c r="G97739" s="16">
        <v>0</v>
      </c>
    </row>
    <row r="97740" spans="1:7" x14ac:dyDescent="0.3">
      <c r="A97740" s="13" t="s">
        <v>483</v>
      </c>
      <c r="B97740" s="14" t="s">
        <v>1</v>
      </c>
      <c r="C97740" s="14" t="s">
        <v>47</v>
      </c>
      <c r="D97740" s="14" t="s">
        <v>81</v>
      </c>
      <c r="E97740" s="15">
        <v>45661</v>
      </c>
      <c r="F97740" s="14" t="s">
        <v>15</v>
      </c>
      <c r="G97740" s="16">
        <v>0</v>
      </c>
    </row>
    <row r="97741" spans="1:7" x14ac:dyDescent="0.3">
      <c r="A97741" s="13" t="s">
        <v>483</v>
      </c>
      <c r="B97741" s="14" t="s">
        <v>1</v>
      </c>
      <c r="C97741" s="14" t="s">
        <v>47</v>
      </c>
      <c r="D97741" s="14" t="s">
        <v>81</v>
      </c>
      <c r="E97741" s="15">
        <v>45662</v>
      </c>
      <c r="F97741" s="14" t="s">
        <v>15</v>
      </c>
      <c r="G97741" s="16">
        <v>0</v>
      </c>
    </row>
    <row r="97742" spans="1:7" x14ac:dyDescent="0.3">
      <c r="A97742" s="13" t="s">
        <v>483</v>
      </c>
      <c r="B97742" s="14" t="s">
        <v>1</v>
      </c>
      <c r="C97742" s="14" t="s">
        <v>47</v>
      </c>
      <c r="D97742" s="14" t="s">
        <v>81</v>
      </c>
      <c r="E97742" s="15">
        <v>45663</v>
      </c>
      <c r="F97742" s="14" t="s">
        <v>15</v>
      </c>
      <c r="G97742" s="16">
        <v>0</v>
      </c>
    </row>
    <row r="97743" spans="1:7" x14ac:dyDescent="0.3">
      <c r="A97743" s="13" t="s">
        <v>483</v>
      </c>
      <c r="B97743" s="14" t="s">
        <v>1</v>
      </c>
      <c r="C97743" s="14" t="s">
        <v>47</v>
      </c>
      <c r="D97743" s="14" t="s">
        <v>81</v>
      </c>
      <c r="E97743" s="15">
        <v>45664</v>
      </c>
      <c r="F97743" s="14" t="s">
        <v>15</v>
      </c>
      <c r="G97743" s="16">
        <v>0</v>
      </c>
    </row>
    <row r="97744" spans="1:7" x14ac:dyDescent="0.3">
      <c r="A97744" s="13" t="s">
        <v>483</v>
      </c>
      <c r="B97744" s="14" t="s">
        <v>1</v>
      </c>
      <c r="C97744" s="14" t="s">
        <v>47</v>
      </c>
      <c r="D97744" s="14" t="s">
        <v>81</v>
      </c>
      <c r="E97744" s="15">
        <v>45665</v>
      </c>
      <c r="F97744" s="14" t="s">
        <v>15</v>
      </c>
      <c r="G97744" s="16">
        <v>0</v>
      </c>
    </row>
    <row r="97745" spans="1:7" x14ac:dyDescent="0.3">
      <c r="A97745" s="13" t="s">
        <v>483</v>
      </c>
      <c r="B97745" s="14" t="s">
        <v>1</v>
      </c>
      <c r="C97745" s="14" t="s">
        <v>47</v>
      </c>
      <c r="D97745" s="14" t="s">
        <v>81</v>
      </c>
      <c r="E97745" s="15">
        <v>45666</v>
      </c>
      <c r="F97745" s="14" t="s">
        <v>15</v>
      </c>
      <c r="G97745" s="16">
        <v>0</v>
      </c>
    </row>
    <row r="97746" spans="1:7" x14ac:dyDescent="0.3">
      <c r="A97746" s="13" t="s">
        <v>483</v>
      </c>
      <c r="B97746" s="14" t="s">
        <v>1</v>
      </c>
      <c r="C97746" s="14" t="s">
        <v>47</v>
      </c>
      <c r="D97746" s="14" t="s">
        <v>81</v>
      </c>
      <c r="E97746" s="15">
        <v>45667</v>
      </c>
      <c r="F97746" s="14" t="s">
        <v>15</v>
      </c>
      <c r="G97746" s="16">
        <v>0</v>
      </c>
    </row>
    <row r="97747" spans="1:7" x14ac:dyDescent="0.3">
      <c r="A97747" s="13" t="s">
        <v>483</v>
      </c>
      <c r="B97747" s="14" t="s">
        <v>1</v>
      </c>
      <c r="C97747" s="14" t="s">
        <v>47</v>
      </c>
      <c r="D97747" s="14" t="s">
        <v>81</v>
      </c>
      <c r="E97747" s="15">
        <v>45668</v>
      </c>
      <c r="F97747" s="14" t="s">
        <v>15</v>
      </c>
      <c r="G97747" s="16">
        <v>0</v>
      </c>
    </row>
    <row r="97748" spans="1:7" x14ac:dyDescent="0.3">
      <c r="A97748" s="13" t="s">
        <v>483</v>
      </c>
      <c r="B97748" s="14" t="s">
        <v>1</v>
      </c>
      <c r="C97748" s="14" t="s">
        <v>47</v>
      </c>
      <c r="D97748" s="14" t="s">
        <v>81</v>
      </c>
      <c r="E97748" s="15">
        <v>45669</v>
      </c>
      <c r="F97748" s="14" t="s">
        <v>15</v>
      </c>
      <c r="G97748" s="16">
        <v>0</v>
      </c>
    </row>
    <row r="97749" spans="1:7" x14ac:dyDescent="0.3">
      <c r="A97749" s="13" t="s">
        <v>483</v>
      </c>
      <c r="B97749" s="14" t="s">
        <v>1</v>
      </c>
      <c r="C97749" s="14" t="s">
        <v>47</v>
      </c>
      <c r="D97749" s="14" t="s">
        <v>81</v>
      </c>
      <c r="E97749" s="15">
        <v>45670</v>
      </c>
      <c r="F97749" s="14" t="s">
        <v>15</v>
      </c>
      <c r="G97749" s="16">
        <v>0</v>
      </c>
    </row>
    <row r="97750" spans="1:7" x14ac:dyDescent="0.3">
      <c r="A97750" s="13" t="s">
        <v>483</v>
      </c>
      <c r="B97750" s="14" t="s">
        <v>1</v>
      </c>
      <c r="C97750" s="14" t="s">
        <v>47</v>
      </c>
      <c r="D97750" s="14" t="s">
        <v>81</v>
      </c>
      <c r="E97750" s="15">
        <v>45671</v>
      </c>
      <c r="F97750" s="14" t="s">
        <v>15</v>
      </c>
      <c r="G97750" s="16">
        <v>0</v>
      </c>
    </row>
    <row r="97751" spans="1:7" x14ac:dyDescent="0.3">
      <c r="A97751" s="13" t="s">
        <v>483</v>
      </c>
      <c r="B97751" s="14" t="s">
        <v>1</v>
      </c>
      <c r="C97751" s="14" t="s">
        <v>47</v>
      </c>
      <c r="D97751" s="14" t="s">
        <v>81</v>
      </c>
      <c r="E97751" s="15">
        <v>45672</v>
      </c>
      <c r="F97751" s="14" t="s">
        <v>15</v>
      </c>
      <c r="G97751" s="16">
        <v>0</v>
      </c>
    </row>
    <row r="97752" spans="1:7" x14ac:dyDescent="0.3">
      <c r="A97752" s="13" t="s">
        <v>483</v>
      </c>
      <c r="B97752" s="14" t="s">
        <v>1</v>
      </c>
      <c r="C97752" s="14" t="s">
        <v>47</v>
      </c>
      <c r="D97752" s="14" t="s">
        <v>81</v>
      </c>
      <c r="E97752" s="15">
        <v>45673</v>
      </c>
      <c r="F97752" s="14" t="s">
        <v>15</v>
      </c>
      <c r="G97752" s="16">
        <v>0</v>
      </c>
    </row>
    <row r="97753" spans="1:7" x14ac:dyDescent="0.3">
      <c r="A97753" s="13" t="s">
        <v>483</v>
      </c>
      <c r="B97753" s="14" t="s">
        <v>1</v>
      </c>
      <c r="C97753" s="14" t="s">
        <v>47</v>
      </c>
      <c r="D97753" s="14" t="s">
        <v>81</v>
      </c>
      <c r="E97753" s="15">
        <v>45674</v>
      </c>
      <c r="F97753" s="14" t="s">
        <v>15</v>
      </c>
      <c r="G97753" s="16">
        <v>0</v>
      </c>
    </row>
    <row r="97754" spans="1:7" x14ac:dyDescent="0.3">
      <c r="A97754" s="13" t="s">
        <v>483</v>
      </c>
      <c r="B97754" s="14" t="s">
        <v>1</v>
      </c>
      <c r="C97754" s="14" t="s">
        <v>47</v>
      </c>
      <c r="D97754" s="14" t="s">
        <v>81</v>
      </c>
      <c r="E97754" s="15">
        <v>45675</v>
      </c>
      <c r="F97754" s="14" t="s">
        <v>15</v>
      </c>
      <c r="G97754" s="16">
        <v>0</v>
      </c>
    </row>
    <row r="97755" spans="1:7" x14ac:dyDescent="0.3">
      <c r="A97755" s="13" t="s">
        <v>483</v>
      </c>
      <c r="B97755" s="14" t="s">
        <v>1</v>
      </c>
      <c r="C97755" s="14" t="s">
        <v>47</v>
      </c>
      <c r="D97755" s="14" t="s">
        <v>81</v>
      </c>
      <c r="E97755" s="15">
        <v>45676</v>
      </c>
      <c r="F97755" s="14" t="s">
        <v>15</v>
      </c>
      <c r="G97755" s="16">
        <v>0</v>
      </c>
    </row>
    <row r="97756" spans="1:7" x14ac:dyDescent="0.3">
      <c r="A97756" s="13" t="s">
        <v>483</v>
      </c>
      <c r="B97756" s="14" t="s">
        <v>1</v>
      </c>
      <c r="C97756" s="14" t="s">
        <v>47</v>
      </c>
      <c r="D97756" s="14" t="s">
        <v>81</v>
      </c>
      <c r="E97756" s="15">
        <v>45677</v>
      </c>
      <c r="F97756" s="14" t="s">
        <v>15</v>
      </c>
      <c r="G97756" s="16">
        <v>0</v>
      </c>
    </row>
    <row r="97757" spans="1:7" x14ac:dyDescent="0.3">
      <c r="A97757" s="13" t="s">
        <v>483</v>
      </c>
      <c r="B97757" s="14" t="s">
        <v>1</v>
      </c>
      <c r="C97757" s="14" t="s">
        <v>47</v>
      </c>
      <c r="D97757" s="14" t="s">
        <v>81</v>
      </c>
      <c r="E97757" s="15">
        <v>45678</v>
      </c>
      <c r="F97757" s="14" t="s">
        <v>15</v>
      </c>
      <c r="G97757" s="16">
        <v>0</v>
      </c>
    </row>
    <row r="97758" spans="1:7" x14ac:dyDescent="0.3">
      <c r="A97758" s="13" t="s">
        <v>483</v>
      </c>
      <c r="B97758" s="14" t="s">
        <v>1</v>
      </c>
      <c r="C97758" s="14" t="s">
        <v>47</v>
      </c>
      <c r="D97758" s="14" t="s">
        <v>81</v>
      </c>
      <c r="E97758" s="15">
        <v>45679</v>
      </c>
      <c r="F97758" s="14" t="s">
        <v>15</v>
      </c>
      <c r="G97758" s="16">
        <v>0</v>
      </c>
    </row>
    <row r="97759" spans="1:7" x14ac:dyDescent="0.3">
      <c r="A97759" s="13" t="s">
        <v>483</v>
      </c>
      <c r="B97759" s="14" t="s">
        <v>1</v>
      </c>
      <c r="C97759" s="14" t="s">
        <v>47</v>
      </c>
      <c r="D97759" s="14" t="s">
        <v>81</v>
      </c>
      <c r="E97759" s="15">
        <v>45680</v>
      </c>
      <c r="F97759" s="14" t="s">
        <v>15</v>
      </c>
      <c r="G97759" s="16">
        <v>0</v>
      </c>
    </row>
    <row r="97760" spans="1:7" x14ac:dyDescent="0.3">
      <c r="A97760" s="13" t="s">
        <v>483</v>
      </c>
      <c r="B97760" s="14" t="s">
        <v>1</v>
      </c>
      <c r="C97760" s="14" t="s">
        <v>47</v>
      </c>
      <c r="D97760" s="14" t="s">
        <v>81</v>
      </c>
      <c r="E97760" s="15">
        <v>45681</v>
      </c>
      <c r="F97760" s="14" t="s">
        <v>15</v>
      </c>
      <c r="G97760" s="16">
        <v>0</v>
      </c>
    </row>
    <row r="97761" spans="1:7" x14ac:dyDescent="0.3">
      <c r="A97761" s="13" t="s">
        <v>483</v>
      </c>
      <c r="B97761" s="14" t="s">
        <v>1</v>
      </c>
      <c r="C97761" s="14" t="s">
        <v>47</v>
      </c>
      <c r="D97761" s="14" t="s">
        <v>81</v>
      </c>
      <c r="E97761" s="15">
        <v>45682</v>
      </c>
      <c r="F97761" s="14" t="s">
        <v>15</v>
      </c>
      <c r="G97761" s="16">
        <v>0</v>
      </c>
    </row>
    <row r="97762" spans="1:7" x14ac:dyDescent="0.3">
      <c r="A97762" s="13" t="s">
        <v>483</v>
      </c>
      <c r="B97762" s="14" t="s">
        <v>1</v>
      </c>
      <c r="C97762" s="14" t="s">
        <v>47</v>
      </c>
      <c r="D97762" s="14" t="s">
        <v>81</v>
      </c>
      <c r="E97762" s="15">
        <v>45683</v>
      </c>
      <c r="F97762" s="14" t="s">
        <v>15</v>
      </c>
      <c r="G97762" s="16">
        <v>0</v>
      </c>
    </row>
    <row r="97763" spans="1:7" x14ac:dyDescent="0.3">
      <c r="A97763" s="13" t="s">
        <v>483</v>
      </c>
      <c r="B97763" s="14" t="s">
        <v>1</v>
      </c>
      <c r="C97763" s="14" t="s">
        <v>47</v>
      </c>
      <c r="D97763" s="14" t="s">
        <v>81</v>
      </c>
      <c r="E97763" s="15">
        <v>45684</v>
      </c>
      <c r="F97763" s="14" t="s">
        <v>15</v>
      </c>
      <c r="G97763" s="16">
        <v>0</v>
      </c>
    </row>
    <row r="97764" spans="1:7" x14ac:dyDescent="0.3">
      <c r="A97764" s="13" t="s">
        <v>483</v>
      </c>
      <c r="B97764" s="14" t="s">
        <v>1</v>
      </c>
      <c r="C97764" s="14" t="s">
        <v>47</v>
      </c>
      <c r="D97764" s="14" t="s">
        <v>81</v>
      </c>
      <c r="E97764" s="15">
        <v>45685</v>
      </c>
      <c r="F97764" s="14" t="s">
        <v>15</v>
      </c>
      <c r="G97764" s="16">
        <v>0</v>
      </c>
    </row>
    <row r="97765" spans="1:7" x14ac:dyDescent="0.3">
      <c r="A97765" s="13" t="s">
        <v>483</v>
      </c>
      <c r="B97765" s="14" t="s">
        <v>1</v>
      </c>
      <c r="C97765" s="14" t="s">
        <v>47</v>
      </c>
      <c r="D97765" s="14" t="s">
        <v>81</v>
      </c>
      <c r="E97765" s="15">
        <v>45686</v>
      </c>
      <c r="F97765" s="14" t="s">
        <v>15</v>
      </c>
      <c r="G97765" s="16">
        <v>0</v>
      </c>
    </row>
    <row r="97766" spans="1:7" x14ac:dyDescent="0.3">
      <c r="A97766" s="13" t="s">
        <v>483</v>
      </c>
      <c r="B97766" s="14" t="s">
        <v>1</v>
      </c>
      <c r="C97766" s="14" t="s">
        <v>47</v>
      </c>
      <c r="D97766" s="14" t="s">
        <v>81</v>
      </c>
      <c r="E97766" s="15">
        <v>45687</v>
      </c>
      <c r="F97766" s="14" t="s">
        <v>15</v>
      </c>
      <c r="G97766" s="16">
        <v>0</v>
      </c>
    </row>
    <row r="97767" spans="1:7" x14ac:dyDescent="0.3">
      <c r="A97767" s="13" t="s">
        <v>483</v>
      </c>
      <c r="B97767" s="14" t="s">
        <v>1</v>
      </c>
      <c r="C97767" s="14" t="s">
        <v>47</v>
      </c>
      <c r="D97767" s="14" t="s">
        <v>81</v>
      </c>
      <c r="E97767" s="15">
        <v>45688</v>
      </c>
      <c r="F97767" s="14" t="s">
        <v>15</v>
      </c>
      <c r="G97767" s="16">
        <v>0</v>
      </c>
    </row>
    <row r="97768" spans="1:7" x14ac:dyDescent="0.3">
      <c r="A97768" s="13" t="s">
        <v>483</v>
      </c>
      <c r="B97768" s="14" t="s">
        <v>1</v>
      </c>
      <c r="C97768" s="14" t="s">
        <v>47</v>
      </c>
      <c r="D97768" s="14" t="s">
        <v>81</v>
      </c>
      <c r="E97768" s="15">
        <v>45689</v>
      </c>
      <c r="F97768" s="14" t="s">
        <v>15</v>
      </c>
      <c r="G97768" s="16">
        <v>0</v>
      </c>
    </row>
    <row r="97769" spans="1:7" x14ac:dyDescent="0.3">
      <c r="A97769" s="13" t="s">
        <v>483</v>
      </c>
      <c r="B97769" s="14" t="s">
        <v>1</v>
      </c>
      <c r="C97769" s="14" t="s">
        <v>47</v>
      </c>
      <c r="D97769" s="14" t="s">
        <v>81</v>
      </c>
      <c r="E97769" s="15">
        <v>45690</v>
      </c>
      <c r="F97769" s="14" t="s">
        <v>15</v>
      </c>
      <c r="G97769" s="16">
        <v>0</v>
      </c>
    </row>
    <row r="97770" spans="1:7" x14ac:dyDescent="0.3">
      <c r="A97770" s="13" t="s">
        <v>483</v>
      </c>
      <c r="B97770" s="14" t="s">
        <v>1</v>
      </c>
      <c r="C97770" s="14" t="s">
        <v>47</v>
      </c>
      <c r="D97770" s="14" t="s">
        <v>81</v>
      </c>
      <c r="E97770" s="15">
        <v>45691</v>
      </c>
      <c r="F97770" s="14" t="s">
        <v>15</v>
      </c>
      <c r="G97770" s="16">
        <v>0</v>
      </c>
    </row>
    <row r="97771" spans="1:7" x14ac:dyDescent="0.3">
      <c r="A97771" s="13" t="s">
        <v>483</v>
      </c>
      <c r="B97771" s="14" t="s">
        <v>1</v>
      </c>
      <c r="C97771" s="14" t="s">
        <v>47</v>
      </c>
      <c r="D97771" s="14" t="s">
        <v>81</v>
      </c>
      <c r="E97771" s="15">
        <v>45692</v>
      </c>
      <c r="F97771" s="14" t="s">
        <v>15</v>
      </c>
      <c r="G97771" s="16">
        <v>0</v>
      </c>
    </row>
    <row r="97772" spans="1:7" x14ac:dyDescent="0.3">
      <c r="A97772" s="13" t="s">
        <v>483</v>
      </c>
      <c r="B97772" s="14" t="s">
        <v>1</v>
      </c>
      <c r="C97772" s="14" t="s">
        <v>47</v>
      </c>
      <c r="D97772" s="14" t="s">
        <v>81</v>
      </c>
      <c r="E97772" s="15">
        <v>45693</v>
      </c>
      <c r="F97772" s="14" t="s">
        <v>15</v>
      </c>
      <c r="G97772" s="16">
        <v>0</v>
      </c>
    </row>
    <row r="97773" spans="1:7" x14ac:dyDescent="0.3">
      <c r="A97773" s="13" t="s">
        <v>483</v>
      </c>
      <c r="B97773" s="14" t="s">
        <v>1</v>
      </c>
      <c r="C97773" s="14" t="s">
        <v>47</v>
      </c>
      <c r="D97773" s="14" t="s">
        <v>81</v>
      </c>
      <c r="E97773" s="15">
        <v>45694</v>
      </c>
      <c r="F97773" s="14" t="s">
        <v>15</v>
      </c>
      <c r="G97773" s="16">
        <v>0</v>
      </c>
    </row>
    <row r="97774" spans="1:7" x14ac:dyDescent="0.3">
      <c r="A97774" s="13" t="s">
        <v>483</v>
      </c>
      <c r="B97774" s="14" t="s">
        <v>1</v>
      </c>
      <c r="C97774" s="14" t="s">
        <v>47</v>
      </c>
      <c r="D97774" s="14" t="s">
        <v>81</v>
      </c>
      <c r="E97774" s="15">
        <v>45695</v>
      </c>
      <c r="F97774" s="14" t="s">
        <v>15</v>
      </c>
      <c r="G97774" s="16">
        <v>0</v>
      </c>
    </row>
    <row r="97775" spans="1:7" x14ac:dyDescent="0.3">
      <c r="A97775" s="13" t="s">
        <v>483</v>
      </c>
      <c r="B97775" s="14" t="s">
        <v>1</v>
      </c>
      <c r="C97775" s="14" t="s">
        <v>47</v>
      </c>
      <c r="D97775" s="14" t="s">
        <v>81</v>
      </c>
      <c r="E97775" s="15">
        <v>45696</v>
      </c>
      <c r="F97775" s="14" t="s">
        <v>15</v>
      </c>
      <c r="G97775" s="16">
        <v>0</v>
      </c>
    </row>
    <row r="97776" spans="1:7" x14ac:dyDescent="0.3">
      <c r="A97776" s="13" t="s">
        <v>483</v>
      </c>
      <c r="B97776" s="14" t="s">
        <v>1</v>
      </c>
      <c r="C97776" s="14" t="s">
        <v>47</v>
      </c>
      <c r="D97776" s="14" t="s">
        <v>81</v>
      </c>
      <c r="E97776" s="15">
        <v>45697</v>
      </c>
      <c r="F97776" s="14" t="s">
        <v>15</v>
      </c>
      <c r="G97776" s="16">
        <v>0</v>
      </c>
    </row>
    <row r="97777" spans="1:7" x14ac:dyDescent="0.3">
      <c r="A97777" s="13" t="s">
        <v>483</v>
      </c>
      <c r="B97777" s="14" t="s">
        <v>1</v>
      </c>
      <c r="C97777" s="14" t="s">
        <v>47</v>
      </c>
      <c r="D97777" s="14" t="s">
        <v>81</v>
      </c>
      <c r="E97777" s="15">
        <v>45698</v>
      </c>
      <c r="F97777" s="14" t="s">
        <v>15</v>
      </c>
      <c r="G97777" s="16">
        <v>0</v>
      </c>
    </row>
    <row r="97778" spans="1:7" x14ac:dyDescent="0.3">
      <c r="A97778" s="13" t="s">
        <v>483</v>
      </c>
      <c r="B97778" s="14" t="s">
        <v>1</v>
      </c>
      <c r="C97778" s="14" t="s">
        <v>47</v>
      </c>
      <c r="D97778" s="14" t="s">
        <v>81</v>
      </c>
      <c r="E97778" s="15">
        <v>45699</v>
      </c>
      <c r="F97778" s="14" t="s">
        <v>15</v>
      </c>
      <c r="G97778" s="16">
        <v>0</v>
      </c>
    </row>
    <row r="97779" spans="1:7" x14ac:dyDescent="0.3">
      <c r="A97779" s="13" t="s">
        <v>483</v>
      </c>
      <c r="B97779" s="14" t="s">
        <v>1</v>
      </c>
      <c r="C97779" s="14" t="s">
        <v>47</v>
      </c>
      <c r="D97779" s="14" t="s">
        <v>81</v>
      </c>
      <c r="E97779" s="15">
        <v>45700</v>
      </c>
      <c r="F97779" s="14" t="s">
        <v>15</v>
      </c>
      <c r="G97779" s="16">
        <v>0</v>
      </c>
    </row>
    <row r="97780" spans="1:7" x14ac:dyDescent="0.3">
      <c r="A97780" s="13" t="s">
        <v>483</v>
      </c>
      <c r="B97780" s="14" t="s">
        <v>1</v>
      </c>
      <c r="C97780" s="14" t="s">
        <v>47</v>
      </c>
      <c r="D97780" s="14" t="s">
        <v>81</v>
      </c>
      <c r="E97780" s="15">
        <v>45701</v>
      </c>
      <c r="F97780" s="14" t="s">
        <v>15</v>
      </c>
      <c r="G97780" s="16">
        <v>0</v>
      </c>
    </row>
    <row r="97781" spans="1:7" x14ac:dyDescent="0.3">
      <c r="A97781" s="13" t="s">
        <v>483</v>
      </c>
      <c r="B97781" s="14" t="s">
        <v>1</v>
      </c>
      <c r="C97781" s="14" t="s">
        <v>47</v>
      </c>
      <c r="D97781" s="14" t="s">
        <v>81</v>
      </c>
      <c r="E97781" s="15">
        <v>45702</v>
      </c>
      <c r="F97781" s="14" t="s">
        <v>15</v>
      </c>
      <c r="G97781" s="16">
        <v>0</v>
      </c>
    </row>
    <row r="97782" spans="1:7" x14ac:dyDescent="0.3">
      <c r="A97782" s="13" t="s">
        <v>483</v>
      </c>
      <c r="B97782" s="14" t="s">
        <v>1</v>
      </c>
      <c r="C97782" s="14" t="s">
        <v>47</v>
      </c>
      <c r="D97782" s="14" t="s">
        <v>81</v>
      </c>
      <c r="E97782" s="15">
        <v>45703</v>
      </c>
      <c r="F97782" s="14" t="s">
        <v>15</v>
      </c>
      <c r="G97782" s="16">
        <v>0</v>
      </c>
    </row>
    <row r="97783" spans="1:7" x14ac:dyDescent="0.3">
      <c r="A97783" s="13" t="s">
        <v>483</v>
      </c>
      <c r="B97783" s="14" t="s">
        <v>1</v>
      </c>
      <c r="C97783" s="14" t="s">
        <v>47</v>
      </c>
      <c r="D97783" s="14" t="s">
        <v>81</v>
      </c>
      <c r="E97783" s="15">
        <v>45704</v>
      </c>
      <c r="F97783" s="14" t="s">
        <v>15</v>
      </c>
      <c r="G97783" s="16">
        <v>0</v>
      </c>
    </row>
    <row r="97784" spans="1:7" x14ac:dyDescent="0.3">
      <c r="A97784" s="13" t="s">
        <v>483</v>
      </c>
      <c r="B97784" s="14" t="s">
        <v>1</v>
      </c>
      <c r="C97784" s="14" t="s">
        <v>47</v>
      </c>
      <c r="D97784" s="14" t="s">
        <v>81</v>
      </c>
      <c r="E97784" s="15">
        <v>45705</v>
      </c>
      <c r="F97784" s="14" t="s">
        <v>15</v>
      </c>
      <c r="G97784" s="16">
        <v>0</v>
      </c>
    </row>
    <row r="97785" spans="1:7" x14ac:dyDescent="0.3">
      <c r="A97785" s="13" t="s">
        <v>483</v>
      </c>
      <c r="B97785" s="14" t="s">
        <v>1</v>
      </c>
      <c r="C97785" s="14" t="s">
        <v>47</v>
      </c>
      <c r="D97785" s="14" t="s">
        <v>81</v>
      </c>
      <c r="E97785" s="15">
        <v>45706</v>
      </c>
      <c r="F97785" s="14" t="s">
        <v>15</v>
      </c>
      <c r="G97785" s="16">
        <v>0</v>
      </c>
    </row>
    <row r="97786" spans="1:7" x14ac:dyDescent="0.3">
      <c r="A97786" s="13" t="s">
        <v>483</v>
      </c>
      <c r="B97786" s="14" t="s">
        <v>1</v>
      </c>
      <c r="C97786" s="14" t="s">
        <v>47</v>
      </c>
      <c r="D97786" s="14" t="s">
        <v>81</v>
      </c>
      <c r="E97786" s="15">
        <v>45707</v>
      </c>
      <c r="F97786" s="14" t="s">
        <v>15</v>
      </c>
      <c r="G97786" s="16">
        <v>0</v>
      </c>
    </row>
    <row r="97787" spans="1:7" x14ac:dyDescent="0.3">
      <c r="A97787" s="13" t="s">
        <v>483</v>
      </c>
      <c r="B97787" s="14" t="s">
        <v>1</v>
      </c>
      <c r="C97787" s="14" t="s">
        <v>47</v>
      </c>
      <c r="D97787" s="14" t="s">
        <v>81</v>
      </c>
      <c r="E97787" s="15">
        <v>45708</v>
      </c>
      <c r="F97787" s="14" t="s">
        <v>15</v>
      </c>
      <c r="G97787" s="16">
        <v>0</v>
      </c>
    </row>
    <row r="97788" spans="1:7" x14ac:dyDescent="0.3">
      <c r="A97788" s="13" t="s">
        <v>483</v>
      </c>
      <c r="B97788" s="14" t="s">
        <v>1</v>
      </c>
      <c r="C97788" s="14" t="s">
        <v>47</v>
      </c>
      <c r="D97788" s="14" t="s">
        <v>81</v>
      </c>
      <c r="E97788" s="15">
        <v>45709</v>
      </c>
      <c r="F97788" s="14" t="s">
        <v>15</v>
      </c>
      <c r="G97788" s="16">
        <v>0</v>
      </c>
    </row>
    <row r="97789" spans="1:7" x14ac:dyDescent="0.3">
      <c r="A97789" s="13" t="s">
        <v>483</v>
      </c>
      <c r="B97789" s="14" t="s">
        <v>1</v>
      </c>
      <c r="C97789" s="14" t="s">
        <v>47</v>
      </c>
      <c r="D97789" s="14" t="s">
        <v>81</v>
      </c>
      <c r="E97789" s="15">
        <v>45710</v>
      </c>
      <c r="F97789" s="14" t="s">
        <v>15</v>
      </c>
      <c r="G97789" s="16">
        <v>0</v>
      </c>
    </row>
    <row r="97790" spans="1:7" x14ac:dyDescent="0.3">
      <c r="A97790" s="13" t="s">
        <v>483</v>
      </c>
      <c r="B97790" s="14" t="s">
        <v>1</v>
      </c>
      <c r="C97790" s="14" t="s">
        <v>47</v>
      </c>
      <c r="D97790" s="14" t="s">
        <v>81</v>
      </c>
      <c r="E97790" s="15">
        <v>45711</v>
      </c>
      <c r="F97790" s="14" t="s">
        <v>15</v>
      </c>
      <c r="G97790" s="16">
        <v>0</v>
      </c>
    </row>
    <row r="97791" spans="1:7" x14ac:dyDescent="0.3">
      <c r="A97791" s="13" t="s">
        <v>483</v>
      </c>
      <c r="B97791" s="14" t="s">
        <v>1</v>
      </c>
      <c r="C97791" s="14" t="s">
        <v>47</v>
      </c>
      <c r="D97791" s="14" t="s">
        <v>81</v>
      </c>
      <c r="E97791" s="15">
        <v>45712</v>
      </c>
      <c r="F97791" s="14" t="s">
        <v>15</v>
      </c>
      <c r="G97791" s="16">
        <v>0</v>
      </c>
    </row>
    <row r="97792" spans="1:7" x14ac:dyDescent="0.3">
      <c r="A97792" s="13" t="s">
        <v>483</v>
      </c>
      <c r="B97792" s="14" t="s">
        <v>1</v>
      </c>
      <c r="C97792" s="14" t="s">
        <v>47</v>
      </c>
      <c r="D97792" s="14" t="s">
        <v>81</v>
      </c>
      <c r="E97792" s="15">
        <v>45713</v>
      </c>
      <c r="F97792" s="14" t="s">
        <v>15</v>
      </c>
      <c r="G97792" s="16">
        <v>0</v>
      </c>
    </row>
    <row r="97793" spans="1:7" x14ac:dyDescent="0.3">
      <c r="A97793" s="13" t="s">
        <v>483</v>
      </c>
      <c r="B97793" s="14" t="s">
        <v>1</v>
      </c>
      <c r="C97793" s="14" t="s">
        <v>47</v>
      </c>
      <c r="D97793" s="14" t="s">
        <v>81</v>
      </c>
      <c r="E97793" s="15">
        <v>45714</v>
      </c>
      <c r="F97793" s="14" t="s">
        <v>15</v>
      </c>
      <c r="G97793" s="16">
        <v>0</v>
      </c>
    </row>
    <row r="97794" spans="1:7" x14ac:dyDescent="0.3">
      <c r="A97794" s="13" t="s">
        <v>483</v>
      </c>
      <c r="B97794" s="14" t="s">
        <v>1</v>
      </c>
      <c r="C97794" s="14" t="s">
        <v>47</v>
      </c>
      <c r="D97794" s="14" t="s">
        <v>81</v>
      </c>
      <c r="E97794" s="15">
        <v>45715</v>
      </c>
      <c r="F97794" s="14" t="s">
        <v>15</v>
      </c>
      <c r="G97794" s="16">
        <v>0</v>
      </c>
    </row>
    <row r="97795" spans="1:7" x14ac:dyDescent="0.3">
      <c r="A97795" s="13" t="s">
        <v>483</v>
      </c>
      <c r="B97795" s="14" t="s">
        <v>1</v>
      </c>
      <c r="C97795" s="14" t="s">
        <v>47</v>
      </c>
      <c r="D97795" s="14" t="s">
        <v>81</v>
      </c>
      <c r="E97795" s="15">
        <v>45716</v>
      </c>
      <c r="F97795" s="14" t="s">
        <v>15</v>
      </c>
      <c r="G97795" s="16">
        <v>0</v>
      </c>
    </row>
    <row r="97796" spans="1:7" x14ac:dyDescent="0.3">
      <c r="A97796" s="13" t="s">
        <v>483</v>
      </c>
      <c r="B97796" s="14" t="s">
        <v>1</v>
      </c>
      <c r="C97796" s="14" t="s">
        <v>47</v>
      </c>
      <c r="D97796" s="14" t="s">
        <v>81</v>
      </c>
      <c r="E97796" s="15">
        <v>45717</v>
      </c>
      <c r="F97796" s="14" t="s">
        <v>15</v>
      </c>
      <c r="G97796" s="16">
        <v>0</v>
      </c>
    </row>
    <row r="97797" spans="1:7" x14ac:dyDescent="0.3">
      <c r="A97797" s="13" t="s">
        <v>483</v>
      </c>
      <c r="B97797" s="14" t="s">
        <v>1</v>
      </c>
      <c r="C97797" s="14" t="s">
        <v>47</v>
      </c>
      <c r="D97797" s="14" t="s">
        <v>81</v>
      </c>
      <c r="E97797" s="15">
        <v>45718</v>
      </c>
      <c r="F97797" s="14" t="s">
        <v>15</v>
      </c>
      <c r="G97797" s="16">
        <v>0</v>
      </c>
    </row>
    <row r="97798" spans="1:7" x14ac:dyDescent="0.3">
      <c r="A97798" s="13" t="s">
        <v>483</v>
      </c>
      <c r="B97798" s="14" t="s">
        <v>1</v>
      </c>
      <c r="C97798" s="14" t="s">
        <v>47</v>
      </c>
      <c r="D97798" s="14" t="s">
        <v>81</v>
      </c>
      <c r="E97798" s="15">
        <v>45719</v>
      </c>
      <c r="F97798" s="14" t="s">
        <v>15</v>
      </c>
      <c r="G97798" s="16">
        <v>0</v>
      </c>
    </row>
    <row r="97799" spans="1:7" x14ac:dyDescent="0.3">
      <c r="A97799" s="13" t="s">
        <v>483</v>
      </c>
      <c r="B97799" s="14" t="s">
        <v>1</v>
      </c>
      <c r="C97799" s="14" t="s">
        <v>47</v>
      </c>
      <c r="D97799" s="14" t="s">
        <v>81</v>
      </c>
      <c r="E97799" s="15">
        <v>45720</v>
      </c>
      <c r="F97799" s="14" t="s">
        <v>15</v>
      </c>
      <c r="G97799" s="16">
        <v>0</v>
      </c>
    </row>
    <row r="97800" spans="1:7" x14ac:dyDescent="0.3">
      <c r="A97800" s="13" t="s">
        <v>483</v>
      </c>
      <c r="B97800" s="14" t="s">
        <v>1</v>
      </c>
      <c r="C97800" s="14" t="s">
        <v>47</v>
      </c>
      <c r="D97800" s="14" t="s">
        <v>81</v>
      </c>
      <c r="E97800" s="15">
        <v>45721</v>
      </c>
      <c r="F97800" s="14" t="s">
        <v>15</v>
      </c>
      <c r="G97800" s="16">
        <v>0</v>
      </c>
    </row>
    <row r="97801" spans="1:7" x14ac:dyDescent="0.3">
      <c r="A97801" s="13" t="s">
        <v>483</v>
      </c>
      <c r="B97801" s="14" t="s">
        <v>1</v>
      </c>
      <c r="C97801" s="14" t="s">
        <v>47</v>
      </c>
      <c r="D97801" s="14" t="s">
        <v>81</v>
      </c>
      <c r="E97801" s="15">
        <v>45722</v>
      </c>
      <c r="F97801" s="14" t="s">
        <v>15</v>
      </c>
      <c r="G97801" s="16">
        <v>0</v>
      </c>
    </row>
    <row r="97802" spans="1:7" x14ac:dyDescent="0.3">
      <c r="A97802" s="13" t="s">
        <v>483</v>
      </c>
      <c r="B97802" s="14" t="s">
        <v>1</v>
      </c>
      <c r="C97802" s="14" t="s">
        <v>47</v>
      </c>
      <c r="D97802" s="14" t="s">
        <v>81</v>
      </c>
      <c r="E97802" s="15">
        <v>45723</v>
      </c>
      <c r="F97802" s="14" t="s">
        <v>15</v>
      </c>
      <c r="G97802" s="16">
        <v>0</v>
      </c>
    </row>
    <row r="97803" spans="1:7" x14ac:dyDescent="0.3">
      <c r="A97803" s="13" t="s">
        <v>483</v>
      </c>
      <c r="B97803" s="14" t="s">
        <v>1</v>
      </c>
      <c r="C97803" s="14" t="s">
        <v>47</v>
      </c>
      <c r="D97803" s="14" t="s">
        <v>81</v>
      </c>
      <c r="E97803" s="15">
        <v>45724</v>
      </c>
      <c r="F97803" s="14" t="s">
        <v>15</v>
      </c>
      <c r="G97803" s="16">
        <v>0</v>
      </c>
    </row>
    <row r="97804" spans="1:7" x14ac:dyDescent="0.3">
      <c r="A97804" s="13" t="s">
        <v>483</v>
      </c>
      <c r="B97804" s="14" t="s">
        <v>1</v>
      </c>
      <c r="C97804" s="14" t="s">
        <v>47</v>
      </c>
      <c r="D97804" s="14" t="s">
        <v>81</v>
      </c>
      <c r="E97804" s="15">
        <v>45725</v>
      </c>
      <c r="F97804" s="14" t="s">
        <v>15</v>
      </c>
      <c r="G97804" s="16">
        <v>0</v>
      </c>
    </row>
    <row r="97805" spans="1:7" x14ac:dyDescent="0.3">
      <c r="A97805" s="13" t="s">
        <v>483</v>
      </c>
      <c r="B97805" s="14" t="s">
        <v>1</v>
      </c>
      <c r="C97805" s="14" t="s">
        <v>47</v>
      </c>
      <c r="D97805" s="14" t="s">
        <v>81</v>
      </c>
      <c r="E97805" s="15">
        <v>45726</v>
      </c>
      <c r="F97805" s="14" t="s">
        <v>15</v>
      </c>
      <c r="G97805" s="16">
        <v>0</v>
      </c>
    </row>
    <row r="97806" spans="1:7" x14ac:dyDescent="0.3">
      <c r="A97806" s="13" t="s">
        <v>483</v>
      </c>
      <c r="B97806" s="14" t="s">
        <v>1</v>
      </c>
      <c r="C97806" s="14" t="s">
        <v>47</v>
      </c>
      <c r="D97806" s="14" t="s">
        <v>81</v>
      </c>
      <c r="E97806" s="15">
        <v>45727</v>
      </c>
      <c r="F97806" s="14" t="s">
        <v>15</v>
      </c>
      <c r="G97806" s="16">
        <v>0</v>
      </c>
    </row>
    <row r="97807" spans="1:7" x14ac:dyDescent="0.3">
      <c r="A97807" s="13" t="s">
        <v>483</v>
      </c>
      <c r="B97807" s="14" t="s">
        <v>1</v>
      </c>
      <c r="C97807" s="14" t="s">
        <v>47</v>
      </c>
      <c r="D97807" s="14" t="s">
        <v>81</v>
      </c>
      <c r="E97807" s="15">
        <v>45728</v>
      </c>
      <c r="F97807" s="14" t="s">
        <v>15</v>
      </c>
      <c r="G97807" s="16">
        <v>0</v>
      </c>
    </row>
    <row r="97808" spans="1:7" x14ac:dyDescent="0.3">
      <c r="A97808" s="13" t="s">
        <v>483</v>
      </c>
      <c r="B97808" s="14" t="s">
        <v>1</v>
      </c>
      <c r="C97808" s="14" t="s">
        <v>47</v>
      </c>
      <c r="D97808" s="14" t="s">
        <v>81</v>
      </c>
      <c r="E97808" s="15">
        <v>45729</v>
      </c>
      <c r="F97808" s="14" t="s">
        <v>15</v>
      </c>
      <c r="G97808" s="16">
        <v>0</v>
      </c>
    </row>
    <row r="97809" spans="1:7" x14ac:dyDescent="0.3">
      <c r="A97809" s="13" t="s">
        <v>483</v>
      </c>
      <c r="B97809" s="14" t="s">
        <v>1</v>
      </c>
      <c r="C97809" s="14" t="s">
        <v>47</v>
      </c>
      <c r="D97809" s="14" t="s">
        <v>81</v>
      </c>
      <c r="E97809" s="15">
        <v>45730</v>
      </c>
      <c r="F97809" s="14" t="s">
        <v>15</v>
      </c>
      <c r="G97809" s="16">
        <v>0</v>
      </c>
    </row>
    <row r="97810" spans="1:7" x14ac:dyDescent="0.3">
      <c r="A97810" s="13" t="s">
        <v>483</v>
      </c>
      <c r="B97810" s="14" t="s">
        <v>1</v>
      </c>
      <c r="C97810" s="14" t="s">
        <v>47</v>
      </c>
      <c r="D97810" s="14" t="s">
        <v>81</v>
      </c>
      <c r="E97810" s="15">
        <v>45731</v>
      </c>
      <c r="F97810" s="14" t="s">
        <v>15</v>
      </c>
      <c r="G97810" s="16">
        <v>0</v>
      </c>
    </row>
    <row r="97811" spans="1:7" x14ac:dyDescent="0.3">
      <c r="A97811" s="13" t="s">
        <v>483</v>
      </c>
      <c r="B97811" s="14" t="s">
        <v>1</v>
      </c>
      <c r="C97811" s="14" t="s">
        <v>47</v>
      </c>
      <c r="D97811" s="14" t="s">
        <v>81</v>
      </c>
      <c r="E97811" s="15">
        <v>45732</v>
      </c>
      <c r="F97811" s="14" t="s">
        <v>15</v>
      </c>
      <c r="G97811" s="16">
        <v>0</v>
      </c>
    </row>
    <row r="97812" spans="1:7" x14ac:dyDescent="0.3">
      <c r="A97812" s="13" t="s">
        <v>483</v>
      </c>
      <c r="B97812" s="14" t="s">
        <v>1</v>
      </c>
      <c r="C97812" s="14" t="s">
        <v>47</v>
      </c>
      <c r="D97812" s="14" t="s">
        <v>81</v>
      </c>
      <c r="E97812" s="15">
        <v>45733</v>
      </c>
      <c r="F97812" s="14" t="s">
        <v>15</v>
      </c>
      <c r="G97812" s="16">
        <v>0</v>
      </c>
    </row>
    <row r="97813" spans="1:7" x14ac:dyDescent="0.3">
      <c r="A97813" s="13" t="s">
        <v>483</v>
      </c>
      <c r="B97813" s="14" t="s">
        <v>1</v>
      </c>
      <c r="C97813" s="14" t="s">
        <v>47</v>
      </c>
      <c r="D97813" s="14" t="s">
        <v>81</v>
      </c>
      <c r="E97813" s="15">
        <v>45734</v>
      </c>
      <c r="F97813" s="14" t="s">
        <v>15</v>
      </c>
      <c r="G97813" s="16">
        <v>0</v>
      </c>
    </row>
    <row r="97814" spans="1:7" x14ac:dyDescent="0.3">
      <c r="A97814" s="13" t="s">
        <v>483</v>
      </c>
      <c r="B97814" s="14" t="s">
        <v>1</v>
      </c>
      <c r="C97814" s="14" t="s">
        <v>47</v>
      </c>
      <c r="D97814" s="14" t="s">
        <v>81</v>
      </c>
      <c r="E97814" s="15">
        <v>45735</v>
      </c>
      <c r="F97814" s="14" t="s">
        <v>15</v>
      </c>
      <c r="G97814" s="16">
        <v>0</v>
      </c>
    </row>
    <row r="97815" spans="1:7" x14ac:dyDescent="0.3">
      <c r="A97815" s="13" t="s">
        <v>483</v>
      </c>
      <c r="B97815" s="14" t="s">
        <v>1</v>
      </c>
      <c r="C97815" s="14" t="s">
        <v>47</v>
      </c>
      <c r="D97815" s="14" t="s">
        <v>81</v>
      </c>
      <c r="E97815" s="15">
        <v>45736</v>
      </c>
      <c r="F97815" s="14" t="s">
        <v>15</v>
      </c>
      <c r="G97815" s="16">
        <v>0</v>
      </c>
    </row>
    <row r="97816" spans="1:7" x14ac:dyDescent="0.3">
      <c r="A97816" s="13" t="s">
        <v>483</v>
      </c>
      <c r="B97816" s="14" t="s">
        <v>1</v>
      </c>
      <c r="C97816" s="14" t="s">
        <v>47</v>
      </c>
      <c r="D97816" s="14" t="s">
        <v>81</v>
      </c>
      <c r="E97816" s="15">
        <v>45737</v>
      </c>
      <c r="F97816" s="14" t="s">
        <v>15</v>
      </c>
      <c r="G97816" s="16">
        <v>0</v>
      </c>
    </row>
    <row r="97817" spans="1:7" x14ac:dyDescent="0.3">
      <c r="A97817" s="13" t="s">
        <v>483</v>
      </c>
      <c r="B97817" s="14" t="s">
        <v>1</v>
      </c>
      <c r="C97817" s="14" t="s">
        <v>47</v>
      </c>
      <c r="D97817" s="14" t="s">
        <v>81</v>
      </c>
      <c r="E97817" s="15">
        <v>45738</v>
      </c>
      <c r="F97817" s="14" t="s">
        <v>15</v>
      </c>
      <c r="G97817" s="16">
        <v>0</v>
      </c>
    </row>
    <row r="97818" spans="1:7" x14ac:dyDescent="0.3">
      <c r="A97818" s="13" t="s">
        <v>483</v>
      </c>
      <c r="B97818" s="14" t="s">
        <v>1</v>
      </c>
      <c r="C97818" s="14" t="s">
        <v>47</v>
      </c>
      <c r="D97818" s="14" t="s">
        <v>81</v>
      </c>
      <c r="E97818" s="15">
        <v>45739</v>
      </c>
      <c r="F97818" s="14" t="s">
        <v>15</v>
      </c>
      <c r="G97818" s="16">
        <v>0</v>
      </c>
    </row>
    <row r="97819" spans="1:7" x14ac:dyDescent="0.3">
      <c r="A97819" s="13" t="s">
        <v>483</v>
      </c>
      <c r="B97819" s="14" t="s">
        <v>1</v>
      </c>
      <c r="C97819" s="14" t="s">
        <v>47</v>
      </c>
      <c r="D97819" s="14" t="s">
        <v>81</v>
      </c>
      <c r="E97819" s="15">
        <v>45740</v>
      </c>
      <c r="F97819" s="14" t="s">
        <v>15</v>
      </c>
      <c r="G97819" s="16">
        <v>0</v>
      </c>
    </row>
    <row r="97820" spans="1:7" x14ac:dyDescent="0.3">
      <c r="A97820" s="13" t="s">
        <v>483</v>
      </c>
      <c r="B97820" s="14" t="s">
        <v>1</v>
      </c>
      <c r="C97820" s="14" t="s">
        <v>47</v>
      </c>
      <c r="D97820" s="14" t="s">
        <v>81</v>
      </c>
      <c r="E97820" s="15">
        <v>45741</v>
      </c>
      <c r="F97820" s="14" t="s">
        <v>15</v>
      </c>
      <c r="G97820" s="16">
        <v>0</v>
      </c>
    </row>
    <row r="97821" spans="1:7" x14ac:dyDescent="0.3">
      <c r="A97821" s="13" t="s">
        <v>483</v>
      </c>
      <c r="B97821" s="14" t="s">
        <v>1</v>
      </c>
      <c r="C97821" s="14" t="s">
        <v>47</v>
      </c>
      <c r="D97821" s="14" t="s">
        <v>81</v>
      </c>
      <c r="E97821" s="15">
        <v>45742</v>
      </c>
      <c r="F97821" s="14" t="s">
        <v>15</v>
      </c>
      <c r="G97821" s="16">
        <v>0</v>
      </c>
    </row>
    <row r="97822" spans="1:7" x14ac:dyDescent="0.3">
      <c r="A97822" s="13" t="s">
        <v>483</v>
      </c>
      <c r="B97822" s="14" t="s">
        <v>1</v>
      </c>
      <c r="C97822" s="14" t="s">
        <v>47</v>
      </c>
      <c r="D97822" s="14" t="s">
        <v>81</v>
      </c>
      <c r="E97822" s="15">
        <v>45743</v>
      </c>
      <c r="F97822" s="14" t="s">
        <v>15</v>
      </c>
      <c r="G97822" s="16">
        <v>0</v>
      </c>
    </row>
    <row r="97823" spans="1:7" x14ac:dyDescent="0.3">
      <c r="A97823" s="13" t="s">
        <v>483</v>
      </c>
      <c r="B97823" s="14" t="s">
        <v>1</v>
      </c>
      <c r="C97823" s="14" t="s">
        <v>47</v>
      </c>
      <c r="D97823" s="14" t="s">
        <v>81</v>
      </c>
      <c r="E97823" s="15">
        <v>45744</v>
      </c>
      <c r="F97823" s="14" t="s">
        <v>15</v>
      </c>
      <c r="G97823" s="16">
        <v>0</v>
      </c>
    </row>
    <row r="97824" spans="1:7" x14ac:dyDescent="0.3">
      <c r="A97824" s="13" t="s">
        <v>483</v>
      </c>
      <c r="B97824" s="14" t="s">
        <v>1</v>
      </c>
      <c r="C97824" s="14" t="s">
        <v>47</v>
      </c>
      <c r="D97824" s="14" t="s">
        <v>81</v>
      </c>
      <c r="E97824" s="15">
        <v>45745</v>
      </c>
      <c r="F97824" s="14" t="s">
        <v>15</v>
      </c>
      <c r="G97824" s="16">
        <v>0</v>
      </c>
    </row>
    <row r="97825" spans="1:7" x14ac:dyDescent="0.3">
      <c r="A97825" s="13" t="s">
        <v>483</v>
      </c>
      <c r="B97825" s="14" t="s">
        <v>1</v>
      </c>
      <c r="C97825" s="14" t="s">
        <v>47</v>
      </c>
      <c r="D97825" s="14" t="s">
        <v>81</v>
      </c>
      <c r="E97825" s="15">
        <v>45746</v>
      </c>
      <c r="F97825" s="14" t="s">
        <v>15</v>
      </c>
      <c r="G97825" s="16">
        <v>0</v>
      </c>
    </row>
    <row r="97826" spans="1:7" x14ac:dyDescent="0.3">
      <c r="A97826" s="13" t="s">
        <v>483</v>
      </c>
      <c r="B97826" s="14" t="s">
        <v>1</v>
      </c>
      <c r="C97826" s="14" t="s">
        <v>47</v>
      </c>
      <c r="D97826" s="14" t="s">
        <v>81</v>
      </c>
      <c r="E97826" s="15">
        <v>45747</v>
      </c>
      <c r="F97826" s="14" t="s">
        <v>15</v>
      </c>
      <c r="G97826" s="16">
        <v>0</v>
      </c>
    </row>
    <row r="97827" spans="1:7" x14ac:dyDescent="0.3">
      <c r="A97827" s="13" t="s">
        <v>484</v>
      </c>
      <c r="B97827" s="14" t="s">
        <v>1</v>
      </c>
      <c r="C97827" s="14" t="s">
        <v>96</v>
      </c>
      <c r="D97827" s="14" t="s">
        <v>485</v>
      </c>
      <c r="E97827" s="15">
        <v>45383</v>
      </c>
      <c r="F97827" s="14" t="s">
        <v>15</v>
      </c>
      <c r="G97827" s="16">
        <v>0</v>
      </c>
    </row>
    <row r="97828" spans="1:7" x14ac:dyDescent="0.3">
      <c r="A97828" s="13" t="s">
        <v>484</v>
      </c>
      <c r="B97828" s="14" t="s">
        <v>1</v>
      </c>
      <c r="C97828" s="14" t="s">
        <v>96</v>
      </c>
      <c r="D97828" s="14" t="s">
        <v>485</v>
      </c>
      <c r="E97828" s="15">
        <v>45384</v>
      </c>
      <c r="F97828" s="14" t="s">
        <v>15</v>
      </c>
      <c r="G97828" s="16">
        <v>0</v>
      </c>
    </row>
    <row r="97829" spans="1:7" x14ac:dyDescent="0.3">
      <c r="A97829" s="13" t="s">
        <v>484</v>
      </c>
      <c r="B97829" s="14" t="s">
        <v>1</v>
      </c>
      <c r="C97829" s="14" t="s">
        <v>96</v>
      </c>
      <c r="D97829" s="14" t="s">
        <v>485</v>
      </c>
      <c r="E97829" s="15">
        <v>45385</v>
      </c>
      <c r="F97829" s="14" t="s">
        <v>15</v>
      </c>
      <c r="G97829" s="16">
        <v>0</v>
      </c>
    </row>
    <row r="97830" spans="1:7" x14ac:dyDescent="0.3">
      <c r="A97830" s="13" t="s">
        <v>484</v>
      </c>
      <c r="B97830" s="14" t="s">
        <v>1</v>
      </c>
      <c r="C97830" s="14" t="s">
        <v>96</v>
      </c>
      <c r="D97830" s="14" t="s">
        <v>485</v>
      </c>
      <c r="E97830" s="15">
        <v>45386</v>
      </c>
      <c r="F97830" s="14" t="s">
        <v>15</v>
      </c>
      <c r="G97830" s="16">
        <v>0</v>
      </c>
    </row>
    <row r="97831" spans="1:7" x14ac:dyDescent="0.3">
      <c r="A97831" s="13" t="s">
        <v>484</v>
      </c>
      <c r="B97831" s="14" t="s">
        <v>1</v>
      </c>
      <c r="C97831" s="14" t="s">
        <v>96</v>
      </c>
      <c r="D97831" s="14" t="s">
        <v>485</v>
      </c>
      <c r="E97831" s="15">
        <v>45387</v>
      </c>
      <c r="F97831" s="14" t="s">
        <v>15</v>
      </c>
      <c r="G97831" s="16">
        <v>0</v>
      </c>
    </row>
    <row r="97832" spans="1:7" x14ac:dyDescent="0.3">
      <c r="A97832" s="13" t="s">
        <v>484</v>
      </c>
      <c r="B97832" s="14" t="s">
        <v>1</v>
      </c>
      <c r="C97832" s="14" t="s">
        <v>96</v>
      </c>
      <c r="D97832" s="14" t="s">
        <v>485</v>
      </c>
      <c r="E97832" s="15">
        <v>45388</v>
      </c>
      <c r="F97832" s="14" t="s">
        <v>15</v>
      </c>
      <c r="G97832" s="16">
        <v>0</v>
      </c>
    </row>
    <row r="97833" spans="1:7" x14ac:dyDescent="0.3">
      <c r="A97833" s="13" t="s">
        <v>484</v>
      </c>
      <c r="B97833" s="14" t="s">
        <v>1</v>
      </c>
      <c r="C97833" s="14" t="s">
        <v>96</v>
      </c>
      <c r="D97833" s="14" t="s">
        <v>485</v>
      </c>
      <c r="E97833" s="15">
        <v>45389</v>
      </c>
      <c r="F97833" s="14" t="s">
        <v>15</v>
      </c>
      <c r="G97833" s="16">
        <v>0</v>
      </c>
    </row>
    <row r="97834" spans="1:7" x14ac:dyDescent="0.3">
      <c r="A97834" s="13" t="s">
        <v>484</v>
      </c>
      <c r="B97834" s="14" t="s">
        <v>1</v>
      </c>
      <c r="C97834" s="14" t="s">
        <v>96</v>
      </c>
      <c r="D97834" s="14" t="s">
        <v>485</v>
      </c>
      <c r="E97834" s="15">
        <v>45390</v>
      </c>
      <c r="F97834" s="14" t="s">
        <v>15</v>
      </c>
      <c r="G97834" s="16">
        <v>0</v>
      </c>
    </row>
    <row r="97835" spans="1:7" x14ac:dyDescent="0.3">
      <c r="A97835" s="13" t="s">
        <v>484</v>
      </c>
      <c r="B97835" s="14" t="s">
        <v>1</v>
      </c>
      <c r="C97835" s="14" t="s">
        <v>96</v>
      </c>
      <c r="D97835" s="14" t="s">
        <v>485</v>
      </c>
      <c r="E97835" s="15">
        <v>45391</v>
      </c>
      <c r="F97835" s="14" t="s">
        <v>15</v>
      </c>
      <c r="G97835" s="16">
        <v>0</v>
      </c>
    </row>
    <row r="97836" spans="1:7" x14ac:dyDescent="0.3">
      <c r="A97836" s="13" t="s">
        <v>484</v>
      </c>
      <c r="B97836" s="14" t="s">
        <v>1</v>
      </c>
      <c r="C97836" s="14" t="s">
        <v>96</v>
      </c>
      <c r="D97836" s="14" t="s">
        <v>485</v>
      </c>
      <c r="E97836" s="15">
        <v>45392</v>
      </c>
      <c r="F97836" s="14" t="s">
        <v>15</v>
      </c>
      <c r="G97836" s="16">
        <v>0</v>
      </c>
    </row>
    <row r="97837" spans="1:7" x14ac:dyDescent="0.3">
      <c r="A97837" s="13" t="s">
        <v>484</v>
      </c>
      <c r="B97837" s="14" t="s">
        <v>1</v>
      </c>
      <c r="C97837" s="14" t="s">
        <v>96</v>
      </c>
      <c r="D97837" s="14" t="s">
        <v>485</v>
      </c>
      <c r="E97837" s="15">
        <v>45393</v>
      </c>
      <c r="F97837" s="14" t="s">
        <v>15</v>
      </c>
      <c r="G97837" s="16">
        <v>0</v>
      </c>
    </row>
    <row r="97838" spans="1:7" x14ac:dyDescent="0.3">
      <c r="A97838" s="13" t="s">
        <v>484</v>
      </c>
      <c r="B97838" s="14" t="s">
        <v>1</v>
      </c>
      <c r="C97838" s="14" t="s">
        <v>96</v>
      </c>
      <c r="D97838" s="14" t="s">
        <v>485</v>
      </c>
      <c r="E97838" s="15">
        <v>45394</v>
      </c>
      <c r="F97838" s="14" t="s">
        <v>15</v>
      </c>
      <c r="G97838" s="16">
        <v>0</v>
      </c>
    </row>
    <row r="97839" spans="1:7" x14ac:dyDescent="0.3">
      <c r="A97839" s="13" t="s">
        <v>484</v>
      </c>
      <c r="B97839" s="14" t="s">
        <v>1</v>
      </c>
      <c r="C97839" s="14" t="s">
        <v>96</v>
      </c>
      <c r="D97839" s="14" t="s">
        <v>485</v>
      </c>
      <c r="E97839" s="15">
        <v>45395</v>
      </c>
      <c r="F97839" s="14" t="s">
        <v>15</v>
      </c>
      <c r="G97839" s="16">
        <v>0</v>
      </c>
    </row>
    <row r="97840" spans="1:7" x14ac:dyDescent="0.3">
      <c r="A97840" s="13" t="s">
        <v>484</v>
      </c>
      <c r="B97840" s="14" t="s">
        <v>1</v>
      </c>
      <c r="C97840" s="14" t="s">
        <v>96</v>
      </c>
      <c r="D97840" s="14" t="s">
        <v>485</v>
      </c>
      <c r="E97840" s="15">
        <v>45396</v>
      </c>
      <c r="F97840" s="14" t="s">
        <v>15</v>
      </c>
      <c r="G97840" s="16">
        <v>0</v>
      </c>
    </row>
    <row r="97841" spans="1:7" x14ac:dyDescent="0.3">
      <c r="A97841" s="13" t="s">
        <v>484</v>
      </c>
      <c r="B97841" s="14" t="s">
        <v>1</v>
      </c>
      <c r="C97841" s="14" t="s">
        <v>96</v>
      </c>
      <c r="D97841" s="14" t="s">
        <v>485</v>
      </c>
      <c r="E97841" s="15">
        <v>45397</v>
      </c>
      <c r="F97841" s="14" t="s">
        <v>15</v>
      </c>
      <c r="G97841" s="16">
        <v>0</v>
      </c>
    </row>
    <row r="97842" spans="1:7" x14ac:dyDescent="0.3">
      <c r="A97842" s="13" t="s">
        <v>484</v>
      </c>
      <c r="B97842" s="14" t="s">
        <v>1</v>
      </c>
      <c r="C97842" s="14" t="s">
        <v>96</v>
      </c>
      <c r="D97842" s="14" t="s">
        <v>485</v>
      </c>
      <c r="E97842" s="15">
        <v>45398</v>
      </c>
      <c r="F97842" s="14" t="s">
        <v>15</v>
      </c>
      <c r="G97842" s="16">
        <v>0</v>
      </c>
    </row>
    <row r="97843" spans="1:7" x14ac:dyDescent="0.3">
      <c r="A97843" s="13" t="s">
        <v>484</v>
      </c>
      <c r="B97843" s="14" t="s">
        <v>1</v>
      </c>
      <c r="C97843" s="14" t="s">
        <v>96</v>
      </c>
      <c r="D97843" s="14" t="s">
        <v>485</v>
      </c>
      <c r="E97843" s="15">
        <v>45399</v>
      </c>
      <c r="F97843" s="14" t="s">
        <v>15</v>
      </c>
      <c r="G97843" s="16">
        <v>0</v>
      </c>
    </row>
    <row r="97844" spans="1:7" x14ac:dyDescent="0.3">
      <c r="A97844" s="13" t="s">
        <v>484</v>
      </c>
      <c r="B97844" s="14" t="s">
        <v>1</v>
      </c>
      <c r="C97844" s="14" t="s">
        <v>96</v>
      </c>
      <c r="D97844" s="14" t="s">
        <v>485</v>
      </c>
      <c r="E97844" s="15">
        <v>45400</v>
      </c>
      <c r="F97844" s="14" t="s">
        <v>15</v>
      </c>
      <c r="G97844" s="16">
        <v>0</v>
      </c>
    </row>
    <row r="97845" spans="1:7" x14ac:dyDescent="0.3">
      <c r="A97845" s="13" t="s">
        <v>484</v>
      </c>
      <c r="B97845" s="14" t="s">
        <v>1</v>
      </c>
      <c r="C97845" s="14" t="s">
        <v>96</v>
      </c>
      <c r="D97845" s="14" t="s">
        <v>485</v>
      </c>
      <c r="E97845" s="15">
        <v>45401</v>
      </c>
      <c r="F97845" s="14" t="s">
        <v>15</v>
      </c>
      <c r="G97845" s="16">
        <v>0</v>
      </c>
    </row>
    <row r="97846" spans="1:7" x14ac:dyDescent="0.3">
      <c r="A97846" s="13" t="s">
        <v>484</v>
      </c>
      <c r="B97846" s="14" t="s">
        <v>1</v>
      </c>
      <c r="C97846" s="14" t="s">
        <v>96</v>
      </c>
      <c r="D97846" s="14" t="s">
        <v>485</v>
      </c>
      <c r="E97846" s="15">
        <v>45402</v>
      </c>
      <c r="F97846" s="14" t="s">
        <v>15</v>
      </c>
      <c r="G97846" s="16">
        <v>0</v>
      </c>
    </row>
    <row r="97847" spans="1:7" x14ac:dyDescent="0.3">
      <c r="A97847" s="13" t="s">
        <v>484</v>
      </c>
      <c r="B97847" s="14" t="s">
        <v>1</v>
      </c>
      <c r="C97847" s="14" t="s">
        <v>96</v>
      </c>
      <c r="D97847" s="14" t="s">
        <v>485</v>
      </c>
      <c r="E97847" s="15">
        <v>45403</v>
      </c>
      <c r="F97847" s="14" t="s">
        <v>15</v>
      </c>
      <c r="G97847" s="16">
        <v>0</v>
      </c>
    </row>
    <row r="97848" spans="1:7" x14ac:dyDescent="0.3">
      <c r="A97848" s="13" t="s">
        <v>484</v>
      </c>
      <c r="B97848" s="14" t="s">
        <v>1</v>
      </c>
      <c r="C97848" s="14" t="s">
        <v>96</v>
      </c>
      <c r="D97848" s="14" t="s">
        <v>485</v>
      </c>
      <c r="E97848" s="15">
        <v>45404</v>
      </c>
      <c r="F97848" s="14" t="s">
        <v>15</v>
      </c>
      <c r="G97848" s="16">
        <v>0</v>
      </c>
    </row>
    <row r="97849" spans="1:7" x14ac:dyDescent="0.3">
      <c r="A97849" s="13" t="s">
        <v>484</v>
      </c>
      <c r="B97849" s="14" t="s">
        <v>1</v>
      </c>
      <c r="C97849" s="14" t="s">
        <v>96</v>
      </c>
      <c r="D97849" s="14" t="s">
        <v>485</v>
      </c>
      <c r="E97849" s="15">
        <v>45405</v>
      </c>
      <c r="F97849" s="14" t="s">
        <v>15</v>
      </c>
      <c r="G97849" s="16">
        <v>0</v>
      </c>
    </row>
    <row r="97850" spans="1:7" x14ac:dyDescent="0.3">
      <c r="A97850" s="13" t="s">
        <v>484</v>
      </c>
      <c r="B97850" s="14" t="s">
        <v>1</v>
      </c>
      <c r="C97850" s="14" t="s">
        <v>96</v>
      </c>
      <c r="D97850" s="14" t="s">
        <v>485</v>
      </c>
      <c r="E97850" s="15">
        <v>45406</v>
      </c>
      <c r="F97850" s="14" t="s">
        <v>15</v>
      </c>
      <c r="G97850" s="16">
        <v>0</v>
      </c>
    </row>
    <row r="97851" spans="1:7" x14ac:dyDescent="0.3">
      <c r="A97851" s="13" t="s">
        <v>484</v>
      </c>
      <c r="B97851" s="14" t="s">
        <v>1</v>
      </c>
      <c r="C97851" s="14" t="s">
        <v>96</v>
      </c>
      <c r="D97851" s="14" t="s">
        <v>485</v>
      </c>
      <c r="E97851" s="15">
        <v>45407</v>
      </c>
      <c r="F97851" s="14" t="s">
        <v>15</v>
      </c>
      <c r="G97851" s="16">
        <v>0</v>
      </c>
    </row>
    <row r="97852" spans="1:7" x14ac:dyDescent="0.3">
      <c r="A97852" s="13" t="s">
        <v>484</v>
      </c>
      <c r="B97852" s="14" t="s">
        <v>1</v>
      </c>
      <c r="C97852" s="14" t="s">
        <v>96</v>
      </c>
      <c r="D97852" s="14" t="s">
        <v>485</v>
      </c>
      <c r="E97852" s="15">
        <v>45408</v>
      </c>
      <c r="F97852" s="14" t="s">
        <v>15</v>
      </c>
      <c r="G97852" s="16">
        <v>0</v>
      </c>
    </row>
    <row r="97853" spans="1:7" x14ac:dyDescent="0.3">
      <c r="A97853" s="13" t="s">
        <v>484</v>
      </c>
      <c r="B97853" s="14" t="s">
        <v>1</v>
      </c>
      <c r="C97853" s="14" t="s">
        <v>96</v>
      </c>
      <c r="D97853" s="14" t="s">
        <v>485</v>
      </c>
      <c r="E97853" s="15">
        <v>45409</v>
      </c>
      <c r="F97853" s="14" t="s">
        <v>15</v>
      </c>
      <c r="G97853" s="16">
        <v>0</v>
      </c>
    </row>
    <row r="97854" spans="1:7" x14ac:dyDescent="0.3">
      <c r="A97854" s="13" t="s">
        <v>484</v>
      </c>
      <c r="B97854" s="14" t="s">
        <v>1</v>
      </c>
      <c r="C97854" s="14" t="s">
        <v>96</v>
      </c>
      <c r="D97854" s="14" t="s">
        <v>485</v>
      </c>
      <c r="E97854" s="15">
        <v>45410</v>
      </c>
      <c r="F97854" s="14" t="s">
        <v>15</v>
      </c>
      <c r="G97854" s="16">
        <v>0</v>
      </c>
    </row>
    <row r="97855" spans="1:7" x14ac:dyDescent="0.3">
      <c r="A97855" s="13" t="s">
        <v>484</v>
      </c>
      <c r="B97855" s="14" t="s">
        <v>1</v>
      </c>
      <c r="C97855" s="14" t="s">
        <v>96</v>
      </c>
      <c r="D97855" s="14" t="s">
        <v>485</v>
      </c>
      <c r="E97855" s="15">
        <v>45411</v>
      </c>
      <c r="F97855" s="14" t="s">
        <v>15</v>
      </c>
      <c r="G97855" s="16">
        <v>0</v>
      </c>
    </row>
    <row r="97856" spans="1:7" x14ac:dyDescent="0.3">
      <c r="A97856" s="13" t="s">
        <v>484</v>
      </c>
      <c r="B97856" s="14" t="s">
        <v>1</v>
      </c>
      <c r="C97856" s="14" t="s">
        <v>96</v>
      </c>
      <c r="D97856" s="14" t="s">
        <v>485</v>
      </c>
      <c r="E97856" s="15">
        <v>45412</v>
      </c>
      <c r="F97856" s="14" t="s">
        <v>15</v>
      </c>
      <c r="G97856" s="16">
        <v>0</v>
      </c>
    </row>
    <row r="97857" spans="1:7" x14ac:dyDescent="0.3">
      <c r="A97857" s="13" t="s">
        <v>484</v>
      </c>
      <c r="B97857" s="14" t="s">
        <v>1</v>
      </c>
      <c r="C97857" s="14" t="s">
        <v>96</v>
      </c>
      <c r="D97857" s="14" t="s">
        <v>485</v>
      </c>
      <c r="E97857" s="15">
        <v>45413</v>
      </c>
      <c r="F97857" s="14" t="s">
        <v>15</v>
      </c>
      <c r="G97857" s="16">
        <v>0</v>
      </c>
    </row>
    <row r="97858" spans="1:7" x14ac:dyDescent="0.3">
      <c r="A97858" s="13" t="s">
        <v>484</v>
      </c>
      <c r="B97858" s="14" t="s">
        <v>1</v>
      </c>
      <c r="C97858" s="14" t="s">
        <v>96</v>
      </c>
      <c r="D97858" s="14" t="s">
        <v>485</v>
      </c>
      <c r="E97858" s="15">
        <v>45414</v>
      </c>
      <c r="F97858" s="14" t="s">
        <v>15</v>
      </c>
      <c r="G97858" s="16">
        <v>0</v>
      </c>
    </row>
    <row r="97859" spans="1:7" x14ac:dyDescent="0.3">
      <c r="A97859" s="13" t="s">
        <v>484</v>
      </c>
      <c r="B97859" s="14" t="s">
        <v>1</v>
      </c>
      <c r="C97859" s="14" t="s">
        <v>96</v>
      </c>
      <c r="D97859" s="14" t="s">
        <v>485</v>
      </c>
      <c r="E97859" s="15">
        <v>45415</v>
      </c>
      <c r="F97859" s="14" t="s">
        <v>15</v>
      </c>
      <c r="G97859" s="16">
        <v>0</v>
      </c>
    </row>
    <row r="97860" spans="1:7" x14ac:dyDescent="0.3">
      <c r="A97860" s="13" t="s">
        <v>484</v>
      </c>
      <c r="B97860" s="14" t="s">
        <v>1</v>
      </c>
      <c r="C97860" s="14" t="s">
        <v>96</v>
      </c>
      <c r="D97860" s="14" t="s">
        <v>485</v>
      </c>
      <c r="E97860" s="15">
        <v>45416</v>
      </c>
      <c r="F97860" s="14" t="s">
        <v>15</v>
      </c>
      <c r="G97860" s="16">
        <v>0</v>
      </c>
    </row>
    <row r="97861" spans="1:7" x14ac:dyDescent="0.3">
      <c r="A97861" s="13" t="s">
        <v>484</v>
      </c>
      <c r="B97861" s="14" t="s">
        <v>1</v>
      </c>
      <c r="C97861" s="14" t="s">
        <v>96</v>
      </c>
      <c r="D97861" s="14" t="s">
        <v>485</v>
      </c>
      <c r="E97861" s="15">
        <v>45417</v>
      </c>
      <c r="F97861" s="14" t="s">
        <v>15</v>
      </c>
      <c r="G97861" s="16">
        <v>0</v>
      </c>
    </row>
    <row r="97862" spans="1:7" x14ac:dyDescent="0.3">
      <c r="A97862" s="13" t="s">
        <v>484</v>
      </c>
      <c r="B97862" s="14" t="s">
        <v>1</v>
      </c>
      <c r="C97862" s="14" t="s">
        <v>96</v>
      </c>
      <c r="D97862" s="14" t="s">
        <v>485</v>
      </c>
      <c r="E97862" s="15">
        <v>45418</v>
      </c>
      <c r="F97862" s="14" t="s">
        <v>15</v>
      </c>
      <c r="G97862" s="16">
        <v>0</v>
      </c>
    </row>
    <row r="97863" spans="1:7" x14ac:dyDescent="0.3">
      <c r="A97863" s="13" t="s">
        <v>484</v>
      </c>
      <c r="B97863" s="14" t="s">
        <v>1</v>
      </c>
      <c r="C97863" s="14" t="s">
        <v>96</v>
      </c>
      <c r="D97863" s="14" t="s">
        <v>485</v>
      </c>
      <c r="E97863" s="15">
        <v>45419</v>
      </c>
      <c r="F97863" s="14" t="s">
        <v>15</v>
      </c>
      <c r="G97863" s="16">
        <v>0</v>
      </c>
    </row>
    <row r="97864" spans="1:7" x14ac:dyDescent="0.3">
      <c r="A97864" s="13" t="s">
        <v>484</v>
      </c>
      <c r="B97864" s="14" t="s">
        <v>1</v>
      </c>
      <c r="C97864" s="14" t="s">
        <v>96</v>
      </c>
      <c r="D97864" s="14" t="s">
        <v>485</v>
      </c>
      <c r="E97864" s="15">
        <v>45420</v>
      </c>
      <c r="F97864" s="14" t="s">
        <v>15</v>
      </c>
      <c r="G97864" s="16">
        <v>0</v>
      </c>
    </row>
    <row r="97865" spans="1:7" x14ac:dyDescent="0.3">
      <c r="A97865" s="13" t="s">
        <v>484</v>
      </c>
      <c r="B97865" s="14" t="s">
        <v>1</v>
      </c>
      <c r="C97865" s="14" t="s">
        <v>96</v>
      </c>
      <c r="D97865" s="14" t="s">
        <v>485</v>
      </c>
      <c r="E97865" s="15">
        <v>45421</v>
      </c>
      <c r="F97865" s="14" t="s">
        <v>15</v>
      </c>
      <c r="G97865" s="16">
        <v>0</v>
      </c>
    </row>
    <row r="97866" spans="1:7" x14ac:dyDescent="0.3">
      <c r="A97866" s="13" t="s">
        <v>484</v>
      </c>
      <c r="B97866" s="14" t="s">
        <v>1</v>
      </c>
      <c r="C97866" s="14" t="s">
        <v>96</v>
      </c>
      <c r="D97866" s="14" t="s">
        <v>485</v>
      </c>
      <c r="E97866" s="15">
        <v>45422</v>
      </c>
      <c r="F97866" s="14" t="s">
        <v>15</v>
      </c>
      <c r="G97866" s="16">
        <v>0</v>
      </c>
    </row>
    <row r="97867" spans="1:7" x14ac:dyDescent="0.3">
      <c r="A97867" s="13" t="s">
        <v>484</v>
      </c>
      <c r="B97867" s="14" t="s">
        <v>1</v>
      </c>
      <c r="C97867" s="14" t="s">
        <v>96</v>
      </c>
      <c r="D97867" s="14" t="s">
        <v>485</v>
      </c>
      <c r="E97867" s="15">
        <v>45423</v>
      </c>
      <c r="F97867" s="14" t="s">
        <v>15</v>
      </c>
      <c r="G97867" s="16">
        <v>0</v>
      </c>
    </row>
    <row r="97868" spans="1:7" x14ac:dyDescent="0.3">
      <c r="A97868" s="13" t="s">
        <v>484</v>
      </c>
      <c r="B97868" s="14" t="s">
        <v>1</v>
      </c>
      <c r="C97868" s="14" t="s">
        <v>96</v>
      </c>
      <c r="D97868" s="14" t="s">
        <v>485</v>
      </c>
      <c r="E97868" s="15">
        <v>45424</v>
      </c>
      <c r="F97868" s="14" t="s">
        <v>15</v>
      </c>
      <c r="G97868" s="16">
        <v>0</v>
      </c>
    </row>
    <row r="97869" spans="1:7" x14ac:dyDescent="0.3">
      <c r="A97869" s="13" t="s">
        <v>484</v>
      </c>
      <c r="B97869" s="14" t="s">
        <v>1</v>
      </c>
      <c r="C97869" s="14" t="s">
        <v>96</v>
      </c>
      <c r="D97869" s="14" t="s">
        <v>485</v>
      </c>
      <c r="E97869" s="15">
        <v>45425</v>
      </c>
      <c r="F97869" s="14" t="s">
        <v>15</v>
      </c>
      <c r="G97869" s="16">
        <v>0</v>
      </c>
    </row>
    <row r="97870" spans="1:7" x14ac:dyDescent="0.3">
      <c r="A97870" s="13" t="s">
        <v>484</v>
      </c>
      <c r="B97870" s="14" t="s">
        <v>1</v>
      </c>
      <c r="C97870" s="14" t="s">
        <v>96</v>
      </c>
      <c r="D97870" s="14" t="s">
        <v>485</v>
      </c>
      <c r="E97870" s="15">
        <v>45426</v>
      </c>
      <c r="F97870" s="14" t="s">
        <v>15</v>
      </c>
      <c r="G97870" s="16">
        <v>0</v>
      </c>
    </row>
    <row r="97871" spans="1:7" x14ac:dyDescent="0.3">
      <c r="A97871" s="13" t="s">
        <v>484</v>
      </c>
      <c r="B97871" s="14" t="s">
        <v>1</v>
      </c>
      <c r="C97871" s="14" t="s">
        <v>96</v>
      </c>
      <c r="D97871" s="14" t="s">
        <v>485</v>
      </c>
      <c r="E97871" s="15">
        <v>45427</v>
      </c>
      <c r="F97871" s="14" t="s">
        <v>15</v>
      </c>
      <c r="G97871" s="16">
        <v>0</v>
      </c>
    </row>
    <row r="97872" spans="1:7" x14ac:dyDescent="0.3">
      <c r="A97872" s="13" t="s">
        <v>484</v>
      </c>
      <c r="B97872" s="14" t="s">
        <v>1</v>
      </c>
      <c r="C97872" s="14" t="s">
        <v>96</v>
      </c>
      <c r="D97872" s="14" t="s">
        <v>485</v>
      </c>
      <c r="E97872" s="15">
        <v>45428</v>
      </c>
      <c r="F97872" s="14" t="s">
        <v>15</v>
      </c>
      <c r="G97872" s="16">
        <v>0</v>
      </c>
    </row>
    <row r="97873" spans="1:7" x14ac:dyDescent="0.3">
      <c r="A97873" s="13" t="s">
        <v>484</v>
      </c>
      <c r="B97873" s="14" t="s">
        <v>1</v>
      </c>
      <c r="C97873" s="14" t="s">
        <v>96</v>
      </c>
      <c r="D97873" s="14" t="s">
        <v>485</v>
      </c>
      <c r="E97873" s="15">
        <v>45429</v>
      </c>
      <c r="F97873" s="14" t="s">
        <v>15</v>
      </c>
      <c r="G97873" s="16">
        <v>0</v>
      </c>
    </row>
    <row r="97874" spans="1:7" x14ac:dyDescent="0.3">
      <c r="A97874" s="13" t="s">
        <v>484</v>
      </c>
      <c r="B97874" s="14" t="s">
        <v>1</v>
      </c>
      <c r="C97874" s="14" t="s">
        <v>96</v>
      </c>
      <c r="D97874" s="14" t="s">
        <v>485</v>
      </c>
      <c r="E97874" s="15">
        <v>45430</v>
      </c>
      <c r="F97874" s="14" t="s">
        <v>15</v>
      </c>
      <c r="G97874" s="16">
        <v>0</v>
      </c>
    </row>
    <row r="97875" spans="1:7" x14ac:dyDescent="0.3">
      <c r="A97875" s="13" t="s">
        <v>484</v>
      </c>
      <c r="B97875" s="14" t="s">
        <v>1</v>
      </c>
      <c r="C97875" s="14" t="s">
        <v>96</v>
      </c>
      <c r="D97875" s="14" t="s">
        <v>485</v>
      </c>
      <c r="E97875" s="15">
        <v>45431</v>
      </c>
      <c r="F97875" s="14" t="s">
        <v>15</v>
      </c>
      <c r="G97875" s="16">
        <v>0</v>
      </c>
    </row>
    <row r="97876" spans="1:7" x14ac:dyDescent="0.3">
      <c r="A97876" s="13" t="s">
        <v>484</v>
      </c>
      <c r="B97876" s="14" t="s">
        <v>1</v>
      </c>
      <c r="C97876" s="14" t="s">
        <v>96</v>
      </c>
      <c r="D97876" s="14" t="s">
        <v>485</v>
      </c>
      <c r="E97876" s="15">
        <v>45432</v>
      </c>
      <c r="F97876" s="14" t="s">
        <v>15</v>
      </c>
      <c r="G97876" s="16">
        <v>0</v>
      </c>
    </row>
    <row r="97877" spans="1:7" x14ac:dyDescent="0.3">
      <c r="A97877" s="13" t="s">
        <v>484</v>
      </c>
      <c r="B97877" s="14" t="s">
        <v>1</v>
      </c>
      <c r="C97877" s="14" t="s">
        <v>96</v>
      </c>
      <c r="D97877" s="14" t="s">
        <v>485</v>
      </c>
      <c r="E97877" s="15">
        <v>45433</v>
      </c>
      <c r="F97877" s="14" t="s">
        <v>15</v>
      </c>
      <c r="G97877" s="16">
        <v>0</v>
      </c>
    </row>
    <row r="97878" spans="1:7" x14ac:dyDescent="0.3">
      <c r="A97878" s="13" t="s">
        <v>484</v>
      </c>
      <c r="B97878" s="14" t="s">
        <v>1</v>
      </c>
      <c r="C97878" s="14" t="s">
        <v>96</v>
      </c>
      <c r="D97878" s="14" t="s">
        <v>485</v>
      </c>
      <c r="E97878" s="15">
        <v>45434</v>
      </c>
      <c r="F97878" s="14" t="s">
        <v>15</v>
      </c>
      <c r="G97878" s="16">
        <v>0</v>
      </c>
    </row>
    <row r="97879" spans="1:7" x14ac:dyDescent="0.3">
      <c r="A97879" s="13" t="s">
        <v>484</v>
      </c>
      <c r="B97879" s="14" t="s">
        <v>1</v>
      </c>
      <c r="C97879" s="14" t="s">
        <v>96</v>
      </c>
      <c r="D97879" s="14" t="s">
        <v>485</v>
      </c>
      <c r="E97879" s="15">
        <v>45435</v>
      </c>
      <c r="F97879" s="14" t="s">
        <v>15</v>
      </c>
      <c r="G97879" s="16">
        <v>0</v>
      </c>
    </row>
    <row r="97880" spans="1:7" x14ac:dyDescent="0.3">
      <c r="A97880" s="13" t="s">
        <v>484</v>
      </c>
      <c r="B97880" s="14" t="s">
        <v>1</v>
      </c>
      <c r="C97880" s="14" t="s">
        <v>96</v>
      </c>
      <c r="D97880" s="14" t="s">
        <v>485</v>
      </c>
      <c r="E97880" s="15">
        <v>45436</v>
      </c>
      <c r="F97880" s="14" t="s">
        <v>15</v>
      </c>
      <c r="G97880" s="16">
        <v>0</v>
      </c>
    </row>
    <row r="97881" spans="1:7" x14ac:dyDescent="0.3">
      <c r="A97881" s="13" t="s">
        <v>484</v>
      </c>
      <c r="B97881" s="14" t="s">
        <v>1</v>
      </c>
      <c r="C97881" s="14" t="s">
        <v>96</v>
      </c>
      <c r="D97881" s="14" t="s">
        <v>485</v>
      </c>
      <c r="E97881" s="15">
        <v>45437</v>
      </c>
      <c r="F97881" s="14" t="s">
        <v>15</v>
      </c>
      <c r="G97881" s="16">
        <v>0</v>
      </c>
    </row>
    <row r="97882" spans="1:7" x14ac:dyDescent="0.3">
      <c r="A97882" s="13" t="s">
        <v>484</v>
      </c>
      <c r="B97882" s="14" t="s">
        <v>1</v>
      </c>
      <c r="C97882" s="14" t="s">
        <v>96</v>
      </c>
      <c r="D97882" s="14" t="s">
        <v>485</v>
      </c>
      <c r="E97882" s="15">
        <v>45438</v>
      </c>
      <c r="F97882" s="14" t="s">
        <v>15</v>
      </c>
      <c r="G97882" s="16">
        <v>0</v>
      </c>
    </row>
    <row r="97883" spans="1:7" x14ac:dyDescent="0.3">
      <c r="A97883" s="13" t="s">
        <v>484</v>
      </c>
      <c r="B97883" s="14" t="s">
        <v>1</v>
      </c>
      <c r="C97883" s="14" t="s">
        <v>96</v>
      </c>
      <c r="D97883" s="14" t="s">
        <v>485</v>
      </c>
      <c r="E97883" s="15">
        <v>45439</v>
      </c>
      <c r="F97883" s="14" t="s">
        <v>15</v>
      </c>
      <c r="G97883" s="16">
        <v>0</v>
      </c>
    </row>
    <row r="97884" spans="1:7" x14ac:dyDescent="0.3">
      <c r="A97884" s="13" t="s">
        <v>484</v>
      </c>
      <c r="B97884" s="14" t="s">
        <v>1</v>
      </c>
      <c r="C97884" s="14" t="s">
        <v>96</v>
      </c>
      <c r="D97884" s="14" t="s">
        <v>485</v>
      </c>
      <c r="E97884" s="15">
        <v>45440</v>
      </c>
      <c r="F97884" s="14" t="s">
        <v>15</v>
      </c>
      <c r="G97884" s="16">
        <v>0</v>
      </c>
    </row>
    <row r="97885" spans="1:7" x14ac:dyDescent="0.3">
      <c r="A97885" s="13" t="s">
        <v>484</v>
      </c>
      <c r="B97885" s="14" t="s">
        <v>1</v>
      </c>
      <c r="C97885" s="14" t="s">
        <v>96</v>
      </c>
      <c r="D97885" s="14" t="s">
        <v>485</v>
      </c>
      <c r="E97885" s="15">
        <v>45441</v>
      </c>
      <c r="F97885" s="14" t="s">
        <v>15</v>
      </c>
      <c r="G97885" s="16">
        <v>0</v>
      </c>
    </row>
    <row r="97886" spans="1:7" x14ac:dyDescent="0.3">
      <c r="A97886" s="13" t="s">
        <v>484</v>
      </c>
      <c r="B97886" s="14" t="s">
        <v>1</v>
      </c>
      <c r="C97886" s="14" t="s">
        <v>96</v>
      </c>
      <c r="D97886" s="14" t="s">
        <v>485</v>
      </c>
      <c r="E97886" s="15">
        <v>45442</v>
      </c>
      <c r="F97886" s="14" t="s">
        <v>15</v>
      </c>
      <c r="G97886" s="16">
        <v>0</v>
      </c>
    </row>
    <row r="97887" spans="1:7" x14ac:dyDescent="0.3">
      <c r="A97887" s="13" t="s">
        <v>484</v>
      </c>
      <c r="B97887" s="14" t="s">
        <v>1</v>
      </c>
      <c r="C97887" s="14" t="s">
        <v>96</v>
      </c>
      <c r="D97887" s="14" t="s">
        <v>485</v>
      </c>
      <c r="E97887" s="15">
        <v>45443</v>
      </c>
      <c r="F97887" s="14" t="s">
        <v>15</v>
      </c>
      <c r="G97887" s="16">
        <v>0</v>
      </c>
    </row>
    <row r="97888" spans="1:7" x14ac:dyDescent="0.3">
      <c r="A97888" s="13" t="s">
        <v>484</v>
      </c>
      <c r="B97888" s="14" t="s">
        <v>1</v>
      </c>
      <c r="C97888" s="14" t="s">
        <v>96</v>
      </c>
      <c r="D97888" s="14" t="s">
        <v>485</v>
      </c>
      <c r="E97888" s="15">
        <v>45444</v>
      </c>
      <c r="F97888" s="14" t="s">
        <v>15</v>
      </c>
      <c r="G97888" s="16">
        <v>0</v>
      </c>
    </row>
    <row r="97889" spans="1:7" x14ac:dyDescent="0.3">
      <c r="A97889" s="13" t="s">
        <v>484</v>
      </c>
      <c r="B97889" s="14" t="s">
        <v>1</v>
      </c>
      <c r="C97889" s="14" t="s">
        <v>96</v>
      </c>
      <c r="D97889" s="14" t="s">
        <v>485</v>
      </c>
      <c r="E97889" s="15">
        <v>45445</v>
      </c>
      <c r="F97889" s="14" t="s">
        <v>15</v>
      </c>
      <c r="G97889" s="16">
        <v>0</v>
      </c>
    </row>
    <row r="97890" spans="1:7" x14ac:dyDescent="0.3">
      <c r="A97890" s="13" t="s">
        <v>484</v>
      </c>
      <c r="B97890" s="14" t="s">
        <v>1</v>
      </c>
      <c r="C97890" s="14" t="s">
        <v>96</v>
      </c>
      <c r="D97890" s="14" t="s">
        <v>485</v>
      </c>
      <c r="E97890" s="15">
        <v>45446</v>
      </c>
      <c r="F97890" s="14" t="s">
        <v>15</v>
      </c>
      <c r="G97890" s="16">
        <v>0</v>
      </c>
    </row>
    <row r="97891" spans="1:7" x14ac:dyDescent="0.3">
      <c r="A97891" s="13" t="s">
        <v>484</v>
      </c>
      <c r="B97891" s="14" t="s">
        <v>1</v>
      </c>
      <c r="C97891" s="14" t="s">
        <v>96</v>
      </c>
      <c r="D97891" s="14" t="s">
        <v>485</v>
      </c>
      <c r="E97891" s="15">
        <v>45447</v>
      </c>
      <c r="F97891" s="14" t="s">
        <v>15</v>
      </c>
      <c r="G97891" s="16">
        <v>0</v>
      </c>
    </row>
    <row r="97892" spans="1:7" x14ac:dyDescent="0.3">
      <c r="A97892" s="13" t="s">
        <v>484</v>
      </c>
      <c r="B97892" s="14" t="s">
        <v>1</v>
      </c>
      <c r="C97892" s="14" t="s">
        <v>96</v>
      </c>
      <c r="D97892" s="14" t="s">
        <v>485</v>
      </c>
      <c r="E97892" s="15">
        <v>45448</v>
      </c>
      <c r="F97892" s="14" t="s">
        <v>15</v>
      </c>
      <c r="G97892" s="16">
        <v>0</v>
      </c>
    </row>
    <row r="97893" spans="1:7" x14ac:dyDescent="0.3">
      <c r="A97893" s="13" t="s">
        <v>484</v>
      </c>
      <c r="B97893" s="14" t="s">
        <v>1</v>
      </c>
      <c r="C97893" s="14" t="s">
        <v>96</v>
      </c>
      <c r="D97893" s="14" t="s">
        <v>485</v>
      </c>
      <c r="E97893" s="15">
        <v>45449</v>
      </c>
      <c r="F97893" s="14" t="s">
        <v>15</v>
      </c>
      <c r="G97893" s="16">
        <v>0</v>
      </c>
    </row>
    <row r="97894" spans="1:7" x14ac:dyDescent="0.3">
      <c r="A97894" s="13" t="s">
        <v>484</v>
      </c>
      <c r="B97894" s="14" t="s">
        <v>1</v>
      </c>
      <c r="C97894" s="14" t="s">
        <v>96</v>
      </c>
      <c r="D97894" s="14" t="s">
        <v>485</v>
      </c>
      <c r="E97894" s="15">
        <v>45450</v>
      </c>
      <c r="F97894" s="14" t="s">
        <v>15</v>
      </c>
      <c r="G97894" s="16">
        <v>0</v>
      </c>
    </row>
    <row r="97895" spans="1:7" x14ac:dyDescent="0.3">
      <c r="A97895" s="13" t="s">
        <v>484</v>
      </c>
      <c r="B97895" s="14" t="s">
        <v>1</v>
      </c>
      <c r="C97895" s="14" t="s">
        <v>96</v>
      </c>
      <c r="D97895" s="14" t="s">
        <v>485</v>
      </c>
      <c r="E97895" s="15">
        <v>45451</v>
      </c>
      <c r="F97895" s="14" t="s">
        <v>15</v>
      </c>
      <c r="G97895" s="16">
        <v>0</v>
      </c>
    </row>
    <row r="97896" spans="1:7" x14ac:dyDescent="0.3">
      <c r="A97896" s="13" t="s">
        <v>484</v>
      </c>
      <c r="B97896" s="14" t="s">
        <v>1</v>
      </c>
      <c r="C97896" s="14" t="s">
        <v>96</v>
      </c>
      <c r="D97896" s="14" t="s">
        <v>485</v>
      </c>
      <c r="E97896" s="15">
        <v>45452</v>
      </c>
      <c r="F97896" s="14" t="s">
        <v>15</v>
      </c>
      <c r="G97896" s="16">
        <v>0</v>
      </c>
    </row>
    <row r="97897" spans="1:7" x14ac:dyDescent="0.3">
      <c r="A97897" s="13" t="s">
        <v>484</v>
      </c>
      <c r="B97897" s="14" t="s">
        <v>1</v>
      </c>
      <c r="C97897" s="14" t="s">
        <v>96</v>
      </c>
      <c r="D97897" s="14" t="s">
        <v>485</v>
      </c>
      <c r="E97897" s="15">
        <v>45453</v>
      </c>
      <c r="F97897" s="14" t="s">
        <v>15</v>
      </c>
      <c r="G97897" s="16">
        <v>0</v>
      </c>
    </row>
    <row r="97898" spans="1:7" x14ac:dyDescent="0.3">
      <c r="A97898" s="13" t="s">
        <v>484</v>
      </c>
      <c r="B97898" s="14" t="s">
        <v>1</v>
      </c>
      <c r="C97898" s="14" t="s">
        <v>96</v>
      </c>
      <c r="D97898" s="14" t="s">
        <v>485</v>
      </c>
      <c r="E97898" s="15">
        <v>45454</v>
      </c>
      <c r="F97898" s="14" t="s">
        <v>15</v>
      </c>
      <c r="G97898" s="16">
        <v>0</v>
      </c>
    </row>
    <row r="97899" spans="1:7" x14ac:dyDescent="0.3">
      <c r="A97899" s="13" t="s">
        <v>484</v>
      </c>
      <c r="B97899" s="14" t="s">
        <v>1</v>
      </c>
      <c r="C97899" s="14" t="s">
        <v>96</v>
      </c>
      <c r="D97899" s="14" t="s">
        <v>485</v>
      </c>
      <c r="E97899" s="15">
        <v>45455</v>
      </c>
      <c r="F97899" s="14" t="s">
        <v>15</v>
      </c>
      <c r="G97899" s="16">
        <v>0</v>
      </c>
    </row>
    <row r="97900" spans="1:7" x14ac:dyDescent="0.3">
      <c r="A97900" s="13" t="s">
        <v>484</v>
      </c>
      <c r="B97900" s="14" t="s">
        <v>1</v>
      </c>
      <c r="C97900" s="14" t="s">
        <v>96</v>
      </c>
      <c r="D97900" s="14" t="s">
        <v>485</v>
      </c>
      <c r="E97900" s="15">
        <v>45456</v>
      </c>
      <c r="F97900" s="14" t="s">
        <v>15</v>
      </c>
      <c r="G97900" s="16">
        <v>0</v>
      </c>
    </row>
    <row r="97901" spans="1:7" x14ac:dyDescent="0.3">
      <c r="A97901" s="13" t="s">
        <v>484</v>
      </c>
      <c r="B97901" s="14" t="s">
        <v>1</v>
      </c>
      <c r="C97901" s="14" t="s">
        <v>96</v>
      </c>
      <c r="D97901" s="14" t="s">
        <v>485</v>
      </c>
      <c r="E97901" s="15">
        <v>45457</v>
      </c>
      <c r="F97901" s="14" t="s">
        <v>15</v>
      </c>
      <c r="G97901" s="16">
        <v>0</v>
      </c>
    </row>
    <row r="97902" spans="1:7" x14ac:dyDescent="0.3">
      <c r="A97902" s="13" t="s">
        <v>484</v>
      </c>
      <c r="B97902" s="14" t="s">
        <v>1</v>
      </c>
      <c r="C97902" s="14" t="s">
        <v>96</v>
      </c>
      <c r="D97902" s="14" t="s">
        <v>485</v>
      </c>
      <c r="E97902" s="15">
        <v>45458</v>
      </c>
      <c r="F97902" s="14" t="s">
        <v>15</v>
      </c>
      <c r="G97902" s="16">
        <v>0</v>
      </c>
    </row>
    <row r="97903" spans="1:7" x14ac:dyDescent="0.3">
      <c r="A97903" s="13" t="s">
        <v>484</v>
      </c>
      <c r="B97903" s="14" t="s">
        <v>1</v>
      </c>
      <c r="C97903" s="14" t="s">
        <v>96</v>
      </c>
      <c r="D97903" s="14" t="s">
        <v>485</v>
      </c>
      <c r="E97903" s="15">
        <v>45459</v>
      </c>
      <c r="F97903" s="14" t="s">
        <v>15</v>
      </c>
      <c r="G97903" s="16">
        <v>0</v>
      </c>
    </row>
    <row r="97904" spans="1:7" x14ac:dyDescent="0.3">
      <c r="A97904" s="13" t="s">
        <v>484</v>
      </c>
      <c r="B97904" s="14" t="s">
        <v>1</v>
      </c>
      <c r="C97904" s="14" t="s">
        <v>96</v>
      </c>
      <c r="D97904" s="14" t="s">
        <v>485</v>
      </c>
      <c r="E97904" s="15">
        <v>45460</v>
      </c>
      <c r="F97904" s="14" t="s">
        <v>15</v>
      </c>
      <c r="G97904" s="16">
        <v>0</v>
      </c>
    </row>
    <row r="97905" spans="1:7" x14ac:dyDescent="0.3">
      <c r="A97905" s="13" t="s">
        <v>484</v>
      </c>
      <c r="B97905" s="14" t="s">
        <v>1</v>
      </c>
      <c r="C97905" s="14" t="s">
        <v>96</v>
      </c>
      <c r="D97905" s="14" t="s">
        <v>485</v>
      </c>
      <c r="E97905" s="15">
        <v>45461</v>
      </c>
      <c r="F97905" s="14" t="s">
        <v>15</v>
      </c>
      <c r="G97905" s="16">
        <v>0</v>
      </c>
    </row>
    <row r="97906" spans="1:7" x14ac:dyDescent="0.3">
      <c r="A97906" s="13" t="s">
        <v>484</v>
      </c>
      <c r="B97906" s="14" t="s">
        <v>1</v>
      </c>
      <c r="C97906" s="14" t="s">
        <v>96</v>
      </c>
      <c r="D97906" s="14" t="s">
        <v>485</v>
      </c>
      <c r="E97906" s="15">
        <v>45462</v>
      </c>
      <c r="F97906" s="14" t="s">
        <v>15</v>
      </c>
      <c r="G97906" s="16">
        <v>0</v>
      </c>
    </row>
    <row r="97907" spans="1:7" x14ac:dyDescent="0.3">
      <c r="A97907" s="13" t="s">
        <v>484</v>
      </c>
      <c r="B97907" s="14" t="s">
        <v>1</v>
      </c>
      <c r="C97907" s="14" t="s">
        <v>96</v>
      </c>
      <c r="D97907" s="14" t="s">
        <v>485</v>
      </c>
      <c r="E97907" s="15">
        <v>45463</v>
      </c>
      <c r="F97907" s="14" t="s">
        <v>15</v>
      </c>
      <c r="G97907" s="16">
        <v>0</v>
      </c>
    </row>
    <row r="97908" spans="1:7" x14ac:dyDescent="0.3">
      <c r="A97908" s="13" t="s">
        <v>484</v>
      </c>
      <c r="B97908" s="14" t="s">
        <v>1</v>
      </c>
      <c r="C97908" s="14" t="s">
        <v>96</v>
      </c>
      <c r="D97908" s="14" t="s">
        <v>485</v>
      </c>
      <c r="E97908" s="15">
        <v>45464</v>
      </c>
      <c r="F97908" s="14" t="s">
        <v>15</v>
      </c>
      <c r="G97908" s="16">
        <v>0</v>
      </c>
    </row>
    <row r="97909" spans="1:7" x14ac:dyDescent="0.3">
      <c r="A97909" s="13" t="s">
        <v>484</v>
      </c>
      <c r="B97909" s="14" t="s">
        <v>1</v>
      </c>
      <c r="C97909" s="14" t="s">
        <v>96</v>
      </c>
      <c r="D97909" s="14" t="s">
        <v>485</v>
      </c>
      <c r="E97909" s="15">
        <v>45465</v>
      </c>
      <c r="F97909" s="14" t="s">
        <v>15</v>
      </c>
      <c r="G97909" s="16">
        <v>0</v>
      </c>
    </row>
    <row r="97910" spans="1:7" x14ac:dyDescent="0.3">
      <c r="A97910" s="13" t="s">
        <v>484</v>
      </c>
      <c r="B97910" s="14" t="s">
        <v>1</v>
      </c>
      <c r="C97910" s="14" t="s">
        <v>96</v>
      </c>
      <c r="D97910" s="14" t="s">
        <v>485</v>
      </c>
      <c r="E97910" s="15">
        <v>45466</v>
      </c>
      <c r="F97910" s="14" t="s">
        <v>15</v>
      </c>
      <c r="G97910" s="16">
        <v>0</v>
      </c>
    </row>
    <row r="97911" spans="1:7" x14ac:dyDescent="0.3">
      <c r="A97911" s="13" t="s">
        <v>484</v>
      </c>
      <c r="B97911" s="14" t="s">
        <v>1</v>
      </c>
      <c r="C97911" s="14" t="s">
        <v>96</v>
      </c>
      <c r="D97911" s="14" t="s">
        <v>485</v>
      </c>
      <c r="E97911" s="15">
        <v>45467</v>
      </c>
      <c r="F97911" s="14" t="s">
        <v>15</v>
      </c>
      <c r="G97911" s="16">
        <v>0</v>
      </c>
    </row>
    <row r="97912" spans="1:7" x14ac:dyDescent="0.3">
      <c r="A97912" s="13" t="s">
        <v>484</v>
      </c>
      <c r="B97912" s="14" t="s">
        <v>1</v>
      </c>
      <c r="C97912" s="14" t="s">
        <v>96</v>
      </c>
      <c r="D97912" s="14" t="s">
        <v>485</v>
      </c>
      <c r="E97912" s="15">
        <v>45468</v>
      </c>
      <c r="F97912" s="14" t="s">
        <v>15</v>
      </c>
      <c r="G97912" s="16">
        <v>0</v>
      </c>
    </row>
    <row r="97913" spans="1:7" x14ac:dyDescent="0.3">
      <c r="A97913" s="13" t="s">
        <v>484</v>
      </c>
      <c r="B97913" s="14" t="s">
        <v>1</v>
      </c>
      <c r="C97913" s="14" t="s">
        <v>96</v>
      </c>
      <c r="D97913" s="14" t="s">
        <v>485</v>
      </c>
      <c r="E97913" s="15">
        <v>45469</v>
      </c>
      <c r="F97913" s="14" t="s">
        <v>15</v>
      </c>
      <c r="G97913" s="16">
        <v>0</v>
      </c>
    </row>
    <row r="97914" spans="1:7" x14ac:dyDescent="0.3">
      <c r="A97914" s="13" t="s">
        <v>484</v>
      </c>
      <c r="B97914" s="14" t="s">
        <v>1</v>
      </c>
      <c r="C97914" s="14" t="s">
        <v>96</v>
      </c>
      <c r="D97914" s="14" t="s">
        <v>485</v>
      </c>
      <c r="E97914" s="15">
        <v>45470</v>
      </c>
      <c r="F97914" s="14" t="s">
        <v>15</v>
      </c>
      <c r="G97914" s="16">
        <v>0</v>
      </c>
    </row>
    <row r="97915" spans="1:7" x14ac:dyDescent="0.3">
      <c r="A97915" s="13" t="s">
        <v>484</v>
      </c>
      <c r="B97915" s="14" t="s">
        <v>1</v>
      </c>
      <c r="C97915" s="14" t="s">
        <v>96</v>
      </c>
      <c r="D97915" s="14" t="s">
        <v>485</v>
      </c>
      <c r="E97915" s="15">
        <v>45471</v>
      </c>
      <c r="F97915" s="14" t="s">
        <v>15</v>
      </c>
      <c r="G97915" s="16">
        <v>0</v>
      </c>
    </row>
    <row r="97916" spans="1:7" x14ac:dyDescent="0.3">
      <c r="A97916" s="13" t="s">
        <v>484</v>
      </c>
      <c r="B97916" s="14" t="s">
        <v>1</v>
      </c>
      <c r="C97916" s="14" t="s">
        <v>96</v>
      </c>
      <c r="D97916" s="14" t="s">
        <v>485</v>
      </c>
      <c r="E97916" s="15">
        <v>45472</v>
      </c>
      <c r="F97916" s="14" t="s">
        <v>15</v>
      </c>
      <c r="G97916" s="16">
        <v>0</v>
      </c>
    </row>
    <row r="97917" spans="1:7" x14ac:dyDescent="0.3">
      <c r="A97917" s="13" t="s">
        <v>484</v>
      </c>
      <c r="B97917" s="14" t="s">
        <v>1</v>
      </c>
      <c r="C97917" s="14" t="s">
        <v>96</v>
      </c>
      <c r="D97917" s="14" t="s">
        <v>485</v>
      </c>
      <c r="E97917" s="15">
        <v>45473</v>
      </c>
      <c r="F97917" s="14" t="s">
        <v>15</v>
      </c>
      <c r="G97917" s="16">
        <v>0</v>
      </c>
    </row>
    <row r="97918" spans="1:7" x14ac:dyDescent="0.3">
      <c r="A97918" s="13" t="s">
        <v>484</v>
      </c>
      <c r="B97918" s="14" t="s">
        <v>1</v>
      </c>
      <c r="C97918" s="14" t="s">
        <v>96</v>
      </c>
      <c r="D97918" s="14" t="s">
        <v>485</v>
      </c>
      <c r="E97918" s="15">
        <v>45474</v>
      </c>
      <c r="F97918" s="14" t="s">
        <v>15</v>
      </c>
      <c r="G97918" s="16">
        <v>0</v>
      </c>
    </row>
    <row r="97919" spans="1:7" x14ac:dyDescent="0.3">
      <c r="A97919" s="13" t="s">
        <v>484</v>
      </c>
      <c r="B97919" s="14" t="s">
        <v>1</v>
      </c>
      <c r="C97919" s="14" t="s">
        <v>96</v>
      </c>
      <c r="D97919" s="14" t="s">
        <v>485</v>
      </c>
      <c r="E97919" s="15">
        <v>45475</v>
      </c>
      <c r="F97919" s="14" t="s">
        <v>15</v>
      </c>
      <c r="G97919" s="16">
        <v>0</v>
      </c>
    </row>
    <row r="97920" spans="1:7" x14ac:dyDescent="0.3">
      <c r="A97920" s="13" t="s">
        <v>484</v>
      </c>
      <c r="B97920" s="14" t="s">
        <v>1</v>
      </c>
      <c r="C97920" s="14" t="s">
        <v>96</v>
      </c>
      <c r="D97920" s="14" t="s">
        <v>485</v>
      </c>
      <c r="E97920" s="15">
        <v>45476</v>
      </c>
      <c r="F97920" s="14" t="s">
        <v>15</v>
      </c>
      <c r="G97920" s="16">
        <v>0</v>
      </c>
    </row>
    <row r="97921" spans="1:7" x14ac:dyDescent="0.3">
      <c r="A97921" s="13" t="s">
        <v>484</v>
      </c>
      <c r="B97921" s="14" t="s">
        <v>1</v>
      </c>
      <c r="C97921" s="14" t="s">
        <v>96</v>
      </c>
      <c r="D97921" s="14" t="s">
        <v>485</v>
      </c>
      <c r="E97921" s="15">
        <v>45477</v>
      </c>
      <c r="F97921" s="14" t="s">
        <v>15</v>
      </c>
      <c r="G97921" s="16">
        <v>0</v>
      </c>
    </row>
    <row r="97922" spans="1:7" x14ac:dyDescent="0.3">
      <c r="A97922" s="13" t="s">
        <v>484</v>
      </c>
      <c r="B97922" s="14" t="s">
        <v>1</v>
      </c>
      <c r="C97922" s="14" t="s">
        <v>96</v>
      </c>
      <c r="D97922" s="14" t="s">
        <v>485</v>
      </c>
      <c r="E97922" s="15">
        <v>45478</v>
      </c>
      <c r="F97922" s="14" t="s">
        <v>15</v>
      </c>
      <c r="G97922" s="16">
        <v>0</v>
      </c>
    </row>
    <row r="97923" spans="1:7" x14ac:dyDescent="0.3">
      <c r="A97923" s="13" t="s">
        <v>484</v>
      </c>
      <c r="B97923" s="14" t="s">
        <v>1</v>
      </c>
      <c r="C97923" s="14" t="s">
        <v>96</v>
      </c>
      <c r="D97923" s="14" t="s">
        <v>485</v>
      </c>
      <c r="E97923" s="15">
        <v>45479</v>
      </c>
      <c r="F97923" s="14" t="s">
        <v>15</v>
      </c>
      <c r="G97923" s="16">
        <v>0</v>
      </c>
    </row>
    <row r="97924" spans="1:7" x14ac:dyDescent="0.3">
      <c r="A97924" s="13" t="s">
        <v>484</v>
      </c>
      <c r="B97924" s="14" t="s">
        <v>1</v>
      </c>
      <c r="C97924" s="14" t="s">
        <v>96</v>
      </c>
      <c r="D97924" s="14" t="s">
        <v>485</v>
      </c>
      <c r="E97924" s="15">
        <v>45480</v>
      </c>
      <c r="F97924" s="14" t="s">
        <v>15</v>
      </c>
      <c r="G97924" s="16">
        <v>0</v>
      </c>
    </row>
    <row r="97925" spans="1:7" x14ac:dyDescent="0.3">
      <c r="A97925" s="13" t="s">
        <v>484</v>
      </c>
      <c r="B97925" s="14" t="s">
        <v>1</v>
      </c>
      <c r="C97925" s="14" t="s">
        <v>96</v>
      </c>
      <c r="D97925" s="14" t="s">
        <v>485</v>
      </c>
      <c r="E97925" s="15">
        <v>45481</v>
      </c>
      <c r="F97925" s="14" t="s">
        <v>15</v>
      </c>
      <c r="G97925" s="16">
        <v>0</v>
      </c>
    </row>
    <row r="97926" spans="1:7" x14ac:dyDescent="0.3">
      <c r="A97926" s="13" t="s">
        <v>484</v>
      </c>
      <c r="B97926" s="14" t="s">
        <v>1</v>
      </c>
      <c r="C97926" s="14" t="s">
        <v>96</v>
      </c>
      <c r="D97926" s="14" t="s">
        <v>485</v>
      </c>
      <c r="E97926" s="15">
        <v>45482</v>
      </c>
      <c r="F97926" s="14" t="s">
        <v>15</v>
      </c>
      <c r="G97926" s="16">
        <v>0</v>
      </c>
    </row>
    <row r="97927" spans="1:7" x14ac:dyDescent="0.3">
      <c r="A97927" s="13" t="s">
        <v>484</v>
      </c>
      <c r="B97927" s="14" t="s">
        <v>1</v>
      </c>
      <c r="C97927" s="14" t="s">
        <v>96</v>
      </c>
      <c r="D97927" s="14" t="s">
        <v>485</v>
      </c>
      <c r="E97927" s="15">
        <v>45483</v>
      </c>
      <c r="F97927" s="14" t="s">
        <v>15</v>
      </c>
      <c r="G97927" s="16">
        <v>0</v>
      </c>
    </row>
    <row r="97928" spans="1:7" x14ac:dyDescent="0.3">
      <c r="A97928" s="13" t="s">
        <v>484</v>
      </c>
      <c r="B97928" s="14" t="s">
        <v>1</v>
      </c>
      <c r="C97928" s="14" t="s">
        <v>96</v>
      </c>
      <c r="D97928" s="14" t="s">
        <v>485</v>
      </c>
      <c r="E97928" s="15">
        <v>45484</v>
      </c>
      <c r="F97928" s="14" t="s">
        <v>15</v>
      </c>
      <c r="G97928" s="16">
        <v>0</v>
      </c>
    </row>
    <row r="97929" spans="1:7" x14ac:dyDescent="0.3">
      <c r="A97929" s="13" t="s">
        <v>484</v>
      </c>
      <c r="B97929" s="14" t="s">
        <v>1</v>
      </c>
      <c r="C97929" s="14" t="s">
        <v>96</v>
      </c>
      <c r="D97929" s="14" t="s">
        <v>485</v>
      </c>
      <c r="E97929" s="15">
        <v>45485</v>
      </c>
      <c r="F97929" s="14" t="s">
        <v>15</v>
      </c>
      <c r="G97929" s="16">
        <v>0</v>
      </c>
    </row>
    <row r="97930" spans="1:7" x14ac:dyDescent="0.3">
      <c r="A97930" s="13" t="s">
        <v>484</v>
      </c>
      <c r="B97930" s="14" t="s">
        <v>1</v>
      </c>
      <c r="C97930" s="14" t="s">
        <v>96</v>
      </c>
      <c r="D97930" s="14" t="s">
        <v>485</v>
      </c>
      <c r="E97930" s="15">
        <v>45486</v>
      </c>
      <c r="F97930" s="14" t="s">
        <v>15</v>
      </c>
      <c r="G97930" s="16">
        <v>0</v>
      </c>
    </row>
    <row r="97931" spans="1:7" x14ac:dyDescent="0.3">
      <c r="A97931" s="13" t="s">
        <v>484</v>
      </c>
      <c r="B97931" s="14" t="s">
        <v>1</v>
      </c>
      <c r="C97931" s="14" t="s">
        <v>96</v>
      </c>
      <c r="D97931" s="14" t="s">
        <v>485</v>
      </c>
      <c r="E97931" s="15">
        <v>45487</v>
      </c>
      <c r="F97931" s="14" t="s">
        <v>15</v>
      </c>
      <c r="G97931" s="16">
        <v>0</v>
      </c>
    </row>
    <row r="97932" spans="1:7" x14ac:dyDescent="0.3">
      <c r="A97932" s="13" t="s">
        <v>484</v>
      </c>
      <c r="B97932" s="14" t="s">
        <v>1</v>
      </c>
      <c r="C97932" s="14" t="s">
        <v>96</v>
      </c>
      <c r="D97932" s="14" t="s">
        <v>485</v>
      </c>
      <c r="E97932" s="15">
        <v>45488</v>
      </c>
      <c r="F97932" s="14" t="s">
        <v>15</v>
      </c>
      <c r="G97932" s="16">
        <v>0</v>
      </c>
    </row>
    <row r="97933" spans="1:7" x14ac:dyDescent="0.3">
      <c r="A97933" s="13" t="s">
        <v>484</v>
      </c>
      <c r="B97933" s="14" t="s">
        <v>1</v>
      </c>
      <c r="C97933" s="14" t="s">
        <v>96</v>
      </c>
      <c r="D97933" s="14" t="s">
        <v>485</v>
      </c>
      <c r="E97933" s="15">
        <v>45489</v>
      </c>
      <c r="F97933" s="14" t="s">
        <v>15</v>
      </c>
      <c r="G97933" s="16">
        <v>0</v>
      </c>
    </row>
    <row r="97934" spans="1:7" x14ac:dyDescent="0.3">
      <c r="A97934" s="13" t="s">
        <v>484</v>
      </c>
      <c r="B97934" s="14" t="s">
        <v>1</v>
      </c>
      <c r="C97934" s="14" t="s">
        <v>96</v>
      </c>
      <c r="D97934" s="14" t="s">
        <v>485</v>
      </c>
      <c r="E97934" s="15">
        <v>45490</v>
      </c>
      <c r="F97934" s="14" t="s">
        <v>15</v>
      </c>
      <c r="G97934" s="16">
        <v>0</v>
      </c>
    </row>
    <row r="97935" spans="1:7" x14ac:dyDescent="0.3">
      <c r="A97935" s="13" t="s">
        <v>484</v>
      </c>
      <c r="B97935" s="14" t="s">
        <v>1</v>
      </c>
      <c r="C97935" s="14" t="s">
        <v>96</v>
      </c>
      <c r="D97935" s="14" t="s">
        <v>485</v>
      </c>
      <c r="E97935" s="15">
        <v>45491</v>
      </c>
      <c r="F97935" s="14" t="s">
        <v>15</v>
      </c>
      <c r="G97935" s="16">
        <v>0</v>
      </c>
    </row>
    <row r="97936" spans="1:7" x14ac:dyDescent="0.3">
      <c r="A97936" s="13" t="s">
        <v>484</v>
      </c>
      <c r="B97936" s="14" t="s">
        <v>1</v>
      </c>
      <c r="C97936" s="14" t="s">
        <v>96</v>
      </c>
      <c r="D97936" s="14" t="s">
        <v>485</v>
      </c>
      <c r="E97936" s="15">
        <v>45492</v>
      </c>
      <c r="F97936" s="14" t="s">
        <v>15</v>
      </c>
      <c r="G97936" s="16">
        <v>0</v>
      </c>
    </row>
    <row r="97937" spans="1:7" x14ac:dyDescent="0.3">
      <c r="A97937" s="13" t="s">
        <v>484</v>
      </c>
      <c r="B97937" s="14" t="s">
        <v>1</v>
      </c>
      <c r="C97937" s="14" t="s">
        <v>96</v>
      </c>
      <c r="D97937" s="14" t="s">
        <v>485</v>
      </c>
      <c r="E97937" s="15">
        <v>45493</v>
      </c>
      <c r="F97937" s="14" t="s">
        <v>15</v>
      </c>
      <c r="G97937" s="16">
        <v>0</v>
      </c>
    </row>
    <row r="97938" spans="1:7" x14ac:dyDescent="0.3">
      <c r="A97938" s="13" t="s">
        <v>484</v>
      </c>
      <c r="B97938" s="14" t="s">
        <v>1</v>
      </c>
      <c r="C97938" s="14" t="s">
        <v>96</v>
      </c>
      <c r="D97938" s="14" t="s">
        <v>485</v>
      </c>
      <c r="E97938" s="15">
        <v>45494</v>
      </c>
      <c r="F97938" s="14" t="s">
        <v>15</v>
      </c>
      <c r="G97938" s="16">
        <v>0</v>
      </c>
    </row>
    <row r="97939" spans="1:7" x14ac:dyDescent="0.3">
      <c r="A97939" s="13" t="s">
        <v>484</v>
      </c>
      <c r="B97939" s="14" t="s">
        <v>1</v>
      </c>
      <c r="C97939" s="14" t="s">
        <v>96</v>
      </c>
      <c r="D97939" s="14" t="s">
        <v>485</v>
      </c>
      <c r="E97939" s="15">
        <v>45495</v>
      </c>
      <c r="F97939" s="14" t="s">
        <v>15</v>
      </c>
      <c r="G97939" s="16">
        <v>0</v>
      </c>
    </row>
    <row r="97940" spans="1:7" x14ac:dyDescent="0.3">
      <c r="A97940" s="13" t="s">
        <v>484</v>
      </c>
      <c r="B97940" s="14" t="s">
        <v>1</v>
      </c>
      <c r="C97940" s="14" t="s">
        <v>96</v>
      </c>
      <c r="D97940" s="14" t="s">
        <v>485</v>
      </c>
      <c r="E97940" s="15">
        <v>45496</v>
      </c>
      <c r="F97940" s="14" t="s">
        <v>15</v>
      </c>
      <c r="G97940" s="16">
        <v>0</v>
      </c>
    </row>
    <row r="97941" spans="1:7" x14ac:dyDescent="0.3">
      <c r="A97941" s="13" t="s">
        <v>484</v>
      </c>
      <c r="B97941" s="14" t="s">
        <v>1</v>
      </c>
      <c r="C97941" s="14" t="s">
        <v>96</v>
      </c>
      <c r="D97941" s="14" t="s">
        <v>485</v>
      </c>
      <c r="E97941" s="15">
        <v>45497</v>
      </c>
      <c r="F97941" s="14" t="s">
        <v>15</v>
      </c>
      <c r="G97941" s="16">
        <v>0</v>
      </c>
    </row>
    <row r="97942" spans="1:7" x14ac:dyDescent="0.3">
      <c r="A97942" s="13" t="s">
        <v>484</v>
      </c>
      <c r="B97942" s="14" t="s">
        <v>1</v>
      </c>
      <c r="C97942" s="14" t="s">
        <v>96</v>
      </c>
      <c r="D97942" s="14" t="s">
        <v>485</v>
      </c>
      <c r="E97942" s="15">
        <v>45498</v>
      </c>
      <c r="F97942" s="14" t="s">
        <v>15</v>
      </c>
      <c r="G97942" s="16">
        <v>0</v>
      </c>
    </row>
    <row r="97943" spans="1:7" x14ac:dyDescent="0.3">
      <c r="A97943" s="13" t="s">
        <v>484</v>
      </c>
      <c r="B97943" s="14" t="s">
        <v>1</v>
      </c>
      <c r="C97943" s="14" t="s">
        <v>96</v>
      </c>
      <c r="D97943" s="14" t="s">
        <v>485</v>
      </c>
      <c r="E97943" s="15">
        <v>45499</v>
      </c>
      <c r="F97943" s="14" t="s">
        <v>15</v>
      </c>
      <c r="G97943" s="16">
        <v>0</v>
      </c>
    </row>
    <row r="97944" spans="1:7" x14ac:dyDescent="0.3">
      <c r="A97944" s="13" t="s">
        <v>484</v>
      </c>
      <c r="B97944" s="14" t="s">
        <v>1</v>
      </c>
      <c r="C97944" s="14" t="s">
        <v>96</v>
      </c>
      <c r="D97944" s="14" t="s">
        <v>485</v>
      </c>
      <c r="E97944" s="15">
        <v>45500</v>
      </c>
      <c r="F97944" s="14" t="s">
        <v>15</v>
      </c>
      <c r="G97944" s="16">
        <v>0</v>
      </c>
    </row>
    <row r="97945" spans="1:7" x14ac:dyDescent="0.3">
      <c r="A97945" s="13" t="s">
        <v>484</v>
      </c>
      <c r="B97945" s="14" t="s">
        <v>1</v>
      </c>
      <c r="C97945" s="14" t="s">
        <v>96</v>
      </c>
      <c r="D97945" s="14" t="s">
        <v>485</v>
      </c>
      <c r="E97945" s="15">
        <v>45501</v>
      </c>
      <c r="F97945" s="14" t="s">
        <v>15</v>
      </c>
      <c r="G97945" s="16">
        <v>0</v>
      </c>
    </row>
    <row r="97946" spans="1:7" x14ac:dyDescent="0.3">
      <c r="A97946" s="13" t="s">
        <v>484</v>
      </c>
      <c r="B97946" s="14" t="s">
        <v>1</v>
      </c>
      <c r="C97946" s="14" t="s">
        <v>96</v>
      </c>
      <c r="D97946" s="14" t="s">
        <v>485</v>
      </c>
      <c r="E97946" s="15">
        <v>45502</v>
      </c>
      <c r="F97946" s="14" t="s">
        <v>15</v>
      </c>
      <c r="G97946" s="16">
        <v>0</v>
      </c>
    </row>
    <row r="97947" spans="1:7" x14ac:dyDescent="0.3">
      <c r="A97947" s="13" t="s">
        <v>484</v>
      </c>
      <c r="B97947" s="14" t="s">
        <v>1</v>
      </c>
      <c r="C97947" s="14" t="s">
        <v>96</v>
      </c>
      <c r="D97947" s="14" t="s">
        <v>485</v>
      </c>
      <c r="E97947" s="15">
        <v>45503</v>
      </c>
      <c r="F97947" s="14" t="s">
        <v>15</v>
      </c>
      <c r="G97947" s="16">
        <v>0</v>
      </c>
    </row>
    <row r="97948" spans="1:7" x14ac:dyDescent="0.3">
      <c r="A97948" s="13" t="s">
        <v>484</v>
      </c>
      <c r="B97948" s="14" t="s">
        <v>1</v>
      </c>
      <c r="C97948" s="14" t="s">
        <v>96</v>
      </c>
      <c r="D97948" s="14" t="s">
        <v>485</v>
      </c>
      <c r="E97948" s="15">
        <v>45504</v>
      </c>
      <c r="F97948" s="14" t="s">
        <v>15</v>
      </c>
      <c r="G97948" s="16">
        <v>0</v>
      </c>
    </row>
    <row r="97949" spans="1:7" x14ac:dyDescent="0.3">
      <c r="A97949" s="13" t="s">
        <v>484</v>
      </c>
      <c r="B97949" s="14" t="s">
        <v>1</v>
      </c>
      <c r="C97949" s="14" t="s">
        <v>96</v>
      </c>
      <c r="D97949" s="14" t="s">
        <v>485</v>
      </c>
      <c r="E97949" s="15">
        <v>45505</v>
      </c>
      <c r="F97949" s="14" t="s">
        <v>15</v>
      </c>
      <c r="G97949" s="16">
        <v>0</v>
      </c>
    </row>
    <row r="97950" spans="1:7" x14ac:dyDescent="0.3">
      <c r="A97950" s="13" t="s">
        <v>484</v>
      </c>
      <c r="B97950" s="14" t="s">
        <v>1</v>
      </c>
      <c r="C97950" s="14" t="s">
        <v>96</v>
      </c>
      <c r="D97950" s="14" t="s">
        <v>485</v>
      </c>
      <c r="E97950" s="15">
        <v>45506</v>
      </c>
      <c r="F97950" s="14" t="s">
        <v>15</v>
      </c>
      <c r="G97950" s="16">
        <v>0</v>
      </c>
    </row>
    <row r="97951" spans="1:7" x14ac:dyDescent="0.3">
      <c r="A97951" s="13" t="s">
        <v>484</v>
      </c>
      <c r="B97951" s="14" t="s">
        <v>1</v>
      </c>
      <c r="C97951" s="14" t="s">
        <v>96</v>
      </c>
      <c r="D97951" s="14" t="s">
        <v>485</v>
      </c>
      <c r="E97951" s="15">
        <v>45507</v>
      </c>
      <c r="F97951" s="14" t="s">
        <v>15</v>
      </c>
      <c r="G97951" s="16">
        <v>0</v>
      </c>
    </row>
    <row r="97952" spans="1:7" x14ac:dyDescent="0.3">
      <c r="A97952" s="13" t="s">
        <v>484</v>
      </c>
      <c r="B97952" s="14" t="s">
        <v>1</v>
      </c>
      <c r="C97952" s="14" t="s">
        <v>96</v>
      </c>
      <c r="D97952" s="14" t="s">
        <v>485</v>
      </c>
      <c r="E97952" s="15">
        <v>45508</v>
      </c>
      <c r="F97952" s="14" t="s">
        <v>15</v>
      </c>
      <c r="G97952" s="16">
        <v>0</v>
      </c>
    </row>
    <row r="97953" spans="1:7" x14ac:dyDescent="0.3">
      <c r="A97953" s="13" t="s">
        <v>484</v>
      </c>
      <c r="B97953" s="14" t="s">
        <v>1</v>
      </c>
      <c r="C97953" s="14" t="s">
        <v>96</v>
      </c>
      <c r="D97953" s="14" t="s">
        <v>485</v>
      </c>
      <c r="E97953" s="15">
        <v>45509</v>
      </c>
      <c r="F97953" s="14" t="s">
        <v>15</v>
      </c>
      <c r="G97953" s="16">
        <v>0</v>
      </c>
    </row>
    <row r="97954" spans="1:7" x14ac:dyDescent="0.3">
      <c r="A97954" s="13" t="s">
        <v>484</v>
      </c>
      <c r="B97954" s="14" t="s">
        <v>1</v>
      </c>
      <c r="C97954" s="14" t="s">
        <v>96</v>
      </c>
      <c r="D97954" s="14" t="s">
        <v>485</v>
      </c>
      <c r="E97954" s="15">
        <v>45510</v>
      </c>
      <c r="F97954" s="14" t="s">
        <v>15</v>
      </c>
      <c r="G97954" s="16">
        <v>0</v>
      </c>
    </row>
    <row r="97955" spans="1:7" x14ac:dyDescent="0.3">
      <c r="A97955" s="13" t="s">
        <v>484</v>
      </c>
      <c r="B97955" s="14" t="s">
        <v>1</v>
      </c>
      <c r="C97955" s="14" t="s">
        <v>96</v>
      </c>
      <c r="D97955" s="14" t="s">
        <v>485</v>
      </c>
      <c r="E97955" s="15">
        <v>45511</v>
      </c>
      <c r="F97955" s="14" t="s">
        <v>15</v>
      </c>
      <c r="G97955" s="16">
        <v>0</v>
      </c>
    </row>
    <row r="97956" spans="1:7" x14ac:dyDescent="0.3">
      <c r="A97956" s="13" t="s">
        <v>484</v>
      </c>
      <c r="B97956" s="14" t="s">
        <v>1</v>
      </c>
      <c r="C97956" s="14" t="s">
        <v>96</v>
      </c>
      <c r="D97956" s="14" t="s">
        <v>485</v>
      </c>
      <c r="E97956" s="15">
        <v>45512</v>
      </c>
      <c r="F97956" s="14" t="s">
        <v>15</v>
      </c>
      <c r="G97956" s="16">
        <v>0</v>
      </c>
    </row>
    <row r="97957" spans="1:7" x14ac:dyDescent="0.3">
      <c r="A97957" s="13" t="s">
        <v>484</v>
      </c>
      <c r="B97957" s="14" t="s">
        <v>1</v>
      </c>
      <c r="C97957" s="14" t="s">
        <v>96</v>
      </c>
      <c r="D97957" s="14" t="s">
        <v>485</v>
      </c>
      <c r="E97957" s="15">
        <v>45513</v>
      </c>
      <c r="F97957" s="14" t="s">
        <v>15</v>
      </c>
      <c r="G97957" s="16">
        <v>0</v>
      </c>
    </row>
    <row r="97958" spans="1:7" x14ac:dyDescent="0.3">
      <c r="A97958" s="13" t="s">
        <v>484</v>
      </c>
      <c r="B97958" s="14" t="s">
        <v>1</v>
      </c>
      <c r="C97958" s="14" t="s">
        <v>96</v>
      </c>
      <c r="D97958" s="14" t="s">
        <v>485</v>
      </c>
      <c r="E97958" s="15">
        <v>45514</v>
      </c>
      <c r="F97958" s="14" t="s">
        <v>15</v>
      </c>
      <c r="G97958" s="16">
        <v>0</v>
      </c>
    </row>
    <row r="97959" spans="1:7" x14ac:dyDescent="0.3">
      <c r="A97959" s="13" t="s">
        <v>484</v>
      </c>
      <c r="B97959" s="14" t="s">
        <v>1</v>
      </c>
      <c r="C97959" s="14" t="s">
        <v>96</v>
      </c>
      <c r="D97959" s="14" t="s">
        <v>485</v>
      </c>
      <c r="E97959" s="15">
        <v>45515</v>
      </c>
      <c r="F97959" s="14" t="s">
        <v>15</v>
      </c>
      <c r="G97959" s="16">
        <v>0</v>
      </c>
    </row>
    <row r="97960" spans="1:7" x14ac:dyDescent="0.3">
      <c r="A97960" s="13" t="s">
        <v>484</v>
      </c>
      <c r="B97960" s="14" t="s">
        <v>1</v>
      </c>
      <c r="C97960" s="14" t="s">
        <v>96</v>
      </c>
      <c r="D97960" s="14" t="s">
        <v>485</v>
      </c>
      <c r="E97960" s="15">
        <v>45516</v>
      </c>
      <c r="F97960" s="14" t="s">
        <v>15</v>
      </c>
      <c r="G97960" s="16">
        <v>0</v>
      </c>
    </row>
    <row r="97961" spans="1:7" x14ac:dyDescent="0.3">
      <c r="A97961" s="13" t="s">
        <v>484</v>
      </c>
      <c r="B97961" s="14" t="s">
        <v>1</v>
      </c>
      <c r="C97961" s="14" t="s">
        <v>96</v>
      </c>
      <c r="D97961" s="14" t="s">
        <v>485</v>
      </c>
      <c r="E97961" s="15">
        <v>45517</v>
      </c>
      <c r="F97961" s="14" t="s">
        <v>15</v>
      </c>
      <c r="G97961" s="16">
        <v>0</v>
      </c>
    </row>
    <row r="97962" spans="1:7" x14ac:dyDescent="0.3">
      <c r="A97962" s="13" t="s">
        <v>484</v>
      </c>
      <c r="B97962" s="14" t="s">
        <v>1</v>
      </c>
      <c r="C97962" s="14" t="s">
        <v>96</v>
      </c>
      <c r="D97962" s="14" t="s">
        <v>485</v>
      </c>
      <c r="E97962" s="15">
        <v>45518</v>
      </c>
      <c r="F97962" s="14" t="s">
        <v>15</v>
      </c>
      <c r="G97962" s="16">
        <v>0</v>
      </c>
    </row>
    <row r="97963" spans="1:7" x14ac:dyDescent="0.3">
      <c r="A97963" s="13" t="s">
        <v>484</v>
      </c>
      <c r="B97963" s="14" t="s">
        <v>1</v>
      </c>
      <c r="C97963" s="14" t="s">
        <v>96</v>
      </c>
      <c r="D97963" s="14" t="s">
        <v>485</v>
      </c>
      <c r="E97963" s="15">
        <v>45519</v>
      </c>
      <c r="F97963" s="14" t="s">
        <v>15</v>
      </c>
      <c r="G97963" s="16">
        <v>0</v>
      </c>
    </row>
    <row r="97964" spans="1:7" x14ac:dyDescent="0.3">
      <c r="A97964" s="13" t="s">
        <v>484</v>
      </c>
      <c r="B97964" s="14" t="s">
        <v>1</v>
      </c>
      <c r="C97964" s="14" t="s">
        <v>96</v>
      </c>
      <c r="D97964" s="14" t="s">
        <v>485</v>
      </c>
      <c r="E97964" s="15">
        <v>45520</v>
      </c>
      <c r="F97964" s="14" t="s">
        <v>15</v>
      </c>
      <c r="G97964" s="16">
        <v>0</v>
      </c>
    </row>
    <row r="97965" spans="1:7" x14ac:dyDescent="0.3">
      <c r="A97965" s="13" t="s">
        <v>484</v>
      </c>
      <c r="B97965" s="14" t="s">
        <v>1</v>
      </c>
      <c r="C97965" s="14" t="s">
        <v>96</v>
      </c>
      <c r="D97965" s="14" t="s">
        <v>485</v>
      </c>
      <c r="E97965" s="15">
        <v>45521</v>
      </c>
      <c r="F97965" s="14" t="s">
        <v>15</v>
      </c>
      <c r="G97965" s="16">
        <v>0</v>
      </c>
    </row>
    <row r="97966" spans="1:7" x14ac:dyDescent="0.3">
      <c r="A97966" s="13" t="s">
        <v>484</v>
      </c>
      <c r="B97966" s="14" t="s">
        <v>1</v>
      </c>
      <c r="C97966" s="14" t="s">
        <v>96</v>
      </c>
      <c r="D97966" s="14" t="s">
        <v>485</v>
      </c>
      <c r="E97966" s="15">
        <v>45522</v>
      </c>
      <c r="F97966" s="14" t="s">
        <v>15</v>
      </c>
      <c r="G97966" s="16">
        <v>0</v>
      </c>
    </row>
    <row r="97967" spans="1:7" x14ac:dyDescent="0.3">
      <c r="A97967" s="13" t="s">
        <v>484</v>
      </c>
      <c r="B97967" s="14" t="s">
        <v>1</v>
      </c>
      <c r="C97967" s="14" t="s">
        <v>96</v>
      </c>
      <c r="D97967" s="14" t="s">
        <v>485</v>
      </c>
      <c r="E97967" s="15">
        <v>45523</v>
      </c>
      <c r="F97967" s="14" t="s">
        <v>15</v>
      </c>
      <c r="G97967" s="16">
        <v>0</v>
      </c>
    </row>
    <row r="97968" spans="1:7" x14ac:dyDescent="0.3">
      <c r="A97968" s="13" t="s">
        <v>484</v>
      </c>
      <c r="B97968" s="14" t="s">
        <v>1</v>
      </c>
      <c r="C97968" s="14" t="s">
        <v>96</v>
      </c>
      <c r="D97968" s="14" t="s">
        <v>485</v>
      </c>
      <c r="E97968" s="15">
        <v>45524</v>
      </c>
      <c r="F97968" s="14" t="s">
        <v>15</v>
      </c>
      <c r="G97968" s="16">
        <v>0</v>
      </c>
    </row>
    <row r="97969" spans="1:7" x14ac:dyDescent="0.3">
      <c r="A97969" s="13" t="s">
        <v>484</v>
      </c>
      <c r="B97969" s="14" t="s">
        <v>1</v>
      </c>
      <c r="C97969" s="14" t="s">
        <v>96</v>
      </c>
      <c r="D97969" s="14" t="s">
        <v>485</v>
      </c>
      <c r="E97969" s="15">
        <v>45525</v>
      </c>
      <c r="F97969" s="14" t="s">
        <v>15</v>
      </c>
      <c r="G97969" s="16">
        <v>0</v>
      </c>
    </row>
    <row r="97970" spans="1:7" x14ac:dyDescent="0.3">
      <c r="A97970" s="13" t="s">
        <v>484</v>
      </c>
      <c r="B97970" s="14" t="s">
        <v>1</v>
      </c>
      <c r="C97970" s="14" t="s">
        <v>96</v>
      </c>
      <c r="D97970" s="14" t="s">
        <v>485</v>
      </c>
      <c r="E97970" s="15">
        <v>45526</v>
      </c>
      <c r="F97970" s="14" t="s">
        <v>15</v>
      </c>
      <c r="G97970" s="16">
        <v>0</v>
      </c>
    </row>
    <row r="97971" spans="1:7" x14ac:dyDescent="0.3">
      <c r="A97971" s="13" t="s">
        <v>484</v>
      </c>
      <c r="B97971" s="14" t="s">
        <v>1</v>
      </c>
      <c r="C97971" s="14" t="s">
        <v>96</v>
      </c>
      <c r="D97971" s="14" t="s">
        <v>485</v>
      </c>
      <c r="E97971" s="15">
        <v>45527</v>
      </c>
      <c r="F97971" s="14" t="s">
        <v>15</v>
      </c>
      <c r="G97971" s="16">
        <v>0</v>
      </c>
    </row>
    <row r="97972" spans="1:7" x14ac:dyDescent="0.3">
      <c r="A97972" s="13" t="s">
        <v>484</v>
      </c>
      <c r="B97972" s="14" t="s">
        <v>1</v>
      </c>
      <c r="C97972" s="14" t="s">
        <v>96</v>
      </c>
      <c r="D97972" s="14" t="s">
        <v>485</v>
      </c>
      <c r="E97972" s="15">
        <v>45528</v>
      </c>
      <c r="F97972" s="14" t="s">
        <v>15</v>
      </c>
      <c r="G97972" s="16">
        <v>0</v>
      </c>
    </row>
    <row r="97973" spans="1:7" x14ac:dyDescent="0.3">
      <c r="A97973" s="13" t="s">
        <v>484</v>
      </c>
      <c r="B97973" s="14" t="s">
        <v>1</v>
      </c>
      <c r="C97973" s="14" t="s">
        <v>96</v>
      </c>
      <c r="D97973" s="14" t="s">
        <v>485</v>
      </c>
      <c r="E97973" s="15">
        <v>45529</v>
      </c>
      <c r="F97973" s="14" t="s">
        <v>15</v>
      </c>
      <c r="G97973" s="16">
        <v>0</v>
      </c>
    </row>
    <row r="97974" spans="1:7" x14ac:dyDescent="0.3">
      <c r="A97974" s="13" t="s">
        <v>484</v>
      </c>
      <c r="B97974" s="14" t="s">
        <v>1</v>
      </c>
      <c r="C97974" s="14" t="s">
        <v>96</v>
      </c>
      <c r="D97974" s="14" t="s">
        <v>485</v>
      </c>
      <c r="E97974" s="15">
        <v>45530</v>
      </c>
      <c r="F97974" s="14" t="s">
        <v>15</v>
      </c>
      <c r="G97974" s="16">
        <v>0</v>
      </c>
    </row>
    <row r="97975" spans="1:7" x14ac:dyDescent="0.3">
      <c r="A97975" s="13" t="s">
        <v>484</v>
      </c>
      <c r="B97975" s="14" t="s">
        <v>1</v>
      </c>
      <c r="C97975" s="14" t="s">
        <v>96</v>
      </c>
      <c r="D97975" s="14" t="s">
        <v>485</v>
      </c>
      <c r="E97975" s="15">
        <v>45531</v>
      </c>
      <c r="F97975" s="14" t="s">
        <v>15</v>
      </c>
      <c r="G97975" s="16">
        <v>0</v>
      </c>
    </row>
    <row r="97976" spans="1:7" x14ac:dyDescent="0.3">
      <c r="A97976" s="13" t="s">
        <v>484</v>
      </c>
      <c r="B97976" s="14" t="s">
        <v>1</v>
      </c>
      <c r="C97976" s="14" t="s">
        <v>96</v>
      </c>
      <c r="D97976" s="14" t="s">
        <v>485</v>
      </c>
      <c r="E97976" s="15">
        <v>45532</v>
      </c>
      <c r="F97976" s="14" t="s">
        <v>15</v>
      </c>
      <c r="G97976" s="16">
        <v>0</v>
      </c>
    </row>
    <row r="97977" spans="1:7" x14ac:dyDescent="0.3">
      <c r="A97977" s="13" t="s">
        <v>484</v>
      </c>
      <c r="B97977" s="14" t="s">
        <v>1</v>
      </c>
      <c r="C97977" s="14" t="s">
        <v>96</v>
      </c>
      <c r="D97977" s="14" t="s">
        <v>485</v>
      </c>
      <c r="E97977" s="15">
        <v>45533</v>
      </c>
      <c r="F97977" s="14" t="s">
        <v>15</v>
      </c>
      <c r="G97977" s="16">
        <v>0</v>
      </c>
    </row>
    <row r="97978" spans="1:7" x14ac:dyDescent="0.3">
      <c r="A97978" s="13" t="s">
        <v>484</v>
      </c>
      <c r="B97978" s="14" t="s">
        <v>1</v>
      </c>
      <c r="C97978" s="14" t="s">
        <v>96</v>
      </c>
      <c r="D97978" s="14" t="s">
        <v>485</v>
      </c>
      <c r="E97978" s="15">
        <v>45534</v>
      </c>
      <c r="F97978" s="14" t="s">
        <v>15</v>
      </c>
      <c r="G97978" s="16">
        <v>0</v>
      </c>
    </row>
    <row r="97979" spans="1:7" x14ac:dyDescent="0.3">
      <c r="A97979" s="13" t="s">
        <v>484</v>
      </c>
      <c r="B97979" s="14" t="s">
        <v>1</v>
      </c>
      <c r="C97979" s="14" t="s">
        <v>96</v>
      </c>
      <c r="D97979" s="14" t="s">
        <v>485</v>
      </c>
      <c r="E97979" s="15">
        <v>45535</v>
      </c>
      <c r="F97979" s="14" t="s">
        <v>15</v>
      </c>
      <c r="G97979" s="16">
        <v>0</v>
      </c>
    </row>
    <row r="97980" spans="1:7" x14ac:dyDescent="0.3">
      <c r="A97980" s="13" t="s">
        <v>484</v>
      </c>
      <c r="B97980" s="14" t="s">
        <v>1</v>
      </c>
      <c r="C97980" s="14" t="s">
        <v>96</v>
      </c>
      <c r="D97980" s="14" t="s">
        <v>485</v>
      </c>
      <c r="E97980" s="15">
        <v>45536</v>
      </c>
      <c r="F97980" s="14" t="s">
        <v>15</v>
      </c>
      <c r="G97980" s="16">
        <v>0</v>
      </c>
    </row>
    <row r="97981" spans="1:7" x14ac:dyDescent="0.3">
      <c r="A97981" s="13" t="s">
        <v>484</v>
      </c>
      <c r="B97981" s="14" t="s">
        <v>1</v>
      </c>
      <c r="C97981" s="14" t="s">
        <v>96</v>
      </c>
      <c r="D97981" s="14" t="s">
        <v>485</v>
      </c>
      <c r="E97981" s="15">
        <v>45537</v>
      </c>
      <c r="F97981" s="14" t="s">
        <v>15</v>
      </c>
      <c r="G97981" s="16">
        <v>0</v>
      </c>
    </row>
    <row r="97982" spans="1:7" x14ac:dyDescent="0.3">
      <c r="A97982" s="13" t="s">
        <v>484</v>
      </c>
      <c r="B97982" s="14" t="s">
        <v>1</v>
      </c>
      <c r="C97982" s="14" t="s">
        <v>96</v>
      </c>
      <c r="D97982" s="14" t="s">
        <v>485</v>
      </c>
      <c r="E97982" s="15">
        <v>45538</v>
      </c>
      <c r="F97982" s="14" t="s">
        <v>15</v>
      </c>
      <c r="G97982" s="16">
        <v>0</v>
      </c>
    </row>
    <row r="97983" spans="1:7" x14ac:dyDescent="0.3">
      <c r="A97983" s="13" t="s">
        <v>484</v>
      </c>
      <c r="B97983" s="14" t="s">
        <v>1</v>
      </c>
      <c r="C97983" s="14" t="s">
        <v>96</v>
      </c>
      <c r="D97983" s="14" t="s">
        <v>485</v>
      </c>
      <c r="E97983" s="15">
        <v>45539</v>
      </c>
      <c r="F97983" s="14" t="s">
        <v>15</v>
      </c>
      <c r="G97983" s="16">
        <v>0</v>
      </c>
    </row>
    <row r="97984" spans="1:7" x14ac:dyDescent="0.3">
      <c r="A97984" s="13" t="s">
        <v>484</v>
      </c>
      <c r="B97984" s="14" t="s">
        <v>1</v>
      </c>
      <c r="C97984" s="14" t="s">
        <v>96</v>
      </c>
      <c r="D97984" s="14" t="s">
        <v>485</v>
      </c>
      <c r="E97984" s="15">
        <v>45540</v>
      </c>
      <c r="F97984" s="14" t="s">
        <v>15</v>
      </c>
      <c r="G97984" s="16">
        <v>0</v>
      </c>
    </row>
    <row r="97985" spans="1:7" x14ac:dyDescent="0.3">
      <c r="A97985" s="13" t="s">
        <v>484</v>
      </c>
      <c r="B97985" s="14" t="s">
        <v>1</v>
      </c>
      <c r="C97985" s="14" t="s">
        <v>96</v>
      </c>
      <c r="D97985" s="14" t="s">
        <v>485</v>
      </c>
      <c r="E97985" s="15">
        <v>45541</v>
      </c>
      <c r="F97985" s="14" t="s">
        <v>15</v>
      </c>
      <c r="G97985" s="16">
        <v>0</v>
      </c>
    </row>
    <row r="97986" spans="1:7" x14ac:dyDescent="0.3">
      <c r="A97986" s="13" t="s">
        <v>484</v>
      </c>
      <c r="B97986" s="14" t="s">
        <v>1</v>
      </c>
      <c r="C97986" s="14" t="s">
        <v>96</v>
      </c>
      <c r="D97986" s="14" t="s">
        <v>485</v>
      </c>
      <c r="E97986" s="15">
        <v>45542</v>
      </c>
      <c r="F97986" s="14" t="s">
        <v>15</v>
      </c>
      <c r="G97986" s="16">
        <v>0</v>
      </c>
    </row>
    <row r="97987" spans="1:7" x14ac:dyDescent="0.3">
      <c r="A97987" s="13" t="s">
        <v>484</v>
      </c>
      <c r="B97987" s="14" t="s">
        <v>1</v>
      </c>
      <c r="C97987" s="14" t="s">
        <v>96</v>
      </c>
      <c r="D97987" s="14" t="s">
        <v>485</v>
      </c>
      <c r="E97987" s="15">
        <v>45543</v>
      </c>
      <c r="F97987" s="14" t="s">
        <v>15</v>
      </c>
      <c r="G97987" s="16">
        <v>0</v>
      </c>
    </row>
    <row r="97988" spans="1:7" x14ac:dyDescent="0.3">
      <c r="A97988" s="13" t="s">
        <v>484</v>
      </c>
      <c r="B97988" s="14" t="s">
        <v>1</v>
      </c>
      <c r="C97988" s="14" t="s">
        <v>96</v>
      </c>
      <c r="D97988" s="14" t="s">
        <v>485</v>
      </c>
      <c r="E97988" s="15">
        <v>45544</v>
      </c>
      <c r="F97988" s="14" t="s">
        <v>15</v>
      </c>
      <c r="G97988" s="16">
        <v>0</v>
      </c>
    </row>
    <row r="97989" spans="1:7" x14ac:dyDescent="0.3">
      <c r="A97989" s="13" t="s">
        <v>484</v>
      </c>
      <c r="B97989" s="14" t="s">
        <v>1</v>
      </c>
      <c r="C97989" s="14" t="s">
        <v>96</v>
      </c>
      <c r="D97989" s="14" t="s">
        <v>485</v>
      </c>
      <c r="E97989" s="15">
        <v>45545</v>
      </c>
      <c r="F97989" s="14" t="s">
        <v>15</v>
      </c>
      <c r="G97989" s="16">
        <v>0</v>
      </c>
    </row>
    <row r="97990" spans="1:7" x14ac:dyDescent="0.3">
      <c r="A97990" s="13" t="s">
        <v>484</v>
      </c>
      <c r="B97990" s="14" t="s">
        <v>1</v>
      </c>
      <c r="C97990" s="14" t="s">
        <v>96</v>
      </c>
      <c r="D97990" s="14" t="s">
        <v>485</v>
      </c>
      <c r="E97990" s="15">
        <v>45546</v>
      </c>
      <c r="F97990" s="14" t="s">
        <v>15</v>
      </c>
      <c r="G97990" s="16">
        <v>0</v>
      </c>
    </row>
    <row r="97991" spans="1:7" x14ac:dyDescent="0.3">
      <c r="A97991" s="13" t="s">
        <v>484</v>
      </c>
      <c r="B97991" s="14" t="s">
        <v>1</v>
      </c>
      <c r="C97991" s="14" t="s">
        <v>96</v>
      </c>
      <c r="D97991" s="14" t="s">
        <v>485</v>
      </c>
      <c r="E97991" s="15">
        <v>45547</v>
      </c>
      <c r="F97991" s="14" t="s">
        <v>15</v>
      </c>
      <c r="G97991" s="16">
        <v>0</v>
      </c>
    </row>
    <row r="97992" spans="1:7" x14ac:dyDescent="0.3">
      <c r="A97992" s="13" t="s">
        <v>484</v>
      </c>
      <c r="B97992" s="14" t="s">
        <v>1</v>
      </c>
      <c r="C97992" s="14" t="s">
        <v>96</v>
      </c>
      <c r="D97992" s="14" t="s">
        <v>485</v>
      </c>
      <c r="E97992" s="15">
        <v>45548</v>
      </c>
      <c r="F97992" s="14" t="s">
        <v>15</v>
      </c>
      <c r="G97992" s="16">
        <v>0</v>
      </c>
    </row>
    <row r="97993" spans="1:7" x14ac:dyDescent="0.3">
      <c r="A97993" s="13" t="s">
        <v>484</v>
      </c>
      <c r="B97993" s="14" t="s">
        <v>1</v>
      </c>
      <c r="C97993" s="14" t="s">
        <v>96</v>
      </c>
      <c r="D97993" s="14" t="s">
        <v>485</v>
      </c>
      <c r="E97993" s="15">
        <v>45549</v>
      </c>
      <c r="F97993" s="14" t="s">
        <v>15</v>
      </c>
      <c r="G97993" s="16">
        <v>0</v>
      </c>
    </row>
    <row r="97994" spans="1:7" x14ac:dyDescent="0.3">
      <c r="A97994" s="13" t="s">
        <v>484</v>
      </c>
      <c r="B97994" s="14" t="s">
        <v>1</v>
      </c>
      <c r="C97994" s="14" t="s">
        <v>96</v>
      </c>
      <c r="D97994" s="14" t="s">
        <v>485</v>
      </c>
      <c r="E97994" s="15">
        <v>45550</v>
      </c>
      <c r="F97994" s="14" t="s">
        <v>15</v>
      </c>
      <c r="G97994" s="16">
        <v>0</v>
      </c>
    </row>
    <row r="97995" spans="1:7" x14ac:dyDescent="0.3">
      <c r="A97995" s="13" t="s">
        <v>484</v>
      </c>
      <c r="B97995" s="14" t="s">
        <v>1</v>
      </c>
      <c r="C97995" s="14" t="s">
        <v>96</v>
      </c>
      <c r="D97995" s="14" t="s">
        <v>485</v>
      </c>
      <c r="E97995" s="15">
        <v>45551</v>
      </c>
      <c r="F97995" s="14" t="s">
        <v>15</v>
      </c>
      <c r="G97995" s="16">
        <v>0</v>
      </c>
    </row>
    <row r="97996" spans="1:7" x14ac:dyDescent="0.3">
      <c r="A97996" s="13" t="s">
        <v>484</v>
      </c>
      <c r="B97996" s="14" t="s">
        <v>1</v>
      </c>
      <c r="C97996" s="14" t="s">
        <v>96</v>
      </c>
      <c r="D97996" s="14" t="s">
        <v>485</v>
      </c>
      <c r="E97996" s="15">
        <v>45552</v>
      </c>
      <c r="F97996" s="14" t="s">
        <v>15</v>
      </c>
      <c r="G97996" s="16">
        <v>0</v>
      </c>
    </row>
    <row r="97997" spans="1:7" x14ac:dyDescent="0.3">
      <c r="A97997" s="13" t="s">
        <v>484</v>
      </c>
      <c r="B97997" s="14" t="s">
        <v>1</v>
      </c>
      <c r="C97997" s="14" t="s">
        <v>96</v>
      </c>
      <c r="D97997" s="14" t="s">
        <v>485</v>
      </c>
      <c r="E97997" s="15">
        <v>45553</v>
      </c>
      <c r="F97997" s="14" t="s">
        <v>15</v>
      </c>
      <c r="G97997" s="16">
        <v>0</v>
      </c>
    </row>
    <row r="97998" spans="1:7" x14ac:dyDescent="0.3">
      <c r="A97998" s="13" t="s">
        <v>484</v>
      </c>
      <c r="B97998" s="14" t="s">
        <v>1</v>
      </c>
      <c r="C97998" s="14" t="s">
        <v>96</v>
      </c>
      <c r="D97998" s="14" t="s">
        <v>485</v>
      </c>
      <c r="E97998" s="15">
        <v>45554</v>
      </c>
      <c r="F97998" s="14" t="s">
        <v>15</v>
      </c>
      <c r="G97998" s="16">
        <v>0</v>
      </c>
    </row>
    <row r="97999" spans="1:7" x14ac:dyDescent="0.3">
      <c r="A97999" s="13" t="s">
        <v>484</v>
      </c>
      <c r="B97999" s="14" t="s">
        <v>1</v>
      </c>
      <c r="C97999" s="14" t="s">
        <v>96</v>
      </c>
      <c r="D97999" s="14" t="s">
        <v>485</v>
      </c>
      <c r="E97999" s="15">
        <v>45555</v>
      </c>
      <c r="F97999" s="14" t="s">
        <v>15</v>
      </c>
      <c r="G97999" s="16">
        <v>0</v>
      </c>
    </row>
    <row r="98000" spans="1:7" x14ac:dyDescent="0.3">
      <c r="A98000" s="13" t="s">
        <v>484</v>
      </c>
      <c r="B98000" s="14" t="s">
        <v>1</v>
      </c>
      <c r="C98000" s="14" t="s">
        <v>96</v>
      </c>
      <c r="D98000" s="14" t="s">
        <v>485</v>
      </c>
      <c r="E98000" s="15">
        <v>45556</v>
      </c>
      <c r="F98000" s="14" t="s">
        <v>15</v>
      </c>
      <c r="G98000" s="16">
        <v>0</v>
      </c>
    </row>
    <row r="98001" spans="1:7" x14ac:dyDescent="0.3">
      <c r="A98001" s="13" t="s">
        <v>484</v>
      </c>
      <c r="B98001" s="14" t="s">
        <v>1</v>
      </c>
      <c r="C98001" s="14" t="s">
        <v>96</v>
      </c>
      <c r="D98001" s="14" t="s">
        <v>485</v>
      </c>
      <c r="E98001" s="15">
        <v>45557</v>
      </c>
      <c r="F98001" s="14" t="s">
        <v>15</v>
      </c>
      <c r="G98001" s="16">
        <v>0</v>
      </c>
    </row>
    <row r="98002" spans="1:7" x14ac:dyDescent="0.3">
      <c r="A98002" s="13" t="s">
        <v>484</v>
      </c>
      <c r="B98002" s="14" t="s">
        <v>1</v>
      </c>
      <c r="C98002" s="14" t="s">
        <v>96</v>
      </c>
      <c r="D98002" s="14" t="s">
        <v>485</v>
      </c>
      <c r="E98002" s="15">
        <v>45558</v>
      </c>
      <c r="F98002" s="14" t="s">
        <v>15</v>
      </c>
      <c r="G98002" s="16">
        <v>0</v>
      </c>
    </row>
    <row r="98003" spans="1:7" x14ac:dyDescent="0.3">
      <c r="A98003" s="13" t="s">
        <v>484</v>
      </c>
      <c r="B98003" s="14" t="s">
        <v>1</v>
      </c>
      <c r="C98003" s="14" t="s">
        <v>96</v>
      </c>
      <c r="D98003" s="14" t="s">
        <v>485</v>
      </c>
      <c r="E98003" s="15">
        <v>45559</v>
      </c>
      <c r="F98003" s="14" t="s">
        <v>15</v>
      </c>
      <c r="G98003" s="16">
        <v>0</v>
      </c>
    </row>
    <row r="98004" spans="1:7" x14ac:dyDescent="0.3">
      <c r="A98004" s="13" t="s">
        <v>484</v>
      </c>
      <c r="B98004" s="14" t="s">
        <v>1</v>
      </c>
      <c r="C98004" s="14" t="s">
        <v>96</v>
      </c>
      <c r="D98004" s="14" t="s">
        <v>485</v>
      </c>
      <c r="E98004" s="15">
        <v>45560</v>
      </c>
      <c r="F98004" s="14" t="s">
        <v>15</v>
      </c>
      <c r="G98004" s="16">
        <v>0</v>
      </c>
    </row>
    <row r="98005" spans="1:7" x14ac:dyDescent="0.3">
      <c r="A98005" s="13" t="s">
        <v>484</v>
      </c>
      <c r="B98005" s="14" t="s">
        <v>1</v>
      </c>
      <c r="C98005" s="14" t="s">
        <v>96</v>
      </c>
      <c r="D98005" s="14" t="s">
        <v>485</v>
      </c>
      <c r="E98005" s="15">
        <v>45561</v>
      </c>
      <c r="F98005" s="14" t="s">
        <v>15</v>
      </c>
      <c r="G98005" s="16">
        <v>0</v>
      </c>
    </row>
    <row r="98006" spans="1:7" x14ac:dyDescent="0.3">
      <c r="A98006" s="13" t="s">
        <v>484</v>
      </c>
      <c r="B98006" s="14" t="s">
        <v>1</v>
      </c>
      <c r="C98006" s="14" t="s">
        <v>96</v>
      </c>
      <c r="D98006" s="14" t="s">
        <v>485</v>
      </c>
      <c r="E98006" s="15">
        <v>45562</v>
      </c>
      <c r="F98006" s="14" t="s">
        <v>15</v>
      </c>
      <c r="G98006" s="16">
        <v>0</v>
      </c>
    </row>
    <row r="98007" spans="1:7" x14ac:dyDescent="0.3">
      <c r="A98007" s="13" t="s">
        <v>484</v>
      </c>
      <c r="B98007" s="14" t="s">
        <v>1</v>
      </c>
      <c r="C98007" s="14" t="s">
        <v>96</v>
      </c>
      <c r="D98007" s="14" t="s">
        <v>485</v>
      </c>
      <c r="E98007" s="15">
        <v>45563</v>
      </c>
      <c r="F98007" s="14" t="s">
        <v>15</v>
      </c>
      <c r="G98007" s="16">
        <v>0</v>
      </c>
    </row>
    <row r="98008" spans="1:7" x14ac:dyDescent="0.3">
      <c r="A98008" s="13" t="s">
        <v>484</v>
      </c>
      <c r="B98008" s="14" t="s">
        <v>1</v>
      </c>
      <c r="C98008" s="14" t="s">
        <v>96</v>
      </c>
      <c r="D98008" s="14" t="s">
        <v>485</v>
      </c>
      <c r="E98008" s="15">
        <v>45564</v>
      </c>
      <c r="F98008" s="14" t="s">
        <v>15</v>
      </c>
      <c r="G98008" s="16">
        <v>0</v>
      </c>
    </row>
    <row r="98009" spans="1:7" x14ac:dyDescent="0.3">
      <c r="A98009" s="13" t="s">
        <v>484</v>
      </c>
      <c r="B98009" s="14" t="s">
        <v>1</v>
      </c>
      <c r="C98009" s="14" t="s">
        <v>96</v>
      </c>
      <c r="D98009" s="14" t="s">
        <v>485</v>
      </c>
      <c r="E98009" s="15">
        <v>45565</v>
      </c>
      <c r="F98009" s="14" t="s">
        <v>15</v>
      </c>
      <c r="G98009" s="16">
        <v>0</v>
      </c>
    </row>
    <row r="98010" spans="1:7" x14ac:dyDescent="0.3">
      <c r="A98010" s="13" t="s">
        <v>484</v>
      </c>
      <c r="B98010" s="14" t="s">
        <v>1</v>
      </c>
      <c r="C98010" s="14" t="s">
        <v>96</v>
      </c>
      <c r="D98010" s="14" t="s">
        <v>485</v>
      </c>
      <c r="E98010" s="15">
        <v>45566</v>
      </c>
      <c r="F98010" s="14" t="s">
        <v>15</v>
      </c>
      <c r="G98010" s="16">
        <v>0</v>
      </c>
    </row>
    <row r="98011" spans="1:7" x14ac:dyDescent="0.3">
      <c r="A98011" s="13" t="s">
        <v>484</v>
      </c>
      <c r="B98011" s="14" t="s">
        <v>1</v>
      </c>
      <c r="C98011" s="14" t="s">
        <v>96</v>
      </c>
      <c r="D98011" s="14" t="s">
        <v>485</v>
      </c>
      <c r="E98011" s="15">
        <v>45567</v>
      </c>
      <c r="F98011" s="14" t="s">
        <v>15</v>
      </c>
      <c r="G98011" s="16">
        <v>0</v>
      </c>
    </row>
    <row r="98012" spans="1:7" x14ac:dyDescent="0.3">
      <c r="A98012" s="13" t="s">
        <v>484</v>
      </c>
      <c r="B98012" s="14" t="s">
        <v>1</v>
      </c>
      <c r="C98012" s="14" t="s">
        <v>96</v>
      </c>
      <c r="D98012" s="14" t="s">
        <v>485</v>
      </c>
      <c r="E98012" s="15">
        <v>45568</v>
      </c>
      <c r="F98012" s="14" t="s">
        <v>15</v>
      </c>
      <c r="G98012" s="16">
        <v>0</v>
      </c>
    </row>
    <row r="98013" spans="1:7" x14ac:dyDescent="0.3">
      <c r="A98013" s="13" t="s">
        <v>484</v>
      </c>
      <c r="B98013" s="14" t="s">
        <v>1</v>
      </c>
      <c r="C98013" s="14" t="s">
        <v>96</v>
      </c>
      <c r="D98013" s="14" t="s">
        <v>485</v>
      </c>
      <c r="E98013" s="15">
        <v>45569</v>
      </c>
      <c r="F98013" s="14" t="s">
        <v>15</v>
      </c>
      <c r="G98013" s="16">
        <v>0</v>
      </c>
    </row>
    <row r="98014" spans="1:7" x14ac:dyDescent="0.3">
      <c r="A98014" s="13" t="s">
        <v>484</v>
      </c>
      <c r="B98014" s="14" t="s">
        <v>1</v>
      </c>
      <c r="C98014" s="14" t="s">
        <v>96</v>
      </c>
      <c r="D98014" s="14" t="s">
        <v>485</v>
      </c>
      <c r="E98014" s="15">
        <v>45570</v>
      </c>
      <c r="F98014" s="14" t="s">
        <v>15</v>
      </c>
      <c r="G98014" s="16">
        <v>0</v>
      </c>
    </row>
    <row r="98015" spans="1:7" x14ac:dyDescent="0.3">
      <c r="A98015" s="13" t="s">
        <v>484</v>
      </c>
      <c r="B98015" s="14" t="s">
        <v>1</v>
      </c>
      <c r="C98015" s="14" t="s">
        <v>96</v>
      </c>
      <c r="D98015" s="14" t="s">
        <v>485</v>
      </c>
      <c r="E98015" s="15">
        <v>45571</v>
      </c>
      <c r="F98015" s="14" t="s">
        <v>15</v>
      </c>
      <c r="G98015" s="16">
        <v>0</v>
      </c>
    </row>
    <row r="98016" spans="1:7" x14ac:dyDescent="0.3">
      <c r="A98016" s="13" t="s">
        <v>484</v>
      </c>
      <c r="B98016" s="14" t="s">
        <v>1</v>
      </c>
      <c r="C98016" s="14" t="s">
        <v>96</v>
      </c>
      <c r="D98016" s="14" t="s">
        <v>485</v>
      </c>
      <c r="E98016" s="15">
        <v>45572</v>
      </c>
      <c r="F98016" s="14" t="s">
        <v>15</v>
      </c>
      <c r="G98016" s="16">
        <v>0</v>
      </c>
    </row>
    <row r="98017" spans="1:7" x14ac:dyDescent="0.3">
      <c r="A98017" s="13" t="s">
        <v>484</v>
      </c>
      <c r="B98017" s="14" t="s">
        <v>1</v>
      </c>
      <c r="C98017" s="14" t="s">
        <v>96</v>
      </c>
      <c r="D98017" s="14" t="s">
        <v>485</v>
      </c>
      <c r="E98017" s="15">
        <v>45573</v>
      </c>
      <c r="F98017" s="14" t="s">
        <v>15</v>
      </c>
      <c r="G98017" s="16">
        <v>0</v>
      </c>
    </row>
    <row r="98018" spans="1:7" x14ac:dyDescent="0.3">
      <c r="A98018" s="13" t="s">
        <v>484</v>
      </c>
      <c r="B98018" s="14" t="s">
        <v>1</v>
      </c>
      <c r="C98018" s="14" t="s">
        <v>96</v>
      </c>
      <c r="D98018" s="14" t="s">
        <v>485</v>
      </c>
      <c r="E98018" s="15">
        <v>45574</v>
      </c>
      <c r="F98018" s="14" t="s">
        <v>15</v>
      </c>
      <c r="G98018" s="16">
        <v>0</v>
      </c>
    </row>
    <row r="98019" spans="1:7" x14ac:dyDescent="0.3">
      <c r="A98019" s="13" t="s">
        <v>484</v>
      </c>
      <c r="B98019" s="14" t="s">
        <v>1</v>
      </c>
      <c r="C98019" s="14" t="s">
        <v>96</v>
      </c>
      <c r="D98019" s="14" t="s">
        <v>485</v>
      </c>
      <c r="E98019" s="15">
        <v>45575</v>
      </c>
      <c r="F98019" s="14" t="s">
        <v>15</v>
      </c>
      <c r="G98019" s="16">
        <v>0</v>
      </c>
    </row>
    <row r="98020" spans="1:7" x14ac:dyDescent="0.3">
      <c r="A98020" s="13" t="s">
        <v>484</v>
      </c>
      <c r="B98020" s="14" t="s">
        <v>1</v>
      </c>
      <c r="C98020" s="14" t="s">
        <v>96</v>
      </c>
      <c r="D98020" s="14" t="s">
        <v>485</v>
      </c>
      <c r="E98020" s="15">
        <v>45576</v>
      </c>
      <c r="F98020" s="14" t="s">
        <v>15</v>
      </c>
      <c r="G98020" s="16">
        <v>0</v>
      </c>
    </row>
    <row r="98021" spans="1:7" x14ac:dyDescent="0.3">
      <c r="A98021" s="13" t="s">
        <v>484</v>
      </c>
      <c r="B98021" s="14" t="s">
        <v>1</v>
      </c>
      <c r="C98021" s="14" t="s">
        <v>96</v>
      </c>
      <c r="D98021" s="14" t="s">
        <v>485</v>
      </c>
      <c r="E98021" s="15">
        <v>45577</v>
      </c>
      <c r="F98021" s="14" t="s">
        <v>15</v>
      </c>
      <c r="G98021" s="16">
        <v>0</v>
      </c>
    </row>
    <row r="98022" spans="1:7" x14ac:dyDescent="0.3">
      <c r="A98022" s="13" t="s">
        <v>484</v>
      </c>
      <c r="B98022" s="14" t="s">
        <v>1</v>
      </c>
      <c r="C98022" s="14" t="s">
        <v>96</v>
      </c>
      <c r="D98022" s="14" t="s">
        <v>485</v>
      </c>
      <c r="E98022" s="15">
        <v>45578</v>
      </c>
      <c r="F98022" s="14" t="s">
        <v>15</v>
      </c>
      <c r="G98022" s="16">
        <v>0</v>
      </c>
    </row>
    <row r="98023" spans="1:7" x14ac:dyDescent="0.3">
      <c r="A98023" s="13" t="s">
        <v>484</v>
      </c>
      <c r="B98023" s="14" t="s">
        <v>1</v>
      </c>
      <c r="C98023" s="14" t="s">
        <v>96</v>
      </c>
      <c r="D98023" s="14" t="s">
        <v>485</v>
      </c>
      <c r="E98023" s="15">
        <v>45579</v>
      </c>
      <c r="F98023" s="14" t="s">
        <v>15</v>
      </c>
      <c r="G98023" s="16">
        <v>0</v>
      </c>
    </row>
    <row r="98024" spans="1:7" x14ac:dyDescent="0.3">
      <c r="A98024" s="13" t="s">
        <v>484</v>
      </c>
      <c r="B98024" s="14" t="s">
        <v>1</v>
      </c>
      <c r="C98024" s="14" t="s">
        <v>96</v>
      </c>
      <c r="D98024" s="14" t="s">
        <v>485</v>
      </c>
      <c r="E98024" s="15">
        <v>45580</v>
      </c>
      <c r="F98024" s="14" t="s">
        <v>15</v>
      </c>
      <c r="G98024" s="16">
        <v>0</v>
      </c>
    </row>
    <row r="98025" spans="1:7" x14ac:dyDescent="0.3">
      <c r="A98025" s="13" t="s">
        <v>484</v>
      </c>
      <c r="B98025" s="14" t="s">
        <v>1</v>
      </c>
      <c r="C98025" s="14" t="s">
        <v>96</v>
      </c>
      <c r="D98025" s="14" t="s">
        <v>485</v>
      </c>
      <c r="E98025" s="15">
        <v>45581</v>
      </c>
      <c r="F98025" s="14" t="s">
        <v>15</v>
      </c>
      <c r="G98025" s="16">
        <v>0</v>
      </c>
    </row>
    <row r="98026" spans="1:7" x14ac:dyDescent="0.3">
      <c r="A98026" s="13" t="s">
        <v>484</v>
      </c>
      <c r="B98026" s="14" t="s">
        <v>1</v>
      </c>
      <c r="C98026" s="14" t="s">
        <v>96</v>
      </c>
      <c r="D98026" s="14" t="s">
        <v>485</v>
      </c>
      <c r="E98026" s="15">
        <v>45582</v>
      </c>
      <c r="F98026" s="14" t="s">
        <v>15</v>
      </c>
      <c r="G98026" s="16">
        <v>0</v>
      </c>
    </row>
    <row r="98027" spans="1:7" x14ac:dyDescent="0.3">
      <c r="A98027" s="13" t="s">
        <v>484</v>
      </c>
      <c r="B98027" s="14" t="s">
        <v>1</v>
      </c>
      <c r="C98027" s="14" t="s">
        <v>96</v>
      </c>
      <c r="D98027" s="14" t="s">
        <v>485</v>
      </c>
      <c r="E98027" s="15">
        <v>45583</v>
      </c>
      <c r="F98027" s="14" t="s">
        <v>15</v>
      </c>
      <c r="G98027" s="16">
        <v>0</v>
      </c>
    </row>
    <row r="98028" spans="1:7" x14ac:dyDescent="0.3">
      <c r="A98028" s="13" t="s">
        <v>484</v>
      </c>
      <c r="B98028" s="14" t="s">
        <v>1</v>
      </c>
      <c r="C98028" s="14" t="s">
        <v>96</v>
      </c>
      <c r="D98028" s="14" t="s">
        <v>485</v>
      </c>
      <c r="E98028" s="15">
        <v>45584</v>
      </c>
      <c r="F98028" s="14" t="s">
        <v>15</v>
      </c>
      <c r="G98028" s="16">
        <v>0</v>
      </c>
    </row>
    <row r="98029" spans="1:7" x14ac:dyDescent="0.3">
      <c r="A98029" s="13" t="s">
        <v>484</v>
      </c>
      <c r="B98029" s="14" t="s">
        <v>1</v>
      </c>
      <c r="C98029" s="14" t="s">
        <v>96</v>
      </c>
      <c r="D98029" s="14" t="s">
        <v>485</v>
      </c>
      <c r="E98029" s="15">
        <v>45585</v>
      </c>
      <c r="F98029" s="14" t="s">
        <v>15</v>
      </c>
      <c r="G98029" s="16">
        <v>0</v>
      </c>
    </row>
    <row r="98030" spans="1:7" x14ac:dyDescent="0.3">
      <c r="A98030" s="13" t="s">
        <v>484</v>
      </c>
      <c r="B98030" s="14" t="s">
        <v>1</v>
      </c>
      <c r="C98030" s="14" t="s">
        <v>96</v>
      </c>
      <c r="D98030" s="14" t="s">
        <v>485</v>
      </c>
      <c r="E98030" s="15">
        <v>45586</v>
      </c>
      <c r="F98030" s="14" t="s">
        <v>15</v>
      </c>
      <c r="G98030" s="16">
        <v>0</v>
      </c>
    </row>
    <row r="98031" spans="1:7" x14ac:dyDescent="0.3">
      <c r="A98031" s="13" t="s">
        <v>484</v>
      </c>
      <c r="B98031" s="14" t="s">
        <v>1</v>
      </c>
      <c r="C98031" s="14" t="s">
        <v>96</v>
      </c>
      <c r="D98031" s="14" t="s">
        <v>485</v>
      </c>
      <c r="E98031" s="15">
        <v>45587</v>
      </c>
      <c r="F98031" s="14" t="s">
        <v>15</v>
      </c>
      <c r="G98031" s="16">
        <v>0</v>
      </c>
    </row>
    <row r="98032" spans="1:7" x14ac:dyDescent="0.3">
      <c r="A98032" s="13" t="s">
        <v>484</v>
      </c>
      <c r="B98032" s="14" t="s">
        <v>1</v>
      </c>
      <c r="C98032" s="14" t="s">
        <v>96</v>
      </c>
      <c r="D98032" s="14" t="s">
        <v>485</v>
      </c>
      <c r="E98032" s="15">
        <v>45588</v>
      </c>
      <c r="F98032" s="14" t="s">
        <v>15</v>
      </c>
      <c r="G98032" s="16">
        <v>0</v>
      </c>
    </row>
    <row r="98033" spans="1:7" x14ac:dyDescent="0.3">
      <c r="A98033" s="13" t="s">
        <v>484</v>
      </c>
      <c r="B98033" s="14" t="s">
        <v>1</v>
      </c>
      <c r="C98033" s="14" t="s">
        <v>96</v>
      </c>
      <c r="D98033" s="14" t="s">
        <v>485</v>
      </c>
      <c r="E98033" s="15">
        <v>45589</v>
      </c>
      <c r="F98033" s="14" t="s">
        <v>15</v>
      </c>
      <c r="G98033" s="16">
        <v>0</v>
      </c>
    </row>
    <row r="98034" spans="1:7" x14ac:dyDescent="0.3">
      <c r="A98034" s="13" t="s">
        <v>484</v>
      </c>
      <c r="B98034" s="14" t="s">
        <v>1</v>
      </c>
      <c r="C98034" s="14" t="s">
        <v>96</v>
      </c>
      <c r="D98034" s="14" t="s">
        <v>485</v>
      </c>
      <c r="E98034" s="15">
        <v>45590</v>
      </c>
      <c r="F98034" s="14" t="s">
        <v>15</v>
      </c>
      <c r="G98034" s="16">
        <v>0</v>
      </c>
    </row>
    <row r="98035" spans="1:7" x14ac:dyDescent="0.3">
      <c r="A98035" s="13" t="s">
        <v>484</v>
      </c>
      <c r="B98035" s="14" t="s">
        <v>1</v>
      </c>
      <c r="C98035" s="14" t="s">
        <v>96</v>
      </c>
      <c r="D98035" s="14" t="s">
        <v>485</v>
      </c>
      <c r="E98035" s="15">
        <v>45591</v>
      </c>
      <c r="F98035" s="14" t="s">
        <v>15</v>
      </c>
      <c r="G98035" s="16">
        <v>0</v>
      </c>
    </row>
    <row r="98036" spans="1:7" x14ac:dyDescent="0.3">
      <c r="A98036" s="13" t="s">
        <v>484</v>
      </c>
      <c r="B98036" s="14" t="s">
        <v>1</v>
      </c>
      <c r="C98036" s="14" t="s">
        <v>96</v>
      </c>
      <c r="D98036" s="14" t="s">
        <v>485</v>
      </c>
      <c r="E98036" s="15">
        <v>45592</v>
      </c>
      <c r="F98036" s="14" t="s">
        <v>15</v>
      </c>
      <c r="G98036" s="16">
        <v>0</v>
      </c>
    </row>
    <row r="98037" spans="1:7" x14ac:dyDescent="0.3">
      <c r="A98037" s="13" t="s">
        <v>484</v>
      </c>
      <c r="B98037" s="14" t="s">
        <v>1</v>
      </c>
      <c r="C98037" s="14" t="s">
        <v>96</v>
      </c>
      <c r="D98037" s="14" t="s">
        <v>485</v>
      </c>
      <c r="E98037" s="15">
        <v>45593</v>
      </c>
      <c r="F98037" s="14" t="s">
        <v>15</v>
      </c>
      <c r="G98037" s="16">
        <v>0</v>
      </c>
    </row>
    <row r="98038" spans="1:7" x14ac:dyDescent="0.3">
      <c r="A98038" s="13" t="s">
        <v>484</v>
      </c>
      <c r="B98038" s="14" t="s">
        <v>1</v>
      </c>
      <c r="C98038" s="14" t="s">
        <v>96</v>
      </c>
      <c r="D98038" s="14" t="s">
        <v>485</v>
      </c>
      <c r="E98038" s="15">
        <v>45594</v>
      </c>
      <c r="F98038" s="14" t="s">
        <v>15</v>
      </c>
      <c r="G98038" s="16">
        <v>0</v>
      </c>
    </row>
    <row r="98039" spans="1:7" x14ac:dyDescent="0.3">
      <c r="A98039" s="13" t="s">
        <v>484</v>
      </c>
      <c r="B98039" s="14" t="s">
        <v>1</v>
      </c>
      <c r="C98039" s="14" t="s">
        <v>96</v>
      </c>
      <c r="D98039" s="14" t="s">
        <v>485</v>
      </c>
      <c r="E98039" s="15">
        <v>45595</v>
      </c>
      <c r="F98039" s="14" t="s">
        <v>15</v>
      </c>
      <c r="G98039" s="16">
        <v>0</v>
      </c>
    </row>
    <row r="98040" spans="1:7" x14ac:dyDescent="0.3">
      <c r="A98040" s="13" t="s">
        <v>484</v>
      </c>
      <c r="B98040" s="14" t="s">
        <v>1</v>
      </c>
      <c r="C98040" s="14" t="s">
        <v>96</v>
      </c>
      <c r="D98040" s="14" t="s">
        <v>485</v>
      </c>
      <c r="E98040" s="15">
        <v>45596</v>
      </c>
      <c r="F98040" s="14" t="s">
        <v>15</v>
      </c>
      <c r="G98040" s="16">
        <v>0</v>
      </c>
    </row>
    <row r="98041" spans="1:7" x14ac:dyDescent="0.3">
      <c r="A98041" s="13" t="s">
        <v>484</v>
      </c>
      <c r="B98041" s="14" t="s">
        <v>1</v>
      </c>
      <c r="C98041" s="14" t="s">
        <v>96</v>
      </c>
      <c r="D98041" s="14" t="s">
        <v>485</v>
      </c>
      <c r="E98041" s="15">
        <v>45597</v>
      </c>
      <c r="F98041" s="14" t="s">
        <v>15</v>
      </c>
      <c r="G98041" s="16">
        <v>0</v>
      </c>
    </row>
    <row r="98042" spans="1:7" x14ac:dyDescent="0.3">
      <c r="A98042" s="13" t="s">
        <v>484</v>
      </c>
      <c r="B98042" s="14" t="s">
        <v>1</v>
      </c>
      <c r="C98042" s="14" t="s">
        <v>96</v>
      </c>
      <c r="D98042" s="14" t="s">
        <v>485</v>
      </c>
      <c r="E98042" s="15">
        <v>45598</v>
      </c>
      <c r="F98042" s="14" t="s">
        <v>15</v>
      </c>
      <c r="G98042" s="16">
        <v>0</v>
      </c>
    </row>
    <row r="98043" spans="1:7" x14ac:dyDescent="0.3">
      <c r="A98043" s="13" t="s">
        <v>484</v>
      </c>
      <c r="B98043" s="14" t="s">
        <v>1</v>
      </c>
      <c r="C98043" s="14" t="s">
        <v>96</v>
      </c>
      <c r="D98043" s="14" t="s">
        <v>485</v>
      </c>
      <c r="E98043" s="15">
        <v>45599</v>
      </c>
      <c r="F98043" s="14" t="s">
        <v>15</v>
      </c>
      <c r="G98043" s="16">
        <v>0</v>
      </c>
    </row>
    <row r="98044" spans="1:7" x14ac:dyDescent="0.3">
      <c r="A98044" s="13" t="s">
        <v>484</v>
      </c>
      <c r="B98044" s="14" t="s">
        <v>1</v>
      </c>
      <c r="C98044" s="14" t="s">
        <v>96</v>
      </c>
      <c r="D98044" s="14" t="s">
        <v>485</v>
      </c>
      <c r="E98044" s="15">
        <v>45600</v>
      </c>
      <c r="F98044" s="14" t="s">
        <v>15</v>
      </c>
      <c r="G98044" s="16">
        <v>0</v>
      </c>
    </row>
    <row r="98045" spans="1:7" x14ac:dyDescent="0.3">
      <c r="A98045" s="13" t="s">
        <v>484</v>
      </c>
      <c r="B98045" s="14" t="s">
        <v>1</v>
      </c>
      <c r="C98045" s="14" t="s">
        <v>96</v>
      </c>
      <c r="D98045" s="14" t="s">
        <v>485</v>
      </c>
      <c r="E98045" s="15">
        <v>45601</v>
      </c>
      <c r="F98045" s="14" t="s">
        <v>15</v>
      </c>
      <c r="G98045" s="16">
        <v>0</v>
      </c>
    </row>
    <row r="98046" spans="1:7" x14ac:dyDescent="0.3">
      <c r="A98046" s="13" t="s">
        <v>484</v>
      </c>
      <c r="B98046" s="14" t="s">
        <v>1</v>
      </c>
      <c r="C98046" s="14" t="s">
        <v>96</v>
      </c>
      <c r="D98046" s="14" t="s">
        <v>485</v>
      </c>
      <c r="E98046" s="15">
        <v>45602</v>
      </c>
      <c r="F98046" s="14" t="s">
        <v>15</v>
      </c>
      <c r="G98046" s="16">
        <v>0</v>
      </c>
    </row>
    <row r="98047" spans="1:7" x14ac:dyDescent="0.3">
      <c r="A98047" s="13" t="s">
        <v>484</v>
      </c>
      <c r="B98047" s="14" t="s">
        <v>1</v>
      </c>
      <c r="C98047" s="14" t="s">
        <v>96</v>
      </c>
      <c r="D98047" s="14" t="s">
        <v>485</v>
      </c>
      <c r="E98047" s="15">
        <v>45603</v>
      </c>
      <c r="F98047" s="14" t="s">
        <v>15</v>
      </c>
      <c r="G98047" s="16">
        <v>0</v>
      </c>
    </row>
    <row r="98048" spans="1:7" x14ac:dyDescent="0.3">
      <c r="A98048" s="13" t="s">
        <v>484</v>
      </c>
      <c r="B98048" s="14" t="s">
        <v>1</v>
      </c>
      <c r="C98048" s="14" t="s">
        <v>96</v>
      </c>
      <c r="D98048" s="14" t="s">
        <v>485</v>
      </c>
      <c r="E98048" s="15">
        <v>45604</v>
      </c>
      <c r="F98048" s="14" t="s">
        <v>15</v>
      </c>
      <c r="G98048" s="16">
        <v>0</v>
      </c>
    </row>
    <row r="98049" spans="1:7" x14ac:dyDescent="0.3">
      <c r="A98049" s="13" t="s">
        <v>484</v>
      </c>
      <c r="B98049" s="14" t="s">
        <v>1</v>
      </c>
      <c r="C98049" s="14" t="s">
        <v>96</v>
      </c>
      <c r="D98049" s="14" t="s">
        <v>485</v>
      </c>
      <c r="E98049" s="15">
        <v>45605</v>
      </c>
      <c r="F98049" s="14" t="s">
        <v>15</v>
      </c>
      <c r="G98049" s="16">
        <v>0</v>
      </c>
    </row>
    <row r="98050" spans="1:7" x14ac:dyDescent="0.3">
      <c r="A98050" s="13" t="s">
        <v>484</v>
      </c>
      <c r="B98050" s="14" t="s">
        <v>1</v>
      </c>
      <c r="C98050" s="14" t="s">
        <v>96</v>
      </c>
      <c r="D98050" s="14" t="s">
        <v>485</v>
      </c>
      <c r="E98050" s="15">
        <v>45606</v>
      </c>
      <c r="F98050" s="14" t="s">
        <v>15</v>
      </c>
      <c r="G98050" s="16">
        <v>0</v>
      </c>
    </row>
    <row r="98051" spans="1:7" x14ac:dyDescent="0.3">
      <c r="A98051" s="13" t="s">
        <v>484</v>
      </c>
      <c r="B98051" s="14" t="s">
        <v>1</v>
      </c>
      <c r="C98051" s="14" t="s">
        <v>96</v>
      </c>
      <c r="D98051" s="14" t="s">
        <v>485</v>
      </c>
      <c r="E98051" s="15">
        <v>45607</v>
      </c>
      <c r="F98051" s="14" t="s">
        <v>15</v>
      </c>
      <c r="G98051" s="16">
        <v>0</v>
      </c>
    </row>
    <row r="98052" spans="1:7" x14ac:dyDescent="0.3">
      <c r="A98052" s="13" t="s">
        <v>484</v>
      </c>
      <c r="B98052" s="14" t="s">
        <v>1</v>
      </c>
      <c r="C98052" s="14" t="s">
        <v>96</v>
      </c>
      <c r="D98052" s="14" t="s">
        <v>485</v>
      </c>
      <c r="E98052" s="15">
        <v>45608</v>
      </c>
      <c r="F98052" s="14" t="s">
        <v>15</v>
      </c>
      <c r="G98052" s="16">
        <v>0</v>
      </c>
    </row>
    <row r="98053" spans="1:7" x14ac:dyDescent="0.3">
      <c r="A98053" s="13" t="s">
        <v>484</v>
      </c>
      <c r="B98053" s="14" t="s">
        <v>1</v>
      </c>
      <c r="C98053" s="14" t="s">
        <v>96</v>
      </c>
      <c r="D98053" s="14" t="s">
        <v>485</v>
      </c>
      <c r="E98053" s="15">
        <v>45609</v>
      </c>
      <c r="F98053" s="14" t="s">
        <v>15</v>
      </c>
      <c r="G98053" s="16">
        <v>0</v>
      </c>
    </row>
    <row r="98054" spans="1:7" x14ac:dyDescent="0.3">
      <c r="A98054" s="13" t="s">
        <v>484</v>
      </c>
      <c r="B98054" s="14" t="s">
        <v>1</v>
      </c>
      <c r="C98054" s="14" t="s">
        <v>96</v>
      </c>
      <c r="D98054" s="14" t="s">
        <v>485</v>
      </c>
      <c r="E98054" s="15">
        <v>45610</v>
      </c>
      <c r="F98054" s="14" t="s">
        <v>15</v>
      </c>
      <c r="G98054" s="16">
        <v>0</v>
      </c>
    </row>
    <row r="98055" spans="1:7" x14ac:dyDescent="0.3">
      <c r="A98055" s="13" t="s">
        <v>484</v>
      </c>
      <c r="B98055" s="14" t="s">
        <v>1</v>
      </c>
      <c r="C98055" s="14" t="s">
        <v>96</v>
      </c>
      <c r="D98055" s="14" t="s">
        <v>485</v>
      </c>
      <c r="E98055" s="15">
        <v>45611</v>
      </c>
      <c r="F98055" s="14" t="s">
        <v>15</v>
      </c>
      <c r="G98055" s="16">
        <v>0</v>
      </c>
    </row>
    <row r="98056" spans="1:7" x14ac:dyDescent="0.3">
      <c r="A98056" s="13" t="s">
        <v>484</v>
      </c>
      <c r="B98056" s="14" t="s">
        <v>1</v>
      </c>
      <c r="C98056" s="14" t="s">
        <v>96</v>
      </c>
      <c r="D98056" s="14" t="s">
        <v>485</v>
      </c>
      <c r="E98056" s="15">
        <v>45612</v>
      </c>
      <c r="F98056" s="14" t="s">
        <v>15</v>
      </c>
      <c r="G98056" s="16">
        <v>0</v>
      </c>
    </row>
    <row r="98057" spans="1:7" x14ac:dyDescent="0.3">
      <c r="A98057" s="13" t="s">
        <v>484</v>
      </c>
      <c r="B98057" s="14" t="s">
        <v>1</v>
      </c>
      <c r="C98057" s="14" t="s">
        <v>96</v>
      </c>
      <c r="D98057" s="14" t="s">
        <v>485</v>
      </c>
      <c r="E98057" s="15">
        <v>45613</v>
      </c>
      <c r="F98057" s="14" t="s">
        <v>15</v>
      </c>
      <c r="G98057" s="16">
        <v>0</v>
      </c>
    </row>
    <row r="98058" spans="1:7" x14ac:dyDescent="0.3">
      <c r="A98058" s="13" t="s">
        <v>484</v>
      </c>
      <c r="B98058" s="14" t="s">
        <v>1</v>
      </c>
      <c r="C98058" s="14" t="s">
        <v>96</v>
      </c>
      <c r="D98058" s="14" t="s">
        <v>485</v>
      </c>
      <c r="E98058" s="15">
        <v>45614</v>
      </c>
      <c r="F98058" s="14" t="s">
        <v>15</v>
      </c>
      <c r="G98058" s="16">
        <v>0</v>
      </c>
    </row>
    <row r="98059" spans="1:7" x14ac:dyDescent="0.3">
      <c r="A98059" s="13" t="s">
        <v>484</v>
      </c>
      <c r="B98059" s="14" t="s">
        <v>1</v>
      </c>
      <c r="C98059" s="14" t="s">
        <v>96</v>
      </c>
      <c r="D98059" s="14" t="s">
        <v>485</v>
      </c>
      <c r="E98059" s="15">
        <v>45615</v>
      </c>
      <c r="F98059" s="14" t="s">
        <v>15</v>
      </c>
      <c r="G98059" s="16">
        <v>0</v>
      </c>
    </row>
    <row r="98060" spans="1:7" x14ac:dyDescent="0.3">
      <c r="A98060" s="13" t="s">
        <v>484</v>
      </c>
      <c r="B98060" s="14" t="s">
        <v>1</v>
      </c>
      <c r="C98060" s="14" t="s">
        <v>96</v>
      </c>
      <c r="D98060" s="14" t="s">
        <v>485</v>
      </c>
      <c r="E98060" s="15">
        <v>45616</v>
      </c>
      <c r="F98060" s="14" t="s">
        <v>15</v>
      </c>
      <c r="G98060" s="16">
        <v>0</v>
      </c>
    </row>
    <row r="98061" spans="1:7" x14ac:dyDescent="0.3">
      <c r="A98061" s="13" t="s">
        <v>484</v>
      </c>
      <c r="B98061" s="14" t="s">
        <v>1</v>
      </c>
      <c r="C98061" s="14" t="s">
        <v>96</v>
      </c>
      <c r="D98061" s="14" t="s">
        <v>485</v>
      </c>
      <c r="E98061" s="15">
        <v>45617</v>
      </c>
      <c r="F98061" s="14" t="s">
        <v>15</v>
      </c>
      <c r="G98061" s="16">
        <v>0</v>
      </c>
    </row>
    <row r="98062" spans="1:7" x14ac:dyDescent="0.3">
      <c r="A98062" s="13" t="s">
        <v>484</v>
      </c>
      <c r="B98062" s="14" t="s">
        <v>1</v>
      </c>
      <c r="C98062" s="14" t="s">
        <v>96</v>
      </c>
      <c r="D98062" s="14" t="s">
        <v>485</v>
      </c>
      <c r="E98062" s="15">
        <v>45618</v>
      </c>
      <c r="F98062" s="14" t="s">
        <v>15</v>
      </c>
      <c r="G98062" s="16">
        <v>0</v>
      </c>
    </row>
    <row r="98063" spans="1:7" x14ac:dyDescent="0.3">
      <c r="A98063" s="13" t="s">
        <v>484</v>
      </c>
      <c r="B98063" s="14" t="s">
        <v>1</v>
      </c>
      <c r="C98063" s="14" t="s">
        <v>96</v>
      </c>
      <c r="D98063" s="14" t="s">
        <v>485</v>
      </c>
      <c r="E98063" s="15">
        <v>45619</v>
      </c>
      <c r="F98063" s="14" t="s">
        <v>15</v>
      </c>
      <c r="G98063" s="16">
        <v>0</v>
      </c>
    </row>
    <row r="98064" spans="1:7" x14ac:dyDescent="0.3">
      <c r="A98064" s="13" t="s">
        <v>484</v>
      </c>
      <c r="B98064" s="14" t="s">
        <v>1</v>
      </c>
      <c r="C98064" s="14" t="s">
        <v>96</v>
      </c>
      <c r="D98064" s="14" t="s">
        <v>485</v>
      </c>
      <c r="E98064" s="15">
        <v>45620</v>
      </c>
      <c r="F98064" s="14" t="s">
        <v>15</v>
      </c>
      <c r="G98064" s="16">
        <v>0</v>
      </c>
    </row>
    <row r="98065" spans="1:7" x14ac:dyDescent="0.3">
      <c r="A98065" s="13" t="s">
        <v>484</v>
      </c>
      <c r="B98065" s="14" t="s">
        <v>1</v>
      </c>
      <c r="C98065" s="14" t="s">
        <v>96</v>
      </c>
      <c r="D98065" s="14" t="s">
        <v>485</v>
      </c>
      <c r="E98065" s="15">
        <v>45621</v>
      </c>
      <c r="F98065" s="14" t="s">
        <v>15</v>
      </c>
      <c r="G98065" s="16">
        <v>0</v>
      </c>
    </row>
    <row r="98066" spans="1:7" x14ac:dyDescent="0.3">
      <c r="A98066" s="13" t="s">
        <v>484</v>
      </c>
      <c r="B98066" s="14" t="s">
        <v>1</v>
      </c>
      <c r="C98066" s="14" t="s">
        <v>96</v>
      </c>
      <c r="D98066" s="14" t="s">
        <v>485</v>
      </c>
      <c r="E98066" s="15">
        <v>45622</v>
      </c>
      <c r="F98066" s="14" t="s">
        <v>15</v>
      </c>
      <c r="G98066" s="16">
        <v>0</v>
      </c>
    </row>
    <row r="98067" spans="1:7" x14ac:dyDescent="0.3">
      <c r="A98067" s="13" t="s">
        <v>484</v>
      </c>
      <c r="B98067" s="14" t="s">
        <v>1</v>
      </c>
      <c r="C98067" s="14" t="s">
        <v>96</v>
      </c>
      <c r="D98067" s="14" t="s">
        <v>485</v>
      </c>
      <c r="E98067" s="15">
        <v>45623</v>
      </c>
      <c r="F98067" s="14" t="s">
        <v>15</v>
      </c>
      <c r="G98067" s="16">
        <v>0</v>
      </c>
    </row>
    <row r="98068" spans="1:7" x14ac:dyDescent="0.3">
      <c r="A98068" s="13" t="s">
        <v>484</v>
      </c>
      <c r="B98068" s="14" t="s">
        <v>1</v>
      </c>
      <c r="C98068" s="14" t="s">
        <v>96</v>
      </c>
      <c r="D98068" s="14" t="s">
        <v>485</v>
      </c>
      <c r="E98068" s="15">
        <v>45624</v>
      </c>
      <c r="F98068" s="14" t="s">
        <v>15</v>
      </c>
      <c r="G98068" s="16">
        <v>0</v>
      </c>
    </row>
    <row r="98069" spans="1:7" x14ac:dyDescent="0.3">
      <c r="A98069" s="13" t="s">
        <v>484</v>
      </c>
      <c r="B98069" s="14" t="s">
        <v>1</v>
      </c>
      <c r="C98069" s="14" t="s">
        <v>96</v>
      </c>
      <c r="D98069" s="14" t="s">
        <v>485</v>
      </c>
      <c r="E98069" s="15">
        <v>45625</v>
      </c>
      <c r="F98069" s="14" t="s">
        <v>15</v>
      </c>
      <c r="G98069" s="16">
        <v>0</v>
      </c>
    </row>
    <row r="98070" spans="1:7" x14ac:dyDescent="0.3">
      <c r="A98070" s="13" t="s">
        <v>484</v>
      </c>
      <c r="B98070" s="14" t="s">
        <v>1</v>
      </c>
      <c r="C98070" s="14" t="s">
        <v>96</v>
      </c>
      <c r="D98070" s="14" t="s">
        <v>485</v>
      </c>
      <c r="E98070" s="15">
        <v>45626</v>
      </c>
      <c r="F98070" s="14" t="s">
        <v>15</v>
      </c>
      <c r="G98070" s="16">
        <v>0</v>
      </c>
    </row>
    <row r="98071" spans="1:7" x14ac:dyDescent="0.3">
      <c r="A98071" s="13" t="s">
        <v>484</v>
      </c>
      <c r="B98071" s="14" t="s">
        <v>1</v>
      </c>
      <c r="C98071" s="14" t="s">
        <v>96</v>
      </c>
      <c r="D98071" s="14" t="s">
        <v>485</v>
      </c>
      <c r="E98071" s="15">
        <v>45627</v>
      </c>
      <c r="F98071" s="14" t="s">
        <v>15</v>
      </c>
      <c r="G98071" s="16">
        <v>0</v>
      </c>
    </row>
    <row r="98072" spans="1:7" x14ac:dyDescent="0.3">
      <c r="A98072" s="13" t="s">
        <v>484</v>
      </c>
      <c r="B98072" s="14" t="s">
        <v>1</v>
      </c>
      <c r="C98072" s="14" t="s">
        <v>96</v>
      </c>
      <c r="D98072" s="14" t="s">
        <v>485</v>
      </c>
      <c r="E98072" s="15">
        <v>45628</v>
      </c>
      <c r="F98072" s="14" t="s">
        <v>15</v>
      </c>
      <c r="G98072" s="16">
        <v>0</v>
      </c>
    </row>
    <row r="98073" spans="1:7" x14ac:dyDescent="0.3">
      <c r="A98073" s="13" t="s">
        <v>484</v>
      </c>
      <c r="B98073" s="14" t="s">
        <v>1</v>
      </c>
      <c r="C98073" s="14" t="s">
        <v>96</v>
      </c>
      <c r="D98073" s="14" t="s">
        <v>485</v>
      </c>
      <c r="E98073" s="15">
        <v>45629</v>
      </c>
      <c r="F98073" s="14" t="s">
        <v>15</v>
      </c>
      <c r="G98073" s="16">
        <v>0</v>
      </c>
    </row>
    <row r="98074" spans="1:7" x14ac:dyDescent="0.3">
      <c r="A98074" s="13" t="s">
        <v>484</v>
      </c>
      <c r="B98074" s="14" t="s">
        <v>1</v>
      </c>
      <c r="C98074" s="14" t="s">
        <v>96</v>
      </c>
      <c r="D98074" s="14" t="s">
        <v>485</v>
      </c>
      <c r="E98074" s="15">
        <v>45630</v>
      </c>
      <c r="F98074" s="14" t="s">
        <v>15</v>
      </c>
      <c r="G98074" s="16">
        <v>0</v>
      </c>
    </row>
    <row r="98075" spans="1:7" x14ac:dyDescent="0.3">
      <c r="A98075" s="13" t="s">
        <v>484</v>
      </c>
      <c r="B98075" s="14" t="s">
        <v>1</v>
      </c>
      <c r="C98075" s="14" t="s">
        <v>96</v>
      </c>
      <c r="D98075" s="14" t="s">
        <v>485</v>
      </c>
      <c r="E98075" s="15">
        <v>45631</v>
      </c>
      <c r="F98075" s="14" t="s">
        <v>15</v>
      </c>
      <c r="G98075" s="16">
        <v>0</v>
      </c>
    </row>
    <row r="98076" spans="1:7" x14ac:dyDescent="0.3">
      <c r="A98076" s="13" t="s">
        <v>484</v>
      </c>
      <c r="B98076" s="14" t="s">
        <v>1</v>
      </c>
      <c r="C98076" s="14" t="s">
        <v>96</v>
      </c>
      <c r="D98076" s="14" t="s">
        <v>485</v>
      </c>
      <c r="E98076" s="15">
        <v>45632</v>
      </c>
      <c r="F98076" s="14" t="s">
        <v>15</v>
      </c>
      <c r="G98076" s="16">
        <v>0</v>
      </c>
    </row>
    <row r="98077" spans="1:7" x14ac:dyDescent="0.3">
      <c r="A98077" s="13" t="s">
        <v>484</v>
      </c>
      <c r="B98077" s="14" t="s">
        <v>1</v>
      </c>
      <c r="C98077" s="14" t="s">
        <v>96</v>
      </c>
      <c r="D98077" s="14" t="s">
        <v>485</v>
      </c>
      <c r="E98077" s="15">
        <v>45633</v>
      </c>
      <c r="F98077" s="14" t="s">
        <v>15</v>
      </c>
      <c r="G98077" s="16">
        <v>0</v>
      </c>
    </row>
    <row r="98078" spans="1:7" x14ac:dyDescent="0.3">
      <c r="A98078" s="13" t="s">
        <v>484</v>
      </c>
      <c r="B98078" s="14" t="s">
        <v>1</v>
      </c>
      <c r="C98078" s="14" t="s">
        <v>96</v>
      </c>
      <c r="D98078" s="14" t="s">
        <v>485</v>
      </c>
      <c r="E98078" s="15">
        <v>45634</v>
      </c>
      <c r="F98078" s="14" t="s">
        <v>15</v>
      </c>
      <c r="G98078" s="16">
        <v>0</v>
      </c>
    </row>
    <row r="98079" spans="1:7" x14ac:dyDescent="0.3">
      <c r="A98079" s="13" t="s">
        <v>484</v>
      </c>
      <c r="B98079" s="14" t="s">
        <v>1</v>
      </c>
      <c r="C98079" s="14" t="s">
        <v>96</v>
      </c>
      <c r="D98079" s="14" t="s">
        <v>485</v>
      </c>
      <c r="E98079" s="15">
        <v>45635</v>
      </c>
      <c r="F98079" s="14" t="s">
        <v>15</v>
      </c>
      <c r="G98079" s="16">
        <v>0</v>
      </c>
    </row>
    <row r="98080" spans="1:7" x14ac:dyDescent="0.3">
      <c r="A98080" s="13" t="s">
        <v>484</v>
      </c>
      <c r="B98080" s="14" t="s">
        <v>1</v>
      </c>
      <c r="C98080" s="14" t="s">
        <v>96</v>
      </c>
      <c r="D98080" s="14" t="s">
        <v>485</v>
      </c>
      <c r="E98080" s="15">
        <v>45636</v>
      </c>
      <c r="F98080" s="14" t="s">
        <v>15</v>
      </c>
      <c r="G98080" s="16">
        <v>0</v>
      </c>
    </row>
    <row r="98081" spans="1:7" x14ac:dyDescent="0.3">
      <c r="A98081" s="13" t="s">
        <v>484</v>
      </c>
      <c r="B98081" s="14" t="s">
        <v>1</v>
      </c>
      <c r="C98081" s="14" t="s">
        <v>96</v>
      </c>
      <c r="D98081" s="14" t="s">
        <v>485</v>
      </c>
      <c r="E98081" s="15">
        <v>45637</v>
      </c>
      <c r="F98081" s="14" t="s">
        <v>15</v>
      </c>
      <c r="G98081" s="16">
        <v>0</v>
      </c>
    </row>
    <row r="98082" spans="1:7" x14ac:dyDescent="0.3">
      <c r="A98082" s="13" t="s">
        <v>484</v>
      </c>
      <c r="B98082" s="14" t="s">
        <v>1</v>
      </c>
      <c r="C98082" s="14" t="s">
        <v>96</v>
      </c>
      <c r="D98082" s="14" t="s">
        <v>485</v>
      </c>
      <c r="E98082" s="15">
        <v>45638</v>
      </c>
      <c r="F98082" s="14" t="s">
        <v>15</v>
      </c>
      <c r="G98082" s="16">
        <v>0</v>
      </c>
    </row>
    <row r="98083" spans="1:7" x14ac:dyDescent="0.3">
      <c r="A98083" s="13" t="s">
        <v>484</v>
      </c>
      <c r="B98083" s="14" t="s">
        <v>1</v>
      </c>
      <c r="C98083" s="14" t="s">
        <v>96</v>
      </c>
      <c r="D98083" s="14" t="s">
        <v>485</v>
      </c>
      <c r="E98083" s="15">
        <v>45639</v>
      </c>
      <c r="F98083" s="14" t="s">
        <v>15</v>
      </c>
      <c r="G98083" s="16">
        <v>0</v>
      </c>
    </row>
    <row r="98084" spans="1:7" x14ac:dyDescent="0.3">
      <c r="A98084" s="13" t="s">
        <v>484</v>
      </c>
      <c r="B98084" s="14" t="s">
        <v>1</v>
      </c>
      <c r="C98084" s="14" t="s">
        <v>96</v>
      </c>
      <c r="D98084" s="14" t="s">
        <v>485</v>
      </c>
      <c r="E98084" s="15">
        <v>45640</v>
      </c>
      <c r="F98084" s="14" t="s">
        <v>15</v>
      </c>
      <c r="G98084" s="16">
        <v>0</v>
      </c>
    </row>
    <row r="98085" spans="1:7" x14ac:dyDescent="0.3">
      <c r="A98085" s="13" t="s">
        <v>484</v>
      </c>
      <c r="B98085" s="14" t="s">
        <v>1</v>
      </c>
      <c r="C98085" s="14" t="s">
        <v>96</v>
      </c>
      <c r="D98085" s="14" t="s">
        <v>485</v>
      </c>
      <c r="E98085" s="15">
        <v>45641</v>
      </c>
      <c r="F98085" s="14" t="s">
        <v>15</v>
      </c>
      <c r="G98085" s="16">
        <v>0</v>
      </c>
    </row>
    <row r="98086" spans="1:7" x14ac:dyDescent="0.3">
      <c r="A98086" s="13" t="s">
        <v>484</v>
      </c>
      <c r="B98086" s="14" t="s">
        <v>1</v>
      </c>
      <c r="C98086" s="14" t="s">
        <v>96</v>
      </c>
      <c r="D98086" s="14" t="s">
        <v>485</v>
      </c>
      <c r="E98086" s="15">
        <v>45642</v>
      </c>
      <c r="F98086" s="14" t="s">
        <v>15</v>
      </c>
      <c r="G98086" s="16">
        <v>0</v>
      </c>
    </row>
    <row r="98087" spans="1:7" x14ac:dyDescent="0.3">
      <c r="A98087" s="13" t="s">
        <v>484</v>
      </c>
      <c r="B98087" s="14" t="s">
        <v>1</v>
      </c>
      <c r="C98087" s="14" t="s">
        <v>96</v>
      </c>
      <c r="D98087" s="14" t="s">
        <v>485</v>
      </c>
      <c r="E98087" s="15">
        <v>45643</v>
      </c>
      <c r="F98087" s="14" t="s">
        <v>15</v>
      </c>
      <c r="G98087" s="16">
        <v>0</v>
      </c>
    </row>
    <row r="98088" spans="1:7" x14ac:dyDescent="0.3">
      <c r="A98088" s="13" t="s">
        <v>484</v>
      </c>
      <c r="B98088" s="14" t="s">
        <v>1</v>
      </c>
      <c r="C98088" s="14" t="s">
        <v>96</v>
      </c>
      <c r="D98088" s="14" t="s">
        <v>485</v>
      </c>
      <c r="E98088" s="15">
        <v>45644</v>
      </c>
      <c r="F98088" s="14" t="s">
        <v>15</v>
      </c>
      <c r="G98088" s="16">
        <v>0</v>
      </c>
    </row>
    <row r="98089" spans="1:7" x14ac:dyDescent="0.3">
      <c r="A98089" s="13" t="s">
        <v>484</v>
      </c>
      <c r="B98089" s="14" t="s">
        <v>1</v>
      </c>
      <c r="C98089" s="14" t="s">
        <v>96</v>
      </c>
      <c r="D98089" s="14" t="s">
        <v>485</v>
      </c>
      <c r="E98089" s="15">
        <v>45645</v>
      </c>
      <c r="F98089" s="14" t="s">
        <v>15</v>
      </c>
      <c r="G98089" s="16">
        <v>0</v>
      </c>
    </row>
    <row r="98090" spans="1:7" x14ac:dyDescent="0.3">
      <c r="A98090" s="13" t="s">
        <v>484</v>
      </c>
      <c r="B98090" s="14" t="s">
        <v>1</v>
      </c>
      <c r="C98090" s="14" t="s">
        <v>96</v>
      </c>
      <c r="D98090" s="14" t="s">
        <v>485</v>
      </c>
      <c r="E98090" s="15">
        <v>45646</v>
      </c>
      <c r="F98090" s="14" t="s">
        <v>15</v>
      </c>
      <c r="G98090" s="16">
        <v>0</v>
      </c>
    </row>
    <row r="98091" spans="1:7" x14ac:dyDescent="0.3">
      <c r="A98091" s="13" t="s">
        <v>484</v>
      </c>
      <c r="B98091" s="14" t="s">
        <v>1</v>
      </c>
      <c r="C98091" s="14" t="s">
        <v>96</v>
      </c>
      <c r="D98091" s="14" t="s">
        <v>485</v>
      </c>
      <c r="E98091" s="15">
        <v>45647</v>
      </c>
      <c r="F98091" s="14" t="s">
        <v>15</v>
      </c>
      <c r="G98091" s="16">
        <v>0</v>
      </c>
    </row>
    <row r="98092" spans="1:7" x14ac:dyDescent="0.3">
      <c r="A98092" s="13" t="s">
        <v>484</v>
      </c>
      <c r="B98092" s="14" t="s">
        <v>1</v>
      </c>
      <c r="C98092" s="14" t="s">
        <v>96</v>
      </c>
      <c r="D98092" s="14" t="s">
        <v>485</v>
      </c>
      <c r="E98092" s="15">
        <v>45648</v>
      </c>
      <c r="F98092" s="14" t="s">
        <v>15</v>
      </c>
      <c r="G98092" s="16">
        <v>0</v>
      </c>
    </row>
    <row r="98093" spans="1:7" x14ac:dyDescent="0.3">
      <c r="A98093" s="13" t="s">
        <v>484</v>
      </c>
      <c r="B98093" s="14" t="s">
        <v>1</v>
      </c>
      <c r="C98093" s="14" t="s">
        <v>96</v>
      </c>
      <c r="D98093" s="14" t="s">
        <v>485</v>
      </c>
      <c r="E98093" s="15">
        <v>45649</v>
      </c>
      <c r="F98093" s="14" t="s">
        <v>15</v>
      </c>
      <c r="G98093" s="16">
        <v>0</v>
      </c>
    </row>
    <row r="98094" spans="1:7" x14ac:dyDescent="0.3">
      <c r="A98094" s="13" t="s">
        <v>484</v>
      </c>
      <c r="B98094" s="14" t="s">
        <v>1</v>
      </c>
      <c r="C98094" s="14" t="s">
        <v>96</v>
      </c>
      <c r="D98094" s="14" t="s">
        <v>485</v>
      </c>
      <c r="E98094" s="15">
        <v>45650</v>
      </c>
      <c r="F98094" s="14" t="s">
        <v>15</v>
      </c>
      <c r="G98094" s="16">
        <v>0</v>
      </c>
    </row>
    <row r="98095" spans="1:7" x14ac:dyDescent="0.3">
      <c r="A98095" s="13" t="s">
        <v>484</v>
      </c>
      <c r="B98095" s="14" t="s">
        <v>1</v>
      </c>
      <c r="C98095" s="14" t="s">
        <v>96</v>
      </c>
      <c r="D98095" s="14" t="s">
        <v>485</v>
      </c>
      <c r="E98095" s="15">
        <v>45651</v>
      </c>
      <c r="F98095" s="14" t="s">
        <v>15</v>
      </c>
      <c r="G98095" s="16">
        <v>0</v>
      </c>
    </row>
    <row r="98096" spans="1:7" x14ac:dyDescent="0.3">
      <c r="A98096" s="13" t="s">
        <v>484</v>
      </c>
      <c r="B98096" s="14" t="s">
        <v>1</v>
      </c>
      <c r="C98096" s="14" t="s">
        <v>96</v>
      </c>
      <c r="D98096" s="14" t="s">
        <v>485</v>
      </c>
      <c r="E98096" s="15">
        <v>45652</v>
      </c>
      <c r="F98096" s="14" t="s">
        <v>15</v>
      </c>
      <c r="G98096" s="16">
        <v>0</v>
      </c>
    </row>
    <row r="98097" spans="1:7" x14ac:dyDescent="0.3">
      <c r="A98097" s="13" t="s">
        <v>484</v>
      </c>
      <c r="B98097" s="14" t="s">
        <v>1</v>
      </c>
      <c r="C98097" s="14" t="s">
        <v>96</v>
      </c>
      <c r="D98097" s="14" t="s">
        <v>485</v>
      </c>
      <c r="E98097" s="15">
        <v>45653</v>
      </c>
      <c r="F98097" s="14" t="s">
        <v>15</v>
      </c>
      <c r="G98097" s="16">
        <v>0</v>
      </c>
    </row>
    <row r="98098" spans="1:7" x14ac:dyDescent="0.3">
      <c r="A98098" s="13" t="s">
        <v>484</v>
      </c>
      <c r="B98098" s="14" t="s">
        <v>1</v>
      </c>
      <c r="C98098" s="14" t="s">
        <v>96</v>
      </c>
      <c r="D98098" s="14" t="s">
        <v>485</v>
      </c>
      <c r="E98098" s="15">
        <v>45654</v>
      </c>
      <c r="F98098" s="14" t="s">
        <v>15</v>
      </c>
      <c r="G98098" s="16">
        <v>0</v>
      </c>
    </row>
    <row r="98099" spans="1:7" x14ac:dyDescent="0.3">
      <c r="A98099" s="13" t="s">
        <v>484</v>
      </c>
      <c r="B98099" s="14" t="s">
        <v>1</v>
      </c>
      <c r="C98099" s="14" t="s">
        <v>96</v>
      </c>
      <c r="D98099" s="14" t="s">
        <v>485</v>
      </c>
      <c r="E98099" s="15">
        <v>45655</v>
      </c>
      <c r="F98099" s="14" t="s">
        <v>15</v>
      </c>
      <c r="G98099" s="16">
        <v>0</v>
      </c>
    </row>
    <row r="98100" spans="1:7" x14ac:dyDescent="0.3">
      <c r="A98100" s="13" t="s">
        <v>484</v>
      </c>
      <c r="B98100" s="14" t="s">
        <v>1</v>
      </c>
      <c r="C98100" s="14" t="s">
        <v>96</v>
      </c>
      <c r="D98100" s="14" t="s">
        <v>485</v>
      </c>
      <c r="E98100" s="15">
        <v>45656</v>
      </c>
      <c r="F98100" s="14" t="s">
        <v>15</v>
      </c>
      <c r="G98100" s="16">
        <v>0</v>
      </c>
    </row>
    <row r="98101" spans="1:7" x14ac:dyDescent="0.3">
      <c r="A98101" s="13" t="s">
        <v>484</v>
      </c>
      <c r="B98101" s="14" t="s">
        <v>1</v>
      </c>
      <c r="C98101" s="14" t="s">
        <v>96</v>
      </c>
      <c r="D98101" s="14" t="s">
        <v>485</v>
      </c>
      <c r="E98101" s="15">
        <v>45657</v>
      </c>
      <c r="F98101" s="14" t="s">
        <v>15</v>
      </c>
      <c r="G98101" s="16">
        <v>0</v>
      </c>
    </row>
    <row r="98102" spans="1:7" x14ac:dyDescent="0.3">
      <c r="A98102" s="13" t="s">
        <v>484</v>
      </c>
      <c r="B98102" s="14" t="s">
        <v>1</v>
      </c>
      <c r="C98102" s="14" t="s">
        <v>96</v>
      </c>
      <c r="D98102" s="14" t="s">
        <v>485</v>
      </c>
      <c r="E98102" s="15">
        <v>45658</v>
      </c>
      <c r="F98102" s="14" t="s">
        <v>15</v>
      </c>
      <c r="G98102" s="16">
        <v>0</v>
      </c>
    </row>
    <row r="98103" spans="1:7" x14ac:dyDescent="0.3">
      <c r="A98103" s="13" t="s">
        <v>484</v>
      </c>
      <c r="B98103" s="14" t="s">
        <v>1</v>
      </c>
      <c r="C98103" s="14" t="s">
        <v>96</v>
      </c>
      <c r="D98103" s="14" t="s">
        <v>485</v>
      </c>
      <c r="E98103" s="15">
        <v>45659</v>
      </c>
      <c r="F98103" s="14" t="s">
        <v>15</v>
      </c>
      <c r="G98103" s="16">
        <v>0</v>
      </c>
    </row>
    <row r="98104" spans="1:7" x14ac:dyDescent="0.3">
      <c r="A98104" s="13" t="s">
        <v>484</v>
      </c>
      <c r="B98104" s="14" t="s">
        <v>1</v>
      </c>
      <c r="C98104" s="14" t="s">
        <v>96</v>
      </c>
      <c r="D98104" s="14" t="s">
        <v>485</v>
      </c>
      <c r="E98104" s="15">
        <v>45660</v>
      </c>
      <c r="F98104" s="14" t="s">
        <v>15</v>
      </c>
      <c r="G98104" s="16">
        <v>0</v>
      </c>
    </row>
    <row r="98105" spans="1:7" x14ac:dyDescent="0.3">
      <c r="A98105" s="13" t="s">
        <v>484</v>
      </c>
      <c r="B98105" s="14" t="s">
        <v>1</v>
      </c>
      <c r="C98105" s="14" t="s">
        <v>96</v>
      </c>
      <c r="D98105" s="14" t="s">
        <v>485</v>
      </c>
      <c r="E98105" s="15">
        <v>45661</v>
      </c>
      <c r="F98105" s="14" t="s">
        <v>15</v>
      </c>
      <c r="G98105" s="16">
        <v>0</v>
      </c>
    </row>
    <row r="98106" spans="1:7" x14ac:dyDescent="0.3">
      <c r="A98106" s="13" t="s">
        <v>484</v>
      </c>
      <c r="B98106" s="14" t="s">
        <v>1</v>
      </c>
      <c r="C98106" s="14" t="s">
        <v>96</v>
      </c>
      <c r="D98106" s="14" t="s">
        <v>485</v>
      </c>
      <c r="E98106" s="15">
        <v>45662</v>
      </c>
      <c r="F98106" s="14" t="s">
        <v>15</v>
      </c>
      <c r="G98106" s="16">
        <v>0</v>
      </c>
    </row>
    <row r="98107" spans="1:7" x14ac:dyDescent="0.3">
      <c r="A98107" s="13" t="s">
        <v>484</v>
      </c>
      <c r="B98107" s="14" t="s">
        <v>1</v>
      </c>
      <c r="C98107" s="14" t="s">
        <v>96</v>
      </c>
      <c r="D98107" s="14" t="s">
        <v>485</v>
      </c>
      <c r="E98107" s="15">
        <v>45663</v>
      </c>
      <c r="F98107" s="14" t="s">
        <v>15</v>
      </c>
      <c r="G98107" s="16">
        <v>0</v>
      </c>
    </row>
    <row r="98108" spans="1:7" x14ac:dyDescent="0.3">
      <c r="A98108" s="13" t="s">
        <v>484</v>
      </c>
      <c r="B98108" s="14" t="s">
        <v>1</v>
      </c>
      <c r="C98108" s="14" t="s">
        <v>96</v>
      </c>
      <c r="D98108" s="14" t="s">
        <v>485</v>
      </c>
      <c r="E98108" s="15">
        <v>45664</v>
      </c>
      <c r="F98108" s="14" t="s">
        <v>15</v>
      </c>
      <c r="G98108" s="16">
        <v>0</v>
      </c>
    </row>
    <row r="98109" spans="1:7" x14ac:dyDescent="0.3">
      <c r="A98109" s="13" t="s">
        <v>484</v>
      </c>
      <c r="B98109" s="14" t="s">
        <v>1</v>
      </c>
      <c r="C98109" s="14" t="s">
        <v>96</v>
      </c>
      <c r="D98109" s="14" t="s">
        <v>485</v>
      </c>
      <c r="E98109" s="15">
        <v>45665</v>
      </c>
      <c r="F98109" s="14" t="s">
        <v>15</v>
      </c>
      <c r="G98109" s="16">
        <v>0</v>
      </c>
    </row>
    <row r="98110" spans="1:7" x14ac:dyDescent="0.3">
      <c r="A98110" s="13" t="s">
        <v>484</v>
      </c>
      <c r="B98110" s="14" t="s">
        <v>1</v>
      </c>
      <c r="C98110" s="14" t="s">
        <v>96</v>
      </c>
      <c r="D98110" s="14" t="s">
        <v>485</v>
      </c>
      <c r="E98110" s="15">
        <v>45666</v>
      </c>
      <c r="F98110" s="14" t="s">
        <v>15</v>
      </c>
      <c r="G98110" s="16">
        <v>0</v>
      </c>
    </row>
    <row r="98111" spans="1:7" x14ac:dyDescent="0.3">
      <c r="A98111" s="13" t="s">
        <v>484</v>
      </c>
      <c r="B98111" s="14" t="s">
        <v>1</v>
      </c>
      <c r="C98111" s="14" t="s">
        <v>96</v>
      </c>
      <c r="D98111" s="14" t="s">
        <v>485</v>
      </c>
      <c r="E98111" s="15">
        <v>45667</v>
      </c>
      <c r="F98111" s="14" t="s">
        <v>15</v>
      </c>
      <c r="G98111" s="16">
        <v>0</v>
      </c>
    </row>
    <row r="98112" spans="1:7" x14ac:dyDescent="0.3">
      <c r="A98112" s="13" t="s">
        <v>484</v>
      </c>
      <c r="B98112" s="14" t="s">
        <v>1</v>
      </c>
      <c r="C98112" s="14" t="s">
        <v>96</v>
      </c>
      <c r="D98112" s="14" t="s">
        <v>485</v>
      </c>
      <c r="E98112" s="15">
        <v>45668</v>
      </c>
      <c r="F98112" s="14" t="s">
        <v>15</v>
      </c>
      <c r="G98112" s="16">
        <v>0</v>
      </c>
    </row>
    <row r="98113" spans="1:7" x14ac:dyDescent="0.3">
      <c r="A98113" s="13" t="s">
        <v>484</v>
      </c>
      <c r="B98113" s="14" t="s">
        <v>1</v>
      </c>
      <c r="C98113" s="14" t="s">
        <v>96</v>
      </c>
      <c r="D98113" s="14" t="s">
        <v>485</v>
      </c>
      <c r="E98113" s="15">
        <v>45669</v>
      </c>
      <c r="F98113" s="14" t="s">
        <v>15</v>
      </c>
      <c r="G98113" s="16">
        <v>0</v>
      </c>
    </row>
    <row r="98114" spans="1:7" x14ac:dyDescent="0.3">
      <c r="A98114" s="13" t="s">
        <v>484</v>
      </c>
      <c r="B98114" s="14" t="s">
        <v>1</v>
      </c>
      <c r="C98114" s="14" t="s">
        <v>96</v>
      </c>
      <c r="D98114" s="14" t="s">
        <v>485</v>
      </c>
      <c r="E98114" s="15">
        <v>45670</v>
      </c>
      <c r="F98114" s="14" t="s">
        <v>15</v>
      </c>
      <c r="G98114" s="16">
        <v>0</v>
      </c>
    </row>
    <row r="98115" spans="1:7" x14ac:dyDescent="0.3">
      <c r="A98115" s="13" t="s">
        <v>484</v>
      </c>
      <c r="B98115" s="14" t="s">
        <v>1</v>
      </c>
      <c r="C98115" s="14" t="s">
        <v>96</v>
      </c>
      <c r="D98115" s="14" t="s">
        <v>485</v>
      </c>
      <c r="E98115" s="15">
        <v>45671</v>
      </c>
      <c r="F98115" s="14" t="s">
        <v>15</v>
      </c>
      <c r="G98115" s="16">
        <v>0</v>
      </c>
    </row>
    <row r="98116" spans="1:7" x14ac:dyDescent="0.3">
      <c r="A98116" s="13" t="s">
        <v>484</v>
      </c>
      <c r="B98116" s="14" t="s">
        <v>1</v>
      </c>
      <c r="C98116" s="14" t="s">
        <v>96</v>
      </c>
      <c r="D98116" s="14" t="s">
        <v>485</v>
      </c>
      <c r="E98116" s="15">
        <v>45672</v>
      </c>
      <c r="F98116" s="14" t="s">
        <v>15</v>
      </c>
      <c r="G98116" s="16">
        <v>0</v>
      </c>
    </row>
    <row r="98117" spans="1:7" x14ac:dyDescent="0.3">
      <c r="A98117" s="13" t="s">
        <v>484</v>
      </c>
      <c r="B98117" s="14" t="s">
        <v>1</v>
      </c>
      <c r="C98117" s="14" t="s">
        <v>96</v>
      </c>
      <c r="D98117" s="14" t="s">
        <v>485</v>
      </c>
      <c r="E98117" s="15">
        <v>45673</v>
      </c>
      <c r="F98117" s="14" t="s">
        <v>15</v>
      </c>
      <c r="G98117" s="16">
        <v>0</v>
      </c>
    </row>
    <row r="98118" spans="1:7" x14ac:dyDescent="0.3">
      <c r="A98118" s="13" t="s">
        <v>484</v>
      </c>
      <c r="B98118" s="14" t="s">
        <v>1</v>
      </c>
      <c r="C98118" s="14" t="s">
        <v>96</v>
      </c>
      <c r="D98118" s="14" t="s">
        <v>485</v>
      </c>
      <c r="E98118" s="15">
        <v>45674</v>
      </c>
      <c r="F98118" s="14" t="s">
        <v>15</v>
      </c>
      <c r="G98118" s="16">
        <v>0</v>
      </c>
    </row>
    <row r="98119" spans="1:7" x14ac:dyDescent="0.3">
      <c r="A98119" s="13" t="s">
        <v>484</v>
      </c>
      <c r="B98119" s="14" t="s">
        <v>1</v>
      </c>
      <c r="C98119" s="14" t="s">
        <v>96</v>
      </c>
      <c r="D98119" s="14" t="s">
        <v>485</v>
      </c>
      <c r="E98119" s="15">
        <v>45675</v>
      </c>
      <c r="F98119" s="14" t="s">
        <v>15</v>
      </c>
      <c r="G98119" s="16">
        <v>0</v>
      </c>
    </row>
    <row r="98120" spans="1:7" x14ac:dyDescent="0.3">
      <c r="A98120" s="13" t="s">
        <v>484</v>
      </c>
      <c r="B98120" s="14" t="s">
        <v>1</v>
      </c>
      <c r="C98120" s="14" t="s">
        <v>96</v>
      </c>
      <c r="D98120" s="14" t="s">
        <v>485</v>
      </c>
      <c r="E98120" s="15">
        <v>45676</v>
      </c>
      <c r="F98120" s="14" t="s">
        <v>15</v>
      </c>
      <c r="G98120" s="16">
        <v>0</v>
      </c>
    </row>
    <row r="98121" spans="1:7" x14ac:dyDescent="0.3">
      <c r="A98121" s="13" t="s">
        <v>484</v>
      </c>
      <c r="B98121" s="14" t="s">
        <v>1</v>
      </c>
      <c r="C98121" s="14" t="s">
        <v>96</v>
      </c>
      <c r="D98121" s="14" t="s">
        <v>485</v>
      </c>
      <c r="E98121" s="15">
        <v>45677</v>
      </c>
      <c r="F98121" s="14" t="s">
        <v>15</v>
      </c>
      <c r="G98121" s="16">
        <v>0</v>
      </c>
    </row>
    <row r="98122" spans="1:7" x14ac:dyDescent="0.3">
      <c r="A98122" s="13" t="s">
        <v>484</v>
      </c>
      <c r="B98122" s="14" t="s">
        <v>1</v>
      </c>
      <c r="C98122" s="14" t="s">
        <v>96</v>
      </c>
      <c r="D98122" s="14" t="s">
        <v>485</v>
      </c>
      <c r="E98122" s="15">
        <v>45678</v>
      </c>
      <c r="F98122" s="14" t="s">
        <v>15</v>
      </c>
      <c r="G98122" s="16">
        <v>0</v>
      </c>
    </row>
    <row r="98123" spans="1:7" x14ac:dyDescent="0.3">
      <c r="A98123" s="13" t="s">
        <v>484</v>
      </c>
      <c r="B98123" s="14" t="s">
        <v>1</v>
      </c>
      <c r="C98123" s="14" t="s">
        <v>96</v>
      </c>
      <c r="D98123" s="14" t="s">
        <v>485</v>
      </c>
      <c r="E98123" s="15">
        <v>45679</v>
      </c>
      <c r="F98123" s="14" t="s">
        <v>15</v>
      </c>
      <c r="G98123" s="16">
        <v>0</v>
      </c>
    </row>
    <row r="98124" spans="1:7" x14ac:dyDescent="0.3">
      <c r="A98124" s="13" t="s">
        <v>484</v>
      </c>
      <c r="B98124" s="14" t="s">
        <v>1</v>
      </c>
      <c r="C98124" s="14" t="s">
        <v>96</v>
      </c>
      <c r="D98124" s="14" t="s">
        <v>485</v>
      </c>
      <c r="E98124" s="15">
        <v>45680</v>
      </c>
      <c r="F98124" s="14" t="s">
        <v>15</v>
      </c>
      <c r="G98124" s="16">
        <v>0</v>
      </c>
    </row>
    <row r="98125" spans="1:7" x14ac:dyDescent="0.3">
      <c r="A98125" s="13" t="s">
        <v>484</v>
      </c>
      <c r="B98125" s="14" t="s">
        <v>1</v>
      </c>
      <c r="C98125" s="14" t="s">
        <v>96</v>
      </c>
      <c r="D98125" s="14" t="s">
        <v>485</v>
      </c>
      <c r="E98125" s="15">
        <v>45681</v>
      </c>
      <c r="F98125" s="14" t="s">
        <v>15</v>
      </c>
      <c r="G98125" s="16">
        <v>0</v>
      </c>
    </row>
    <row r="98126" spans="1:7" x14ac:dyDescent="0.3">
      <c r="A98126" s="13" t="s">
        <v>484</v>
      </c>
      <c r="B98126" s="14" t="s">
        <v>1</v>
      </c>
      <c r="C98126" s="14" t="s">
        <v>96</v>
      </c>
      <c r="D98126" s="14" t="s">
        <v>485</v>
      </c>
      <c r="E98126" s="15">
        <v>45682</v>
      </c>
      <c r="F98126" s="14" t="s">
        <v>15</v>
      </c>
      <c r="G98126" s="16">
        <v>0</v>
      </c>
    </row>
    <row r="98127" spans="1:7" x14ac:dyDescent="0.3">
      <c r="A98127" s="13" t="s">
        <v>484</v>
      </c>
      <c r="B98127" s="14" t="s">
        <v>1</v>
      </c>
      <c r="C98127" s="14" t="s">
        <v>96</v>
      </c>
      <c r="D98127" s="14" t="s">
        <v>485</v>
      </c>
      <c r="E98127" s="15">
        <v>45683</v>
      </c>
      <c r="F98127" s="14" t="s">
        <v>15</v>
      </c>
      <c r="G98127" s="16">
        <v>0</v>
      </c>
    </row>
    <row r="98128" spans="1:7" x14ac:dyDescent="0.3">
      <c r="A98128" s="13" t="s">
        <v>484</v>
      </c>
      <c r="B98128" s="14" t="s">
        <v>1</v>
      </c>
      <c r="C98128" s="14" t="s">
        <v>96</v>
      </c>
      <c r="D98128" s="14" t="s">
        <v>485</v>
      </c>
      <c r="E98128" s="15">
        <v>45684</v>
      </c>
      <c r="F98128" s="14" t="s">
        <v>15</v>
      </c>
      <c r="G98128" s="16">
        <v>0</v>
      </c>
    </row>
    <row r="98129" spans="1:7" x14ac:dyDescent="0.3">
      <c r="A98129" s="13" t="s">
        <v>484</v>
      </c>
      <c r="B98129" s="14" t="s">
        <v>1</v>
      </c>
      <c r="C98129" s="14" t="s">
        <v>96</v>
      </c>
      <c r="D98129" s="14" t="s">
        <v>485</v>
      </c>
      <c r="E98129" s="15">
        <v>45685</v>
      </c>
      <c r="F98129" s="14" t="s">
        <v>15</v>
      </c>
      <c r="G98129" s="16">
        <v>0</v>
      </c>
    </row>
    <row r="98130" spans="1:7" x14ac:dyDescent="0.3">
      <c r="A98130" s="13" t="s">
        <v>484</v>
      </c>
      <c r="B98130" s="14" t="s">
        <v>1</v>
      </c>
      <c r="C98130" s="14" t="s">
        <v>96</v>
      </c>
      <c r="D98130" s="14" t="s">
        <v>485</v>
      </c>
      <c r="E98130" s="15">
        <v>45686</v>
      </c>
      <c r="F98130" s="14" t="s">
        <v>15</v>
      </c>
      <c r="G98130" s="16">
        <v>0</v>
      </c>
    </row>
    <row r="98131" spans="1:7" x14ac:dyDescent="0.3">
      <c r="A98131" s="13" t="s">
        <v>484</v>
      </c>
      <c r="B98131" s="14" t="s">
        <v>1</v>
      </c>
      <c r="C98131" s="14" t="s">
        <v>96</v>
      </c>
      <c r="D98131" s="14" t="s">
        <v>485</v>
      </c>
      <c r="E98131" s="15">
        <v>45687</v>
      </c>
      <c r="F98131" s="14" t="s">
        <v>15</v>
      </c>
      <c r="G98131" s="16">
        <v>0</v>
      </c>
    </row>
    <row r="98132" spans="1:7" x14ac:dyDescent="0.3">
      <c r="A98132" s="13" t="s">
        <v>484</v>
      </c>
      <c r="B98132" s="14" t="s">
        <v>1</v>
      </c>
      <c r="C98132" s="14" t="s">
        <v>96</v>
      </c>
      <c r="D98132" s="14" t="s">
        <v>485</v>
      </c>
      <c r="E98132" s="15">
        <v>45688</v>
      </c>
      <c r="F98132" s="14" t="s">
        <v>15</v>
      </c>
      <c r="G98132" s="16">
        <v>0</v>
      </c>
    </row>
    <row r="98133" spans="1:7" x14ac:dyDescent="0.3">
      <c r="A98133" s="13" t="s">
        <v>484</v>
      </c>
      <c r="B98133" s="14" t="s">
        <v>1</v>
      </c>
      <c r="C98133" s="14" t="s">
        <v>96</v>
      </c>
      <c r="D98133" s="14" t="s">
        <v>485</v>
      </c>
      <c r="E98133" s="15">
        <v>45689</v>
      </c>
      <c r="F98133" s="14" t="s">
        <v>15</v>
      </c>
      <c r="G98133" s="16">
        <v>0</v>
      </c>
    </row>
    <row r="98134" spans="1:7" x14ac:dyDescent="0.3">
      <c r="A98134" s="13" t="s">
        <v>484</v>
      </c>
      <c r="B98134" s="14" t="s">
        <v>1</v>
      </c>
      <c r="C98134" s="14" t="s">
        <v>96</v>
      </c>
      <c r="D98134" s="14" t="s">
        <v>485</v>
      </c>
      <c r="E98134" s="15">
        <v>45690</v>
      </c>
      <c r="F98134" s="14" t="s">
        <v>15</v>
      </c>
      <c r="G98134" s="16">
        <v>0</v>
      </c>
    </row>
    <row r="98135" spans="1:7" x14ac:dyDescent="0.3">
      <c r="A98135" s="13" t="s">
        <v>484</v>
      </c>
      <c r="B98135" s="14" t="s">
        <v>1</v>
      </c>
      <c r="C98135" s="14" t="s">
        <v>96</v>
      </c>
      <c r="D98135" s="14" t="s">
        <v>485</v>
      </c>
      <c r="E98135" s="15">
        <v>45691</v>
      </c>
      <c r="F98135" s="14" t="s">
        <v>15</v>
      </c>
      <c r="G98135" s="16">
        <v>0</v>
      </c>
    </row>
    <row r="98136" spans="1:7" x14ac:dyDescent="0.3">
      <c r="A98136" s="13" t="s">
        <v>484</v>
      </c>
      <c r="B98136" s="14" t="s">
        <v>1</v>
      </c>
      <c r="C98136" s="14" t="s">
        <v>96</v>
      </c>
      <c r="D98136" s="14" t="s">
        <v>485</v>
      </c>
      <c r="E98136" s="15">
        <v>45692</v>
      </c>
      <c r="F98136" s="14" t="s">
        <v>15</v>
      </c>
      <c r="G98136" s="16">
        <v>0</v>
      </c>
    </row>
    <row r="98137" spans="1:7" x14ac:dyDescent="0.3">
      <c r="A98137" s="13" t="s">
        <v>484</v>
      </c>
      <c r="B98137" s="14" t="s">
        <v>1</v>
      </c>
      <c r="C98137" s="14" t="s">
        <v>96</v>
      </c>
      <c r="D98137" s="14" t="s">
        <v>485</v>
      </c>
      <c r="E98137" s="15">
        <v>45693</v>
      </c>
      <c r="F98137" s="14" t="s">
        <v>15</v>
      </c>
      <c r="G98137" s="16">
        <v>0</v>
      </c>
    </row>
    <row r="98138" spans="1:7" x14ac:dyDescent="0.3">
      <c r="A98138" s="13" t="s">
        <v>484</v>
      </c>
      <c r="B98138" s="14" t="s">
        <v>1</v>
      </c>
      <c r="C98138" s="14" t="s">
        <v>96</v>
      </c>
      <c r="D98138" s="14" t="s">
        <v>485</v>
      </c>
      <c r="E98138" s="15">
        <v>45694</v>
      </c>
      <c r="F98138" s="14" t="s">
        <v>15</v>
      </c>
      <c r="G98138" s="16">
        <v>0</v>
      </c>
    </row>
    <row r="98139" spans="1:7" x14ac:dyDescent="0.3">
      <c r="A98139" s="13" t="s">
        <v>484</v>
      </c>
      <c r="B98139" s="14" t="s">
        <v>1</v>
      </c>
      <c r="C98139" s="14" t="s">
        <v>96</v>
      </c>
      <c r="D98139" s="14" t="s">
        <v>485</v>
      </c>
      <c r="E98139" s="15">
        <v>45695</v>
      </c>
      <c r="F98139" s="14" t="s">
        <v>15</v>
      </c>
      <c r="G98139" s="16">
        <v>0</v>
      </c>
    </row>
    <row r="98140" spans="1:7" x14ac:dyDescent="0.3">
      <c r="A98140" s="13" t="s">
        <v>484</v>
      </c>
      <c r="B98140" s="14" t="s">
        <v>1</v>
      </c>
      <c r="C98140" s="14" t="s">
        <v>96</v>
      </c>
      <c r="D98140" s="14" t="s">
        <v>485</v>
      </c>
      <c r="E98140" s="15">
        <v>45696</v>
      </c>
      <c r="F98140" s="14" t="s">
        <v>15</v>
      </c>
      <c r="G98140" s="16">
        <v>0</v>
      </c>
    </row>
    <row r="98141" spans="1:7" x14ac:dyDescent="0.3">
      <c r="A98141" s="13" t="s">
        <v>484</v>
      </c>
      <c r="B98141" s="14" t="s">
        <v>1</v>
      </c>
      <c r="C98141" s="14" t="s">
        <v>96</v>
      </c>
      <c r="D98141" s="14" t="s">
        <v>485</v>
      </c>
      <c r="E98141" s="15">
        <v>45697</v>
      </c>
      <c r="F98141" s="14" t="s">
        <v>15</v>
      </c>
      <c r="G98141" s="16">
        <v>0</v>
      </c>
    </row>
    <row r="98142" spans="1:7" x14ac:dyDescent="0.3">
      <c r="A98142" s="13" t="s">
        <v>484</v>
      </c>
      <c r="B98142" s="14" t="s">
        <v>1</v>
      </c>
      <c r="C98142" s="14" t="s">
        <v>96</v>
      </c>
      <c r="D98142" s="14" t="s">
        <v>485</v>
      </c>
      <c r="E98142" s="15">
        <v>45698</v>
      </c>
      <c r="F98142" s="14" t="s">
        <v>15</v>
      </c>
      <c r="G98142" s="16">
        <v>0</v>
      </c>
    </row>
    <row r="98143" spans="1:7" x14ac:dyDescent="0.3">
      <c r="A98143" s="13" t="s">
        <v>484</v>
      </c>
      <c r="B98143" s="14" t="s">
        <v>1</v>
      </c>
      <c r="C98143" s="14" t="s">
        <v>96</v>
      </c>
      <c r="D98143" s="14" t="s">
        <v>485</v>
      </c>
      <c r="E98143" s="15">
        <v>45699</v>
      </c>
      <c r="F98143" s="14" t="s">
        <v>15</v>
      </c>
      <c r="G98143" s="16">
        <v>0</v>
      </c>
    </row>
    <row r="98144" spans="1:7" x14ac:dyDescent="0.3">
      <c r="A98144" s="13" t="s">
        <v>484</v>
      </c>
      <c r="B98144" s="14" t="s">
        <v>1</v>
      </c>
      <c r="C98144" s="14" t="s">
        <v>96</v>
      </c>
      <c r="D98144" s="14" t="s">
        <v>485</v>
      </c>
      <c r="E98144" s="15">
        <v>45700</v>
      </c>
      <c r="F98144" s="14" t="s">
        <v>15</v>
      </c>
      <c r="G98144" s="16">
        <v>0</v>
      </c>
    </row>
    <row r="98145" spans="1:7" x14ac:dyDescent="0.3">
      <c r="A98145" s="13" t="s">
        <v>484</v>
      </c>
      <c r="B98145" s="14" t="s">
        <v>1</v>
      </c>
      <c r="C98145" s="14" t="s">
        <v>96</v>
      </c>
      <c r="D98145" s="14" t="s">
        <v>485</v>
      </c>
      <c r="E98145" s="15">
        <v>45701</v>
      </c>
      <c r="F98145" s="14" t="s">
        <v>15</v>
      </c>
      <c r="G98145" s="16">
        <v>0</v>
      </c>
    </row>
    <row r="98146" spans="1:7" x14ac:dyDescent="0.3">
      <c r="A98146" s="13" t="s">
        <v>484</v>
      </c>
      <c r="B98146" s="14" t="s">
        <v>1</v>
      </c>
      <c r="C98146" s="14" t="s">
        <v>96</v>
      </c>
      <c r="D98146" s="14" t="s">
        <v>485</v>
      </c>
      <c r="E98146" s="15">
        <v>45702</v>
      </c>
      <c r="F98146" s="14" t="s">
        <v>15</v>
      </c>
      <c r="G98146" s="16">
        <v>0</v>
      </c>
    </row>
    <row r="98147" spans="1:7" x14ac:dyDescent="0.3">
      <c r="A98147" s="13" t="s">
        <v>484</v>
      </c>
      <c r="B98147" s="14" t="s">
        <v>1</v>
      </c>
      <c r="C98147" s="14" t="s">
        <v>96</v>
      </c>
      <c r="D98147" s="14" t="s">
        <v>485</v>
      </c>
      <c r="E98147" s="15">
        <v>45703</v>
      </c>
      <c r="F98147" s="14" t="s">
        <v>15</v>
      </c>
      <c r="G98147" s="16">
        <v>0</v>
      </c>
    </row>
    <row r="98148" spans="1:7" x14ac:dyDescent="0.3">
      <c r="A98148" s="13" t="s">
        <v>484</v>
      </c>
      <c r="B98148" s="14" t="s">
        <v>1</v>
      </c>
      <c r="C98148" s="14" t="s">
        <v>96</v>
      </c>
      <c r="D98148" s="14" t="s">
        <v>485</v>
      </c>
      <c r="E98148" s="15">
        <v>45704</v>
      </c>
      <c r="F98148" s="14" t="s">
        <v>15</v>
      </c>
      <c r="G98148" s="16">
        <v>0</v>
      </c>
    </row>
    <row r="98149" spans="1:7" x14ac:dyDescent="0.3">
      <c r="A98149" s="13" t="s">
        <v>484</v>
      </c>
      <c r="B98149" s="14" t="s">
        <v>1</v>
      </c>
      <c r="C98149" s="14" t="s">
        <v>96</v>
      </c>
      <c r="D98149" s="14" t="s">
        <v>485</v>
      </c>
      <c r="E98149" s="15">
        <v>45705</v>
      </c>
      <c r="F98149" s="14" t="s">
        <v>15</v>
      </c>
      <c r="G98149" s="16">
        <v>0</v>
      </c>
    </row>
    <row r="98150" spans="1:7" x14ac:dyDescent="0.3">
      <c r="A98150" s="13" t="s">
        <v>484</v>
      </c>
      <c r="B98150" s="14" t="s">
        <v>1</v>
      </c>
      <c r="C98150" s="14" t="s">
        <v>96</v>
      </c>
      <c r="D98150" s="14" t="s">
        <v>485</v>
      </c>
      <c r="E98150" s="15">
        <v>45706</v>
      </c>
      <c r="F98150" s="14" t="s">
        <v>15</v>
      </c>
      <c r="G98150" s="16">
        <v>0</v>
      </c>
    </row>
    <row r="98151" spans="1:7" x14ac:dyDescent="0.3">
      <c r="A98151" s="13" t="s">
        <v>484</v>
      </c>
      <c r="B98151" s="14" t="s">
        <v>1</v>
      </c>
      <c r="C98151" s="14" t="s">
        <v>96</v>
      </c>
      <c r="D98151" s="14" t="s">
        <v>485</v>
      </c>
      <c r="E98151" s="15">
        <v>45707</v>
      </c>
      <c r="F98151" s="14" t="s">
        <v>15</v>
      </c>
      <c r="G98151" s="16">
        <v>0</v>
      </c>
    </row>
    <row r="98152" spans="1:7" x14ac:dyDescent="0.3">
      <c r="A98152" s="13" t="s">
        <v>484</v>
      </c>
      <c r="B98152" s="14" t="s">
        <v>1</v>
      </c>
      <c r="C98152" s="14" t="s">
        <v>96</v>
      </c>
      <c r="D98152" s="14" t="s">
        <v>485</v>
      </c>
      <c r="E98152" s="15">
        <v>45708</v>
      </c>
      <c r="F98152" s="14" t="s">
        <v>15</v>
      </c>
      <c r="G98152" s="16">
        <v>0</v>
      </c>
    </row>
    <row r="98153" spans="1:7" x14ac:dyDescent="0.3">
      <c r="A98153" s="13" t="s">
        <v>484</v>
      </c>
      <c r="B98153" s="14" t="s">
        <v>1</v>
      </c>
      <c r="C98153" s="14" t="s">
        <v>96</v>
      </c>
      <c r="D98153" s="14" t="s">
        <v>485</v>
      </c>
      <c r="E98153" s="15">
        <v>45709</v>
      </c>
      <c r="F98153" s="14" t="s">
        <v>15</v>
      </c>
      <c r="G98153" s="16">
        <v>0</v>
      </c>
    </row>
    <row r="98154" spans="1:7" x14ac:dyDescent="0.3">
      <c r="A98154" s="13" t="s">
        <v>484</v>
      </c>
      <c r="B98154" s="14" t="s">
        <v>1</v>
      </c>
      <c r="C98154" s="14" t="s">
        <v>96</v>
      </c>
      <c r="D98154" s="14" t="s">
        <v>485</v>
      </c>
      <c r="E98154" s="15">
        <v>45710</v>
      </c>
      <c r="F98154" s="14" t="s">
        <v>15</v>
      </c>
      <c r="G98154" s="16">
        <v>0</v>
      </c>
    </row>
    <row r="98155" spans="1:7" x14ac:dyDescent="0.3">
      <c r="A98155" s="13" t="s">
        <v>484</v>
      </c>
      <c r="B98155" s="14" t="s">
        <v>1</v>
      </c>
      <c r="C98155" s="14" t="s">
        <v>96</v>
      </c>
      <c r="D98155" s="14" t="s">
        <v>485</v>
      </c>
      <c r="E98155" s="15">
        <v>45711</v>
      </c>
      <c r="F98155" s="14" t="s">
        <v>15</v>
      </c>
      <c r="G98155" s="16">
        <v>0</v>
      </c>
    </row>
    <row r="98156" spans="1:7" x14ac:dyDescent="0.3">
      <c r="A98156" s="13" t="s">
        <v>484</v>
      </c>
      <c r="B98156" s="14" t="s">
        <v>1</v>
      </c>
      <c r="C98156" s="14" t="s">
        <v>96</v>
      </c>
      <c r="D98156" s="14" t="s">
        <v>485</v>
      </c>
      <c r="E98156" s="15">
        <v>45712</v>
      </c>
      <c r="F98156" s="14" t="s">
        <v>15</v>
      </c>
      <c r="G98156" s="16">
        <v>0</v>
      </c>
    </row>
    <row r="98157" spans="1:7" x14ac:dyDescent="0.3">
      <c r="A98157" s="13" t="s">
        <v>484</v>
      </c>
      <c r="B98157" s="14" t="s">
        <v>1</v>
      </c>
      <c r="C98157" s="14" t="s">
        <v>96</v>
      </c>
      <c r="D98157" s="14" t="s">
        <v>485</v>
      </c>
      <c r="E98157" s="15">
        <v>45713</v>
      </c>
      <c r="F98157" s="14" t="s">
        <v>15</v>
      </c>
      <c r="G98157" s="16">
        <v>0</v>
      </c>
    </row>
    <row r="98158" spans="1:7" x14ac:dyDescent="0.3">
      <c r="A98158" s="13" t="s">
        <v>484</v>
      </c>
      <c r="B98158" s="14" t="s">
        <v>1</v>
      </c>
      <c r="C98158" s="14" t="s">
        <v>96</v>
      </c>
      <c r="D98158" s="14" t="s">
        <v>485</v>
      </c>
      <c r="E98158" s="15">
        <v>45714</v>
      </c>
      <c r="F98158" s="14" t="s">
        <v>15</v>
      </c>
      <c r="G98158" s="16">
        <v>0</v>
      </c>
    </row>
    <row r="98159" spans="1:7" x14ac:dyDescent="0.3">
      <c r="A98159" s="13" t="s">
        <v>484</v>
      </c>
      <c r="B98159" s="14" t="s">
        <v>1</v>
      </c>
      <c r="C98159" s="14" t="s">
        <v>96</v>
      </c>
      <c r="D98159" s="14" t="s">
        <v>485</v>
      </c>
      <c r="E98159" s="15">
        <v>45715</v>
      </c>
      <c r="F98159" s="14" t="s">
        <v>15</v>
      </c>
      <c r="G98159" s="16">
        <v>0</v>
      </c>
    </row>
    <row r="98160" spans="1:7" x14ac:dyDescent="0.3">
      <c r="A98160" s="13" t="s">
        <v>484</v>
      </c>
      <c r="B98160" s="14" t="s">
        <v>1</v>
      </c>
      <c r="C98160" s="14" t="s">
        <v>96</v>
      </c>
      <c r="D98160" s="14" t="s">
        <v>485</v>
      </c>
      <c r="E98160" s="15">
        <v>45716</v>
      </c>
      <c r="F98160" s="14" t="s">
        <v>15</v>
      </c>
      <c r="G98160" s="16">
        <v>0</v>
      </c>
    </row>
    <row r="98161" spans="1:7" x14ac:dyDescent="0.3">
      <c r="A98161" s="13" t="s">
        <v>484</v>
      </c>
      <c r="B98161" s="14" t="s">
        <v>1</v>
      </c>
      <c r="C98161" s="14" t="s">
        <v>96</v>
      </c>
      <c r="D98161" s="14" t="s">
        <v>485</v>
      </c>
      <c r="E98161" s="15">
        <v>45717</v>
      </c>
      <c r="F98161" s="14" t="s">
        <v>15</v>
      </c>
      <c r="G98161" s="16">
        <v>0</v>
      </c>
    </row>
    <row r="98162" spans="1:7" x14ac:dyDescent="0.3">
      <c r="A98162" s="13" t="s">
        <v>484</v>
      </c>
      <c r="B98162" s="14" t="s">
        <v>1</v>
      </c>
      <c r="C98162" s="14" t="s">
        <v>96</v>
      </c>
      <c r="D98162" s="14" t="s">
        <v>485</v>
      </c>
      <c r="E98162" s="15">
        <v>45718</v>
      </c>
      <c r="F98162" s="14" t="s">
        <v>15</v>
      </c>
      <c r="G98162" s="16">
        <v>0</v>
      </c>
    </row>
    <row r="98163" spans="1:7" x14ac:dyDescent="0.3">
      <c r="A98163" s="13" t="s">
        <v>484</v>
      </c>
      <c r="B98163" s="14" t="s">
        <v>1</v>
      </c>
      <c r="C98163" s="14" t="s">
        <v>96</v>
      </c>
      <c r="D98163" s="14" t="s">
        <v>485</v>
      </c>
      <c r="E98163" s="15">
        <v>45719</v>
      </c>
      <c r="F98163" s="14" t="s">
        <v>15</v>
      </c>
      <c r="G98163" s="16">
        <v>0</v>
      </c>
    </row>
    <row r="98164" spans="1:7" x14ac:dyDescent="0.3">
      <c r="A98164" s="13" t="s">
        <v>484</v>
      </c>
      <c r="B98164" s="14" t="s">
        <v>1</v>
      </c>
      <c r="C98164" s="14" t="s">
        <v>96</v>
      </c>
      <c r="D98164" s="14" t="s">
        <v>485</v>
      </c>
      <c r="E98164" s="15">
        <v>45720</v>
      </c>
      <c r="F98164" s="14" t="s">
        <v>15</v>
      </c>
      <c r="G98164" s="16">
        <v>0</v>
      </c>
    </row>
    <row r="98165" spans="1:7" x14ac:dyDescent="0.3">
      <c r="A98165" s="13" t="s">
        <v>484</v>
      </c>
      <c r="B98165" s="14" t="s">
        <v>1</v>
      </c>
      <c r="C98165" s="14" t="s">
        <v>96</v>
      </c>
      <c r="D98165" s="14" t="s">
        <v>485</v>
      </c>
      <c r="E98165" s="15">
        <v>45721</v>
      </c>
      <c r="F98165" s="14" t="s">
        <v>15</v>
      </c>
      <c r="G98165" s="16">
        <v>0</v>
      </c>
    </row>
    <row r="98166" spans="1:7" x14ac:dyDescent="0.3">
      <c r="A98166" s="13" t="s">
        <v>484</v>
      </c>
      <c r="B98166" s="14" t="s">
        <v>1</v>
      </c>
      <c r="C98166" s="14" t="s">
        <v>96</v>
      </c>
      <c r="D98166" s="14" t="s">
        <v>485</v>
      </c>
      <c r="E98166" s="15">
        <v>45722</v>
      </c>
      <c r="F98166" s="14" t="s">
        <v>15</v>
      </c>
      <c r="G98166" s="16">
        <v>0</v>
      </c>
    </row>
    <row r="98167" spans="1:7" x14ac:dyDescent="0.3">
      <c r="A98167" s="13" t="s">
        <v>484</v>
      </c>
      <c r="B98167" s="14" t="s">
        <v>1</v>
      </c>
      <c r="C98167" s="14" t="s">
        <v>96</v>
      </c>
      <c r="D98167" s="14" t="s">
        <v>485</v>
      </c>
      <c r="E98167" s="15">
        <v>45723</v>
      </c>
      <c r="F98167" s="14" t="s">
        <v>15</v>
      </c>
      <c r="G98167" s="16">
        <v>0</v>
      </c>
    </row>
    <row r="98168" spans="1:7" x14ac:dyDescent="0.3">
      <c r="A98168" s="13" t="s">
        <v>484</v>
      </c>
      <c r="B98168" s="14" t="s">
        <v>1</v>
      </c>
      <c r="C98168" s="14" t="s">
        <v>96</v>
      </c>
      <c r="D98168" s="14" t="s">
        <v>485</v>
      </c>
      <c r="E98168" s="15">
        <v>45724</v>
      </c>
      <c r="F98168" s="14" t="s">
        <v>15</v>
      </c>
      <c r="G98168" s="16">
        <v>0</v>
      </c>
    </row>
    <row r="98169" spans="1:7" x14ac:dyDescent="0.3">
      <c r="A98169" s="13" t="s">
        <v>484</v>
      </c>
      <c r="B98169" s="14" t="s">
        <v>1</v>
      </c>
      <c r="C98169" s="14" t="s">
        <v>96</v>
      </c>
      <c r="D98169" s="14" t="s">
        <v>485</v>
      </c>
      <c r="E98169" s="15">
        <v>45725</v>
      </c>
      <c r="F98169" s="14" t="s">
        <v>15</v>
      </c>
      <c r="G98169" s="16">
        <v>0</v>
      </c>
    </row>
    <row r="98170" spans="1:7" x14ac:dyDescent="0.3">
      <c r="A98170" s="13" t="s">
        <v>484</v>
      </c>
      <c r="B98170" s="14" t="s">
        <v>1</v>
      </c>
      <c r="C98170" s="14" t="s">
        <v>96</v>
      </c>
      <c r="D98170" s="14" t="s">
        <v>485</v>
      </c>
      <c r="E98170" s="15">
        <v>45726</v>
      </c>
      <c r="F98170" s="14" t="s">
        <v>15</v>
      </c>
      <c r="G98170" s="16">
        <v>0</v>
      </c>
    </row>
    <row r="98171" spans="1:7" x14ac:dyDescent="0.3">
      <c r="A98171" s="13" t="s">
        <v>484</v>
      </c>
      <c r="B98171" s="14" t="s">
        <v>1</v>
      </c>
      <c r="C98171" s="14" t="s">
        <v>96</v>
      </c>
      <c r="D98171" s="14" t="s">
        <v>485</v>
      </c>
      <c r="E98171" s="15">
        <v>45727</v>
      </c>
      <c r="F98171" s="14" t="s">
        <v>15</v>
      </c>
      <c r="G98171" s="16">
        <v>0</v>
      </c>
    </row>
    <row r="98172" spans="1:7" x14ac:dyDescent="0.3">
      <c r="A98172" s="13" t="s">
        <v>484</v>
      </c>
      <c r="B98172" s="14" t="s">
        <v>1</v>
      </c>
      <c r="C98172" s="14" t="s">
        <v>96</v>
      </c>
      <c r="D98172" s="14" t="s">
        <v>485</v>
      </c>
      <c r="E98172" s="15">
        <v>45728</v>
      </c>
      <c r="F98172" s="14" t="s">
        <v>15</v>
      </c>
      <c r="G98172" s="16">
        <v>0</v>
      </c>
    </row>
    <row r="98173" spans="1:7" x14ac:dyDescent="0.3">
      <c r="A98173" s="13" t="s">
        <v>484</v>
      </c>
      <c r="B98173" s="14" t="s">
        <v>1</v>
      </c>
      <c r="C98173" s="14" t="s">
        <v>96</v>
      </c>
      <c r="D98173" s="14" t="s">
        <v>485</v>
      </c>
      <c r="E98173" s="15">
        <v>45729</v>
      </c>
      <c r="F98173" s="14" t="s">
        <v>15</v>
      </c>
      <c r="G98173" s="16">
        <v>0</v>
      </c>
    </row>
    <row r="98174" spans="1:7" x14ac:dyDescent="0.3">
      <c r="A98174" s="13" t="s">
        <v>484</v>
      </c>
      <c r="B98174" s="14" t="s">
        <v>1</v>
      </c>
      <c r="C98174" s="14" t="s">
        <v>96</v>
      </c>
      <c r="D98174" s="14" t="s">
        <v>485</v>
      </c>
      <c r="E98174" s="15">
        <v>45730</v>
      </c>
      <c r="F98174" s="14" t="s">
        <v>15</v>
      </c>
      <c r="G98174" s="16">
        <v>0</v>
      </c>
    </row>
    <row r="98175" spans="1:7" x14ac:dyDescent="0.3">
      <c r="A98175" s="13" t="s">
        <v>484</v>
      </c>
      <c r="B98175" s="14" t="s">
        <v>1</v>
      </c>
      <c r="C98175" s="14" t="s">
        <v>96</v>
      </c>
      <c r="D98175" s="14" t="s">
        <v>485</v>
      </c>
      <c r="E98175" s="15">
        <v>45731</v>
      </c>
      <c r="F98175" s="14" t="s">
        <v>15</v>
      </c>
      <c r="G98175" s="16">
        <v>0</v>
      </c>
    </row>
    <row r="98176" spans="1:7" x14ac:dyDescent="0.3">
      <c r="A98176" s="13" t="s">
        <v>484</v>
      </c>
      <c r="B98176" s="14" t="s">
        <v>1</v>
      </c>
      <c r="C98176" s="14" t="s">
        <v>96</v>
      </c>
      <c r="D98176" s="14" t="s">
        <v>485</v>
      </c>
      <c r="E98176" s="15">
        <v>45732</v>
      </c>
      <c r="F98176" s="14" t="s">
        <v>15</v>
      </c>
      <c r="G98176" s="16">
        <v>0</v>
      </c>
    </row>
    <row r="98177" spans="1:7" x14ac:dyDescent="0.3">
      <c r="A98177" s="13" t="s">
        <v>484</v>
      </c>
      <c r="B98177" s="14" t="s">
        <v>1</v>
      </c>
      <c r="C98177" s="14" t="s">
        <v>96</v>
      </c>
      <c r="D98177" s="14" t="s">
        <v>485</v>
      </c>
      <c r="E98177" s="15">
        <v>45733</v>
      </c>
      <c r="F98177" s="14" t="s">
        <v>15</v>
      </c>
      <c r="G98177" s="16">
        <v>0</v>
      </c>
    </row>
    <row r="98178" spans="1:7" x14ac:dyDescent="0.3">
      <c r="A98178" s="13" t="s">
        <v>484</v>
      </c>
      <c r="B98178" s="14" t="s">
        <v>1</v>
      </c>
      <c r="C98178" s="14" t="s">
        <v>96</v>
      </c>
      <c r="D98178" s="14" t="s">
        <v>485</v>
      </c>
      <c r="E98178" s="15">
        <v>45734</v>
      </c>
      <c r="F98178" s="14" t="s">
        <v>15</v>
      </c>
      <c r="G98178" s="16">
        <v>0</v>
      </c>
    </row>
    <row r="98179" spans="1:7" x14ac:dyDescent="0.3">
      <c r="A98179" s="13" t="s">
        <v>484</v>
      </c>
      <c r="B98179" s="14" t="s">
        <v>1</v>
      </c>
      <c r="C98179" s="14" t="s">
        <v>96</v>
      </c>
      <c r="D98179" s="14" t="s">
        <v>485</v>
      </c>
      <c r="E98179" s="15">
        <v>45735</v>
      </c>
      <c r="F98179" s="14" t="s">
        <v>15</v>
      </c>
      <c r="G98179" s="16">
        <v>0</v>
      </c>
    </row>
    <row r="98180" spans="1:7" x14ac:dyDescent="0.3">
      <c r="A98180" s="13" t="s">
        <v>484</v>
      </c>
      <c r="B98180" s="14" t="s">
        <v>1</v>
      </c>
      <c r="C98180" s="14" t="s">
        <v>96</v>
      </c>
      <c r="D98180" s="14" t="s">
        <v>485</v>
      </c>
      <c r="E98180" s="15">
        <v>45736</v>
      </c>
      <c r="F98180" s="14" t="s">
        <v>15</v>
      </c>
      <c r="G98180" s="16">
        <v>0</v>
      </c>
    </row>
    <row r="98181" spans="1:7" x14ac:dyDescent="0.3">
      <c r="A98181" s="13" t="s">
        <v>484</v>
      </c>
      <c r="B98181" s="14" t="s">
        <v>1</v>
      </c>
      <c r="C98181" s="14" t="s">
        <v>96</v>
      </c>
      <c r="D98181" s="14" t="s">
        <v>485</v>
      </c>
      <c r="E98181" s="15">
        <v>45737</v>
      </c>
      <c r="F98181" s="14" t="s">
        <v>15</v>
      </c>
      <c r="G98181" s="16">
        <v>0</v>
      </c>
    </row>
    <row r="98182" spans="1:7" x14ac:dyDescent="0.3">
      <c r="A98182" s="13" t="s">
        <v>484</v>
      </c>
      <c r="B98182" s="14" t="s">
        <v>1</v>
      </c>
      <c r="C98182" s="14" t="s">
        <v>96</v>
      </c>
      <c r="D98182" s="14" t="s">
        <v>485</v>
      </c>
      <c r="E98182" s="15">
        <v>45738</v>
      </c>
      <c r="F98182" s="14" t="s">
        <v>15</v>
      </c>
      <c r="G98182" s="16">
        <v>0</v>
      </c>
    </row>
    <row r="98183" spans="1:7" x14ac:dyDescent="0.3">
      <c r="A98183" s="13" t="s">
        <v>484</v>
      </c>
      <c r="B98183" s="14" t="s">
        <v>1</v>
      </c>
      <c r="C98183" s="14" t="s">
        <v>96</v>
      </c>
      <c r="D98183" s="14" t="s">
        <v>485</v>
      </c>
      <c r="E98183" s="15">
        <v>45739</v>
      </c>
      <c r="F98183" s="14" t="s">
        <v>15</v>
      </c>
      <c r="G98183" s="16">
        <v>0</v>
      </c>
    </row>
    <row r="98184" spans="1:7" x14ac:dyDescent="0.3">
      <c r="A98184" s="13" t="s">
        <v>484</v>
      </c>
      <c r="B98184" s="14" t="s">
        <v>1</v>
      </c>
      <c r="C98184" s="14" t="s">
        <v>96</v>
      </c>
      <c r="D98184" s="14" t="s">
        <v>485</v>
      </c>
      <c r="E98184" s="15">
        <v>45740</v>
      </c>
      <c r="F98184" s="14" t="s">
        <v>15</v>
      </c>
      <c r="G98184" s="16">
        <v>0</v>
      </c>
    </row>
    <row r="98185" spans="1:7" x14ac:dyDescent="0.3">
      <c r="A98185" s="13" t="s">
        <v>484</v>
      </c>
      <c r="B98185" s="14" t="s">
        <v>1</v>
      </c>
      <c r="C98185" s="14" t="s">
        <v>96</v>
      </c>
      <c r="D98185" s="14" t="s">
        <v>485</v>
      </c>
      <c r="E98185" s="15">
        <v>45741</v>
      </c>
      <c r="F98185" s="14" t="s">
        <v>15</v>
      </c>
      <c r="G98185" s="16">
        <v>0</v>
      </c>
    </row>
    <row r="98186" spans="1:7" x14ac:dyDescent="0.3">
      <c r="A98186" s="13" t="s">
        <v>484</v>
      </c>
      <c r="B98186" s="14" t="s">
        <v>1</v>
      </c>
      <c r="C98186" s="14" t="s">
        <v>96</v>
      </c>
      <c r="D98186" s="14" t="s">
        <v>485</v>
      </c>
      <c r="E98186" s="15">
        <v>45742</v>
      </c>
      <c r="F98186" s="14" t="s">
        <v>15</v>
      </c>
      <c r="G98186" s="16">
        <v>1.1163256937069134E-2</v>
      </c>
    </row>
    <row r="98187" spans="1:7" x14ac:dyDescent="0.3">
      <c r="A98187" s="13" t="s">
        <v>484</v>
      </c>
      <c r="B98187" s="14" t="s">
        <v>1</v>
      </c>
      <c r="C98187" s="14" t="s">
        <v>96</v>
      </c>
      <c r="D98187" s="14" t="s">
        <v>485</v>
      </c>
      <c r="E98187" s="15">
        <v>45743</v>
      </c>
      <c r="F98187" s="14" t="s">
        <v>15</v>
      </c>
      <c r="G98187" s="16">
        <v>1.9203353830301986E-2</v>
      </c>
    </row>
    <row r="98188" spans="1:7" x14ac:dyDescent="0.3">
      <c r="A98188" s="13" t="s">
        <v>484</v>
      </c>
      <c r="B98188" s="14" t="s">
        <v>1</v>
      </c>
      <c r="C98188" s="14" t="s">
        <v>96</v>
      </c>
      <c r="D98188" s="14" t="s">
        <v>485</v>
      </c>
      <c r="E98188" s="15">
        <v>45744</v>
      </c>
      <c r="F98188" s="14" t="s">
        <v>15</v>
      </c>
      <c r="G98188" s="16">
        <v>8.3294472685645233E-3</v>
      </c>
    </row>
    <row r="98189" spans="1:7" x14ac:dyDescent="0.3">
      <c r="A98189" s="13" t="s">
        <v>484</v>
      </c>
      <c r="B98189" s="14" t="s">
        <v>1</v>
      </c>
      <c r="C98189" s="14" t="s">
        <v>96</v>
      </c>
      <c r="D98189" s="14" t="s">
        <v>485</v>
      </c>
      <c r="E98189" s="15">
        <v>45745</v>
      </c>
      <c r="F98189" s="14" t="s">
        <v>15</v>
      </c>
      <c r="G98189" s="16">
        <v>8.3294472685645233E-3</v>
      </c>
    </row>
    <row r="98190" spans="1:7" x14ac:dyDescent="0.3">
      <c r="A98190" s="13" t="s">
        <v>484</v>
      </c>
      <c r="B98190" s="14" t="s">
        <v>1</v>
      </c>
      <c r="C98190" s="14" t="s">
        <v>96</v>
      </c>
      <c r="D98190" s="14" t="s">
        <v>485</v>
      </c>
      <c r="E98190" s="15">
        <v>45746</v>
      </c>
      <c r="F98190" s="14" t="s">
        <v>15</v>
      </c>
      <c r="G98190" s="16">
        <v>8.3294472685645233E-3</v>
      </c>
    </row>
    <row r="98191" spans="1:7" x14ac:dyDescent="0.3">
      <c r="A98191" s="13" t="s">
        <v>484</v>
      </c>
      <c r="B98191" s="14" t="s">
        <v>1</v>
      </c>
      <c r="C98191" s="14" t="s">
        <v>96</v>
      </c>
      <c r="D98191" s="14" t="s">
        <v>485</v>
      </c>
      <c r="E98191" s="15">
        <v>45747</v>
      </c>
      <c r="F98191" s="14" t="s">
        <v>15</v>
      </c>
      <c r="G98191" s="16">
        <v>8.3294472685645233E-3</v>
      </c>
    </row>
    <row r="98192" spans="1:7" x14ac:dyDescent="0.3">
      <c r="A98192" s="13" t="s">
        <v>486</v>
      </c>
      <c r="B98192" s="14" t="s">
        <v>1</v>
      </c>
      <c r="C98192" s="14" t="s">
        <v>96</v>
      </c>
      <c r="D98192" s="14" t="s">
        <v>487</v>
      </c>
      <c r="E98192" s="15">
        <v>45383</v>
      </c>
      <c r="F98192" s="14" t="s">
        <v>15</v>
      </c>
      <c r="G98192" s="16">
        <v>0</v>
      </c>
    </row>
    <row r="98193" spans="1:7" x14ac:dyDescent="0.3">
      <c r="A98193" s="13" t="s">
        <v>486</v>
      </c>
      <c r="B98193" s="14" t="s">
        <v>1</v>
      </c>
      <c r="C98193" s="14" t="s">
        <v>96</v>
      </c>
      <c r="D98193" s="14" t="s">
        <v>487</v>
      </c>
      <c r="E98193" s="15">
        <v>45384</v>
      </c>
      <c r="F98193" s="14" t="s">
        <v>15</v>
      </c>
      <c r="G98193" s="16">
        <v>0</v>
      </c>
    </row>
    <row r="98194" spans="1:7" x14ac:dyDescent="0.3">
      <c r="A98194" s="13" t="s">
        <v>486</v>
      </c>
      <c r="B98194" s="14" t="s">
        <v>1</v>
      </c>
      <c r="C98194" s="14" t="s">
        <v>96</v>
      </c>
      <c r="D98194" s="14" t="s">
        <v>487</v>
      </c>
      <c r="E98194" s="15">
        <v>45385</v>
      </c>
      <c r="F98194" s="14" t="s">
        <v>15</v>
      </c>
      <c r="G98194" s="16">
        <v>0</v>
      </c>
    </row>
    <row r="98195" spans="1:7" x14ac:dyDescent="0.3">
      <c r="A98195" s="13" t="s">
        <v>486</v>
      </c>
      <c r="B98195" s="14" t="s">
        <v>1</v>
      </c>
      <c r="C98195" s="14" t="s">
        <v>96</v>
      </c>
      <c r="D98195" s="14" t="s">
        <v>487</v>
      </c>
      <c r="E98195" s="15">
        <v>45386</v>
      </c>
      <c r="F98195" s="14" t="s">
        <v>15</v>
      </c>
      <c r="G98195" s="16">
        <v>0</v>
      </c>
    </row>
    <row r="98196" spans="1:7" x14ac:dyDescent="0.3">
      <c r="A98196" s="13" t="s">
        <v>486</v>
      </c>
      <c r="B98196" s="14" t="s">
        <v>1</v>
      </c>
      <c r="C98196" s="14" t="s">
        <v>96</v>
      </c>
      <c r="D98196" s="14" t="s">
        <v>487</v>
      </c>
      <c r="E98196" s="15">
        <v>45387</v>
      </c>
      <c r="F98196" s="14" t="s">
        <v>15</v>
      </c>
      <c r="G98196" s="16">
        <v>0</v>
      </c>
    </row>
    <row r="98197" spans="1:7" x14ac:dyDescent="0.3">
      <c r="A98197" s="13" t="s">
        <v>486</v>
      </c>
      <c r="B98197" s="14" t="s">
        <v>1</v>
      </c>
      <c r="C98197" s="14" t="s">
        <v>96</v>
      </c>
      <c r="D98197" s="14" t="s">
        <v>487</v>
      </c>
      <c r="E98197" s="15">
        <v>45388</v>
      </c>
      <c r="F98197" s="14" t="s">
        <v>15</v>
      </c>
      <c r="G98197" s="16">
        <v>0</v>
      </c>
    </row>
    <row r="98198" spans="1:7" x14ac:dyDescent="0.3">
      <c r="A98198" s="13" t="s">
        <v>486</v>
      </c>
      <c r="B98198" s="14" t="s">
        <v>1</v>
      </c>
      <c r="C98198" s="14" t="s">
        <v>96</v>
      </c>
      <c r="D98198" s="14" t="s">
        <v>487</v>
      </c>
      <c r="E98198" s="15">
        <v>45389</v>
      </c>
      <c r="F98198" s="14" t="s">
        <v>15</v>
      </c>
      <c r="G98198" s="16">
        <v>0</v>
      </c>
    </row>
    <row r="98199" spans="1:7" x14ac:dyDescent="0.3">
      <c r="A98199" s="13" t="s">
        <v>486</v>
      </c>
      <c r="B98199" s="14" t="s">
        <v>1</v>
      </c>
      <c r="C98199" s="14" t="s">
        <v>96</v>
      </c>
      <c r="D98199" s="14" t="s">
        <v>487</v>
      </c>
      <c r="E98199" s="15">
        <v>45390</v>
      </c>
      <c r="F98199" s="14" t="s">
        <v>15</v>
      </c>
      <c r="G98199" s="16">
        <v>0</v>
      </c>
    </row>
    <row r="98200" spans="1:7" x14ac:dyDescent="0.3">
      <c r="A98200" s="13" t="s">
        <v>486</v>
      </c>
      <c r="B98200" s="14" t="s">
        <v>1</v>
      </c>
      <c r="C98200" s="14" t="s">
        <v>96</v>
      </c>
      <c r="D98200" s="14" t="s">
        <v>487</v>
      </c>
      <c r="E98200" s="15">
        <v>45391</v>
      </c>
      <c r="F98200" s="14" t="s">
        <v>15</v>
      </c>
      <c r="G98200" s="16">
        <v>0</v>
      </c>
    </row>
    <row r="98201" spans="1:7" x14ac:dyDescent="0.3">
      <c r="A98201" s="13" t="s">
        <v>486</v>
      </c>
      <c r="B98201" s="14" t="s">
        <v>1</v>
      </c>
      <c r="C98201" s="14" t="s">
        <v>96</v>
      </c>
      <c r="D98201" s="14" t="s">
        <v>487</v>
      </c>
      <c r="E98201" s="15">
        <v>45392</v>
      </c>
      <c r="F98201" s="14" t="s">
        <v>15</v>
      </c>
      <c r="G98201" s="16">
        <v>0</v>
      </c>
    </row>
    <row r="98202" spans="1:7" x14ac:dyDescent="0.3">
      <c r="A98202" s="13" t="s">
        <v>486</v>
      </c>
      <c r="B98202" s="14" t="s">
        <v>1</v>
      </c>
      <c r="C98202" s="14" t="s">
        <v>96</v>
      </c>
      <c r="D98202" s="14" t="s">
        <v>487</v>
      </c>
      <c r="E98202" s="15">
        <v>45393</v>
      </c>
      <c r="F98202" s="14" t="s">
        <v>15</v>
      </c>
      <c r="G98202" s="16">
        <v>0</v>
      </c>
    </row>
    <row r="98203" spans="1:7" x14ac:dyDescent="0.3">
      <c r="A98203" s="13" t="s">
        <v>486</v>
      </c>
      <c r="B98203" s="14" t="s">
        <v>1</v>
      </c>
      <c r="C98203" s="14" t="s">
        <v>96</v>
      </c>
      <c r="D98203" s="14" t="s">
        <v>487</v>
      </c>
      <c r="E98203" s="15">
        <v>45394</v>
      </c>
      <c r="F98203" s="14" t="s">
        <v>15</v>
      </c>
      <c r="G98203" s="16">
        <v>0</v>
      </c>
    </row>
    <row r="98204" spans="1:7" x14ac:dyDescent="0.3">
      <c r="A98204" s="13" t="s">
        <v>486</v>
      </c>
      <c r="B98204" s="14" t="s">
        <v>1</v>
      </c>
      <c r="C98204" s="14" t="s">
        <v>96</v>
      </c>
      <c r="D98204" s="14" t="s">
        <v>487</v>
      </c>
      <c r="E98204" s="15">
        <v>45395</v>
      </c>
      <c r="F98204" s="14" t="s">
        <v>15</v>
      </c>
      <c r="G98204" s="16">
        <v>0</v>
      </c>
    </row>
    <row r="98205" spans="1:7" x14ac:dyDescent="0.3">
      <c r="A98205" s="13" t="s">
        <v>486</v>
      </c>
      <c r="B98205" s="14" t="s">
        <v>1</v>
      </c>
      <c r="C98205" s="14" t="s">
        <v>96</v>
      </c>
      <c r="D98205" s="14" t="s">
        <v>487</v>
      </c>
      <c r="E98205" s="15">
        <v>45396</v>
      </c>
      <c r="F98205" s="14" t="s">
        <v>15</v>
      </c>
      <c r="G98205" s="16">
        <v>0</v>
      </c>
    </row>
    <row r="98206" spans="1:7" x14ac:dyDescent="0.3">
      <c r="A98206" s="13" t="s">
        <v>486</v>
      </c>
      <c r="B98206" s="14" t="s">
        <v>1</v>
      </c>
      <c r="C98206" s="14" t="s">
        <v>96</v>
      </c>
      <c r="D98206" s="14" t="s">
        <v>487</v>
      </c>
      <c r="E98206" s="15">
        <v>45397</v>
      </c>
      <c r="F98206" s="14" t="s">
        <v>15</v>
      </c>
      <c r="G98206" s="16">
        <v>0</v>
      </c>
    </row>
    <row r="98207" spans="1:7" x14ac:dyDescent="0.3">
      <c r="A98207" s="13" t="s">
        <v>486</v>
      </c>
      <c r="B98207" s="14" t="s">
        <v>1</v>
      </c>
      <c r="C98207" s="14" t="s">
        <v>96</v>
      </c>
      <c r="D98207" s="14" t="s">
        <v>487</v>
      </c>
      <c r="E98207" s="15">
        <v>45398</v>
      </c>
      <c r="F98207" s="14" t="s">
        <v>15</v>
      </c>
      <c r="G98207" s="16">
        <v>0</v>
      </c>
    </row>
    <row r="98208" spans="1:7" x14ac:dyDescent="0.3">
      <c r="A98208" s="13" t="s">
        <v>486</v>
      </c>
      <c r="B98208" s="14" t="s">
        <v>1</v>
      </c>
      <c r="C98208" s="14" t="s">
        <v>96</v>
      </c>
      <c r="D98208" s="14" t="s">
        <v>487</v>
      </c>
      <c r="E98208" s="15">
        <v>45399</v>
      </c>
      <c r="F98208" s="14" t="s">
        <v>15</v>
      </c>
      <c r="G98208" s="16">
        <v>0</v>
      </c>
    </row>
    <row r="98209" spans="1:7" x14ac:dyDescent="0.3">
      <c r="A98209" s="13" t="s">
        <v>486</v>
      </c>
      <c r="B98209" s="14" t="s">
        <v>1</v>
      </c>
      <c r="C98209" s="14" t="s">
        <v>96</v>
      </c>
      <c r="D98209" s="14" t="s">
        <v>487</v>
      </c>
      <c r="E98209" s="15">
        <v>45400</v>
      </c>
      <c r="F98209" s="14" t="s">
        <v>15</v>
      </c>
      <c r="G98209" s="16">
        <v>0</v>
      </c>
    </row>
    <row r="98210" spans="1:7" x14ac:dyDescent="0.3">
      <c r="A98210" s="13" t="s">
        <v>486</v>
      </c>
      <c r="B98210" s="14" t="s">
        <v>1</v>
      </c>
      <c r="C98210" s="14" t="s">
        <v>96</v>
      </c>
      <c r="D98210" s="14" t="s">
        <v>487</v>
      </c>
      <c r="E98210" s="15">
        <v>45401</v>
      </c>
      <c r="F98210" s="14" t="s">
        <v>15</v>
      </c>
      <c r="G98210" s="16">
        <v>0</v>
      </c>
    </row>
    <row r="98211" spans="1:7" x14ac:dyDescent="0.3">
      <c r="A98211" s="13" t="s">
        <v>486</v>
      </c>
      <c r="B98211" s="14" t="s">
        <v>1</v>
      </c>
      <c r="C98211" s="14" t="s">
        <v>96</v>
      </c>
      <c r="D98211" s="14" t="s">
        <v>487</v>
      </c>
      <c r="E98211" s="15">
        <v>45402</v>
      </c>
      <c r="F98211" s="14" t="s">
        <v>15</v>
      </c>
      <c r="G98211" s="16">
        <v>0</v>
      </c>
    </row>
    <row r="98212" spans="1:7" x14ac:dyDescent="0.3">
      <c r="A98212" s="13" t="s">
        <v>486</v>
      </c>
      <c r="B98212" s="14" t="s">
        <v>1</v>
      </c>
      <c r="C98212" s="14" t="s">
        <v>96</v>
      </c>
      <c r="D98212" s="14" t="s">
        <v>487</v>
      </c>
      <c r="E98212" s="15">
        <v>45403</v>
      </c>
      <c r="F98212" s="14" t="s">
        <v>15</v>
      </c>
      <c r="G98212" s="16">
        <v>0</v>
      </c>
    </row>
    <row r="98213" spans="1:7" x14ac:dyDescent="0.3">
      <c r="A98213" s="13" t="s">
        <v>486</v>
      </c>
      <c r="B98213" s="14" t="s">
        <v>1</v>
      </c>
      <c r="C98213" s="14" t="s">
        <v>96</v>
      </c>
      <c r="D98213" s="14" t="s">
        <v>487</v>
      </c>
      <c r="E98213" s="15">
        <v>45404</v>
      </c>
      <c r="F98213" s="14" t="s">
        <v>15</v>
      </c>
      <c r="G98213" s="16">
        <v>0</v>
      </c>
    </row>
    <row r="98214" spans="1:7" x14ac:dyDescent="0.3">
      <c r="A98214" s="13" t="s">
        <v>486</v>
      </c>
      <c r="B98214" s="14" t="s">
        <v>1</v>
      </c>
      <c r="C98214" s="14" t="s">
        <v>96</v>
      </c>
      <c r="D98214" s="14" t="s">
        <v>487</v>
      </c>
      <c r="E98214" s="15">
        <v>45405</v>
      </c>
      <c r="F98214" s="14" t="s">
        <v>15</v>
      </c>
      <c r="G98214" s="16">
        <v>0</v>
      </c>
    </row>
    <row r="98215" spans="1:7" x14ac:dyDescent="0.3">
      <c r="A98215" s="13" t="s">
        <v>486</v>
      </c>
      <c r="B98215" s="14" t="s">
        <v>1</v>
      </c>
      <c r="C98215" s="14" t="s">
        <v>96</v>
      </c>
      <c r="D98215" s="14" t="s">
        <v>487</v>
      </c>
      <c r="E98215" s="15">
        <v>45406</v>
      </c>
      <c r="F98215" s="14" t="s">
        <v>15</v>
      </c>
      <c r="G98215" s="16">
        <v>0</v>
      </c>
    </row>
    <row r="98216" spans="1:7" x14ac:dyDescent="0.3">
      <c r="A98216" s="13" t="s">
        <v>486</v>
      </c>
      <c r="B98216" s="14" t="s">
        <v>1</v>
      </c>
      <c r="C98216" s="14" t="s">
        <v>96</v>
      </c>
      <c r="D98216" s="14" t="s">
        <v>487</v>
      </c>
      <c r="E98216" s="15">
        <v>45407</v>
      </c>
      <c r="F98216" s="14" t="s">
        <v>15</v>
      </c>
      <c r="G98216" s="16">
        <v>0</v>
      </c>
    </row>
    <row r="98217" spans="1:7" x14ac:dyDescent="0.3">
      <c r="A98217" s="13" t="s">
        <v>486</v>
      </c>
      <c r="B98217" s="14" t="s">
        <v>1</v>
      </c>
      <c r="C98217" s="14" t="s">
        <v>96</v>
      </c>
      <c r="D98217" s="14" t="s">
        <v>487</v>
      </c>
      <c r="E98217" s="15">
        <v>45408</v>
      </c>
      <c r="F98217" s="14" t="s">
        <v>15</v>
      </c>
      <c r="G98217" s="16">
        <v>0</v>
      </c>
    </row>
    <row r="98218" spans="1:7" x14ac:dyDescent="0.3">
      <c r="A98218" s="13" t="s">
        <v>486</v>
      </c>
      <c r="B98218" s="14" t="s">
        <v>1</v>
      </c>
      <c r="C98218" s="14" t="s">
        <v>96</v>
      </c>
      <c r="D98218" s="14" t="s">
        <v>487</v>
      </c>
      <c r="E98218" s="15">
        <v>45409</v>
      </c>
      <c r="F98218" s="14" t="s">
        <v>15</v>
      </c>
      <c r="G98218" s="16">
        <v>0</v>
      </c>
    </row>
    <row r="98219" spans="1:7" x14ac:dyDescent="0.3">
      <c r="A98219" s="13" t="s">
        <v>486</v>
      </c>
      <c r="B98219" s="14" t="s">
        <v>1</v>
      </c>
      <c r="C98219" s="14" t="s">
        <v>96</v>
      </c>
      <c r="D98219" s="14" t="s">
        <v>487</v>
      </c>
      <c r="E98219" s="15">
        <v>45410</v>
      </c>
      <c r="F98219" s="14" t="s">
        <v>15</v>
      </c>
      <c r="G98219" s="16">
        <v>0</v>
      </c>
    </row>
    <row r="98220" spans="1:7" x14ac:dyDescent="0.3">
      <c r="A98220" s="13" t="s">
        <v>486</v>
      </c>
      <c r="B98220" s="14" t="s">
        <v>1</v>
      </c>
      <c r="C98220" s="14" t="s">
        <v>96</v>
      </c>
      <c r="D98220" s="14" t="s">
        <v>487</v>
      </c>
      <c r="E98220" s="15">
        <v>45411</v>
      </c>
      <c r="F98220" s="14" t="s">
        <v>15</v>
      </c>
      <c r="G98220" s="16">
        <v>0</v>
      </c>
    </row>
    <row r="98221" spans="1:7" x14ac:dyDescent="0.3">
      <c r="A98221" s="13" t="s">
        <v>486</v>
      </c>
      <c r="B98221" s="14" t="s">
        <v>1</v>
      </c>
      <c r="C98221" s="14" t="s">
        <v>96</v>
      </c>
      <c r="D98221" s="14" t="s">
        <v>487</v>
      </c>
      <c r="E98221" s="15">
        <v>45412</v>
      </c>
      <c r="F98221" s="14" t="s">
        <v>15</v>
      </c>
      <c r="G98221" s="16">
        <v>0</v>
      </c>
    </row>
    <row r="98222" spans="1:7" x14ac:dyDescent="0.3">
      <c r="A98222" s="13" t="s">
        <v>486</v>
      </c>
      <c r="B98222" s="14" t="s">
        <v>1</v>
      </c>
      <c r="C98222" s="14" t="s">
        <v>96</v>
      </c>
      <c r="D98222" s="14" t="s">
        <v>487</v>
      </c>
      <c r="E98222" s="15">
        <v>45413</v>
      </c>
      <c r="F98222" s="14" t="s">
        <v>15</v>
      </c>
      <c r="G98222" s="16">
        <v>0</v>
      </c>
    </row>
    <row r="98223" spans="1:7" x14ac:dyDescent="0.3">
      <c r="A98223" s="13" t="s">
        <v>486</v>
      </c>
      <c r="B98223" s="14" t="s">
        <v>1</v>
      </c>
      <c r="C98223" s="14" t="s">
        <v>96</v>
      </c>
      <c r="D98223" s="14" t="s">
        <v>487</v>
      </c>
      <c r="E98223" s="15">
        <v>45414</v>
      </c>
      <c r="F98223" s="14" t="s">
        <v>15</v>
      </c>
      <c r="G98223" s="16">
        <v>0</v>
      </c>
    </row>
    <row r="98224" spans="1:7" x14ac:dyDescent="0.3">
      <c r="A98224" s="13" t="s">
        <v>486</v>
      </c>
      <c r="B98224" s="14" t="s">
        <v>1</v>
      </c>
      <c r="C98224" s="14" t="s">
        <v>96</v>
      </c>
      <c r="D98224" s="14" t="s">
        <v>487</v>
      </c>
      <c r="E98224" s="15">
        <v>45415</v>
      </c>
      <c r="F98224" s="14" t="s">
        <v>15</v>
      </c>
      <c r="G98224" s="16">
        <v>0</v>
      </c>
    </row>
    <row r="98225" spans="1:7" x14ac:dyDescent="0.3">
      <c r="A98225" s="13" t="s">
        <v>486</v>
      </c>
      <c r="B98225" s="14" t="s">
        <v>1</v>
      </c>
      <c r="C98225" s="14" t="s">
        <v>96</v>
      </c>
      <c r="D98225" s="14" t="s">
        <v>487</v>
      </c>
      <c r="E98225" s="15">
        <v>45416</v>
      </c>
      <c r="F98225" s="14" t="s">
        <v>15</v>
      </c>
      <c r="G98225" s="16">
        <v>0</v>
      </c>
    </row>
    <row r="98226" spans="1:7" x14ac:dyDescent="0.3">
      <c r="A98226" s="13" t="s">
        <v>486</v>
      </c>
      <c r="B98226" s="14" t="s">
        <v>1</v>
      </c>
      <c r="C98226" s="14" t="s">
        <v>96</v>
      </c>
      <c r="D98226" s="14" t="s">
        <v>487</v>
      </c>
      <c r="E98226" s="15">
        <v>45417</v>
      </c>
      <c r="F98226" s="14" t="s">
        <v>15</v>
      </c>
      <c r="G98226" s="16">
        <v>0</v>
      </c>
    </row>
    <row r="98227" spans="1:7" x14ac:dyDescent="0.3">
      <c r="A98227" s="13" t="s">
        <v>486</v>
      </c>
      <c r="B98227" s="14" t="s">
        <v>1</v>
      </c>
      <c r="C98227" s="14" t="s">
        <v>96</v>
      </c>
      <c r="D98227" s="14" t="s">
        <v>487</v>
      </c>
      <c r="E98227" s="15">
        <v>45418</v>
      </c>
      <c r="F98227" s="14" t="s">
        <v>15</v>
      </c>
      <c r="G98227" s="16">
        <v>0</v>
      </c>
    </row>
    <row r="98228" spans="1:7" x14ac:dyDescent="0.3">
      <c r="A98228" s="13" t="s">
        <v>486</v>
      </c>
      <c r="B98228" s="14" t="s">
        <v>1</v>
      </c>
      <c r="C98228" s="14" t="s">
        <v>96</v>
      </c>
      <c r="D98228" s="14" t="s">
        <v>487</v>
      </c>
      <c r="E98228" s="15">
        <v>45419</v>
      </c>
      <c r="F98228" s="14" t="s">
        <v>15</v>
      </c>
      <c r="G98228" s="16">
        <v>0</v>
      </c>
    </row>
    <row r="98229" spans="1:7" x14ac:dyDescent="0.3">
      <c r="A98229" s="13" t="s">
        <v>486</v>
      </c>
      <c r="B98229" s="14" t="s">
        <v>1</v>
      </c>
      <c r="C98229" s="14" t="s">
        <v>96</v>
      </c>
      <c r="D98229" s="14" t="s">
        <v>487</v>
      </c>
      <c r="E98229" s="15">
        <v>45420</v>
      </c>
      <c r="F98229" s="14" t="s">
        <v>15</v>
      </c>
      <c r="G98229" s="16">
        <v>0</v>
      </c>
    </row>
    <row r="98230" spans="1:7" x14ac:dyDescent="0.3">
      <c r="A98230" s="13" t="s">
        <v>486</v>
      </c>
      <c r="B98230" s="14" t="s">
        <v>1</v>
      </c>
      <c r="C98230" s="14" t="s">
        <v>96</v>
      </c>
      <c r="D98230" s="14" t="s">
        <v>487</v>
      </c>
      <c r="E98230" s="15">
        <v>45421</v>
      </c>
      <c r="F98230" s="14" t="s">
        <v>15</v>
      </c>
      <c r="G98230" s="16">
        <v>0</v>
      </c>
    </row>
    <row r="98231" spans="1:7" x14ac:dyDescent="0.3">
      <c r="A98231" s="13" t="s">
        <v>486</v>
      </c>
      <c r="B98231" s="14" t="s">
        <v>1</v>
      </c>
      <c r="C98231" s="14" t="s">
        <v>96</v>
      </c>
      <c r="D98231" s="14" t="s">
        <v>487</v>
      </c>
      <c r="E98231" s="15">
        <v>45422</v>
      </c>
      <c r="F98231" s="14" t="s">
        <v>15</v>
      </c>
      <c r="G98231" s="16">
        <v>0</v>
      </c>
    </row>
    <row r="98232" spans="1:7" x14ac:dyDescent="0.3">
      <c r="A98232" s="13" t="s">
        <v>486</v>
      </c>
      <c r="B98232" s="14" t="s">
        <v>1</v>
      </c>
      <c r="C98232" s="14" t="s">
        <v>96</v>
      </c>
      <c r="D98232" s="14" t="s">
        <v>487</v>
      </c>
      <c r="E98232" s="15">
        <v>45423</v>
      </c>
      <c r="F98232" s="14" t="s">
        <v>15</v>
      </c>
      <c r="G98232" s="16">
        <v>0</v>
      </c>
    </row>
    <row r="98233" spans="1:7" x14ac:dyDescent="0.3">
      <c r="A98233" s="13" t="s">
        <v>486</v>
      </c>
      <c r="B98233" s="14" t="s">
        <v>1</v>
      </c>
      <c r="C98233" s="14" t="s">
        <v>96</v>
      </c>
      <c r="D98233" s="14" t="s">
        <v>487</v>
      </c>
      <c r="E98233" s="15">
        <v>45424</v>
      </c>
      <c r="F98233" s="14" t="s">
        <v>15</v>
      </c>
      <c r="G98233" s="16">
        <v>0</v>
      </c>
    </row>
    <row r="98234" spans="1:7" x14ac:dyDescent="0.3">
      <c r="A98234" s="13" t="s">
        <v>486</v>
      </c>
      <c r="B98234" s="14" t="s">
        <v>1</v>
      </c>
      <c r="C98234" s="14" t="s">
        <v>96</v>
      </c>
      <c r="D98234" s="14" t="s">
        <v>487</v>
      </c>
      <c r="E98234" s="15">
        <v>45425</v>
      </c>
      <c r="F98234" s="14" t="s">
        <v>15</v>
      </c>
      <c r="G98234" s="16">
        <v>0</v>
      </c>
    </row>
    <row r="98235" spans="1:7" x14ac:dyDescent="0.3">
      <c r="A98235" s="13" t="s">
        <v>486</v>
      </c>
      <c r="B98235" s="14" t="s">
        <v>1</v>
      </c>
      <c r="C98235" s="14" t="s">
        <v>96</v>
      </c>
      <c r="D98235" s="14" t="s">
        <v>487</v>
      </c>
      <c r="E98235" s="15">
        <v>45426</v>
      </c>
      <c r="F98235" s="14" t="s">
        <v>15</v>
      </c>
      <c r="G98235" s="16">
        <v>0</v>
      </c>
    </row>
    <row r="98236" spans="1:7" x14ac:dyDescent="0.3">
      <c r="A98236" s="13" t="s">
        <v>486</v>
      </c>
      <c r="B98236" s="14" t="s">
        <v>1</v>
      </c>
      <c r="C98236" s="14" t="s">
        <v>96</v>
      </c>
      <c r="D98236" s="14" t="s">
        <v>487</v>
      </c>
      <c r="E98236" s="15">
        <v>45427</v>
      </c>
      <c r="F98236" s="14" t="s">
        <v>15</v>
      </c>
      <c r="G98236" s="16">
        <v>0</v>
      </c>
    </row>
    <row r="98237" spans="1:7" x14ac:dyDescent="0.3">
      <c r="A98237" s="13" t="s">
        <v>486</v>
      </c>
      <c r="B98237" s="14" t="s">
        <v>1</v>
      </c>
      <c r="C98237" s="14" t="s">
        <v>96</v>
      </c>
      <c r="D98237" s="14" t="s">
        <v>487</v>
      </c>
      <c r="E98237" s="15">
        <v>45428</v>
      </c>
      <c r="F98237" s="14" t="s">
        <v>15</v>
      </c>
      <c r="G98237" s="16">
        <v>0</v>
      </c>
    </row>
    <row r="98238" spans="1:7" x14ac:dyDescent="0.3">
      <c r="A98238" s="13" t="s">
        <v>486</v>
      </c>
      <c r="B98238" s="14" t="s">
        <v>1</v>
      </c>
      <c r="C98238" s="14" t="s">
        <v>96</v>
      </c>
      <c r="D98238" s="14" t="s">
        <v>487</v>
      </c>
      <c r="E98238" s="15">
        <v>45429</v>
      </c>
      <c r="F98238" s="14" t="s">
        <v>15</v>
      </c>
      <c r="G98238" s="16">
        <v>0</v>
      </c>
    </row>
    <row r="98239" spans="1:7" x14ac:dyDescent="0.3">
      <c r="A98239" s="13" t="s">
        <v>486</v>
      </c>
      <c r="B98239" s="14" t="s">
        <v>1</v>
      </c>
      <c r="C98239" s="14" t="s">
        <v>96</v>
      </c>
      <c r="D98239" s="14" t="s">
        <v>487</v>
      </c>
      <c r="E98239" s="15">
        <v>45430</v>
      </c>
      <c r="F98239" s="14" t="s">
        <v>15</v>
      </c>
      <c r="G98239" s="16">
        <v>0</v>
      </c>
    </row>
    <row r="98240" spans="1:7" x14ac:dyDescent="0.3">
      <c r="A98240" s="13" t="s">
        <v>486</v>
      </c>
      <c r="B98240" s="14" t="s">
        <v>1</v>
      </c>
      <c r="C98240" s="14" t="s">
        <v>96</v>
      </c>
      <c r="D98240" s="14" t="s">
        <v>487</v>
      </c>
      <c r="E98240" s="15">
        <v>45431</v>
      </c>
      <c r="F98240" s="14" t="s">
        <v>15</v>
      </c>
      <c r="G98240" s="16">
        <v>0</v>
      </c>
    </row>
    <row r="98241" spans="1:7" x14ac:dyDescent="0.3">
      <c r="A98241" s="13" t="s">
        <v>486</v>
      </c>
      <c r="B98241" s="14" t="s">
        <v>1</v>
      </c>
      <c r="C98241" s="14" t="s">
        <v>96</v>
      </c>
      <c r="D98241" s="14" t="s">
        <v>487</v>
      </c>
      <c r="E98241" s="15">
        <v>45432</v>
      </c>
      <c r="F98241" s="14" t="s">
        <v>15</v>
      </c>
      <c r="G98241" s="16">
        <v>0</v>
      </c>
    </row>
    <row r="98242" spans="1:7" x14ac:dyDescent="0.3">
      <c r="A98242" s="13" t="s">
        <v>486</v>
      </c>
      <c r="B98242" s="14" t="s">
        <v>1</v>
      </c>
      <c r="C98242" s="14" t="s">
        <v>96</v>
      </c>
      <c r="D98242" s="14" t="s">
        <v>487</v>
      </c>
      <c r="E98242" s="15">
        <v>45433</v>
      </c>
      <c r="F98242" s="14" t="s">
        <v>15</v>
      </c>
      <c r="G98242" s="16">
        <v>0</v>
      </c>
    </row>
    <row r="98243" spans="1:7" x14ac:dyDescent="0.3">
      <c r="A98243" s="13" t="s">
        <v>486</v>
      </c>
      <c r="B98243" s="14" t="s">
        <v>1</v>
      </c>
      <c r="C98243" s="14" t="s">
        <v>96</v>
      </c>
      <c r="D98243" s="14" t="s">
        <v>487</v>
      </c>
      <c r="E98243" s="15">
        <v>45434</v>
      </c>
      <c r="F98243" s="14" t="s">
        <v>15</v>
      </c>
      <c r="G98243" s="16">
        <v>0</v>
      </c>
    </row>
    <row r="98244" spans="1:7" x14ac:dyDescent="0.3">
      <c r="A98244" s="13" t="s">
        <v>486</v>
      </c>
      <c r="B98244" s="14" t="s">
        <v>1</v>
      </c>
      <c r="C98244" s="14" t="s">
        <v>96</v>
      </c>
      <c r="D98244" s="14" t="s">
        <v>487</v>
      </c>
      <c r="E98244" s="15">
        <v>45435</v>
      </c>
      <c r="F98244" s="14" t="s">
        <v>15</v>
      </c>
      <c r="G98244" s="16">
        <v>0</v>
      </c>
    </row>
    <row r="98245" spans="1:7" x14ac:dyDescent="0.3">
      <c r="A98245" s="13" t="s">
        <v>486</v>
      </c>
      <c r="B98245" s="14" t="s">
        <v>1</v>
      </c>
      <c r="C98245" s="14" t="s">
        <v>96</v>
      </c>
      <c r="D98245" s="14" t="s">
        <v>487</v>
      </c>
      <c r="E98245" s="15">
        <v>45436</v>
      </c>
      <c r="F98245" s="14" t="s">
        <v>15</v>
      </c>
      <c r="G98245" s="16">
        <v>0</v>
      </c>
    </row>
    <row r="98246" spans="1:7" x14ac:dyDescent="0.3">
      <c r="A98246" s="13" t="s">
        <v>486</v>
      </c>
      <c r="B98246" s="14" t="s">
        <v>1</v>
      </c>
      <c r="C98246" s="14" t="s">
        <v>96</v>
      </c>
      <c r="D98246" s="14" t="s">
        <v>487</v>
      </c>
      <c r="E98246" s="15">
        <v>45437</v>
      </c>
      <c r="F98246" s="14" t="s">
        <v>15</v>
      </c>
      <c r="G98246" s="16">
        <v>0</v>
      </c>
    </row>
    <row r="98247" spans="1:7" x14ac:dyDescent="0.3">
      <c r="A98247" s="13" t="s">
        <v>486</v>
      </c>
      <c r="B98247" s="14" t="s">
        <v>1</v>
      </c>
      <c r="C98247" s="14" t="s">
        <v>96</v>
      </c>
      <c r="D98247" s="14" t="s">
        <v>487</v>
      </c>
      <c r="E98247" s="15">
        <v>45438</v>
      </c>
      <c r="F98247" s="14" t="s">
        <v>15</v>
      </c>
      <c r="G98247" s="16">
        <v>0</v>
      </c>
    </row>
    <row r="98248" spans="1:7" x14ac:dyDescent="0.3">
      <c r="A98248" s="13" t="s">
        <v>486</v>
      </c>
      <c r="B98248" s="14" t="s">
        <v>1</v>
      </c>
      <c r="C98248" s="14" t="s">
        <v>96</v>
      </c>
      <c r="D98248" s="14" t="s">
        <v>487</v>
      </c>
      <c r="E98248" s="15">
        <v>45439</v>
      </c>
      <c r="F98248" s="14" t="s">
        <v>15</v>
      </c>
      <c r="G98248" s="16">
        <v>0</v>
      </c>
    </row>
    <row r="98249" spans="1:7" x14ac:dyDescent="0.3">
      <c r="A98249" s="13" t="s">
        <v>486</v>
      </c>
      <c r="B98249" s="14" t="s">
        <v>1</v>
      </c>
      <c r="C98249" s="14" t="s">
        <v>96</v>
      </c>
      <c r="D98249" s="14" t="s">
        <v>487</v>
      </c>
      <c r="E98249" s="15">
        <v>45440</v>
      </c>
      <c r="F98249" s="14" t="s">
        <v>15</v>
      </c>
      <c r="G98249" s="16">
        <v>0</v>
      </c>
    </row>
    <row r="98250" spans="1:7" x14ac:dyDescent="0.3">
      <c r="A98250" s="13" t="s">
        <v>486</v>
      </c>
      <c r="B98250" s="14" t="s">
        <v>1</v>
      </c>
      <c r="C98250" s="14" t="s">
        <v>96</v>
      </c>
      <c r="D98250" s="14" t="s">
        <v>487</v>
      </c>
      <c r="E98250" s="15">
        <v>45441</v>
      </c>
      <c r="F98250" s="14" t="s">
        <v>15</v>
      </c>
      <c r="G98250" s="16">
        <v>0</v>
      </c>
    </row>
    <row r="98251" spans="1:7" x14ac:dyDescent="0.3">
      <c r="A98251" s="13" t="s">
        <v>486</v>
      </c>
      <c r="B98251" s="14" t="s">
        <v>1</v>
      </c>
      <c r="C98251" s="14" t="s">
        <v>96</v>
      </c>
      <c r="D98251" s="14" t="s">
        <v>487</v>
      </c>
      <c r="E98251" s="15">
        <v>45442</v>
      </c>
      <c r="F98251" s="14" t="s">
        <v>15</v>
      </c>
      <c r="G98251" s="16">
        <v>0</v>
      </c>
    </row>
    <row r="98252" spans="1:7" x14ac:dyDescent="0.3">
      <c r="A98252" s="13" t="s">
        <v>486</v>
      </c>
      <c r="B98252" s="14" t="s">
        <v>1</v>
      </c>
      <c r="C98252" s="14" t="s">
        <v>96</v>
      </c>
      <c r="D98252" s="14" t="s">
        <v>487</v>
      </c>
      <c r="E98252" s="15">
        <v>45443</v>
      </c>
      <c r="F98252" s="14" t="s">
        <v>15</v>
      </c>
      <c r="G98252" s="16">
        <v>0</v>
      </c>
    </row>
    <row r="98253" spans="1:7" x14ac:dyDescent="0.3">
      <c r="A98253" s="13" t="s">
        <v>486</v>
      </c>
      <c r="B98253" s="14" t="s">
        <v>1</v>
      </c>
      <c r="C98253" s="14" t="s">
        <v>96</v>
      </c>
      <c r="D98253" s="14" t="s">
        <v>487</v>
      </c>
      <c r="E98253" s="15">
        <v>45444</v>
      </c>
      <c r="F98253" s="14" t="s">
        <v>15</v>
      </c>
      <c r="G98253" s="16">
        <v>0</v>
      </c>
    </row>
    <row r="98254" spans="1:7" x14ac:dyDescent="0.3">
      <c r="A98254" s="13" t="s">
        <v>486</v>
      </c>
      <c r="B98254" s="14" t="s">
        <v>1</v>
      </c>
      <c r="C98254" s="14" t="s">
        <v>96</v>
      </c>
      <c r="D98254" s="14" t="s">
        <v>487</v>
      </c>
      <c r="E98254" s="15">
        <v>45445</v>
      </c>
      <c r="F98254" s="14" t="s">
        <v>15</v>
      </c>
      <c r="G98254" s="16">
        <v>0</v>
      </c>
    </row>
    <row r="98255" spans="1:7" x14ac:dyDescent="0.3">
      <c r="A98255" s="13" t="s">
        <v>486</v>
      </c>
      <c r="B98255" s="14" t="s">
        <v>1</v>
      </c>
      <c r="C98255" s="14" t="s">
        <v>96</v>
      </c>
      <c r="D98255" s="14" t="s">
        <v>487</v>
      </c>
      <c r="E98255" s="15">
        <v>45446</v>
      </c>
      <c r="F98255" s="14" t="s">
        <v>15</v>
      </c>
      <c r="G98255" s="16">
        <v>0</v>
      </c>
    </row>
    <row r="98256" spans="1:7" x14ac:dyDescent="0.3">
      <c r="A98256" s="13" t="s">
        <v>486</v>
      </c>
      <c r="B98256" s="14" t="s">
        <v>1</v>
      </c>
      <c r="C98256" s="14" t="s">
        <v>96</v>
      </c>
      <c r="D98256" s="14" t="s">
        <v>487</v>
      </c>
      <c r="E98256" s="15">
        <v>45447</v>
      </c>
      <c r="F98256" s="14" t="s">
        <v>15</v>
      </c>
      <c r="G98256" s="16">
        <v>0</v>
      </c>
    </row>
    <row r="98257" spans="1:7" x14ac:dyDescent="0.3">
      <c r="A98257" s="13" t="s">
        <v>486</v>
      </c>
      <c r="B98257" s="14" t="s">
        <v>1</v>
      </c>
      <c r="C98257" s="14" t="s">
        <v>96</v>
      </c>
      <c r="D98257" s="14" t="s">
        <v>487</v>
      </c>
      <c r="E98257" s="15">
        <v>45448</v>
      </c>
      <c r="F98257" s="14" t="s">
        <v>15</v>
      </c>
      <c r="G98257" s="16">
        <v>0</v>
      </c>
    </row>
    <row r="98258" spans="1:7" x14ac:dyDescent="0.3">
      <c r="A98258" s="13" t="s">
        <v>486</v>
      </c>
      <c r="B98258" s="14" t="s">
        <v>1</v>
      </c>
      <c r="C98258" s="14" t="s">
        <v>96</v>
      </c>
      <c r="D98258" s="14" t="s">
        <v>487</v>
      </c>
      <c r="E98258" s="15">
        <v>45449</v>
      </c>
      <c r="F98258" s="14" t="s">
        <v>15</v>
      </c>
      <c r="G98258" s="16">
        <v>0</v>
      </c>
    </row>
    <row r="98259" spans="1:7" x14ac:dyDescent="0.3">
      <c r="A98259" s="13" t="s">
        <v>486</v>
      </c>
      <c r="B98259" s="14" t="s">
        <v>1</v>
      </c>
      <c r="C98259" s="14" t="s">
        <v>96</v>
      </c>
      <c r="D98259" s="14" t="s">
        <v>487</v>
      </c>
      <c r="E98259" s="15">
        <v>45450</v>
      </c>
      <c r="F98259" s="14" t="s">
        <v>15</v>
      </c>
      <c r="G98259" s="16">
        <v>0</v>
      </c>
    </row>
    <row r="98260" spans="1:7" x14ac:dyDescent="0.3">
      <c r="A98260" s="13" t="s">
        <v>486</v>
      </c>
      <c r="B98260" s="14" t="s">
        <v>1</v>
      </c>
      <c r="C98260" s="14" t="s">
        <v>96</v>
      </c>
      <c r="D98260" s="14" t="s">
        <v>487</v>
      </c>
      <c r="E98260" s="15">
        <v>45451</v>
      </c>
      <c r="F98260" s="14" t="s">
        <v>15</v>
      </c>
      <c r="G98260" s="16">
        <v>0</v>
      </c>
    </row>
    <row r="98261" spans="1:7" x14ac:dyDescent="0.3">
      <c r="A98261" s="13" t="s">
        <v>486</v>
      </c>
      <c r="B98261" s="14" t="s">
        <v>1</v>
      </c>
      <c r="C98261" s="14" t="s">
        <v>96</v>
      </c>
      <c r="D98261" s="14" t="s">
        <v>487</v>
      </c>
      <c r="E98261" s="15">
        <v>45452</v>
      </c>
      <c r="F98261" s="14" t="s">
        <v>15</v>
      </c>
      <c r="G98261" s="16">
        <v>0</v>
      </c>
    </row>
    <row r="98262" spans="1:7" x14ac:dyDescent="0.3">
      <c r="A98262" s="13" t="s">
        <v>486</v>
      </c>
      <c r="B98262" s="14" t="s">
        <v>1</v>
      </c>
      <c r="C98262" s="14" t="s">
        <v>96</v>
      </c>
      <c r="D98262" s="14" t="s">
        <v>487</v>
      </c>
      <c r="E98262" s="15">
        <v>45453</v>
      </c>
      <c r="F98262" s="14" t="s">
        <v>15</v>
      </c>
      <c r="G98262" s="16">
        <v>0</v>
      </c>
    </row>
    <row r="98263" spans="1:7" x14ac:dyDescent="0.3">
      <c r="A98263" s="13" t="s">
        <v>486</v>
      </c>
      <c r="B98263" s="14" t="s">
        <v>1</v>
      </c>
      <c r="C98263" s="14" t="s">
        <v>96</v>
      </c>
      <c r="D98263" s="14" t="s">
        <v>487</v>
      </c>
      <c r="E98263" s="15">
        <v>45454</v>
      </c>
      <c r="F98263" s="14" t="s">
        <v>15</v>
      </c>
      <c r="G98263" s="16">
        <v>0</v>
      </c>
    </row>
    <row r="98264" spans="1:7" x14ac:dyDescent="0.3">
      <c r="A98264" s="13" t="s">
        <v>486</v>
      </c>
      <c r="B98264" s="14" t="s">
        <v>1</v>
      </c>
      <c r="C98264" s="14" t="s">
        <v>96</v>
      </c>
      <c r="D98264" s="14" t="s">
        <v>487</v>
      </c>
      <c r="E98264" s="15">
        <v>45455</v>
      </c>
      <c r="F98264" s="14" t="s">
        <v>15</v>
      </c>
      <c r="G98264" s="16">
        <v>0</v>
      </c>
    </row>
    <row r="98265" spans="1:7" x14ac:dyDescent="0.3">
      <c r="A98265" s="13" t="s">
        <v>486</v>
      </c>
      <c r="B98265" s="14" t="s">
        <v>1</v>
      </c>
      <c r="C98265" s="14" t="s">
        <v>96</v>
      </c>
      <c r="D98265" s="14" t="s">
        <v>487</v>
      </c>
      <c r="E98265" s="15">
        <v>45456</v>
      </c>
      <c r="F98265" s="14" t="s">
        <v>15</v>
      </c>
      <c r="G98265" s="16">
        <v>0</v>
      </c>
    </row>
    <row r="98266" spans="1:7" x14ac:dyDescent="0.3">
      <c r="A98266" s="13" t="s">
        <v>486</v>
      </c>
      <c r="B98266" s="14" t="s">
        <v>1</v>
      </c>
      <c r="C98266" s="14" t="s">
        <v>96</v>
      </c>
      <c r="D98266" s="14" t="s">
        <v>487</v>
      </c>
      <c r="E98266" s="15">
        <v>45457</v>
      </c>
      <c r="F98266" s="14" t="s">
        <v>15</v>
      </c>
      <c r="G98266" s="16">
        <v>0</v>
      </c>
    </row>
    <row r="98267" spans="1:7" x14ac:dyDescent="0.3">
      <c r="A98267" s="13" t="s">
        <v>486</v>
      </c>
      <c r="B98267" s="14" t="s">
        <v>1</v>
      </c>
      <c r="C98267" s="14" t="s">
        <v>96</v>
      </c>
      <c r="D98267" s="14" t="s">
        <v>487</v>
      </c>
      <c r="E98267" s="15">
        <v>45458</v>
      </c>
      <c r="F98267" s="14" t="s">
        <v>15</v>
      </c>
      <c r="G98267" s="16">
        <v>0</v>
      </c>
    </row>
    <row r="98268" spans="1:7" x14ac:dyDescent="0.3">
      <c r="A98268" s="13" t="s">
        <v>486</v>
      </c>
      <c r="B98268" s="14" t="s">
        <v>1</v>
      </c>
      <c r="C98268" s="14" t="s">
        <v>96</v>
      </c>
      <c r="D98268" s="14" t="s">
        <v>487</v>
      </c>
      <c r="E98268" s="15">
        <v>45459</v>
      </c>
      <c r="F98268" s="14" t="s">
        <v>15</v>
      </c>
      <c r="G98268" s="16">
        <v>0</v>
      </c>
    </row>
    <row r="98269" spans="1:7" x14ac:dyDescent="0.3">
      <c r="A98269" s="13" t="s">
        <v>486</v>
      </c>
      <c r="B98269" s="14" t="s">
        <v>1</v>
      </c>
      <c r="C98269" s="14" t="s">
        <v>96</v>
      </c>
      <c r="D98269" s="14" t="s">
        <v>487</v>
      </c>
      <c r="E98269" s="15">
        <v>45460</v>
      </c>
      <c r="F98269" s="14" t="s">
        <v>15</v>
      </c>
      <c r="G98269" s="16">
        <v>0</v>
      </c>
    </row>
    <row r="98270" spans="1:7" x14ac:dyDescent="0.3">
      <c r="A98270" s="13" t="s">
        <v>486</v>
      </c>
      <c r="B98270" s="14" t="s">
        <v>1</v>
      </c>
      <c r="C98270" s="14" t="s">
        <v>96</v>
      </c>
      <c r="D98270" s="14" t="s">
        <v>487</v>
      </c>
      <c r="E98270" s="15">
        <v>45461</v>
      </c>
      <c r="F98270" s="14" t="s">
        <v>15</v>
      </c>
      <c r="G98270" s="16">
        <v>0</v>
      </c>
    </row>
    <row r="98271" spans="1:7" x14ac:dyDescent="0.3">
      <c r="A98271" s="13" t="s">
        <v>486</v>
      </c>
      <c r="B98271" s="14" t="s">
        <v>1</v>
      </c>
      <c r="C98271" s="14" t="s">
        <v>96</v>
      </c>
      <c r="D98271" s="14" t="s">
        <v>487</v>
      </c>
      <c r="E98271" s="15">
        <v>45462</v>
      </c>
      <c r="F98271" s="14" t="s">
        <v>15</v>
      </c>
      <c r="G98271" s="16">
        <v>0</v>
      </c>
    </row>
    <row r="98272" spans="1:7" x14ac:dyDescent="0.3">
      <c r="A98272" s="13" t="s">
        <v>486</v>
      </c>
      <c r="B98272" s="14" t="s">
        <v>1</v>
      </c>
      <c r="C98272" s="14" t="s">
        <v>96</v>
      </c>
      <c r="D98272" s="14" t="s">
        <v>487</v>
      </c>
      <c r="E98272" s="15">
        <v>45463</v>
      </c>
      <c r="F98272" s="14" t="s">
        <v>15</v>
      </c>
      <c r="G98272" s="16">
        <v>0</v>
      </c>
    </row>
    <row r="98273" spans="1:7" x14ac:dyDescent="0.3">
      <c r="A98273" s="13" t="s">
        <v>486</v>
      </c>
      <c r="B98273" s="14" t="s">
        <v>1</v>
      </c>
      <c r="C98273" s="14" t="s">
        <v>96</v>
      </c>
      <c r="D98273" s="14" t="s">
        <v>487</v>
      </c>
      <c r="E98273" s="15">
        <v>45464</v>
      </c>
      <c r="F98273" s="14" t="s">
        <v>15</v>
      </c>
      <c r="G98273" s="16">
        <v>0</v>
      </c>
    </row>
    <row r="98274" spans="1:7" x14ac:dyDescent="0.3">
      <c r="A98274" s="13" t="s">
        <v>486</v>
      </c>
      <c r="B98274" s="14" t="s">
        <v>1</v>
      </c>
      <c r="C98274" s="14" t="s">
        <v>96</v>
      </c>
      <c r="D98274" s="14" t="s">
        <v>487</v>
      </c>
      <c r="E98274" s="15">
        <v>45465</v>
      </c>
      <c r="F98274" s="14" t="s">
        <v>15</v>
      </c>
      <c r="G98274" s="16">
        <v>0</v>
      </c>
    </row>
    <row r="98275" spans="1:7" x14ac:dyDescent="0.3">
      <c r="A98275" s="13" t="s">
        <v>486</v>
      </c>
      <c r="B98275" s="14" t="s">
        <v>1</v>
      </c>
      <c r="C98275" s="14" t="s">
        <v>96</v>
      </c>
      <c r="D98275" s="14" t="s">
        <v>487</v>
      </c>
      <c r="E98275" s="15">
        <v>45466</v>
      </c>
      <c r="F98275" s="14" t="s">
        <v>15</v>
      </c>
      <c r="G98275" s="16">
        <v>0</v>
      </c>
    </row>
    <row r="98276" spans="1:7" x14ac:dyDescent="0.3">
      <c r="A98276" s="13" t="s">
        <v>486</v>
      </c>
      <c r="B98276" s="14" t="s">
        <v>1</v>
      </c>
      <c r="C98276" s="14" t="s">
        <v>96</v>
      </c>
      <c r="D98276" s="14" t="s">
        <v>487</v>
      </c>
      <c r="E98276" s="15">
        <v>45467</v>
      </c>
      <c r="F98276" s="14" t="s">
        <v>15</v>
      </c>
      <c r="G98276" s="16">
        <v>0</v>
      </c>
    </row>
    <row r="98277" spans="1:7" x14ac:dyDescent="0.3">
      <c r="A98277" s="13" t="s">
        <v>486</v>
      </c>
      <c r="B98277" s="14" t="s">
        <v>1</v>
      </c>
      <c r="C98277" s="14" t="s">
        <v>96</v>
      </c>
      <c r="D98277" s="14" t="s">
        <v>487</v>
      </c>
      <c r="E98277" s="15">
        <v>45468</v>
      </c>
      <c r="F98277" s="14" t="s">
        <v>15</v>
      </c>
      <c r="G98277" s="16">
        <v>0</v>
      </c>
    </row>
    <row r="98278" spans="1:7" x14ac:dyDescent="0.3">
      <c r="A98278" s="13" t="s">
        <v>486</v>
      </c>
      <c r="B98278" s="14" t="s">
        <v>1</v>
      </c>
      <c r="C98278" s="14" t="s">
        <v>96</v>
      </c>
      <c r="D98278" s="14" t="s">
        <v>487</v>
      </c>
      <c r="E98278" s="15">
        <v>45469</v>
      </c>
      <c r="F98278" s="14" t="s">
        <v>15</v>
      </c>
      <c r="G98278" s="16">
        <v>0</v>
      </c>
    </row>
    <row r="98279" spans="1:7" x14ac:dyDescent="0.3">
      <c r="A98279" s="13" t="s">
        <v>486</v>
      </c>
      <c r="B98279" s="14" t="s">
        <v>1</v>
      </c>
      <c r="C98279" s="14" t="s">
        <v>96</v>
      </c>
      <c r="D98279" s="14" t="s">
        <v>487</v>
      </c>
      <c r="E98279" s="15">
        <v>45470</v>
      </c>
      <c r="F98279" s="14" t="s">
        <v>15</v>
      </c>
      <c r="G98279" s="16">
        <v>0</v>
      </c>
    </row>
    <row r="98280" spans="1:7" x14ac:dyDescent="0.3">
      <c r="A98280" s="13" t="s">
        <v>486</v>
      </c>
      <c r="B98280" s="14" t="s">
        <v>1</v>
      </c>
      <c r="C98280" s="14" t="s">
        <v>96</v>
      </c>
      <c r="D98280" s="14" t="s">
        <v>487</v>
      </c>
      <c r="E98280" s="15">
        <v>45471</v>
      </c>
      <c r="F98280" s="14" t="s">
        <v>15</v>
      </c>
      <c r="G98280" s="16">
        <v>0</v>
      </c>
    </row>
    <row r="98281" spans="1:7" x14ac:dyDescent="0.3">
      <c r="A98281" s="13" t="s">
        <v>486</v>
      </c>
      <c r="B98281" s="14" t="s">
        <v>1</v>
      </c>
      <c r="C98281" s="14" t="s">
        <v>96</v>
      </c>
      <c r="D98281" s="14" t="s">
        <v>487</v>
      </c>
      <c r="E98281" s="15">
        <v>45472</v>
      </c>
      <c r="F98281" s="14" t="s">
        <v>15</v>
      </c>
      <c r="G98281" s="16">
        <v>0</v>
      </c>
    </row>
    <row r="98282" spans="1:7" x14ac:dyDescent="0.3">
      <c r="A98282" s="13" t="s">
        <v>486</v>
      </c>
      <c r="B98282" s="14" t="s">
        <v>1</v>
      </c>
      <c r="C98282" s="14" t="s">
        <v>96</v>
      </c>
      <c r="D98282" s="14" t="s">
        <v>487</v>
      </c>
      <c r="E98282" s="15">
        <v>45473</v>
      </c>
      <c r="F98282" s="14" t="s">
        <v>15</v>
      </c>
      <c r="G98282" s="16">
        <v>0</v>
      </c>
    </row>
    <row r="98283" spans="1:7" x14ac:dyDescent="0.3">
      <c r="A98283" s="13" t="s">
        <v>486</v>
      </c>
      <c r="B98283" s="14" t="s">
        <v>1</v>
      </c>
      <c r="C98283" s="14" t="s">
        <v>96</v>
      </c>
      <c r="D98283" s="14" t="s">
        <v>487</v>
      </c>
      <c r="E98283" s="15">
        <v>45474</v>
      </c>
      <c r="F98283" s="14" t="s">
        <v>15</v>
      </c>
      <c r="G98283" s="16">
        <v>0</v>
      </c>
    </row>
    <row r="98284" spans="1:7" x14ac:dyDescent="0.3">
      <c r="A98284" s="13" t="s">
        <v>486</v>
      </c>
      <c r="B98284" s="14" t="s">
        <v>1</v>
      </c>
      <c r="C98284" s="14" t="s">
        <v>96</v>
      </c>
      <c r="D98284" s="14" t="s">
        <v>487</v>
      </c>
      <c r="E98284" s="15">
        <v>45475</v>
      </c>
      <c r="F98284" s="14" t="s">
        <v>15</v>
      </c>
      <c r="G98284" s="16">
        <v>0</v>
      </c>
    </row>
    <row r="98285" spans="1:7" x14ac:dyDescent="0.3">
      <c r="A98285" s="13" t="s">
        <v>486</v>
      </c>
      <c r="B98285" s="14" t="s">
        <v>1</v>
      </c>
      <c r="C98285" s="14" t="s">
        <v>96</v>
      </c>
      <c r="D98285" s="14" t="s">
        <v>487</v>
      </c>
      <c r="E98285" s="15">
        <v>45476</v>
      </c>
      <c r="F98285" s="14" t="s">
        <v>15</v>
      </c>
      <c r="G98285" s="16">
        <v>0</v>
      </c>
    </row>
    <row r="98286" spans="1:7" x14ac:dyDescent="0.3">
      <c r="A98286" s="13" t="s">
        <v>486</v>
      </c>
      <c r="B98286" s="14" t="s">
        <v>1</v>
      </c>
      <c r="C98286" s="14" t="s">
        <v>96</v>
      </c>
      <c r="D98286" s="14" t="s">
        <v>487</v>
      </c>
      <c r="E98286" s="15">
        <v>45477</v>
      </c>
      <c r="F98286" s="14" t="s">
        <v>15</v>
      </c>
      <c r="G98286" s="16">
        <v>0</v>
      </c>
    </row>
    <row r="98287" spans="1:7" x14ac:dyDescent="0.3">
      <c r="A98287" s="13" t="s">
        <v>486</v>
      </c>
      <c r="B98287" s="14" t="s">
        <v>1</v>
      </c>
      <c r="C98287" s="14" t="s">
        <v>96</v>
      </c>
      <c r="D98287" s="14" t="s">
        <v>487</v>
      </c>
      <c r="E98287" s="15">
        <v>45478</v>
      </c>
      <c r="F98287" s="14" t="s">
        <v>15</v>
      </c>
      <c r="G98287" s="16">
        <v>0</v>
      </c>
    </row>
    <row r="98288" spans="1:7" x14ac:dyDescent="0.3">
      <c r="A98288" s="13" t="s">
        <v>486</v>
      </c>
      <c r="B98288" s="14" t="s">
        <v>1</v>
      </c>
      <c r="C98288" s="14" t="s">
        <v>96</v>
      </c>
      <c r="D98288" s="14" t="s">
        <v>487</v>
      </c>
      <c r="E98288" s="15">
        <v>45479</v>
      </c>
      <c r="F98288" s="14" t="s">
        <v>15</v>
      </c>
      <c r="G98288" s="16">
        <v>0</v>
      </c>
    </row>
    <row r="98289" spans="1:7" x14ac:dyDescent="0.3">
      <c r="A98289" s="13" t="s">
        <v>486</v>
      </c>
      <c r="B98289" s="14" t="s">
        <v>1</v>
      </c>
      <c r="C98289" s="14" t="s">
        <v>96</v>
      </c>
      <c r="D98289" s="14" t="s">
        <v>487</v>
      </c>
      <c r="E98289" s="15">
        <v>45480</v>
      </c>
      <c r="F98289" s="14" t="s">
        <v>15</v>
      </c>
      <c r="G98289" s="16">
        <v>0</v>
      </c>
    </row>
    <row r="98290" spans="1:7" x14ac:dyDescent="0.3">
      <c r="A98290" s="13" t="s">
        <v>486</v>
      </c>
      <c r="B98290" s="14" t="s">
        <v>1</v>
      </c>
      <c r="C98290" s="14" t="s">
        <v>96</v>
      </c>
      <c r="D98290" s="14" t="s">
        <v>487</v>
      </c>
      <c r="E98290" s="15">
        <v>45481</v>
      </c>
      <c r="F98290" s="14" t="s">
        <v>15</v>
      </c>
      <c r="G98290" s="16">
        <v>0</v>
      </c>
    </row>
    <row r="98291" spans="1:7" x14ac:dyDescent="0.3">
      <c r="A98291" s="13" t="s">
        <v>486</v>
      </c>
      <c r="B98291" s="14" t="s">
        <v>1</v>
      </c>
      <c r="C98291" s="14" t="s">
        <v>96</v>
      </c>
      <c r="D98291" s="14" t="s">
        <v>487</v>
      </c>
      <c r="E98291" s="15">
        <v>45482</v>
      </c>
      <c r="F98291" s="14" t="s">
        <v>15</v>
      </c>
      <c r="G98291" s="16">
        <v>0</v>
      </c>
    </row>
    <row r="98292" spans="1:7" x14ac:dyDescent="0.3">
      <c r="A98292" s="13" t="s">
        <v>486</v>
      </c>
      <c r="B98292" s="14" t="s">
        <v>1</v>
      </c>
      <c r="C98292" s="14" t="s">
        <v>96</v>
      </c>
      <c r="D98292" s="14" t="s">
        <v>487</v>
      </c>
      <c r="E98292" s="15">
        <v>45483</v>
      </c>
      <c r="F98292" s="14" t="s">
        <v>15</v>
      </c>
      <c r="G98292" s="16">
        <v>0</v>
      </c>
    </row>
    <row r="98293" spans="1:7" x14ac:dyDescent="0.3">
      <c r="A98293" s="13" t="s">
        <v>486</v>
      </c>
      <c r="B98293" s="14" t="s">
        <v>1</v>
      </c>
      <c r="C98293" s="14" t="s">
        <v>96</v>
      </c>
      <c r="D98293" s="14" t="s">
        <v>487</v>
      </c>
      <c r="E98293" s="15">
        <v>45484</v>
      </c>
      <c r="F98293" s="14" t="s">
        <v>15</v>
      </c>
      <c r="G98293" s="16">
        <v>0</v>
      </c>
    </row>
    <row r="98294" spans="1:7" x14ac:dyDescent="0.3">
      <c r="A98294" s="13" t="s">
        <v>486</v>
      </c>
      <c r="B98294" s="14" t="s">
        <v>1</v>
      </c>
      <c r="C98294" s="14" t="s">
        <v>96</v>
      </c>
      <c r="D98294" s="14" t="s">
        <v>487</v>
      </c>
      <c r="E98294" s="15">
        <v>45485</v>
      </c>
      <c r="F98294" s="14" t="s">
        <v>15</v>
      </c>
      <c r="G98294" s="16">
        <v>0</v>
      </c>
    </row>
    <row r="98295" spans="1:7" x14ac:dyDescent="0.3">
      <c r="A98295" s="13" t="s">
        <v>486</v>
      </c>
      <c r="B98295" s="14" t="s">
        <v>1</v>
      </c>
      <c r="C98295" s="14" t="s">
        <v>96</v>
      </c>
      <c r="D98295" s="14" t="s">
        <v>487</v>
      </c>
      <c r="E98295" s="15">
        <v>45486</v>
      </c>
      <c r="F98295" s="14" t="s">
        <v>15</v>
      </c>
      <c r="G98295" s="16">
        <v>0</v>
      </c>
    </row>
    <row r="98296" spans="1:7" x14ac:dyDescent="0.3">
      <c r="A98296" s="13" t="s">
        <v>486</v>
      </c>
      <c r="B98296" s="14" t="s">
        <v>1</v>
      </c>
      <c r="C98296" s="14" t="s">
        <v>96</v>
      </c>
      <c r="D98296" s="14" t="s">
        <v>487</v>
      </c>
      <c r="E98296" s="15">
        <v>45487</v>
      </c>
      <c r="F98296" s="14" t="s">
        <v>15</v>
      </c>
      <c r="G98296" s="16">
        <v>0</v>
      </c>
    </row>
    <row r="98297" spans="1:7" x14ac:dyDescent="0.3">
      <c r="A98297" s="13" t="s">
        <v>486</v>
      </c>
      <c r="B98297" s="14" t="s">
        <v>1</v>
      </c>
      <c r="C98297" s="14" t="s">
        <v>96</v>
      </c>
      <c r="D98297" s="14" t="s">
        <v>487</v>
      </c>
      <c r="E98297" s="15">
        <v>45488</v>
      </c>
      <c r="F98297" s="14" t="s">
        <v>15</v>
      </c>
      <c r="G98297" s="16">
        <v>0</v>
      </c>
    </row>
    <row r="98298" spans="1:7" x14ac:dyDescent="0.3">
      <c r="A98298" s="13" t="s">
        <v>486</v>
      </c>
      <c r="B98298" s="14" t="s">
        <v>1</v>
      </c>
      <c r="C98298" s="14" t="s">
        <v>96</v>
      </c>
      <c r="D98298" s="14" t="s">
        <v>487</v>
      </c>
      <c r="E98298" s="15">
        <v>45489</v>
      </c>
      <c r="F98298" s="14" t="s">
        <v>15</v>
      </c>
      <c r="G98298" s="16">
        <v>0</v>
      </c>
    </row>
    <row r="98299" spans="1:7" x14ac:dyDescent="0.3">
      <c r="A98299" s="13" t="s">
        <v>486</v>
      </c>
      <c r="B98299" s="14" t="s">
        <v>1</v>
      </c>
      <c r="C98299" s="14" t="s">
        <v>96</v>
      </c>
      <c r="D98299" s="14" t="s">
        <v>487</v>
      </c>
      <c r="E98299" s="15">
        <v>45490</v>
      </c>
      <c r="F98299" s="14" t="s">
        <v>15</v>
      </c>
      <c r="G98299" s="16">
        <v>0</v>
      </c>
    </row>
    <row r="98300" spans="1:7" x14ac:dyDescent="0.3">
      <c r="A98300" s="13" t="s">
        <v>486</v>
      </c>
      <c r="B98300" s="14" t="s">
        <v>1</v>
      </c>
      <c r="C98300" s="14" t="s">
        <v>96</v>
      </c>
      <c r="D98300" s="14" t="s">
        <v>487</v>
      </c>
      <c r="E98300" s="15">
        <v>45491</v>
      </c>
      <c r="F98300" s="14" t="s">
        <v>15</v>
      </c>
      <c r="G98300" s="16">
        <v>0</v>
      </c>
    </row>
    <row r="98301" spans="1:7" x14ac:dyDescent="0.3">
      <c r="A98301" s="13" t="s">
        <v>486</v>
      </c>
      <c r="B98301" s="14" t="s">
        <v>1</v>
      </c>
      <c r="C98301" s="14" t="s">
        <v>96</v>
      </c>
      <c r="D98301" s="14" t="s">
        <v>487</v>
      </c>
      <c r="E98301" s="15">
        <v>45492</v>
      </c>
      <c r="F98301" s="14" t="s">
        <v>15</v>
      </c>
      <c r="G98301" s="16">
        <v>0</v>
      </c>
    </row>
    <row r="98302" spans="1:7" x14ac:dyDescent="0.3">
      <c r="A98302" s="13" t="s">
        <v>486</v>
      </c>
      <c r="B98302" s="14" t="s">
        <v>1</v>
      </c>
      <c r="C98302" s="14" t="s">
        <v>96</v>
      </c>
      <c r="D98302" s="14" t="s">
        <v>487</v>
      </c>
      <c r="E98302" s="15">
        <v>45493</v>
      </c>
      <c r="F98302" s="14" t="s">
        <v>15</v>
      </c>
      <c r="G98302" s="16">
        <v>0</v>
      </c>
    </row>
    <row r="98303" spans="1:7" x14ac:dyDescent="0.3">
      <c r="A98303" s="13" t="s">
        <v>486</v>
      </c>
      <c r="B98303" s="14" t="s">
        <v>1</v>
      </c>
      <c r="C98303" s="14" t="s">
        <v>96</v>
      </c>
      <c r="D98303" s="14" t="s">
        <v>487</v>
      </c>
      <c r="E98303" s="15">
        <v>45494</v>
      </c>
      <c r="F98303" s="14" t="s">
        <v>15</v>
      </c>
      <c r="G98303" s="16">
        <v>0</v>
      </c>
    </row>
    <row r="98304" spans="1:7" x14ac:dyDescent="0.3">
      <c r="A98304" s="13" t="s">
        <v>486</v>
      </c>
      <c r="B98304" s="14" t="s">
        <v>1</v>
      </c>
      <c r="C98304" s="14" t="s">
        <v>96</v>
      </c>
      <c r="D98304" s="14" t="s">
        <v>487</v>
      </c>
      <c r="E98304" s="15">
        <v>45495</v>
      </c>
      <c r="F98304" s="14" t="s">
        <v>15</v>
      </c>
      <c r="G98304" s="16">
        <v>0</v>
      </c>
    </row>
    <row r="98305" spans="1:7" x14ac:dyDescent="0.3">
      <c r="A98305" s="13" t="s">
        <v>486</v>
      </c>
      <c r="B98305" s="14" t="s">
        <v>1</v>
      </c>
      <c r="C98305" s="14" t="s">
        <v>96</v>
      </c>
      <c r="D98305" s="14" t="s">
        <v>487</v>
      </c>
      <c r="E98305" s="15">
        <v>45496</v>
      </c>
      <c r="F98305" s="14" t="s">
        <v>15</v>
      </c>
      <c r="G98305" s="16">
        <v>0</v>
      </c>
    </row>
    <row r="98306" spans="1:7" x14ac:dyDescent="0.3">
      <c r="A98306" s="13" t="s">
        <v>486</v>
      </c>
      <c r="B98306" s="14" t="s">
        <v>1</v>
      </c>
      <c r="C98306" s="14" t="s">
        <v>96</v>
      </c>
      <c r="D98306" s="14" t="s">
        <v>487</v>
      </c>
      <c r="E98306" s="15">
        <v>45497</v>
      </c>
      <c r="F98306" s="14" t="s">
        <v>15</v>
      </c>
      <c r="G98306" s="16">
        <v>0</v>
      </c>
    </row>
    <row r="98307" spans="1:7" x14ac:dyDescent="0.3">
      <c r="A98307" s="13" t="s">
        <v>486</v>
      </c>
      <c r="B98307" s="14" t="s">
        <v>1</v>
      </c>
      <c r="C98307" s="14" t="s">
        <v>96</v>
      </c>
      <c r="D98307" s="14" t="s">
        <v>487</v>
      </c>
      <c r="E98307" s="15">
        <v>45498</v>
      </c>
      <c r="F98307" s="14" t="s">
        <v>15</v>
      </c>
      <c r="G98307" s="16">
        <v>0</v>
      </c>
    </row>
    <row r="98308" spans="1:7" x14ac:dyDescent="0.3">
      <c r="A98308" s="13" t="s">
        <v>486</v>
      </c>
      <c r="B98308" s="14" t="s">
        <v>1</v>
      </c>
      <c r="C98308" s="14" t="s">
        <v>96</v>
      </c>
      <c r="D98308" s="14" t="s">
        <v>487</v>
      </c>
      <c r="E98308" s="15">
        <v>45499</v>
      </c>
      <c r="F98308" s="14" t="s">
        <v>15</v>
      </c>
      <c r="G98308" s="16">
        <v>0</v>
      </c>
    </row>
    <row r="98309" spans="1:7" x14ac:dyDescent="0.3">
      <c r="A98309" s="13" t="s">
        <v>486</v>
      </c>
      <c r="B98309" s="14" t="s">
        <v>1</v>
      </c>
      <c r="C98309" s="14" t="s">
        <v>96</v>
      </c>
      <c r="D98309" s="14" t="s">
        <v>487</v>
      </c>
      <c r="E98309" s="15">
        <v>45500</v>
      </c>
      <c r="F98309" s="14" t="s">
        <v>15</v>
      </c>
      <c r="G98309" s="16">
        <v>0</v>
      </c>
    </row>
    <row r="98310" spans="1:7" x14ac:dyDescent="0.3">
      <c r="A98310" s="13" t="s">
        <v>486</v>
      </c>
      <c r="B98310" s="14" t="s">
        <v>1</v>
      </c>
      <c r="C98310" s="14" t="s">
        <v>96</v>
      </c>
      <c r="D98310" s="14" t="s">
        <v>487</v>
      </c>
      <c r="E98310" s="15">
        <v>45501</v>
      </c>
      <c r="F98310" s="14" t="s">
        <v>15</v>
      </c>
      <c r="G98310" s="16">
        <v>0</v>
      </c>
    </row>
    <row r="98311" spans="1:7" x14ac:dyDescent="0.3">
      <c r="A98311" s="13" t="s">
        <v>486</v>
      </c>
      <c r="B98311" s="14" t="s">
        <v>1</v>
      </c>
      <c r="C98311" s="14" t="s">
        <v>96</v>
      </c>
      <c r="D98311" s="14" t="s">
        <v>487</v>
      </c>
      <c r="E98311" s="15">
        <v>45502</v>
      </c>
      <c r="F98311" s="14" t="s">
        <v>15</v>
      </c>
      <c r="G98311" s="16">
        <v>0</v>
      </c>
    </row>
    <row r="98312" spans="1:7" x14ac:dyDescent="0.3">
      <c r="A98312" s="13" t="s">
        <v>486</v>
      </c>
      <c r="B98312" s="14" t="s">
        <v>1</v>
      </c>
      <c r="C98312" s="14" t="s">
        <v>96</v>
      </c>
      <c r="D98312" s="14" t="s">
        <v>487</v>
      </c>
      <c r="E98312" s="15">
        <v>45503</v>
      </c>
      <c r="F98312" s="14" t="s">
        <v>15</v>
      </c>
      <c r="G98312" s="16">
        <v>0</v>
      </c>
    </row>
    <row r="98313" spans="1:7" x14ac:dyDescent="0.3">
      <c r="A98313" s="13" t="s">
        <v>486</v>
      </c>
      <c r="B98313" s="14" t="s">
        <v>1</v>
      </c>
      <c r="C98313" s="14" t="s">
        <v>96</v>
      </c>
      <c r="D98313" s="14" t="s">
        <v>487</v>
      </c>
      <c r="E98313" s="15">
        <v>45504</v>
      </c>
      <c r="F98313" s="14" t="s">
        <v>15</v>
      </c>
      <c r="G98313" s="16">
        <v>0</v>
      </c>
    </row>
    <row r="98314" spans="1:7" x14ac:dyDescent="0.3">
      <c r="A98314" s="13" t="s">
        <v>486</v>
      </c>
      <c r="B98314" s="14" t="s">
        <v>1</v>
      </c>
      <c r="C98314" s="14" t="s">
        <v>96</v>
      </c>
      <c r="D98314" s="14" t="s">
        <v>487</v>
      </c>
      <c r="E98314" s="15">
        <v>45505</v>
      </c>
      <c r="F98314" s="14" t="s">
        <v>15</v>
      </c>
      <c r="G98314" s="16">
        <v>0</v>
      </c>
    </row>
    <row r="98315" spans="1:7" x14ac:dyDescent="0.3">
      <c r="A98315" s="13" t="s">
        <v>486</v>
      </c>
      <c r="B98315" s="14" t="s">
        <v>1</v>
      </c>
      <c r="C98315" s="14" t="s">
        <v>96</v>
      </c>
      <c r="D98315" s="14" t="s">
        <v>487</v>
      </c>
      <c r="E98315" s="15">
        <v>45506</v>
      </c>
      <c r="F98315" s="14" t="s">
        <v>15</v>
      </c>
      <c r="G98315" s="16">
        <v>0</v>
      </c>
    </row>
    <row r="98316" spans="1:7" x14ac:dyDescent="0.3">
      <c r="A98316" s="13" t="s">
        <v>486</v>
      </c>
      <c r="B98316" s="14" t="s">
        <v>1</v>
      </c>
      <c r="C98316" s="14" t="s">
        <v>96</v>
      </c>
      <c r="D98316" s="14" t="s">
        <v>487</v>
      </c>
      <c r="E98316" s="15">
        <v>45507</v>
      </c>
      <c r="F98316" s="14" t="s">
        <v>15</v>
      </c>
      <c r="G98316" s="16">
        <v>0</v>
      </c>
    </row>
    <row r="98317" spans="1:7" x14ac:dyDescent="0.3">
      <c r="A98317" s="13" t="s">
        <v>486</v>
      </c>
      <c r="B98317" s="14" t="s">
        <v>1</v>
      </c>
      <c r="C98317" s="14" t="s">
        <v>96</v>
      </c>
      <c r="D98317" s="14" t="s">
        <v>487</v>
      </c>
      <c r="E98317" s="15">
        <v>45508</v>
      </c>
      <c r="F98317" s="14" t="s">
        <v>15</v>
      </c>
      <c r="G98317" s="16">
        <v>0</v>
      </c>
    </row>
    <row r="98318" spans="1:7" x14ac:dyDescent="0.3">
      <c r="A98318" s="13" t="s">
        <v>486</v>
      </c>
      <c r="B98318" s="14" t="s">
        <v>1</v>
      </c>
      <c r="C98318" s="14" t="s">
        <v>96</v>
      </c>
      <c r="D98318" s="14" t="s">
        <v>487</v>
      </c>
      <c r="E98318" s="15">
        <v>45509</v>
      </c>
      <c r="F98318" s="14" t="s">
        <v>15</v>
      </c>
      <c r="G98318" s="16">
        <v>0</v>
      </c>
    </row>
    <row r="98319" spans="1:7" x14ac:dyDescent="0.3">
      <c r="A98319" s="13" t="s">
        <v>486</v>
      </c>
      <c r="B98319" s="14" t="s">
        <v>1</v>
      </c>
      <c r="C98319" s="14" t="s">
        <v>96</v>
      </c>
      <c r="D98319" s="14" t="s">
        <v>487</v>
      </c>
      <c r="E98319" s="15">
        <v>45510</v>
      </c>
      <c r="F98319" s="14" t="s">
        <v>15</v>
      </c>
      <c r="G98319" s="16">
        <v>0</v>
      </c>
    </row>
    <row r="98320" spans="1:7" x14ac:dyDescent="0.3">
      <c r="A98320" s="13" t="s">
        <v>486</v>
      </c>
      <c r="B98320" s="14" t="s">
        <v>1</v>
      </c>
      <c r="C98320" s="14" t="s">
        <v>96</v>
      </c>
      <c r="D98320" s="14" t="s">
        <v>487</v>
      </c>
      <c r="E98320" s="15">
        <v>45511</v>
      </c>
      <c r="F98320" s="14" t="s">
        <v>15</v>
      </c>
      <c r="G98320" s="16">
        <v>0</v>
      </c>
    </row>
    <row r="98321" spans="1:7" x14ac:dyDescent="0.3">
      <c r="A98321" s="13" t="s">
        <v>486</v>
      </c>
      <c r="B98321" s="14" t="s">
        <v>1</v>
      </c>
      <c r="C98321" s="14" t="s">
        <v>96</v>
      </c>
      <c r="D98321" s="14" t="s">
        <v>487</v>
      </c>
      <c r="E98321" s="15">
        <v>45512</v>
      </c>
      <c r="F98321" s="14" t="s">
        <v>15</v>
      </c>
      <c r="G98321" s="16">
        <v>0</v>
      </c>
    </row>
    <row r="98322" spans="1:7" x14ac:dyDescent="0.3">
      <c r="A98322" s="13" t="s">
        <v>486</v>
      </c>
      <c r="B98322" s="14" t="s">
        <v>1</v>
      </c>
      <c r="C98322" s="14" t="s">
        <v>96</v>
      </c>
      <c r="D98322" s="14" t="s">
        <v>487</v>
      </c>
      <c r="E98322" s="15">
        <v>45513</v>
      </c>
      <c r="F98322" s="14" t="s">
        <v>15</v>
      </c>
      <c r="G98322" s="16">
        <v>0</v>
      </c>
    </row>
    <row r="98323" spans="1:7" x14ac:dyDescent="0.3">
      <c r="A98323" s="13" t="s">
        <v>486</v>
      </c>
      <c r="B98323" s="14" t="s">
        <v>1</v>
      </c>
      <c r="C98323" s="14" t="s">
        <v>96</v>
      </c>
      <c r="D98323" s="14" t="s">
        <v>487</v>
      </c>
      <c r="E98323" s="15">
        <v>45514</v>
      </c>
      <c r="F98323" s="14" t="s">
        <v>15</v>
      </c>
      <c r="G98323" s="16">
        <v>0</v>
      </c>
    </row>
    <row r="98324" spans="1:7" x14ac:dyDescent="0.3">
      <c r="A98324" s="13" t="s">
        <v>486</v>
      </c>
      <c r="B98324" s="14" t="s">
        <v>1</v>
      </c>
      <c r="C98324" s="14" t="s">
        <v>96</v>
      </c>
      <c r="D98324" s="14" t="s">
        <v>487</v>
      </c>
      <c r="E98324" s="15">
        <v>45515</v>
      </c>
      <c r="F98324" s="14" t="s">
        <v>15</v>
      </c>
      <c r="G98324" s="16">
        <v>0</v>
      </c>
    </row>
    <row r="98325" spans="1:7" x14ac:dyDescent="0.3">
      <c r="A98325" s="13" t="s">
        <v>486</v>
      </c>
      <c r="B98325" s="14" t="s">
        <v>1</v>
      </c>
      <c r="C98325" s="14" t="s">
        <v>96</v>
      </c>
      <c r="D98325" s="14" t="s">
        <v>487</v>
      </c>
      <c r="E98325" s="15">
        <v>45516</v>
      </c>
      <c r="F98325" s="14" t="s">
        <v>15</v>
      </c>
      <c r="G98325" s="16">
        <v>0</v>
      </c>
    </row>
    <row r="98326" spans="1:7" x14ac:dyDescent="0.3">
      <c r="A98326" s="13" t="s">
        <v>486</v>
      </c>
      <c r="B98326" s="14" t="s">
        <v>1</v>
      </c>
      <c r="C98326" s="14" t="s">
        <v>96</v>
      </c>
      <c r="D98326" s="14" t="s">
        <v>487</v>
      </c>
      <c r="E98326" s="15">
        <v>45517</v>
      </c>
      <c r="F98326" s="14" t="s">
        <v>15</v>
      </c>
      <c r="G98326" s="16">
        <v>0</v>
      </c>
    </row>
    <row r="98327" spans="1:7" x14ac:dyDescent="0.3">
      <c r="A98327" s="13" t="s">
        <v>486</v>
      </c>
      <c r="B98327" s="14" t="s">
        <v>1</v>
      </c>
      <c r="C98327" s="14" t="s">
        <v>96</v>
      </c>
      <c r="D98327" s="14" t="s">
        <v>487</v>
      </c>
      <c r="E98327" s="15">
        <v>45518</v>
      </c>
      <c r="F98327" s="14" t="s">
        <v>15</v>
      </c>
      <c r="G98327" s="16">
        <v>0</v>
      </c>
    </row>
    <row r="98328" spans="1:7" x14ac:dyDescent="0.3">
      <c r="A98328" s="13" t="s">
        <v>486</v>
      </c>
      <c r="B98328" s="14" t="s">
        <v>1</v>
      </c>
      <c r="C98328" s="14" t="s">
        <v>96</v>
      </c>
      <c r="D98328" s="14" t="s">
        <v>487</v>
      </c>
      <c r="E98328" s="15">
        <v>45519</v>
      </c>
      <c r="F98328" s="14" t="s">
        <v>15</v>
      </c>
      <c r="G98328" s="16">
        <v>0</v>
      </c>
    </row>
    <row r="98329" spans="1:7" x14ac:dyDescent="0.3">
      <c r="A98329" s="13" t="s">
        <v>486</v>
      </c>
      <c r="B98329" s="14" t="s">
        <v>1</v>
      </c>
      <c r="C98329" s="14" t="s">
        <v>96</v>
      </c>
      <c r="D98329" s="14" t="s">
        <v>487</v>
      </c>
      <c r="E98329" s="15">
        <v>45520</v>
      </c>
      <c r="F98329" s="14" t="s">
        <v>15</v>
      </c>
      <c r="G98329" s="16">
        <v>0</v>
      </c>
    </row>
    <row r="98330" spans="1:7" x14ac:dyDescent="0.3">
      <c r="A98330" s="13" t="s">
        <v>486</v>
      </c>
      <c r="B98330" s="14" t="s">
        <v>1</v>
      </c>
      <c r="C98330" s="14" t="s">
        <v>96</v>
      </c>
      <c r="D98330" s="14" t="s">
        <v>487</v>
      </c>
      <c r="E98330" s="15">
        <v>45521</v>
      </c>
      <c r="F98330" s="14" t="s">
        <v>15</v>
      </c>
      <c r="G98330" s="16">
        <v>0</v>
      </c>
    </row>
    <row r="98331" spans="1:7" x14ac:dyDescent="0.3">
      <c r="A98331" s="13" t="s">
        <v>486</v>
      </c>
      <c r="B98331" s="14" t="s">
        <v>1</v>
      </c>
      <c r="C98331" s="14" t="s">
        <v>96</v>
      </c>
      <c r="D98331" s="14" t="s">
        <v>487</v>
      </c>
      <c r="E98331" s="15">
        <v>45522</v>
      </c>
      <c r="F98331" s="14" t="s">
        <v>15</v>
      </c>
      <c r="G98331" s="16">
        <v>0</v>
      </c>
    </row>
    <row r="98332" spans="1:7" x14ac:dyDescent="0.3">
      <c r="A98332" s="13" t="s">
        <v>486</v>
      </c>
      <c r="B98332" s="14" t="s">
        <v>1</v>
      </c>
      <c r="C98332" s="14" t="s">
        <v>96</v>
      </c>
      <c r="D98332" s="14" t="s">
        <v>487</v>
      </c>
      <c r="E98332" s="15">
        <v>45523</v>
      </c>
      <c r="F98332" s="14" t="s">
        <v>15</v>
      </c>
      <c r="G98332" s="16">
        <v>0</v>
      </c>
    </row>
    <row r="98333" spans="1:7" x14ac:dyDescent="0.3">
      <c r="A98333" s="13" t="s">
        <v>486</v>
      </c>
      <c r="B98333" s="14" t="s">
        <v>1</v>
      </c>
      <c r="C98333" s="14" t="s">
        <v>96</v>
      </c>
      <c r="D98333" s="14" t="s">
        <v>487</v>
      </c>
      <c r="E98333" s="15">
        <v>45524</v>
      </c>
      <c r="F98333" s="14" t="s">
        <v>15</v>
      </c>
      <c r="G98333" s="16">
        <v>0</v>
      </c>
    </row>
    <row r="98334" spans="1:7" x14ac:dyDescent="0.3">
      <c r="A98334" s="13" t="s">
        <v>486</v>
      </c>
      <c r="B98334" s="14" t="s">
        <v>1</v>
      </c>
      <c r="C98334" s="14" t="s">
        <v>96</v>
      </c>
      <c r="D98334" s="14" t="s">
        <v>487</v>
      </c>
      <c r="E98334" s="15">
        <v>45525</v>
      </c>
      <c r="F98334" s="14" t="s">
        <v>15</v>
      </c>
      <c r="G98334" s="16">
        <v>0</v>
      </c>
    </row>
    <row r="98335" spans="1:7" x14ac:dyDescent="0.3">
      <c r="A98335" s="13" t="s">
        <v>486</v>
      </c>
      <c r="B98335" s="14" t="s">
        <v>1</v>
      </c>
      <c r="C98335" s="14" t="s">
        <v>96</v>
      </c>
      <c r="D98335" s="14" t="s">
        <v>487</v>
      </c>
      <c r="E98335" s="15">
        <v>45526</v>
      </c>
      <c r="F98335" s="14" t="s">
        <v>15</v>
      </c>
      <c r="G98335" s="16">
        <v>0</v>
      </c>
    </row>
    <row r="98336" spans="1:7" x14ac:dyDescent="0.3">
      <c r="A98336" s="13" t="s">
        <v>486</v>
      </c>
      <c r="B98336" s="14" t="s">
        <v>1</v>
      </c>
      <c r="C98336" s="14" t="s">
        <v>96</v>
      </c>
      <c r="D98336" s="14" t="s">
        <v>487</v>
      </c>
      <c r="E98336" s="15">
        <v>45527</v>
      </c>
      <c r="F98336" s="14" t="s">
        <v>15</v>
      </c>
      <c r="G98336" s="16">
        <v>0</v>
      </c>
    </row>
    <row r="98337" spans="1:7" x14ac:dyDescent="0.3">
      <c r="A98337" s="13" t="s">
        <v>486</v>
      </c>
      <c r="B98337" s="14" t="s">
        <v>1</v>
      </c>
      <c r="C98337" s="14" t="s">
        <v>96</v>
      </c>
      <c r="D98337" s="14" t="s">
        <v>487</v>
      </c>
      <c r="E98337" s="15">
        <v>45528</v>
      </c>
      <c r="F98337" s="14" t="s">
        <v>15</v>
      </c>
      <c r="G98337" s="16">
        <v>0</v>
      </c>
    </row>
    <row r="98338" spans="1:7" x14ac:dyDescent="0.3">
      <c r="A98338" s="13" t="s">
        <v>486</v>
      </c>
      <c r="B98338" s="14" t="s">
        <v>1</v>
      </c>
      <c r="C98338" s="14" t="s">
        <v>96</v>
      </c>
      <c r="D98338" s="14" t="s">
        <v>487</v>
      </c>
      <c r="E98338" s="15">
        <v>45529</v>
      </c>
      <c r="F98338" s="14" t="s">
        <v>15</v>
      </c>
      <c r="G98338" s="16">
        <v>0</v>
      </c>
    </row>
    <row r="98339" spans="1:7" x14ac:dyDescent="0.3">
      <c r="A98339" s="13" t="s">
        <v>486</v>
      </c>
      <c r="B98339" s="14" t="s">
        <v>1</v>
      </c>
      <c r="C98339" s="14" t="s">
        <v>96</v>
      </c>
      <c r="D98339" s="14" t="s">
        <v>487</v>
      </c>
      <c r="E98339" s="15">
        <v>45530</v>
      </c>
      <c r="F98339" s="14" t="s">
        <v>15</v>
      </c>
      <c r="G98339" s="16">
        <v>0</v>
      </c>
    </row>
    <row r="98340" spans="1:7" x14ac:dyDescent="0.3">
      <c r="A98340" s="13" t="s">
        <v>486</v>
      </c>
      <c r="B98340" s="14" t="s">
        <v>1</v>
      </c>
      <c r="C98340" s="14" t="s">
        <v>96</v>
      </c>
      <c r="D98340" s="14" t="s">
        <v>487</v>
      </c>
      <c r="E98340" s="15">
        <v>45531</v>
      </c>
      <c r="F98340" s="14" t="s">
        <v>15</v>
      </c>
      <c r="G98340" s="16">
        <v>0</v>
      </c>
    </row>
    <row r="98341" spans="1:7" x14ac:dyDescent="0.3">
      <c r="A98341" s="13" t="s">
        <v>486</v>
      </c>
      <c r="B98341" s="14" t="s">
        <v>1</v>
      </c>
      <c r="C98341" s="14" t="s">
        <v>96</v>
      </c>
      <c r="D98341" s="14" t="s">
        <v>487</v>
      </c>
      <c r="E98341" s="15">
        <v>45532</v>
      </c>
      <c r="F98341" s="14" t="s">
        <v>15</v>
      </c>
      <c r="G98341" s="16">
        <v>0</v>
      </c>
    </row>
    <row r="98342" spans="1:7" x14ac:dyDescent="0.3">
      <c r="A98342" s="13" t="s">
        <v>486</v>
      </c>
      <c r="B98342" s="14" t="s">
        <v>1</v>
      </c>
      <c r="C98342" s="14" t="s">
        <v>96</v>
      </c>
      <c r="D98342" s="14" t="s">
        <v>487</v>
      </c>
      <c r="E98342" s="15">
        <v>45533</v>
      </c>
      <c r="F98342" s="14" t="s">
        <v>15</v>
      </c>
      <c r="G98342" s="16">
        <v>0</v>
      </c>
    </row>
    <row r="98343" spans="1:7" x14ac:dyDescent="0.3">
      <c r="A98343" s="13" t="s">
        <v>486</v>
      </c>
      <c r="B98343" s="14" t="s">
        <v>1</v>
      </c>
      <c r="C98343" s="14" t="s">
        <v>96</v>
      </c>
      <c r="D98343" s="14" t="s">
        <v>487</v>
      </c>
      <c r="E98343" s="15">
        <v>45534</v>
      </c>
      <c r="F98343" s="14" t="s">
        <v>15</v>
      </c>
      <c r="G98343" s="16">
        <v>0</v>
      </c>
    </row>
    <row r="98344" spans="1:7" x14ac:dyDescent="0.3">
      <c r="A98344" s="13" t="s">
        <v>486</v>
      </c>
      <c r="B98344" s="14" t="s">
        <v>1</v>
      </c>
      <c r="C98344" s="14" t="s">
        <v>96</v>
      </c>
      <c r="D98344" s="14" t="s">
        <v>487</v>
      </c>
      <c r="E98344" s="15">
        <v>45535</v>
      </c>
      <c r="F98344" s="14" t="s">
        <v>15</v>
      </c>
      <c r="G98344" s="16">
        <v>0</v>
      </c>
    </row>
    <row r="98345" spans="1:7" x14ac:dyDescent="0.3">
      <c r="A98345" s="13" t="s">
        <v>486</v>
      </c>
      <c r="B98345" s="14" t="s">
        <v>1</v>
      </c>
      <c r="C98345" s="14" t="s">
        <v>96</v>
      </c>
      <c r="D98345" s="14" t="s">
        <v>487</v>
      </c>
      <c r="E98345" s="15">
        <v>45536</v>
      </c>
      <c r="F98345" s="14" t="s">
        <v>15</v>
      </c>
      <c r="G98345" s="16">
        <v>0</v>
      </c>
    </row>
    <row r="98346" spans="1:7" x14ac:dyDescent="0.3">
      <c r="A98346" s="13" t="s">
        <v>486</v>
      </c>
      <c r="B98346" s="14" t="s">
        <v>1</v>
      </c>
      <c r="C98346" s="14" t="s">
        <v>96</v>
      </c>
      <c r="D98346" s="14" t="s">
        <v>487</v>
      </c>
      <c r="E98346" s="15">
        <v>45537</v>
      </c>
      <c r="F98346" s="14" t="s">
        <v>15</v>
      </c>
      <c r="G98346" s="16">
        <v>0</v>
      </c>
    </row>
    <row r="98347" spans="1:7" x14ac:dyDescent="0.3">
      <c r="A98347" s="13" t="s">
        <v>486</v>
      </c>
      <c r="B98347" s="14" t="s">
        <v>1</v>
      </c>
      <c r="C98347" s="14" t="s">
        <v>96</v>
      </c>
      <c r="D98347" s="14" t="s">
        <v>487</v>
      </c>
      <c r="E98347" s="15">
        <v>45538</v>
      </c>
      <c r="F98347" s="14" t="s">
        <v>15</v>
      </c>
      <c r="G98347" s="16">
        <v>0</v>
      </c>
    </row>
    <row r="98348" spans="1:7" x14ac:dyDescent="0.3">
      <c r="A98348" s="13" t="s">
        <v>486</v>
      </c>
      <c r="B98348" s="14" t="s">
        <v>1</v>
      </c>
      <c r="C98348" s="14" t="s">
        <v>96</v>
      </c>
      <c r="D98348" s="14" t="s">
        <v>487</v>
      </c>
      <c r="E98348" s="15">
        <v>45539</v>
      </c>
      <c r="F98348" s="14" t="s">
        <v>15</v>
      </c>
      <c r="G98348" s="16">
        <v>0</v>
      </c>
    </row>
    <row r="98349" spans="1:7" x14ac:dyDescent="0.3">
      <c r="A98349" s="13" t="s">
        <v>486</v>
      </c>
      <c r="B98349" s="14" t="s">
        <v>1</v>
      </c>
      <c r="C98349" s="14" t="s">
        <v>96</v>
      </c>
      <c r="D98349" s="14" t="s">
        <v>487</v>
      </c>
      <c r="E98349" s="15">
        <v>45540</v>
      </c>
      <c r="F98349" s="14" t="s">
        <v>15</v>
      </c>
      <c r="G98349" s="16">
        <v>0</v>
      </c>
    </row>
    <row r="98350" spans="1:7" x14ac:dyDescent="0.3">
      <c r="A98350" s="13" t="s">
        <v>486</v>
      </c>
      <c r="B98350" s="14" t="s">
        <v>1</v>
      </c>
      <c r="C98350" s="14" t="s">
        <v>96</v>
      </c>
      <c r="D98350" s="14" t="s">
        <v>487</v>
      </c>
      <c r="E98350" s="15">
        <v>45541</v>
      </c>
      <c r="F98350" s="14" t="s">
        <v>15</v>
      </c>
      <c r="G98350" s="16">
        <v>0</v>
      </c>
    </row>
    <row r="98351" spans="1:7" x14ac:dyDescent="0.3">
      <c r="A98351" s="13" t="s">
        <v>486</v>
      </c>
      <c r="B98351" s="14" t="s">
        <v>1</v>
      </c>
      <c r="C98351" s="14" t="s">
        <v>96</v>
      </c>
      <c r="D98351" s="14" t="s">
        <v>487</v>
      </c>
      <c r="E98351" s="15">
        <v>45542</v>
      </c>
      <c r="F98351" s="14" t="s">
        <v>15</v>
      </c>
      <c r="G98351" s="16">
        <v>0</v>
      </c>
    </row>
    <row r="98352" spans="1:7" x14ac:dyDescent="0.3">
      <c r="A98352" s="13" t="s">
        <v>486</v>
      </c>
      <c r="B98352" s="14" t="s">
        <v>1</v>
      </c>
      <c r="C98352" s="14" t="s">
        <v>96</v>
      </c>
      <c r="D98352" s="14" t="s">
        <v>487</v>
      </c>
      <c r="E98352" s="15">
        <v>45543</v>
      </c>
      <c r="F98352" s="14" t="s">
        <v>15</v>
      </c>
      <c r="G98352" s="16">
        <v>0</v>
      </c>
    </row>
    <row r="98353" spans="1:7" x14ac:dyDescent="0.3">
      <c r="A98353" s="13" t="s">
        <v>486</v>
      </c>
      <c r="B98353" s="14" t="s">
        <v>1</v>
      </c>
      <c r="C98353" s="14" t="s">
        <v>96</v>
      </c>
      <c r="D98353" s="14" t="s">
        <v>487</v>
      </c>
      <c r="E98353" s="15">
        <v>45544</v>
      </c>
      <c r="F98353" s="14" t="s">
        <v>15</v>
      </c>
      <c r="G98353" s="16">
        <v>0</v>
      </c>
    </row>
    <row r="98354" spans="1:7" x14ac:dyDescent="0.3">
      <c r="A98354" s="13" t="s">
        <v>486</v>
      </c>
      <c r="B98354" s="14" t="s">
        <v>1</v>
      </c>
      <c r="C98354" s="14" t="s">
        <v>96</v>
      </c>
      <c r="D98354" s="14" t="s">
        <v>487</v>
      </c>
      <c r="E98354" s="15">
        <v>45545</v>
      </c>
      <c r="F98354" s="14" t="s">
        <v>15</v>
      </c>
      <c r="G98354" s="16">
        <v>0</v>
      </c>
    </row>
    <row r="98355" spans="1:7" x14ac:dyDescent="0.3">
      <c r="A98355" s="13" t="s">
        <v>486</v>
      </c>
      <c r="B98355" s="14" t="s">
        <v>1</v>
      </c>
      <c r="C98355" s="14" t="s">
        <v>96</v>
      </c>
      <c r="D98355" s="14" t="s">
        <v>487</v>
      </c>
      <c r="E98355" s="15">
        <v>45546</v>
      </c>
      <c r="F98355" s="14" t="s">
        <v>15</v>
      </c>
      <c r="G98355" s="16">
        <v>0</v>
      </c>
    </row>
    <row r="98356" spans="1:7" x14ac:dyDescent="0.3">
      <c r="A98356" s="13" t="s">
        <v>486</v>
      </c>
      <c r="B98356" s="14" t="s">
        <v>1</v>
      </c>
      <c r="C98356" s="14" t="s">
        <v>96</v>
      </c>
      <c r="D98356" s="14" t="s">
        <v>487</v>
      </c>
      <c r="E98356" s="15">
        <v>45547</v>
      </c>
      <c r="F98356" s="14" t="s">
        <v>15</v>
      </c>
      <c r="G98356" s="16">
        <v>0</v>
      </c>
    </row>
    <row r="98357" spans="1:7" x14ac:dyDescent="0.3">
      <c r="A98357" s="13" t="s">
        <v>486</v>
      </c>
      <c r="B98357" s="14" t="s">
        <v>1</v>
      </c>
      <c r="C98357" s="14" t="s">
        <v>96</v>
      </c>
      <c r="D98357" s="14" t="s">
        <v>487</v>
      </c>
      <c r="E98357" s="15">
        <v>45548</v>
      </c>
      <c r="F98357" s="14" t="s">
        <v>15</v>
      </c>
      <c r="G98357" s="16">
        <v>0</v>
      </c>
    </row>
    <row r="98358" spans="1:7" x14ac:dyDescent="0.3">
      <c r="A98358" s="13" t="s">
        <v>486</v>
      </c>
      <c r="B98358" s="14" t="s">
        <v>1</v>
      </c>
      <c r="C98358" s="14" t="s">
        <v>96</v>
      </c>
      <c r="D98358" s="14" t="s">
        <v>487</v>
      </c>
      <c r="E98358" s="15">
        <v>45549</v>
      </c>
      <c r="F98358" s="14" t="s">
        <v>15</v>
      </c>
      <c r="G98358" s="16">
        <v>0</v>
      </c>
    </row>
    <row r="98359" spans="1:7" x14ac:dyDescent="0.3">
      <c r="A98359" s="13" t="s">
        <v>486</v>
      </c>
      <c r="B98359" s="14" t="s">
        <v>1</v>
      </c>
      <c r="C98359" s="14" t="s">
        <v>96</v>
      </c>
      <c r="D98359" s="14" t="s">
        <v>487</v>
      </c>
      <c r="E98359" s="15">
        <v>45550</v>
      </c>
      <c r="F98359" s="14" t="s">
        <v>15</v>
      </c>
      <c r="G98359" s="16">
        <v>0</v>
      </c>
    </row>
    <row r="98360" spans="1:7" x14ac:dyDescent="0.3">
      <c r="A98360" s="13" t="s">
        <v>486</v>
      </c>
      <c r="B98360" s="14" t="s">
        <v>1</v>
      </c>
      <c r="C98360" s="14" t="s">
        <v>96</v>
      </c>
      <c r="D98360" s="14" t="s">
        <v>487</v>
      </c>
      <c r="E98360" s="15">
        <v>45551</v>
      </c>
      <c r="F98360" s="14" t="s">
        <v>15</v>
      </c>
      <c r="G98360" s="16">
        <v>0</v>
      </c>
    </row>
    <row r="98361" spans="1:7" x14ac:dyDescent="0.3">
      <c r="A98361" s="13" t="s">
        <v>486</v>
      </c>
      <c r="B98361" s="14" t="s">
        <v>1</v>
      </c>
      <c r="C98361" s="14" t="s">
        <v>96</v>
      </c>
      <c r="D98361" s="14" t="s">
        <v>487</v>
      </c>
      <c r="E98361" s="15">
        <v>45552</v>
      </c>
      <c r="F98361" s="14" t="s">
        <v>15</v>
      </c>
      <c r="G98361" s="16">
        <v>0</v>
      </c>
    </row>
    <row r="98362" spans="1:7" x14ac:dyDescent="0.3">
      <c r="A98362" s="13" t="s">
        <v>486</v>
      </c>
      <c r="B98362" s="14" t="s">
        <v>1</v>
      </c>
      <c r="C98362" s="14" t="s">
        <v>96</v>
      </c>
      <c r="D98362" s="14" t="s">
        <v>487</v>
      </c>
      <c r="E98362" s="15">
        <v>45553</v>
      </c>
      <c r="F98362" s="14" t="s">
        <v>15</v>
      </c>
      <c r="G98362" s="16">
        <v>0</v>
      </c>
    </row>
    <row r="98363" spans="1:7" x14ac:dyDescent="0.3">
      <c r="A98363" s="13" t="s">
        <v>486</v>
      </c>
      <c r="B98363" s="14" t="s">
        <v>1</v>
      </c>
      <c r="C98363" s="14" t="s">
        <v>96</v>
      </c>
      <c r="D98363" s="14" t="s">
        <v>487</v>
      </c>
      <c r="E98363" s="15">
        <v>45554</v>
      </c>
      <c r="F98363" s="14" t="s">
        <v>15</v>
      </c>
      <c r="G98363" s="16">
        <v>0</v>
      </c>
    </row>
    <row r="98364" spans="1:7" x14ac:dyDescent="0.3">
      <c r="A98364" s="13" t="s">
        <v>486</v>
      </c>
      <c r="B98364" s="14" t="s">
        <v>1</v>
      </c>
      <c r="C98364" s="14" t="s">
        <v>96</v>
      </c>
      <c r="D98364" s="14" t="s">
        <v>487</v>
      </c>
      <c r="E98364" s="15">
        <v>45555</v>
      </c>
      <c r="F98364" s="14" t="s">
        <v>15</v>
      </c>
      <c r="G98364" s="16">
        <v>0</v>
      </c>
    </row>
    <row r="98365" spans="1:7" x14ac:dyDescent="0.3">
      <c r="A98365" s="13" t="s">
        <v>486</v>
      </c>
      <c r="B98365" s="14" t="s">
        <v>1</v>
      </c>
      <c r="C98365" s="14" t="s">
        <v>96</v>
      </c>
      <c r="D98365" s="14" t="s">
        <v>487</v>
      </c>
      <c r="E98365" s="15">
        <v>45556</v>
      </c>
      <c r="F98365" s="14" t="s">
        <v>15</v>
      </c>
      <c r="G98365" s="16">
        <v>0</v>
      </c>
    </row>
    <row r="98366" spans="1:7" x14ac:dyDescent="0.3">
      <c r="A98366" s="13" t="s">
        <v>486</v>
      </c>
      <c r="B98366" s="14" t="s">
        <v>1</v>
      </c>
      <c r="C98366" s="14" t="s">
        <v>96</v>
      </c>
      <c r="D98366" s="14" t="s">
        <v>487</v>
      </c>
      <c r="E98366" s="15">
        <v>45557</v>
      </c>
      <c r="F98366" s="14" t="s">
        <v>15</v>
      </c>
      <c r="G98366" s="16">
        <v>0</v>
      </c>
    </row>
    <row r="98367" spans="1:7" x14ac:dyDescent="0.3">
      <c r="A98367" s="13" t="s">
        <v>486</v>
      </c>
      <c r="B98367" s="14" t="s">
        <v>1</v>
      </c>
      <c r="C98367" s="14" t="s">
        <v>96</v>
      </c>
      <c r="D98367" s="14" t="s">
        <v>487</v>
      </c>
      <c r="E98367" s="15">
        <v>45558</v>
      </c>
      <c r="F98367" s="14" t="s">
        <v>15</v>
      </c>
      <c r="G98367" s="16">
        <v>0</v>
      </c>
    </row>
    <row r="98368" spans="1:7" x14ac:dyDescent="0.3">
      <c r="A98368" s="13" t="s">
        <v>486</v>
      </c>
      <c r="B98368" s="14" t="s">
        <v>1</v>
      </c>
      <c r="C98368" s="14" t="s">
        <v>96</v>
      </c>
      <c r="D98368" s="14" t="s">
        <v>487</v>
      </c>
      <c r="E98368" s="15">
        <v>45559</v>
      </c>
      <c r="F98368" s="14" t="s">
        <v>15</v>
      </c>
      <c r="G98368" s="16">
        <v>0</v>
      </c>
    </row>
    <row r="98369" spans="1:7" x14ac:dyDescent="0.3">
      <c r="A98369" s="13" t="s">
        <v>486</v>
      </c>
      <c r="B98369" s="14" t="s">
        <v>1</v>
      </c>
      <c r="C98369" s="14" t="s">
        <v>96</v>
      </c>
      <c r="D98369" s="14" t="s">
        <v>487</v>
      </c>
      <c r="E98369" s="15">
        <v>45560</v>
      </c>
      <c r="F98369" s="14" t="s">
        <v>15</v>
      </c>
      <c r="G98369" s="16">
        <v>0</v>
      </c>
    </row>
    <row r="98370" spans="1:7" x14ac:dyDescent="0.3">
      <c r="A98370" s="13" t="s">
        <v>486</v>
      </c>
      <c r="B98370" s="14" t="s">
        <v>1</v>
      </c>
      <c r="C98370" s="14" t="s">
        <v>96</v>
      </c>
      <c r="D98370" s="14" t="s">
        <v>487</v>
      </c>
      <c r="E98370" s="15">
        <v>45561</v>
      </c>
      <c r="F98370" s="14" t="s">
        <v>15</v>
      </c>
      <c r="G98370" s="16">
        <v>0</v>
      </c>
    </row>
    <row r="98371" spans="1:7" x14ac:dyDescent="0.3">
      <c r="A98371" s="13" t="s">
        <v>486</v>
      </c>
      <c r="B98371" s="14" t="s">
        <v>1</v>
      </c>
      <c r="C98371" s="14" t="s">
        <v>96</v>
      </c>
      <c r="D98371" s="14" t="s">
        <v>487</v>
      </c>
      <c r="E98371" s="15">
        <v>45562</v>
      </c>
      <c r="F98371" s="14" t="s">
        <v>15</v>
      </c>
      <c r="G98371" s="16">
        <v>0</v>
      </c>
    </row>
    <row r="98372" spans="1:7" x14ac:dyDescent="0.3">
      <c r="A98372" s="13" t="s">
        <v>486</v>
      </c>
      <c r="B98372" s="14" t="s">
        <v>1</v>
      </c>
      <c r="C98372" s="14" t="s">
        <v>96</v>
      </c>
      <c r="D98372" s="14" t="s">
        <v>487</v>
      </c>
      <c r="E98372" s="15">
        <v>45563</v>
      </c>
      <c r="F98372" s="14" t="s">
        <v>15</v>
      </c>
      <c r="G98372" s="16">
        <v>0</v>
      </c>
    </row>
    <row r="98373" spans="1:7" x14ac:dyDescent="0.3">
      <c r="A98373" s="13" t="s">
        <v>486</v>
      </c>
      <c r="B98373" s="14" t="s">
        <v>1</v>
      </c>
      <c r="C98373" s="14" t="s">
        <v>96</v>
      </c>
      <c r="D98373" s="14" t="s">
        <v>487</v>
      </c>
      <c r="E98373" s="15">
        <v>45564</v>
      </c>
      <c r="F98373" s="14" t="s">
        <v>15</v>
      </c>
      <c r="G98373" s="16">
        <v>0</v>
      </c>
    </row>
    <row r="98374" spans="1:7" x14ac:dyDescent="0.3">
      <c r="A98374" s="13" t="s">
        <v>486</v>
      </c>
      <c r="B98374" s="14" t="s">
        <v>1</v>
      </c>
      <c r="C98374" s="14" t="s">
        <v>96</v>
      </c>
      <c r="D98374" s="14" t="s">
        <v>487</v>
      </c>
      <c r="E98374" s="15">
        <v>45565</v>
      </c>
      <c r="F98374" s="14" t="s">
        <v>15</v>
      </c>
      <c r="G98374" s="16">
        <v>0</v>
      </c>
    </row>
    <row r="98375" spans="1:7" x14ac:dyDescent="0.3">
      <c r="A98375" s="13" t="s">
        <v>486</v>
      </c>
      <c r="B98375" s="14" t="s">
        <v>1</v>
      </c>
      <c r="C98375" s="14" t="s">
        <v>96</v>
      </c>
      <c r="D98375" s="14" t="s">
        <v>487</v>
      </c>
      <c r="E98375" s="15">
        <v>45566</v>
      </c>
      <c r="F98375" s="14" t="s">
        <v>15</v>
      </c>
      <c r="G98375" s="16">
        <v>0</v>
      </c>
    </row>
    <row r="98376" spans="1:7" x14ac:dyDescent="0.3">
      <c r="A98376" s="13" t="s">
        <v>486</v>
      </c>
      <c r="B98376" s="14" t="s">
        <v>1</v>
      </c>
      <c r="C98376" s="14" t="s">
        <v>96</v>
      </c>
      <c r="D98376" s="14" t="s">
        <v>487</v>
      </c>
      <c r="E98376" s="15">
        <v>45567</v>
      </c>
      <c r="F98376" s="14" t="s">
        <v>15</v>
      </c>
      <c r="G98376" s="16">
        <v>0</v>
      </c>
    </row>
    <row r="98377" spans="1:7" x14ac:dyDescent="0.3">
      <c r="A98377" s="13" t="s">
        <v>486</v>
      </c>
      <c r="B98377" s="14" t="s">
        <v>1</v>
      </c>
      <c r="C98377" s="14" t="s">
        <v>96</v>
      </c>
      <c r="D98377" s="14" t="s">
        <v>487</v>
      </c>
      <c r="E98377" s="15">
        <v>45568</v>
      </c>
      <c r="F98377" s="14" t="s">
        <v>15</v>
      </c>
      <c r="G98377" s="16">
        <v>0</v>
      </c>
    </row>
    <row r="98378" spans="1:7" x14ac:dyDescent="0.3">
      <c r="A98378" s="13" t="s">
        <v>486</v>
      </c>
      <c r="B98378" s="14" t="s">
        <v>1</v>
      </c>
      <c r="C98378" s="14" t="s">
        <v>96</v>
      </c>
      <c r="D98378" s="14" t="s">
        <v>487</v>
      </c>
      <c r="E98378" s="15">
        <v>45569</v>
      </c>
      <c r="F98378" s="14" t="s">
        <v>15</v>
      </c>
      <c r="G98378" s="16">
        <v>0</v>
      </c>
    </row>
    <row r="98379" spans="1:7" x14ac:dyDescent="0.3">
      <c r="A98379" s="13" t="s">
        <v>486</v>
      </c>
      <c r="B98379" s="14" t="s">
        <v>1</v>
      </c>
      <c r="C98379" s="14" t="s">
        <v>96</v>
      </c>
      <c r="D98379" s="14" t="s">
        <v>487</v>
      </c>
      <c r="E98379" s="15">
        <v>45570</v>
      </c>
      <c r="F98379" s="14" t="s">
        <v>15</v>
      </c>
      <c r="G98379" s="16">
        <v>0</v>
      </c>
    </row>
    <row r="98380" spans="1:7" x14ac:dyDescent="0.3">
      <c r="A98380" s="13" t="s">
        <v>486</v>
      </c>
      <c r="B98380" s="14" t="s">
        <v>1</v>
      </c>
      <c r="C98380" s="14" t="s">
        <v>96</v>
      </c>
      <c r="D98380" s="14" t="s">
        <v>487</v>
      </c>
      <c r="E98380" s="15">
        <v>45571</v>
      </c>
      <c r="F98380" s="14" t="s">
        <v>15</v>
      </c>
      <c r="G98380" s="16">
        <v>0</v>
      </c>
    </row>
    <row r="98381" spans="1:7" x14ac:dyDescent="0.3">
      <c r="A98381" s="13" t="s">
        <v>486</v>
      </c>
      <c r="B98381" s="14" t="s">
        <v>1</v>
      </c>
      <c r="C98381" s="14" t="s">
        <v>96</v>
      </c>
      <c r="D98381" s="14" t="s">
        <v>487</v>
      </c>
      <c r="E98381" s="15">
        <v>45572</v>
      </c>
      <c r="F98381" s="14" t="s">
        <v>15</v>
      </c>
      <c r="G98381" s="16">
        <v>0</v>
      </c>
    </row>
    <row r="98382" spans="1:7" x14ac:dyDescent="0.3">
      <c r="A98382" s="13" t="s">
        <v>486</v>
      </c>
      <c r="B98382" s="14" t="s">
        <v>1</v>
      </c>
      <c r="C98382" s="14" t="s">
        <v>96</v>
      </c>
      <c r="D98382" s="14" t="s">
        <v>487</v>
      </c>
      <c r="E98382" s="15">
        <v>45573</v>
      </c>
      <c r="F98382" s="14" t="s">
        <v>15</v>
      </c>
      <c r="G98382" s="16">
        <v>0</v>
      </c>
    </row>
    <row r="98383" spans="1:7" x14ac:dyDescent="0.3">
      <c r="A98383" s="13" t="s">
        <v>486</v>
      </c>
      <c r="B98383" s="14" t="s">
        <v>1</v>
      </c>
      <c r="C98383" s="14" t="s">
        <v>96</v>
      </c>
      <c r="D98383" s="14" t="s">
        <v>487</v>
      </c>
      <c r="E98383" s="15">
        <v>45574</v>
      </c>
      <c r="F98383" s="14" t="s">
        <v>15</v>
      </c>
      <c r="G98383" s="16">
        <v>0</v>
      </c>
    </row>
    <row r="98384" spans="1:7" x14ac:dyDescent="0.3">
      <c r="A98384" s="13" t="s">
        <v>486</v>
      </c>
      <c r="B98384" s="14" t="s">
        <v>1</v>
      </c>
      <c r="C98384" s="14" t="s">
        <v>96</v>
      </c>
      <c r="D98384" s="14" t="s">
        <v>487</v>
      </c>
      <c r="E98384" s="15">
        <v>45575</v>
      </c>
      <c r="F98384" s="14" t="s">
        <v>15</v>
      </c>
      <c r="G98384" s="16">
        <v>0</v>
      </c>
    </row>
    <row r="98385" spans="1:7" x14ac:dyDescent="0.3">
      <c r="A98385" s="13" t="s">
        <v>486</v>
      </c>
      <c r="B98385" s="14" t="s">
        <v>1</v>
      </c>
      <c r="C98385" s="14" t="s">
        <v>96</v>
      </c>
      <c r="D98385" s="14" t="s">
        <v>487</v>
      </c>
      <c r="E98385" s="15">
        <v>45576</v>
      </c>
      <c r="F98385" s="14" t="s">
        <v>15</v>
      </c>
      <c r="G98385" s="16">
        <v>0</v>
      </c>
    </row>
    <row r="98386" spans="1:7" x14ac:dyDescent="0.3">
      <c r="A98386" s="13" t="s">
        <v>486</v>
      </c>
      <c r="B98386" s="14" t="s">
        <v>1</v>
      </c>
      <c r="C98386" s="14" t="s">
        <v>96</v>
      </c>
      <c r="D98386" s="14" t="s">
        <v>487</v>
      </c>
      <c r="E98386" s="15">
        <v>45577</v>
      </c>
      <c r="F98386" s="14" t="s">
        <v>15</v>
      </c>
      <c r="G98386" s="16">
        <v>0</v>
      </c>
    </row>
    <row r="98387" spans="1:7" x14ac:dyDescent="0.3">
      <c r="A98387" s="13" t="s">
        <v>486</v>
      </c>
      <c r="B98387" s="14" t="s">
        <v>1</v>
      </c>
      <c r="C98387" s="14" t="s">
        <v>96</v>
      </c>
      <c r="D98387" s="14" t="s">
        <v>487</v>
      </c>
      <c r="E98387" s="15">
        <v>45578</v>
      </c>
      <c r="F98387" s="14" t="s">
        <v>15</v>
      </c>
      <c r="G98387" s="16">
        <v>0</v>
      </c>
    </row>
    <row r="98388" spans="1:7" x14ac:dyDescent="0.3">
      <c r="A98388" s="13" t="s">
        <v>486</v>
      </c>
      <c r="B98388" s="14" t="s">
        <v>1</v>
      </c>
      <c r="C98388" s="14" t="s">
        <v>96</v>
      </c>
      <c r="D98388" s="14" t="s">
        <v>487</v>
      </c>
      <c r="E98388" s="15">
        <v>45579</v>
      </c>
      <c r="F98388" s="14" t="s">
        <v>15</v>
      </c>
      <c r="G98388" s="16">
        <v>0</v>
      </c>
    </row>
    <row r="98389" spans="1:7" x14ac:dyDescent="0.3">
      <c r="A98389" s="13" t="s">
        <v>486</v>
      </c>
      <c r="B98389" s="14" t="s">
        <v>1</v>
      </c>
      <c r="C98389" s="14" t="s">
        <v>96</v>
      </c>
      <c r="D98389" s="14" t="s">
        <v>487</v>
      </c>
      <c r="E98389" s="15">
        <v>45580</v>
      </c>
      <c r="F98389" s="14" t="s">
        <v>15</v>
      </c>
      <c r="G98389" s="16">
        <v>0</v>
      </c>
    </row>
    <row r="98390" spans="1:7" x14ac:dyDescent="0.3">
      <c r="A98390" s="13" t="s">
        <v>486</v>
      </c>
      <c r="B98390" s="14" t="s">
        <v>1</v>
      </c>
      <c r="C98390" s="14" t="s">
        <v>96</v>
      </c>
      <c r="D98390" s="14" t="s">
        <v>487</v>
      </c>
      <c r="E98390" s="15">
        <v>45581</v>
      </c>
      <c r="F98390" s="14" t="s">
        <v>15</v>
      </c>
      <c r="G98390" s="16">
        <v>0</v>
      </c>
    </row>
    <row r="98391" spans="1:7" x14ac:dyDescent="0.3">
      <c r="A98391" s="13" t="s">
        <v>486</v>
      </c>
      <c r="B98391" s="14" t="s">
        <v>1</v>
      </c>
      <c r="C98391" s="14" t="s">
        <v>96</v>
      </c>
      <c r="D98391" s="14" t="s">
        <v>487</v>
      </c>
      <c r="E98391" s="15">
        <v>45582</v>
      </c>
      <c r="F98391" s="14" t="s">
        <v>15</v>
      </c>
      <c r="G98391" s="16">
        <v>0</v>
      </c>
    </row>
    <row r="98392" spans="1:7" x14ac:dyDescent="0.3">
      <c r="A98392" s="13" t="s">
        <v>486</v>
      </c>
      <c r="B98392" s="14" t="s">
        <v>1</v>
      </c>
      <c r="C98392" s="14" t="s">
        <v>96</v>
      </c>
      <c r="D98392" s="14" t="s">
        <v>487</v>
      </c>
      <c r="E98392" s="15">
        <v>45583</v>
      </c>
      <c r="F98392" s="14" t="s">
        <v>15</v>
      </c>
      <c r="G98392" s="16">
        <v>0</v>
      </c>
    </row>
    <row r="98393" spans="1:7" x14ac:dyDescent="0.3">
      <c r="A98393" s="13" t="s">
        <v>486</v>
      </c>
      <c r="B98393" s="14" t="s">
        <v>1</v>
      </c>
      <c r="C98393" s="14" t="s">
        <v>96</v>
      </c>
      <c r="D98393" s="14" t="s">
        <v>487</v>
      </c>
      <c r="E98393" s="15">
        <v>45584</v>
      </c>
      <c r="F98393" s="14" t="s">
        <v>15</v>
      </c>
      <c r="G98393" s="16">
        <v>0</v>
      </c>
    </row>
    <row r="98394" spans="1:7" x14ac:dyDescent="0.3">
      <c r="A98394" s="13" t="s">
        <v>486</v>
      </c>
      <c r="B98394" s="14" t="s">
        <v>1</v>
      </c>
      <c r="C98394" s="14" t="s">
        <v>96</v>
      </c>
      <c r="D98394" s="14" t="s">
        <v>487</v>
      </c>
      <c r="E98394" s="15">
        <v>45585</v>
      </c>
      <c r="F98394" s="14" t="s">
        <v>15</v>
      </c>
      <c r="G98394" s="16">
        <v>0</v>
      </c>
    </row>
    <row r="98395" spans="1:7" x14ac:dyDescent="0.3">
      <c r="A98395" s="13" t="s">
        <v>486</v>
      </c>
      <c r="B98395" s="14" t="s">
        <v>1</v>
      </c>
      <c r="C98395" s="14" t="s">
        <v>96</v>
      </c>
      <c r="D98395" s="14" t="s">
        <v>487</v>
      </c>
      <c r="E98395" s="15">
        <v>45586</v>
      </c>
      <c r="F98395" s="14" t="s">
        <v>15</v>
      </c>
      <c r="G98395" s="16">
        <v>0</v>
      </c>
    </row>
    <row r="98396" spans="1:7" x14ac:dyDescent="0.3">
      <c r="A98396" s="13" t="s">
        <v>486</v>
      </c>
      <c r="B98396" s="14" t="s">
        <v>1</v>
      </c>
      <c r="C98396" s="14" t="s">
        <v>96</v>
      </c>
      <c r="D98396" s="14" t="s">
        <v>487</v>
      </c>
      <c r="E98396" s="15">
        <v>45587</v>
      </c>
      <c r="F98396" s="14" t="s">
        <v>15</v>
      </c>
      <c r="G98396" s="16">
        <v>0</v>
      </c>
    </row>
    <row r="98397" spans="1:7" x14ac:dyDescent="0.3">
      <c r="A98397" s="13" t="s">
        <v>486</v>
      </c>
      <c r="B98397" s="14" t="s">
        <v>1</v>
      </c>
      <c r="C98397" s="14" t="s">
        <v>96</v>
      </c>
      <c r="D98397" s="14" t="s">
        <v>487</v>
      </c>
      <c r="E98397" s="15">
        <v>45588</v>
      </c>
      <c r="F98397" s="14" t="s">
        <v>15</v>
      </c>
      <c r="G98397" s="16">
        <v>0</v>
      </c>
    </row>
    <row r="98398" spans="1:7" x14ac:dyDescent="0.3">
      <c r="A98398" s="13" t="s">
        <v>486</v>
      </c>
      <c r="B98398" s="14" t="s">
        <v>1</v>
      </c>
      <c r="C98398" s="14" t="s">
        <v>96</v>
      </c>
      <c r="D98398" s="14" t="s">
        <v>487</v>
      </c>
      <c r="E98398" s="15">
        <v>45589</v>
      </c>
      <c r="F98398" s="14" t="s">
        <v>15</v>
      </c>
      <c r="G98398" s="16">
        <v>0</v>
      </c>
    </row>
    <row r="98399" spans="1:7" x14ac:dyDescent="0.3">
      <c r="A98399" s="13" t="s">
        <v>486</v>
      </c>
      <c r="B98399" s="14" t="s">
        <v>1</v>
      </c>
      <c r="C98399" s="14" t="s">
        <v>96</v>
      </c>
      <c r="D98399" s="14" t="s">
        <v>487</v>
      </c>
      <c r="E98399" s="15">
        <v>45590</v>
      </c>
      <c r="F98399" s="14" t="s">
        <v>15</v>
      </c>
      <c r="G98399" s="16">
        <v>0</v>
      </c>
    </row>
    <row r="98400" spans="1:7" x14ac:dyDescent="0.3">
      <c r="A98400" s="13" t="s">
        <v>486</v>
      </c>
      <c r="B98400" s="14" t="s">
        <v>1</v>
      </c>
      <c r="C98400" s="14" t="s">
        <v>96</v>
      </c>
      <c r="D98400" s="14" t="s">
        <v>487</v>
      </c>
      <c r="E98400" s="15">
        <v>45591</v>
      </c>
      <c r="F98400" s="14" t="s">
        <v>15</v>
      </c>
      <c r="G98400" s="16">
        <v>0</v>
      </c>
    </row>
    <row r="98401" spans="1:7" x14ac:dyDescent="0.3">
      <c r="A98401" s="13" t="s">
        <v>486</v>
      </c>
      <c r="B98401" s="14" t="s">
        <v>1</v>
      </c>
      <c r="C98401" s="14" t="s">
        <v>96</v>
      </c>
      <c r="D98401" s="14" t="s">
        <v>487</v>
      </c>
      <c r="E98401" s="15">
        <v>45592</v>
      </c>
      <c r="F98401" s="14" t="s">
        <v>15</v>
      </c>
      <c r="G98401" s="16">
        <v>0</v>
      </c>
    </row>
    <row r="98402" spans="1:7" x14ac:dyDescent="0.3">
      <c r="A98402" s="13" t="s">
        <v>486</v>
      </c>
      <c r="B98402" s="14" t="s">
        <v>1</v>
      </c>
      <c r="C98402" s="14" t="s">
        <v>96</v>
      </c>
      <c r="D98402" s="14" t="s">
        <v>487</v>
      </c>
      <c r="E98402" s="15">
        <v>45593</v>
      </c>
      <c r="F98402" s="14" t="s">
        <v>15</v>
      </c>
      <c r="G98402" s="16">
        <v>0</v>
      </c>
    </row>
    <row r="98403" spans="1:7" x14ac:dyDescent="0.3">
      <c r="A98403" s="13" t="s">
        <v>486</v>
      </c>
      <c r="B98403" s="14" t="s">
        <v>1</v>
      </c>
      <c r="C98403" s="14" t="s">
        <v>96</v>
      </c>
      <c r="D98403" s="14" t="s">
        <v>487</v>
      </c>
      <c r="E98403" s="15">
        <v>45594</v>
      </c>
      <c r="F98403" s="14" t="s">
        <v>15</v>
      </c>
      <c r="G98403" s="16">
        <v>0</v>
      </c>
    </row>
    <row r="98404" spans="1:7" x14ac:dyDescent="0.3">
      <c r="A98404" s="13" t="s">
        <v>486</v>
      </c>
      <c r="B98404" s="14" t="s">
        <v>1</v>
      </c>
      <c r="C98404" s="14" t="s">
        <v>96</v>
      </c>
      <c r="D98404" s="14" t="s">
        <v>487</v>
      </c>
      <c r="E98404" s="15">
        <v>45595</v>
      </c>
      <c r="F98404" s="14" t="s">
        <v>15</v>
      </c>
      <c r="G98404" s="16">
        <v>0</v>
      </c>
    </row>
    <row r="98405" spans="1:7" x14ac:dyDescent="0.3">
      <c r="A98405" s="13" t="s">
        <v>486</v>
      </c>
      <c r="B98405" s="14" t="s">
        <v>1</v>
      </c>
      <c r="C98405" s="14" t="s">
        <v>96</v>
      </c>
      <c r="D98405" s="14" t="s">
        <v>487</v>
      </c>
      <c r="E98405" s="15">
        <v>45596</v>
      </c>
      <c r="F98405" s="14" t="s">
        <v>15</v>
      </c>
      <c r="G98405" s="16">
        <v>0</v>
      </c>
    </row>
    <row r="98406" spans="1:7" x14ac:dyDescent="0.3">
      <c r="A98406" s="13" t="s">
        <v>486</v>
      </c>
      <c r="B98406" s="14" t="s">
        <v>1</v>
      </c>
      <c r="C98406" s="14" t="s">
        <v>96</v>
      </c>
      <c r="D98406" s="14" t="s">
        <v>487</v>
      </c>
      <c r="E98406" s="15">
        <v>45597</v>
      </c>
      <c r="F98406" s="14" t="s">
        <v>15</v>
      </c>
      <c r="G98406" s="16">
        <v>0</v>
      </c>
    </row>
    <row r="98407" spans="1:7" x14ac:dyDescent="0.3">
      <c r="A98407" s="13" t="s">
        <v>486</v>
      </c>
      <c r="B98407" s="14" t="s">
        <v>1</v>
      </c>
      <c r="C98407" s="14" t="s">
        <v>96</v>
      </c>
      <c r="D98407" s="14" t="s">
        <v>487</v>
      </c>
      <c r="E98407" s="15">
        <v>45598</v>
      </c>
      <c r="F98407" s="14" t="s">
        <v>15</v>
      </c>
      <c r="G98407" s="16">
        <v>0</v>
      </c>
    </row>
    <row r="98408" spans="1:7" x14ac:dyDescent="0.3">
      <c r="A98408" s="13" t="s">
        <v>486</v>
      </c>
      <c r="B98408" s="14" t="s">
        <v>1</v>
      </c>
      <c r="C98408" s="14" t="s">
        <v>96</v>
      </c>
      <c r="D98408" s="14" t="s">
        <v>487</v>
      </c>
      <c r="E98408" s="15">
        <v>45599</v>
      </c>
      <c r="F98408" s="14" t="s">
        <v>15</v>
      </c>
      <c r="G98408" s="16">
        <v>0</v>
      </c>
    </row>
    <row r="98409" spans="1:7" x14ac:dyDescent="0.3">
      <c r="A98409" s="13" t="s">
        <v>486</v>
      </c>
      <c r="B98409" s="14" t="s">
        <v>1</v>
      </c>
      <c r="C98409" s="14" t="s">
        <v>96</v>
      </c>
      <c r="D98409" s="14" t="s">
        <v>487</v>
      </c>
      <c r="E98409" s="15">
        <v>45600</v>
      </c>
      <c r="F98409" s="14" t="s">
        <v>15</v>
      </c>
      <c r="G98409" s="16">
        <v>0</v>
      </c>
    </row>
    <row r="98410" spans="1:7" x14ac:dyDescent="0.3">
      <c r="A98410" s="13" t="s">
        <v>486</v>
      </c>
      <c r="B98410" s="14" t="s">
        <v>1</v>
      </c>
      <c r="C98410" s="14" t="s">
        <v>96</v>
      </c>
      <c r="D98410" s="14" t="s">
        <v>487</v>
      </c>
      <c r="E98410" s="15">
        <v>45601</v>
      </c>
      <c r="F98410" s="14" t="s">
        <v>15</v>
      </c>
      <c r="G98410" s="16">
        <v>0</v>
      </c>
    </row>
    <row r="98411" spans="1:7" x14ac:dyDescent="0.3">
      <c r="A98411" s="13" t="s">
        <v>486</v>
      </c>
      <c r="B98411" s="14" t="s">
        <v>1</v>
      </c>
      <c r="C98411" s="14" t="s">
        <v>96</v>
      </c>
      <c r="D98411" s="14" t="s">
        <v>487</v>
      </c>
      <c r="E98411" s="15">
        <v>45602</v>
      </c>
      <c r="F98411" s="14" t="s">
        <v>15</v>
      </c>
      <c r="G98411" s="16">
        <v>0</v>
      </c>
    </row>
    <row r="98412" spans="1:7" x14ac:dyDescent="0.3">
      <c r="A98412" s="13" t="s">
        <v>486</v>
      </c>
      <c r="B98412" s="14" t="s">
        <v>1</v>
      </c>
      <c r="C98412" s="14" t="s">
        <v>96</v>
      </c>
      <c r="D98412" s="14" t="s">
        <v>487</v>
      </c>
      <c r="E98412" s="15">
        <v>45603</v>
      </c>
      <c r="F98412" s="14" t="s">
        <v>15</v>
      </c>
      <c r="G98412" s="16">
        <v>0</v>
      </c>
    </row>
    <row r="98413" spans="1:7" x14ac:dyDescent="0.3">
      <c r="A98413" s="13" t="s">
        <v>486</v>
      </c>
      <c r="B98413" s="14" t="s">
        <v>1</v>
      </c>
      <c r="C98413" s="14" t="s">
        <v>96</v>
      </c>
      <c r="D98413" s="14" t="s">
        <v>487</v>
      </c>
      <c r="E98413" s="15">
        <v>45604</v>
      </c>
      <c r="F98413" s="14" t="s">
        <v>15</v>
      </c>
      <c r="G98413" s="16">
        <v>0</v>
      </c>
    </row>
    <row r="98414" spans="1:7" x14ac:dyDescent="0.3">
      <c r="A98414" s="13" t="s">
        <v>486</v>
      </c>
      <c r="B98414" s="14" t="s">
        <v>1</v>
      </c>
      <c r="C98414" s="14" t="s">
        <v>96</v>
      </c>
      <c r="D98414" s="14" t="s">
        <v>487</v>
      </c>
      <c r="E98414" s="15">
        <v>45605</v>
      </c>
      <c r="F98414" s="14" t="s">
        <v>15</v>
      </c>
      <c r="G98414" s="16">
        <v>0</v>
      </c>
    </row>
    <row r="98415" spans="1:7" x14ac:dyDescent="0.3">
      <c r="A98415" s="13" t="s">
        <v>486</v>
      </c>
      <c r="B98415" s="14" t="s">
        <v>1</v>
      </c>
      <c r="C98415" s="14" t="s">
        <v>96</v>
      </c>
      <c r="D98415" s="14" t="s">
        <v>487</v>
      </c>
      <c r="E98415" s="15">
        <v>45606</v>
      </c>
      <c r="F98415" s="14" t="s">
        <v>15</v>
      </c>
      <c r="G98415" s="16">
        <v>0</v>
      </c>
    </row>
    <row r="98416" spans="1:7" x14ac:dyDescent="0.3">
      <c r="A98416" s="13" t="s">
        <v>486</v>
      </c>
      <c r="B98416" s="14" t="s">
        <v>1</v>
      </c>
      <c r="C98416" s="14" t="s">
        <v>96</v>
      </c>
      <c r="D98416" s="14" t="s">
        <v>487</v>
      </c>
      <c r="E98416" s="15">
        <v>45607</v>
      </c>
      <c r="F98416" s="14" t="s">
        <v>15</v>
      </c>
      <c r="G98416" s="16">
        <v>0</v>
      </c>
    </row>
    <row r="98417" spans="1:7" x14ac:dyDescent="0.3">
      <c r="A98417" s="13" t="s">
        <v>486</v>
      </c>
      <c r="B98417" s="14" t="s">
        <v>1</v>
      </c>
      <c r="C98417" s="14" t="s">
        <v>96</v>
      </c>
      <c r="D98417" s="14" t="s">
        <v>487</v>
      </c>
      <c r="E98417" s="15">
        <v>45608</v>
      </c>
      <c r="F98417" s="14" t="s">
        <v>15</v>
      </c>
      <c r="G98417" s="16">
        <v>0</v>
      </c>
    </row>
    <row r="98418" spans="1:7" x14ac:dyDescent="0.3">
      <c r="A98418" s="13" t="s">
        <v>486</v>
      </c>
      <c r="B98418" s="14" t="s">
        <v>1</v>
      </c>
      <c r="C98418" s="14" t="s">
        <v>96</v>
      </c>
      <c r="D98418" s="14" t="s">
        <v>487</v>
      </c>
      <c r="E98418" s="15">
        <v>45609</v>
      </c>
      <c r="F98418" s="14" t="s">
        <v>15</v>
      </c>
      <c r="G98418" s="16">
        <v>0</v>
      </c>
    </row>
    <row r="98419" spans="1:7" x14ac:dyDescent="0.3">
      <c r="A98419" s="13" t="s">
        <v>486</v>
      </c>
      <c r="B98419" s="14" t="s">
        <v>1</v>
      </c>
      <c r="C98419" s="14" t="s">
        <v>96</v>
      </c>
      <c r="D98419" s="14" t="s">
        <v>487</v>
      </c>
      <c r="E98419" s="15">
        <v>45610</v>
      </c>
      <c r="F98419" s="14" t="s">
        <v>15</v>
      </c>
      <c r="G98419" s="16">
        <v>0</v>
      </c>
    </row>
    <row r="98420" spans="1:7" x14ac:dyDescent="0.3">
      <c r="A98420" s="13" t="s">
        <v>486</v>
      </c>
      <c r="B98420" s="14" t="s">
        <v>1</v>
      </c>
      <c r="C98420" s="14" t="s">
        <v>96</v>
      </c>
      <c r="D98420" s="14" t="s">
        <v>487</v>
      </c>
      <c r="E98420" s="15">
        <v>45611</v>
      </c>
      <c r="F98420" s="14" t="s">
        <v>15</v>
      </c>
      <c r="G98420" s="16">
        <v>0</v>
      </c>
    </row>
    <row r="98421" spans="1:7" x14ac:dyDescent="0.3">
      <c r="A98421" s="13" t="s">
        <v>486</v>
      </c>
      <c r="B98421" s="14" t="s">
        <v>1</v>
      </c>
      <c r="C98421" s="14" t="s">
        <v>96</v>
      </c>
      <c r="D98421" s="14" t="s">
        <v>487</v>
      </c>
      <c r="E98421" s="15">
        <v>45612</v>
      </c>
      <c r="F98421" s="14" t="s">
        <v>15</v>
      </c>
      <c r="G98421" s="16">
        <v>0</v>
      </c>
    </row>
    <row r="98422" spans="1:7" x14ac:dyDescent="0.3">
      <c r="A98422" s="13" t="s">
        <v>486</v>
      </c>
      <c r="B98422" s="14" t="s">
        <v>1</v>
      </c>
      <c r="C98422" s="14" t="s">
        <v>96</v>
      </c>
      <c r="D98422" s="14" t="s">
        <v>487</v>
      </c>
      <c r="E98422" s="15">
        <v>45613</v>
      </c>
      <c r="F98422" s="14" t="s">
        <v>15</v>
      </c>
      <c r="G98422" s="16">
        <v>0</v>
      </c>
    </row>
    <row r="98423" spans="1:7" x14ac:dyDescent="0.3">
      <c r="A98423" s="13" t="s">
        <v>486</v>
      </c>
      <c r="B98423" s="14" t="s">
        <v>1</v>
      </c>
      <c r="C98423" s="14" t="s">
        <v>96</v>
      </c>
      <c r="D98423" s="14" t="s">
        <v>487</v>
      </c>
      <c r="E98423" s="15">
        <v>45614</v>
      </c>
      <c r="F98423" s="14" t="s">
        <v>15</v>
      </c>
      <c r="G98423" s="16">
        <v>0</v>
      </c>
    </row>
    <row r="98424" spans="1:7" x14ac:dyDescent="0.3">
      <c r="A98424" s="13" t="s">
        <v>486</v>
      </c>
      <c r="B98424" s="14" t="s">
        <v>1</v>
      </c>
      <c r="C98424" s="14" t="s">
        <v>96</v>
      </c>
      <c r="D98424" s="14" t="s">
        <v>487</v>
      </c>
      <c r="E98424" s="15">
        <v>45615</v>
      </c>
      <c r="F98424" s="14" t="s">
        <v>15</v>
      </c>
      <c r="G98424" s="16">
        <v>0</v>
      </c>
    </row>
    <row r="98425" spans="1:7" x14ac:dyDescent="0.3">
      <c r="A98425" s="13" t="s">
        <v>486</v>
      </c>
      <c r="B98425" s="14" t="s">
        <v>1</v>
      </c>
      <c r="C98425" s="14" t="s">
        <v>96</v>
      </c>
      <c r="D98425" s="14" t="s">
        <v>487</v>
      </c>
      <c r="E98425" s="15">
        <v>45616</v>
      </c>
      <c r="F98425" s="14" t="s">
        <v>15</v>
      </c>
      <c r="G98425" s="16">
        <v>0</v>
      </c>
    </row>
    <row r="98426" spans="1:7" x14ac:dyDescent="0.3">
      <c r="A98426" s="13" t="s">
        <v>486</v>
      </c>
      <c r="B98426" s="14" t="s">
        <v>1</v>
      </c>
      <c r="C98426" s="14" t="s">
        <v>96</v>
      </c>
      <c r="D98426" s="14" t="s">
        <v>487</v>
      </c>
      <c r="E98426" s="15">
        <v>45617</v>
      </c>
      <c r="F98426" s="14" t="s">
        <v>15</v>
      </c>
      <c r="G98426" s="16">
        <v>0</v>
      </c>
    </row>
    <row r="98427" spans="1:7" x14ac:dyDescent="0.3">
      <c r="A98427" s="13" t="s">
        <v>486</v>
      </c>
      <c r="B98427" s="14" t="s">
        <v>1</v>
      </c>
      <c r="C98427" s="14" t="s">
        <v>96</v>
      </c>
      <c r="D98427" s="14" t="s">
        <v>487</v>
      </c>
      <c r="E98427" s="15">
        <v>45618</v>
      </c>
      <c r="F98427" s="14" t="s">
        <v>15</v>
      </c>
      <c r="G98427" s="16">
        <v>0</v>
      </c>
    </row>
    <row r="98428" spans="1:7" x14ac:dyDescent="0.3">
      <c r="A98428" s="13" t="s">
        <v>486</v>
      </c>
      <c r="B98428" s="14" t="s">
        <v>1</v>
      </c>
      <c r="C98428" s="14" t="s">
        <v>96</v>
      </c>
      <c r="D98428" s="14" t="s">
        <v>487</v>
      </c>
      <c r="E98428" s="15">
        <v>45619</v>
      </c>
      <c r="F98428" s="14" t="s">
        <v>15</v>
      </c>
      <c r="G98428" s="16">
        <v>0</v>
      </c>
    </row>
    <row r="98429" spans="1:7" x14ac:dyDescent="0.3">
      <c r="A98429" s="13" t="s">
        <v>486</v>
      </c>
      <c r="B98429" s="14" t="s">
        <v>1</v>
      </c>
      <c r="C98429" s="14" t="s">
        <v>96</v>
      </c>
      <c r="D98429" s="14" t="s">
        <v>487</v>
      </c>
      <c r="E98429" s="15">
        <v>45620</v>
      </c>
      <c r="F98429" s="14" t="s">
        <v>15</v>
      </c>
      <c r="G98429" s="16">
        <v>0</v>
      </c>
    </row>
    <row r="98430" spans="1:7" x14ac:dyDescent="0.3">
      <c r="A98430" s="13" t="s">
        <v>486</v>
      </c>
      <c r="B98430" s="14" t="s">
        <v>1</v>
      </c>
      <c r="C98430" s="14" t="s">
        <v>96</v>
      </c>
      <c r="D98430" s="14" t="s">
        <v>487</v>
      </c>
      <c r="E98430" s="15">
        <v>45621</v>
      </c>
      <c r="F98430" s="14" t="s">
        <v>15</v>
      </c>
      <c r="G98430" s="16">
        <v>0</v>
      </c>
    </row>
    <row r="98431" spans="1:7" x14ac:dyDescent="0.3">
      <c r="A98431" s="13" t="s">
        <v>486</v>
      </c>
      <c r="B98431" s="14" t="s">
        <v>1</v>
      </c>
      <c r="C98431" s="14" t="s">
        <v>96</v>
      </c>
      <c r="D98431" s="14" t="s">
        <v>487</v>
      </c>
      <c r="E98431" s="15">
        <v>45622</v>
      </c>
      <c r="F98431" s="14" t="s">
        <v>15</v>
      </c>
      <c r="G98431" s="16">
        <v>0</v>
      </c>
    </row>
    <row r="98432" spans="1:7" x14ac:dyDescent="0.3">
      <c r="A98432" s="13" t="s">
        <v>486</v>
      </c>
      <c r="B98432" s="14" t="s">
        <v>1</v>
      </c>
      <c r="C98432" s="14" t="s">
        <v>96</v>
      </c>
      <c r="D98432" s="14" t="s">
        <v>487</v>
      </c>
      <c r="E98432" s="15">
        <v>45623</v>
      </c>
      <c r="F98432" s="14" t="s">
        <v>15</v>
      </c>
      <c r="G98432" s="16">
        <v>0</v>
      </c>
    </row>
    <row r="98433" spans="1:7" x14ac:dyDescent="0.3">
      <c r="A98433" s="13" t="s">
        <v>486</v>
      </c>
      <c r="B98433" s="14" t="s">
        <v>1</v>
      </c>
      <c r="C98433" s="14" t="s">
        <v>96</v>
      </c>
      <c r="D98433" s="14" t="s">
        <v>487</v>
      </c>
      <c r="E98433" s="15">
        <v>45624</v>
      </c>
      <c r="F98433" s="14" t="s">
        <v>15</v>
      </c>
      <c r="G98433" s="16">
        <v>0</v>
      </c>
    </row>
    <row r="98434" spans="1:7" x14ac:dyDescent="0.3">
      <c r="A98434" s="13" t="s">
        <v>486</v>
      </c>
      <c r="B98434" s="14" t="s">
        <v>1</v>
      </c>
      <c r="C98434" s="14" t="s">
        <v>96</v>
      </c>
      <c r="D98434" s="14" t="s">
        <v>487</v>
      </c>
      <c r="E98434" s="15">
        <v>45625</v>
      </c>
      <c r="F98434" s="14" t="s">
        <v>15</v>
      </c>
      <c r="G98434" s="16">
        <v>0</v>
      </c>
    </row>
    <row r="98435" spans="1:7" x14ac:dyDescent="0.3">
      <c r="A98435" s="13" t="s">
        <v>486</v>
      </c>
      <c r="B98435" s="14" t="s">
        <v>1</v>
      </c>
      <c r="C98435" s="14" t="s">
        <v>96</v>
      </c>
      <c r="D98435" s="14" t="s">
        <v>487</v>
      </c>
      <c r="E98435" s="15">
        <v>45626</v>
      </c>
      <c r="F98435" s="14" t="s">
        <v>15</v>
      </c>
      <c r="G98435" s="16">
        <v>0</v>
      </c>
    </row>
    <row r="98436" spans="1:7" x14ac:dyDescent="0.3">
      <c r="A98436" s="13" t="s">
        <v>486</v>
      </c>
      <c r="B98436" s="14" t="s">
        <v>1</v>
      </c>
      <c r="C98436" s="14" t="s">
        <v>96</v>
      </c>
      <c r="D98436" s="14" t="s">
        <v>487</v>
      </c>
      <c r="E98436" s="15">
        <v>45627</v>
      </c>
      <c r="F98436" s="14" t="s">
        <v>15</v>
      </c>
      <c r="G98436" s="16">
        <v>0</v>
      </c>
    </row>
    <row r="98437" spans="1:7" x14ac:dyDescent="0.3">
      <c r="A98437" s="13" t="s">
        <v>486</v>
      </c>
      <c r="B98437" s="14" t="s">
        <v>1</v>
      </c>
      <c r="C98437" s="14" t="s">
        <v>96</v>
      </c>
      <c r="D98437" s="14" t="s">
        <v>487</v>
      </c>
      <c r="E98437" s="15">
        <v>45628</v>
      </c>
      <c r="F98437" s="14" t="s">
        <v>15</v>
      </c>
      <c r="G98437" s="16">
        <v>0</v>
      </c>
    </row>
    <row r="98438" spans="1:7" x14ac:dyDescent="0.3">
      <c r="A98438" s="13" t="s">
        <v>486</v>
      </c>
      <c r="B98438" s="14" t="s">
        <v>1</v>
      </c>
      <c r="C98438" s="14" t="s">
        <v>96</v>
      </c>
      <c r="D98438" s="14" t="s">
        <v>487</v>
      </c>
      <c r="E98438" s="15">
        <v>45629</v>
      </c>
      <c r="F98438" s="14" t="s">
        <v>15</v>
      </c>
      <c r="G98438" s="16">
        <v>0</v>
      </c>
    </row>
    <row r="98439" spans="1:7" x14ac:dyDescent="0.3">
      <c r="A98439" s="13" t="s">
        <v>486</v>
      </c>
      <c r="B98439" s="14" t="s">
        <v>1</v>
      </c>
      <c r="C98439" s="14" t="s">
        <v>96</v>
      </c>
      <c r="D98439" s="14" t="s">
        <v>487</v>
      </c>
      <c r="E98439" s="15">
        <v>45630</v>
      </c>
      <c r="F98439" s="14" t="s">
        <v>15</v>
      </c>
      <c r="G98439" s="16">
        <v>0</v>
      </c>
    </row>
    <row r="98440" spans="1:7" x14ac:dyDescent="0.3">
      <c r="A98440" s="13" t="s">
        <v>486</v>
      </c>
      <c r="B98440" s="14" t="s">
        <v>1</v>
      </c>
      <c r="C98440" s="14" t="s">
        <v>96</v>
      </c>
      <c r="D98440" s="14" t="s">
        <v>487</v>
      </c>
      <c r="E98440" s="15">
        <v>45631</v>
      </c>
      <c r="F98440" s="14" t="s">
        <v>15</v>
      </c>
      <c r="G98440" s="16">
        <v>0</v>
      </c>
    </row>
    <row r="98441" spans="1:7" x14ac:dyDescent="0.3">
      <c r="A98441" s="13" t="s">
        <v>486</v>
      </c>
      <c r="B98441" s="14" t="s">
        <v>1</v>
      </c>
      <c r="C98441" s="14" t="s">
        <v>96</v>
      </c>
      <c r="D98441" s="14" t="s">
        <v>487</v>
      </c>
      <c r="E98441" s="15">
        <v>45632</v>
      </c>
      <c r="F98441" s="14" t="s">
        <v>15</v>
      </c>
      <c r="G98441" s="16">
        <v>0</v>
      </c>
    </row>
    <row r="98442" spans="1:7" x14ac:dyDescent="0.3">
      <c r="A98442" s="13" t="s">
        <v>486</v>
      </c>
      <c r="B98442" s="14" t="s">
        <v>1</v>
      </c>
      <c r="C98442" s="14" t="s">
        <v>96</v>
      </c>
      <c r="D98442" s="14" t="s">
        <v>487</v>
      </c>
      <c r="E98442" s="15">
        <v>45633</v>
      </c>
      <c r="F98442" s="14" t="s">
        <v>15</v>
      </c>
      <c r="G98442" s="16">
        <v>0</v>
      </c>
    </row>
    <row r="98443" spans="1:7" x14ac:dyDescent="0.3">
      <c r="A98443" s="13" t="s">
        <v>486</v>
      </c>
      <c r="B98443" s="14" t="s">
        <v>1</v>
      </c>
      <c r="C98443" s="14" t="s">
        <v>96</v>
      </c>
      <c r="D98443" s="14" t="s">
        <v>487</v>
      </c>
      <c r="E98443" s="15">
        <v>45634</v>
      </c>
      <c r="F98443" s="14" t="s">
        <v>15</v>
      </c>
      <c r="G98443" s="16">
        <v>0</v>
      </c>
    </row>
    <row r="98444" spans="1:7" x14ac:dyDescent="0.3">
      <c r="A98444" s="13" t="s">
        <v>486</v>
      </c>
      <c r="B98444" s="14" t="s">
        <v>1</v>
      </c>
      <c r="C98444" s="14" t="s">
        <v>96</v>
      </c>
      <c r="D98444" s="14" t="s">
        <v>487</v>
      </c>
      <c r="E98444" s="15">
        <v>45635</v>
      </c>
      <c r="F98444" s="14" t="s">
        <v>15</v>
      </c>
      <c r="G98444" s="16">
        <v>0</v>
      </c>
    </row>
    <row r="98445" spans="1:7" x14ac:dyDescent="0.3">
      <c r="A98445" s="13" t="s">
        <v>486</v>
      </c>
      <c r="B98445" s="14" t="s">
        <v>1</v>
      </c>
      <c r="C98445" s="14" t="s">
        <v>96</v>
      </c>
      <c r="D98445" s="14" t="s">
        <v>487</v>
      </c>
      <c r="E98445" s="15">
        <v>45636</v>
      </c>
      <c r="F98445" s="14" t="s">
        <v>15</v>
      </c>
      <c r="G98445" s="16">
        <v>0</v>
      </c>
    </row>
    <row r="98446" spans="1:7" x14ac:dyDescent="0.3">
      <c r="A98446" s="13" t="s">
        <v>486</v>
      </c>
      <c r="B98446" s="14" t="s">
        <v>1</v>
      </c>
      <c r="C98446" s="14" t="s">
        <v>96</v>
      </c>
      <c r="D98446" s="14" t="s">
        <v>487</v>
      </c>
      <c r="E98446" s="15">
        <v>45637</v>
      </c>
      <c r="F98446" s="14" t="s">
        <v>15</v>
      </c>
      <c r="G98446" s="16">
        <v>0</v>
      </c>
    </row>
    <row r="98447" spans="1:7" x14ac:dyDescent="0.3">
      <c r="A98447" s="13" t="s">
        <v>486</v>
      </c>
      <c r="B98447" s="14" t="s">
        <v>1</v>
      </c>
      <c r="C98447" s="14" t="s">
        <v>96</v>
      </c>
      <c r="D98447" s="14" t="s">
        <v>487</v>
      </c>
      <c r="E98447" s="15">
        <v>45638</v>
      </c>
      <c r="F98447" s="14" t="s">
        <v>15</v>
      </c>
      <c r="G98447" s="16">
        <v>0</v>
      </c>
    </row>
    <row r="98448" spans="1:7" x14ac:dyDescent="0.3">
      <c r="A98448" s="13" t="s">
        <v>486</v>
      </c>
      <c r="B98448" s="14" t="s">
        <v>1</v>
      </c>
      <c r="C98448" s="14" t="s">
        <v>96</v>
      </c>
      <c r="D98448" s="14" t="s">
        <v>487</v>
      </c>
      <c r="E98448" s="15">
        <v>45639</v>
      </c>
      <c r="F98448" s="14" t="s">
        <v>15</v>
      </c>
      <c r="G98448" s="16">
        <v>0</v>
      </c>
    </row>
    <row r="98449" spans="1:7" x14ac:dyDescent="0.3">
      <c r="A98449" s="13" t="s">
        <v>486</v>
      </c>
      <c r="B98449" s="14" t="s">
        <v>1</v>
      </c>
      <c r="C98449" s="14" t="s">
        <v>96</v>
      </c>
      <c r="D98449" s="14" t="s">
        <v>487</v>
      </c>
      <c r="E98449" s="15">
        <v>45640</v>
      </c>
      <c r="F98449" s="14" t="s">
        <v>15</v>
      </c>
      <c r="G98449" s="16">
        <v>0</v>
      </c>
    </row>
    <row r="98450" spans="1:7" x14ac:dyDescent="0.3">
      <c r="A98450" s="13" t="s">
        <v>486</v>
      </c>
      <c r="B98450" s="14" t="s">
        <v>1</v>
      </c>
      <c r="C98450" s="14" t="s">
        <v>96</v>
      </c>
      <c r="D98450" s="14" t="s">
        <v>487</v>
      </c>
      <c r="E98450" s="15">
        <v>45641</v>
      </c>
      <c r="F98450" s="14" t="s">
        <v>15</v>
      </c>
      <c r="G98450" s="16">
        <v>0</v>
      </c>
    </row>
    <row r="98451" spans="1:7" x14ac:dyDescent="0.3">
      <c r="A98451" s="13" t="s">
        <v>486</v>
      </c>
      <c r="B98451" s="14" t="s">
        <v>1</v>
      </c>
      <c r="C98451" s="14" t="s">
        <v>96</v>
      </c>
      <c r="D98451" s="14" t="s">
        <v>487</v>
      </c>
      <c r="E98451" s="15">
        <v>45642</v>
      </c>
      <c r="F98451" s="14" t="s">
        <v>15</v>
      </c>
      <c r="G98451" s="16">
        <v>0</v>
      </c>
    </row>
    <row r="98452" spans="1:7" x14ac:dyDescent="0.3">
      <c r="A98452" s="13" t="s">
        <v>486</v>
      </c>
      <c r="B98452" s="14" t="s">
        <v>1</v>
      </c>
      <c r="C98452" s="14" t="s">
        <v>96</v>
      </c>
      <c r="D98452" s="14" t="s">
        <v>487</v>
      </c>
      <c r="E98452" s="15">
        <v>45643</v>
      </c>
      <c r="F98452" s="14" t="s">
        <v>15</v>
      </c>
      <c r="G98452" s="16">
        <v>0</v>
      </c>
    </row>
    <row r="98453" spans="1:7" x14ac:dyDescent="0.3">
      <c r="A98453" s="13" t="s">
        <v>486</v>
      </c>
      <c r="B98453" s="14" t="s">
        <v>1</v>
      </c>
      <c r="C98453" s="14" t="s">
        <v>96</v>
      </c>
      <c r="D98453" s="14" t="s">
        <v>487</v>
      </c>
      <c r="E98453" s="15">
        <v>45644</v>
      </c>
      <c r="F98453" s="14" t="s">
        <v>15</v>
      </c>
      <c r="G98453" s="16">
        <v>0</v>
      </c>
    </row>
    <row r="98454" spans="1:7" x14ac:dyDescent="0.3">
      <c r="A98454" s="13" t="s">
        <v>486</v>
      </c>
      <c r="B98454" s="14" t="s">
        <v>1</v>
      </c>
      <c r="C98454" s="14" t="s">
        <v>96</v>
      </c>
      <c r="D98454" s="14" t="s">
        <v>487</v>
      </c>
      <c r="E98454" s="15">
        <v>45645</v>
      </c>
      <c r="F98454" s="14" t="s">
        <v>15</v>
      </c>
      <c r="G98454" s="16">
        <v>0</v>
      </c>
    </row>
    <row r="98455" spans="1:7" x14ac:dyDescent="0.3">
      <c r="A98455" s="13" t="s">
        <v>486</v>
      </c>
      <c r="B98455" s="14" t="s">
        <v>1</v>
      </c>
      <c r="C98455" s="14" t="s">
        <v>96</v>
      </c>
      <c r="D98455" s="14" t="s">
        <v>487</v>
      </c>
      <c r="E98455" s="15">
        <v>45646</v>
      </c>
      <c r="F98455" s="14" t="s">
        <v>15</v>
      </c>
      <c r="G98455" s="16">
        <v>0</v>
      </c>
    </row>
    <row r="98456" spans="1:7" x14ac:dyDescent="0.3">
      <c r="A98456" s="13" t="s">
        <v>486</v>
      </c>
      <c r="B98456" s="14" t="s">
        <v>1</v>
      </c>
      <c r="C98456" s="14" t="s">
        <v>96</v>
      </c>
      <c r="D98456" s="14" t="s">
        <v>487</v>
      </c>
      <c r="E98456" s="15">
        <v>45647</v>
      </c>
      <c r="F98456" s="14" t="s">
        <v>15</v>
      </c>
      <c r="G98456" s="16">
        <v>0</v>
      </c>
    </row>
    <row r="98457" spans="1:7" x14ac:dyDescent="0.3">
      <c r="A98457" s="13" t="s">
        <v>486</v>
      </c>
      <c r="B98457" s="14" t="s">
        <v>1</v>
      </c>
      <c r="C98457" s="14" t="s">
        <v>96</v>
      </c>
      <c r="D98457" s="14" t="s">
        <v>487</v>
      </c>
      <c r="E98457" s="15">
        <v>45648</v>
      </c>
      <c r="F98457" s="14" t="s">
        <v>15</v>
      </c>
      <c r="G98457" s="16">
        <v>0</v>
      </c>
    </row>
    <row r="98458" spans="1:7" x14ac:dyDescent="0.3">
      <c r="A98458" s="13" t="s">
        <v>486</v>
      </c>
      <c r="B98458" s="14" t="s">
        <v>1</v>
      </c>
      <c r="C98458" s="14" t="s">
        <v>96</v>
      </c>
      <c r="D98458" s="14" t="s">
        <v>487</v>
      </c>
      <c r="E98458" s="15">
        <v>45649</v>
      </c>
      <c r="F98458" s="14" t="s">
        <v>15</v>
      </c>
      <c r="G98458" s="16">
        <v>0</v>
      </c>
    </row>
    <row r="98459" spans="1:7" x14ac:dyDescent="0.3">
      <c r="A98459" s="13" t="s">
        <v>486</v>
      </c>
      <c r="B98459" s="14" t="s">
        <v>1</v>
      </c>
      <c r="C98459" s="14" t="s">
        <v>96</v>
      </c>
      <c r="D98459" s="14" t="s">
        <v>487</v>
      </c>
      <c r="E98459" s="15">
        <v>45650</v>
      </c>
      <c r="F98459" s="14" t="s">
        <v>15</v>
      </c>
      <c r="G98459" s="16">
        <v>0</v>
      </c>
    </row>
    <row r="98460" spans="1:7" x14ac:dyDescent="0.3">
      <c r="A98460" s="13" t="s">
        <v>486</v>
      </c>
      <c r="B98460" s="14" t="s">
        <v>1</v>
      </c>
      <c r="C98460" s="14" t="s">
        <v>96</v>
      </c>
      <c r="D98460" s="14" t="s">
        <v>487</v>
      </c>
      <c r="E98460" s="15">
        <v>45651</v>
      </c>
      <c r="F98460" s="14" t="s">
        <v>15</v>
      </c>
      <c r="G98460" s="16">
        <v>0</v>
      </c>
    </row>
    <row r="98461" spans="1:7" x14ac:dyDescent="0.3">
      <c r="A98461" s="13" t="s">
        <v>486</v>
      </c>
      <c r="B98461" s="14" t="s">
        <v>1</v>
      </c>
      <c r="C98461" s="14" t="s">
        <v>96</v>
      </c>
      <c r="D98461" s="14" t="s">
        <v>487</v>
      </c>
      <c r="E98461" s="15">
        <v>45652</v>
      </c>
      <c r="F98461" s="14" t="s">
        <v>15</v>
      </c>
      <c r="G98461" s="16">
        <v>0</v>
      </c>
    </row>
    <row r="98462" spans="1:7" x14ac:dyDescent="0.3">
      <c r="A98462" s="13" t="s">
        <v>486</v>
      </c>
      <c r="B98462" s="14" t="s">
        <v>1</v>
      </c>
      <c r="C98462" s="14" t="s">
        <v>96</v>
      </c>
      <c r="D98462" s="14" t="s">
        <v>487</v>
      </c>
      <c r="E98462" s="15">
        <v>45653</v>
      </c>
      <c r="F98462" s="14" t="s">
        <v>15</v>
      </c>
      <c r="G98462" s="16">
        <v>0</v>
      </c>
    </row>
    <row r="98463" spans="1:7" x14ac:dyDescent="0.3">
      <c r="A98463" s="13" t="s">
        <v>486</v>
      </c>
      <c r="B98463" s="14" t="s">
        <v>1</v>
      </c>
      <c r="C98463" s="14" t="s">
        <v>96</v>
      </c>
      <c r="D98463" s="14" t="s">
        <v>487</v>
      </c>
      <c r="E98463" s="15">
        <v>45654</v>
      </c>
      <c r="F98463" s="14" t="s">
        <v>15</v>
      </c>
      <c r="G98463" s="16">
        <v>0</v>
      </c>
    </row>
    <row r="98464" spans="1:7" x14ac:dyDescent="0.3">
      <c r="A98464" s="13" t="s">
        <v>486</v>
      </c>
      <c r="B98464" s="14" t="s">
        <v>1</v>
      </c>
      <c r="C98464" s="14" t="s">
        <v>96</v>
      </c>
      <c r="D98464" s="14" t="s">
        <v>487</v>
      </c>
      <c r="E98464" s="15">
        <v>45655</v>
      </c>
      <c r="F98464" s="14" t="s">
        <v>15</v>
      </c>
      <c r="G98464" s="16">
        <v>0</v>
      </c>
    </row>
    <row r="98465" spans="1:7" x14ac:dyDescent="0.3">
      <c r="A98465" s="13" t="s">
        <v>486</v>
      </c>
      <c r="B98465" s="14" t="s">
        <v>1</v>
      </c>
      <c r="C98465" s="14" t="s">
        <v>96</v>
      </c>
      <c r="D98465" s="14" t="s">
        <v>487</v>
      </c>
      <c r="E98465" s="15">
        <v>45656</v>
      </c>
      <c r="F98465" s="14" t="s">
        <v>15</v>
      </c>
      <c r="G98465" s="16">
        <v>0</v>
      </c>
    </row>
    <row r="98466" spans="1:7" x14ac:dyDescent="0.3">
      <c r="A98466" s="13" t="s">
        <v>486</v>
      </c>
      <c r="B98466" s="14" t="s">
        <v>1</v>
      </c>
      <c r="C98466" s="14" t="s">
        <v>96</v>
      </c>
      <c r="D98466" s="14" t="s">
        <v>487</v>
      </c>
      <c r="E98466" s="15">
        <v>45657</v>
      </c>
      <c r="F98466" s="14" t="s">
        <v>15</v>
      </c>
      <c r="G98466" s="16">
        <v>0</v>
      </c>
    </row>
    <row r="98467" spans="1:7" x14ac:dyDescent="0.3">
      <c r="A98467" s="13" t="s">
        <v>486</v>
      </c>
      <c r="B98467" s="14" t="s">
        <v>1</v>
      </c>
      <c r="C98467" s="14" t="s">
        <v>96</v>
      </c>
      <c r="D98467" s="14" t="s">
        <v>487</v>
      </c>
      <c r="E98467" s="15">
        <v>45658</v>
      </c>
      <c r="F98467" s="14" t="s">
        <v>15</v>
      </c>
      <c r="G98467" s="16">
        <v>0</v>
      </c>
    </row>
    <row r="98468" spans="1:7" x14ac:dyDescent="0.3">
      <c r="A98468" s="13" t="s">
        <v>486</v>
      </c>
      <c r="B98468" s="14" t="s">
        <v>1</v>
      </c>
      <c r="C98468" s="14" t="s">
        <v>96</v>
      </c>
      <c r="D98468" s="14" t="s">
        <v>487</v>
      </c>
      <c r="E98468" s="15">
        <v>45659</v>
      </c>
      <c r="F98468" s="14" t="s">
        <v>15</v>
      </c>
      <c r="G98468" s="16">
        <v>0</v>
      </c>
    </row>
    <row r="98469" spans="1:7" x14ac:dyDescent="0.3">
      <c r="A98469" s="13" t="s">
        <v>486</v>
      </c>
      <c r="B98469" s="14" t="s">
        <v>1</v>
      </c>
      <c r="C98469" s="14" t="s">
        <v>96</v>
      </c>
      <c r="D98469" s="14" t="s">
        <v>487</v>
      </c>
      <c r="E98469" s="15">
        <v>45660</v>
      </c>
      <c r="F98469" s="14" t="s">
        <v>15</v>
      </c>
      <c r="G98469" s="16">
        <v>0</v>
      </c>
    </row>
    <row r="98470" spans="1:7" x14ac:dyDescent="0.3">
      <c r="A98470" s="13" t="s">
        <v>486</v>
      </c>
      <c r="B98470" s="14" t="s">
        <v>1</v>
      </c>
      <c r="C98470" s="14" t="s">
        <v>96</v>
      </c>
      <c r="D98470" s="14" t="s">
        <v>487</v>
      </c>
      <c r="E98470" s="15">
        <v>45661</v>
      </c>
      <c r="F98470" s="14" t="s">
        <v>15</v>
      </c>
      <c r="G98470" s="16">
        <v>0</v>
      </c>
    </row>
    <row r="98471" spans="1:7" x14ac:dyDescent="0.3">
      <c r="A98471" s="13" t="s">
        <v>486</v>
      </c>
      <c r="B98471" s="14" t="s">
        <v>1</v>
      </c>
      <c r="C98471" s="14" t="s">
        <v>96</v>
      </c>
      <c r="D98471" s="14" t="s">
        <v>487</v>
      </c>
      <c r="E98471" s="15">
        <v>45662</v>
      </c>
      <c r="F98471" s="14" t="s">
        <v>15</v>
      </c>
      <c r="G98471" s="16">
        <v>0</v>
      </c>
    </row>
    <row r="98472" spans="1:7" x14ac:dyDescent="0.3">
      <c r="A98472" s="13" t="s">
        <v>486</v>
      </c>
      <c r="B98472" s="14" t="s">
        <v>1</v>
      </c>
      <c r="C98472" s="14" t="s">
        <v>96</v>
      </c>
      <c r="D98472" s="14" t="s">
        <v>487</v>
      </c>
      <c r="E98472" s="15">
        <v>45663</v>
      </c>
      <c r="F98472" s="14" t="s">
        <v>15</v>
      </c>
      <c r="G98472" s="16">
        <v>0</v>
      </c>
    </row>
    <row r="98473" spans="1:7" x14ac:dyDescent="0.3">
      <c r="A98473" s="13" t="s">
        <v>486</v>
      </c>
      <c r="B98473" s="14" t="s">
        <v>1</v>
      </c>
      <c r="C98473" s="14" t="s">
        <v>96</v>
      </c>
      <c r="D98473" s="14" t="s">
        <v>487</v>
      </c>
      <c r="E98473" s="15">
        <v>45664</v>
      </c>
      <c r="F98473" s="14" t="s">
        <v>15</v>
      </c>
      <c r="G98473" s="16">
        <v>0</v>
      </c>
    </row>
    <row r="98474" spans="1:7" x14ac:dyDescent="0.3">
      <c r="A98474" s="13" t="s">
        <v>486</v>
      </c>
      <c r="B98474" s="14" t="s">
        <v>1</v>
      </c>
      <c r="C98474" s="14" t="s">
        <v>96</v>
      </c>
      <c r="D98474" s="14" t="s">
        <v>487</v>
      </c>
      <c r="E98474" s="15">
        <v>45665</v>
      </c>
      <c r="F98474" s="14" t="s">
        <v>15</v>
      </c>
      <c r="G98474" s="16">
        <v>0</v>
      </c>
    </row>
    <row r="98475" spans="1:7" x14ac:dyDescent="0.3">
      <c r="A98475" s="13" t="s">
        <v>486</v>
      </c>
      <c r="B98475" s="14" t="s">
        <v>1</v>
      </c>
      <c r="C98475" s="14" t="s">
        <v>96</v>
      </c>
      <c r="D98475" s="14" t="s">
        <v>487</v>
      </c>
      <c r="E98475" s="15">
        <v>45666</v>
      </c>
      <c r="F98475" s="14" t="s">
        <v>15</v>
      </c>
      <c r="G98475" s="16">
        <v>0</v>
      </c>
    </row>
    <row r="98476" spans="1:7" x14ac:dyDescent="0.3">
      <c r="A98476" s="13" t="s">
        <v>486</v>
      </c>
      <c r="B98476" s="14" t="s">
        <v>1</v>
      </c>
      <c r="C98476" s="14" t="s">
        <v>96</v>
      </c>
      <c r="D98476" s="14" t="s">
        <v>487</v>
      </c>
      <c r="E98476" s="15">
        <v>45667</v>
      </c>
      <c r="F98476" s="14" t="s">
        <v>15</v>
      </c>
      <c r="G98476" s="16">
        <v>0</v>
      </c>
    </row>
    <row r="98477" spans="1:7" x14ac:dyDescent="0.3">
      <c r="A98477" s="13" t="s">
        <v>486</v>
      </c>
      <c r="B98477" s="14" t="s">
        <v>1</v>
      </c>
      <c r="C98477" s="14" t="s">
        <v>96</v>
      </c>
      <c r="D98477" s="14" t="s">
        <v>487</v>
      </c>
      <c r="E98477" s="15">
        <v>45668</v>
      </c>
      <c r="F98477" s="14" t="s">
        <v>15</v>
      </c>
      <c r="G98477" s="16">
        <v>0</v>
      </c>
    </row>
    <row r="98478" spans="1:7" x14ac:dyDescent="0.3">
      <c r="A98478" s="13" t="s">
        <v>486</v>
      </c>
      <c r="B98478" s="14" t="s">
        <v>1</v>
      </c>
      <c r="C98478" s="14" t="s">
        <v>96</v>
      </c>
      <c r="D98478" s="14" t="s">
        <v>487</v>
      </c>
      <c r="E98478" s="15">
        <v>45669</v>
      </c>
      <c r="F98478" s="14" t="s">
        <v>15</v>
      </c>
      <c r="G98478" s="16">
        <v>0</v>
      </c>
    </row>
    <row r="98479" spans="1:7" x14ac:dyDescent="0.3">
      <c r="A98479" s="13" t="s">
        <v>486</v>
      </c>
      <c r="B98479" s="14" t="s">
        <v>1</v>
      </c>
      <c r="C98479" s="14" t="s">
        <v>96</v>
      </c>
      <c r="D98479" s="14" t="s">
        <v>487</v>
      </c>
      <c r="E98479" s="15">
        <v>45670</v>
      </c>
      <c r="F98479" s="14" t="s">
        <v>15</v>
      </c>
      <c r="G98479" s="16">
        <v>0</v>
      </c>
    </row>
    <row r="98480" spans="1:7" x14ac:dyDescent="0.3">
      <c r="A98480" s="13" t="s">
        <v>486</v>
      </c>
      <c r="B98480" s="14" t="s">
        <v>1</v>
      </c>
      <c r="C98480" s="14" t="s">
        <v>96</v>
      </c>
      <c r="D98480" s="14" t="s">
        <v>487</v>
      </c>
      <c r="E98480" s="15">
        <v>45671</v>
      </c>
      <c r="F98480" s="14" t="s">
        <v>15</v>
      </c>
      <c r="G98480" s="16">
        <v>0</v>
      </c>
    </row>
    <row r="98481" spans="1:7" x14ac:dyDescent="0.3">
      <c r="A98481" s="13" t="s">
        <v>486</v>
      </c>
      <c r="B98481" s="14" t="s">
        <v>1</v>
      </c>
      <c r="C98481" s="14" t="s">
        <v>96</v>
      </c>
      <c r="D98481" s="14" t="s">
        <v>487</v>
      </c>
      <c r="E98481" s="15">
        <v>45672</v>
      </c>
      <c r="F98481" s="14" t="s">
        <v>15</v>
      </c>
      <c r="G98481" s="16">
        <v>0</v>
      </c>
    </row>
    <row r="98482" spans="1:7" x14ac:dyDescent="0.3">
      <c r="A98482" s="13" t="s">
        <v>486</v>
      </c>
      <c r="B98482" s="14" t="s">
        <v>1</v>
      </c>
      <c r="C98482" s="14" t="s">
        <v>96</v>
      </c>
      <c r="D98482" s="14" t="s">
        <v>487</v>
      </c>
      <c r="E98482" s="15">
        <v>45673</v>
      </c>
      <c r="F98482" s="14" t="s">
        <v>15</v>
      </c>
      <c r="G98482" s="16">
        <v>0</v>
      </c>
    </row>
    <row r="98483" spans="1:7" x14ac:dyDescent="0.3">
      <c r="A98483" s="13" t="s">
        <v>486</v>
      </c>
      <c r="B98483" s="14" t="s">
        <v>1</v>
      </c>
      <c r="C98483" s="14" t="s">
        <v>96</v>
      </c>
      <c r="D98483" s="14" t="s">
        <v>487</v>
      </c>
      <c r="E98483" s="15">
        <v>45674</v>
      </c>
      <c r="F98483" s="14" t="s">
        <v>15</v>
      </c>
      <c r="G98483" s="16">
        <v>0</v>
      </c>
    </row>
    <row r="98484" spans="1:7" x14ac:dyDescent="0.3">
      <c r="A98484" s="13" t="s">
        <v>486</v>
      </c>
      <c r="B98484" s="14" t="s">
        <v>1</v>
      </c>
      <c r="C98484" s="14" t="s">
        <v>96</v>
      </c>
      <c r="D98484" s="14" t="s">
        <v>487</v>
      </c>
      <c r="E98484" s="15">
        <v>45675</v>
      </c>
      <c r="F98484" s="14" t="s">
        <v>15</v>
      </c>
      <c r="G98484" s="16">
        <v>0</v>
      </c>
    </row>
    <row r="98485" spans="1:7" x14ac:dyDescent="0.3">
      <c r="A98485" s="13" t="s">
        <v>486</v>
      </c>
      <c r="B98485" s="14" t="s">
        <v>1</v>
      </c>
      <c r="C98485" s="14" t="s">
        <v>96</v>
      </c>
      <c r="D98485" s="14" t="s">
        <v>487</v>
      </c>
      <c r="E98485" s="15">
        <v>45676</v>
      </c>
      <c r="F98485" s="14" t="s">
        <v>15</v>
      </c>
      <c r="G98485" s="16">
        <v>0</v>
      </c>
    </row>
    <row r="98486" spans="1:7" x14ac:dyDescent="0.3">
      <c r="A98486" s="13" t="s">
        <v>486</v>
      </c>
      <c r="B98486" s="14" t="s">
        <v>1</v>
      </c>
      <c r="C98486" s="14" t="s">
        <v>96</v>
      </c>
      <c r="D98486" s="14" t="s">
        <v>487</v>
      </c>
      <c r="E98486" s="15">
        <v>45677</v>
      </c>
      <c r="F98486" s="14" t="s">
        <v>15</v>
      </c>
      <c r="G98486" s="16">
        <v>0</v>
      </c>
    </row>
    <row r="98487" spans="1:7" x14ac:dyDescent="0.3">
      <c r="A98487" s="13" t="s">
        <v>486</v>
      </c>
      <c r="B98487" s="14" t="s">
        <v>1</v>
      </c>
      <c r="C98487" s="14" t="s">
        <v>96</v>
      </c>
      <c r="D98487" s="14" t="s">
        <v>487</v>
      </c>
      <c r="E98487" s="15">
        <v>45678</v>
      </c>
      <c r="F98487" s="14" t="s">
        <v>15</v>
      </c>
      <c r="G98487" s="16">
        <v>0</v>
      </c>
    </row>
    <row r="98488" spans="1:7" x14ac:dyDescent="0.3">
      <c r="A98488" s="13" t="s">
        <v>486</v>
      </c>
      <c r="B98488" s="14" t="s">
        <v>1</v>
      </c>
      <c r="C98488" s="14" t="s">
        <v>96</v>
      </c>
      <c r="D98488" s="14" t="s">
        <v>487</v>
      </c>
      <c r="E98488" s="15">
        <v>45679</v>
      </c>
      <c r="F98488" s="14" t="s">
        <v>15</v>
      </c>
      <c r="G98488" s="16">
        <v>0</v>
      </c>
    </row>
    <row r="98489" spans="1:7" x14ac:dyDescent="0.3">
      <c r="A98489" s="13" t="s">
        <v>486</v>
      </c>
      <c r="B98489" s="14" t="s">
        <v>1</v>
      </c>
      <c r="C98489" s="14" t="s">
        <v>96</v>
      </c>
      <c r="D98489" s="14" t="s">
        <v>487</v>
      </c>
      <c r="E98489" s="15">
        <v>45680</v>
      </c>
      <c r="F98489" s="14" t="s">
        <v>15</v>
      </c>
      <c r="G98489" s="16">
        <v>0</v>
      </c>
    </row>
    <row r="98490" spans="1:7" x14ac:dyDescent="0.3">
      <c r="A98490" s="13" t="s">
        <v>486</v>
      </c>
      <c r="B98490" s="14" t="s">
        <v>1</v>
      </c>
      <c r="C98490" s="14" t="s">
        <v>96</v>
      </c>
      <c r="D98490" s="14" t="s">
        <v>487</v>
      </c>
      <c r="E98490" s="15">
        <v>45681</v>
      </c>
      <c r="F98490" s="14" t="s">
        <v>15</v>
      </c>
      <c r="G98490" s="16">
        <v>0</v>
      </c>
    </row>
    <row r="98491" spans="1:7" x14ac:dyDescent="0.3">
      <c r="A98491" s="13" t="s">
        <v>486</v>
      </c>
      <c r="B98491" s="14" t="s">
        <v>1</v>
      </c>
      <c r="C98491" s="14" t="s">
        <v>96</v>
      </c>
      <c r="D98491" s="14" t="s">
        <v>487</v>
      </c>
      <c r="E98491" s="15">
        <v>45682</v>
      </c>
      <c r="F98491" s="14" t="s">
        <v>15</v>
      </c>
      <c r="G98491" s="16">
        <v>0</v>
      </c>
    </row>
    <row r="98492" spans="1:7" x14ac:dyDescent="0.3">
      <c r="A98492" s="13" t="s">
        <v>486</v>
      </c>
      <c r="B98492" s="14" t="s">
        <v>1</v>
      </c>
      <c r="C98492" s="14" t="s">
        <v>96</v>
      </c>
      <c r="D98492" s="14" t="s">
        <v>487</v>
      </c>
      <c r="E98492" s="15">
        <v>45683</v>
      </c>
      <c r="F98492" s="14" t="s">
        <v>15</v>
      </c>
      <c r="G98492" s="16">
        <v>0</v>
      </c>
    </row>
    <row r="98493" spans="1:7" x14ac:dyDescent="0.3">
      <c r="A98493" s="13" t="s">
        <v>486</v>
      </c>
      <c r="B98493" s="14" t="s">
        <v>1</v>
      </c>
      <c r="C98493" s="14" t="s">
        <v>96</v>
      </c>
      <c r="D98493" s="14" t="s">
        <v>487</v>
      </c>
      <c r="E98493" s="15">
        <v>45684</v>
      </c>
      <c r="F98493" s="14" t="s">
        <v>15</v>
      </c>
      <c r="G98493" s="16">
        <v>0</v>
      </c>
    </row>
    <row r="98494" spans="1:7" x14ac:dyDescent="0.3">
      <c r="A98494" s="13" t="s">
        <v>486</v>
      </c>
      <c r="B98494" s="14" t="s">
        <v>1</v>
      </c>
      <c r="C98494" s="14" t="s">
        <v>96</v>
      </c>
      <c r="D98494" s="14" t="s">
        <v>487</v>
      </c>
      <c r="E98494" s="15">
        <v>45685</v>
      </c>
      <c r="F98494" s="14" t="s">
        <v>15</v>
      </c>
      <c r="G98494" s="16">
        <v>0</v>
      </c>
    </row>
    <row r="98495" spans="1:7" x14ac:dyDescent="0.3">
      <c r="A98495" s="13" t="s">
        <v>486</v>
      </c>
      <c r="B98495" s="14" t="s">
        <v>1</v>
      </c>
      <c r="C98495" s="14" t="s">
        <v>96</v>
      </c>
      <c r="D98495" s="14" t="s">
        <v>487</v>
      </c>
      <c r="E98495" s="15">
        <v>45686</v>
      </c>
      <c r="F98495" s="14" t="s">
        <v>15</v>
      </c>
      <c r="G98495" s="16">
        <v>0</v>
      </c>
    </row>
    <row r="98496" spans="1:7" x14ac:dyDescent="0.3">
      <c r="A98496" s="13" t="s">
        <v>486</v>
      </c>
      <c r="B98496" s="14" t="s">
        <v>1</v>
      </c>
      <c r="C98496" s="14" t="s">
        <v>96</v>
      </c>
      <c r="D98496" s="14" t="s">
        <v>487</v>
      </c>
      <c r="E98496" s="15">
        <v>45687</v>
      </c>
      <c r="F98496" s="14" t="s">
        <v>15</v>
      </c>
      <c r="G98496" s="16">
        <v>0</v>
      </c>
    </row>
    <row r="98497" spans="1:7" x14ac:dyDescent="0.3">
      <c r="A98497" s="13" t="s">
        <v>486</v>
      </c>
      <c r="B98497" s="14" t="s">
        <v>1</v>
      </c>
      <c r="C98497" s="14" t="s">
        <v>96</v>
      </c>
      <c r="D98497" s="14" t="s">
        <v>487</v>
      </c>
      <c r="E98497" s="15">
        <v>45688</v>
      </c>
      <c r="F98497" s="14" t="s">
        <v>15</v>
      </c>
      <c r="G98497" s="16">
        <v>0</v>
      </c>
    </row>
    <row r="98498" spans="1:7" x14ac:dyDescent="0.3">
      <c r="A98498" s="13" t="s">
        <v>486</v>
      </c>
      <c r="B98498" s="14" t="s">
        <v>1</v>
      </c>
      <c r="C98498" s="14" t="s">
        <v>96</v>
      </c>
      <c r="D98498" s="14" t="s">
        <v>487</v>
      </c>
      <c r="E98498" s="15">
        <v>45689</v>
      </c>
      <c r="F98498" s="14" t="s">
        <v>15</v>
      </c>
      <c r="G98498" s="16">
        <v>0</v>
      </c>
    </row>
    <row r="98499" spans="1:7" x14ac:dyDescent="0.3">
      <c r="A98499" s="13" t="s">
        <v>486</v>
      </c>
      <c r="B98499" s="14" t="s">
        <v>1</v>
      </c>
      <c r="C98499" s="14" t="s">
        <v>96</v>
      </c>
      <c r="D98499" s="14" t="s">
        <v>487</v>
      </c>
      <c r="E98499" s="15">
        <v>45690</v>
      </c>
      <c r="F98499" s="14" t="s">
        <v>15</v>
      </c>
      <c r="G98499" s="16">
        <v>0</v>
      </c>
    </row>
    <row r="98500" spans="1:7" x14ac:dyDescent="0.3">
      <c r="A98500" s="13" t="s">
        <v>486</v>
      </c>
      <c r="B98500" s="14" t="s">
        <v>1</v>
      </c>
      <c r="C98500" s="14" t="s">
        <v>96</v>
      </c>
      <c r="D98500" s="14" t="s">
        <v>487</v>
      </c>
      <c r="E98500" s="15">
        <v>45691</v>
      </c>
      <c r="F98500" s="14" t="s">
        <v>15</v>
      </c>
      <c r="G98500" s="16">
        <v>0</v>
      </c>
    </row>
    <row r="98501" spans="1:7" x14ac:dyDescent="0.3">
      <c r="A98501" s="13" t="s">
        <v>486</v>
      </c>
      <c r="B98501" s="14" t="s">
        <v>1</v>
      </c>
      <c r="C98501" s="14" t="s">
        <v>96</v>
      </c>
      <c r="D98501" s="14" t="s">
        <v>487</v>
      </c>
      <c r="E98501" s="15">
        <v>45692</v>
      </c>
      <c r="F98501" s="14" t="s">
        <v>15</v>
      </c>
      <c r="G98501" s="16">
        <v>0</v>
      </c>
    </row>
    <row r="98502" spans="1:7" x14ac:dyDescent="0.3">
      <c r="A98502" s="13" t="s">
        <v>486</v>
      </c>
      <c r="B98502" s="14" t="s">
        <v>1</v>
      </c>
      <c r="C98502" s="14" t="s">
        <v>96</v>
      </c>
      <c r="D98502" s="14" t="s">
        <v>487</v>
      </c>
      <c r="E98502" s="15">
        <v>45693</v>
      </c>
      <c r="F98502" s="14" t="s">
        <v>15</v>
      </c>
      <c r="G98502" s="16">
        <v>0</v>
      </c>
    </row>
    <row r="98503" spans="1:7" x14ac:dyDescent="0.3">
      <c r="A98503" s="13" t="s">
        <v>486</v>
      </c>
      <c r="B98503" s="14" t="s">
        <v>1</v>
      </c>
      <c r="C98503" s="14" t="s">
        <v>96</v>
      </c>
      <c r="D98503" s="14" t="s">
        <v>487</v>
      </c>
      <c r="E98503" s="15">
        <v>45694</v>
      </c>
      <c r="F98503" s="14" t="s">
        <v>15</v>
      </c>
      <c r="G98503" s="16">
        <v>0</v>
      </c>
    </row>
    <row r="98504" spans="1:7" x14ac:dyDescent="0.3">
      <c r="A98504" s="13" t="s">
        <v>486</v>
      </c>
      <c r="B98504" s="14" t="s">
        <v>1</v>
      </c>
      <c r="C98504" s="14" t="s">
        <v>96</v>
      </c>
      <c r="D98504" s="14" t="s">
        <v>487</v>
      </c>
      <c r="E98504" s="15">
        <v>45695</v>
      </c>
      <c r="F98504" s="14" t="s">
        <v>15</v>
      </c>
      <c r="G98504" s="16">
        <v>0</v>
      </c>
    </row>
    <row r="98505" spans="1:7" x14ac:dyDescent="0.3">
      <c r="A98505" s="13" t="s">
        <v>486</v>
      </c>
      <c r="B98505" s="14" t="s">
        <v>1</v>
      </c>
      <c r="C98505" s="14" t="s">
        <v>96</v>
      </c>
      <c r="D98505" s="14" t="s">
        <v>487</v>
      </c>
      <c r="E98505" s="15">
        <v>45696</v>
      </c>
      <c r="F98505" s="14" t="s">
        <v>15</v>
      </c>
      <c r="G98505" s="16">
        <v>0</v>
      </c>
    </row>
    <row r="98506" spans="1:7" x14ac:dyDescent="0.3">
      <c r="A98506" s="13" t="s">
        <v>486</v>
      </c>
      <c r="B98506" s="14" t="s">
        <v>1</v>
      </c>
      <c r="C98506" s="14" t="s">
        <v>96</v>
      </c>
      <c r="D98506" s="14" t="s">
        <v>487</v>
      </c>
      <c r="E98506" s="15">
        <v>45697</v>
      </c>
      <c r="F98506" s="14" t="s">
        <v>15</v>
      </c>
      <c r="G98506" s="16">
        <v>0</v>
      </c>
    </row>
    <row r="98507" spans="1:7" x14ac:dyDescent="0.3">
      <c r="A98507" s="13" t="s">
        <v>486</v>
      </c>
      <c r="B98507" s="14" t="s">
        <v>1</v>
      </c>
      <c r="C98507" s="14" t="s">
        <v>96</v>
      </c>
      <c r="D98507" s="14" t="s">
        <v>487</v>
      </c>
      <c r="E98507" s="15">
        <v>45698</v>
      </c>
      <c r="F98507" s="14" t="s">
        <v>15</v>
      </c>
      <c r="G98507" s="16">
        <v>0</v>
      </c>
    </row>
    <row r="98508" spans="1:7" x14ac:dyDescent="0.3">
      <c r="A98508" s="13" t="s">
        <v>486</v>
      </c>
      <c r="B98508" s="14" t="s">
        <v>1</v>
      </c>
      <c r="C98508" s="14" t="s">
        <v>96</v>
      </c>
      <c r="D98508" s="14" t="s">
        <v>487</v>
      </c>
      <c r="E98508" s="15">
        <v>45699</v>
      </c>
      <c r="F98508" s="14" t="s">
        <v>15</v>
      </c>
      <c r="G98508" s="16">
        <v>0</v>
      </c>
    </row>
    <row r="98509" spans="1:7" x14ac:dyDescent="0.3">
      <c r="A98509" s="13" t="s">
        <v>486</v>
      </c>
      <c r="B98509" s="14" t="s">
        <v>1</v>
      </c>
      <c r="C98509" s="14" t="s">
        <v>96</v>
      </c>
      <c r="D98509" s="14" t="s">
        <v>487</v>
      </c>
      <c r="E98509" s="15">
        <v>45700</v>
      </c>
      <c r="F98509" s="14" t="s">
        <v>15</v>
      </c>
      <c r="G98509" s="16">
        <v>0</v>
      </c>
    </row>
    <row r="98510" spans="1:7" x14ac:dyDescent="0.3">
      <c r="A98510" s="13" t="s">
        <v>486</v>
      </c>
      <c r="B98510" s="14" t="s">
        <v>1</v>
      </c>
      <c r="C98510" s="14" t="s">
        <v>96</v>
      </c>
      <c r="D98510" s="14" t="s">
        <v>487</v>
      </c>
      <c r="E98510" s="15">
        <v>45701</v>
      </c>
      <c r="F98510" s="14" t="s">
        <v>15</v>
      </c>
      <c r="G98510" s="16">
        <v>0</v>
      </c>
    </row>
    <row r="98511" spans="1:7" x14ac:dyDescent="0.3">
      <c r="A98511" s="13" t="s">
        <v>486</v>
      </c>
      <c r="B98511" s="14" t="s">
        <v>1</v>
      </c>
      <c r="C98511" s="14" t="s">
        <v>96</v>
      </c>
      <c r="D98511" s="14" t="s">
        <v>487</v>
      </c>
      <c r="E98511" s="15">
        <v>45702</v>
      </c>
      <c r="F98511" s="14" t="s">
        <v>15</v>
      </c>
      <c r="G98511" s="16">
        <v>0</v>
      </c>
    </row>
    <row r="98512" spans="1:7" x14ac:dyDescent="0.3">
      <c r="A98512" s="13" t="s">
        <v>486</v>
      </c>
      <c r="B98512" s="14" t="s">
        <v>1</v>
      </c>
      <c r="C98512" s="14" t="s">
        <v>96</v>
      </c>
      <c r="D98512" s="14" t="s">
        <v>487</v>
      </c>
      <c r="E98512" s="15">
        <v>45703</v>
      </c>
      <c r="F98512" s="14" t="s">
        <v>15</v>
      </c>
      <c r="G98512" s="16">
        <v>0</v>
      </c>
    </row>
    <row r="98513" spans="1:7" x14ac:dyDescent="0.3">
      <c r="A98513" s="13" t="s">
        <v>486</v>
      </c>
      <c r="B98513" s="14" t="s">
        <v>1</v>
      </c>
      <c r="C98513" s="14" t="s">
        <v>96</v>
      </c>
      <c r="D98513" s="14" t="s">
        <v>487</v>
      </c>
      <c r="E98513" s="15">
        <v>45704</v>
      </c>
      <c r="F98513" s="14" t="s">
        <v>15</v>
      </c>
      <c r="G98513" s="16">
        <v>0</v>
      </c>
    </row>
    <row r="98514" spans="1:7" x14ac:dyDescent="0.3">
      <c r="A98514" s="13" t="s">
        <v>486</v>
      </c>
      <c r="B98514" s="14" t="s">
        <v>1</v>
      </c>
      <c r="C98514" s="14" t="s">
        <v>96</v>
      </c>
      <c r="D98514" s="14" t="s">
        <v>487</v>
      </c>
      <c r="E98514" s="15">
        <v>45705</v>
      </c>
      <c r="F98514" s="14" t="s">
        <v>15</v>
      </c>
      <c r="G98514" s="16">
        <v>0</v>
      </c>
    </row>
    <row r="98515" spans="1:7" x14ac:dyDescent="0.3">
      <c r="A98515" s="13" t="s">
        <v>486</v>
      </c>
      <c r="B98515" s="14" t="s">
        <v>1</v>
      </c>
      <c r="C98515" s="14" t="s">
        <v>96</v>
      </c>
      <c r="D98515" s="14" t="s">
        <v>487</v>
      </c>
      <c r="E98515" s="15">
        <v>45706</v>
      </c>
      <c r="F98515" s="14" t="s">
        <v>15</v>
      </c>
      <c r="G98515" s="16">
        <v>0</v>
      </c>
    </row>
    <row r="98516" spans="1:7" x14ac:dyDescent="0.3">
      <c r="A98516" s="13" t="s">
        <v>486</v>
      </c>
      <c r="B98516" s="14" t="s">
        <v>1</v>
      </c>
      <c r="C98516" s="14" t="s">
        <v>96</v>
      </c>
      <c r="D98516" s="14" t="s">
        <v>487</v>
      </c>
      <c r="E98516" s="15">
        <v>45707</v>
      </c>
      <c r="F98516" s="14" t="s">
        <v>15</v>
      </c>
      <c r="G98516" s="16">
        <v>0</v>
      </c>
    </row>
    <row r="98517" spans="1:7" x14ac:dyDescent="0.3">
      <c r="A98517" s="13" t="s">
        <v>486</v>
      </c>
      <c r="B98517" s="14" t="s">
        <v>1</v>
      </c>
      <c r="C98517" s="14" t="s">
        <v>96</v>
      </c>
      <c r="D98517" s="14" t="s">
        <v>487</v>
      </c>
      <c r="E98517" s="15">
        <v>45708</v>
      </c>
      <c r="F98517" s="14" t="s">
        <v>15</v>
      </c>
      <c r="G98517" s="16">
        <v>0</v>
      </c>
    </row>
    <row r="98518" spans="1:7" x14ac:dyDescent="0.3">
      <c r="A98518" s="13" t="s">
        <v>486</v>
      </c>
      <c r="B98518" s="14" t="s">
        <v>1</v>
      </c>
      <c r="C98518" s="14" t="s">
        <v>96</v>
      </c>
      <c r="D98518" s="14" t="s">
        <v>487</v>
      </c>
      <c r="E98518" s="15">
        <v>45709</v>
      </c>
      <c r="F98518" s="14" t="s">
        <v>15</v>
      </c>
      <c r="G98518" s="16">
        <v>0</v>
      </c>
    </row>
    <row r="98519" spans="1:7" x14ac:dyDescent="0.3">
      <c r="A98519" s="13" t="s">
        <v>486</v>
      </c>
      <c r="B98519" s="14" t="s">
        <v>1</v>
      </c>
      <c r="C98519" s="14" t="s">
        <v>96</v>
      </c>
      <c r="D98519" s="14" t="s">
        <v>487</v>
      </c>
      <c r="E98519" s="15">
        <v>45710</v>
      </c>
      <c r="F98519" s="14" t="s">
        <v>15</v>
      </c>
      <c r="G98519" s="16">
        <v>0</v>
      </c>
    </row>
    <row r="98520" spans="1:7" x14ac:dyDescent="0.3">
      <c r="A98520" s="13" t="s">
        <v>486</v>
      </c>
      <c r="B98520" s="14" t="s">
        <v>1</v>
      </c>
      <c r="C98520" s="14" t="s">
        <v>96</v>
      </c>
      <c r="D98520" s="14" t="s">
        <v>487</v>
      </c>
      <c r="E98520" s="15">
        <v>45711</v>
      </c>
      <c r="F98520" s="14" t="s">
        <v>15</v>
      </c>
      <c r="G98520" s="16">
        <v>0</v>
      </c>
    </row>
    <row r="98521" spans="1:7" x14ac:dyDescent="0.3">
      <c r="A98521" s="13" t="s">
        <v>486</v>
      </c>
      <c r="B98521" s="14" t="s">
        <v>1</v>
      </c>
      <c r="C98521" s="14" t="s">
        <v>96</v>
      </c>
      <c r="D98521" s="14" t="s">
        <v>487</v>
      </c>
      <c r="E98521" s="15">
        <v>45712</v>
      </c>
      <c r="F98521" s="14" t="s">
        <v>15</v>
      </c>
      <c r="G98521" s="16">
        <v>0</v>
      </c>
    </row>
    <row r="98522" spans="1:7" x14ac:dyDescent="0.3">
      <c r="A98522" s="13" t="s">
        <v>486</v>
      </c>
      <c r="B98522" s="14" t="s">
        <v>1</v>
      </c>
      <c r="C98522" s="14" t="s">
        <v>96</v>
      </c>
      <c r="D98522" s="14" t="s">
        <v>487</v>
      </c>
      <c r="E98522" s="15">
        <v>45713</v>
      </c>
      <c r="F98522" s="14" t="s">
        <v>15</v>
      </c>
      <c r="G98522" s="16">
        <v>0</v>
      </c>
    </row>
    <row r="98523" spans="1:7" x14ac:dyDescent="0.3">
      <c r="A98523" s="13" t="s">
        <v>486</v>
      </c>
      <c r="B98523" s="14" t="s">
        <v>1</v>
      </c>
      <c r="C98523" s="14" t="s">
        <v>96</v>
      </c>
      <c r="D98523" s="14" t="s">
        <v>487</v>
      </c>
      <c r="E98523" s="15">
        <v>45714</v>
      </c>
      <c r="F98523" s="14" t="s">
        <v>15</v>
      </c>
      <c r="G98523" s="16">
        <v>0</v>
      </c>
    </row>
    <row r="98524" spans="1:7" x14ac:dyDescent="0.3">
      <c r="A98524" s="13" t="s">
        <v>486</v>
      </c>
      <c r="B98524" s="14" t="s">
        <v>1</v>
      </c>
      <c r="C98524" s="14" t="s">
        <v>96</v>
      </c>
      <c r="D98524" s="14" t="s">
        <v>487</v>
      </c>
      <c r="E98524" s="15">
        <v>45715</v>
      </c>
      <c r="F98524" s="14" t="s">
        <v>15</v>
      </c>
      <c r="G98524" s="16">
        <v>0</v>
      </c>
    </row>
    <row r="98525" spans="1:7" x14ac:dyDescent="0.3">
      <c r="A98525" s="13" t="s">
        <v>486</v>
      </c>
      <c r="B98525" s="14" t="s">
        <v>1</v>
      </c>
      <c r="C98525" s="14" t="s">
        <v>96</v>
      </c>
      <c r="D98525" s="14" t="s">
        <v>487</v>
      </c>
      <c r="E98525" s="15">
        <v>45716</v>
      </c>
      <c r="F98525" s="14" t="s">
        <v>15</v>
      </c>
      <c r="G98525" s="16">
        <v>0</v>
      </c>
    </row>
    <row r="98526" spans="1:7" x14ac:dyDescent="0.3">
      <c r="A98526" s="13" t="s">
        <v>486</v>
      </c>
      <c r="B98526" s="14" t="s">
        <v>1</v>
      </c>
      <c r="C98526" s="14" t="s">
        <v>96</v>
      </c>
      <c r="D98526" s="14" t="s">
        <v>487</v>
      </c>
      <c r="E98526" s="15">
        <v>45717</v>
      </c>
      <c r="F98526" s="14" t="s">
        <v>15</v>
      </c>
      <c r="G98526" s="16">
        <v>0</v>
      </c>
    </row>
    <row r="98527" spans="1:7" x14ac:dyDescent="0.3">
      <c r="A98527" s="13" t="s">
        <v>486</v>
      </c>
      <c r="B98527" s="14" t="s">
        <v>1</v>
      </c>
      <c r="C98527" s="14" t="s">
        <v>96</v>
      </c>
      <c r="D98527" s="14" t="s">
        <v>487</v>
      </c>
      <c r="E98527" s="15">
        <v>45718</v>
      </c>
      <c r="F98527" s="14" t="s">
        <v>15</v>
      </c>
      <c r="G98527" s="16">
        <v>0</v>
      </c>
    </row>
    <row r="98528" spans="1:7" x14ac:dyDescent="0.3">
      <c r="A98528" s="13" t="s">
        <v>486</v>
      </c>
      <c r="B98528" s="14" t="s">
        <v>1</v>
      </c>
      <c r="C98528" s="14" t="s">
        <v>96</v>
      </c>
      <c r="D98528" s="14" t="s">
        <v>487</v>
      </c>
      <c r="E98528" s="15">
        <v>45719</v>
      </c>
      <c r="F98528" s="14" t="s">
        <v>15</v>
      </c>
      <c r="G98528" s="16">
        <v>0</v>
      </c>
    </row>
    <row r="98529" spans="1:7" x14ac:dyDescent="0.3">
      <c r="A98529" s="13" t="s">
        <v>486</v>
      </c>
      <c r="B98529" s="14" t="s">
        <v>1</v>
      </c>
      <c r="C98529" s="14" t="s">
        <v>96</v>
      </c>
      <c r="D98529" s="14" t="s">
        <v>487</v>
      </c>
      <c r="E98529" s="15">
        <v>45720</v>
      </c>
      <c r="F98529" s="14" t="s">
        <v>15</v>
      </c>
      <c r="G98529" s="16">
        <v>0</v>
      </c>
    </row>
    <row r="98530" spans="1:7" x14ac:dyDescent="0.3">
      <c r="A98530" s="13" t="s">
        <v>486</v>
      </c>
      <c r="B98530" s="14" t="s">
        <v>1</v>
      </c>
      <c r="C98530" s="14" t="s">
        <v>96</v>
      </c>
      <c r="D98530" s="14" t="s">
        <v>487</v>
      </c>
      <c r="E98530" s="15">
        <v>45721</v>
      </c>
      <c r="F98530" s="14" t="s">
        <v>15</v>
      </c>
      <c r="G98530" s="16">
        <v>0</v>
      </c>
    </row>
    <row r="98531" spans="1:7" x14ac:dyDescent="0.3">
      <c r="A98531" s="13" t="s">
        <v>486</v>
      </c>
      <c r="B98531" s="14" t="s">
        <v>1</v>
      </c>
      <c r="C98531" s="14" t="s">
        <v>96</v>
      </c>
      <c r="D98531" s="14" t="s">
        <v>487</v>
      </c>
      <c r="E98531" s="15">
        <v>45722</v>
      </c>
      <c r="F98531" s="14" t="s">
        <v>15</v>
      </c>
      <c r="G98531" s="16">
        <v>0</v>
      </c>
    </row>
    <row r="98532" spans="1:7" x14ac:dyDescent="0.3">
      <c r="A98532" s="13" t="s">
        <v>486</v>
      </c>
      <c r="B98532" s="14" t="s">
        <v>1</v>
      </c>
      <c r="C98532" s="14" t="s">
        <v>96</v>
      </c>
      <c r="D98532" s="14" t="s">
        <v>487</v>
      </c>
      <c r="E98532" s="15">
        <v>45723</v>
      </c>
      <c r="F98532" s="14" t="s">
        <v>15</v>
      </c>
      <c r="G98532" s="16">
        <v>0</v>
      </c>
    </row>
    <row r="98533" spans="1:7" x14ac:dyDescent="0.3">
      <c r="A98533" s="13" t="s">
        <v>486</v>
      </c>
      <c r="B98533" s="14" t="s">
        <v>1</v>
      </c>
      <c r="C98533" s="14" t="s">
        <v>96</v>
      </c>
      <c r="D98533" s="14" t="s">
        <v>487</v>
      </c>
      <c r="E98533" s="15">
        <v>45724</v>
      </c>
      <c r="F98533" s="14" t="s">
        <v>15</v>
      </c>
      <c r="G98533" s="16">
        <v>0</v>
      </c>
    </row>
    <row r="98534" spans="1:7" x14ac:dyDescent="0.3">
      <c r="A98534" s="13" t="s">
        <v>486</v>
      </c>
      <c r="B98534" s="14" t="s">
        <v>1</v>
      </c>
      <c r="C98534" s="14" t="s">
        <v>96</v>
      </c>
      <c r="D98534" s="14" t="s">
        <v>487</v>
      </c>
      <c r="E98534" s="15">
        <v>45725</v>
      </c>
      <c r="F98534" s="14" t="s">
        <v>15</v>
      </c>
      <c r="G98534" s="16">
        <v>0</v>
      </c>
    </row>
    <row r="98535" spans="1:7" x14ac:dyDescent="0.3">
      <c r="A98535" s="13" t="s">
        <v>486</v>
      </c>
      <c r="B98535" s="14" t="s">
        <v>1</v>
      </c>
      <c r="C98535" s="14" t="s">
        <v>96</v>
      </c>
      <c r="D98535" s="14" t="s">
        <v>487</v>
      </c>
      <c r="E98535" s="15">
        <v>45726</v>
      </c>
      <c r="F98535" s="14" t="s">
        <v>15</v>
      </c>
      <c r="G98535" s="16">
        <v>0</v>
      </c>
    </row>
    <row r="98536" spans="1:7" x14ac:dyDescent="0.3">
      <c r="A98536" s="13" t="s">
        <v>486</v>
      </c>
      <c r="B98536" s="14" t="s">
        <v>1</v>
      </c>
      <c r="C98536" s="14" t="s">
        <v>96</v>
      </c>
      <c r="D98536" s="14" t="s">
        <v>487</v>
      </c>
      <c r="E98536" s="15">
        <v>45727</v>
      </c>
      <c r="F98536" s="14" t="s">
        <v>15</v>
      </c>
      <c r="G98536" s="16">
        <v>0</v>
      </c>
    </row>
    <row r="98537" spans="1:7" x14ac:dyDescent="0.3">
      <c r="A98537" s="13" t="s">
        <v>486</v>
      </c>
      <c r="B98537" s="14" t="s">
        <v>1</v>
      </c>
      <c r="C98537" s="14" t="s">
        <v>96</v>
      </c>
      <c r="D98537" s="14" t="s">
        <v>487</v>
      </c>
      <c r="E98537" s="15">
        <v>45728</v>
      </c>
      <c r="F98537" s="14" t="s">
        <v>15</v>
      </c>
      <c r="G98537" s="16">
        <v>0</v>
      </c>
    </row>
    <row r="98538" spans="1:7" x14ac:dyDescent="0.3">
      <c r="A98538" s="13" t="s">
        <v>486</v>
      </c>
      <c r="B98538" s="14" t="s">
        <v>1</v>
      </c>
      <c r="C98538" s="14" t="s">
        <v>96</v>
      </c>
      <c r="D98538" s="14" t="s">
        <v>487</v>
      </c>
      <c r="E98538" s="15">
        <v>45729</v>
      </c>
      <c r="F98538" s="14" t="s">
        <v>15</v>
      </c>
      <c r="G98538" s="16">
        <v>0</v>
      </c>
    </row>
    <row r="98539" spans="1:7" x14ac:dyDescent="0.3">
      <c r="A98539" s="13" t="s">
        <v>486</v>
      </c>
      <c r="B98539" s="14" t="s">
        <v>1</v>
      </c>
      <c r="C98539" s="14" t="s">
        <v>96</v>
      </c>
      <c r="D98539" s="14" t="s">
        <v>487</v>
      </c>
      <c r="E98539" s="15">
        <v>45730</v>
      </c>
      <c r="F98539" s="14" t="s">
        <v>15</v>
      </c>
      <c r="G98539" s="16">
        <v>0</v>
      </c>
    </row>
    <row r="98540" spans="1:7" x14ac:dyDescent="0.3">
      <c r="A98540" s="13" t="s">
        <v>486</v>
      </c>
      <c r="B98540" s="14" t="s">
        <v>1</v>
      </c>
      <c r="C98540" s="14" t="s">
        <v>96</v>
      </c>
      <c r="D98540" s="14" t="s">
        <v>487</v>
      </c>
      <c r="E98540" s="15">
        <v>45731</v>
      </c>
      <c r="F98540" s="14" t="s">
        <v>15</v>
      </c>
      <c r="G98540" s="16">
        <v>0</v>
      </c>
    </row>
    <row r="98541" spans="1:7" x14ac:dyDescent="0.3">
      <c r="A98541" s="13" t="s">
        <v>486</v>
      </c>
      <c r="B98541" s="14" t="s">
        <v>1</v>
      </c>
      <c r="C98541" s="14" t="s">
        <v>96</v>
      </c>
      <c r="D98541" s="14" t="s">
        <v>487</v>
      </c>
      <c r="E98541" s="15">
        <v>45732</v>
      </c>
      <c r="F98541" s="14" t="s">
        <v>15</v>
      </c>
      <c r="G98541" s="16">
        <v>0</v>
      </c>
    </row>
    <row r="98542" spans="1:7" x14ac:dyDescent="0.3">
      <c r="A98542" s="13" t="s">
        <v>486</v>
      </c>
      <c r="B98542" s="14" t="s">
        <v>1</v>
      </c>
      <c r="C98542" s="14" t="s">
        <v>96</v>
      </c>
      <c r="D98542" s="14" t="s">
        <v>487</v>
      </c>
      <c r="E98542" s="15">
        <v>45733</v>
      </c>
      <c r="F98542" s="14" t="s">
        <v>15</v>
      </c>
      <c r="G98542" s="16">
        <v>0</v>
      </c>
    </row>
    <row r="98543" spans="1:7" x14ac:dyDescent="0.3">
      <c r="A98543" s="13" t="s">
        <v>486</v>
      </c>
      <c r="B98543" s="14" t="s">
        <v>1</v>
      </c>
      <c r="C98543" s="14" t="s">
        <v>96</v>
      </c>
      <c r="D98543" s="14" t="s">
        <v>487</v>
      </c>
      <c r="E98543" s="15">
        <v>45734</v>
      </c>
      <c r="F98543" s="14" t="s">
        <v>15</v>
      </c>
      <c r="G98543" s="16">
        <v>0</v>
      </c>
    </row>
    <row r="98544" spans="1:7" x14ac:dyDescent="0.3">
      <c r="A98544" s="13" t="s">
        <v>486</v>
      </c>
      <c r="B98544" s="14" t="s">
        <v>1</v>
      </c>
      <c r="C98544" s="14" t="s">
        <v>96</v>
      </c>
      <c r="D98544" s="14" t="s">
        <v>487</v>
      </c>
      <c r="E98544" s="15">
        <v>45735</v>
      </c>
      <c r="F98544" s="14" t="s">
        <v>15</v>
      </c>
      <c r="G98544" s="16">
        <v>0</v>
      </c>
    </row>
    <row r="98545" spans="1:7" x14ac:dyDescent="0.3">
      <c r="A98545" s="13" t="s">
        <v>486</v>
      </c>
      <c r="B98545" s="14" t="s">
        <v>1</v>
      </c>
      <c r="C98545" s="14" t="s">
        <v>96</v>
      </c>
      <c r="D98545" s="14" t="s">
        <v>487</v>
      </c>
      <c r="E98545" s="15">
        <v>45736</v>
      </c>
      <c r="F98545" s="14" t="s">
        <v>15</v>
      </c>
      <c r="G98545" s="16">
        <v>0</v>
      </c>
    </row>
    <row r="98546" spans="1:7" x14ac:dyDescent="0.3">
      <c r="A98546" s="13" t="s">
        <v>486</v>
      </c>
      <c r="B98546" s="14" t="s">
        <v>1</v>
      </c>
      <c r="C98546" s="14" t="s">
        <v>96</v>
      </c>
      <c r="D98546" s="14" t="s">
        <v>487</v>
      </c>
      <c r="E98546" s="15">
        <v>45737</v>
      </c>
      <c r="F98546" s="14" t="s">
        <v>15</v>
      </c>
      <c r="G98546" s="16">
        <v>0</v>
      </c>
    </row>
    <row r="98547" spans="1:7" x14ac:dyDescent="0.3">
      <c r="A98547" s="13" t="s">
        <v>486</v>
      </c>
      <c r="B98547" s="14" t="s">
        <v>1</v>
      </c>
      <c r="C98547" s="14" t="s">
        <v>96</v>
      </c>
      <c r="D98547" s="14" t="s">
        <v>487</v>
      </c>
      <c r="E98547" s="15">
        <v>45738</v>
      </c>
      <c r="F98547" s="14" t="s">
        <v>15</v>
      </c>
      <c r="G98547" s="16">
        <v>0</v>
      </c>
    </row>
    <row r="98548" spans="1:7" x14ac:dyDescent="0.3">
      <c r="A98548" s="13" t="s">
        <v>486</v>
      </c>
      <c r="B98548" s="14" t="s">
        <v>1</v>
      </c>
      <c r="C98548" s="14" t="s">
        <v>96</v>
      </c>
      <c r="D98548" s="14" t="s">
        <v>487</v>
      </c>
      <c r="E98548" s="15">
        <v>45739</v>
      </c>
      <c r="F98548" s="14" t="s">
        <v>15</v>
      </c>
      <c r="G98548" s="16">
        <v>0</v>
      </c>
    </row>
    <row r="98549" spans="1:7" x14ac:dyDescent="0.3">
      <c r="A98549" s="13" t="s">
        <v>486</v>
      </c>
      <c r="B98549" s="14" t="s">
        <v>1</v>
      </c>
      <c r="C98549" s="14" t="s">
        <v>96</v>
      </c>
      <c r="D98549" s="14" t="s">
        <v>487</v>
      </c>
      <c r="E98549" s="15">
        <v>45740</v>
      </c>
      <c r="F98549" s="14" t="s">
        <v>15</v>
      </c>
      <c r="G98549" s="16">
        <v>0</v>
      </c>
    </row>
    <row r="98550" spans="1:7" x14ac:dyDescent="0.3">
      <c r="A98550" s="13" t="s">
        <v>486</v>
      </c>
      <c r="B98550" s="14" t="s">
        <v>1</v>
      </c>
      <c r="C98550" s="14" t="s">
        <v>96</v>
      </c>
      <c r="D98550" s="14" t="s">
        <v>487</v>
      </c>
      <c r="E98550" s="15">
        <v>45741</v>
      </c>
      <c r="F98550" s="14" t="s">
        <v>15</v>
      </c>
      <c r="G98550" s="16">
        <v>0</v>
      </c>
    </row>
    <row r="98551" spans="1:7" x14ac:dyDescent="0.3">
      <c r="A98551" s="13" t="s">
        <v>486</v>
      </c>
      <c r="B98551" s="14" t="s">
        <v>1</v>
      </c>
      <c r="C98551" s="14" t="s">
        <v>96</v>
      </c>
      <c r="D98551" s="14" t="s">
        <v>487</v>
      </c>
      <c r="E98551" s="15">
        <v>45742</v>
      </c>
      <c r="F98551" s="14" t="s">
        <v>15</v>
      </c>
      <c r="G98551" s="16">
        <v>1.1026614583333344E-2</v>
      </c>
    </row>
    <row r="98552" spans="1:7" x14ac:dyDescent="0.3">
      <c r="A98552" s="13" t="s">
        <v>486</v>
      </c>
      <c r="B98552" s="14" t="s">
        <v>1</v>
      </c>
      <c r="C98552" s="14" t="s">
        <v>96</v>
      </c>
      <c r="D98552" s="14" t="s">
        <v>487</v>
      </c>
      <c r="E98552" s="15">
        <v>45743</v>
      </c>
      <c r="F98552" s="14" t="s">
        <v>15</v>
      </c>
      <c r="G98552" s="16">
        <v>1.8793072916666688E-2</v>
      </c>
    </row>
    <row r="98553" spans="1:7" x14ac:dyDescent="0.3">
      <c r="A98553" s="13" t="s">
        <v>486</v>
      </c>
      <c r="B98553" s="14" t="s">
        <v>1</v>
      </c>
      <c r="C98553" s="14" t="s">
        <v>96</v>
      </c>
      <c r="D98553" s="14" t="s">
        <v>487</v>
      </c>
      <c r="E98553" s="15">
        <v>45744</v>
      </c>
      <c r="F98553" s="14" t="s">
        <v>15</v>
      </c>
      <c r="G98553" s="16">
        <v>7.6457812500000328E-3</v>
      </c>
    </row>
    <row r="98554" spans="1:7" x14ac:dyDescent="0.3">
      <c r="A98554" s="13" t="s">
        <v>486</v>
      </c>
      <c r="B98554" s="14" t="s">
        <v>1</v>
      </c>
      <c r="C98554" s="14" t="s">
        <v>96</v>
      </c>
      <c r="D98554" s="14" t="s">
        <v>487</v>
      </c>
      <c r="E98554" s="15">
        <v>45745</v>
      </c>
      <c r="F98554" s="14" t="s">
        <v>15</v>
      </c>
      <c r="G98554" s="16">
        <v>7.6457812500000328E-3</v>
      </c>
    </row>
    <row r="98555" spans="1:7" x14ac:dyDescent="0.3">
      <c r="A98555" s="13" t="s">
        <v>486</v>
      </c>
      <c r="B98555" s="14" t="s">
        <v>1</v>
      </c>
      <c r="C98555" s="14" t="s">
        <v>96</v>
      </c>
      <c r="D98555" s="14" t="s">
        <v>487</v>
      </c>
      <c r="E98555" s="15">
        <v>45746</v>
      </c>
      <c r="F98555" s="14" t="s">
        <v>15</v>
      </c>
      <c r="G98555" s="16">
        <v>7.6457812500000328E-3</v>
      </c>
    </row>
    <row r="98556" spans="1:7" x14ac:dyDescent="0.3">
      <c r="A98556" s="13" t="s">
        <v>486</v>
      </c>
      <c r="B98556" s="14" t="s">
        <v>1</v>
      </c>
      <c r="C98556" s="14" t="s">
        <v>96</v>
      </c>
      <c r="D98556" s="14" t="s">
        <v>487</v>
      </c>
      <c r="E98556" s="15">
        <v>45747</v>
      </c>
      <c r="F98556" s="14" t="s">
        <v>15</v>
      </c>
      <c r="G98556" s="16">
        <v>7.6457812500000328E-3</v>
      </c>
    </row>
    <row r="98557" spans="1:7" x14ac:dyDescent="0.3">
      <c r="A98557" s="13" t="s">
        <v>488</v>
      </c>
      <c r="B98557" s="14" t="s">
        <v>1</v>
      </c>
      <c r="C98557" s="14" t="s">
        <v>23</v>
      </c>
      <c r="D98557" s="14" t="s">
        <v>339</v>
      </c>
      <c r="E98557" s="15">
        <v>45383</v>
      </c>
      <c r="F98557" s="14" t="s">
        <v>15</v>
      </c>
      <c r="G98557" s="16">
        <v>0</v>
      </c>
    </row>
    <row r="98558" spans="1:7" x14ac:dyDescent="0.3">
      <c r="A98558" s="13" t="s">
        <v>488</v>
      </c>
      <c r="B98558" s="14" t="s">
        <v>1</v>
      </c>
      <c r="C98558" s="14" t="s">
        <v>23</v>
      </c>
      <c r="D98558" s="14" t="s">
        <v>339</v>
      </c>
      <c r="E98558" s="15">
        <v>45384</v>
      </c>
      <c r="F98558" s="14" t="s">
        <v>15</v>
      </c>
      <c r="G98558" s="16">
        <v>0</v>
      </c>
    </row>
    <row r="98559" spans="1:7" x14ac:dyDescent="0.3">
      <c r="A98559" s="13" t="s">
        <v>488</v>
      </c>
      <c r="B98559" s="14" t="s">
        <v>1</v>
      </c>
      <c r="C98559" s="14" t="s">
        <v>23</v>
      </c>
      <c r="D98559" s="14" t="s">
        <v>339</v>
      </c>
      <c r="E98559" s="15">
        <v>45385</v>
      </c>
      <c r="F98559" s="14" t="s">
        <v>15</v>
      </c>
      <c r="G98559" s="16">
        <v>7.6443392369572649E-2</v>
      </c>
    </row>
    <row r="98560" spans="1:7" x14ac:dyDescent="0.3">
      <c r="A98560" s="13" t="s">
        <v>488</v>
      </c>
      <c r="B98560" s="14" t="s">
        <v>1</v>
      </c>
      <c r="C98560" s="14" t="s">
        <v>23</v>
      </c>
      <c r="D98560" s="14" t="s">
        <v>339</v>
      </c>
      <c r="E98560" s="15">
        <v>45386</v>
      </c>
      <c r="F98560" s="14" t="s">
        <v>15</v>
      </c>
      <c r="G98560" s="16">
        <v>9.5974139093019648E-2</v>
      </c>
    </row>
    <row r="98561" spans="1:7" x14ac:dyDescent="0.3">
      <c r="A98561" s="13" t="s">
        <v>488</v>
      </c>
      <c r="B98561" s="14" t="s">
        <v>1</v>
      </c>
      <c r="C98561" s="14" t="s">
        <v>23</v>
      </c>
      <c r="D98561" s="14" t="s">
        <v>339</v>
      </c>
      <c r="E98561" s="15">
        <v>45387</v>
      </c>
      <c r="F98561" s="14" t="s">
        <v>15</v>
      </c>
      <c r="G98561" s="16">
        <v>0.12698650140937265</v>
      </c>
    </row>
    <row r="98562" spans="1:7" x14ac:dyDescent="0.3">
      <c r="A98562" s="13" t="s">
        <v>488</v>
      </c>
      <c r="B98562" s="14" t="s">
        <v>1</v>
      </c>
      <c r="C98562" s="14" t="s">
        <v>23</v>
      </c>
      <c r="D98562" s="14" t="s">
        <v>339</v>
      </c>
      <c r="E98562" s="15">
        <v>45388</v>
      </c>
      <c r="F98562" s="14" t="s">
        <v>15</v>
      </c>
      <c r="G98562" s="16">
        <v>0.12698650140937265</v>
      </c>
    </row>
    <row r="98563" spans="1:7" x14ac:dyDescent="0.3">
      <c r="A98563" s="13" t="s">
        <v>488</v>
      </c>
      <c r="B98563" s="14" t="s">
        <v>1</v>
      </c>
      <c r="C98563" s="14" t="s">
        <v>23</v>
      </c>
      <c r="D98563" s="14" t="s">
        <v>339</v>
      </c>
      <c r="E98563" s="15">
        <v>45389</v>
      </c>
      <c r="F98563" s="14" t="s">
        <v>15</v>
      </c>
      <c r="G98563" s="16">
        <v>0.12698650140937265</v>
      </c>
    </row>
    <row r="98564" spans="1:7" x14ac:dyDescent="0.3">
      <c r="A98564" s="13" t="s">
        <v>488</v>
      </c>
      <c r="B98564" s="14" t="s">
        <v>1</v>
      </c>
      <c r="C98564" s="14" t="s">
        <v>23</v>
      </c>
      <c r="D98564" s="14" t="s">
        <v>339</v>
      </c>
      <c r="E98564" s="15">
        <v>45390</v>
      </c>
      <c r="F98564" s="14" t="s">
        <v>15</v>
      </c>
      <c r="G98564" s="16">
        <v>0.14431221475847</v>
      </c>
    </row>
    <row r="98565" spans="1:7" x14ac:dyDescent="0.3">
      <c r="A98565" s="13" t="s">
        <v>488</v>
      </c>
      <c r="B98565" s="14" t="s">
        <v>1</v>
      </c>
      <c r="C98565" s="14" t="s">
        <v>23</v>
      </c>
      <c r="D98565" s="14" t="s">
        <v>339</v>
      </c>
      <c r="E98565" s="15">
        <v>45391</v>
      </c>
      <c r="F98565" s="14" t="s">
        <v>15</v>
      </c>
      <c r="G98565" s="16">
        <v>0.19639994240563055</v>
      </c>
    </row>
    <row r="98566" spans="1:7" x14ac:dyDescent="0.3">
      <c r="A98566" s="13" t="s">
        <v>488</v>
      </c>
      <c r="B98566" s="14" t="s">
        <v>1</v>
      </c>
      <c r="C98566" s="14" t="s">
        <v>23</v>
      </c>
      <c r="D98566" s="14" t="s">
        <v>339</v>
      </c>
      <c r="E98566" s="15">
        <v>45392</v>
      </c>
      <c r="F98566" s="14" t="s">
        <v>15</v>
      </c>
      <c r="G98566" s="16">
        <v>0.21691739046909292</v>
      </c>
    </row>
    <row r="98567" spans="1:7" x14ac:dyDescent="0.3">
      <c r="A98567" s="13" t="s">
        <v>488</v>
      </c>
      <c r="B98567" s="14" t="s">
        <v>1</v>
      </c>
      <c r="C98567" s="14" t="s">
        <v>23</v>
      </c>
      <c r="D98567" s="14" t="s">
        <v>339</v>
      </c>
      <c r="E98567" s="15">
        <v>45393</v>
      </c>
      <c r="F98567" s="14" t="s">
        <v>15</v>
      </c>
      <c r="G98567" s="16">
        <v>0.23567187158135025</v>
      </c>
    </row>
    <row r="98568" spans="1:7" x14ac:dyDescent="0.3">
      <c r="A98568" s="13" t="s">
        <v>488</v>
      </c>
      <c r="B98568" s="14" t="s">
        <v>1</v>
      </c>
      <c r="C98568" s="14" t="s">
        <v>23</v>
      </c>
      <c r="D98568" s="14" t="s">
        <v>339</v>
      </c>
      <c r="E98568" s="15">
        <v>45394</v>
      </c>
      <c r="F98568" s="14" t="s">
        <v>15</v>
      </c>
      <c r="G98568" s="16">
        <v>0.25297790389106106</v>
      </c>
    </row>
    <row r="98569" spans="1:7" x14ac:dyDescent="0.3">
      <c r="A98569" s="13" t="s">
        <v>488</v>
      </c>
      <c r="B98569" s="14" t="s">
        <v>1</v>
      </c>
      <c r="C98569" s="14" t="s">
        <v>23</v>
      </c>
      <c r="D98569" s="14" t="s">
        <v>339</v>
      </c>
      <c r="E98569" s="15">
        <v>45395</v>
      </c>
      <c r="F98569" s="14" t="s">
        <v>15</v>
      </c>
      <c r="G98569" s="16">
        <v>0.25297790389106106</v>
      </c>
    </row>
    <row r="98570" spans="1:7" x14ac:dyDescent="0.3">
      <c r="A98570" s="13" t="s">
        <v>488</v>
      </c>
      <c r="B98570" s="14" t="s">
        <v>1</v>
      </c>
      <c r="C98570" s="14" t="s">
        <v>23</v>
      </c>
      <c r="D98570" s="14" t="s">
        <v>339</v>
      </c>
      <c r="E98570" s="15">
        <v>45396</v>
      </c>
      <c r="F98570" s="14" t="s">
        <v>15</v>
      </c>
      <c r="G98570" s="16">
        <v>0.25297790389106106</v>
      </c>
    </row>
    <row r="98571" spans="1:7" x14ac:dyDescent="0.3">
      <c r="A98571" s="13" t="s">
        <v>488</v>
      </c>
      <c r="B98571" s="14" t="s">
        <v>1</v>
      </c>
      <c r="C98571" s="14" t="s">
        <v>23</v>
      </c>
      <c r="D98571" s="14" t="s">
        <v>339</v>
      </c>
      <c r="E98571" s="15">
        <v>45397</v>
      </c>
      <c r="F98571" s="14" t="s">
        <v>15</v>
      </c>
      <c r="G98571" s="16">
        <v>0.27171989511293843</v>
      </c>
    </row>
    <row r="98572" spans="1:7" x14ac:dyDescent="0.3">
      <c r="A98572" s="13" t="s">
        <v>488</v>
      </c>
      <c r="B98572" s="14" t="s">
        <v>1</v>
      </c>
      <c r="C98572" s="14" t="s">
        <v>23</v>
      </c>
      <c r="D98572" s="14" t="s">
        <v>339</v>
      </c>
      <c r="E98572" s="15">
        <v>45398</v>
      </c>
      <c r="F98572" s="14" t="s">
        <v>15</v>
      </c>
      <c r="G98572" s="16">
        <v>0.32300826977578267</v>
      </c>
    </row>
    <row r="98573" spans="1:7" x14ac:dyDescent="0.3">
      <c r="A98573" s="13" t="s">
        <v>488</v>
      </c>
      <c r="B98573" s="14" t="s">
        <v>1</v>
      </c>
      <c r="C98573" s="14" t="s">
        <v>23</v>
      </c>
      <c r="D98573" s="14" t="s">
        <v>339</v>
      </c>
      <c r="E98573" s="15">
        <v>45399</v>
      </c>
      <c r="F98573" s="14" t="s">
        <v>15</v>
      </c>
      <c r="G98573" s="16">
        <v>0.34004217386782143</v>
      </c>
    </row>
    <row r="98574" spans="1:7" x14ac:dyDescent="0.3">
      <c r="A98574" s="13" t="s">
        <v>488</v>
      </c>
      <c r="B98574" s="14" t="s">
        <v>1</v>
      </c>
      <c r="C98574" s="14" t="s">
        <v>23</v>
      </c>
      <c r="D98574" s="14" t="s">
        <v>339</v>
      </c>
      <c r="E98574" s="15">
        <v>45400</v>
      </c>
      <c r="F98574" s="14" t="s">
        <v>15</v>
      </c>
      <c r="G98574" s="16">
        <v>0.35709916533298669</v>
      </c>
    </row>
    <row r="98575" spans="1:7" x14ac:dyDescent="0.3">
      <c r="A98575" s="13" t="s">
        <v>488</v>
      </c>
      <c r="B98575" s="14" t="s">
        <v>1</v>
      </c>
      <c r="C98575" s="14" t="s">
        <v>23</v>
      </c>
      <c r="D98575" s="14" t="s">
        <v>339</v>
      </c>
      <c r="E98575" s="15">
        <v>45401</v>
      </c>
      <c r="F98575" s="14" t="s">
        <v>15</v>
      </c>
      <c r="G98575" s="16">
        <v>0.37421974169463174</v>
      </c>
    </row>
    <row r="98576" spans="1:7" x14ac:dyDescent="0.3">
      <c r="A98576" s="13" t="s">
        <v>488</v>
      </c>
      <c r="B98576" s="14" t="s">
        <v>1</v>
      </c>
      <c r="C98576" s="14" t="s">
        <v>23</v>
      </c>
      <c r="D98576" s="14" t="s">
        <v>339</v>
      </c>
      <c r="E98576" s="15">
        <v>45402</v>
      </c>
      <c r="F98576" s="14" t="s">
        <v>15</v>
      </c>
      <c r="G98576" s="16">
        <v>0.37421974169463174</v>
      </c>
    </row>
    <row r="98577" spans="1:7" x14ac:dyDescent="0.3">
      <c r="A98577" s="13" t="s">
        <v>488</v>
      </c>
      <c r="B98577" s="14" t="s">
        <v>1</v>
      </c>
      <c r="C98577" s="14" t="s">
        <v>23</v>
      </c>
      <c r="D98577" s="14" t="s">
        <v>339</v>
      </c>
      <c r="E98577" s="15">
        <v>45403</v>
      </c>
      <c r="F98577" s="14" t="s">
        <v>15</v>
      </c>
      <c r="G98577" s="16">
        <v>0.37421974169463174</v>
      </c>
    </row>
    <row r="98578" spans="1:7" x14ac:dyDescent="0.3">
      <c r="A98578" s="13" t="s">
        <v>488</v>
      </c>
      <c r="B98578" s="14" t="s">
        <v>1</v>
      </c>
      <c r="C98578" s="14" t="s">
        <v>23</v>
      </c>
      <c r="D98578" s="14" t="s">
        <v>339</v>
      </c>
      <c r="E98578" s="15">
        <v>45404</v>
      </c>
      <c r="F98578" s="14" t="s">
        <v>15</v>
      </c>
      <c r="G98578" s="16">
        <v>0.39920062240205312</v>
      </c>
    </row>
    <row r="98579" spans="1:7" x14ac:dyDescent="0.3">
      <c r="A98579" s="13" t="s">
        <v>488</v>
      </c>
      <c r="B98579" s="14" t="s">
        <v>1</v>
      </c>
      <c r="C98579" s="14" t="s">
        <v>23</v>
      </c>
      <c r="D98579" s="14" t="s">
        <v>339</v>
      </c>
      <c r="E98579" s="15">
        <v>45405</v>
      </c>
      <c r="F98579" s="14" t="s">
        <v>15</v>
      </c>
      <c r="G98579" s="16">
        <v>0.44335045699047099</v>
      </c>
    </row>
    <row r="98580" spans="1:7" x14ac:dyDescent="0.3">
      <c r="A98580" s="13" t="s">
        <v>488</v>
      </c>
      <c r="B98580" s="14" t="s">
        <v>1</v>
      </c>
      <c r="C98580" s="14" t="s">
        <v>23</v>
      </c>
      <c r="D98580" s="14" t="s">
        <v>339</v>
      </c>
      <c r="E98580" s="15">
        <v>45406</v>
      </c>
      <c r="F98580" s="14" t="s">
        <v>15</v>
      </c>
      <c r="G98580" s="16">
        <v>0.4573784607977372</v>
      </c>
    </row>
    <row r="98581" spans="1:7" x14ac:dyDescent="0.3">
      <c r="A98581" s="13" t="s">
        <v>488</v>
      </c>
      <c r="B98581" s="14" t="s">
        <v>1</v>
      </c>
      <c r="C98581" s="14" t="s">
        <v>23</v>
      </c>
      <c r="D98581" s="14" t="s">
        <v>339</v>
      </c>
      <c r="E98581" s="15">
        <v>45407</v>
      </c>
      <c r="F98581" s="14" t="s">
        <v>15</v>
      </c>
      <c r="G98581" s="16">
        <v>0.41957606889893384</v>
      </c>
    </row>
    <row r="98582" spans="1:7" x14ac:dyDescent="0.3">
      <c r="A98582" s="13" t="s">
        <v>488</v>
      </c>
      <c r="B98582" s="14" t="s">
        <v>1</v>
      </c>
      <c r="C98582" s="14" t="s">
        <v>23</v>
      </c>
      <c r="D98582" s="14" t="s">
        <v>339</v>
      </c>
      <c r="E98582" s="15">
        <v>45408</v>
      </c>
      <c r="F98582" s="14" t="s">
        <v>15</v>
      </c>
      <c r="G98582" s="16">
        <v>0.43535947002687181</v>
      </c>
    </row>
    <row r="98583" spans="1:7" x14ac:dyDescent="0.3">
      <c r="A98583" s="13" t="s">
        <v>488</v>
      </c>
      <c r="B98583" s="14" t="s">
        <v>1</v>
      </c>
      <c r="C98583" s="14" t="s">
        <v>23</v>
      </c>
      <c r="D98583" s="14" t="s">
        <v>339</v>
      </c>
      <c r="E98583" s="15">
        <v>45409</v>
      </c>
      <c r="F98583" s="14" t="s">
        <v>15</v>
      </c>
      <c r="G98583" s="16">
        <v>0.43535947002687181</v>
      </c>
    </row>
    <row r="98584" spans="1:7" x14ac:dyDescent="0.3">
      <c r="A98584" s="13" t="s">
        <v>488</v>
      </c>
      <c r="B98584" s="14" t="s">
        <v>1</v>
      </c>
      <c r="C98584" s="14" t="s">
        <v>23</v>
      </c>
      <c r="D98584" s="14" t="s">
        <v>339</v>
      </c>
      <c r="E98584" s="15">
        <v>45410</v>
      </c>
      <c r="F98584" s="14" t="s">
        <v>15</v>
      </c>
      <c r="G98584" s="16">
        <v>0.43535947002687181</v>
      </c>
    </row>
    <row r="98585" spans="1:7" x14ac:dyDescent="0.3">
      <c r="A98585" s="13" t="s">
        <v>488</v>
      </c>
      <c r="B98585" s="14" t="s">
        <v>1</v>
      </c>
      <c r="C98585" s="14" t="s">
        <v>23</v>
      </c>
      <c r="D98585" s="14" t="s">
        <v>339</v>
      </c>
      <c r="E98585" s="15">
        <v>45411</v>
      </c>
      <c r="F98585" s="14" t="s">
        <v>15</v>
      </c>
      <c r="G98585" s="16">
        <v>0.45293422422051466</v>
      </c>
    </row>
    <row r="98586" spans="1:7" x14ac:dyDescent="0.3">
      <c r="A98586" s="13" t="s">
        <v>488</v>
      </c>
      <c r="B98586" s="14" t="s">
        <v>1</v>
      </c>
      <c r="C98586" s="14" t="s">
        <v>23</v>
      </c>
      <c r="D98586" s="14" t="s">
        <v>339</v>
      </c>
      <c r="E98586" s="15">
        <v>45412</v>
      </c>
      <c r="F98586" s="14" t="s">
        <v>15</v>
      </c>
      <c r="G98586" s="16">
        <v>0.50601887220891051</v>
      </c>
    </row>
    <row r="98587" spans="1:7" x14ac:dyDescent="0.3">
      <c r="A98587" s="13" t="s">
        <v>488</v>
      </c>
      <c r="B98587" s="14" t="s">
        <v>1</v>
      </c>
      <c r="C98587" s="14" t="s">
        <v>23</v>
      </c>
      <c r="D98587" s="14" t="s">
        <v>339</v>
      </c>
      <c r="E98587" s="15">
        <v>45413</v>
      </c>
      <c r="F98587" s="14" t="s">
        <v>15</v>
      </c>
      <c r="G98587" s="16">
        <v>0.52350960350363374</v>
      </c>
    </row>
    <row r="98588" spans="1:7" x14ac:dyDescent="0.3">
      <c r="A98588" s="13" t="s">
        <v>488</v>
      </c>
      <c r="B98588" s="14" t="s">
        <v>1</v>
      </c>
      <c r="C98588" s="14" t="s">
        <v>23</v>
      </c>
      <c r="D98588" s="14" t="s">
        <v>339</v>
      </c>
      <c r="E98588" s="15">
        <v>45414</v>
      </c>
      <c r="F98588" s="14" t="s">
        <v>15</v>
      </c>
      <c r="G98588" s="16">
        <v>0.54145072781508818</v>
      </c>
    </row>
    <row r="98589" spans="1:7" x14ac:dyDescent="0.3">
      <c r="A98589" s="13" t="s">
        <v>488</v>
      </c>
      <c r="B98589" s="14" t="s">
        <v>1</v>
      </c>
      <c r="C98589" s="14" t="s">
        <v>23</v>
      </c>
      <c r="D98589" s="14" t="s">
        <v>339</v>
      </c>
      <c r="E98589" s="15">
        <v>45415</v>
      </c>
      <c r="F98589" s="14" t="s">
        <v>15</v>
      </c>
      <c r="G98589" s="16">
        <v>0.55907279219956418</v>
      </c>
    </row>
    <row r="98590" spans="1:7" x14ac:dyDescent="0.3">
      <c r="A98590" s="13" t="s">
        <v>488</v>
      </c>
      <c r="B98590" s="14" t="s">
        <v>1</v>
      </c>
      <c r="C98590" s="14" t="s">
        <v>23</v>
      </c>
      <c r="D98590" s="14" t="s">
        <v>339</v>
      </c>
      <c r="E98590" s="15">
        <v>45416</v>
      </c>
      <c r="F98590" s="14" t="s">
        <v>15</v>
      </c>
      <c r="G98590" s="16">
        <v>0.55907279219956418</v>
      </c>
    </row>
    <row r="98591" spans="1:7" x14ac:dyDescent="0.3">
      <c r="A98591" s="13" t="s">
        <v>488</v>
      </c>
      <c r="B98591" s="14" t="s">
        <v>1</v>
      </c>
      <c r="C98591" s="14" t="s">
        <v>23</v>
      </c>
      <c r="D98591" s="14" t="s">
        <v>339</v>
      </c>
      <c r="E98591" s="15">
        <v>45417</v>
      </c>
      <c r="F98591" s="14" t="s">
        <v>15</v>
      </c>
      <c r="G98591" s="16">
        <v>0.55907279219956418</v>
      </c>
    </row>
    <row r="98592" spans="1:7" x14ac:dyDescent="0.3">
      <c r="A98592" s="13" t="s">
        <v>488</v>
      </c>
      <c r="B98592" s="14" t="s">
        <v>1</v>
      </c>
      <c r="C98592" s="14" t="s">
        <v>23</v>
      </c>
      <c r="D98592" s="14" t="s">
        <v>339</v>
      </c>
      <c r="E98592" s="15">
        <v>45418</v>
      </c>
      <c r="F98592" s="14" t="s">
        <v>15</v>
      </c>
      <c r="G98592" s="16">
        <v>0.55907279219956418</v>
      </c>
    </row>
    <row r="98593" spans="1:7" x14ac:dyDescent="0.3">
      <c r="A98593" s="13" t="s">
        <v>488</v>
      </c>
      <c r="B98593" s="14" t="s">
        <v>1</v>
      </c>
      <c r="C98593" s="14" t="s">
        <v>23</v>
      </c>
      <c r="D98593" s="14" t="s">
        <v>339</v>
      </c>
      <c r="E98593" s="15">
        <v>45419</v>
      </c>
      <c r="F98593" s="14" t="s">
        <v>15</v>
      </c>
      <c r="G98593" s="16">
        <v>0.5760302430232167</v>
      </c>
    </row>
    <row r="98594" spans="1:7" x14ac:dyDescent="0.3">
      <c r="A98594" s="13" t="s">
        <v>488</v>
      </c>
      <c r="B98594" s="14" t="s">
        <v>1</v>
      </c>
      <c r="C98594" s="14" t="s">
        <v>23</v>
      </c>
      <c r="D98594" s="14" t="s">
        <v>339</v>
      </c>
      <c r="E98594" s="15">
        <v>45420</v>
      </c>
      <c r="F98594" s="14" t="s">
        <v>15</v>
      </c>
      <c r="G98594" s="16">
        <v>0.66301510287345966</v>
      </c>
    </row>
    <row r="98595" spans="1:7" x14ac:dyDescent="0.3">
      <c r="A98595" s="13" t="s">
        <v>488</v>
      </c>
      <c r="B98595" s="14" t="s">
        <v>1</v>
      </c>
      <c r="C98595" s="14" t="s">
        <v>23</v>
      </c>
      <c r="D98595" s="14" t="s">
        <v>339</v>
      </c>
      <c r="E98595" s="15">
        <v>45421</v>
      </c>
      <c r="F98595" s="14" t="s">
        <v>15</v>
      </c>
      <c r="G98595" s="16">
        <v>0.6806409520732023</v>
      </c>
    </row>
    <row r="98596" spans="1:7" x14ac:dyDescent="0.3">
      <c r="A98596" s="13" t="s">
        <v>488</v>
      </c>
      <c r="B98596" s="14" t="s">
        <v>1</v>
      </c>
      <c r="C98596" s="14" t="s">
        <v>23</v>
      </c>
      <c r="D98596" s="14" t="s">
        <v>339</v>
      </c>
      <c r="E98596" s="15">
        <v>45422</v>
      </c>
      <c r="F98596" s="14" t="s">
        <v>15</v>
      </c>
      <c r="G98596" s="16">
        <v>0.69810821751327234</v>
      </c>
    </row>
    <row r="98597" spans="1:7" x14ac:dyDescent="0.3">
      <c r="A98597" s="13" t="s">
        <v>488</v>
      </c>
      <c r="B98597" s="14" t="s">
        <v>1</v>
      </c>
      <c r="C98597" s="14" t="s">
        <v>23</v>
      </c>
      <c r="D98597" s="14" t="s">
        <v>339</v>
      </c>
      <c r="E98597" s="15">
        <v>45423</v>
      </c>
      <c r="F98597" s="14" t="s">
        <v>15</v>
      </c>
      <c r="G98597" s="16">
        <v>0.69810821751327234</v>
      </c>
    </row>
    <row r="98598" spans="1:7" x14ac:dyDescent="0.3">
      <c r="A98598" s="13" t="s">
        <v>488</v>
      </c>
      <c r="B98598" s="14" t="s">
        <v>1</v>
      </c>
      <c r="C98598" s="14" t="s">
        <v>23</v>
      </c>
      <c r="D98598" s="14" t="s">
        <v>339</v>
      </c>
      <c r="E98598" s="15">
        <v>45424</v>
      </c>
      <c r="F98598" s="14" t="s">
        <v>15</v>
      </c>
      <c r="G98598" s="16">
        <v>0.69810821751327234</v>
      </c>
    </row>
    <row r="98599" spans="1:7" x14ac:dyDescent="0.3">
      <c r="A98599" s="13" t="s">
        <v>488</v>
      </c>
      <c r="B98599" s="14" t="s">
        <v>1</v>
      </c>
      <c r="C98599" s="14" t="s">
        <v>23</v>
      </c>
      <c r="D98599" s="14" t="s">
        <v>339</v>
      </c>
      <c r="E98599" s="15">
        <v>45425</v>
      </c>
      <c r="F98599" s="14" t="s">
        <v>15</v>
      </c>
      <c r="G98599" s="16">
        <v>0.71628892063110561</v>
      </c>
    </row>
    <row r="98600" spans="1:7" x14ac:dyDescent="0.3">
      <c r="A98600" s="13" t="s">
        <v>488</v>
      </c>
      <c r="B98600" s="14" t="s">
        <v>1</v>
      </c>
      <c r="C98600" s="14" t="s">
        <v>23</v>
      </c>
      <c r="D98600" s="14" t="s">
        <v>339</v>
      </c>
      <c r="E98600" s="15">
        <v>45426</v>
      </c>
      <c r="F98600" s="14" t="s">
        <v>15</v>
      </c>
      <c r="G98600" s="16">
        <v>0.77077773508342817</v>
      </c>
    </row>
    <row r="98601" spans="1:7" x14ac:dyDescent="0.3">
      <c r="A98601" s="13" t="s">
        <v>488</v>
      </c>
      <c r="B98601" s="14" t="s">
        <v>1</v>
      </c>
      <c r="C98601" s="14" t="s">
        <v>23</v>
      </c>
      <c r="D98601" s="14" t="s">
        <v>339</v>
      </c>
      <c r="E98601" s="15">
        <v>45427</v>
      </c>
      <c r="F98601" s="14" t="s">
        <v>15</v>
      </c>
      <c r="G98601" s="16">
        <v>0.78822342707647841</v>
      </c>
    </row>
    <row r="98602" spans="1:7" x14ac:dyDescent="0.3">
      <c r="A98602" s="13" t="s">
        <v>488</v>
      </c>
      <c r="B98602" s="14" t="s">
        <v>1</v>
      </c>
      <c r="C98602" s="14" t="s">
        <v>23</v>
      </c>
      <c r="D98602" s="14" t="s">
        <v>339</v>
      </c>
      <c r="E98602" s="15">
        <v>45428</v>
      </c>
      <c r="F98602" s="14" t="s">
        <v>15</v>
      </c>
      <c r="G98602" s="16">
        <v>0.80593064980445395</v>
      </c>
    </row>
    <row r="98603" spans="1:7" x14ac:dyDescent="0.3">
      <c r="A98603" s="13" t="s">
        <v>488</v>
      </c>
      <c r="B98603" s="14" t="s">
        <v>1</v>
      </c>
      <c r="C98603" s="14" t="s">
        <v>23</v>
      </c>
      <c r="D98603" s="14" t="s">
        <v>339</v>
      </c>
      <c r="E98603" s="15">
        <v>45429</v>
      </c>
      <c r="F98603" s="14" t="s">
        <v>15</v>
      </c>
      <c r="G98603" s="16">
        <v>0.82363181682800291</v>
      </c>
    </row>
    <row r="98604" spans="1:7" x14ac:dyDescent="0.3">
      <c r="A98604" s="13" t="s">
        <v>488</v>
      </c>
      <c r="B98604" s="14" t="s">
        <v>1</v>
      </c>
      <c r="C98604" s="14" t="s">
        <v>23</v>
      </c>
      <c r="D98604" s="14" t="s">
        <v>339</v>
      </c>
      <c r="E98604" s="15">
        <v>45430</v>
      </c>
      <c r="F98604" s="14" t="s">
        <v>15</v>
      </c>
      <c r="G98604" s="16">
        <v>0.82363181682800291</v>
      </c>
    </row>
    <row r="98605" spans="1:7" x14ac:dyDescent="0.3">
      <c r="A98605" s="13" t="s">
        <v>488</v>
      </c>
      <c r="B98605" s="14" t="s">
        <v>1</v>
      </c>
      <c r="C98605" s="14" t="s">
        <v>23</v>
      </c>
      <c r="D98605" s="14" t="s">
        <v>339</v>
      </c>
      <c r="E98605" s="15">
        <v>45431</v>
      </c>
      <c r="F98605" s="14" t="s">
        <v>15</v>
      </c>
      <c r="G98605" s="16">
        <v>0.82363181682800291</v>
      </c>
    </row>
    <row r="98606" spans="1:7" x14ac:dyDescent="0.3">
      <c r="A98606" s="13" t="s">
        <v>488</v>
      </c>
      <c r="B98606" s="14" t="s">
        <v>1</v>
      </c>
      <c r="C98606" s="14" t="s">
        <v>23</v>
      </c>
      <c r="D98606" s="14" t="s">
        <v>339</v>
      </c>
      <c r="E98606" s="15">
        <v>45432</v>
      </c>
      <c r="F98606" s="14" t="s">
        <v>15</v>
      </c>
      <c r="G98606" s="16">
        <v>0.84154001324663763</v>
      </c>
    </row>
    <row r="98607" spans="1:7" x14ac:dyDescent="0.3">
      <c r="A98607" s="13" t="s">
        <v>488</v>
      </c>
      <c r="B98607" s="14" t="s">
        <v>1</v>
      </c>
      <c r="C98607" s="14" t="s">
        <v>23</v>
      </c>
      <c r="D98607" s="14" t="s">
        <v>339</v>
      </c>
      <c r="E98607" s="15">
        <v>45433</v>
      </c>
      <c r="F98607" s="14" t="s">
        <v>15</v>
      </c>
      <c r="G98607" s="16">
        <v>0.89500579213238507</v>
      </c>
    </row>
    <row r="98608" spans="1:7" x14ac:dyDescent="0.3">
      <c r="A98608" s="13" t="s">
        <v>488</v>
      </c>
      <c r="B98608" s="14" t="s">
        <v>1</v>
      </c>
      <c r="C98608" s="14" t="s">
        <v>23</v>
      </c>
      <c r="D98608" s="14" t="s">
        <v>339</v>
      </c>
      <c r="E98608" s="15">
        <v>45434</v>
      </c>
      <c r="F98608" s="14" t="s">
        <v>15</v>
      </c>
      <c r="G98608" s="16">
        <v>0.91270241737761404</v>
      </c>
    </row>
    <row r="98609" spans="1:7" x14ac:dyDescent="0.3">
      <c r="A98609" s="13" t="s">
        <v>488</v>
      </c>
      <c r="B98609" s="14" t="s">
        <v>1</v>
      </c>
      <c r="C98609" s="14" t="s">
        <v>23</v>
      </c>
      <c r="D98609" s="14" t="s">
        <v>339</v>
      </c>
      <c r="E98609" s="15">
        <v>45435</v>
      </c>
      <c r="F98609" s="14" t="s">
        <v>15</v>
      </c>
      <c r="G98609" s="16">
        <v>0.93316082232291664</v>
      </c>
    </row>
    <row r="98610" spans="1:7" x14ac:dyDescent="0.3">
      <c r="A98610" s="13" t="s">
        <v>488</v>
      </c>
      <c r="B98610" s="14" t="s">
        <v>1</v>
      </c>
      <c r="C98610" s="14" t="s">
        <v>23</v>
      </c>
      <c r="D98610" s="14" t="s">
        <v>339</v>
      </c>
      <c r="E98610" s="15">
        <v>45436</v>
      </c>
      <c r="F98610" s="14" t="s">
        <v>15</v>
      </c>
      <c r="G98610" s="16">
        <v>0.95054330790101371</v>
      </c>
    </row>
    <row r="98611" spans="1:7" x14ac:dyDescent="0.3">
      <c r="A98611" s="13" t="s">
        <v>488</v>
      </c>
      <c r="B98611" s="14" t="s">
        <v>1</v>
      </c>
      <c r="C98611" s="14" t="s">
        <v>23</v>
      </c>
      <c r="D98611" s="14" t="s">
        <v>339</v>
      </c>
      <c r="E98611" s="15">
        <v>45437</v>
      </c>
      <c r="F98611" s="14" t="s">
        <v>15</v>
      </c>
      <c r="G98611" s="16">
        <v>0.95054330790101371</v>
      </c>
    </row>
    <row r="98612" spans="1:7" x14ac:dyDescent="0.3">
      <c r="A98612" s="13" t="s">
        <v>488</v>
      </c>
      <c r="B98612" s="14" t="s">
        <v>1</v>
      </c>
      <c r="C98612" s="14" t="s">
        <v>23</v>
      </c>
      <c r="D98612" s="14" t="s">
        <v>339</v>
      </c>
      <c r="E98612" s="15">
        <v>45438</v>
      </c>
      <c r="F98612" s="14" t="s">
        <v>15</v>
      </c>
      <c r="G98612" s="16">
        <v>0.95054330790101371</v>
      </c>
    </row>
    <row r="98613" spans="1:7" x14ac:dyDescent="0.3">
      <c r="A98613" s="13" t="s">
        <v>488</v>
      </c>
      <c r="B98613" s="14" t="s">
        <v>1</v>
      </c>
      <c r="C98613" s="14" t="s">
        <v>23</v>
      </c>
      <c r="D98613" s="14" t="s">
        <v>339</v>
      </c>
      <c r="E98613" s="15">
        <v>45439</v>
      </c>
      <c r="F98613" s="14" t="s">
        <v>15</v>
      </c>
      <c r="G98613" s="16">
        <v>0.95054330790101371</v>
      </c>
    </row>
    <row r="98614" spans="1:7" x14ac:dyDescent="0.3">
      <c r="A98614" s="13" t="s">
        <v>488</v>
      </c>
      <c r="B98614" s="14" t="s">
        <v>1</v>
      </c>
      <c r="C98614" s="14" t="s">
        <v>23</v>
      </c>
      <c r="D98614" s="14" t="s">
        <v>339</v>
      </c>
      <c r="E98614" s="15">
        <v>45440</v>
      </c>
      <c r="F98614" s="14" t="s">
        <v>15</v>
      </c>
      <c r="G98614" s="16">
        <v>0.96785539591515124</v>
      </c>
    </row>
    <row r="98615" spans="1:7" x14ac:dyDescent="0.3">
      <c r="A98615" s="13" t="s">
        <v>488</v>
      </c>
      <c r="B98615" s="14" t="s">
        <v>1</v>
      </c>
      <c r="C98615" s="14" t="s">
        <v>23</v>
      </c>
      <c r="D98615" s="14" t="s">
        <v>339</v>
      </c>
      <c r="E98615" s="15">
        <v>45441</v>
      </c>
      <c r="F98615" s="14" t="s">
        <v>15</v>
      </c>
      <c r="G98615" s="16">
        <v>1.032489407689726</v>
      </c>
    </row>
    <row r="98616" spans="1:7" x14ac:dyDescent="0.3">
      <c r="A98616" s="13" t="s">
        <v>488</v>
      </c>
      <c r="B98616" s="14" t="s">
        <v>1</v>
      </c>
      <c r="C98616" s="14" t="s">
        <v>23</v>
      </c>
      <c r="D98616" s="14" t="s">
        <v>339</v>
      </c>
      <c r="E98616" s="15">
        <v>45442</v>
      </c>
      <c r="F98616" s="14" t="s">
        <v>15</v>
      </c>
      <c r="G98616" s="16">
        <v>1.0518770883960937</v>
      </c>
    </row>
    <row r="98617" spans="1:7" x14ac:dyDescent="0.3">
      <c r="A98617" s="13" t="s">
        <v>488</v>
      </c>
      <c r="B98617" s="14" t="s">
        <v>1</v>
      </c>
      <c r="C98617" s="14" t="s">
        <v>23</v>
      </c>
      <c r="D98617" s="14" t="s">
        <v>339</v>
      </c>
      <c r="E98617" s="15">
        <v>45443</v>
      </c>
      <c r="F98617" s="14" t="s">
        <v>15</v>
      </c>
      <c r="G98617" s="16">
        <v>1.06369733962219</v>
      </c>
    </row>
    <row r="98618" spans="1:7" x14ac:dyDescent="0.3">
      <c r="A98618" s="13" t="s">
        <v>488</v>
      </c>
      <c r="B98618" s="14" t="s">
        <v>1</v>
      </c>
      <c r="C98618" s="14" t="s">
        <v>23</v>
      </c>
      <c r="D98618" s="14" t="s">
        <v>339</v>
      </c>
      <c r="E98618" s="15">
        <v>45444</v>
      </c>
      <c r="F98618" s="14" t="s">
        <v>15</v>
      </c>
      <c r="G98618" s="16">
        <v>1.06369733962219</v>
      </c>
    </row>
    <row r="98619" spans="1:7" x14ac:dyDescent="0.3">
      <c r="A98619" s="13" t="s">
        <v>488</v>
      </c>
      <c r="B98619" s="14" t="s">
        <v>1</v>
      </c>
      <c r="C98619" s="14" t="s">
        <v>23</v>
      </c>
      <c r="D98619" s="14" t="s">
        <v>339</v>
      </c>
      <c r="E98619" s="15">
        <v>45445</v>
      </c>
      <c r="F98619" s="14" t="s">
        <v>15</v>
      </c>
      <c r="G98619" s="16">
        <v>1.06369733962219</v>
      </c>
    </row>
    <row r="98620" spans="1:7" x14ac:dyDescent="0.3">
      <c r="A98620" s="13" t="s">
        <v>488</v>
      </c>
      <c r="B98620" s="14" t="s">
        <v>1</v>
      </c>
      <c r="C98620" s="14" t="s">
        <v>23</v>
      </c>
      <c r="D98620" s="14" t="s">
        <v>339</v>
      </c>
      <c r="E98620" s="15">
        <v>45446</v>
      </c>
      <c r="F98620" s="14" t="s">
        <v>15</v>
      </c>
      <c r="G98620" s="16">
        <v>1.06369733962219</v>
      </c>
    </row>
    <row r="98621" spans="1:7" x14ac:dyDescent="0.3">
      <c r="A98621" s="13" t="s">
        <v>488</v>
      </c>
      <c r="B98621" s="14" t="s">
        <v>1</v>
      </c>
      <c r="C98621" s="14" t="s">
        <v>23</v>
      </c>
      <c r="D98621" s="14" t="s">
        <v>339</v>
      </c>
      <c r="E98621" s="15">
        <v>45447</v>
      </c>
      <c r="F98621" s="14" t="s">
        <v>15</v>
      </c>
      <c r="G98621" s="16">
        <v>1.0843710702002338</v>
      </c>
    </row>
    <row r="98622" spans="1:7" x14ac:dyDescent="0.3">
      <c r="A98622" s="13" t="s">
        <v>488</v>
      </c>
      <c r="B98622" s="14" t="s">
        <v>1</v>
      </c>
      <c r="C98622" s="14" t="s">
        <v>23</v>
      </c>
      <c r="D98622" s="14" t="s">
        <v>339</v>
      </c>
      <c r="E98622" s="15">
        <v>45448</v>
      </c>
      <c r="F98622" s="14" t="s">
        <v>15</v>
      </c>
      <c r="G98622" s="16">
        <v>1.1593544618946527</v>
      </c>
    </row>
    <row r="98623" spans="1:7" x14ac:dyDescent="0.3">
      <c r="A98623" s="13" t="s">
        <v>488</v>
      </c>
      <c r="B98623" s="14" t="s">
        <v>1</v>
      </c>
      <c r="C98623" s="14" t="s">
        <v>23</v>
      </c>
      <c r="D98623" s="14" t="s">
        <v>339</v>
      </c>
      <c r="E98623" s="15">
        <v>45449</v>
      </c>
      <c r="F98623" s="14" t="s">
        <v>15</v>
      </c>
      <c r="G98623" s="16">
        <v>1.1762146283445036</v>
      </c>
    </row>
    <row r="98624" spans="1:7" x14ac:dyDescent="0.3">
      <c r="A98624" s="13" t="s">
        <v>488</v>
      </c>
      <c r="B98624" s="14" t="s">
        <v>1</v>
      </c>
      <c r="C98624" s="14" t="s">
        <v>23</v>
      </c>
      <c r="D98624" s="14" t="s">
        <v>339</v>
      </c>
      <c r="E98624" s="15">
        <v>45450</v>
      </c>
      <c r="F98624" s="14" t="s">
        <v>15</v>
      </c>
      <c r="G98624" s="16">
        <v>1.2155837501464817</v>
      </c>
    </row>
    <row r="98625" spans="1:7" x14ac:dyDescent="0.3">
      <c r="A98625" s="13" t="s">
        <v>488</v>
      </c>
      <c r="B98625" s="14" t="s">
        <v>1</v>
      </c>
      <c r="C98625" s="14" t="s">
        <v>23</v>
      </c>
      <c r="D98625" s="14" t="s">
        <v>339</v>
      </c>
      <c r="E98625" s="15">
        <v>45451</v>
      </c>
      <c r="F98625" s="14" t="s">
        <v>15</v>
      </c>
      <c r="G98625" s="16">
        <v>1.2155837501464817</v>
      </c>
    </row>
    <row r="98626" spans="1:7" x14ac:dyDescent="0.3">
      <c r="A98626" s="13" t="s">
        <v>488</v>
      </c>
      <c r="B98626" s="14" t="s">
        <v>1</v>
      </c>
      <c r="C98626" s="14" t="s">
        <v>23</v>
      </c>
      <c r="D98626" s="14" t="s">
        <v>339</v>
      </c>
      <c r="E98626" s="15">
        <v>45452</v>
      </c>
      <c r="F98626" s="14" t="s">
        <v>15</v>
      </c>
      <c r="G98626" s="16">
        <v>1.2155837501464817</v>
      </c>
    </row>
    <row r="98627" spans="1:7" x14ac:dyDescent="0.3">
      <c r="A98627" s="13" t="s">
        <v>488</v>
      </c>
      <c r="B98627" s="14" t="s">
        <v>1</v>
      </c>
      <c r="C98627" s="14" t="s">
        <v>23</v>
      </c>
      <c r="D98627" s="14" t="s">
        <v>339</v>
      </c>
      <c r="E98627" s="15">
        <v>45453</v>
      </c>
      <c r="F98627" s="14" t="s">
        <v>15</v>
      </c>
      <c r="G98627" s="16">
        <v>1.2324023111408506</v>
      </c>
    </row>
    <row r="98628" spans="1:7" x14ac:dyDescent="0.3">
      <c r="A98628" s="13" t="s">
        <v>488</v>
      </c>
      <c r="B98628" s="14" t="s">
        <v>1</v>
      </c>
      <c r="C98628" s="14" t="s">
        <v>23</v>
      </c>
      <c r="D98628" s="14" t="s">
        <v>339</v>
      </c>
      <c r="E98628" s="15">
        <v>45454</v>
      </c>
      <c r="F98628" s="14" t="s">
        <v>15</v>
      </c>
      <c r="G98628" s="16">
        <v>1.2830719593754452</v>
      </c>
    </row>
    <row r="98629" spans="1:7" x14ac:dyDescent="0.3">
      <c r="A98629" s="13" t="s">
        <v>488</v>
      </c>
      <c r="B98629" s="14" t="s">
        <v>1</v>
      </c>
      <c r="C98629" s="14" t="s">
        <v>23</v>
      </c>
      <c r="D98629" s="14" t="s">
        <v>339</v>
      </c>
      <c r="E98629" s="15">
        <v>45455</v>
      </c>
      <c r="F98629" s="14" t="s">
        <v>15</v>
      </c>
      <c r="G98629" s="16">
        <v>1.2999341455076008</v>
      </c>
    </row>
    <row r="98630" spans="1:7" x14ac:dyDescent="0.3">
      <c r="A98630" s="13" t="s">
        <v>488</v>
      </c>
      <c r="B98630" s="14" t="s">
        <v>1</v>
      </c>
      <c r="C98630" s="14" t="s">
        <v>23</v>
      </c>
      <c r="D98630" s="14" t="s">
        <v>339</v>
      </c>
      <c r="E98630" s="15">
        <v>45456</v>
      </c>
      <c r="F98630" s="14" t="s">
        <v>15</v>
      </c>
      <c r="G98630" s="16">
        <v>1.3161520529844799</v>
      </c>
    </row>
    <row r="98631" spans="1:7" x14ac:dyDescent="0.3">
      <c r="A98631" s="13" t="s">
        <v>488</v>
      </c>
      <c r="B98631" s="14" t="s">
        <v>1</v>
      </c>
      <c r="C98631" s="14" t="s">
        <v>23</v>
      </c>
      <c r="D98631" s="14" t="s">
        <v>339</v>
      </c>
      <c r="E98631" s="15">
        <v>45457</v>
      </c>
      <c r="F98631" s="14" t="s">
        <v>15</v>
      </c>
      <c r="G98631" s="16">
        <v>1.3346723982889939</v>
      </c>
    </row>
    <row r="98632" spans="1:7" x14ac:dyDescent="0.3">
      <c r="A98632" s="13" t="s">
        <v>488</v>
      </c>
      <c r="B98632" s="14" t="s">
        <v>1</v>
      </c>
      <c r="C98632" s="14" t="s">
        <v>23</v>
      </c>
      <c r="D98632" s="14" t="s">
        <v>339</v>
      </c>
      <c r="E98632" s="15">
        <v>45458</v>
      </c>
      <c r="F98632" s="14" t="s">
        <v>15</v>
      </c>
      <c r="G98632" s="16">
        <v>1.3346723982889939</v>
      </c>
    </row>
    <row r="98633" spans="1:7" x14ac:dyDescent="0.3">
      <c r="A98633" s="13" t="s">
        <v>488</v>
      </c>
      <c r="B98633" s="14" t="s">
        <v>1</v>
      </c>
      <c r="C98633" s="14" t="s">
        <v>23</v>
      </c>
      <c r="D98633" s="14" t="s">
        <v>339</v>
      </c>
      <c r="E98633" s="15">
        <v>45459</v>
      </c>
      <c r="F98633" s="14" t="s">
        <v>15</v>
      </c>
      <c r="G98633" s="16">
        <v>1.3346723982889939</v>
      </c>
    </row>
    <row r="98634" spans="1:7" x14ac:dyDescent="0.3">
      <c r="A98634" s="13" t="s">
        <v>488</v>
      </c>
      <c r="B98634" s="14" t="s">
        <v>1</v>
      </c>
      <c r="C98634" s="14" t="s">
        <v>23</v>
      </c>
      <c r="D98634" s="14" t="s">
        <v>339</v>
      </c>
      <c r="E98634" s="15">
        <v>45460</v>
      </c>
      <c r="F98634" s="14" t="s">
        <v>15</v>
      </c>
      <c r="G98634" s="16">
        <v>1.3516359724728577</v>
      </c>
    </row>
    <row r="98635" spans="1:7" x14ac:dyDescent="0.3">
      <c r="A98635" s="13" t="s">
        <v>488</v>
      </c>
      <c r="B98635" s="14" t="s">
        <v>1</v>
      </c>
      <c r="C98635" s="14" t="s">
        <v>23</v>
      </c>
      <c r="D98635" s="14" t="s">
        <v>339</v>
      </c>
      <c r="E98635" s="15">
        <v>45461</v>
      </c>
      <c r="F98635" s="14" t="s">
        <v>15</v>
      </c>
      <c r="G98635" s="16">
        <v>1.4027455075134692</v>
      </c>
    </row>
    <row r="98636" spans="1:7" x14ac:dyDescent="0.3">
      <c r="A98636" s="13" t="s">
        <v>488</v>
      </c>
      <c r="B98636" s="14" t="s">
        <v>1</v>
      </c>
      <c r="C98636" s="14" t="s">
        <v>23</v>
      </c>
      <c r="D98636" s="14" t="s">
        <v>339</v>
      </c>
      <c r="E98636" s="15">
        <v>45462</v>
      </c>
      <c r="F98636" s="14" t="s">
        <v>15</v>
      </c>
      <c r="G98636" s="16">
        <v>1.4027455075134692</v>
      </c>
    </row>
    <row r="98637" spans="1:7" x14ac:dyDescent="0.3">
      <c r="A98637" s="13" t="s">
        <v>488</v>
      </c>
      <c r="B98637" s="14" t="s">
        <v>1</v>
      </c>
      <c r="C98637" s="14" t="s">
        <v>23</v>
      </c>
      <c r="D98637" s="14" t="s">
        <v>339</v>
      </c>
      <c r="E98637" s="15">
        <v>45463</v>
      </c>
      <c r="F98637" s="14" t="s">
        <v>15</v>
      </c>
      <c r="G98637" s="16">
        <v>1.4197470517246658</v>
      </c>
    </row>
    <row r="98638" spans="1:7" x14ac:dyDescent="0.3">
      <c r="A98638" s="13" t="s">
        <v>488</v>
      </c>
      <c r="B98638" s="14" t="s">
        <v>1</v>
      </c>
      <c r="C98638" s="14" t="s">
        <v>23</v>
      </c>
      <c r="D98638" s="14" t="s">
        <v>339</v>
      </c>
      <c r="E98638" s="15">
        <v>45464</v>
      </c>
      <c r="F98638" s="14" t="s">
        <v>15</v>
      </c>
      <c r="G98638" s="16">
        <v>1.4555243705155332</v>
      </c>
    </row>
    <row r="98639" spans="1:7" x14ac:dyDescent="0.3">
      <c r="A98639" s="13" t="s">
        <v>488</v>
      </c>
      <c r="B98639" s="14" t="s">
        <v>1</v>
      </c>
      <c r="C98639" s="14" t="s">
        <v>23</v>
      </c>
      <c r="D98639" s="14" t="s">
        <v>339</v>
      </c>
      <c r="E98639" s="15">
        <v>45465</v>
      </c>
      <c r="F98639" s="14" t="s">
        <v>15</v>
      </c>
      <c r="G98639" s="16">
        <v>1.4555243705155332</v>
      </c>
    </row>
    <row r="98640" spans="1:7" x14ac:dyDescent="0.3">
      <c r="A98640" s="13" t="s">
        <v>488</v>
      </c>
      <c r="B98640" s="14" t="s">
        <v>1</v>
      </c>
      <c r="C98640" s="14" t="s">
        <v>23</v>
      </c>
      <c r="D98640" s="14" t="s">
        <v>339</v>
      </c>
      <c r="E98640" s="15">
        <v>45466</v>
      </c>
      <c r="F98640" s="14" t="s">
        <v>15</v>
      </c>
      <c r="G98640" s="16">
        <v>1.4555243705155332</v>
      </c>
    </row>
    <row r="98641" spans="1:7" x14ac:dyDescent="0.3">
      <c r="A98641" s="13" t="s">
        <v>488</v>
      </c>
      <c r="B98641" s="14" t="s">
        <v>1</v>
      </c>
      <c r="C98641" s="14" t="s">
        <v>23</v>
      </c>
      <c r="D98641" s="14" t="s">
        <v>339</v>
      </c>
      <c r="E98641" s="15">
        <v>45467</v>
      </c>
      <c r="F98641" s="14" t="s">
        <v>15</v>
      </c>
      <c r="G98641" s="16">
        <v>1.4724281621031707</v>
      </c>
    </row>
    <row r="98642" spans="1:7" x14ac:dyDescent="0.3">
      <c r="A98642" s="13" t="s">
        <v>488</v>
      </c>
      <c r="B98642" s="14" t="s">
        <v>1</v>
      </c>
      <c r="C98642" s="14" t="s">
        <v>23</v>
      </c>
      <c r="D98642" s="14" t="s">
        <v>339</v>
      </c>
      <c r="E98642" s="15">
        <v>45468</v>
      </c>
      <c r="F98642" s="14" t="s">
        <v>15</v>
      </c>
      <c r="G98642" s="16">
        <v>1.5262380123854906</v>
      </c>
    </row>
    <row r="98643" spans="1:7" x14ac:dyDescent="0.3">
      <c r="A98643" s="13" t="s">
        <v>488</v>
      </c>
      <c r="B98643" s="14" t="s">
        <v>1</v>
      </c>
      <c r="C98643" s="14" t="s">
        <v>23</v>
      </c>
      <c r="D98643" s="14" t="s">
        <v>339</v>
      </c>
      <c r="E98643" s="15">
        <v>45469</v>
      </c>
      <c r="F98643" s="14" t="s">
        <v>15</v>
      </c>
      <c r="G98643" s="16">
        <v>1.5418613253917943</v>
      </c>
    </row>
    <row r="98644" spans="1:7" x14ac:dyDescent="0.3">
      <c r="A98644" s="13" t="s">
        <v>488</v>
      </c>
      <c r="B98644" s="14" t="s">
        <v>1</v>
      </c>
      <c r="C98644" s="14" t="s">
        <v>23</v>
      </c>
      <c r="D98644" s="14" t="s">
        <v>339</v>
      </c>
      <c r="E98644" s="15">
        <v>45470</v>
      </c>
      <c r="F98644" s="14" t="s">
        <v>15</v>
      </c>
      <c r="G98644" s="16">
        <v>1.5586378769942204</v>
      </c>
    </row>
    <row r="98645" spans="1:7" x14ac:dyDescent="0.3">
      <c r="A98645" s="13" t="s">
        <v>488</v>
      </c>
      <c r="B98645" s="14" t="s">
        <v>1</v>
      </c>
      <c r="C98645" s="14" t="s">
        <v>23</v>
      </c>
      <c r="D98645" s="14" t="s">
        <v>339</v>
      </c>
      <c r="E98645" s="15">
        <v>45471</v>
      </c>
      <c r="F98645" s="14" t="s">
        <v>15</v>
      </c>
      <c r="G98645" s="16">
        <v>1.5754818859856317</v>
      </c>
    </row>
    <row r="98646" spans="1:7" x14ac:dyDescent="0.3">
      <c r="A98646" s="13" t="s">
        <v>488</v>
      </c>
      <c r="B98646" s="14" t="s">
        <v>1</v>
      </c>
      <c r="C98646" s="14" t="s">
        <v>23</v>
      </c>
      <c r="D98646" s="14" t="s">
        <v>339</v>
      </c>
      <c r="E98646" s="15">
        <v>45472</v>
      </c>
      <c r="F98646" s="14" t="s">
        <v>15</v>
      </c>
      <c r="G98646" s="16">
        <v>1.5754818859856317</v>
      </c>
    </row>
    <row r="98647" spans="1:7" x14ac:dyDescent="0.3">
      <c r="A98647" s="13" t="s">
        <v>488</v>
      </c>
      <c r="B98647" s="14" t="s">
        <v>1</v>
      </c>
      <c r="C98647" s="14" t="s">
        <v>23</v>
      </c>
      <c r="D98647" s="14" t="s">
        <v>339</v>
      </c>
      <c r="E98647" s="15">
        <v>45473</v>
      </c>
      <c r="F98647" s="14" t="s">
        <v>15</v>
      </c>
      <c r="G98647" s="16">
        <v>1.5754818859856317</v>
      </c>
    </row>
    <row r="98648" spans="1:7" x14ac:dyDescent="0.3">
      <c r="A98648" s="13" t="s">
        <v>488</v>
      </c>
      <c r="B98648" s="14" t="s">
        <v>1</v>
      </c>
      <c r="C98648" s="14" t="s">
        <v>23</v>
      </c>
      <c r="D98648" s="14" t="s">
        <v>339</v>
      </c>
      <c r="E98648" s="15">
        <v>45474</v>
      </c>
      <c r="F98648" s="14" t="s">
        <v>15</v>
      </c>
      <c r="G98648" s="16">
        <v>1.5924721199759206</v>
      </c>
    </row>
    <row r="98649" spans="1:7" x14ac:dyDescent="0.3">
      <c r="A98649" s="13" t="s">
        <v>488</v>
      </c>
      <c r="B98649" s="14" t="s">
        <v>1</v>
      </c>
      <c r="C98649" s="14" t="s">
        <v>23</v>
      </c>
      <c r="D98649" s="14" t="s">
        <v>339</v>
      </c>
      <c r="E98649" s="15">
        <v>45475</v>
      </c>
      <c r="F98649" s="14" t="s">
        <v>15</v>
      </c>
      <c r="G98649" s="16">
        <v>1.6443507500382539</v>
      </c>
    </row>
    <row r="98650" spans="1:7" x14ac:dyDescent="0.3">
      <c r="A98650" s="13" t="s">
        <v>488</v>
      </c>
      <c r="B98650" s="14" t="s">
        <v>1</v>
      </c>
      <c r="C98650" s="14" t="s">
        <v>23</v>
      </c>
      <c r="D98650" s="14" t="s">
        <v>339</v>
      </c>
      <c r="E98650" s="15">
        <v>45476</v>
      </c>
      <c r="F98650" s="14" t="s">
        <v>15</v>
      </c>
      <c r="G98650" s="16">
        <v>1.6614585295386906</v>
      </c>
    </row>
    <row r="98651" spans="1:7" x14ac:dyDescent="0.3">
      <c r="A98651" s="13" t="s">
        <v>488</v>
      </c>
      <c r="B98651" s="14" t="s">
        <v>1</v>
      </c>
      <c r="C98651" s="14" t="s">
        <v>23</v>
      </c>
      <c r="D98651" s="14" t="s">
        <v>339</v>
      </c>
      <c r="E98651" s="15">
        <v>45477</v>
      </c>
      <c r="F98651" s="14" t="s">
        <v>15</v>
      </c>
      <c r="G98651" s="16">
        <v>1.6614585295386906</v>
      </c>
    </row>
    <row r="98652" spans="1:7" x14ac:dyDescent="0.3">
      <c r="A98652" s="13" t="s">
        <v>488</v>
      </c>
      <c r="B98652" s="14" t="s">
        <v>1</v>
      </c>
      <c r="C98652" s="14" t="s">
        <v>23</v>
      </c>
      <c r="D98652" s="14" t="s">
        <v>339</v>
      </c>
      <c r="E98652" s="15">
        <v>45478</v>
      </c>
      <c r="F98652" s="14" t="s">
        <v>15</v>
      </c>
      <c r="G98652" s="16">
        <v>1.6787141497838491</v>
      </c>
    </row>
    <row r="98653" spans="1:7" x14ac:dyDescent="0.3">
      <c r="A98653" s="13" t="s">
        <v>488</v>
      </c>
      <c r="B98653" s="14" t="s">
        <v>1</v>
      </c>
      <c r="C98653" s="14" t="s">
        <v>23</v>
      </c>
      <c r="D98653" s="14" t="s">
        <v>339</v>
      </c>
      <c r="E98653" s="15">
        <v>45479</v>
      </c>
      <c r="F98653" s="14" t="s">
        <v>15</v>
      </c>
      <c r="G98653" s="16">
        <v>1.6787141497838491</v>
      </c>
    </row>
    <row r="98654" spans="1:7" x14ac:dyDescent="0.3">
      <c r="A98654" s="13" t="s">
        <v>488</v>
      </c>
      <c r="B98654" s="14" t="s">
        <v>1</v>
      </c>
      <c r="C98654" s="14" t="s">
        <v>23</v>
      </c>
      <c r="D98654" s="14" t="s">
        <v>339</v>
      </c>
      <c r="E98654" s="15">
        <v>45480</v>
      </c>
      <c r="F98654" s="14" t="s">
        <v>15</v>
      </c>
      <c r="G98654" s="16">
        <v>1.6787141497838491</v>
      </c>
    </row>
    <row r="98655" spans="1:7" x14ac:dyDescent="0.3">
      <c r="A98655" s="13" t="s">
        <v>488</v>
      </c>
      <c r="B98655" s="14" t="s">
        <v>1</v>
      </c>
      <c r="C98655" s="14" t="s">
        <v>23</v>
      </c>
      <c r="D98655" s="14" t="s">
        <v>339</v>
      </c>
      <c r="E98655" s="15">
        <v>45481</v>
      </c>
      <c r="F98655" s="14" t="s">
        <v>15</v>
      </c>
      <c r="G98655" s="16">
        <v>1.741571772855852</v>
      </c>
    </row>
    <row r="98656" spans="1:7" x14ac:dyDescent="0.3">
      <c r="A98656" s="13" t="s">
        <v>488</v>
      </c>
      <c r="B98656" s="14" t="s">
        <v>1</v>
      </c>
      <c r="C98656" s="14" t="s">
        <v>23</v>
      </c>
      <c r="D98656" s="14" t="s">
        <v>339</v>
      </c>
      <c r="E98656" s="15">
        <v>45482</v>
      </c>
      <c r="F98656" s="14" t="s">
        <v>15</v>
      </c>
      <c r="G98656" s="16">
        <v>1.7940502485627534</v>
      </c>
    </row>
    <row r="98657" spans="1:7" x14ac:dyDescent="0.3">
      <c r="A98657" s="13" t="s">
        <v>488</v>
      </c>
      <c r="B98657" s="14" t="s">
        <v>1</v>
      </c>
      <c r="C98657" s="14" t="s">
        <v>23</v>
      </c>
      <c r="D98657" s="14" t="s">
        <v>339</v>
      </c>
      <c r="E98657" s="15">
        <v>45483</v>
      </c>
      <c r="F98657" s="14" t="s">
        <v>15</v>
      </c>
      <c r="G98657" s="16">
        <v>1.8125544364088277</v>
      </c>
    </row>
    <row r="98658" spans="1:7" x14ac:dyDescent="0.3">
      <c r="A98658" s="13" t="s">
        <v>488</v>
      </c>
      <c r="B98658" s="14" t="s">
        <v>1</v>
      </c>
      <c r="C98658" s="14" t="s">
        <v>23</v>
      </c>
      <c r="D98658" s="14" t="s">
        <v>339</v>
      </c>
      <c r="E98658" s="15">
        <v>45484</v>
      </c>
      <c r="F98658" s="14" t="s">
        <v>15</v>
      </c>
      <c r="G98658" s="16">
        <v>1.8300205075501612</v>
      </c>
    </row>
    <row r="98659" spans="1:7" x14ac:dyDescent="0.3">
      <c r="A98659" s="13" t="s">
        <v>488</v>
      </c>
      <c r="B98659" s="14" t="s">
        <v>1</v>
      </c>
      <c r="C98659" s="14" t="s">
        <v>23</v>
      </c>
      <c r="D98659" s="14" t="s">
        <v>339</v>
      </c>
      <c r="E98659" s="15">
        <v>45485</v>
      </c>
      <c r="F98659" s="14" t="s">
        <v>15</v>
      </c>
      <c r="G98659" s="16">
        <v>1.848188620260693</v>
      </c>
    </row>
    <row r="98660" spans="1:7" x14ac:dyDescent="0.3">
      <c r="A98660" s="13" t="s">
        <v>488</v>
      </c>
      <c r="B98660" s="14" t="s">
        <v>1</v>
      </c>
      <c r="C98660" s="14" t="s">
        <v>23</v>
      </c>
      <c r="D98660" s="14" t="s">
        <v>339</v>
      </c>
      <c r="E98660" s="15">
        <v>45486</v>
      </c>
      <c r="F98660" s="14" t="s">
        <v>15</v>
      </c>
      <c r="G98660" s="16">
        <v>1.848188620260693</v>
      </c>
    </row>
    <row r="98661" spans="1:7" x14ac:dyDescent="0.3">
      <c r="A98661" s="13" t="s">
        <v>488</v>
      </c>
      <c r="B98661" s="14" t="s">
        <v>1</v>
      </c>
      <c r="C98661" s="14" t="s">
        <v>23</v>
      </c>
      <c r="D98661" s="14" t="s">
        <v>339</v>
      </c>
      <c r="E98661" s="15">
        <v>45487</v>
      </c>
      <c r="F98661" s="14" t="s">
        <v>15</v>
      </c>
      <c r="G98661" s="16">
        <v>1.848188620260693</v>
      </c>
    </row>
    <row r="98662" spans="1:7" x14ac:dyDescent="0.3">
      <c r="A98662" s="13" t="s">
        <v>488</v>
      </c>
      <c r="B98662" s="14" t="s">
        <v>1</v>
      </c>
      <c r="C98662" s="14" t="s">
        <v>23</v>
      </c>
      <c r="D98662" s="14" t="s">
        <v>339</v>
      </c>
      <c r="E98662" s="15">
        <v>45488</v>
      </c>
      <c r="F98662" s="14" t="s">
        <v>15</v>
      </c>
      <c r="G98662" s="16">
        <v>1.8650758504534302</v>
      </c>
    </row>
    <row r="98663" spans="1:7" x14ac:dyDescent="0.3">
      <c r="A98663" s="13" t="s">
        <v>488</v>
      </c>
      <c r="B98663" s="14" t="s">
        <v>1</v>
      </c>
      <c r="C98663" s="14" t="s">
        <v>23</v>
      </c>
      <c r="D98663" s="14" t="s">
        <v>339</v>
      </c>
      <c r="E98663" s="15">
        <v>45489</v>
      </c>
      <c r="F98663" s="14" t="s">
        <v>15</v>
      </c>
      <c r="G98663" s="16">
        <v>1.9162956601478911</v>
      </c>
    </row>
    <row r="98664" spans="1:7" x14ac:dyDescent="0.3">
      <c r="A98664" s="13" t="s">
        <v>488</v>
      </c>
      <c r="B98664" s="14" t="s">
        <v>1</v>
      </c>
      <c r="C98664" s="14" t="s">
        <v>23</v>
      </c>
      <c r="D98664" s="14" t="s">
        <v>339</v>
      </c>
      <c r="E98664" s="15">
        <v>45490</v>
      </c>
      <c r="F98664" s="14" t="s">
        <v>15</v>
      </c>
      <c r="G98664" s="16">
        <v>1.9332503477296132</v>
      </c>
    </row>
    <row r="98665" spans="1:7" x14ac:dyDescent="0.3">
      <c r="A98665" s="13" t="s">
        <v>488</v>
      </c>
      <c r="B98665" s="14" t="s">
        <v>1</v>
      </c>
      <c r="C98665" s="14" t="s">
        <v>23</v>
      </c>
      <c r="D98665" s="14" t="s">
        <v>339</v>
      </c>
      <c r="E98665" s="15">
        <v>45491</v>
      </c>
      <c r="F98665" s="14" t="s">
        <v>15</v>
      </c>
      <c r="G98665" s="16">
        <v>1.9502046313748742</v>
      </c>
    </row>
    <row r="98666" spans="1:7" x14ac:dyDescent="0.3">
      <c r="A98666" s="13" t="s">
        <v>488</v>
      </c>
      <c r="B98666" s="14" t="s">
        <v>1</v>
      </c>
      <c r="C98666" s="14" t="s">
        <v>23</v>
      </c>
      <c r="D98666" s="14" t="s">
        <v>339</v>
      </c>
      <c r="E98666" s="15">
        <v>45492</v>
      </c>
      <c r="F98666" s="14" t="s">
        <v>15</v>
      </c>
      <c r="G98666" s="16">
        <v>1.9671330630866319</v>
      </c>
    </row>
    <row r="98667" spans="1:7" x14ac:dyDescent="0.3">
      <c r="A98667" s="13" t="s">
        <v>488</v>
      </c>
      <c r="B98667" s="14" t="s">
        <v>1</v>
      </c>
      <c r="C98667" s="14" t="s">
        <v>23</v>
      </c>
      <c r="D98667" s="14" t="s">
        <v>339</v>
      </c>
      <c r="E98667" s="15">
        <v>45493</v>
      </c>
      <c r="F98667" s="14" t="s">
        <v>15</v>
      </c>
      <c r="G98667" s="16">
        <v>1.9671330630866319</v>
      </c>
    </row>
    <row r="98668" spans="1:7" x14ac:dyDescent="0.3">
      <c r="A98668" s="13" t="s">
        <v>488</v>
      </c>
      <c r="B98668" s="14" t="s">
        <v>1</v>
      </c>
      <c r="C98668" s="14" t="s">
        <v>23</v>
      </c>
      <c r="D98668" s="14" t="s">
        <v>339</v>
      </c>
      <c r="E98668" s="15">
        <v>45494</v>
      </c>
      <c r="F98668" s="14" t="s">
        <v>15</v>
      </c>
      <c r="G98668" s="16">
        <v>1.9671330630866319</v>
      </c>
    </row>
    <row r="98669" spans="1:7" x14ac:dyDescent="0.3">
      <c r="A98669" s="13" t="s">
        <v>488</v>
      </c>
      <c r="B98669" s="14" t="s">
        <v>1</v>
      </c>
      <c r="C98669" s="14" t="s">
        <v>23</v>
      </c>
      <c r="D98669" s="14" t="s">
        <v>339</v>
      </c>
      <c r="E98669" s="15">
        <v>45495</v>
      </c>
      <c r="F98669" s="14" t="s">
        <v>15</v>
      </c>
      <c r="G98669" s="16">
        <v>1.9839843429343411</v>
      </c>
    </row>
    <row r="98670" spans="1:7" x14ac:dyDescent="0.3">
      <c r="A98670" s="13" t="s">
        <v>488</v>
      </c>
      <c r="B98670" s="14" t="s">
        <v>1</v>
      </c>
      <c r="C98670" s="14" t="s">
        <v>23</v>
      </c>
      <c r="D98670" s="14" t="s">
        <v>339</v>
      </c>
      <c r="E98670" s="15">
        <v>45496</v>
      </c>
      <c r="F98670" s="14" t="s">
        <v>15</v>
      </c>
      <c r="G98670" s="16">
        <v>2.0343583096794919</v>
      </c>
    </row>
    <row r="98671" spans="1:7" x14ac:dyDescent="0.3">
      <c r="A98671" s="13" t="s">
        <v>488</v>
      </c>
      <c r="B98671" s="14" t="s">
        <v>1</v>
      </c>
      <c r="C98671" s="14" t="s">
        <v>23</v>
      </c>
      <c r="D98671" s="14" t="s">
        <v>339</v>
      </c>
      <c r="E98671" s="15">
        <v>45497</v>
      </c>
      <c r="F98671" s="14" t="s">
        <v>15</v>
      </c>
      <c r="G98671" s="16">
        <v>2.0532316954509096</v>
      </c>
    </row>
    <row r="98672" spans="1:7" x14ac:dyDescent="0.3">
      <c r="A98672" s="13" t="s">
        <v>488</v>
      </c>
      <c r="B98672" s="14" t="s">
        <v>1</v>
      </c>
      <c r="C98672" s="14" t="s">
        <v>23</v>
      </c>
      <c r="D98672" s="14" t="s">
        <v>339</v>
      </c>
      <c r="E98672" s="15">
        <v>45498</v>
      </c>
      <c r="F98672" s="14" t="s">
        <v>15</v>
      </c>
      <c r="G98672" s="16">
        <v>2.0693566975417612</v>
      </c>
    </row>
    <row r="98673" spans="1:7" x14ac:dyDescent="0.3">
      <c r="A98673" s="13" t="s">
        <v>488</v>
      </c>
      <c r="B98673" s="14" t="s">
        <v>1</v>
      </c>
      <c r="C98673" s="14" t="s">
        <v>23</v>
      </c>
      <c r="D98673" s="14" t="s">
        <v>339</v>
      </c>
      <c r="E98673" s="15">
        <v>45499</v>
      </c>
      <c r="F98673" s="14" t="s">
        <v>15</v>
      </c>
      <c r="G98673" s="16">
        <v>2.0855426940382222</v>
      </c>
    </row>
    <row r="98674" spans="1:7" x14ac:dyDescent="0.3">
      <c r="A98674" s="13" t="s">
        <v>488</v>
      </c>
      <c r="B98674" s="14" t="s">
        <v>1</v>
      </c>
      <c r="C98674" s="14" t="s">
        <v>23</v>
      </c>
      <c r="D98674" s="14" t="s">
        <v>339</v>
      </c>
      <c r="E98674" s="15">
        <v>45500</v>
      </c>
      <c r="F98674" s="14" t="s">
        <v>15</v>
      </c>
      <c r="G98674" s="16">
        <v>2.0855426940382222</v>
      </c>
    </row>
    <row r="98675" spans="1:7" x14ac:dyDescent="0.3">
      <c r="A98675" s="13" t="s">
        <v>488</v>
      </c>
      <c r="B98675" s="14" t="s">
        <v>1</v>
      </c>
      <c r="C98675" s="14" t="s">
        <v>23</v>
      </c>
      <c r="D98675" s="14" t="s">
        <v>339</v>
      </c>
      <c r="E98675" s="15">
        <v>45501</v>
      </c>
      <c r="F98675" s="14" t="s">
        <v>15</v>
      </c>
      <c r="G98675" s="16">
        <v>2.0855426940382222</v>
      </c>
    </row>
    <row r="98676" spans="1:7" x14ac:dyDescent="0.3">
      <c r="A98676" s="13" t="s">
        <v>488</v>
      </c>
      <c r="B98676" s="14" t="s">
        <v>1</v>
      </c>
      <c r="C98676" s="14" t="s">
        <v>23</v>
      </c>
      <c r="D98676" s="14" t="s">
        <v>339</v>
      </c>
      <c r="E98676" s="15">
        <v>45502</v>
      </c>
      <c r="F98676" s="14" t="s">
        <v>15</v>
      </c>
      <c r="G98676" s="16">
        <v>2.1017472716118886</v>
      </c>
    </row>
    <row r="98677" spans="1:7" x14ac:dyDescent="0.3">
      <c r="A98677" s="13" t="s">
        <v>488</v>
      </c>
      <c r="B98677" s="14" t="s">
        <v>1</v>
      </c>
      <c r="C98677" s="14" t="s">
        <v>23</v>
      </c>
      <c r="D98677" s="14" t="s">
        <v>339</v>
      </c>
      <c r="E98677" s="15">
        <v>45503</v>
      </c>
      <c r="F98677" s="14" t="s">
        <v>15</v>
      </c>
      <c r="G98677" s="16">
        <v>2.1505264972090563</v>
      </c>
    </row>
    <row r="98678" spans="1:7" x14ac:dyDescent="0.3">
      <c r="A98678" s="13" t="s">
        <v>488</v>
      </c>
      <c r="B98678" s="14" t="s">
        <v>1</v>
      </c>
      <c r="C98678" s="14" t="s">
        <v>23</v>
      </c>
      <c r="D98678" s="14" t="s">
        <v>339</v>
      </c>
      <c r="E98678" s="15">
        <v>45504</v>
      </c>
      <c r="F98678" s="14" t="s">
        <v>15</v>
      </c>
      <c r="G98678" s="16">
        <v>2.1682567427958763</v>
      </c>
    </row>
    <row r="98679" spans="1:7" x14ac:dyDescent="0.3">
      <c r="A98679" s="13" t="s">
        <v>488</v>
      </c>
      <c r="B98679" s="14" t="s">
        <v>1</v>
      </c>
      <c r="C98679" s="14" t="s">
        <v>23</v>
      </c>
      <c r="D98679" s="14" t="s">
        <v>339</v>
      </c>
      <c r="E98679" s="15">
        <v>45505</v>
      </c>
      <c r="F98679" s="14" t="s">
        <v>15</v>
      </c>
      <c r="G98679" s="16">
        <v>2.1754450546238169</v>
      </c>
    </row>
    <row r="98680" spans="1:7" x14ac:dyDescent="0.3">
      <c r="A98680" s="13" t="s">
        <v>488</v>
      </c>
      <c r="B98680" s="14" t="s">
        <v>1</v>
      </c>
      <c r="C98680" s="14" t="s">
        <v>23</v>
      </c>
      <c r="D98680" s="14" t="s">
        <v>339</v>
      </c>
      <c r="E98680" s="15">
        <v>45506</v>
      </c>
      <c r="F98680" s="14" t="s">
        <v>15</v>
      </c>
      <c r="G98680" s="16">
        <v>2.1826539672112677</v>
      </c>
    </row>
    <row r="98681" spans="1:7" x14ac:dyDescent="0.3">
      <c r="A98681" s="13" t="s">
        <v>488</v>
      </c>
      <c r="B98681" s="14" t="s">
        <v>1</v>
      </c>
      <c r="C98681" s="14" t="s">
        <v>23</v>
      </c>
      <c r="D98681" s="14" t="s">
        <v>339</v>
      </c>
      <c r="E98681" s="15">
        <v>45507</v>
      </c>
      <c r="F98681" s="14" t="s">
        <v>15</v>
      </c>
      <c r="G98681" s="16">
        <v>2.1826539672112677</v>
      </c>
    </row>
    <row r="98682" spans="1:7" x14ac:dyDescent="0.3">
      <c r="A98682" s="13" t="s">
        <v>488</v>
      </c>
      <c r="B98682" s="14" t="s">
        <v>1</v>
      </c>
      <c r="C98682" s="14" t="s">
        <v>23</v>
      </c>
      <c r="D98682" s="14" t="s">
        <v>339</v>
      </c>
      <c r="E98682" s="15">
        <v>45508</v>
      </c>
      <c r="F98682" s="14" t="s">
        <v>15</v>
      </c>
      <c r="G98682" s="16">
        <v>2.1826539672112677</v>
      </c>
    </row>
    <row r="98683" spans="1:7" x14ac:dyDescent="0.3">
      <c r="A98683" s="13" t="s">
        <v>488</v>
      </c>
      <c r="B98683" s="14" t="s">
        <v>1</v>
      </c>
      <c r="C98683" s="14" t="s">
        <v>23</v>
      </c>
      <c r="D98683" s="14" t="s">
        <v>339</v>
      </c>
      <c r="E98683" s="15">
        <v>45509</v>
      </c>
      <c r="F98683" s="14" t="s">
        <v>15</v>
      </c>
      <c r="G98683" s="16">
        <v>2.1826539672112677</v>
      </c>
    </row>
    <row r="98684" spans="1:7" x14ac:dyDescent="0.3">
      <c r="A98684" s="13" t="s">
        <v>488</v>
      </c>
      <c r="B98684" s="14" t="s">
        <v>1</v>
      </c>
      <c r="C98684" s="14" t="s">
        <v>23</v>
      </c>
      <c r="D98684" s="14" t="s">
        <v>339</v>
      </c>
      <c r="E98684" s="15">
        <v>45510</v>
      </c>
      <c r="F98684" s="14" t="s">
        <v>15</v>
      </c>
      <c r="G98684" s="16">
        <v>2.1981072229674954</v>
      </c>
    </row>
    <row r="98685" spans="1:7" x14ac:dyDescent="0.3">
      <c r="A98685" s="13" t="s">
        <v>488</v>
      </c>
      <c r="B98685" s="14" t="s">
        <v>1</v>
      </c>
      <c r="C98685" s="14" t="s">
        <v>23</v>
      </c>
      <c r="D98685" s="14" t="s">
        <v>339</v>
      </c>
      <c r="E98685" s="15">
        <v>45511</v>
      </c>
      <c r="F98685" s="14" t="s">
        <v>15</v>
      </c>
      <c r="G98685" s="16">
        <v>2.281226298922685</v>
      </c>
    </row>
    <row r="98686" spans="1:7" x14ac:dyDescent="0.3">
      <c r="A98686" s="13" t="s">
        <v>488</v>
      </c>
      <c r="B98686" s="14" t="s">
        <v>1</v>
      </c>
      <c r="C98686" s="14" t="s">
        <v>23</v>
      </c>
      <c r="D98686" s="14" t="s">
        <v>339</v>
      </c>
      <c r="E98686" s="15">
        <v>45512</v>
      </c>
      <c r="F98686" s="14" t="s">
        <v>15</v>
      </c>
      <c r="G98686" s="16">
        <v>2.2914001051337918</v>
      </c>
    </row>
    <row r="98687" spans="1:7" x14ac:dyDescent="0.3">
      <c r="A98687" s="13" t="s">
        <v>488</v>
      </c>
      <c r="B98687" s="14" t="s">
        <v>1</v>
      </c>
      <c r="C98687" s="14" t="s">
        <v>23</v>
      </c>
      <c r="D98687" s="14" t="s">
        <v>339</v>
      </c>
      <c r="E98687" s="15">
        <v>45513</v>
      </c>
      <c r="F98687" s="14" t="s">
        <v>15</v>
      </c>
      <c r="G98687" s="16">
        <v>2.3066433139303051</v>
      </c>
    </row>
    <row r="98688" spans="1:7" x14ac:dyDescent="0.3">
      <c r="A98688" s="13" t="s">
        <v>488</v>
      </c>
      <c r="B98688" s="14" t="s">
        <v>1</v>
      </c>
      <c r="C98688" s="14" t="s">
        <v>23</v>
      </c>
      <c r="D98688" s="14" t="s">
        <v>339</v>
      </c>
      <c r="E98688" s="15">
        <v>45514</v>
      </c>
      <c r="F98688" s="14" t="s">
        <v>15</v>
      </c>
      <c r="G98688" s="16">
        <v>2.3066433139303051</v>
      </c>
    </row>
    <row r="98689" spans="1:7" x14ac:dyDescent="0.3">
      <c r="A98689" s="13" t="s">
        <v>488</v>
      </c>
      <c r="B98689" s="14" t="s">
        <v>1</v>
      </c>
      <c r="C98689" s="14" t="s">
        <v>23</v>
      </c>
      <c r="D98689" s="14" t="s">
        <v>339</v>
      </c>
      <c r="E98689" s="15">
        <v>45515</v>
      </c>
      <c r="F98689" s="14" t="s">
        <v>15</v>
      </c>
      <c r="G98689" s="16">
        <v>2.3066433139303051</v>
      </c>
    </row>
    <row r="98690" spans="1:7" x14ac:dyDescent="0.3">
      <c r="A98690" s="13" t="s">
        <v>488</v>
      </c>
      <c r="B98690" s="14" t="s">
        <v>1</v>
      </c>
      <c r="C98690" s="14" t="s">
        <v>23</v>
      </c>
      <c r="D98690" s="14" t="s">
        <v>339</v>
      </c>
      <c r="E98690" s="15">
        <v>45516</v>
      </c>
      <c r="F98690" s="14" t="s">
        <v>15</v>
      </c>
      <c r="G98690" s="16">
        <v>2.3228616253436449</v>
      </c>
    </row>
    <row r="98691" spans="1:7" x14ac:dyDescent="0.3">
      <c r="A98691" s="13" t="s">
        <v>488</v>
      </c>
      <c r="B98691" s="14" t="s">
        <v>1</v>
      </c>
      <c r="C98691" s="14" t="s">
        <v>23</v>
      </c>
      <c r="D98691" s="14" t="s">
        <v>339</v>
      </c>
      <c r="E98691" s="15">
        <v>45517</v>
      </c>
      <c r="F98691" s="14" t="s">
        <v>15</v>
      </c>
      <c r="G98691" s="16">
        <v>2.3720056055650858</v>
      </c>
    </row>
    <row r="98692" spans="1:7" x14ac:dyDescent="0.3">
      <c r="A98692" s="13" t="s">
        <v>488</v>
      </c>
      <c r="B98692" s="14" t="s">
        <v>1</v>
      </c>
      <c r="C98692" s="14" t="s">
        <v>23</v>
      </c>
      <c r="D98692" s="14" t="s">
        <v>339</v>
      </c>
      <c r="E98692" s="15">
        <v>45518</v>
      </c>
      <c r="F98692" s="14" t="s">
        <v>15</v>
      </c>
      <c r="G98692" s="16">
        <v>2.3881055635953561</v>
      </c>
    </row>
    <row r="98693" spans="1:7" x14ac:dyDescent="0.3">
      <c r="A98693" s="13" t="s">
        <v>488</v>
      </c>
      <c r="B98693" s="14" t="s">
        <v>1</v>
      </c>
      <c r="C98693" s="14" t="s">
        <v>23</v>
      </c>
      <c r="D98693" s="14" t="s">
        <v>339</v>
      </c>
      <c r="E98693" s="15">
        <v>45519</v>
      </c>
      <c r="F98693" s="14" t="s">
        <v>15</v>
      </c>
      <c r="G98693" s="16">
        <v>2.3982486706354278</v>
      </c>
    </row>
    <row r="98694" spans="1:7" x14ac:dyDescent="0.3">
      <c r="A98694" s="13" t="s">
        <v>488</v>
      </c>
      <c r="B98694" s="14" t="s">
        <v>1</v>
      </c>
      <c r="C98694" s="14" t="s">
        <v>23</v>
      </c>
      <c r="D98694" s="14" t="s">
        <v>339</v>
      </c>
      <c r="E98694" s="15">
        <v>45520</v>
      </c>
      <c r="F98694" s="14" t="s">
        <v>15</v>
      </c>
      <c r="G98694" s="16">
        <v>2.4146790486907865</v>
      </c>
    </row>
    <row r="98695" spans="1:7" x14ac:dyDescent="0.3">
      <c r="A98695" s="13" t="s">
        <v>488</v>
      </c>
      <c r="B98695" s="14" t="s">
        <v>1</v>
      </c>
      <c r="C98695" s="14" t="s">
        <v>23</v>
      </c>
      <c r="D98695" s="14" t="s">
        <v>339</v>
      </c>
      <c r="E98695" s="15">
        <v>45521</v>
      </c>
      <c r="F98695" s="14" t="s">
        <v>15</v>
      </c>
      <c r="G98695" s="16">
        <v>2.4146790486907865</v>
      </c>
    </row>
    <row r="98696" spans="1:7" x14ac:dyDescent="0.3">
      <c r="A98696" s="13" t="s">
        <v>488</v>
      </c>
      <c r="B98696" s="14" t="s">
        <v>1</v>
      </c>
      <c r="C98696" s="14" t="s">
        <v>23</v>
      </c>
      <c r="D98696" s="14" t="s">
        <v>339</v>
      </c>
      <c r="E98696" s="15">
        <v>45522</v>
      </c>
      <c r="F98696" s="14" t="s">
        <v>15</v>
      </c>
      <c r="G98696" s="16">
        <v>2.4146790486907865</v>
      </c>
    </row>
    <row r="98697" spans="1:7" x14ac:dyDescent="0.3">
      <c r="A98697" s="13" t="s">
        <v>488</v>
      </c>
      <c r="B98697" s="14" t="s">
        <v>1</v>
      </c>
      <c r="C98697" s="14" t="s">
        <v>23</v>
      </c>
      <c r="D98697" s="14" t="s">
        <v>339</v>
      </c>
      <c r="E98697" s="15">
        <v>45523</v>
      </c>
      <c r="F98697" s="14" t="s">
        <v>15</v>
      </c>
      <c r="G98697" s="16">
        <v>2.4311356826161097</v>
      </c>
    </row>
    <row r="98698" spans="1:7" x14ac:dyDescent="0.3">
      <c r="A98698" s="13" t="s">
        <v>488</v>
      </c>
      <c r="B98698" s="14" t="s">
        <v>1</v>
      </c>
      <c r="C98698" s="14" t="s">
        <v>23</v>
      </c>
      <c r="D98698" s="14" t="s">
        <v>339</v>
      </c>
      <c r="E98698" s="15">
        <v>45524</v>
      </c>
      <c r="F98698" s="14" t="s">
        <v>15</v>
      </c>
      <c r="G98698" s="16">
        <v>2.4814195715304601</v>
      </c>
    </row>
    <row r="98699" spans="1:7" x14ac:dyDescent="0.3">
      <c r="A98699" s="13" t="s">
        <v>488</v>
      </c>
      <c r="B98699" s="14" t="s">
        <v>1</v>
      </c>
      <c r="C98699" s="14" t="s">
        <v>23</v>
      </c>
      <c r="D98699" s="14" t="s">
        <v>339</v>
      </c>
      <c r="E98699" s="15">
        <v>45525</v>
      </c>
      <c r="F98699" s="14" t="s">
        <v>15</v>
      </c>
      <c r="G98699" s="16">
        <v>2.4928197288371283</v>
      </c>
    </row>
    <row r="98700" spans="1:7" x14ac:dyDescent="0.3">
      <c r="A98700" s="13" t="s">
        <v>488</v>
      </c>
      <c r="B98700" s="14" t="s">
        <v>1</v>
      </c>
      <c r="C98700" s="14" t="s">
        <v>23</v>
      </c>
      <c r="D98700" s="14" t="s">
        <v>339</v>
      </c>
      <c r="E98700" s="15">
        <v>45526</v>
      </c>
      <c r="F98700" s="14" t="s">
        <v>15</v>
      </c>
      <c r="G98700" s="16">
        <v>2.5092824218093663</v>
      </c>
    </row>
    <row r="98701" spans="1:7" x14ac:dyDescent="0.3">
      <c r="A98701" s="13" t="s">
        <v>488</v>
      </c>
      <c r="B98701" s="14" t="s">
        <v>1</v>
      </c>
      <c r="C98701" s="14" t="s">
        <v>23</v>
      </c>
      <c r="D98701" s="14" t="s">
        <v>339</v>
      </c>
      <c r="E98701" s="15">
        <v>45527</v>
      </c>
      <c r="F98701" s="14" t="s">
        <v>15</v>
      </c>
      <c r="G98701" s="16">
        <v>2.5256829085666119</v>
      </c>
    </row>
    <row r="98702" spans="1:7" x14ac:dyDescent="0.3">
      <c r="A98702" s="13" t="s">
        <v>488</v>
      </c>
      <c r="B98702" s="14" t="s">
        <v>1</v>
      </c>
      <c r="C98702" s="14" t="s">
        <v>23</v>
      </c>
      <c r="D98702" s="14" t="s">
        <v>339</v>
      </c>
      <c r="E98702" s="15">
        <v>45528</v>
      </c>
      <c r="F98702" s="14" t="s">
        <v>15</v>
      </c>
      <c r="G98702" s="16">
        <v>2.5256829085666119</v>
      </c>
    </row>
    <row r="98703" spans="1:7" x14ac:dyDescent="0.3">
      <c r="A98703" s="13" t="s">
        <v>488</v>
      </c>
      <c r="B98703" s="14" t="s">
        <v>1</v>
      </c>
      <c r="C98703" s="14" t="s">
        <v>23</v>
      </c>
      <c r="D98703" s="14" t="s">
        <v>339</v>
      </c>
      <c r="E98703" s="15">
        <v>45529</v>
      </c>
      <c r="F98703" s="14" t="s">
        <v>15</v>
      </c>
      <c r="G98703" s="16">
        <v>2.5256829085666119</v>
      </c>
    </row>
    <row r="98704" spans="1:7" x14ac:dyDescent="0.3">
      <c r="A98704" s="13" t="s">
        <v>488</v>
      </c>
      <c r="B98704" s="14" t="s">
        <v>1</v>
      </c>
      <c r="C98704" s="14" t="s">
        <v>23</v>
      </c>
      <c r="D98704" s="14" t="s">
        <v>339</v>
      </c>
      <c r="E98704" s="15">
        <v>45530</v>
      </c>
      <c r="F98704" s="14" t="s">
        <v>15</v>
      </c>
      <c r="G98704" s="16">
        <v>2.542539843524775</v>
      </c>
    </row>
    <row r="98705" spans="1:7" x14ac:dyDescent="0.3">
      <c r="A98705" s="13" t="s">
        <v>488</v>
      </c>
      <c r="B98705" s="14" t="s">
        <v>1</v>
      </c>
      <c r="C98705" s="14" t="s">
        <v>23</v>
      </c>
      <c r="D98705" s="14" t="s">
        <v>339</v>
      </c>
      <c r="E98705" s="15">
        <v>45531</v>
      </c>
      <c r="F98705" s="14" t="s">
        <v>15</v>
      </c>
      <c r="G98705" s="16">
        <v>2.5922250986039401</v>
      </c>
    </row>
    <row r="98706" spans="1:7" x14ac:dyDescent="0.3">
      <c r="A98706" s="13" t="s">
        <v>488</v>
      </c>
      <c r="B98706" s="14" t="s">
        <v>1</v>
      </c>
      <c r="C98706" s="14" t="s">
        <v>23</v>
      </c>
      <c r="D98706" s="14" t="s">
        <v>339</v>
      </c>
      <c r="E98706" s="15">
        <v>45532</v>
      </c>
      <c r="F98706" s="14" t="s">
        <v>15</v>
      </c>
      <c r="G98706" s="16">
        <v>2.609365596957717</v>
      </c>
    </row>
    <row r="98707" spans="1:7" x14ac:dyDescent="0.3">
      <c r="A98707" s="13" t="s">
        <v>488</v>
      </c>
      <c r="B98707" s="14" t="s">
        <v>1</v>
      </c>
      <c r="C98707" s="14" t="s">
        <v>23</v>
      </c>
      <c r="D98707" s="14" t="s">
        <v>339</v>
      </c>
      <c r="E98707" s="15">
        <v>45533</v>
      </c>
      <c r="F98707" s="14" t="s">
        <v>15</v>
      </c>
      <c r="G98707" s="16">
        <v>2.6254053684553003</v>
      </c>
    </row>
    <row r="98708" spans="1:7" x14ac:dyDescent="0.3">
      <c r="A98708" s="13" t="s">
        <v>488</v>
      </c>
      <c r="B98708" s="14" t="s">
        <v>1</v>
      </c>
      <c r="C98708" s="14" t="s">
        <v>23</v>
      </c>
      <c r="D98708" s="14" t="s">
        <v>339</v>
      </c>
      <c r="E98708" s="15">
        <v>45534</v>
      </c>
      <c r="F98708" s="14" t="s">
        <v>15</v>
      </c>
      <c r="G98708" s="16">
        <v>2.6418155496876099</v>
      </c>
    </row>
    <row r="98709" spans="1:7" x14ac:dyDescent="0.3">
      <c r="A98709" s="13" t="s">
        <v>488</v>
      </c>
      <c r="B98709" s="14" t="s">
        <v>1</v>
      </c>
      <c r="C98709" s="14" t="s">
        <v>23</v>
      </c>
      <c r="D98709" s="14" t="s">
        <v>339</v>
      </c>
      <c r="E98709" s="15">
        <v>45535</v>
      </c>
      <c r="F98709" s="14" t="s">
        <v>15</v>
      </c>
      <c r="G98709" s="16">
        <v>2.6418155496876099</v>
      </c>
    </row>
    <row r="98710" spans="1:7" x14ac:dyDescent="0.3">
      <c r="A98710" s="13" t="s">
        <v>488</v>
      </c>
      <c r="B98710" s="14" t="s">
        <v>1</v>
      </c>
      <c r="C98710" s="14" t="s">
        <v>23</v>
      </c>
      <c r="D98710" s="14" t="s">
        <v>339</v>
      </c>
      <c r="E98710" s="15">
        <v>45536</v>
      </c>
      <c r="F98710" s="14" t="s">
        <v>15</v>
      </c>
      <c r="G98710" s="16">
        <v>2.6418155496876099</v>
      </c>
    </row>
    <row r="98711" spans="1:7" x14ac:dyDescent="0.3">
      <c r="A98711" s="13" t="s">
        <v>488</v>
      </c>
      <c r="B98711" s="14" t="s">
        <v>1</v>
      </c>
      <c r="C98711" s="14" t="s">
        <v>23</v>
      </c>
      <c r="D98711" s="14" t="s">
        <v>339</v>
      </c>
      <c r="E98711" s="15">
        <v>45537</v>
      </c>
      <c r="F98711" s="14" t="s">
        <v>15</v>
      </c>
      <c r="G98711" s="16">
        <v>2.6418155496876099</v>
      </c>
    </row>
    <row r="98712" spans="1:7" x14ac:dyDescent="0.3">
      <c r="A98712" s="13" t="s">
        <v>488</v>
      </c>
      <c r="B98712" s="14" t="s">
        <v>1</v>
      </c>
      <c r="C98712" s="14" t="s">
        <v>23</v>
      </c>
      <c r="D98712" s="14" t="s">
        <v>339</v>
      </c>
      <c r="E98712" s="15">
        <v>45538</v>
      </c>
      <c r="F98712" s="14" t="s">
        <v>15</v>
      </c>
      <c r="G98712" s="16">
        <v>2.6584737479069664</v>
      </c>
    </row>
    <row r="98713" spans="1:7" x14ac:dyDescent="0.3">
      <c r="A98713" s="13" t="s">
        <v>488</v>
      </c>
      <c r="B98713" s="14" t="s">
        <v>1</v>
      </c>
      <c r="C98713" s="14" t="s">
        <v>23</v>
      </c>
      <c r="D98713" s="14" t="s">
        <v>339</v>
      </c>
      <c r="E98713" s="15">
        <v>45539</v>
      </c>
      <c r="F98713" s="14" t="s">
        <v>15</v>
      </c>
      <c r="G98713" s="16">
        <v>2.7145646273844886</v>
      </c>
    </row>
    <row r="98714" spans="1:7" x14ac:dyDescent="0.3">
      <c r="A98714" s="13" t="s">
        <v>488</v>
      </c>
      <c r="B98714" s="14" t="s">
        <v>1</v>
      </c>
      <c r="C98714" s="14" t="s">
        <v>23</v>
      </c>
      <c r="D98714" s="14" t="s">
        <v>339</v>
      </c>
      <c r="E98714" s="15">
        <v>45540</v>
      </c>
      <c r="F98714" s="14" t="s">
        <v>15</v>
      </c>
      <c r="G98714" s="16">
        <v>2.7312365594435186</v>
      </c>
    </row>
    <row r="98715" spans="1:7" x14ac:dyDescent="0.3">
      <c r="A98715" s="13" t="s">
        <v>488</v>
      </c>
      <c r="B98715" s="14" t="s">
        <v>1</v>
      </c>
      <c r="C98715" s="14" t="s">
        <v>23</v>
      </c>
      <c r="D98715" s="14" t="s">
        <v>339</v>
      </c>
      <c r="E98715" s="15">
        <v>45541</v>
      </c>
      <c r="F98715" s="14" t="s">
        <v>15</v>
      </c>
      <c r="G98715" s="16">
        <v>2.7484259341090747</v>
      </c>
    </row>
    <row r="98716" spans="1:7" x14ac:dyDescent="0.3">
      <c r="A98716" s="13" t="s">
        <v>488</v>
      </c>
      <c r="B98716" s="14" t="s">
        <v>1</v>
      </c>
      <c r="C98716" s="14" t="s">
        <v>23</v>
      </c>
      <c r="D98716" s="14" t="s">
        <v>339</v>
      </c>
      <c r="E98716" s="15">
        <v>45542</v>
      </c>
      <c r="F98716" s="14" t="s">
        <v>15</v>
      </c>
      <c r="G98716" s="16">
        <v>2.7484259341090747</v>
      </c>
    </row>
    <row r="98717" spans="1:7" x14ac:dyDescent="0.3">
      <c r="A98717" s="13" t="s">
        <v>488</v>
      </c>
      <c r="B98717" s="14" t="s">
        <v>1</v>
      </c>
      <c r="C98717" s="14" t="s">
        <v>23</v>
      </c>
      <c r="D98717" s="14" t="s">
        <v>339</v>
      </c>
      <c r="E98717" s="15">
        <v>45543</v>
      </c>
      <c r="F98717" s="14" t="s">
        <v>15</v>
      </c>
      <c r="G98717" s="16">
        <v>2.7484259341090747</v>
      </c>
    </row>
    <row r="98718" spans="1:7" x14ac:dyDescent="0.3">
      <c r="A98718" s="13" t="s">
        <v>488</v>
      </c>
      <c r="B98718" s="14" t="s">
        <v>1</v>
      </c>
      <c r="C98718" s="14" t="s">
        <v>23</v>
      </c>
      <c r="D98718" s="14" t="s">
        <v>339</v>
      </c>
      <c r="E98718" s="15">
        <v>45544</v>
      </c>
      <c r="F98718" s="14" t="s">
        <v>15</v>
      </c>
      <c r="G98718" s="16">
        <v>2.7964728229024702</v>
      </c>
    </row>
    <row r="98719" spans="1:7" x14ac:dyDescent="0.3">
      <c r="A98719" s="13" t="s">
        <v>488</v>
      </c>
      <c r="B98719" s="14" t="s">
        <v>1</v>
      </c>
      <c r="C98719" s="14" t="s">
        <v>23</v>
      </c>
      <c r="D98719" s="14" t="s">
        <v>339</v>
      </c>
      <c r="E98719" s="15">
        <v>45545</v>
      </c>
      <c r="F98719" s="14" t="s">
        <v>15</v>
      </c>
      <c r="G98719" s="16">
        <v>2.8424095476236619</v>
      </c>
    </row>
    <row r="98720" spans="1:7" x14ac:dyDescent="0.3">
      <c r="A98720" s="13" t="s">
        <v>488</v>
      </c>
      <c r="B98720" s="14" t="s">
        <v>1</v>
      </c>
      <c r="C98720" s="14" t="s">
        <v>23</v>
      </c>
      <c r="D98720" s="14" t="s">
        <v>339</v>
      </c>
      <c r="E98720" s="15">
        <v>45546</v>
      </c>
      <c r="F98720" s="14" t="s">
        <v>15</v>
      </c>
      <c r="G98720" s="16">
        <v>2.8571587421283864</v>
      </c>
    </row>
    <row r="98721" spans="1:7" x14ac:dyDescent="0.3">
      <c r="A98721" s="13" t="s">
        <v>488</v>
      </c>
      <c r="B98721" s="14" t="s">
        <v>1</v>
      </c>
      <c r="C98721" s="14" t="s">
        <v>23</v>
      </c>
      <c r="D98721" s="14" t="s">
        <v>339</v>
      </c>
      <c r="E98721" s="15">
        <v>45547</v>
      </c>
      <c r="F98721" s="14" t="s">
        <v>15</v>
      </c>
      <c r="G98721" s="16">
        <v>2.8739239835099046</v>
      </c>
    </row>
    <row r="98722" spans="1:7" x14ac:dyDescent="0.3">
      <c r="A98722" s="13" t="s">
        <v>488</v>
      </c>
      <c r="B98722" s="14" t="s">
        <v>1</v>
      </c>
      <c r="C98722" s="14" t="s">
        <v>23</v>
      </c>
      <c r="D98722" s="14" t="s">
        <v>339</v>
      </c>
      <c r="E98722" s="15">
        <v>45548</v>
      </c>
      <c r="F98722" s="14" t="s">
        <v>15</v>
      </c>
      <c r="G98722" s="16">
        <v>2.890616516328445</v>
      </c>
    </row>
    <row r="98723" spans="1:7" x14ac:dyDescent="0.3">
      <c r="A98723" s="13" t="s">
        <v>488</v>
      </c>
      <c r="B98723" s="14" t="s">
        <v>1</v>
      </c>
      <c r="C98723" s="14" t="s">
        <v>23</v>
      </c>
      <c r="D98723" s="14" t="s">
        <v>339</v>
      </c>
      <c r="E98723" s="15">
        <v>45549</v>
      </c>
      <c r="F98723" s="14" t="s">
        <v>15</v>
      </c>
      <c r="G98723" s="16">
        <v>2.890616516328445</v>
      </c>
    </row>
    <row r="98724" spans="1:7" x14ac:dyDescent="0.3">
      <c r="A98724" s="13" t="s">
        <v>488</v>
      </c>
      <c r="B98724" s="14" t="s">
        <v>1</v>
      </c>
      <c r="C98724" s="14" t="s">
        <v>23</v>
      </c>
      <c r="D98724" s="14" t="s">
        <v>339</v>
      </c>
      <c r="E98724" s="15">
        <v>45550</v>
      </c>
      <c r="F98724" s="14" t="s">
        <v>15</v>
      </c>
      <c r="G98724" s="16">
        <v>2.890616516328445</v>
      </c>
    </row>
    <row r="98725" spans="1:7" x14ac:dyDescent="0.3">
      <c r="A98725" s="13" t="s">
        <v>488</v>
      </c>
      <c r="B98725" s="14" t="s">
        <v>1</v>
      </c>
      <c r="C98725" s="14" t="s">
        <v>23</v>
      </c>
      <c r="D98725" s="14" t="s">
        <v>339</v>
      </c>
      <c r="E98725" s="15">
        <v>45551</v>
      </c>
      <c r="F98725" s="14" t="s">
        <v>15</v>
      </c>
      <c r="G98725" s="16">
        <v>2.9074649686209266</v>
      </c>
    </row>
    <row r="98726" spans="1:7" x14ac:dyDescent="0.3">
      <c r="A98726" s="13" t="s">
        <v>488</v>
      </c>
      <c r="B98726" s="14" t="s">
        <v>1</v>
      </c>
      <c r="C98726" s="14" t="s">
        <v>23</v>
      </c>
      <c r="D98726" s="14" t="s">
        <v>339</v>
      </c>
      <c r="E98726" s="15">
        <v>45552</v>
      </c>
      <c r="F98726" s="14" t="s">
        <v>15</v>
      </c>
      <c r="G98726" s="16">
        <v>2.9592712940567432</v>
      </c>
    </row>
    <row r="98727" spans="1:7" x14ac:dyDescent="0.3">
      <c r="A98727" s="13" t="s">
        <v>488</v>
      </c>
      <c r="B98727" s="14" t="s">
        <v>1</v>
      </c>
      <c r="C98727" s="14" t="s">
        <v>23</v>
      </c>
      <c r="D98727" s="14" t="s">
        <v>339</v>
      </c>
      <c r="E98727" s="15">
        <v>45553</v>
      </c>
      <c r="F98727" s="14" t="s">
        <v>15</v>
      </c>
      <c r="G98727" s="16">
        <v>2.9764853088464203</v>
      </c>
    </row>
    <row r="98728" spans="1:7" x14ac:dyDescent="0.3">
      <c r="A98728" s="13" t="s">
        <v>488</v>
      </c>
      <c r="B98728" s="14" t="s">
        <v>1</v>
      </c>
      <c r="C98728" s="14" t="s">
        <v>23</v>
      </c>
      <c r="D98728" s="14" t="s">
        <v>339</v>
      </c>
      <c r="E98728" s="15">
        <v>45554</v>
      </c>
      <c r="F98728" s="14" t="s">
        <v>15</v>
      </c>
      <c r="G98728" s="16">
        <v>2.9929851639730694</v>
      </c>
    </row>
    <row r="98729" spans="1:7" x14ac:dyDescent="0.3">
      <c r="A98729" s="13" t="s">
        <v>488</v>
      </c>
      <c r="B98729" s="14" t="s">
        <v>1</v>
      </c>
      <c r="C98729" s="14" t="s">
        <v>23</v>
      </c>
      <c r="D98729" s="14" t="s">
        <v>339</v>
      </c>
      <c r="E98729" s="15">
        <v>45555</v>
      </c>
      <c r="F98729" s="14" t="s">
        <v>15</v>
      </c>
      <c r="G98729" s="16">
        <v>3.0105998837320467</v>
      </c>
    </row>
    <row r="98730" spans="1:7" x14ac:dyDescent="0.3">
      <c r="A98730" s="13" t="s">
        <v>488</v>
      </c>
      <c r="B98730" s="14" t="s">
        <v>1</v>
      </c>
      <c r="C98730" s="14" t="s">
        <v>23</v>
      </c>
      <c r="D98730" s="14" t="s">
        <v>339</v>
      </c>
      <c r="E98730" s="15">
        <v>45556</v>
      </c>
      <c r="F98730" s="14" t="s">
        <v>15</v>
      </c>
      <c r="G98730" s="16">
        <v>3.0105998837320467</v>
      </c>
    </row>
    <row r="98731" spans="1:7" x14ac:dyDescent="0.3">
      <c r="A98731" s="13" t="s">
        <v>488</v>
      </c>
      <c r="B98731" s="14" t="s">
        <v>1</v>
      </c>
      <c r="C98731" s="14" t="s">
        <v>23</v>
      </c>
      <c r="D98731" s="14" t="s">
        <v>339</v>
      </c>
      <c r="E98731" s="15">
        <v>45557</v>
      </c>
      <c r="F98731" s="14" t="s">
        <v>15</v>
      </c>
      <c r="G98731" s="16">
        <v>3.0105998837320467</v>
      </c>
    </row>
    <row r="98732" spans="1:7" x14ac:dyDescent="0.3">
      <c r="A98732" s="13" t="s">
        <v>488</v>
      </c>
      <c r="B98732" s="14" t="s">
        <v>1</v>
      </c>
      <c r="C98732" s="14" t="s">
        <v>23</v>
      </c>
      <c r="D98732" s="14" t="s">
        <v>339</v>
      </c>
      <c r="E98732" s="15">
        <v>45558</v>
      </c>
      <c r="F98732" s="14" t="s">
        <v>15</v>
      </c>
      <c r="G98732" s="16">
        <v>3.0281782492095353</v>
      </c>
    </row>
    <row r="98733" spans="1:7" x14ac:dyDescent="0.3">
      <c r="A98733" s="13" t="s">
        <v>488</v>
      </c>
      <c r="B98733" s="14" t="s">
        <v>1</v>
      </c>
      <c r="C98733" s="14" t="s">
        <v>23</v>
      </c>
      <c r="D98733" s="14" t="s">
        <v>339</v>
      </c>
      <c r="E98733" s="15">
        <v>45559</v>
      </c>
      <c r="F98733" s="14" t="s">
        <v>15</v>
      </c>
      <c r="G98733" s="16">
        <v>3.0946414091323216</v>
      </c>
    </row>
    <row r="98734" spans="1:7" x14ac:dyDescent="0.3">
      <c r="A98734" s="13" t="s">
        <v>488</v>
      </c>
      <c r="B98734" s="14" t="s">
        <v>1</v>
      </c>
      <c r="C98734" s="14" t="s">
        <v>23</v>
      </c>
      <c r="D98734" s="14" t="s">
        <v>339</v>
      </c>
      <c r="E98734" s="15">
        <v>45560</v>
      </c>
      <c r="F98734" s="14" t="s">
        <v>15</v>
      </c>
      <c r="G98734" s="16">
        <v>3.1124334569976728</v>
      </c>
    </row>
    <row r="98735" spans="1:7" x14ac:dyDescent="0.3">
      <c r="A98735" s="13" t="s">
        <v>488</v>
      </c>
      <c r="B98735" s="14" t="s">
        <v>1</v>
      </c>
      <c r="C98735" s="14" t="s">
        <v>23</v>
      </c>
      <c r="D98735" s="14" t="s">
        <v>339</v>
      </c>
      <c r="E98735" s="15">
        <v>45561</v>
      </c>
      <c r="F98735" s="14" t="s">
        <v>15</v>
      </c>
      <c r="G98735" s="16">
        <v>3.1301766285512449</v>
      </c>
    </row>
    <row r="98736" spans="1:7" x14ac:dyDescent="0.3">
      <c r="A98736" s="13" t="s">
        <v>488</v>
      </c>
      <c r="B98736" s="14" t="s">
        <v>1</v>
      </c>
      <c r="C98736" s="14" t="s">
        <v>23</v>
      </c>
      <c r="D98736" s="14" t="s">
        <v>339</v>
      </c>
      <c r="E98736" s="15">
        <v>45562</v>
      </c>
      <c r="F98736" s="14" t="s">
        <v>15</v>
      </c>
      <c r="G98736" s="16">
        <v>3.1509812345426491</v>
      </c>
    </row>
    <row r="98737" spans="1:7" x14ac:dyDescent="0.3">
      <c r="A98737" s="13" t="s">
        <v>488</v>
      </c>
      <c r="B98737" s="14" t="s">
        <v>1</v>
      </c>
      <c r="C98737" s="14" t="s">
        <v>23</v>
      </c>
      <c r="D98737" s="14" t="s">
        <v>339</v>
      </c>
      <c r="E98737" s="15">
        <v>45563</v>
      </c>
      <c r="F98737" s="14" t="s">
        <v>15</v>
      </c>
      <c r="G98737" s="16">
        <v>3.1509812345426491</v>
      </c>
    </row>
    <row r="98738" spans="1:7" x14ac:dyDescent="0.3">
      <c r="A98738" s="13" t="s">
        <v>488</v>
      </c>
      <c r="B98738" s="14" t="s">
        <v>1</v>
      </c>
      <c r="C98738" s="14" t="s">
        <v>23</v>
      </c>
      <c r="D98738" s="14" t="s">
        <v>339</v>
      </c>
      <c r="E98738" s="15">
        <v>45564</v>
      </c>
      <c r="F98738" s="14" t="s">
        <v>15</v>
      </c>
      <c r="G98738" s="16">
        <v>3.1509812345426491</v>
      </c>
    </row>
    <row r="98739" spans="1:7" x14ac:dyDescent="0.3">
      <c r="A98739" s="13" t="s">
        <v>488</v>
      </c>
      <c r="B98739" s="14" t="s">
        <v>1</v>
      </c>
      <c r="C98739" s="14" t="s">
        <v>23</v>
      </c>
      <c r="D98739" s="14" t="s">
        <v>339</v>
      </c>
      <c r="E98739" s="15">
        <v>45565</v>
      </c>
      <c r="F98739" s="14" t="s">
        <v>15</v>
      </c>
      <c r="G98739" s="16">
        <v>3.1686634116906114</v>
      </c>
    </row>
    <row r="98740" spans="1:7" x14ac:dyDescent="0.3">
      <c r="A98740" s="13" t="s">
        <v>488</v>
      </c>
      <c r="B98740" s="14" t="s">
        <v>1</v>
      </c>
      <c r="C98740" s="14" t="s">
        <v>23</v>
      </c>
      <c r="D98740" s="14" t="s">
        <v>339</v>
      </c>
      <c r="E98740" s="15">
        <v>45566</v>
      </c>
      <c r="F98740" s="14" t="s">
        <v>15</v>
      </c>
      <c r="G98740" s="16">
        <v>3.2217368858045488</v>
      </c>
    </row>
    <row r="98741" spans="1:7" x14ac:dyDescent="0.3">
      <c r="A98741" s="13" t="s">
        <v>488</v>
      </c>
      <c r="B98741" s="14" t="s">
        <v>1</v>
      </c>
      <c r="C98741" s="14" t="s">
        <v>23</v>
      </c>
      <c r="D98741" s="14" t="s">
        <v>339</v>
      </c>
      <c r="E98741" s="15">
        <v>45567</v>
      </c>
      <c r="F98741" s="14" t="s">
        <v>15</v>
      </c>
      <c r="G98741" s="16">
        <v>3.2391435782861171</v>
      </c>
    </row>
    <row r="98742" spans="1:7" x14ac:dyDescent="0.3">
      <c r="A98742" s="13" t="s">
        <v>488</v>
      </c>
      <c r="B98742" s="14" t="s">
        <v>1</v>
      </c>
      <c r="C98742" s="14" t="s">
        <v>23</v>
      </c>
      <c r="D98742" s="14" t="s">
        <v>339</v>
      </c>
      <c r="E98742" s="15">
        <v>45568</v>
      </c>
      <c r="F98742" s="14" t="s">
        <v>15</v>
      </c>
      <c r="G98742" s="16">
        <v>3.2462749350730582</v>
      </c>
    </row>
    <row r="98743" spans="1:7" x14ac:dyDescent="0.3">
      <c r="A98743" s="13" t="s">
        <v>488</v>
      </c>
      <c r="B98743" s="14" t="s">
        <v>1</v>
      </c>
      <c r="C98743" s="14" t="s">
        <v>23</v>
      </c>
      <c r="D98743" s="14" t="s">
        <v>339</v>
      </c>
      <c r="E98743" s="15">
        <v>45569</v>
      </c>
      <c r="F98743" s="14" t="s">
        <v>15</v>
      </c>
      <c r="G98743" s="16">
        <v>3.2642826850085771</v>
      </c>
    </row>
    <row r="98744" spans="1:7" x14ac:dyDescent="0.3">
      <c r="A98744" s="13" t="s">
        <v>488</v>
      </c>
      <c r="B98744" s="14" t="s">
        <v>1</v>
      </c>
      <c r="C98744" s="14" t="s">
        <v>23</v>
      </c>
      <c r="D98744" s="14" t="s">
        <v>339</v>
      </c>
      <c r="E98744" s="15">
        <v>45570</v>
      </c>
      <c r="F98744" s="14" t="s">
        <v>15</v>
      </c>
      <c r="G98744" s="16">
        <v>3.2642826850085771</v>
      </c>
    </row>
    <row r="98745" spans="1:7" x14ac:dyDescent="0.3">
      <c r="A98745" s="13" t="s">
        <v>488</v>
      </c>
      <c r="B98745" s="14" t="s">
        <v>1</v>
      </c>
      <c r="C98745" s="14" t="s">
        <v>23</v>
      </c>
      <c r="D98745" s="14" t="s">
        <v>339</v>
      </c>
      <c r="E98745" s="15">
        <v>45571</v>
      </c>
      <c r="F98745" s="14" t="s">
        <v>15</v>
      </c>
      <c r="G98745" s="16">
        <v>3.2642826850085771</v>
      </c>
    </row>
    <row r="98746" spans="1:7" x14ac:dyDescent="0.3">
      <c r="A98746" s="13" t="s">
        <v>488</v>
      </c>
      <c r="B98746" s="14" t="s">
        <v>1</v>
      </c>
      <c r="C98746" s="14" t="s">
        <v>23</v>
      </c>
      <c r="D98746" s="14" t="s">
        <v>339</v>
      </c>
      <c r="E98746" s="15">
        <v>45572</v>
      </c>
      <c r="F98746" s="14" t="s">
        <v>15</v>
      </c>
      <c r="G98746" s="16">
        <v>3.3083338343298738</v>
      </c>
    </row>
    <row r="98747" spans="1:7" x14ac:dyDescent="0.3">
      <c r="A98747" s="13" t="s">
        <v>488</v>
      </c>
      <c r="B98747" s="14" t="s">
        <v>1</v>
      </c>
      <c r="C98747" s="14" t="s">
        <v>23</v>
      </c>
      <c r="D98747" s="14" t="s">
        <v>339</v>
      </c>
      <c r="E98747" s="15">
        <v>45573</v>
      </c>
      <c r="F98747" s="14" t="s">
        <v>15</v>
      </c>
      <c r="G98747" s="16">
        <v>3.3652891378339116</v>
      </c>
    </row>
    <row r="98748" spans="1:7" x14ac:dyDescent="0.3">
      <c r="A98748" s="13" t="s">
        <v>488</v>
      </c>
      <c r="B98748" s="14" t="s">
        <v>1</v>
      </c>
      <c r="C98748" s="14" t="s">
        <v>23</v>
      </c>
      <c r="D98748" s="14" t="s">
        <v>339</v>
      </c>
      <c r="E98748" s="15">
        <v>45574</v>
      </c>
      <c r="F98748" s="14" t="s">
        <v>15</v>
      </c>
      <c r="G98748" s="16">
        <v>3.3834612899090533</v>
      </c>
    </row>
    <row r="98749" spans="1:7" x14ac:dyDescent="0.3">
      <c r="A98749" s="13" t="s">
        <v>488</v>
      </c>
      <c r="B98749" s="14" t="s">
        <v>1</v>
      </c>
      <c r="C98749" s="14" t="s">
        <v>23</v>
      </c>
      <c r="D98749" s="14" t="s">
        <v>339</v>
      </c>
      <c r="E98749" s="15">
        <v>45575</v>
      </c>
      <c r="F98749" s="14" t="s">
        <v>15</v>
      </c>
      <c r="G98749" s="16">
        <v>3.4016225356997483</v>
      </c>
    </row>
    <row r="98750" spans="1:7" x14ac:dyDescent="0.3">
      <c r="A98750" s="13" t="s">
        <v>488</v>
      </c>
      <c r="B98750" s="14" t="s">
        <v>1</v>
      </c>
      <c r="C98750" s="14" t="s">
        <v>23</v>
      </c>
      <c r="D98750" s="14" t="s">
        <v>339</v>
      </c>
      <c r="E98750" s="15">
        <v>45576</v>
      </c>
      <c r="F98750" s="14" t="s">
        <v>15</v>
      </c>
      <c r="G98750" s="16">
        <v>3.4196209950966647</v>
      </c>
    </row>
    <row r="98751" spans="1:7" x14ac:dyDescent="0.3">
      <c r="A98751" s="13" t="s">
        <v>488</v>
      </c>
      <c r="B98751" s="14" t="s">
        <v>1</v>
      </c>
      <c r="C98751" s="14" t="s">
        <v>23</v>
      </c>
      <c r="D98751" s="14" t="s">
        <v>339</v>
      </c>
      <c r="E98751" s="15">
        <v>45577</v>
      </c>
      <c r="F98751" s="14" t="s">
        <v>15</v>
      </c>
      <c r="G98751" s="16">
        <v>3.4196209950966647</v>
      </c>
    </row>
    <row r="98752" spans="1:7" x14ac:dyDescent="0.3">
      <c r="A98752" s="13" t="s">
        <v>488</v>
      </c>
      <c r="B98752" s="14" t="s">
        <v>1</v>
      </c>
      <c r="C98752" s="14" t="s">
        <v>23</v>
      </c>
      <c r="D98752" s="14" t="s">
        <v>339</v>
      </c>
      <c r="E98752" s="15">
        <v>45578</v>
      </c>
      <c r="F98752" s="14" t="s">
        <v>15</v>
      </c>
      <c r="G98752" s="16">
        <v>3.4196209950966647</v>
      </c>
    </row>
    <row r="98753" spans="1:7" x14ac:dyDescent="0.3">
      <c r="A98753" s="13" t="s">
        <v>488</v>
      </c>
      <c r="B98753" s="14" t="s">
        <v>1</v>
      </c>
      <c r="C98753" s="14" t="s">
        <v>23</v>
      </c>
      <c r="D98753" s="14" t="s">
        <v>339</v>
      </c>
      <c r="E98753" s="15">
        <v>45579</v>
      </c>
      <c r="F98753" s="14" t="s">
        <v>15</v>
      </c>
      <c r="G98753" s="16">
        <v>3.4196209950966647</v>
      </c>
    </row>
    <row r="98754" spans="1:7" x14ac:dyDescent="0.3">
      <c r="A98754" s="13" t="s">
        <v>488</v>
      </c>
      <c r="B98754" s="14" t="s">
        <v>1</v>
      </c>
      <c r="C98754" s="14" t="s">
        <v>23</v>
      </c>
      <c r="D98754" s="14" t="s">
        <v>339</v>
      </c>
      <c r="E98754" s="15">
        <v>45580</v>
      </c>
      <c r="F98754" s="14" t="s">
        <v>15</v>
      </c>
      <c r="G98754" s="16">
        <v>3.4377091283879206</v>
      </c>
    </row>
    <row r="98755" spans="1:7" x14ac:dyDescent="0.3">
      <c r="A98755" s="13" t="s">
        <v>488</v>
      </c>
      <c r="B98755" s="14" t="s">
        <v>1</v>
      </c>
      <c r="C98755" s="14" t="s">
        <v>23</v>
      </c>
      <c r="D98755" s="14" t="s">
        <v>339</v>
      </c>
      <c r="E98755" s="15">
        <v>45581</v>
      </c>
      <c r="F98755" s="14" t="s">
        <v>15</v>
      </c>
      <c r="G98755" s="16">
        <v>3.5102761721727056</v>
      </c>
    </row>
    <row r="98756" spans="1:7" x14ac:dyDescent="0.3">
      <c r="A98756" s="13" t="s">
        <v>488</v>
      </c>
      <c r="B98756" s="14" t="s">
        <v>1</v>
      </c>
      <c r="C98756" s="14" t="s">
        <v>23</v>
      </c>
      <c r="D98756" s="14" t="s">
        <v>339</v>
      </c>
      <c r="E98756" s="15">
        <v>45582</v>
      </c>
      <c r="F98756" s="14" t="s">
        <v>15</v>
      </c>
      <c r="G98756" s="16">
        <v>3.5280754908943548</v>
      </c>
    </row>
    <row r="98757" spans="1:7" x14ac:dyDescent="0.3">
      <c r="A98757" s="13" t="s">
        <v>488</v>
      </c>
      <c r="B98757" s="14" t="s">
        <v>1</v>
      </c>
      <c r="C98757" s="14" t="s">
        <v>23</v>
      </c>
      <c r="D98757" s="14" t="s">
        <v>339</v>
      </c>
      <c r="E98757" s="15">
        <v>45583</v>
      </c>
      <c r="F98757" s="14" t="s">
        <v>15</v>
      </c>
      <c r="G98757" s="16">
        <v>3.5459487299883654</v>
      </c>
    </row>
    <row r="98758" spans="1:7" x14ac:dyDescent="0.3">
      <c r="A98758" s="13" t="s">
        <v>488</v>
      </c>
      <c r="B98758" s="14" t="s">
        <v>1</v>
      </c>
      <c r="C98758" s="14" t="s">
        <v>23</v>
      </c>
      <c r="D98758" s="14" t="s">
        <v>339</v>
      </c>
      <c r="E98758" s="15">
        <v>45584</v>
      </c>
      <c r="F98758" s="14" t="s">
        <v>15</v>
      </c>
      <c r="G98758" s="16">
        <v>3.5459487299883654</v>
      </c>
    </row>
    <row r="98759" spans="1:7" x14ac:dyDescent="0.3">
      <c r="A98759" s="13" t="s">
        <v>488</v>
      </c>
      <c r="B98759" s="14" t="s">
        <v>1</v>
      </c>
      <c r="C98759" s="14" t="s">
        <v>23</v>
      </c>
      <c r="D98759" s="14" t="s">
        <v>339</v>
      </c>
      <c r="E98759" s="15">
        <v>45585</v>
      </c>
      <c r="F98759" s="14" t="s">
        <v>15</v>
      </c>
      <c r="G98759" s="16">
        <v>3.5459487299883654</v>
      </c>
    </row>
    <row r="98760" spans="1:7" x14ac:dyDescent="0.3">
      <c r="A98760" s="13" t="s">
        <v>488</v>
      </c>
      <c r="B98760" s="14" t="s">
        <v>1</v>
      </c>
      <c r="C98760" s="14" t="s">
        <v>23</v>
      </c>
      <c r="D98760" s="14" t="s">
        <v>339</v>
      </c>
      <c r="E98760" s="15">
        <v>45586</v>
      </c>
      <c r="F98760" s="14" t="s">
        <v>15</v>
      </c>
      <c r="G98760" s="16">
        <v>3.5627252815907915</v>
      </c>
    </row>
    <row r="98761" spans="1:7" x14ac:dyDescent="0.3">
      <c r="A98761" s="13" t="s">
        <v>488</v>
      </c>
      <c r="B98761" s="14" t="s">
        <v>1</v>
      </c>
      <c r="C98761" s="14" t="s">
        <v>23</v>
      </c>
      <c r="D98761" s="14" t="s">
        <v>339</v>
      </c>
      <c r="E98761" s="15">
        <v>45587</v>
      </c>
      <c r="F98761" s="14" t="s">
        <v>15</v>
      </c>
      <c r="G98761" s="16">
        <v>3.6164947382270118</v>
      </c>
    </row>
    <row r="98762" spans="1:7" x14ac:dyDescent="0.3">
      <c r="A98762" s="13" t="s">
        <v>488</v>
      </c>
      <c r="B98762" s="14" t="s">
        <v>1</v>
      </c>
      <c r="C98762" s="14" t="s">
        <v>23</v>
      </c>
      <c r="D98762" s="14" t="s">
        <v>339</v>
      </c>
      <c r="E98762" s="15">
        <v>45588</v>
      </c>
      <c r="F98762" s="14" t="s">
        <v>15</v>
      </c>
      <c r="G98762" s="16">
        <v>3.6344172575692628</v>
      </c>
    </row>
    <row r="98763" spans="1:7" x14ac:dyDescent="0.3">
      <c r="A98763" s="13" t="s">
        <v>488</v>
      </c>
      <c r="B98763" s="14" t="s">
        <v>1</v>
      </c>
      <c r="C98763" s="14" t="s">
        <v>23</v>
      </c>
      <c r="D98763" s="14" t="s">
        <v>339</v>
      </c>
      <c r="E98763" s="15">
        <v>45589</v>
      </c>
      <c r="F98763" s="14" t="s">
        <v>15</v>
      </c>
      <c r="G98763" s="16">
        <v>3.6519697711132482</v>
      </c>
    </row>
    <row r="98764" spans="1:7" x14ac:dyDescent="0.3">
      <c r="A98764" s="13" t="s">
        <v>488</v>
      </c>
      <c r="B98764" s="14" t="s">
        <v>1</v>
      </c>
      <c r="C98764" s="14" t="s">
        <v>23</v>
      </c>
      <c r="D98764" s="14" t="s">
        <v>339</v>
      </c>
      <c r="E98764" s="15">
        <v>45590</v>
      </c>
      <c r="F98764" s="14" t="s">
        <v>15</v>
      </c>
      <c r="G98764" s="16">
        <v>3.6696328573525929</v>
      </c>
    </row>
    <row r="98765" spans="1:7" x14ac:dyDescent="0.3">
      <c r="A98765" s="13" t="s">
        <v>488</v>
      </c>
      <c r="B98765" s="14" t="s">
        <v>1</v>
      </c>
      <c r="C98765" s="14" t="s">
        <v>23</v>
      </c>
      <c r="D98765" s="14" t="s">
        <v>339</v>
      </c>
      <c r="E98765" s="15">
        <v>45591</v>
      </c>
      <c r="F98765" s="14" t="s">
        <v>15</v>
      </c>
      <c r="G98765" s="16">
        <v>3.6696328573525929</v>
      </c>
    </row>
    <row r="98766" spans="1:7" x14ac:dyDescent="0.3">
      <c r="A98766" s="13" t="s">
        <v>488</v>
      </c>
      <c r="B98766" s="14" t="s">
        <v>1</v>
      </c>
      <c r="C98766" s="14" t="s">
        <v>23</v>
      </c>
      <c r="D98766" s="14" t="s">
        <v>339</v>
      </c>
      <c r="E98766" s="15">
        <v>45592</v>
      </c>
      <c r="F98766" s="14" t="s">
        <v>15</v>
      </c>
      <c r="G98766" s="16">
        <v>3.6696328573525929</v>
      </c>
    </row>
    <row r="98767" spans="1:7" x14ac:dyDescent="0.3">
      <c r="A98767" s="13" t="s">
        <v>488</v>
      </c>
      <c r="B98767" s="14" t="s">
        <v>1</v>
      </c>
      <c r="C98767" s="14" t="s">
        <v>23</v>
      </c>
      <c r="D98767" s="14" t="s">
        <v>339</v>
      </c>
      <c r="E98767" s="15">
        <v>45593</v>
      </c>
      <c r="F98767" s="14" t="s">
        <v>15</v>
      </c>
      <c r="G98767" s="16">
        <v>3.6696328573525929</v>
      </c>
    </row>
    <row r="98768" spans="1:7" x14ac:dyDescent="0.3">
      <c r="A98768" s="13" t="s">
        <v>488</v>
      </c>
      <c r="B98768" s="14" t="s">
        <v>1</v>
      </c>
      <c r="C98768" s="14" t="s">
        <v>23</v>
      </c>
      <c r="D98768" s="14" t="s">
        <v>339</v>
      </c>
      <c r="E98768" s="15">
        <v>45594</v>
      </c>
      <c r="F98768" s="14" t="s">
        <v>15</v>
      </c>
      <c r="G98768" s="16">
        <v>3.6905687864870997</v>
      </c>
    </row>
    <row r="98769" spans="1:7" x14ac:dyDescent="0.3">
      <c r="A98769" s="13" t="s">
        <v>488</v>
      </c>
      <c r="B98769" s="14" t="s">
        <v>1</v>
      </c>
      <c r="C98769" s="14" t="s">
        <v>23</v>
      </c>
      <c r="D98769" s="14" t="s">
        <v>339</v>
      </c>
      <c r="E98769" s="15">
        <v>45595</v>
      </c>
      <c r="F98769" s="14" t="s">
        <v>15</v>
      </c>
      <c r="G98769" s="16">
        <v>3.760060026633417</v>
      </c>
    </row>
    <row r="98770" spans="1:7" x14ac:dyDescent="0.3">
      <c r="A98770" s="13" t="s">
        <v>488</v>
      </c>
      <c r="B98770" s="14" t="s">
        <v>1</v>
      </c>
      <c r="C98770" s="14" t="s">
        <v>23</v>
      </c>
      <c r="D98770" s="14" t="s">
        <v>339</v>
      </c>
      <c r="E98770" s="15">
        <v>45596</v>
      </c>
      <c r="F98770" s="14" t="s">
        <v>15</v>
      </c>
      <c r="G98770" s="16">
        <v>3.7636514615076768</v>
      </c>
    </row>
    <row r="98771" spans="1:7" x14ac:dyDescent="0.3">
      <c r="A98771" s="13" t="s">
        <v>488</v>
      </c>
      <c r="B98771" s="14" t="s">
        <v>1</v>
      </c>
      <c r="C98771" s="14" t="s">
        <v>23</v>
      </c>
      <c r="D98771" s="14" t="s">
        <v>339</v>
      </c>
      <c r="E98771" s="15">
        <v>45597</v>
      </c>
      <c r="F98771" s="14" t="s">
        <v>15</v>
      </c>
      <c r="G98771" s="16">
        <v>3.7804497654540792</v>
      </c>
    </row>
    <row r="98772" spans="1:7" x14ac:dyDescent="0.3">
      <c r="A98772" s="13" t="s">
        <v>488</v>
      </c>
      <c r="B98772" s="14" t="s">
        <v>1</v>
      </c>
      <c r="C98772" s="14" t="s">
        <v>23</v>
      </c>
      <c r="D98772" s="14" t="s">
        <v>339</v>
      </c>
      <c r="E98772" s="15">
        <v>45598</v>
      </c>
      <c r="F98772" s="14" t="s">
        <v>15</v>
      </c>
      <c r="G98772" s="16">
        <v>3.7804497654540792</v>
      </c>
    </row>
    <row r="98773" spans="1:7" x14ac:dyDescent="0.3">
      <c r="A98773" s="13" t="s">
        <v>488</v>
      </c>
      <c r="B98773" s="14" t="s">
        <v>1</v>
      </c>
      <c r="C98773" s="14" t="s">
        <v>23</v>
      </c>
      <c r="D98773" s="14" t="s">
        <v>339</v>
      </c>
      <c r="E98773" s="15">
        <v>45599</v>
      </c>
      <c r="F98773" s="14" t="s">
        <v>15</v>
      </c>
      <c r="G98773" s="16">
        <v>3.7804497654540792</v>
      </c>
    </row>
    <row r="98774" spans="1:7" x14ac:dyDescent="0.3">
      <c r="A98774" s="13" t="s">
        <v>488</v>
      </c>
      <c r="B98774" s="14" t="s">
        <v>1</v>
      </c>
      <c r="C98774" s="14" t="s">
        <v>23</v>
      </c>
      <c r="D98774" s="14" t="s">
        <v>339</v>
      </c>
      <c r="E98774" s="15">
        <v>45600</v>
      </c>
      <c r="F98774" s="14" t="s">
        <v>15</v>
      </c>
      <c r="G98774" s="16">
        <v>3.7879672871001229</v>
      </c>
    </row>
    <row r="98775" spans="1:7" x14ac:dyDescent="0.3">
      <c r="A98775" s="13" t="s">
        <v>488</v>
      </c>
      <c r="B98775" s="14" t="s">
        <v>1</v>
      </c>
      <c r="C98775" s="14" t="s">
        <v>23</v>
      </c>
      <c r="D98775" s="14" t="s">
        <v>339</v>
      </c>
      <c r="E98775" s="15">
        <v>45601</v>
      </c>
      <c r="F98775" s="14" t="s">
        <v>15</v>
      </c>
      <c r="G98775" s="16">
        <v>3.8418038564997339</v>
      </c>
    </row>
    <row r="98776" spans="1:7" x14ac:dyDescent="0.3">
      <c r="A98776" s="13" t="s">
        <v>488</v>
      </c>
      <c r="B98776" s="14" t="s">
        <v>1</v>
      </c>
      <c r="C98776" s="14" t="s">
        <v>23</v>
      </c>
      <c r="D98776" s="14" t="s">
        <v>339</v>
      </c>
      <c r="E98776" s="15">
        <v>45602</v>
      </c>
      <c r="F98776" s="14" t="s">
        <v>15</v>
      </c>
      <c r="G98776" s="16">
        <v>3.8595360756461732</v>
      </c>
    </row>
    <row r="98777" spans="1:7" x14ac:dyDescent="0.3">
      <c r="A98777" s="13" t="s">
        <v>488</v>
      </c>
      <c r="B98777" s="14" t="s">
        <v>1</v>
      </c>
      <c r="C98777" s="14" t="s">
        <v>23</v>
      </c>
      <c r="D98777" s="14" t="s">
        <v>339</v>
      </c>
      <c r="E98777" s="15">
        <v>45603</v>
      </c>
      <c r="F98777" s="14" t="s">
        <v>15</v>
      </c>
      <c r="G98777" s="16">
        <v>3.8790309769387803</v>
      </c>
    </row>
    <row r="98778" spans="1:7" x14ac:dyDescent="0.3">
      <c r="A98778" s="13" t="s">
        <v>488</v>
      </c>
      <c r="B98778" s="14" t="s">
        <v>1</v>
      </c>
      <c r="C98778" s="14" t="s">
        <v>23</v>
      </c>
      <c r="D98778" s="14" t="s">
        <v>339</v>
      </c>
      <c r="E98778" s="15">
        <v>45604</v>
      </c>
      <c r="F98778" s="14" t="s">
        <v>15</v>
      </c>
      <c r="G98778" s="16">
        <v>3.8974098762165315</v>
      </c>
    </row>
    <row r="98779" spans="1:7" x14ac:dyDescent="0.3">
      <c r="A98779" s="13" t="s">
        <v>488</v>
      </c>
      <c r="B98779" s="14" t="s">
        <v>1</v>
      </c>
      <c r="C98779" s="14" t="s">
        <v>23</v>
      </c>
      <c r="D98779" s="14" t="s">
        <v>339</v>
      </c>
      <c r="E98779" s="15">
        <v>45605</v>
      </c>
      <c r="F98779" s="14" t="s">
        <v>15</v>
      </c>
      <c r="G98779" s="16">
        <v>3.8974098762165315</v>
      </c>
    </row>
    <row r="98780" spans="1:7" x14ac:dyDescent="0.3">
      <c r="A98780" s="13" t="s">
        <v>488</v>
      </c>
      <c r="B98780" s="14" t="s">
        <v>1</v>
      </c>
      <c r="C98780" s="14" t="s">
        <v>23</v>
      </c>
      <c r="D98780" s="14" t="s">
        <v>339</v>
      </c>
      <c r="E98780" s="15">
        <v>45606</v>
      </c>
      <c r="F98780" s="14" t="s">
        <v>15</v>
      </c>
      <c r="G98780" s="16">
        <v>3.8974098762165315</v>
      </c>
    </row>
    <row r="98781" spans="1:7" x14ac:dyDescent="0.3">
      <c r="A98781" s="13" t="s">
        <v>488</v>
      </c>
      <c r="B98781" s="14" t="s">
        <v>1</v>
      </c>
      <c r="C98781" s="14" t="s">
        <v>23</v>
      </c>
      <c r="D98781" s="14" t="s">
        <v>339</v>
      </c>
      <c r="E98781" s="15">
        <v>45607</v>
      </c>
      <c r="F98781" s="14" t="s">
        <v>15</v>
      </c>
      <c r="G98781" s="16">
        <v>3.8974098762165315</v>
      </c>
    </row>
    <row r="98782" spans="1:7" x14ac:dyDescent="0.3">
      <c r="A98782" s="13" t="s">
        <v>488</v>
      </c>
      <c r="B98782" s="14" t="s">
        <v>1</v>
      </c>
      <c r="C98782" s="14" t="s">
        <v>23</v>
      </c>
      <c r="D98782" s="14" t="s">
        <v>339</v>
      </c>
      <c r="E98782" s="15">
        <v>45608</v>
      </c>
      <c r="F98782" s="14" t="s">
        <v>15</v>
      </c>
      <c r="G98782" s="16">
        <v>3.9145226011535112</v>
      </c>
    </row>
    <row r="98783" spans="1:7" x14ac:dyDescent="0.3">
      <c r="A98783" s="13" t="s">
        <v>488</v>
      </c>
      <c r="B98783" s="14" t="s">
        <v>1</v>
      </c>
      <c r="C98783" s="14" t="s">
        <v>23</v>
      </c>
      <c r="D98783" s="14" t="s">
        <v>339</v>
      </c>
      <c r="E98783" s="15">
        <v>45609</v>
      </c>
      <c r="F98783" s="14" t="s">
        <v>15</v>
      </c>
      <c r="G98783" s="16">
        <v>3.9998472298497711</v>
      </c>
    </row>
    <row r="98784" spans="1:7" x14ac:dyDescent="0.3">
      <c r="A98784" s="13" t="s">
        <v>488</v>
      </c>
      <c r="B98784" s="14" t="s">
        <v>1</v>
      </c>
      <c r="C98784" s="14" t="s">
        <v>23</v>
      </c>
      <c r="D98784" s="14" t="s">
        <v>339</v>
      </c>
      <c r="E98784" s="15">
        <v>45610</v>
      </c>
      <c r="F98784" s="14" t="s">
        <v>15</v>
      </c>
      <c r="G98784" s="16">
        <v>4.0171262157421381</v>
      </c>
    </row>
    <row r="98785" spans="1:7" x14ac:dyDescent="0.3">
      <c r="A98785" s="13" t="s">
        <v>488</v>
      </c>
      <c r="B98785" s="14" t="s">
        <v>1</v>
      </c>
      <c r="C98785" s="14" t="s">
        <v>23</v>
      </c>
      <c r="D98785" s="14" t="s">
        <v>339</v>
      </c>
      <c r="E98785" s="15">
        <v>45611</v>
      </c>
      <c r="F98785" s="14" t="s">
        <v>15</v>
      </c>
      <c r="G98785" s="16">
        <v>4.0344293850461979</v>
      </c>
    </row>
    <row r="98786" spans="1:7" x14ac:dyDescent="0.3">
      <c r="A98786" s="13" t="s">
        <v>488</v>
      </c>
      <c r="B98786" s="14" t="s">
        <v>1</v>
      </c>
      <c r="C98786" s="14" t="s">
        <v>23</v>
      </c>
      <c r="D98786" s="14" t="s">
        <v>339</v>
      </c>
      <c r="E98786" s="15">
        <v>45612</v>
      </c>
      <c r="F98786" s="14" t="s">
        <v>15</v>
      </c>
      <c r="G98786" s="16">
        <v>4.0344293850461979</v>
      </c>
    </row>
    <row r="98787" spans="1:7" x14ac:dyDescent="0.3">
      <c r="A98787" s="13" t="s">
        <v>488</v>
      </c>
      <c r="B98787" s="14" t="s">
        <v>1</v>
      </c>
      <c r="C98787" s="14" t="s">
        <v>23</v>
      </c>
      <c r="D98787" s="14" t="s">
        <v>339</v>
      </c>
      <c r="E98787" s="15">
        <v>45613</v>
      </c>
      <c r="F98787" s="14" t="s">
        <v>15</v>
      </c>
      <c r="G98787" s="16">
        <v>4.0344293850461979</v>
      </c>
    </row>
    <row r="98788" spans="1:7" x14ac:dyDescent="0.3">
      <c r="A98788" s="13" t="s">
        <v>488</v>
      </c>
      <c r="B98788" s="14" t="s">
        <v>1</v>
      </c>
      <c r="C98788" s="14" t="s">
        <v>23</v>
      </c>
      <c r="D98788" s="14" t="s">
        <v>339</v>
      </c>
      <c r="E98788" s="15">
        <v>45614</v>
      </c>
      <c r="F98788" s="14" t="s">
        <v>15</v>
      </c>
      <c r="G98788" s="16">
        <v>4.0517450779027424</v>
      </c>
    </row>
    <row r="98789" spans="1:7" x14ac:dyDescent="0.3">
      <c r="A98789" s="13" t="s">
        <v>488</v>
      </c>
      <c r="B98789" s="14" t="s">
        <v>1</v>
      </c>
      <c r="C98789" s="14" t="s">
        <v>23</v>
      </c>
      <c r="D98789" s="14" t="s">
        <v>339</v>
      </c>
      <c r="E98789" s="15">
        <v>45615</v>
      </c>
      <c r="F98789" s="14" t="s">
        <v>15</v>
      </c>
      <c r="G98789" s="16">
        <v>4.1031710411053002</v>
      </c>
    </row>
    <row r="98790" spans="1:7" x14ac:dyDescent="0.3">
      <c r="A98790" s="13" t="s">
        <v>488</v>
      </c>
      <c r="B98790" s="14" t="s">
        <v>1</v>
      </c>
      <c r="C98790" s="14" t="s">
        <v>23</v>
      </c>
      <c r="D98790" s="14" t="s">
        <v>339</v>
      </c>
      <c r="E98790" s="15">
        <v>45616</v>
      </c>
      <c r="F98790" s="14" t="s">
        <v>15</v>
      </c>
      <c r="G98790" s="16">
        <v>4.120725863278305</v>
      </c>
    </row>
    <row r="98791" spans="1:7" x14ac:dyDescent="0.3">
      <c r="A98791" s="13" t="s">
        <v>488</v>
      </c>
      <c r="B98791" s="14" t="s">
        <v>1</v>
      </c>
      <c r="C98791" s="14" t="s">
        <v>23</v>
      </c>
      <c r="D98791" s="14" t="s">
        <v>339</v>
      </c>
      <c r="E98791" s="15">
        <v>45617</v>
      </c>
      <c r="F98791" s="14" t="s">
        <v>15</v>
      </c>
      <c r="G98791" s="16">
        <v>4.138606551122944</v>
      </c>
    </row>
    <row r="98792" spans="1:7" x14ac:dyDescent="0.3">
      <c r="A98792" s="13" t="s">
        <v>488</v>
      </c>
      <c r="B98792" s="14" t="s">
        <v>1</v>
      </c>
      <c r="C98792" s="14" t="s">
        <v>23</v>
      </c>
      <c r="D98792" s="14" t="s">
        <v>339</v>
      </c>
      <c r="E98792" s="15">
        <v>45618</v>
      </c>
      <c r="F98792" s="14" t="s">
        <v>15</v>
      </c>
      <c r="G98792" s="16">
        <v>4.1561067614590135</v>
      </c>
    </row>
    <row r="98793" spans="1:7" x14ac:dyDescent="0.3">
      <c r="A98793" s="13" t="s">
        <v>488</v>
      </c>
      <c r="B98793" s="14" t="s">
        <v>1</v>
      </c>
      <c r="C98793" s="14" t="s">
        <v>23</v>
      </c>
      <c r="D98793" s="14" t="s">
        <v>339</v>
      </c>
      <c r="E98793" s="15">
        <v>45619</v>
      </c>
      <c r="F98793" s="14" t="s">
        <v>15</v>
      </c>
      <c r="G98793" s="16">
        <v>4.1561067614590135</v>
      </c>
    </row>
    <row r="98794" spans="1:7" x14ac:dyDescent="0.3">
      <c r="A98794" s="13" t="s">
        <v>488</v>
      </c>
      <c r="B98794" s="14" t="s">
        <v>1</v>
      </c>
      <c r="C98794" s="14" t="s">
        <v>23</v>
      </c>
      <c r="D98794" s="14" t="s">
        <v>339</v>
      </c>
      <c r="E98794" s="15">
        <v>45620</v>
      </c>
      <c r="F98794" s="14" t="s">
        <v>15</v>
      </c>
      <c r="G98794" s="16">
        <v>4.1561067614590135</v>
      </c>
    </row>
    <row r="98795" spans="1:7" x14ac:dyDescent="0.3">
      <c r="A98795" s="13" t="s">
        <v>488</v>
      </c>
      <c r="B98795" s="14" t="s">
        <v>1</v>
      </c>
      <c r="C98795" s="14" t="s">
        <v>23</v>
      </c>
      <c r="D98795" s="14" t="s">
        <v>339</v>
      </c>
      <c r="E98795" s="15">
        <v>45621</v>
      </c>
      <c r="F98795" s="14" t="s">
        <v>15</v>
      </c>
      <c r="G98795" s="16">
        <v>4.1735203149959768</v>
      </c>
    </row>
    <row r="98796" spans="1:7" x14ac:dyDescent="0.3">
      <c r="A98796" s="13" t="s">
        <v>488</v>
      </c>
      <c r="B98796" s="14" t="s">
        <v>1</v>
      </c>
      <c r="C98796" s="14" t="s">
        <v>23</v>
      </c>
      <c r="D98796" s="14" t="s">
        <v>339</v>
      </c>
      <c r="E98796" s="15">
        <v>45622</v>
      </c>
      <c r="F98796" s="14" t="s">
        <v>15</v>
      </c>
      <c r="G98796" s="16">
        <v>4.225768547760703</v>
      </c>
    </row>
    <row r="98797" spans="1:7" x14ac:dyDescent="0.3">
      <c r="A98797" s="13" t="s">
        <v>488</v>
      </c>
      <c r="B98797" s="14" t="s">
        <v>1</v>
      </c>
      <c r="C98797" s="14" t="s">
        <v>23</v>
      </c>
      <c r="D98797" s="14" t="s">
        <v>339</v>
      </c>
      <c r="E98797" s="15">
        <v>45623</v>
      </c>
      <c r="F98797" s="14" t="s">
        <v>15</v>
      </c>
      <c r="G98797" s="16">
        <v>4.2432344564471265</v>
      </c>
    </row>
    <row r="98798" spans="1:7" x14ac:dyDescent="0.3">
      <c r="A98798" s="13" t="s">
        <v>488</v>
      </c>
      <c r="B98798" s="14" t="s">
        <v>1</v>
      </c>
      <c r="C98798" s="14" t="s">
        <v>23</v>
      </c>
      <c r="D98798" s="14" t="s">
        <v>339</v>
      </c>
      <c r="E98798" s="15">
        <v>45624</v>
      </c>
      <c r="F98798" s="14" t="s">
        <v>15</v>
      </c>
      <c r="G98798" s="16">
        <v>4.2432344564471265</v>
      </c>
    </row>
    <row r="98799" spans="1:7" x14ac:dyDescent="0.3">
      <c r="A98799" s="13" t="s">
        <v>488</v>
      </c>
      <c r="B98799" s="14" t="s">
        <v>1</v>
      </c>
      <c r="C98799" s="14" t="s">
        <v>23</v>
      </c>
      <c r="D98799" s="14" t="s">
        <v>339</v>
      </c>
      <c r="E98799" s="15">
        <v>45625</v>
      </c>
      <c r="F98799" s="14" t="s">
        <v>15</v>
      </c>
      <c r="G98799" s="16">
        <v>4.2654624270468711</v>
      </c>
    </row>
    <row r="98800" spans="1:7" x14ac:dyDescent="0.3">
      <c r="A98800" s="13" t="s">
        <v>488</v>
      </c>
      <c r="B98800" s="14" t="s">
        <v>1</v>
      </c>
      <c r="C98800" s="14" t="s">
        <v>23</v>
      </c>
      <c r="D98800" s="14" t="s">
        <v>339</v>
      </c>
      <c r="E98800" s="15">
        <v>45626</v>
      </c>
      <c r="F98800" s="14" t="s">
        <v>15</v>
      </c>
      <c r="G98800" s="16">
        <v>4.2654624270468711</v>
      </c>
    </row>
    <row r="98801" spans="1:7" x14ac:dyDescent="0.3">
      <c r="A98801" s="13" t="s">
        <v>488</v>
      </c>
      <c r="B98801" s="14" t="s">
        <v>1</v>
      </c>
      <c r="C98801" s="14" t="s">
        <v>23</v>
      </c>
      <c r="D98801" s="14" t="s">
        <v>339</v>
      </c>
      <c r="E98801" s="15">
        <v>45627</v>
      </c>
      <c r="F98801" s="14" t="s">
        <v>15</v>
      </c>
      <c r="G98801" s="16">
        <v>4.2654624270468711</v>
      </c>
    </row>
    <row r="98802" spans="1:7" x14ac:dyDescent="0.3">
      <c r="A98802" s="13" t="s">
        <v>488</v>
      </c>
      <c r="B98802" s="14" t="s">
        <v>1</v>
      </c>
      <c r="C98802" s="14" t="s">
        <v>23</v>
      </c>
      <c r="D98802" s="14" t="s">
        <v>339</v>
      </c>
      <c r="E98802" s="15">
        <v>45628</v>
      </c>
      <c r="F98802" s="14" t="s">
        <v>15</v>
      </c>
      <c r="G98802" s="16">
        <v>4.3002308099546118</v>
      </c>
    </row>
    <row r="98803" spans="1:7" x14ac:dyDescent="0.3">
      <c r="A98803" s="13" t="s">
        <v>488</v>
      </c>
      <c r="B98803" s="14" t="s">
        <v>1</v>
      </c>
      <c r="C98803" s="14" t="s">
        <v>23</v>
      </c>
      <c r="D98803" s="14" t="s">
        <v>339</v>
      </c>
      <c r="E98803" s="15">
        <v>45629</v>
      </c>
      <c r="F98803" s="14" t="s">
        <v>15</v>
      </c>
      <c r="G98803" s="16">
        <v>4.3386721773994212</v>
      </c>
    </row>
    <row r="98804" spans="1:7" x14ac:dyDescent="0.3">
      <c r="A98804" s="13" t="s">
        <v>488</v>
      </c>
      <c r="B98804" s="14" t="s">
        <v>1</v>
      </c>
      <c r="C98804" s="14" t="s">
        <v>23</v>
      </c>
      <c r="D98804" s="14" t="s">
        <v>339</v>
      </c>
      <c r="E98804" s="15">
        <v>45630</v>
      </c>
      <c r="F98804" s="14" t="s">
        <v>15</v>
      </c>
      <c r="G98804" s="16">
        <v>4.3539924276330026</v>
      </c>
    </row>
    <row r="98805" spans="1:7" x14ac:dyDescent="0.3">
      <c r="A98805" s="13" t="s">
        <v>488</v>
      </c>
      <c r="B98805" s="14" t="s">
        <v>1</v>
      </c>
      <c r="C98805" s="14" t="s">
        <v>23</v>
      </c>
      <c r="D98805" s="14" t="s">
        <v>339</v>
      </c>
      <c r="E98805" s="15">
        <v>45631</v>
      </c>
      <c r="F98805" s="14" t="s">
        <v>15</v>
      </c>
      <c r="G98805" s="16">
        <v>4.3715192668812977</v>
      </c>
    </row>
    <row r="98806" spans="1:7" x14ac:dyDescent="0.3">
      <c r="A98806" s="13" t="s">
        <v>488</v>
      </c>
      <c r="B98806" s="14" t="s">
        <v>1</v>
      </c>
      <c r="C98806" s="14" t="s">
        <v>23</v>
      </c>
      <c r="D98806" s="14" t="s">
        <v>339</v>
      </c>
      <c r="E98806" s="15">
        <v>45632</v>
      </c>
      <c r="F98806" s="14" t="s">
        <v>15</v>
      </c>
      <c r="G98806" s="16">
        <v>4.3889750438466937</v>
      </c>
    </row>
    <row r="98807" spans="1:7" x14ac:dyDescent="0.3">
      <c r="A98807" s="13" t="s">
        <v>488</v>
      </c>
      <c r="B98807" s="14" t="s">
        <v>1</v>
      </c>
      <c r="C98807" s="14" t="s">
        <v>23</v>
      </c>
      <c r="D98807" s="14" t="s">
        <v>339</v>
      </c>
      <c r="E98807" s="15">
        <v>45633</v>
      </c>
      <c r="F98807" s="14" t="s">
        <v>15</v>
      </c>
      <c r="G98807" s="16">
        <v>4.3889750438466937</v>
      </c>
    </row>
    <row r="98808" spans="1:7" x14ac:dyDescent="0.3">
      <c r="A98808" s="13" t="s">
        <v>488</v>
      </c>
      <c r="B98808" s="14" t="s">
        <v>1</v>
      </c>
      <c r="C98808" s="14" t="s">
        <v>23</v>
      </c>
      <c r="D98808" s="14" t="s">
        <v>339</v>
      </c>
      <c r="E98808" s="15">
        <v>45634</v>
      </c>
      <c r="F98808" s="14" t="s">
        <v>15</v>
      </c>
      <c r="G98808" s="16">
        <v>4.3889750438466937</v>
      </c>
    </row>
    <row r="98809" spans="1:7" x14ac:dyDescent="0.3">
      <c r="A98809" s="13" t="s">
        <v>488</v>
      </c>
      <c r="B98809" s="14" t="s">
        <v>1</v>
      </c>
      <c r="C98809" s="14" t="s">
        <v>23</v>
      </c>
      <c r="D98809" s="14" t="s">
        <v>339</v>
      </c>
      <c r="E98809" s="15">
        <v>45635</v>
      </c>
      <c r="F98809" s="14" t="s">
        <v>15</v>
      </c>
      <c r="G98809" s="16">
        <v>4.4145358366167748</v>
      </c>
    </row>
    <row r="98810" spans="1:7" x14ac:dyDescent="0.3">
      <c r="A98810" s="13" t="s">
        <v>488</v>
      </c>
      <c r="B98810" s="14" t="s">
        <v>1</v>
      </c>
      <c r="C98810" s="14" t="s">
        <v>23</v>
      </c>
      <c r="D98810" s="14" t="s">
        <v>339</v>
      </c>
      <c r="E98810" s="15">
        <v>45636</v>
      </c>
      <c r="F98810" s="14" t="s">
        <v>15</v>
      </c>
      <c r="G98810" s="16">
        <v>4.4665773947420426</v>
      </c>
    </row>
    <row r="98811" spans="1:7" x14ac:dyDescent="0.3">
      <c r="A98811" s="13" t="s">
        <v>488</v>
      </c>
      <c r="B98811" s="14" t="s">
        <v>1</v>
      </c>
      <c r="C98811" s="14" t="s">
        <v>23</v>
      </c>
      <c r="D98811" s="14" t="s">
        <v>339</v>
      </c>
      <c r="E98811" s="15">
        <v>45637</v>
      </c>
      <c r="F98811" s="14" t="s">
        <v>15</v>
      </c>
      <c r="G98811" s="16">
        <v>4.4839777726167389</v>
      </c>
    </row>
    <row r="98812" spans="1:7" x14ac:dyDescent="0.3">
      <c r="A98812" s="13" t="s">
        <v>488</v>
      </c>
      <c r="B98812" s="14" t="s">
        <v>1</v>
      </c>
      <c r="C98812" s="14" t="s">
        <v>23</v>
      </c>
      <c r="D98812" s="14" t="s">
        <v>339</v>
      </c>
      <c r="E98812" s="15">
        <v>45638</v>
      </c>
      <c r="F98812" s="14" t="s">
        <v>15</v>
      </c>
      <c r="G98812" s="16">
        <v>4.5014232427745631</v>
      </c>
    </row>
    <row r="98813" spans="1:7" x14ac:dyDescent="0.3">
      <c r="A98813" s="13" t="s">
        <v>488</v>
      </c>
      <c r="B98813" s="14" t="s">
        <v>1</v>
      </c>
      <c r="C98813" s="14" t="s">
        <v>23</v>
      </c>
      <c r="D98813" s="14" t="s">
        <v>339</v>
      </c>
      <c r="E98813" s="15">
        <v>45639</v>
      </c>
      <c r="F98813" s="14" t="s">
        <v>15</v>
      </c>
      <c r="G98813" s="16">
        <v>4.5188551852474506</v>
      </c>
    </row>
    <row r="98814" spans="1:7" x14ac:dyDescent="0.3">
      <c r="A98814" s="13" t="s">
        <v>488</v>
      </c>
      <c r="B98814" s="14" t="s">
        <v>1</v>
      </c>
      <c r="C98814" s="14" t="s">
        <v>23</v>
      </c>
      <c r="D98814" s="14" t="s">
        <v>339</v>
      </c>
      <c r="E98814" s="15">
        <v>45640</v>
      </c>
      <c r="F98814" s="14" t="s">
        <v>15</v>
      </c>
      <c r="G98814" s="16">
        <v>4.5188551852474506</v>
      </c>
    </row>
    <row r="98815" spans="1:7" x14ac:dyDescent="0.3">
      <c r="A98815" s="13" t="s">
        <v>488</v>
      </c>
      <c r="B98815" s="14" t="s">
        <v>1</v>
      </c>
      <c r="C98815" s="14" t="s">
        <v>23</v>
      </c>
      <c r="D98815" s="14" t="s">
        <v>339</v>
      </c>
      <c r="E98815" s="15">
        <v>45641</v>
      </c>
      <c r="F98815" s="14" t="s">
        <v>15</v>
      </c>
      <c r="G98815" s="16">
        <v>4.5188551852474506</v>
      </c>
    </row>
    <row r="98816" spans="1:7" x14ac:dyDescent="0.3">
      <c r="A98816" s="13" t="s">
        <v>488</v>
      </c>
      <c r="B98816" s="14" t="s">
        <v>1</v>
      </c>
      <c r="C98816" s="14" t="s">
        <v>23</v>
      </c>
      <c r="D98816" s="14" t="s">
        <v>339</v>
      </c>
      <c r="E98816" s="15">
        <v>45642</v>
      </c>
      <c r="F98816" s="14" t="s">
        <v>15</v>
      </c>
      <c r="G98816" s="16">
        <v>4.5364030793055248</v>
      </c>
    </row>
    <row r="98817" spans="1:7" x14ac:dyDescent="0.3">
      <c r="A98817" s="13" t="s">
        <v>488</v>
      </c>
      <c r="B98817" s="14" t="s">
        <v>1</v>
      </c>
      <c r="C98817" s="14" t="s">
        <v>23</v>
      </c>
      <c r="D98817" s="14" t="s">
        <v>339</v>
      </c>
      <c r="E98817" s="15">
        <v>45643</v>
      </c>
      <c r="F98817" s="14" t="s">
        <v>15</v>
      </c>
      <c r="G98817" s="16">
        <v>4.5885444846291499</v>
      </c>
    </row>
    <row r="98818" spans="1:7" x14ac:dyDescent="0.3">
      <c r="A98818" s="13" t="s">
        <v>488</v>
      </c>
      <c r="B98818" s="14" t="s">
        <v>1</v>
      </c>
      <c r="C98818" s="14" t="s">
        <v>23</v>
      </c>
      <c r="D98818" s="14" t="s">
        <v>339</v>
      </c>
      <c r="E98818" s="15">
        <v>45644</v>
      </c>
      <c r="F98818" s="14" t="s">
        <v>15</v>
      </c>
      <c r="G98818" s="16">
        <v>4.6063822576501954</v>
      </c>
    </row>
    <row r="98819" spans="1:7" x14ac:dyDescent="0.3">
      <c r="A98819" s="13" t="s">
        <v>488</v>
      </c>
      <c r="B98819" s="14" t="s">
        <v>1</v>
      </c>
      <c r="C98819" s="14" t="s">
        <v>23</v>
      </c>
      <c r="D98819" s="14" t="s">
        <v>339</v>
      </c>
      <c r="E98819" s="15">
        <v>45645</v>
      </c>
      <c r="F98819" s="14" t="s">
        <v>15</v>
      </c>
      <c r="G98819" s="16">
        <v>4.6230895027156533</v>
      </c>
    </row>
    <row r="98820" spans="1:7" x14ac:dyDescent="0.3">
      <c r="A98820" s="13" t="s">
        <v>488</v>
      </c>
      <c r="B98820" s="14" t="s">
        <v>1</v>
      </c>
      <c r="C98820" s="14" t="s">
        <v>23</v>
      </c>
      <c r="D98820" s="14" t="s">
        <v>339</v>
      </c>
      <c r="E98820" s="15">
        <v>45646</v>
      </c>
      <c r="F98820" s="14" t="s">
        <v>15</v>
      </c>
      <c r="G98820" s="16">
        <v>4.6397303977073632</v>
      </c>
    </row>
    <row r="98821" spans="1:7" x14ac:dyDescent="0.3">
      <c r="A98821" s="13" t="s">
        <v>488</v>
      </c>
      <c r="B98821" s="14" t="s">
        <v>1</v>
      </c>
      <c r="C98821" s="14" t="s">
        <v>23</v>
      </c>
      <c r="D98821" s="14" t="s">
        <v>339</v>
      </c>
      <c r="E98821" s="15">
        <v>45647</v>
      </c>
      <c r="F98821" s="14" t="s">
        <v>15</v>
      </c>
      <c r="G98821" s="16">
        <v>4.6397303977073632</v>
      </c>
    </row>
    <row r="98822" spans="1:7" x14ac:dyDescent="0.3">
      <c r="A98822" s="13" t="s">
        <v>488</v>
      </c>
      <c r="B98822" s="14" t="s">
        <v>1</v>
      </c>
      <c r="C98822" s="14" t="s">
        <v>23</v>
      </c>
      <c r="D98822" s="14" t="s">
        <v>339</v>
      </c>
      <c r="E98822" s="15">
        <v>45648</v>
      </c>
      <c r="F98822" s="14" t="s">
        <v>15</v>
      </c>
      <c r="G98822" s="16">
        <v>4.6397303977073632</v>
      </c>
    </row>
    <row r="98823" spans="1:7" x14ac:dyDescent="0.3">
      <c r="A98823" s="13" t="s">
        <v>488</v>
      </c>
      <c r="B98823" s="14" t="s">
        <v>1</v>
      </c>
      <c r="C98823" s="14" t="s">
        <v>23</v>
      </c>
      <c r="D98823" s="14" t="s">
        <v>339</v>
      </c>
      <c r="E98823" s="15">
        <v>45649</v>
      </c>
      <c r="F98823" s="14" t="s">
        <v>15</v>
      </c>
      <c r="G98823" s="16">
        <v>4.6137262321931214</v>
      </c>
    </row>
    <row r="98824" spans="1:7" x14ac:dyDescent="0.3">
      <c r="A98824" s="13" t="s">
        <v>488</v>
      </c>
      <c r="B98824" s="14" t="s">
        <v>1</v>
      </c>
      <c r="C98824" s="14" t="s">
        <v>23</v>
      </c>
      <c r="D98824" s="14" t="s">
        <v>339</v>
      </c>
      <c r="E98824" s="15">
        <v>45650</v>
      </c>
      <c r="F98824" s="14" t="s">
        <v>15</v>
      </c>
      <c r="G98824" s="16">
        <v>4.6607161662570054</v>
      </c>
    </row>
    <row r="98825" spans="1:7" x14ac:dyDescent="0.3">
      <c r="A98825" s="13" t="s">
        <v>488</v>
      </c>
      <c r="B98825" s="14" t="s">
        <v>1</v>
      </c>
      <c r="C98825" s="14" t="s">
        <v>23</v>
      </c>
      <c r="D98825" s="14" t="s">
        <v>339</v>
      </c>
      <c r="E98825" s="15">
        <v>45651</v>
      </c>
      <c r="F98825" s="14" t="s">
        <v>15</v>
      </c>
      <c r="G98825" s="16">
        <v>4.6607161662570054</v>
      </c>
    </row>
    <row r="98826" spans="1:7" x14ac:dyDescent="0.3">
      <c r="A98826" s="13" t="s">
        <v>488</v>
      </c>
      <c r="B98826" s="14" t="s">
        <v>1</v>
      </c>
      <c r="C98826" s="14" t="s">
        <v>23</v>
      </c>
      <c r="D98826" s="14" t="s">
        <v>339</v>
      </c>
      <c r="E98826" s="15">
        <v>45652</v>
      </c>
      <c r="F98826" s="14" t="s">
        <v>15</v>
      </c>
      <c r="G98826" s="16">
        <v>4.6607161662570054</v>
      </c>
    </row>
    <row r="98827" spans="1:7" x14ac:dyDescent="0.3">
      <c r="A98827" s="13" t="s">
        <v>488</v>
      </c>
      <c r="B98827" s="14" t="s">
        <v>1</v>
      </c>
      <c r="C98827" s="14" t="s">
        <v>23</v>
      </c>
      <c r="D98827" s="14" t="s">
        <v>339</v>
      </c>
      <c r="E98827" s="15">
        <v>45653</v>
      </c>
      <c r="F98827" s="14" t="s">
        <v>15</v>
      </c>
      <c r="G98827" s="16">
        <v>4.6607161662570054</v>
      </c>
    </row>
    <row r="98828" spans="1:7" x14ac:dyDescent="0.3">
      <c r="A98828" s="13" t="s">
        <v>488</v>
      </c>
      <c r="B98828" s="14" t="s">
        <v>1</v>
      </c>
      <c r="C98828" s="14" t="s">
        <v>23</v>
      </c>
      <c r="D98828" s="14" t="s">
        <v>339</v>
      </c>
      <c r="E98828" s="15">
        <v>45654</v>
      </c>
      <c r="F98828" s="14" t="s">
        <v>15</v>
      </c>
      <c r="G98828" s="16">
        <v>4.6607161662570054</v>
      </c>
    </row>
    <row r="98829" spans="1:7" x14ac:dyDescent="0.3">
      <c r="A98829" s="13" t="s">
        <v>488</v>
      </c>
      <c r="B98829" s="14" t="s">
        <v>1</v>
      </c>
      <c r="C98829" s="14" t="s">
        <v>23</v>
      </c>
      <c r="D98829" s="14" t="s">
        <v>339</v>
      </c>
      <c r="E98829" s="15">
        <v>45655</v>
      </c>
      <c r="F98829" s="14" t="s">
        <v>15</v>
      </c>
      <c r="G98829" s="16">
        <v>4.6607161662570054</v>
      </c>
    </row>
    <row r="98830" spans="1:7" x14ac:dyDescent="0.3">
      <c r="A98830" s="13" t="s">
        <v>488</v>
      </c>
      <c r="B98830" s="14" t="s">
        <v>1</v>
      </c>
      <c r="C98830" s="14" t="s">
        <v>23</v>
      </c>
      <c r="D98830" s="14" t="s">
        <v>339</v>
      </c>
      <c r="E98830" s="15">
        <v>45656</v>
      </c>
      <c r="F98830" s="14" t="s">
        <v>15</v>
      </c>
      <c r="G98830" s="16">
        <v>4.6784450736230685</v>
      </c>
    </row>
    <row r="98831" spans="1:7" x14ac:dyDescent="0.3">
      <c r="A98831" s="13" t="s">
        <v>488</v>
      </c>
      <c r="B98831" s="14" t="s">
        <v>1</v>
      </c>
      <c r="C98831" s="14" t="s">
        <v>23</v>
      </c>
      <c r="D98831" s="14" t="s">
        <v>339</v>
      </c>
      <c r="E98831" s="15">
        <v>45657</v>
      </c>
      <c r="F98831" s="14" t="s">
        <v>15</v>
      </c>
      <c r="G98831" s="16">
        <v>4.7891420294669436</v>
      </c>
    </row>
    <row r="98832" spans="1:7" x14ac:dyDescent="0.3">
      <c r="A98832" s="13" t="s">
        <v>488</v>
      </c>
      <c r="B98832" s="14" t="s">
        <v>1</v>
      </c>
      <c r="C98832" s="14" t="s">
        <v>23</v>
      </c>
      <c r="D98832" s="14" t="s">
        <v>339</v>
      </c>
      <c r="E98832" s="15">
        <v>45658</v>
      </c>
      <c r="F98832" s="14" t="s">
        <v>15</v>
      </c>
      <c r="G98832" s="16">
        <v>4.7891420294669436</v>
      </c>
    </row>
    <row r="98833" spans="1:7" x14ac:dyDescent="0.3">
      <c r="A98833" s="13" t="s">
        <v>488</v>
      </c>
      <c r="B98833" s="14" t="s">
        <v>1</v>
      </c>
      <c r="C98833" s="14" t="s">
        <v>23</v>
      </c>
      <c r="D98833" s="14" t="s">
        <v>339</v>
      </c>
      <c r="E98833" s="15">
        <v>45659</v>
      </c>
      <c r="F98833" s="14" t="s">
        <v>15</v>
      </c>
      <c r="G98833" s="16">
        <v>4.8052482588158405</v>
      </c>
    </row>
    <row r="98834" spans="1:7" x14ac:dyDescent="0.3">
      <c r="A98834" s="13" t="s">
        <v>488</v>
      </c>
      <c r="B98834" s="14" t="s">
        <v>1</v>
      </c>
      <c r="C98834" s="14" t="s">
        <v>23</v>
      </c>
      <c r="D98834" s="14" t="s">
        <v>339</v>
      </c>
      <c r="E98834" s="15">
        <v>45660</v>
      </c>
      <c r="F98834" s="14" t="s">
        <v>15</v>
      </c>
      <c r="G98834" s="16">
        <v>4.8298782180270461</v>
      </c>
    </row>
    <row r="98835" spans="1:7" x14ac:dyDescent="0.3">
      <c r="A98835" s="13" t="s">
        <v>488</v>
      </c>
      <c r="B98835" s="14" t="s">
        <v>1</v>
      </c>
      <c r="C98835" s="14" t="s">
        <v>23</v>
      </c>
      <c r="D98835" s="14" t="s">
        <v>339</v>
      </c>
      <c r="E98835" s="15">
        <v>45661</v>
      </c>
      <c r="F98835" s="14" t="s">
        <v>15</v>
      </c>
      <c r="G98835" s="16">
        <v>4.8298782180270461</v>
      </c>
    </row>
    <row r="98836" spans="1:7" x14ac:dyDescent="0.3">
      <c r="A98836" s="13" t="s">
        <v>488</v>
      </c>
      <c r="B98836" s="14" t="s">
        <v>1</v>
      </c>
      <c r="C98836" s="14" t="s">
        <v>23</v>
      </c>
      <c r="D98836" s="14" t="s">
        <v>339</v>
      </c>
      <c r="E98836" s="15">
        <v>45662</v>
      </c>
      <c r="F98836" s="14" t="s">
        <v>15</v>
      </c>
      <c r="G98836" s="16">
        <v>4.8298782180270461</v>
      </c>
    </row>
    <row r="98837" spans="1:7" x14ac:dyDescent="0.3">
      <c r="A98837" s="13" t="s">
        <v>488</v>
      </c>
      <c r="B98837" s="14" t="s">
        <v>1</v>
      </c>
      <c r="C98837" s="14" t="s">
        <v>23</v>
      </c>
      <c r="D98837" s="14" t="s">
        <v>339</v>
      </c>
      <c r="E98837" s="15">
        <v>45663</v>
      </c>
      <c r="F98837" s="14" t="s">
        <v>15</v>
      </c>
      <c r="G98837" s="16">
        <v>4.8475117874230662</v>
      </c>
    </row>
    <row r="98838" spans="1:7" x14ac:dyDescent="0.3">
      <c r="A98838" s="13" t="s">
        <v>488</v>
      </c>
      <c r="B98838" s="14" t="s">
        <v>1</v>
      </c>
      <c r="C98838" s="14" t="s">
        <v>23</v>
      </c>
      <c r="D98838" s="14" t="s">
        <v>339</v>
      </c>
      <c r="E98838" s="15">
        <v>45664</v>
      </c>
      <c r="F98838" s="14" t="s">
        <v>15</v>
      </c>
      <c r="G98838" s="16">
        <v>4.9020142573642564</v>
      </c>
    </row>
    <row r="98839" spans="1:7" x14ac:dyDescent="0.3">
      <c r="A98839" s="13" t="s">
        <v>488</v>
      </c>
      <c r="B98839" s="14" t="s">
        <v>1</v>
      </c>
      <c r="C98839" s="14" t="s">
        <v>23</v>
      </c>
      <c r="D98839" s="14" t="s">
        <v>339</v>
      </c>
      <c r="E98839" s="15">
        <v>45665</v>
      </c>
      <c r="F98839" s="14" t="s">
        <v>15</v>
      </c>
      <c r="G98839" s="16">
        <v>4.921709104253619</v>
      </c>
    </row>
    <row r="98840" spans="1:7" x14ac:dyDescent="0.3">
      <c r="A98840" s="13" t="s">
        <v>488</v>
      </c>
      <c r="B98840" s="14" t="s">
        <v>1</v>
      </c>
      <c r="C98840" s="14" t="s">
        <v>23</v>
      </c>
      <c r="D98840" s="14" t="s">
        <v>339</v>
      </c>
      <c r="E98840" s="15">
        <v>45666</v>
      </c>
      <c r="F98840" s="14" t="s">
        <v>15</v>
      </c>
      <c r="G98840" s="16">
        <v>4.921709104253619</v>
      </c>
    </row>
    <row r="98841" spans="1:7" x14ac:dyDescent="0.3">
      <c r="A98841" s="13" t="s">
        <v>488</v>
      </c>
      <c r="B98841" s="14" t="s">
        <v>1</v>
      </c>
      <c r="C98841" s="14" t="s">
        <v>23</v>
      </c>
      <c r="D98841" s="14" t="s">
        <v>339</v>
      </c>
      <c r="E98841" s="15">
        <v>45667</v>
      </c>
      <c r="F98841" s="14" t="s">
        <v>15</v>
      </c>
      <c r="G98841" s="16">
        <v>4.945684515334789</v>
      </c>
    </row>
    <row r="98842" spans="1:7" x14ac:dyDescent="0.3">
      <c r="A98842" s="13" t="s">
        <v>488</v>
      </c>
      <c r="B98842" s="14" t="s">
        <v>1</v>
      </c>
      <c r="C98842" s="14" t="s">
        <v>23</v>
      </c>
      <c r="D98842" s="14" t="s">
        <v>339</v>
      </c>
      <c r="E98842" s="15">
        <v>45668</v>
      </c>
      <c r="F98842" s="14" t="s">
        <v>15</v>
      </c>
      <c r="G98842" s="16">
        <v>4.945684515334789</v>
      </c>
    </row>
    <row r="98843" spans="1:7" x14ac:dyDescent="0.3">
      <c r="A98843" s="13" t="s">
        <v>488</v>
      </c>
      <c r="B98843" s="14" t="s">
        <v>1</v>
      </c>
      <c r="C98843" s="14" t="s">
        <v>23</v>
      </c>
      <c r="D98843" s="14" t="s">
        <v>339</v>
      </c>
      <c r="E98843" s="15">
        <v>45669</v>
      </c>
      <c r="F98843" s="14" t="s">
        <v>15</v>
      </c>
      <c r="G98843" s="16">
        <v>4.945684515334789</v>
      </c>
    </row>
    <row r="98844" spans="1:7" x14ac:dyDescent="0.3">
      <c r="A98844" s="13" t="s">
        <v>488</v>
      </c>
      <c r="B98844" s="14" t="s">
        <v>1</v>
      </c>
      <c r="C98844" s="14" t="s">
        <v>23</v>
      </c>
      <c r="D98844" s="14" t="s">
        <v>339</v>
      </c>
      <c r="E98844" s="15">
        <v>45670</v>
      </c>
      <c r="F98844" s="14" t="s">
        <v>15</v>
      </c>
      <c r="G98844" s="16">
        <v>4.9837642889139167</v>
      </c>
    </row>
    <row r="98845" spans="1:7" x14ac:dyDescent="0.3">
      <c r="A98845" s="13" t="s">
        <v>488</v>
      </c>
      <c r="B98845" s="14" t="s">
        <v>1</v>
      </c>
      <c r="C98845" s="14" t="s">
        <v>23</v>
      </c>
      <c r="D98845" s="14" t="s">
        <v>339</v>
      </c>
      <c r="E98845" s="15">
        <v>45671</v>
      </c>
      <c r="F98845" s="14" t="s">
        <v>15</v>
      </c>
      <c r="G98845" s="16">
        <v>5.0315267506128079</v>
      </c>
    </row>
    <row r="98846" spans="1:7" x14ac:dyDescent="0.3">
      <c r="A98846" s="13" t="s">
        <v>488</v>
      </c>
      <c r="B98846" s="14" t="s">
        <v>1</v>
      </c>
      <c r="C98846" s="14" t="s">
        <v>23</v>
      </c>
      <c r="D98846" s="14" t="s">
        <v>339</v>
      </c>
      <c r="E98846" s="15">
        <v>45672</v>
      </c>
      <c r="F98846" s="14" t="s">
        <v>15</v>
      </c>
      <c r="G98846" s="16">
        <v>5.0494131240285069</v>
      </c>
    </row>
    <row r="98847" spans="1:7" x14ac:dyDescent="0.3">
      <c r="A98847" s="13" t="s">
        <v>488</v>
      </c>
      <c r="B98847" s="14" t="s">
        <v>1</v>
      </c>
      <c r="C98847" s="14" t="s">
        <v>23</v>
      </c>
      <c r="D98847" s="14" t="s">
        <v>339</v>
      </c>
      <c r="E98847" s="15">
        <v>45673</v>
      </c>
      <c r="F98847" s="14" t="s">
        <v>15</v>
      </c>
      <c r="G98847" s="16">
        <v>5.0673048223568991</v>
      </c>
    </row>
    <row r="98848" spans="1:7" x14ac:dyDescent="0.3">
      <c r="A98848" s="13" t="s">
        <v>488</v>
      </c>
      <c r="B98848" s="14" t="s">
        <v>1</v>
      </c>
      <c r="C98848" s="14" t="s">
        <v>23</v>
      </c>
      <c r="D98848" s="14" t="s">
        <v>339</v>
      </c>
      <c r="E98848" s="15">
        <v>45674</v>
      </c>
      <c r="F98848" s="14" t="s">
        <v>15</v>
      </c>
      <c r="G98848" s="16">
        <v>5.0754446087005078</v>
      </c>
    </row>
    <row r="98849" spans="1:7" x14ac:dyDescent="0.3">
      <c r="A98849" s="13" t="s">
        <v>488</v>
      </c>
      <c r="B98849" s="14" t="s">
        <v>1</v>
      </c>
      <c r="C98849" s="14" t="s">
        <v>23</v>
      </c>
      <c r="D98849" s="14" t="s">
        <v>339</v>
      </c>
      <c r="E98849" s="15">
        <v>45675</v>
      </c>
      <c r="F98849" s="14" t="s">
        <v>15</v>
      </c>
      <c r="G98849" s="16">
        <v>5.0754446087005078</v>
      </c>
    </row>
    <row r="98850" spans="1:7" x14ac:dyDescent="0.3">
      <c r="A98850" s="13" t="s">
        <v>488</v>
      </c>
      <c r="B98850" s="14" t="s">
        <v>1</v>
      </c>
      <c r="C98850" s="14" t="s">
        <v>23</v>
      </c>
      <c r="D98850" s="14" t="s">
        <v>339</v>
      </c>
      <c r="E98850" s="15">
        <v>45676</v>
      </c>
      <c r="F98850" s="14" t="s">
        <v>15</v>
      </c>
      <c r="G98850" s="16">
        <v>5.0754446087005078</v>
      </c>
    </row>
    <row r="98851" spans="1:7" x14ac:dyDescent="0.3">
      <c r="A98851" s="13" t="s">
        <v>488</v>
      </c>
      <c r="B98851" s="14" t="s">
        <v>1</v>
      </c>
      <c r="C98851" s="14" t="s">
        <v>23</v>
      </c>
      <c r="D98851" s="14" t="s">
        <v>339</v>
      </c>
      <c r="E98851" s="15">
        <v>45677</v>
      </c>
      <c r="F98851" s="14" t="s">
        <v>15</v>
      </c>
      <c r="G98851" s="16">
        <v>5.0754446087005078</v>
      </c>
    </row>
    <row r="98852" spans="1:7" x14ac:dyDescent="0.3">
      <c r="A98852" s="13" t="s">
        <v>488</v>
      </c>
      <c r="B98852" s="14" t="s">
        <v>1</v>
      </c>
      <c r="C98852" s="14" t="s">
        <v>23</v>
      </c>
      <c r="D98852" s="14" t="s">
        <v>339</v>
      </c>
      <c r="E98852" s="15">
        <v>45678</v>
      </c>
      <c r="F98852" s="14" t="s">
        <v>15</v>
      </c>
      <c r="G98852" s="16">
        <v>5.0943573590379545</v>
      </c>
    </row>
    <row r="98853" spans="1:7" x14ac:dyDescent="0.3">
      <c r="A98853" s="13" t="s">
        <v>488</v>
      </c>
      <c r="B98853" s="14" t="s">
        <v>1</v>
      </c>
      <c r="C98853" s="14" t="s">
        <v>23</v>
      </c>
      <c r="D98853" s="14" t="s">
        <v>339</v>
      </c>
      <c r="E98853" s="15">
        <v>45679</v>
      </c>
      <c r="F98853" s="14" t="s">
        <v>15</v>
      </c>
      <c r="G98853" s="16">
        <v>5.1613534053871986</v>
      </c>
    </row>
    <row r="98854" spans="1:7" x14ac:dyDescent="0.3">
      <c r="A98854" s="13" t="s">
        <v>488</v>
      </c>
      <c r="B98854" s="14" t="s">
        <v>1</v>
      </c>
      <c r="C98854" s="14" t="s">
        <v>23</v>
      </c>
      <c r="D98854" s="14" t="s">
        <v>339</v>
      </c>
      <c r="E98854" s="15">
        <v>45680</v>
      </c>
      <c r="F98854" s="14" t="s">
        <v>15</v>
      </c>
      <c r="G98854" s="16">
        <v>5.1780856039764958</v>
      </c>
    </row>
    <row r="98855" spans="1:7" x14ac:dyDescent="0.3">
      <c r="A98855" s="13" t="s">
        <v>488</v>
      </c>
      <c r="B98855" s="14" t="s">
        <v>1</v>
      </c>
      <c r="C98855" s="14" t="s">
        <v>23</v>
      </c>
      <c r="D98855" s="14" t="s">
        <v>339</v>
      </c>
      <c r="E98855" s="15">
        <v>45681</v>
      </c>
      <c r="F98855" s="14" t="s">
        <v>15</v>
      </c>
      <c r="G98855" s="16">
        <v>5.1948723829209058</v>
      </c>
    </row>
    <row r="98856" spans="1:7" x14ac:dyDescent="0.3">
      <c r="A98856" s="13" t="s">
        <v>488</v>
      </c>
      <c r="B98856" s="14" t="s">
        <v>1</v>
      </c>
      <c r="C98856" s="14" t="s">
        <v>23</v>
      </c>
      <c r="D98856" s="14" t="s">
        <v>339</v>
      </c>
      <c r="E98856" s="15">
        <v>45682</v>
      </c>
      <c r="F98856" s="14" t="s">
        <v>15</v>
      </c>
      <c r="G98856" s="16">
        <v>5.1948723829209058</v>
      </c>
    </row>
    <row r="98857" spans="1:7" x14ac:dyDescent="0.3">
      <c r="A98857" s="13" t="s">
        <v>488</v>
      </c>
      <c r="B98857" s="14" t="s">
        <v>1</v>
      </c>
      <c r="C98857" s="14" t="s">
        <v>23</v>
      </c>
      <c r="D98857" s="14" t="s">
        <v>339</v>
      </c>
      <c r="E98857" s="15">
        <v>45683</v>
      </c>
      <c r="F98857" s="14" t="s">
        <v>15</v>
      </c>
      <c r="G98857" s="16">
        <v>5.1948723829209058</v>
      </c>
    </row>
    <row r="98858" spans="1:7" x14ac:dyDescent="0.3">
      <c r="A98858" s="13" t="s">
        <v>488</v>
      </c>
      <c r="B98858" s="14" t="s">
        <v>1</v>
      </c>
      <c r="C98858" s="14" t="s">
        <v>23</v>
      </c>
      <c r="D98858" s="14" t="s">
        <v>339</v>
      </c>
      <c r="E98858" s="15">
        <v>45684</v>
      </c>
      <c r="F98858" s="14" t="s">
        <v>15</v>
      </c>
      <c r="G98858" s="16">
        <v>5.2134476669163785</v>
      </c>
    </row>
    <row r="98859" spans="1:7" x14ac:dyDescent="0.3">
      <c r="A98859" s="13" t="s">
        <v>488</v>
      </c>
      <c r="B98859" s="14" t="s">
        <v>1</v>
      </c>
      <c r="C98859" s="14" t="s">
        <v>23</v>
      </c>
      <c r="D98859" s="14" t="s">
        <v>339</v>
      </c>
      <c r="E98859" s="15">
        <v>45685</v>
      </c>
      <c r="F98859" s="14" t="s">
        <v>15</v>
      </c>
      <c r="G98859" s="16">
        <v>5.2642326821831409</v>
      </c>
    </row>
    <row r="98860" spans="1:7" x14ac:dyDescent="0.3">
      <c r="A98860" s="13" t="s">
        <v>488</v>
      </c>
      <c r="B98860" s="14" t="s">
        <v>1</v>
      </c>
      <c r="C98860" s="14" t="s">
        <v>23</v>
      </c>
      <c r="D98860" s="14" t="s">
        <v>339</v>
      </c>
      <c r="E98860" s="15">
        <v>45686</v>
      </c>
      <c r="F98860" s="14" t="s">
        <v>15</v>
      </c>
      <c r="G98860" s="16">
        <v>5.2811459278040305</v>
      </c>
    </row>
    <row r="98861" spans="1:7" x14ac:dyDescent="0.3">
      <c r="A98861" s="13" t="s">
        <v>488</v>
      </c>
      <c r="B98861" s="14" t="s">
        <v>1</v>
      </c>
      <c r="C98861" s="14" t="s">
        <v>23</v>
      </c>
      <c r="D98861" s="14" t="s">
        <v>339</v>
      </c>
      <c r="E98861" s="15">
        <v>45687</v>
      </c>
      <c r="F98861" s="14" t="s">
        <v>15</v>
      </c>
      <c r="G98861" s="16">
        <v>5.2990389573605974</v>
      </c>
    </row>
    <row r="98862" spans="1:7" x14ac:dyDescent="0.3">
      <c r="A98862" s="13" t="s">
        <v>488</v>
      </c>
      <c r="B98862" s="14" t="s">
        <v>1</v>
      </c>
      <c r="C98862" s="14" t="s">
        <v>23</v>
      </c>
      <c r="D98862" s="14" t="s">
        <v>339</v>
      </c>
      <c r="E98862" s="15">
        <v>45688</v>
      </c>
      <c r="F98862" s="14" t="s">
        <v>15</v>
      </c>
      <c r="G98862" s="16">
        <v>5.3158217426204875</v>
      </c>
    </row>
    <row r="98863" spans="1:7" x14ac:dyDescent="0.3">
      <c r="A98863" s="13" t="s">
        <v>488</v>
      </c>
      <c r="B98863" s="14" t="s">
        <v>1</v>
      </c>
      <c r="C98863" s="14" t="s">
        <v>23</v>
      </c>
      <c r="D98863" s="14" t="s">
        <v>339</v>
      </c>
      <c r="E98863" s="15">
        <v>45689</v>
      </c>
      <c r="F98863" s="14" t="s">
        <v>15</v>
      </c>
      <c r="G98863" s="16">
        <v>5.3158217426204875</v>
      </c>
    </row>
    <row r="98864" spans="1:7" x14ac:dyDescent="0.3">
      <c r="A98864" s="13" t="s">
        <v>488</v>
      </c>
      <c r="B98864" s="14" t="s">
        <v>1</v>
      </c>
      <c r="C98864" s="14" t="s">
        <v>23</v>
      </c>
      <c r="D98864" s="14" t="s">
        <v>339</v>
      </c>
      <c r="E98864" s="15">
        <v>45690</v>
      </c>
      <c r="F98864" s="14" t="s">
        <v>15</v>
      </c>
      <c r="G98864" s="16">
        <v>5.3158217426204875</v>
      </c>
    </row>
    <row r="98865" spans="1:7" x14ac:dyDescent="0.3">
      <c r="A98865" s="13" t="s">
        <v>488</v>
      </c>
      <c r="B98865" s="14" t="s">
        <v>1</v>
      </c>
      <c r="C98865" s="14" t="s">
        <v>23</v>
      </c>
      <c r="D98865" s="14" t="s">
        <v>339</v>
      </c>
      <c r="E98865" s="15">
        <v>45691</v>
      </c>
      <c r="F98865" s="14" t="s">
        <v>15</v>
      </c>
      <c r="G98865" s="16">
        <v>5.3158217426204875</v>
      </c>
    </row>
    <row r="98866" spans="1:7" x14ac:dyDescent="0.3">
      <c r="A98866" s="13" t="s">
        <v>488</v>
      </c>
      <c r="B98866" s="14" t="s">
        <v>1</v>
      </c>
      <c r="C98866" s="14" t="s">
        <v>23</v>
      </c>
      <c r="D98866" s="14" t="s">
        <v>339</v>
      </c>
      <c r="E98866" s="15">
        <v>45692</v>
      </c>
      <c r="F98866" s="14" t="s">
        <v>15</v>
      </c>
      <c r="G98866" s="16">
        <v>5.3313598295381777</v>
      </c>
    </row>
    <row r="98867" spans="1:7" x14ac:dyDescent="0.3">
      <c r="A98867" s="13" t="s">
        <v>488</v>
      </c>
      <c r="B98867" s="14" t="s">
        <v>1</v>
      </c>
      <c r="C98867" s="14" t="s">
        <v>23</v>
      </c>
      <c r="D98867" s="14" t="s">
        <v>339</v>
      </c>
      <c r="E98867" s="15">
        <v>45693</v>
      </c>
      <c r="F98867" s="14" t="s">
        <v>15</v>
      </c>
      <c r="G98867" s="16">
        <v>5.3882891284396104</v>
      </c>
    </row>
    <row r="98868" spans="1:7" x14ac:dyDescent="0.3">
      <c r="A98868" s="13" t="s">
        <v>488</v>
      </c>
      <c r="B98868" s="14" t="s">
        <v>1</v>
      </c>
      <c r="C98868" s="14" t="s">
        <v>23</v>
      </c>
      <c r="D98868" s="14" t="s">
        <v>339</v>
      </c>
      <c r="E98868" s="15">
        <v>45694</v>
      </c>
      <c r="F98868" s="14" t="s">
        <v>15</v>
      </c>
      <c r="G98868" s="16">
        <v>5.4052975568749027</v>
      </c>
    </row>
    <row r="98869" spans="1:7" x14ac:dyDescent="0.3">
      <c r="A98869" s="13" t="s">
        <v>488</v>
      </c>
      <c r="B98869" s="14" t="s">
        <v>1</v>
      </c>
      <c r="C98869" s="14" t="s">
        <v>23</v>
      </c>
      <c r="D98869" s="14" t="s">
        <v>339</v>
      </c>
      <c r="E98869" s="15">
        <v>45695</v>
      </c>
      <c r="F98869" s="14" t="s">
        <v>15</v>
      </c>
      <c r="G98869" s="16">
        <v>5.4223971744400776</v>
      </c>
    </row>
    <row r="98870" spans="1:7" x14ac:dyDescent="0.3">
      <c r="A98870" s="13" t="s">
        <v>488</v>
      </c>
      <c r="B98870" s="14" t="s">
        <v>1</v>
      </c>
      <c r="C98870" s="14" t="s">
        <v>23</v>
      </c>
      <c r="D98870" s="14" t="s">
        <v>339</v>
      </c>
      <c r="E98870" s="15">
        <v>45696</v>
      </c>
      <c r="F98870" s="14" t="s">
        <v>15</v>
      </c>
      <c r="G98870" s="16">
        <v>5.4223971744400776</v>
      </c>
    </row>
    <row r="98871" spans="1:7" x14ac:dyDescent="0.3">
      <c r="A98871" s="13" t="s">
        <v>488</v>
      </c>
      <c r="B98871" s="14" t="s">
        <v>1</v>
      </c>
      <c r="C98871" s="14" t="s">
        <v>23</v>
      </c>
      <c r="D98871" s="14" t="s">
        <v>339</v>
      </c>
      <c r="E98871" s="15">
        <v>45697</v>
      </c>
      <c r="F98871" s="14" t="s">
        <v>15</v>
      </c>
      <c r="G98871" s="16">
        <v>5.4223971744400776</v>
      </c>
    </row>
    <row r="98872" spans="1:7" x14ac:dyDescent="0.3">
      <c r="A98872" s="13" t="s">
        <v>488</v>
      </c>
      <c r="B98872" s="14" t="s">
        <v>1</v>
      </c>
      <c r="C98872" s="14" t="s">
        <v>23</v>
      </c>
      <c r="D98872" s="14" t="s">
        <v>339</v>
      </c>
      <c r="E98872" s="15">
        <v>45698</v>
      </c>
      <c r="F98872" s="14" t="s">
        <v>15</v>
      </c>
      <c r="G98872" s="16">
        <v>5.4491581804742433</v>
      </c>
    </row>
    <row r="98873" spans="1:7" x14ac:dyDescent="0.3">
      <c r="A98873" s="13" t="s">
        <v>488</v>
      </c>
      <c r="B98873" s="14" t="s">
        <v>1</v>
      </c>
      <c r="C98873" s="14" t="s">
        <v>23</v>
      </c>
      <c r="D98873" s="14" t="s">
        <v>339</v>
      </c>
      <c r="E98873" s="15">
        <v>45699</v>
      </c>
      <c r="F98873" s="14" t="s">
        <v>15</v>
      </c>
      <c r="G98873" s="16">
        <v>5.5002913119083701</v>
      </c>
    </row>
    <row r="98874" spans="1:7" x14ac:dyDescent="0.3">
      <c r="A98874" s="13" t="s">
        <v>488</v>
      </c>
      <c r="B98874" s="14" t="s">
        <v>1</v>
      </c>
      <c r="C98874" s="14" t="s">
        <v>23</v>
      </c>
      <c r="D98874" s="14" t="s">
        <v>339</v>
      </c>
      <c r="E98874" s="15">
        <v>45700</v>
      </c>
      <c r="F98874" s="14" t="s">
        <v>15</v>
      </c>
      <c r="G98874" s="16">
        <v>5.5172205322673404</v>
      </c>
    </row>
    <row r="98875" spans="1:7" x14ac:dyDescent="0.3">
      <c r="A98875" s="13" t="s">
        <v>488</v>
      </c>
      <c r="B98875" s="14" t="s">
        <v>1</v>
      </c>
      <c r="C98875" s="14" t="s">
        <v>23</v>
      </c>
      <c r="D98875" s="14" t="s">
        <v>339</v>
      </c>
      <c r="E98875" s="15">
        <v>45701</v>
      </c>
      <c r="F98875" s="14" t="s">
        <v>15</v>
      </c>
      <c r="G98875" s="16">
        <v>5.5359296046942479</v>
      </c>
    </row>
    <row r="98876" spans="1:7" x14ac:dyDescent="0.3">
      <c r="A98876" s="13" t="s">
        <v>488</v>
      </c>
      <c r="B98876" s="14" t="s">
        <v>1</v>
      </c>
      <c r="C98876" s="14" t="s">
        <v>23</v>
      </c>
      <c r="D98876" s="14" t="s">
        <v>339</v>
      </c>
      <c r="E98876" s="15">
        <v>45702</v>
      </c>
      <c r="F98876" s="14" t="s">
        <v>15</v>
      </c>
      <c r="G98876" s="16">
        <v>5.5526950839878815</v>
      </c>
    </row>
    <row r="98877" spans="1:7" x14ac:dyDescent="0.3">
      <c r="A98877" s="13" t="s">
        <v>488</v>
      </c>
      <c r="B98877" s="14" t="s">
        <v>1</v>
      </c>
      <c r="C98877" s="14" t="s">
        <v>23</v>
      </c>
      <c r="D98877" s="14" t="s">
        <v>339</v>
      </c>
      <c r="E98877" s="15">
        <v>45703</v>
      </c>
      <c r="F98877" s="14" t="s">
        <v>15</v>
      </c>
      <c r="G98877" s="16">
        <v>5.5526950839878815</v>
      </c>
    </row>
    <row r="98878" spans="1:7" x14ac:dyDescent="0.3">
      <c r="A98878" s="13" t="s">
        <v>488</v>
      </c>
      <c r="B98878" s="14" t="s">
        <v>1</v>
      </c>
      <c r="C98878" s="14" t="s">
        <v>23</v>
      </c>
      <c r="D98878" s="14" t="s">
        <v>339</v>
      </c>
      <c r="E98878" s="15">
        <v>45704</v>
      </c>
      <c r="F98878" s="14" t="s">
        <v>15</v>
      </c>
      <c r="G98878" s="16">
        <v>5.5526950839878815</v>
      </c>
    </row>
    <row r="98879" spans="1:7" x14ac:dyDescent="0.3">
      <c r="A98879" s="13" t="s">
        <v>488</v>
      </c>
      <c r="B98879" s="14" t="s">
        <v>1</v>
      </c>
      <c r="C98879" s="14" t="s">
        <v>23</v>
      </c>
      <c r="D98879" s="14" t="s">
        <v>339</v>
      </c>
      <c r="E98879" s="15">
        <v>45705</v>
      </c>
      <c r="F98879" s="14" t="s">
        <v>15</v>
      </c>
      <c r="G98879" s="16">
        <v>5.5526950839878815</v>
      </c>
    </row>
    <row r="98880" spans="1:7" x14ac:dyDescent="0.3">
      <c r="A98880" s="13" t="s">
        <v>488</v>
      </c>
      <c r="B98880" s="14" t="s">
        <v>1</v>
      </c>
      <c r="C98880" s="14" t="s">
        <v>23</v>
      </c>
      <c r="D98880" s="14" t="s">
        <v>339</v>
      </c>
      <c r="E98880" s="15">
        <v>45706</v>
      </c>
      <c r="F98880" s="14" t="s">
        <v>15</v>
      </c>
      <c r="G98880" s="16">
        <v>5.5696735597892699</v>
      </c>
    </row>
    <row r="98881" spans="1:7" x14ac:dyDescent="0.3">
      <c r="A98881" s="13" t="s">
        <v>488</v>
      </c>
      <c r="B98881" s="14" t="s">
        <v>1</v>
      </c>
      <c r="C98881" s="14" t="s">
        <v>23</v>
      </c>
      <c r="D98881" s="14" t="s">
        <v>339</v>
      </c>
      <c r="E98881" s="15">
        <v>45707</v>
      </c>
      <c r="F98881" s="14" t="s">
        <v>15</v>
      </c>
      <c r="G98881" s="16">
        <v>5.6374323998819165</v>
      </c>
    </row>
    <row r="98882" spans="1:7" x14ac:dyDescent="0.3">
      <c r="A98882" s="13" t="s">
        <v>488</v>
      </c>
      <c r="B98882" s="14" t="s">
        <v>1</v>
      </c>
      <c r="C98882" s="14" t="s">
        <v>23</v>
      </c>
      <c r="D98882" s="14" t="s">
        <v>339</v>
      </c>
      <c r="E98882" s="15">
        <v>45708</v>
      </c>
      <c r="F98882" s="14" t="s">
        <v>15</v>
      </c>
      <c r="G98882" s="16">
        <v>5.654307039885774</v>
      </c>
    </row>
    <row r="98883" spans="1:7" x14ac:dyDescent="0.3">
      <c r="A98883" s="13" t="s">
        <v>488</v>
      </c>
      <c r="B98883" s="14" t="s">
        <v>1</v>
      </c>
      <c r="C98883" s="14" t="s">
        <v>23</v>
      </c>
      <c r="D98883" s="14" t="s">
        <v>339</v>
      </c>
      <c r="E98883" s="15">
        <v>45709</v>
      </c>
      <c r="F98883" s="14" t="s">
        <v>15</v>
      </c>
      <c r="G98883" s="16">
        <v>5.6642732712833901</v>
      </c>
    </row>
    <row r="98884" spans="1:7" x14ac:dyDescent="0.3">
      <c r="A98884" s="13" t="s">
        <v>488</v>
      </c>
      <c r="B98884" s="14" t="s">
        <v>1</v>
      </c>
      <c r="C98884" s="14" t="s">
        <v>23</v>
      </c>
      <c r="D98884" s="14" t="s">
        <v>339</v>
      </c>
      <c r="E98884" s="15">
        <v>45710</v>
      </c>
      <c r="F98884" s="14" t="s">
        <v>15</v>
      </c>
      <c r="G98884" s="16">
        <v>5.6642732712833901</v>
      </c>
    </row>
    <row r="98885" spans="1:7" x14ac:dyDescent="0.3">
      <c r="A98885" s="13" t="s">
        <v>488</v>
      </c>
      <c r="B98885" s="14" t="s">
        <v>1</v>
      </c>
      <c r="C98885" s="14" t="s">
        <v>23</v>
      </c>
      <c r="D98885" s="14" t="s">
        <v>339</v>
      </c>
      <c r="E98885" s="15">
        <v>45711</v>
      </c>
      <c r="F98885" s="14" t="s">
        <v>15</v>
      </c>
      <c r="G98885" s="16">
        <v>5.6642732712833901</v>
      </c>
    </row>
    <row r="98886" spans="1:7" x14ac:dyDescent="0.3">
      <c r="A98886" s="13" t="s">
        <v>488</v>
      </c>
      <c r="B98886" s="14" t="s">
        <v>1</v>
      </c>
      <c r="C98886" s="14" t="s">
        <v>23</v>
      </c>
      <c r="D98886" s="14" t="s">
        <v>339</v>
      </c>
      <c r="E98886" s="15">
        <v>45712</v>
      </c>
      <c r="F98886" s="14" t="s">
        <v>15</v>
      </c>
      <c r="G98886" s="16">
        <v>5.6777153394419448</v>
      </c>
    </row>
    <row r="98887" spans="1:7" x14ac:dyDescent="0.3">
      <c r="A98887" s="13" t="s">
        <v>488</v>
      </c>
      <c r="B98887" s="14" t="s">
        <v>1</v>
      </c>
      <c r="C98887" s="14" t="s">
        <v>23</v>
      </c>
      <c r="D98887" s="14" t="s">
        <v>339</v>
      </c>
      <c r="E98887" s="15">
        <v>45713</v>
      </c>
      <c r="F98887" s="14" t="s">
        <v>15</v>
      </c>
      <c r="G98887" s="16">
        <v>5.7285855533118113</v>
      </c>
    </row>
    <row r="98888" spans="1:7" x14ac:dyDescent="0.3">
      <c r="A98888" s="13" t="s">
        <v>488</v>
      </c>
      <c r="B98888" s="14" t="s">
        <v>1</v>
      </c>
      <c r="C98888" s="14" t="s">
        <v>23</v>
      </c>
      <c r="D98888" s="14" t="s">
        <v>339</v>
      </c>
      <c r="E98888" s="15">
        <v>45714</v>
      </c>
      <c r="F98888" s="14" t="s">
        <v>15</v>
      </c>
      <c r="G98888" s="16">
        <v>5.7426920088272855</v>
      </c>
    </row>
    <row r="98889" spans="1:7" x14ac:dyDescent="0.3">
      <c r="A98889" s="13" t="s">
        <v>488</v>
      </c>
      <c r="B98889" s="14" t="s">
        <v>1</v>
      </c>
      <c r="C98889" s="14" t="s">
        <v>23</v>
      </c>
      <c r="D98889" s="14" t="s">
        <v>339</v>
      </c>
      <c r="E98889" s="15">
        <v>45715</v>
      </c>
      <c r="F98889" s="14" t="s">
        <v>15</v>
      </c>
      <c r="G98889" s="16">
        <v>5.759951388610653</v>
      </c>
    </row>
    <row r="98890" spans="1:7" x14ac:dyDescent="0.3">
      <c r="A98890" s="13" t="s">
        <v>488</v>
      </c>
      <c r="B98890" s="14" t="s">
        <v>1</v>
      </c>
      <c r="C98890" s="14" t="s">
        <v>23</v>
      </c>
      <c r="D98890" s="14" t="s">
        <v>339</v>
      </c>
      <c r="E98890" s="15">
        <v>45716</v>
      </c>
      <c r="F98890" s="14" t="s">
        <v>15</v>
      </c>
      <c r="G98890" s="16">
        <v>5.7769383557372755</v>
      </c>
    </row>
    <row r="98891" spans="1:7" x14ac:dyDescent="0.3">
      <c r="A98891" s="13" t="s">
        <v>488</v>
      </c>
      <c r="B98891" s="14" t="s">
        <v>1</v>
      </c>
      <c r="C98891" s="14" t="s">
        <v>23</v>
      </c>
      <c r="D98891" s="14" t="s">
        <v>339</v>
      </c>
      <c r="E98891" s="15">
        <v>45717</v>
      </c>
      <c r="F98891" s="14" t="s">
        <v>15</v>
      </c>
      <c r="G98891" s="16">
        <v>5.7769383557372755</v>
      </c>
    </row>
    <row r="98892" spans="1:7" x14ac:dyDescent="0.3">
      <c r="A98892" s="13" t="s">
        <v>488</v>
      </c>
      <c r="B98892" s="14" t="s">
        <v>1</v>
      </c>
      <c r="C98892" s="14" t="s">
        <v>23</v>
      </c>
      <c r="D98892" s="14" t="s">
        <v>339</v>
      </c>
      <c r="E98892" s="15">
        <v>45718</v>
      </c>
      <c r="F98892" s="14" t="s">
        <v>15</v>
      </c>
      <c r="G98892" s="16">
        <v>5.7769383557372755</v>
      </c>
    </row>
    <row r="98893" spans="1:7" x14ac:dyDescent="0.3">
      <c r="A98893" s="13" t="s">
        <v>488</v>
      </c>
      <c r="B98893" s="14" t="s">
        <v>1</v>
      </c>
      <c r="C98893" s="14" t="s">
        <v>23</v>
      </c>
      <c r="D98893" s="14" t="s">
        <v>339</v>
      </c>
      <c r="E98893" s="15">
        <v>45719</v>
      </c>
      <c r="F98893" s="14" t="s">
        <v>15</v>
      </c>
      <c r="G98893" s="16">
        <v>5.8176681037708473</v>
      </c>
    </row>
    <row r="98894" spans="1:7" x14ac:dyDescent="0.3">
      <c r="A98894" s="13" t="s">
        <v>488</v>
      </c>
      <c r="B98894" s="14" t="s">
        <v>1</v>
      </c>
      <c r="C98894" s="14" t="s">
        <v>23</v>
      </c>
      <c r="D98894" s="14" t="s">
        <v>339</v>
      </c>
      <c r="E98894" s="15">
        <v>45720</v>
      </c>
      <c r="F98894" s="14" t="s">
        <v>15</v>
      </c>
      <c r="G98894" s="16">
        <v>5.8687209462474081</v>
      </c>
    </row>
    <row r="98895" spans="1:7" x14ac:dyDescent="0.3">
      <c r="A98895" s="13" t="s">
        <v>488</v>
      </c>
      <c r="B98895" s="14" t="s">
        <v>1</v>
      </c>
      <c r="C98895" s="14" t="s">
        <v>23</v>
      </c>
      <c r="D98895" s="14" t="s">
        <v>339</v>
      </c>
      <c r="E98895" s="15">
        <v>45721</v>
      </c>
      <c r="F98895" s="14" t="s">
        <v>15</v>
      </c>
      <c r="G98895" s="16">
        <v>5.886047588415158</v>
      </c>
    </row>
    <row r="98896" spans="1:7" x14ac:dyDescent="0.3">
      <c r="A98896" s="13" t="s">
        <v>488</v>
      </c>
      <c r="B98896" s="14" t="s">
        <v>1</v>
      </c>
      <c r="C98896" s="14" t="s">
        <v>23</v>
      </c>
      <c r="D98896" s="14" t="s">
        <v>339</v>
      </c>
      <c r="E98896" s="15">
        <v>45722</v>
      </c>
      <c r="F98896" s="14" t="s">
        <v>15</v>
      </c>
      <c r="G98896" s="16">
        <v>5.9038021875035369</v>
      </c>
    </row>
    <row r="98897" spans="1:7" x14ac:dyDescent="0.3">
      <c r="A98897" s="13" t="s">
        <v>488</v>
      </c>
      <c r="B98897" s="14" t="s">
        <v>1</v>
      </c>
      <c r="C98897" s="14" t="s">
        <v>23</v>
      </c>
      <c r="D98897" s="14" t="s">
        <v>339</v>
      </c>
      <c r="E98897" s="15">
        <v>45723</v>
      </c>
      <c r="F98897" s="14" t="s">
        <v>15</v>
      </c>
      <c r="G98897" s="16">
        <v>5.9208770804985997</v>
      </c>
    </row>
    <row r="98898" spans="1:7" x14ac:dyDescent="0.3">
      <c r="A98898" s="13" t="s">
        <v>488</v>
      </c>
      <c r="B98898" s="14" t="s">
        <v>1</v>
      </c>
      <c r="C98898" s="14" t="s">
        <v>23</v>
      </c>
      <c r="D98898" s="14" t="s">
        <v>339</v>
      </c>
      <c r="E98898" s="15">
        <v>45724</v>
      </c>
      <c r="F98898" s="14" t="s">
        <v>15</v>
      </c>
      <c r="G98898" s="16">
        <v>5.9208770804985997</v>
      </c>
    </row>
    <row r="98899" spans="1:7" x14ac:dyDescent="0.3">
      <c r="A98899" s="13" t="s">
        <v>488</v>
      </c>
      <c r="B98899" s="14" t="s">
        <v>1</v>
      </c>
      <c r="C98899" s="14" t="s">
        <v>23</v>
      </c>
      <c r="D98899" s="14" t="s">
        <v>339</v>
      </c>
      <c r="E98899" s="15">
        <v>45725</v>
      </c>
      <c r="F98899" s="14" t="s">
        <v>15</v>
      </c>
      <c r="G98899" s="16">
        <v>5.9208770804985997</v>
      </c>
    </row>
    <row r="98900" spans="1:7" x14ac:dyDescent="0.3">
      <c r="A98900" s="13" t="s">
        <v>488</v>
      </c>
      <c r="B98900" s="14" t="s">
        <v>1</v>
      </c>
      <c r="C98900" s="14" t="s">
        <v>23</v>
      </c>
      <c r="D98900" s="14" t="s">
        <v>339</v>
      </c>
      <c r="E98900" s="15">
        <v>45726</v>
      </c>
      <c r="F98900" s="14" t="s">
        <v>15</v>
      </c>
      <c r="G98900" s="16">
        <v>5.9474183653104395</v>
      </c>
    </row>
    <row r="98901" spans="1:7" x14ac:dyDescent="0.3">
      <c r="A98901" s="13" t="s">
        <v>488</v>
      </c>
      <c r="B98901" s="14" t="s">
        <v>1</v>
      </c>
      <c r="C98901" s="14" t="s">
        <v>23</v>
      </c>
      <c r="D98901" s="14" t="s">
        <v>339</v>
      </c>
      <c r="E98901" s="15">
        <v>45727</v>
      </c>
      <c r="F98901" s="14" t="s">
        <v>15</v>
      </c>
      <c r="G98901" s="16">
        <v>5.9983726042668417</v>
      </c>
    </row>
    <row r="98902" spans="1:7" x14ac:dyDescent="0.3">
      <c r="A98902" s="13" t="s">
        <v>488</v>
      </c>
      <c r="B98902" s="14" t="s">
        <v>1</v>
      </c>
      <c r="C98902" s="14" t="s">
        <v>23</v>
      </c>
      <c r="D98902" s="14" t="s">
        <v>339</v>
      </c>
      <c r="E98902" s="15">
        <v>45728</v>
      </c>
      <c r="F98902" s="14" t="s">
        <v>15</v>
      </c>
      <c r="G98902" s="16">
        <v>6.0169223567233869</v>
      </c>
    </row>
    <row r="98903" spans="1:7" x14ac:dyDescent="0.3">
      <c r="A98903" s="13" t="s">
        <v>488</v>
      </c>
      <c r="B98903" s="14" t="s">
        <v>1</v>
      </c>
      <c r="C98903" s="14" t="s">
        <v>23</v>
      </c>
      <c r="D98903" s="14" t="s">
        <v>339</v>
      </c>
      <c r="E98903" s="15">
        <v>45729</v>
      </c>
      <c r="F98903" s="14" t="s">
        <v>15</v>
      </c>
      <c r="G98903" s="16">
        <v>6.0317566794243742</v>
      </c>
    </row>
    <row r="98904" spans="1:7" x14ac:dyDescent="0.3">
      <c r="A98904" s="13" t="s">
        <v>488</v>
      </c>
      <c r="B98904" s="14" t="s">
        <v>1</v>
      </c>
      <c r="C98904" s="14" t="s">
        <v>23</v>
      </c>
      <c r="D98904" s="14" t="s">
        <v>339</v>
      </c>
      <c r="E98904" s="15">
        <v>45730</v>
      </c>
      <c r="F98904" s="14" t="s">
        <v>15</v>
      </c>
      <c r="G98904" s="16">
        <v>5.9350581137315324</v>
      </c>
    </row>
    <row r="98905" spans="1:7" x14ac:dyDescent="0.3">
      <c r="A98905" s="13" t="s">
        <v>488</v>
      </c>
      <c r="B98905" s="14" t="s">
        <v>1</v>
      </c>
      <c r="C98905" s="14" t="s">
        <v>23</v>
      </c>
      <c r="D98905" s="14" t="s">
        <v>339</v>
      </c>
      <c r="E98905" s="15">
        <v>45731</v>
      </c>
      <c r="F98905" s="14" t="s">
        <v>15</v>
      </c>
      <c r="G98905" s="16">
        <v>5.9350581137315324</v>
      </c>
    </row>
    <row r="98906" spans="1:7" x14ac:dyDescent="0.3">
      <c r="A98906" s="13" t="s">
        <v>488</v>
      </c>
      <c r="B98906" s="14" t="s">
        <v>1</v>
      </c>
      <c r="C98906" s="14" t="s">
        <v>23</v>
      </c>
      <c r="D98906" s="14" t="s">
        <v>339</v>
      </c>
      <c r="E98906" s="15">
        <v>45732</v>
      </c>
      <c r="F98906" s="14" t="s">
        <v>15</v>
      </c>
      <c r="G98906" s="16">
        <v>5.9350581137315324</v>
      </c>
    </row>
    <row r="98907" spans="1:7" x14ac:dyDescent="0.3">
      <c r="A98907" s="13" t="s">
        <v>488</v>
      </c>
      <c r="B98907" s="14" t="s">
        <v>1</v>
      </c>
      <c r="C98907" s="14" t="s">
        <v>23</v>
      </c>
      <c r="D98907" s="14" t="s">
        <v>339</v>
      </c>
      <c r="E98907" s="15">
        <v>45733</v>
      </c>
      <c r="F98907" s="14" t="s">
        <v>15</v>
      </c>
      <c r="G98907" s="16">
        <v>5.9350581137315324</v>
      </c>
    </row>
    <row r="98908" spans="1:7" x14ac:dyDescent="0.3">
      <c r="A98908" s="13" t="s">
        <v>488</v>
      </c>
      <c r="B98908" s="14" t="s">
        <v>1</v>
      </c>
      <c r="C98908" s="14" t="s">
        <v>23</v>
      </c>
      <c r="D98908" s="14" t="s">
        <v>339</v>
      </c>
      <c r="E98908" s="15">
        <v>45734</v>
      </c>
      <c r="F98908" s="14" t="s">
        <v>15</v>
      </c>
      <c r="G98908" s="16">
        <v>5.9499680883799666</v>
      </c>
    </row>
    <row r="98909" spans="1:7" x14ac:dyDescent="0.3">
      <c r="A98909" s="13" t="s">
        <v>488</v>
      </c>
      <c r="B98909" s="14" t="s">
        <v>1</v>
      </c>
      <c r="C98909" s="14" t="s">
        <v>23</v>
      </c>
      <c r="D98909" s="14" t="s">
        <v>339</v>
      </c>
      <c r="E98909" s="15">
        <v>45735</v>
      </c>
      <c r="F98909" s="14" t="s">
        <v>15</v>
      </c>
      <c r="G98909" s="16">
        <v>6.0102543839193592</v>
      </c>
    </row>
    <row r="98910" spans="1:7" x14ac:dyDescent="0.3">
      <c r="A98910" s="13" t="s">
        <v>488</v>
      </c>
      <c r="B98910" s="14" t="s">
        <v>1</v>
      </c>
      <c r="C98910" s="14" t="s">
        <v>23</v>
      </c>
      <c r="D98910" s="14" t="s">
        <v>339</v>
      </c>
      <c r="E98910" s="15">
        <v>45736</v>
      </c>
      <c r="F98910" s="14" t="s">
        <v>15</v>
      </c>
      <c r="G98910" s="16">
        <v>6.0274247256331641</v>
      </c>
    </row>
    <row r="98911" spans="1:7" x14ac:dyDescent="0.3">
      <c r="A98911" s="13" t="s">
        <v>488</v>
      </c>
      <c r="B98911" s="14" t="s">
        <v>1</v>
      </c>
      <c r="C98911" s="14" t="s">
        <v>23</v>
      </c>
      <c r="D98911" s="14" t="s">
        <v>339</v>
      </c>
      <c r="E98911" s="15">
        <v>45737</v>
      </c>
      <c r="F98911" s="14" t="s">
        <v>15</v>
      </c>
      <c r="G98911" s="16">
        <v>6.0434744286861601</v>
      </c>
    </row>
    <row r="98912" spans="1:7" x14ac:dyDescent="0.3">
      <c r="A98912" s="13" t="s">
        <v>488</v>
      </c>
      <c r="B98912" s="14" t="s">
        <v>1</v>
      </c>
      <c r="C98912" s="14" t="s">
        <v>23</v>
      </c>
      <c r="D98912" s="14" t="s">
        <v>339</v>
      </c>
      <c r="E98912" s="15">
        <v>45738</v>
      </c>
      <c r="F98912" s="14" t="s">
        <v>15</v>
      </c>
      <c r="G98912" s="16">
        <v>6.0434744286861601</v>
      </c>
    </row>
    <row r="98913" spans="1:7" x14ac:dyDescent="0.3">
      <c r="A98913" s="13" t="s">
        <v>488</v>
      </c>
      <c r="B98913" s="14" t="s">
        <v>1</v>
      </c>
      <c r="C98913" s="14" t="s">
        <v>23</v>
      </c>
      <c r="D98913" s="14" t="s">
        <v>339</v>
      </c>
      <c r="E98913" s="15">
        <v>45739</v>
      </c>
      <c r="F98913" s="14" t="s">
        <v>15</v>
      </c>
      <c r="G98913" s="16">
        <v>6.0434744286861601</v>
      </c>
    </row>
    <row r="98914" spans="1:7" x14ac:dyDescent="0.3">
      <c r="A98914" s="13" t="s">
        <v>488</v>
      </c>
      <c r="B98914" s="14" t="s">
        <v>1</v>
      </c>
      <c r="C98914" s="14" t="s">
        <v>23</v>
      </c>
      <c r="D98914" s="14" t="s">
        <v>339</v>
      </c>
      <c r="E98914" s="15">
        <v>45740</v>
      </c>
      <c r="F98914" s="14" t="s">
        <v>15</v>
      </c>
      <c r="G98914" s="16">
        <v>6.0607062817964907</v>
      </c>
    </row>
    <row r="98915" spans="1:7" x14ac:dyDescent="0.3">
      <c r="A98915" s="13" t="s">
        <v>488</v>
      </c>
      <c r="B98915" s="14" t="s">
        <v>1</v>
      </c>
      <c r="C98915" s="14" t="s">
        <v>23</v>
      </c>
      <c r="D98915" s="14" t="s">
        <v>339</v>
      </c>
      <c r="E98915" s="15">
        <v>45741</v>
      </c>
      <c r="F98915" s="14" t="s">
        <v>15</v>
      </c>
      <c r="G98915" s="16">
        <v>6.1126913669153291</v>
      </c>
    </row>
    <row r="98916" spans="1:7" x14ac:dyDescent="0.3">
      <c r="A98916" s="13" t="s">
        <v>488</v>
      </c>
      <c r="B98916" s="14" t="s">
        <v>1</v>
      </c>
      <c r="C98916" s="14" t="s">
        <v>23</v>
      </c>
      <c r="D98916" s="14" t="s">
        <v>339</v>
      </c>
      <c r="E98916" s="15">
        <v>45742</v>
      </c>
      <c r="F98916" s="14" t="s">
        <v>15</v>
      </c>
      <c r="G98916" s="16">
        <v>6.1298914037860781</v>
      </c>
    </row>
    <row r="98917" spans="1:7" x14ac:dyDescent="0.3">
      <c r="A98917" s="13" t="s">
        <v>488</v>
      </c>
      <c r="B98917" s="14" t="s">
        <v>1</v>
      </c>
      <c r="C98917" s="14" t="s">
        <v>23</v>
      </c>
      <c r="D98917" s="14" t="s">
        <v>339</v>
      </c>
      <c r="E98917" s="15">
        <v>45743</v>
      </c>
      <c r="F98917" s="14" t="s">
        <v>15</v>
      </c>
      <c r="G98917" s="16">
        <v>6.1473290019123663</v>
      </c>
    </row>
    <row r="98918" spans="1:7" x14ac:dyDescent="0.3">
      <c r="A98918" s="13" t="s">
        <v>488</v>
      </c>
      <c r="B98918" s="14" t="s">
        <v>1</v>
      </c>
      <c r="C98918" s="14" t="s">
        <v>23</v>
      </c>
      <c r="D98918" s="14" t="s">
        <v>339</v>
      </c>
      <c r="E98918" s="15">
        <v>45744</v>
      </c>
      <c r="F98918" s="14" t="s">
        <v>15</v>
      </c>
      <c r="G98918" s="16">
        <v>6.1644993436261712</v>
      </c>
    </row>
    <row r="98919" spans="1:7" x14ac:dyDescent="0.3">
      <c r="A98919" s="13" t="s">
        <v>488</v>
      </c>
      <c r="B98919" s="14" t="s">
        <v>1</v>
      </c>
      <c r="C98919" s="14" t="s">
        <v>23</v>
      </c>
      <c r="D98919" s="14" t="s">
        <v>339</v>
      </c>
      <c r="E98919" s="15">
        <v>45745</v>
      </c>
      <c r="F98919" s="14" t="s">
        <v>15</v>
      </c>
      <c r="G98919" s="16">
        <v>6.1644993436261712</v>
      </c>
    </row>
    <row r="98920" spans="1:7" x14ac:dyDescent="0.3">
      <c r="A98920" s="13" t="s">
        <v>488</v>
      </c>
      <c r="B98920" s="14" t="s">
        <v>1</v>
      </c>
      <c r="C98920" s="14" t="s">
        <v>23</v>
      </c>
      <c r="D98920" s="14" t="s">
        <v>339</v>
      </c>
      <c r="E98920" s="15">
        <v>45746</v>
      </c>
      <c r="F98920" s="14" t="s">
        <v>15</v>
      </c>
      <c r="G98920" s="16">
        <v>6.1644993436261712</v>
      </c>
    </row>
    <row r="98921" spans="1:7" x14ac:dyDescent="0.3">
      <c r="A98921" s="13" t="s">
        <v>488</v>
      </c>
      <c r="B98921" s="14" t="s">
        <v>1</v>
      </c>
      <c r="C98921" s="14" t="s">
        <v>23</v>
      </c>
      <c r="D98921" s="14" t="s">
        <v>339</v>
      </c>
      <c r="E98921" s="15">
        <v>45747</v>
      </c>
      <c r="F98921" s="14" t="s">
        <v>15</v>
      </c>
      <c r="G98921" s="16">
        <v>6.1815381782163747</v>
      </c>
    </row>
    <row r="98922" spans="1:7" x14ac:dyDescent="0.3">
      <c r="A98922" s="13" t="s">
        <v>489</v>
      </c>
      <c r="B98922" s="14" t="s">
        <v>1</v>
      </c>
      <c r="C98922" s="14" t="s">
        <v>70</v>
      </c>
      <c r="D98922" s="14" t="s">
        <v>490</v>
      </c>
      <c r="E98922" s="15">
        <v>45383</v>
      </c>
      <c r="F98922" s="14" t="s">
        <v>61</v>
      </c>
      <c r="G98922" s="16">
        <v>0</v>
      </c>
    </row>
    <row r="98923" spans="1:7" x14ac:dyDescent="0.3">
      <c r="A98923" s="13" t="s">
        <v>489</v>
      </c>
      <c r="B98923" s="14" t="s">
        <v>1</v>
      </c>
      <c r="C98923" s="14" t="s">
        <v>70</v>
      </c>
      <c r="D98923" s="14" t="s">
        <v>490</v>
      </c>
      <c r="E98923" s="15">
        <v>45384</v>
      </c>
      <c r="F98923" s="14" t="s">
        <v>61</v>
      </c>
      <c r="G98923" s="16">
        <v>0</v>
      </c>
    </row>
    <row r="98924" spans="1:7" x14ac:dyDescent="0.3">
      <c r="A98924" s="13" t="s">
        <v>489</v>
      </c>
      <c r="B98924" s="14" t="s">
        <v>1</v>
      </c>
      <c r="C98924" s="14" t="s">
        <v>70</v>
      </c>
      <c r="D98924" s="14" t="s">
        <v>490</v>
      </c>
      <c r="E98924" s="15">
        <v>45385</v>
      </c>
      <c r="F98924" s="14" t="s">
        <v>61</v>
      </c>
      <c r="G98924" s="16">
        <v>3.1656985439498131E-2</v>
      </c>
    </row>
    <row r="98925" spans="1:7" x14ac:dyDescent="0.3">
      <c r="A98925" s="13" t="s">
        <v>489</v>
      </c>
      <c r="B98925" s="14" t="s">
        <v>1</v>
      </c>
      <c r="C98925" s="14" t="s">
        <v>70</v>
      </c>
      <c r="D98925" s="14" t="s">
        <v>490</v>
      </c>
      <c r="E98925" s="15">
        <v>45386</v>
      </c>
      <c r="F98925" s="14" t="s">
        <v>61</v>
      </c>
      <c r="G98925" s="16">
        <v>4.0365671442963769E-2</v>
      </c>
    </row>
    <row r="98926" spans="1:7" x14ac:dyDescent="0.3">
      <c r="A98926" s="13" t="s">
        <v>489</v>
      </c>
      <c r="B98926" s="14" t="s">
        <v>1</v>
      </c>
      <c r="C98926" s="14" t="s">
        <v>70</v>
      </c>
      <c r="D98926" s="14" t="s">
        <v>490</v>
      </c>
      <c r="E98926" s="15">
        <v>45387</v>
      </c>
      <c r="F98926" s="14" t="s">
        <v>61</v>
      </c>
      <c r="G98926" s="16">
        <v>5.8045396307610374E-2</v>
      </c>
    </row>
    <row r="98927" spans="1:7" x14ac:dyDescent="0.3">
      <c r="A98927" s="13" t="s">
        <v>489</v>
      </c>
      <c r="B98927" s="14" t="s">
        <v>1</v>
      </c>
      <c r="C98927" s="14" t="s">
        <v>70</v>
      </c>
      <c r="D98927" s="14" t="s">
        <v>490</v>
      </c>
      <c r="E98927" s="15">
        <v>45388</v>
      </c>
      <c r="F98927" s="14" t="s">
        <v>61</v>
      </c>
      <c r="G98927" s="16">
        <v>5.8045396307610374E-2</v>
      </c>
    </row>
    <row r="98928" spans="1:7" x14ac:dyDescent="0.3">
      <c r="A98928" s="13" t="s">
        <v>489</v>
      </c>
      <c r="B98928" s="14" t="s">
        <v>1</v>
      </c>
      <c r="C98928" s="14" t="s">
        <v>70</v>
      </c>
      <c r="D98928" s="14" t="s">
        <v>490</v>
      </c>
      <c r="E98928" s="15">
        <v>45389</v>
      </c>
      <c r="F98928" s="14" t="s">
        <v>61</v>
      </c>
      <c r="G98928" s="16">
        <v>5.8045396307610374E-2</v>
      </c>
    </row>
    <row r="98929" spans="1:7" x14ac:dyDescent="0.3">
      <c r="A98929" s="13" t="s">
        <v>489</v>
      </c>
      <c r="B98929" s="14" t="s">
        <v>1</v>
      </c>
      <c r="C98929" s="14" t="s">
        <v>70</v>
      </c>
      <c r="D98929" s="14" t="s">
        <v>490</v>
      </c>
      <c r="E98929" s="15">
        <v>45390</v>
      </c>
      <c r="F98929" s="14" t="s">
        <v>61</v>
      </c>
      <c r="G98929" s="16">
        <v>7.7716118757586328E-2</v>
      </c>
    </row>
    <row r="98930" spans="1:7" x14ac:dyDescent="0.3">
      <c r="A98930" s="13" t="s">
        <v>489</v>
      </c>
      <c r="B98930" s="14" t="s">
        <v>1</v>
      </c>
      <c r="C98930" s="14" t="s">
        <v>70</v>
      </c>
      <c r="D98930" s="14" t="s">
        <v>490</v>
      </c>
      <c r="E98930" s="15">
        <v>45391</v>
      </c>
      <c r="F98930" s="14" t="s">
        <v>61</v>
      </c>
      <c r="G98930" s="16">
        <v>9.1912551006055679E-2</v>
      </c>
    </row>
    <row r="98931" spans="1:7" x14ac:dyDescent="0.3">
      <c r="A98931" s="13" t="s">
        <v>489</v>
      </c>
      <c r="B98931" s="14" t="s">
        <v>1</v>
      </c>
      <c r="C98931" s="14" t="s">
        <v>70</v>
      </c>
      <c r="D98931" s="14" t="s">
        <v>490</v>
      </c>
      <c r="E98931" s="15">
        <v>45392</v>
      </c>
      <c r="F98931" s="14" t="s">
        <v>61</v>
      </c>
      <c r="G98931" s="16">
        <v>0.1105325743565741</v>
      </c>
    </row>
    <row r="98932" spans="1:7" x14ac:dyDescent="0.3">
      <c r="A98932" s="13" t="s">
        <v>489</v>
      </c>
      <c r="B98932" s="14" t="s">
        <v>1</v>
      </c>
      <c r="C98932" s="14" t="s">
        <v>70</v>
      </c>
      <c r="D98932" s="14" t="s">
        <v>490</v>
      </c>
      <c r="E98932" s="15">
        <v>45393</v>
      </c>
      <c r="F98932" s="14" t="s">
        <v>61</v>
      </c>
      <c r="G98932" s="16">
        <v>0.11427024335649437</v>
      </c>
    </row>
    <row r="98933" spans="1:7" x14ac:dyDescent="0.3">
      <c r="A98933" s="13" t="s">
        <v>489</v>
      </c>
      <c r="B98933" s="14" t="s">
        <v>1</v>
      </c>
      <c r="C98933" s="14" t="s">
        <v>70</v>
      </c>
      <c r="D98933" s="14" t="s">
        <v>490</v>
      </c>
      <c r="E98933" s="15">
        <v>45394</v>
      </c>
      <c r="F98933" s="14" t="s">
        <v>61</v>
      </c>
      <c r="G98933" s="16">
        <v>0.11906555427819998</v>
      </c>
    </row>
    <row r="98934" spans="1:7" x14ac:dyDescent="0.3">
      <c r="A98934" s="13" t="s">
        <v>489</v>
      </c>
      <c r="B98934" s="14" t="s">
        <v>1</v>
      </c>
      <c r="C98934" s="14" t="s">
        <v>70</v>
      </c>
      <c r="D98934" s="14" t="s">
        <v>490</v>
      </c>
      <c r="E98934" s="15">
        <v>45395</v>
      </c>
      <c r="F98934" s="14" t="s">
        <v>61</v>
      </c>
      <c r="G98934" s="16">
        <v>0.11906555427819998</v>
      </c>
    </row>
    <row r="98935" spans="1:7" x14ac:dyDescent="0.3">
      <c r="A98935" s="13" t="s">
        <v>489</v>
      </c>
      <c r="B98935" s="14" t="s">
        <v>1</v>
      </c>
      <c r="C98935" s="14" t="s">
        <v>70</v>
      </c>
      <c r="D98935" s="14" t="s">
        <v>490</v>
      </c>
      <c r="E98935" s="15">
        <v>45396</v>
      </c>
      <c r="F98935" s="14" t="s">
        <v>61</v>
      </c>
      <c r="G98935" s="16">
        <v>0.11906555427819998</v>
      </c>
    </row>
    <row r="98936" spans="1:7" x14ac:dyDescent="0.3">
      <c r="A98936" s="13" t="s">
        <v>489</v>
      </c>
      <c r="B98936" s="14" t="s">
        <v>1</v>
      </c>
      <c r="C98936" s="14" t="s">
        <v>70</v>
      </c>
      <c r="D98936" s="14" t="s">
        <v>490</v>
      </c>
      <c r="E98936" s="15">
        <v>45397</v>
      </c>
      <c r="F98936" s="14" t="s">
        <v>61</v>
      </c>
      <c r="G98936" s="16">
        <v>0.14494143029859571</v>
      </c>
    </row>
    <row r="98937" spans="1:7" x14ac:dyDescent="0.3">
      <c r="A98937" s="13" t="s">
        <v>489</v>
      </c>
      <c r="B98937" s="14" t="s">
        <v>1</v>
      </c>
      <c r="C98937" s="14" t="s">
        <v>70</v>
      </c>
      <c r="D98937" s="14" t="s">
        <v>490</v>
      </c>
      <c r="E98937" s="15">
        <v>45398</v>
      </c>
      <c r="F98937" s="14" t="s">
        <v>61</v>
      </c>
      <c r="G98937" s="16">
        <v>0.15932269780913486</v>
      </c>
    </row>
    <row r="98938" spans="1:7" x14ac:dyDescent="0.3">
      <c r="A98938" s="13" t="s">
        <v>489</v>
      </c>
      <c r="B98938" s="14" t="s">
        <v>1</v>
      </c>
      <c r="C98938" s="14" t="s">
        <v>70</v>
      </c>
      <c r="D98938" s="14" t="s">
        <v>490</v>
      </c>
      <c r="E98938" s="15">
        <v>45399</v>
      </c>
      <c r="F98938" s="14" t="s">
        <v>61</v>
      </c>
      <c r="G98938" s="16">
        <v>0.2010918940817151</v>
      </c>
    </row>
    <row r="98939" spans="1:7" x14ac:dyDescent="0.3">
      <c r="A98939" s="13" t="s">
        <v>489</v>
      </c>
      <c r="B98939" s="14" t="s">
        <v>1</v>
      </c>
      <c r="C98939" s="14" t="s">
        <v>70</v>
      </c>
      <c r="D98939" s="14" t="s">
        <v>490</v>
      </c>
      <c r="E98939" s="15">
        <v>45400</v>
      </c>
      <c r="F98939" s="14" t="s">
        <v>61</v>
      </c>
      <c r="G98939" s="16">
        <v>0.20556036216258425</v>
      </c>
    </row>
    <row r="98940" spans="1:7" x14ac:dyDescent="0.3">
      <c r="A98940" s="13" t="s">
        <v>489</v>
      </c>
      <c r="B98940" s="14" t="s">
        <v>1</v>
      </c>
      <c r="C98940" s="14" t="s">
        <v>70</v>
      </c>
      <c r="D98940" s="14" t="s">
        <v>490</v>
      </c>
      <c r="E98940" s="15">
        <v>45401</v>
      </c>
      <c r="F98940" s="14" t="s">
        <v>61</v>
      </c>
      <c r="G98940" s="16">
        <v>0.21429492919713805</v>
      </c>
    </row>
    <row r="98941" spans="1:7" x14ac:dyDescent="0.3">
      <c r="A98941" s="13" t="s">
        <v>489</v>
      </c>
      <c r="B98941" s="14" t="s">
        <v>1</v>
      </c>
      <c r="C98941" s="14" t="s">
        <v>70</v>
      </c>
      <c r="D98941" s="14" t="s">
        <v>490</v>
      </c>
      <c r="E98941" s="15">
        <v>45402</v>
      </c>
      <c r="F98941" s="14" t="s">
        <v>61</v>
      </c>
      <c r="G98941" s="16">
        <v>0.21429492919713805</v>
      </c>
    </row>
    <row r="98942" spans="1:7" x14ac:dyDescent="0.3">
      <c r="A98942" s="13" t="s">
        <v>489</v>
      </c>
      <c r="B98942" s="14" t="s">
        <v>1</v>
      </c>
      <c r="C98942" s="14" t="s">
        <v>70</v>
      </c>
      <c r="D98942" s="14" t="s">
        <v>490</v>
      </c>
      <c r="E98942" s="15">
        <v>45403</v>
      </c>
      <c r="F98942" s="14" t="s">
        <v>61</v>
      </c>
      <c r="G98942" s="16">
        <v>0.21429492919713805</v>
      </c>
    </row>
    <row r="98943" spans="1:7" x14ac:dyDescent="0.3">
      <c r="A98943" s="13" t="s">
        <v>489</v>
      </c>
      <c r="B98943" s="14" t="s">
        <v>1</v>
      </c>
      <c r="C98943" s="14" t="s">
        <v>70</v>
      </c>
      <c r="D98943" s="14" t="s">
        <v>490</v>
      </c>
      <c r="E98943" s="15">
        <v>45404</v>
      </c>
      <c r="F98943" s="14" t="s">
        <v>61</v>
      </c>
      <c r="G98943" s="16">
        <v>0.22291724121294676</v>
      </c>
    </row>
    <row r="98944" spans="1:7" x14ac:dyDescent="0.3">
      <c r="A98944" s="13" t="s">
        <v>489</v>
      </c>
      <c r="B98944" s="14" t="s">
        <v>1</v>
      </c>
      <c r="C98944" s="14" t="s">
        <v>70</v>
      </c>
      <c r="D98944" s="14" t="s">
        <v>490</v>
      </c>
      <c r="E98944" s="15">
        <v>45405</v>
      </c>
      <c r="F98944" s="14" t="s">
        <v>61</v>
      </c>
      <c r="G98944" s="16">
        <v>0.25269098580773247</v>
      </c>
    </row>
    <row r="98945" spans="1:7" x14ac:dyDescent="0.3">
      <c r="A98945" s="13" t="s">
        <v>489</v>
      </c>
      <c r="B98945" s="14" t="s">
        <v>1</v>
      </c>
      <c r="C98945" s="14" t="s">
        <v>70</v>
      </c>
      <c r="D98945" s="14" t="s">
        <v>490</v>
      </c>
      <c r="E98945" s="15">
        <v>45406</v>
      </c>
      <c r="F98945" s="14" t="s">
        <v>61</v>
      </c>
      <c r="G98945" s="16">
        <v>0.26042116587868136</v>
      </c>
    </row>
    <row r="98946" spans="1:7" x14ac:dyDescent="0.3">
      <c r="A98946" s="13" t="s">
        <v>489</v>
      </c>
      <c r="B98946" s="14" t="s">
        <v>1</v>
      </c>
      <c r="C98946" s="14" t="s">
        <v>70</v>
      </c>
      <c r="D98946" s="14" t="s">
        <v>490</v>
      </c>
      <c r="E98946" s="15">
        <v>45407</v>
      </c>
      <c r="F98946" s="14" t="s">
        <v>61</v>
      </c>
      <c r="G98946" s="16">
        <v>0.3073607177070064</v>
      </c>
    </row>
    <row r="98947" spans="1:7" x14ac:dyDescent="0.3">
      <c r="A98947" s="13" t="s">
        <v>489</v>
      </c>
      <c r="B98947" s="14" t="s">
        <v>1</v>
      </c>
      <c r="C98947" s="14" t="s">
        <v>70</v>
      </c>
      <c r="D98947" s="14" t="s">
        <v>490</v>
      </c>
      <c r="E98947" s="15">
        <v>45408</v>
      </c>
      <c r="F98947" s="14" t="s">
        <v>61</v>
      </c>
      <c r="G98947" s="16">
        <v>0.31321766384155209</v>
      </c>
    </row>
    <row r="98948" spans="1:7" x14ac:dyDescent="0.3">
      <c r="A98948" s="13" t="s">
        <v>489</v>
      </c>
      <c r="B98948" s="14" t="s">
        <v>1</v>
      </c>
      <c r="C98948" s="14" t="s">
        <v>70</v>
      </c>
      <c r="D98948" s="14" t="s">
        <v>490</v>
      </c>
      <c r="E98948" s="15">
        <v>45409</v>
      </c>
      <c r="F98948" s="14" t="s">
        <v>61</v>
      </c>
      <c r="G98948" s="16">
        <v>0.31321766384155209</v>
      </c>
    </row>
    <row r="98949" spans="1:7" x14ac:dyDescent="0.3">
      <c r="A98949" s="13" t="s">
        <v>489</v>
      </c>
      <c r="B98949" s="14" t="s">
        <v>1</v>
      </c>
      <c r="C98949" s="14" t="s">
        <v>70</v>
      </c>
      <c r="D98949" s="14" t="s">
        <v>490</v>
      </c>
      <c r="E98949" s="15">
        <v>45410</v>
      </c>
      <c r="F98949" s="14" t="s">
        <v>61</v>
      </c>
      <c r="G98949" s="16">
        <v>0.31321766384155209</v>
      </c>
    </row>
    <row r="98950" spans="1:7" x14ac:dyDescent="0.3">
      <c r="A98950" s="13" t="s">
        <v>489</v>
      </c>
      <c r="B98950" s="14" t="s">
        <v>1</v>
      </c>
      <c r="C98950" s="14" t="s">
        <v>70</v>
      </c>
      <c r="D98950" s="14" t="s">
        <v>490</v>
      </c>
      <c r="E98950" s="15">
        <v>45411</v>
      </c>
      <c r="F98950" s="14" t="s">
        <v>61</v>
      </c>
      <c r="G98950" s="16">
        <v>0.31634331065714649</v>
      </c>
    </row>
    <row r="98951" spans="1:7" x14ac:dyDescent="0.3">
      <c r="A98951" s="13" t="s">
        <v>489</v>
      </c>
      <c r="B98951" s="14" t="s">
        <v>1</v>
      </c>
      <c r="C98951" s="14" t="s">
        <v>70</v>
      </c>
      <c r="D98951" s="14" t="s">
        <v>490</v>
      </c>
      <c r="E98951" s="15">
        <v>45412</v>
      </c>
      <c r="F98951" s="14" t="s">
        <v>61</v>
      </c>
      <c r="G98951" s="16">
        <v>0.33136580688075573</v>
      </c>
    </row>
    <row r="98952" spans="1:7" x14ac:dyDescent="0.3">
      <c r="A98952" s="13" t="s">
        <v>489</v>
      </c>
      <c r="B98952" s="14" t="s">
        <v>1</v>
      </c>
      <c r="C98952" s="14" t="s">
        <v>70</v>
      </c>
      <c r="D98952" s="14" t="s">
        <v>490</v>
      </c>
      <c r="E98952" s="15">
        <v>45413</v>
      </c>
      <c r="F98952" s="14" t="s">
        <v>61</v>
      </c>
      <c r="G98952" s="16">
        <v>0.33136580688075573</v>
      </c>
    </row>
    <row r="98953" spans="1:7" x14ac:dyDescent="0.3">
      <c r="A98953" s="13" t="s">
        <v>489</v>
      </c>
      <c r="B98953" s="14" t="s">
        <v>1</v>
      </c>
      <c r="C98953" s="14" t="s">
        <v>70</v>
      </c>
      <c r="D98953" s="14" t="s">
        <v>490</v>
      </c>
      <c r="E98953" s="15">
        <v>45414</v>
      </c>
      <c r="F98953" s="14" t="s">
        <v>61</v>
      </c>
      <c r="G98953" s="16">
        <v>0.3700787113018571</v>
      </c>
    </row>
    <row r="98954" spans="1:7" x14ac:dyDescent="0.3">
      <c r="A98954" s="13" t="s">
        <v>489</v>
      </c>
      <c r="B98954" s="14" t="s">
        <v>1</v>
      </c>
      <c r="C98954" s="14" t="s">
        <v>70</v>
      </c>
      <c r="D98954" s="14" t="s">
        <v>490</v>
      </c>
      <c r="E98954" s="15">
        <v>45415</v>
      </c>
      <c r="F98954" s="14" t="s">
        <v>61</v>
      </c>
      <c r="G98954" s="16">
        <v>0.37822349678900558</v>
      </c>
    </row>
    <row r="98955" spans="1:7" x14ac:dyDescent="0.3">
      <c r="A98955" s="13" t="s">
        <v>489</v>
      </c>
      <c r="B98955" s="14" t="s">
        <v>1</v>
      </c>
      <c r="C98955" s="14" t="s">
        <v>70</v>
      </c>
      <c r="D98955" s="14" t="s">
        <v>490</v>
      </c>
      <c r="E98955" s="15">
        <v>45416</v>
      </c>
      <c r="F98955" s="14" t="s">
        <v>61</v>
      </c>
      <c r="G98955" s="16">
        <v>0.37822349678900558</v>
      </c>
    </row>
    <row r="98956" spans="1:7" x14ac:dyDescent="0.3">
      <c r="A98956" s="13" t="s">
        <v>489</v>
      </c>
      <c r="B98956" s="14" t="s">
        <v>1</v>
      </c>
      <c r="C98956" s="14" t="s">
        <v>70</v>
      </c>
      <c r="D98956" s="14" t="s">
        <v>490</v>
      </c>
      <c r="E98956" s="15">
        <v>45417</v>
      </c>
      <c r="F98956" s="14" t="s">
        <v>61</v>
      </c>
      <c r="G98956" s="16">
        <v>0.37822349678900558</v>
      </c>
    </row>
    <row r="98957" spans="1:7" x14ac:dyDescent="0.3">
      <c r="A98957" s="13" t="s">
        <v>489</v>
      </c>
      <c r="B98957" s="14" t="s">
        <v>1</v>
      </c>
      <c r="C98957" s="14" t="s">
        <v>70</v>
      </c>
      <c r="D98957" s="14" t="s">
        <v>490</v>
      </c>
      <c r="E98957" s="15">
        <v>45418</v>
      </c>
      <c r="F98957" s="14" t="s">
        <v>61</v>
      </c>
      <c r="G98957" s="16">
        <v>0.37822349678900558</v>
      </c>
    </row>
    <row r="98958" spans="1:7" x14ac:dyDescent="0.3">
      <c r="A98958" s="13" t="s">
        <v>489</v>
      </c>
      <c r="B98958" s="14" t="s">
        <v>1</v>
      </c>
      <c r="C98958" s="14" t="s">
        <v>70</v>
      </c>
      <c r="D98958" s="14" t="s">
        <v>490</v>
      </c>
      <c r="E98958" s="15">
        <v>45419</v>
      </c>
      <c r="F98958" s="14" t="s">
        <v>61</v>
      </c>
      <c r="G98958" s="16">
        <v>0.4052712528128849</v>
      </c>
    </row>
    <row r="98959" spans="1:7" x14ac:dyDescent="0.3">
      <c r="A98959" s="13" t="s">
        <v>489</v>
      </c>
      <c r="B98959" s="14" t="s">
        <v>1</v>
      </c>
      <c r="C98959" s="14" t="s">
        <v>70</v>
      </c>
      <c r="D98959" s="14" t="s">
        <v>490</v>
      </c>
      <c r="E98959" s="15">
        <v>45420</v>
      </c>
      <c r="F98959" s="14" t="s">
        <v>61</v>
      </c>
      <c r="G98959" s="16">
        <v>0.42729758776416588</v>
      </c>
    </row>
    <row r="98960" spans="1:7" x14ac:dyDescent="0.3">
      <c r="A98960" s="13" t="s">
        <v>489</v>
      </c>
      <c r="B98960" s="14" t="s">
        <v>1</v>
      </c>
      <c r="C98960" s="14" t="s">
        <v>70</v>
      </c>
      <c r="D98960" s="14" t="s">
        <v>490</v>
      </c>
      <c r="E98960" s="15">
        <v>45421</v>
      </c>
      <c r="F98960" s="14" t="s">
        <v>61</v>
      </c>
      <c r="G98960" s="16">
        <v>0.42729758776416588</v>
      </c>
    </row>
    <row r="98961" spans="1:7" x14ac:dyDescent="0.3">
      <c r="A98961" s="13" t="s">
        <v>489</v>
      </c>
      <c r="B98961" s="14" t="s">
        <v>1</v>
      </c>
      <c r="C98961" s="14" t="s">
        <v>70</v>
      </c>
      <c r="D98961" s="14" t="s">
        <v>490</v>
      </c>
      <c r="E98961" s="15">
        <v>45422</v>
      </c>
      <c r="F98961" s="14" t="s">
        <v>61</v>
      </c>
      <c r="G98961" s="16">
        <v>0.43023821342276708</v>
      </c>
    </row>
    <row r="98962" spans="1:7" x14ac:dyDescent="0.3">
      <c r="A98962" s="13" t="s">
        <v>489</v>
      </c>
      <c r="B98962" s="14" t="s">
        <v>1</v>
      </c>
      <c r="C98962" s="14" t="s">
        <v>70</v>
      </c>
      <c r="D98962" s="14" t="s">
        <v>490</v>
      </c>
      <c r="E98962" s="15">
        <v>45423</v>
      </c>
      <c r="F98962" s="14" t="s">
        <v>61</v>
      </c>
      <c r="G98962" s="16">
        <v>0.43023821342276708</v>
      </c>
    </row>
    <row r="98963" spans="1:7" x14ac:dyDescent="0.3">
      <c r="A98963" s="13" t="s">
        <v>489</v>
      </c>
      <c r="B98963" s="14" t="s">
        <v>1</v>
      </c>
      <c r="C98963" s="14" t="s">
        <v>70</v>
      </c>
      <c r="D98963" s="14" t="s">
        <v>490</v>
      </c>
      <c r="E98963" s="15">
        <v>45424</v>
      </c>
      <c r="F98963" s="14" t="s">
        <v>61</v>
      </c>
      <c r="G98963" s="16">
        <v>0.43023821342276708</v>
      </c>
    </row>
    <row r="98964" spans="1:7" x14ac:dyDescent="0.3">
      <c r="A98964" s="13" t="s">
        <v>489</v>
      </c>
      <c r="B98964" s="14" t="s">
        <v>1</v>
      </c>
      <c r="C98964" s="14" t="s">
        <v>70</v>
      </c>
      <c r="D98964" s="14" t="s">
        <v>490</v>
      </c>
      <c r="E98964" s="15">
        <v>45425</v>
      </c>
      <c r="F98964" s="14" t="s">
        <v>61</v>
      </c>
      <c r="G98964" s="16">
        <v>0.54274019510853444</v>
      </c>
    </row>
    <row r="98965" spans="1:7" x14ac:dyDescent="0.3">
      <c r="A98965" s="13" t="s">
        <v>489</v>
      </c>
      <c r="B98965" s="14" t="s">
        <v>1</v>
      </c>
      <c r="C98965" s="14" t="s">
        <v>70</v>
      </c>
      <c r="D98965" s="14" t="s">
        <v>490</v>
      </c>
      <c r="E98965" s="15">
        <v>45426</v>
      </c>
      <c r="F98965" s="14" t="s">
        <v>61</v>
      </c>
      <c r="G98965" s="16">
        <v>0.57728663281728287</v>
      </c>
    </row>
    <row r="98966" spans="1:7" x14ac:dyDescent="0.3">
      <c r="A98966" s="13" t="s">
        <v>489</v>
      </c>
      <c r="B98966" s="14" t="s">
        <v>1</v>
      </c>
      <c r="C98966" s="14" t="s">
        <v>70</v>
      </c>
      <c r="D98966" s="14" t="s">
        <v>490</v>
      </c>
      <c r="E98966" s="15">
        <v>45427</v>
      </c>
      <c r="F98966" s="14" t="s">
        <v>61</v>
      </c>
      <c r="G98966" s="16">
        <v>0.58375357546137463</v>
      </c>
    </row>
    <row r="98967" spans="1:7" x14ac:dyDescent="0.3">
      <c r="A98967" s="13" t="s">
        <v>489</v>
      </c>
      <c r="B98967" s="14" t="s">
        <v>1</v>
      </c>
      <c r="C98967" s="14" t="s">
        <v>70</v>
      </c>
      <c r="D98967" s="14" t="s">
        <v>490</v>
      </c>
      <c r="E98967" s="15">
        <v>45428</v>
      </c>
      <c r="F98967" s="14" t="s">
        <v>61</v>
      </c>
      <c r="G98967" s="16">
        <v>0.59039492295618867</v>
      </c>
    </row>
    <row r="98968" spans="1:7" x14ac:dyDescent="0.3">
      <c r="A98968" s="13" t="s">
        <v>489</v>
      </c>
      <c r="B98968" s="14" t="s">
        <v>1</v>
      </c>
      <c r="C98968" s="14" t="s">
        <v>70</v>
      </c>
      <c r="D98968" s="14" t="s">
        <v>490</v>
      </c>
      <c r="E98968" s="15">
        <v>45429</v>
      </c>
      <c r="F98968" s="14" t="s">
        <v>61</v>
      </c>
      <c r="G98968" s="16">
        <v>0.67927033730995057</v>
      </c>
    </row>
    <row r="98969" spans="1:7" x14ac:dyDescent="0.3">
      <c r="A98969" s="13" t="s">
        <v>489</v>
      </c>
      <c r="B98969" s="14" t="s">
        <v>1</v>
      </c>
      <c r="C98969" s="14" t="s">
        <v>70</v>
      </c>
      <c r="D98969" s="14" t="s">
        <v>490</v>
      </c>
      <c r="E98969" s="15">
        <v>45430</v>
      </c>
      <c r="F98969" s="14" t="s">
        <v>61</v>
      </c>
      <c r="G98969" s="16">
        <v>0.67927033730995057</v>
      </c>
    </row>
    <row r="98970" spans="1:7" x14ac:dyDescent="0.3">
      <c r="A98970" s="13" t="s">
        <v>489</v>
      </c>
      <c r="B98970" s="14" t="s">
        <v>1</v>
      </c>
      <c r="C98970" s="14" t="s">
        <v>70</v>
      </c>
      <c r="D98970" s="14" t="s">
        <v>490</v>
      </c>
      <c r="E98970" s="15">
        <v>45431</v>
      </c>
      <c r="F98970" s="14" t="s">
        <v>61</v>
      </c>
      <c r="G98970" s="16">
        <v>0.67927033730995057</v>
      </c>
    </row>
    <row r="98971" spans="1:7" x14ac:dyDescent="0.3">
      <c r="A98971" s="13" t="s">
        <v>489</v>
      </c>
      <c r="B98971" s="14" t="s">
        <v>1</v>
      </c>
      <c r="C98971" s="14" t="s">
        <v>70</v>
      </c>
      <c r="D98971" s="14" t="s">
        <v>490</v>
      </c>
      <c r="E98971" s="15">
        <v>45432</v>
      </c>
      <c r="F98971" s="14" t="s">
        <v>61</v>
      </c>
      <c r="G98971" s="16">
        <v>0.67927033730995057</v>
      </c>
    </row>
    <row r="98972" spans="1:7" x14ac:dyDescent="0.3">
      <c r="A98972" s="13" t="s">
        <v>489</v>
      </c>
      <c r="B98972" s="14" t="s">
        <v>1</v>
      </c>
      <c r="C98972" s="14" t="s">
        <v>70</v>
      </c>
      <c r="D98972" s="14" t="s">
        <v>490</v>
      </c>
      <c r="E98972" s="15">
        <v>45433</v>
      </c>
      <c r="F98972" s="14" t="s">
        <v>61</v>
      </c>
      <c r="G98972" s="16">
        <v>0.68404412079256327</v>
      </c>
    </row>
    <row r="98973" spans="1:7" x14ac:dyDescent="0.3">
      <c r="A98973" s="13" t="s">
        <v>489</v>
      </c>
      <c r="B98973" s="14" t="s">
        <v>1</v>
      </c>
      <c r="C98973" s="14" t="s">
        <v>70</v>
      </c>
      <c r="D98973" s="14" t="s">
        <v>490</v>
      </c>
      <c r="E98973" s="15">
        <v>45434</v>
      </c>
      <c r="F98973" s="14" t="s">
        <v>61</v>
      </c>
      <c r="G98973" s="16">
        <v>0.72119499602704962</v>
      </c>
    </row>
    <row r="98974" spans="1:7" x14ac:dyDescent="0.3">
      <c r="A98974" s="13" t="s">
        <v>489</v>
      </c>
      <c r="B98974" s="14" t="s">
        <v>1</v>
      </c>
      <c r="C98974" s="14" t="s">
        <v>70</v>
      </c>
      <c r="D98974" s="14" t="s">
        <v>490</v>
      </c>
      <c r="E98974" s="15">
        <v>45435</v>
      </c>
      <c r="F98974" s="14" t="s">
        <v>61</v>
      </c>
      <c r="G98974" s="16">
        <v>0.72652241738026235</v>
      </c>
    </row>
    <row r="98975" spans="1:7" x14ac:dyDescent="0.3">
      <c r="A98975" s="13" t="s">
        <v>489</v>
      </c>
      <c r="B98975" s="14" t="s">
        <v>1</v>
      </c>
      <c r="C98975" s="14" t="s">
        <v>70</v>
      </c>
      <c r="D98975" s="14" t="s">
        <v>490</v>
      </c>
      <c r="E98975" s="15">
        <v>45436</v>
      </c>
      <c r="F98975" s="14" t="s">
        <v>61</v>
      </c>
      <c r="G98975" s="16">
        <v>0.7280779878236413</v>
      </c>
    </row>
    <row r="98976" spans="1:7" x14ac:dyDescent="0.3">
      <c r="A98976" s="13" t="s">
        <v>489</v>
      </c>
      <c r="B98976" s="14" t="s">
        <v>1</v>
      </c>
      <c r="C98976" s="14" t="s">
        <v>70</v>
      </c>
      <c r="D98976" s="14" t="s">
        <v>490</v>
      </c>
      <c r="E98976" s="15">
        <v>45437</v>
      </c>
      <c r="F98976" s="14" t="s">
        <v>61</v>
      </c>
      <c r="G98976" s="16">
        <v>0.7280779878236413</v>
      </c>
    </row>
    <row r="98977" spans="1:7" x14ac:dyDescent="0.3">
      <c r="A98977" s="13" t="s">
        <v>489</v>
      </c>
      <c r="B98977" s="14" t="s">
        <v>1</v>
      </c>
      <c r="C98977" s="14" t="s">
        <v>70</v>
      </c>
      <c r="D98977" s="14" t="s">
        <v>490</v>
      </c>
      <c r="E98977" s="15">
        <v>45438</v>
      </c>
      <c r="F98977" s="14" t="s">
        <v>61</v>
      </c>
      <c r="G98977" s="16">
        <v>0.7280779878236413</v>
      </c>
    </row>
    <row r="98978" spans="1:7" x14ac:dyDescent="0.3">
      <c r="A98978" s="13" t="s">
        <v>489</v>
      </c>
      <c r="B98978" s="14" t="s">
        <v>1</v>
      </c>
      <c r="C98978" s="14" t="s">
        <v>70</v>
      </c>
      <c r="D98978" s="14" t="s">
        <v>490</v>
      </c>
      <c r="E98978" s="15">
        <v>45439</v>
      </c>
      <c r="F98978" s="14" t="s">
        <v>61</v>
      </c>
      <c r="G98978" s="16">
        <v>0.72318296695607498</v>
      </c>
    </row>
    <row r="98979" spans="1:7" x14ac:dyDescent="0.3">
      <c r="A98979" s="13" t="s">
        <v>489</v>
      </c>
      <c r="B98979" s="14" t="s">
        <v>1</v>
      </c>
      <c r="C98979" s="14" t="s">
        <v>70</v>
      </c>
      <c r="D98979" s="14" t="s">
        <v>490</v>
      </c>
      <c r="E98979" s="15">
        <v>45440</v>
      </c>
      <c r="F98979" s="14" t="s">
        <v>61</v>
      </c>
      <c r="G98979" s="16">
        <v>0.73471990368743578</v>
      </c>
    </row>
    <row r="98980" spans="1:7" x14ac:dyDescent="0.3">
      <c r="A98980" s="13" t="s">
        <v>489</v>
      </c>
      <c r="B98980" s="14" t="s">
        <v>1</v>
      </c>
      <c r="C98980" s="14" t="s">
        <v>70</v>
      </c>
      <c r="D98980" s="14" t="s">
        <v>490</v>
      </c>
      <c r="E98980" s="15">
        <v>45441</v>
      </c>
      <c r="F98980" s="14" t="s">
        <v>61</v>
      </c>
      <c r="G98980" s="16">
        <v>0.74412869838323181</v>
      </c>
    </row>
    <row r="98981" spans="1:7" x14ac:dyDescent="0.3">
      <c r="A98981" s="13" t="s">
        <v>489</v>
      </c>
      <c r="B98981" s="14" t="s">
        <v>1</v>
      </c>
      <c r="C98981" s="14" t="s">
        <v>70</v>
      </c>
      <c r="D98981" s="14" t="s">
        <v>490</v>
      </c>
      <c r="E98981" s="15">
        <v>45442</v>
      </c>
      <c r="F98981" s="14" t="s">
        <v>61</v>
      </c>
      <c r="G98981" s="16">
        <v>0.74272366923519018</v>
      </c>
    </row>
    <row r="98982" spans="1:7" x14ac:dyDescent="0.3">
      <c r="A98982" s="13" t="s">
        <v>489</v>
      </c>
      <c r="B98982" s="14" t="s">
        <v>1</v>
      </c>
      <c r="C98982" s="14" t="s">
        <v>70</v>
      </c>
      <c r="D98982" s="14" t="s">
        <v>490</v>
      </c>
      <c r="E98982" s="15">
        <v>45443</v>
      </c>
      <c r="F98982" s="14" t="s">
        <v>61</v>
      </c>
      <c r="G98982" s="16">
        <v>0.74971026213977754</v>
      </c>
    </row>
    <row r="98983" spans="1:7" x14ac:dyDescent="0.3">
      <c r="A98983" s="13" t="s">
        <v>489</v>
      </c>
      <c r="B98983" s="14" t="s">
        <v>1</v>
      </c>
      <c r="C98983" s="14" t="s">
        <v>70</v>
      </c>
      <c r="D98983" s="14" t="s">
        <v>490</v>
      </c>
      <c r="E98983" s="15">
        <v>45444</v>
      </c>
      <c r="F98983" s="14" t="s">
        <v>61</v>
      </c>
      <c r="G98983" s="16">
        <v>0.74971026213977754</v>
      </c>
    </row>
    <row r="98984" spans="1:7" x14ac:dyDescent="0.3">
      <c r="A98984" s="13" t="s">
        <v>489</v>
      </c>
      <c r="B98984" s="14" t="s">
        <v>1</v>
      </c>
      <c r="C98984" s="14" t="s">
        <v>70</v>
      </c>
      <c r="D98984" s="14" t="s">
        <v>490</v>
      </c>
      <c r="E98984" s="15">
        <v>45445</v>
      </c>
      <c r="F98984" s="14" t="s">
        <v>61</v>
      </c>
      <c r="G98984" s="16">
        <v>0.74971026213977754</v>
      </c>
    </row>
    <row r="98985" spans="1:7" x14ac:dyDescent="0.3">
      <c r="A98985" s="13" t="s">
        <v>489</v>
      </c>
      <c r="B98985" s="14" t="s">
        <v>1</v>
      </c>
      <c r="C98985" s="14" t="s">
        <v>70</v>
      </c>
      <c r="D98985" s="14" t="s">
        <v>490</v>
      </c>
      <c r="E98985" s="15">
        <v>45446</v>
      </c>
      <c r="F98985" s="14" t="s">
        <v>61</v>
      </c>
      <c r="G98985" s="16">
        <v>0.74971026213977754</v>
      </c>
    </row>
    <row r="98986" spans="1:7" x14ac:dyDescent="0.3">
      <c r="A98986" s="13" t="s">
        <v>489</v>
      </c>
      <c r="B98986" s="14" t="s">
        <v>1</v>
      </c>
      <c r="C98986" s="14" t="s">
        <v>70</v>
      </c>
      <c r="D98986" s="14" t="s">
        <v>490</v>
      </c>
      <c r="E98986" s="15">
        <v>45447</v>
      </c>
      <c r="F98986" s="14" t="s">
        <v>61</v>
      </c>
      <c r="G98986" s="16">
        <v>0.7626480343062485</v>
      </c>
    </row>
    <row r="98987" spans="1:7" x14ac:dyDescent="0.3">
      <c r="A98987" s="13" t="s">
        <v>489</v>
      </c>
      <c r="B98987" s="14" t="s">
        <v>1</v>
      </c>
      <c r="C98987" s="14" t="s">
        <v>70</v>
      </c>
      <c r="D98987" s="14" t="s">
        <v>490</v>
      </c>
      <c r="E98987" s="15">
        <v>45448</v>
      </c>
      <c r="F98987" s="14" t="s">
        <v>61</v>
      </c>
      <c r="G98987" s="16">
        <v>0.79817748626954799</v>
      </c>
    </row>
    <row r="98988" spans="1:7" x14ac:dyDescent="0.3">
      <c r="A98988" s="13" t="s">
        <v>489</v>
      </c>
      <c r="B98988" s="14" t="s">
        <v>1</v>
      </c>
      <c r="C98988" s="14" t="s">
        <v>70</v>
      </c>
      <c r="D98988" s="14" t="s">
        <v>490</v>
      </c>
      <c r="E98988" s="15">
        <v>45449</v>
      </c>
      <c r="F98988" s="14" t="s">
        <v>61</v>
      </c>
      <c r="G98988" s="16">
        <v>0.80034040683176133</v>
      </c>
    </row>
    <row r="98989" spans="1:7" x14ac:dyDescent="0.3">
      <c r="A98989" s="13" t="s">
        <v>489</v>
      </c>
      <c r="B98989" s="14" t="s">
        <v>1</v>
      </c>
      <c r="C98989" s="14" t="s">
        <v>70</v>
      </c>
      <c r="D98989" s="14" t="s">
        <v>490</v>
      </c>
      <c r="E98989" s="15">
        <v>45450</v>
      </c>
      <c r="F98989" s="14" t="s">
        <v>61</v>
      </c>
      <c r="G98989" s="16">
        <v>0.8105900638650021</v>
      </c>
    </row>
    <row r="98990" spans="1:7" x14ac:dyDescent="0.3">
      <c r="A98990" s="13" t="s">
        <v>489</v>
      </c>
      <c r="B98990" s="14" t="s">
        <v>1</v>
      </c>
      <c r="C98990" s="14" t="s">
        <v>70</v>
      </c>
      <c r="D98990" s="14" t="s">
        <v>490</v>
      </c>
      <c r="E98990" s="15">
        <v>45451</v>
      </c>
      <c r="F98990" s="14" t="s">
        <v>61</v>
      </c>
      <c r="G98990" s="16">
        <v>0.8105900638650021</v>
      </c>
    </row>
    <row r="98991" spans="1:7" x14ac:dyDescent="0.3">
      <c r="A98991" s="13" t="s">
        <v>489</v>
      </c>
      <c r="B98991" s="14" t="s">
        <v>1</v>
      </c>
      <c r="C98991" s="14" t="s">
        <v>70</v>
      </c>
      <c r="D98991" s="14" t="s">
        <v>490</v>
      </c>
      <c r="E98991" s="15">
        <v>45452</v>
      </c>
      <c r="F98991" s="14" t="s">
        <v>61</v>
      </c>
      <c r="G98991" s="16">
        <v>0.8105900638650021</v>
      </c>
    </row>
    <row r="98992" spans="1:7" x14ac:dyDescent="0.3">
      <c r="A98992" s="13" t="s">
        <v>489</v>
      </c>
      <c r="B98992" s="14" t="s">
        <v>1</v>
      </c>
      <c r="C98992" s="14" t="s">
        <v>70</v>
      </c>
      <c r="D98992" s="14" t="s">
        <v>490</v>
      </c>
      <c r="E98992" s="15">
        <v>45453</v>
      </c>
      <c r="F98992" s="14" t="s">
        <v>61</v>
      </c>
      <c r="G98992" s="16">
        <v>0.82609163643702266</v>
      </c>
    </row>
    <row r="98993" spans="1:7" x14ac:dyDescent="0.3">
      <c r="A98993" s="13" t="s">
        <v>489</v>
      </c>
      <c r="B98993" s="14" t="s">
        <v>1</v>
      </c>
      <c r="C98993" s="14" t="s">
        <v>70</v>
      </c>
      <c r="D98993" s="14" t="s">
        <v>490</v>
      </c>
      <c r="E98993" s="15">
        <v>45454</v>
      </c>
      <c r="F98993" s="14" t="s">
        <v>61</v>
      </c>
      <c r="G98993" s="16">
        <v>0.84047390194557514</v>
      </c>
    </row>
    <row r="98994" spans="1:7" x14ac:dyDescent="0.3">
      <c r="A98994" s="13" t="s">
        <v>489</v>
      </c>
      <c r="B98994" s="14" t="s">
        <v>1</v>
      </c>
      <c r="C98994" s="14" t="s">
        <v>70</v>
      </c>
      <c r="D98994" s="14" t="s">
        <v>490</v>
      </c>
      <c r="E98994" s="15">
        <v>45455</v>
      </c>
      <c r="F98994" s="14" t="s">
        <v>61</v>
      </c>
      <c r="G98994" s="16">
        <v>0.84660744990960801</v>
      </c>
    </row>
    <row r="98995" spans="1:7" x14ac:dyDescent="0.3">
      <c r="A98995" s="13" t="s">
        <v>489</v>
      </c>
      <c r="B98995" s="14" t="s">
        <v>1</v>
      </c>
      <c r="C98995" s="14" t="s">
        <v>70</v>
      </c>
      <c r="D98995" s="14" t="s">
        <v>490</v>
      </c>
      <c r="E98995" s="15">
        <v>45456</v>
      </c>
      <c r="F98995" s="14" t="s">
        <v>61</v>
      </c>
      <c r="G98995" s="16">
        <v>0.86006285550283224</v>
      </c>
    </row>
    <row r="98996" spans="1:7" x14ac:dyDescent="0.3">
      <c r="A98996" s="13" t="s">
        <v>489</v>
      </c>
      <c r="B98996" s="14" t="s">
        <v>1</v>
      </c>
      <c r="C98996" s="14" t="s">
        <v>70</v>
      </c>
      <c r="D98996" s="14" t="s">
        <v>490</v>
      </c>
      <c r="E98996" s="15">
        <v>45457</v>
      </c>
      <c r="F98996" s="14" t="s">
        <v>61</v>
      </c>
      <c r="G98996" s="16">
        <v>0.87167032128732347</v>
      </c>
    </row>
    <row r="98997" spans="1:7" x14ac:dyDescent="0.3">
      <c r="A98997" s="13" t="s">
        <v>489</v>
      </c>
      <c r="B98997" s="14" t="s">
        <v>1</v>
      </c>
      <c r="C98997" s="14" t="s">
        <v>70</v>
      </c>
      <c r="D98997" s="14" t="s">
        <v>490</v>
      </c>
      <c r="E98997" s="15">
        <v>45458</v>
      </c>
      <c r="F98997" s="14" t="s">
        <v>61</v>
      </c>
      <c r="G98997" s="16">
        <v>0.87167032128732347</v>
      </c>
    </row>
    <row r="98998" spans="1:7" x14ac:dyDescent="0.3">
      <c r="A98998" s="13" t="s">
        <v>489</v>
      </c>
      <c r="B98998" s="14" t="s">
        <v>1</v>
      </c>
      <c r="C98998" s="14" t="s">
        <v>70</v>
      </c>
      <c r="D98998" s="14" t="s">
        <v>490</v>
      </c>
      <c r="E98998" s="15">
        <v>45459</v>
      </c>
      <c r="F98998" s="14" t="s">
        <v>61</v>
      </c>
      <c r="G98998" s="16">
        <v>0.87167032128732347</v>
      </c>
    </row>
    <row r="98999" spans="1:7" x14ac:dyDescent="0.3">
      <c r="A98999" s="13" t="s">
        <v>489</v>
      </c>
      <c r="B98999" s="14" t="s">
        <v>1</v>
      </c>
      <c r="C98999" s="14" t="s">
        <v>70</v>
      </c>
      <c r="D98999" s="14" t="s">
        <v>490</v>
      </c>
      <c r="E98999" s="15">
        <v>45460</v>
      </c>
      <c r="F98999" s="14" t="s">
        <v>61</v>
      </c>
      <c r="G98999" s="16">
        <v>0.88938167651709377</v>
      </c>
    </row>
    <row r="99000" spans="1:7" x14ac:dyDescent="0.3">
      <c r="A99000" s="13" t="s">
        <v>489</v>
      </c>
      <c r="B99000" s="14" t="s">
        <v>1</v>
      </c>
      <c r="C99000" s="14" t="s">
        <v>70</v>
      </c>
      <c r="D99000" s="14" t="s">
        <v>490</v>
      </c>
      <c r="E99000" s="15">
        <v>45461</v>
      </c>
      <c r="F99000" s="14" t="s">
        <v>61</v>
      </c>
      <c r="G99000" s="16">
        <v>0.89872110373262371</v>
      </c>
    </row>
    <row r="99001" spans="1:7" x14ac:dyDescent="0.3">
      <c r="A99001" s="13" t="s">
        <v>489</v>
      </c>
      <c r="B99001" s="14" t="s">
        <v>1</v>
      </c>
      <c r="C99001" s="14" t="s">
        <v>70</v>
      </c>
      <c r="D99001" s="14" t="s">
        <v>490</v>
      </c>
      <c r="E99001" s="15">
        <v>45462</v>
      </c>
      <c r="F99001" s="14" t="s">
        <v>61</v>
      </c>
      <c r="G99001" s="16">
        <v>0.90295154452014759</v>
      </c>
    </row>
    <row r="99002" spans="1:7" x14ac:dyDescent="0.3">
      <c r="A99002" s="13" t="s">
        <v>489</v>
      </c>
      <c r="B99002" s="14" t="s">
        <v>1</v>
      </c>
      <c r="C99002" s="14" t="s">
        <v>70</v>
      </c>
      <c r="D99002" s="14" t="s">
        <v>490</v>
      </c>
      <c r="E99002" s="15">
        <v>45463</v>
      </c>
      <c r="F99002" s="14" t="s">
        <v>61</v>
      </c>
      <c r="G99002" s="16">
        <v>0.916966277103475</v>
      </c>
    </row>
    <row r="99003" spans="1:7" x14ac:dyDescent="0.3">
      <c r="A99003" s="13" t="s">
        <v>489</v>
      </c>
      <c r="B99003" s="14" t="s">
        <v>1</v>
      </c>
      <c r="C99003" s="14" t="s">
        <v>70</v>
      </c>
      <c r="D99003" s="14" t="s">
        <v>490</v>
      </c>
      <c r="E99003" s="15">
        <v>45464</v>
      </c>
      <c r="F99003" s="14" t="s">
        <v>61</v>
      </c>
      <c r="G99003" s="16">
        <v>0.92136494963045212</v>
      </c>
    </row>
    <row r="99004" spans="1:7" x14ac:dyDescent="0.3">
      <c r="A99004" s="13" t="s">
        <v>489</v>
      </c>
      <c r="B99004" s="14" t="s">
        <v>1</v>
      </c>
      <c r="C99004" s="14" t="s">
        <v>70</v>
      </c>
      <c r="D99004" s="14" t="s">
        <v>490</v>
      </c>
      <c r="E99004" s="15">
        <v>45465</v>
      </c>
      <c r="F99004" s="14" t="s">
        <v>61</v>
      </c>
      <c r="G99004" s="16">
        <v>0.92136494963045212</v>
      </c>
    </row>
    <row r="99005" spans="1:7" x14ac:dyDescent="0.3">
      <c r="A99005" s="13" t="s">
        <v>489</v>
      </c>
      <c r="B99005" s="14" t="s">
        <v>1</v>
      </c>
      <c r="C99005" s="14" t="s">
        <v>70</v>
      </c>
      <c r="D99005" s="14" t="s">
        <v>490</v>
      </c>
      <c r="E99005" s="15">
        <v>45466</v>
      </c>
      <c r="F99005" s="14" t="s">
        <v>61</v>
      </c>
      <c r="G99005" s="16">
        <v>0.92136494963045212</v>
      </c>
    </row>
    <row r="99006" spans="1:7" x14ac:dyDescent="0.3">
      <c r="A99006" s="13" t="s">
        <v>489</v>
      </c>
      <c r="B99006" s="14" t="s">
        <v>1</v>
      </c>
      <c r="C99006" s="14" t="s">
        <v>70</v>
      </c>
      <c r="D99006" s="14" t="s">
        <v>490</v>
      </c>
      <c r="E99006" s="15">
        <v>45467</v>
      </c>
      <c r="F99006" s="14" t="s">
        <v>61</v>
      </c>
      <c r="G99006" s="16">
        <v>0.92188093561217421</v>
      </c>
    </row>
    <row r="99007" spans="1:7" x14ac:dyDescent="0.3">
      <c r="A99007" s="13" t="s">
        <v>489</v>
      </c>
      <c r="B99007" s="14" t="s">
        <v>1</v>
      </c>
      <c r="C99007" s="14" t="s">
        <v>70</v>
      </c>
      <c r="D99007" s="14" t="s">
        <v>490</v>
      </c>
      <c r="E99007" s="15">
        <v>45468</v>
      </c>
      <c r="F99007" s="14" t="s">
        <v>61</v>
      </c>
      <c r="G99007" s="16">
        <v>0.94041048683103035</v>
      </c>
    </row>
    <row r="99008" spans="1:7" x14ac:dyDescent="0.3">
      <c r="A99008" s="13" t="s">
        <v>489</v>
      </c>
      <c r="B99008" s="14" t="s">
        <v>1</v>
      </c>
      <c r="C99008" s="14" t="s">
        <v>70</v>
      </c>
      <c r="D99008" s="14" t="s">
        <v>490</v>
      </c>
      <c r="E99008" s="15">
        <v>45469</v>
      </c>
      <c r="F99008" s="14" t="s">
        <v>61</v>
      </c>
      <c r="G99008" s="16">
        <v>0.94712433490975223</v>
      </c>
    </row>
    <row r="99009" spans="1:7" x14ac:dyDescent="0.3">
      <c r="A99009" s="13" t="s">
        <v>489</v>
      </c>
      <c r="B99009" s="14" t="s">
        <v>1</v>
      </c>
      <c r="C99009" s="14" t="s">
        <v>70</v>
      </c>
      <c r="D99009" s="14" t="s">
        <v>490</v>
      </c>
      <c r="E99009" s="15">
        <v>45470</v>
      </c>
      <c r="F99009" s="14" t="s">
        <v>61</v>
      </c>
      <c r="G99009" s="16">
        <v>0.94873176292799988</v>
      </c>
    </row>
    <row r="99010" spans="1:7" x14ac:dyDescent="0.3">
      <c r="A99010" s="13" t="s">
        <v>489</v>
      </c>
      <c r="B99010" s="14" t="s">
        <v>1</v>
      </c>
      <c r="C99010" s="14" t="s">
        <v>70</v>
      </c>
      <c r="D99010" s="14" t="s">
        <v>490</v>
      </c>
      <c r="E99010" s="15">
        <v>45471</v>
      </c>
      <c r="F99010" s="14" t="s">
        <v>61</v>
      </c>
      <c r="G99010" s="16">
        <v>0.97523981281705796</v>
      </c>
    </row>
    <row r="99011" spans="1:7" x14ac:dyDescent="0.3">
      <c r="A99011" s="13" t="s">
        <v>489</v>
      </c>
      <c r="B99011" s="14" t="s">
        <v>1</v>
      </c>
      <c r="C99011" s="14" t="s">
        <v>70</v>
      </c>
      <c r="D99011" s="14" t="s">
        <v>490</v>
      </c>
      <c r="E99011" s="15">
        <v>45472</v>
      </c>
      <c r="F99011" s="14" t="s">
        <v>61</v>
      </c>
      <c r="G99011" s="16">
        <v>0.97523981281705796</v>
      </c>
    </row>
    <row r="99012" spans="1:7" x14ac:dyDescent="0.3">
      <c r="A99012" s="13" t="s">
        <v>489</v>
      </c>
      <c r="B99012" s="14" t="s">
        <v>1</v>
      </c>
      <c r="C99012" s="14" t="s">
        <v>70</v>
      </c>
      <c r="D99012" s="14" t="s">
        <v>490</v>
      </c>
      <c r="E99012" s="15">
        <v>45473</v>
      </c>
      <c r="F99012" s="14" t="s">
        <v>61</v>
      </c>
      <c r="G99012" s="16">
        <v>0.97523981281705796</v>
      </c>
    </row>
    <row r="99013" spans="1:7" x14ac:dyDescent="0.3">
      <c r="A99013" s="13" t="s">
        <v>489</v>
      </c>
      <c r="B99013" s="14" t="s">
        <v>1</v>
      </c>
      <c r="C99013" s="14" t="s">
        <v>70</v>
      </c>
      <c r="D99013" s="14" t="s">
        <v>490</v>
      </c>
      <c r="E99013" s="15">
        <v>45474</v>
      </c>
      <c r="F99013" s="14" t="s">
        <v>61</v>
      </c>
      <c r="G99013" s="16">
        <v>0.98166725890220052</v>
      </c>
    </row>
    <row r="99014" spans="1:7" x14ac:dyDescent="0.3">
      <c r="A99014" s="13" t="s">
        <v>489</v>
      </c>
      <c r="B99014" s="14" t="s">
        <v>1</v>
      </c>
      <c r="C99014" s="14" t="s">
        <v>70</v>
      </c>
      <c r="D99014" s="14" t="s">
        <v>490</v>
      </c>
      <c r="E99014" s="15">
        <v>45475</v>
      </c>
      <c r="F99014" s="14" t="s">
        <v>61</v>
      </c>
      <c r="G99014" s="16">
        <v>0.99456785311497098</v>
      </c>
    </row>
    <row r="99015" spans="1:7" x14ac:dyDescent="0.3">
      <c r="A99015" s="13" t="s">
        <v>489</v>
      </c>
      <c r="B99015" s="14" t="s">
        <v>1</v>
      </c>
      <c r="C99015" s="14" t="s">
        <v>70</v>
      </c>
      <c r="D99015" s="14" t="s">
        <v>490</v>
      </c>
      <c r="E99015" s="15">
        <v>45476</v>
      </c>
      <c r="F99015" s="14" t="s">
        <v>61</v>
      </c>
      <c r="G99015" s="16">
        <v>1.0264554625738647</v>
      </c>
    </row>
    <row r="99016" spans="1:7" x14ac:dyDescent="0.3">
      <c r="A99016" s="13" t="s">
        <v>489</v>
      </c>
      <c r="B99016" s="14" t="s">
        <v>1</v>
      </c>
      <c r="C99016" s="14" t="s">
        <v>70</v>
      </c>
      <c r="D99016" s="14" t="s">
        <v>490</v>
      </c>
      <c r="E99016" s="15">
        <v>45477</v>
      </c>
      <c r="F99016" s="14" t="s">
        <v>61</v>
      </c>
      <c r="G99016" s="16">
        <v>1.0278192780704394</v>
      </c>
    </row>
    <row r="99017" spans="1:7" x14ac:dyDescent="0.3">
      <c r="A99017" s="13" t="s">
        <v>489</v>
      </c>
      <c r="B99017" s="14" t="s">
        <v>1</v>
      </c>
      <c r="C99017" s="14" t="s">
        <v>70</v>
      </c>
      <c r="D99017" s="14" t="s">
        <v>490</v>
      </c>
      <c r="E99017" s="15">
        <v>45478</v>
      </c>
      <c r="F99017" s="14" t="s">
        <v>61</v>
      </c>
      <c r="G99017" s="16">
        <v>1.0289114360774476</v>
      </c>
    </row>
    <row r="99018" spans="1:7" x14ac:dyDescent="0.3">
      <c r="A99018" s="13" t="s">
        <v>489</v>
      </c>
      <c r="B99018" s="14" t="s">
        <v>1</v>
      </c>
      <c r="C99018" s="14" t="s">
        <v>70</v>
      </c>
      <c r="D99018" s="14" t="s">
        <v>490</v>
      </c>
      <c r="E99018" s="15">
        <v>45479</v>
      </c>
      <c r="F99018" s="14" t="s">
        <v>61</v>
      </c>
      <c r="G99018" s="16">
        <v>1.0289114360774476</v>
      </c>
    </row>
    <row r="99019" spans="1:7" x14ac:dyDescent="0.3">
      <c r="A99019" s="13" t="s">
        <v>489</v>
      </c>
      <c r="B99019" s="14" t="s">
        <v>1</v>
      </c>
      <c r="C99019" s="14" t="s">
        <v>70</v>
      </c>
      <c r="D99019" s="14" t="s">
        <v>490</v>
      </c>
      <c r="E99019" s="15">
        <v>45480</v>
      </c>
      <c r="F99019" s="14" t="s">
        <v>61</v>
      </c>
      <c r="G99019" s="16">
        <v>1.0289114360774476</v>
      </c>
    </row>
    <row r="99020" spans="1:7" x14ac:dyDescent="0.3">
      <c r="A99020" s="13" t="s">
        <v>489</v>
      </c>
      <c r="B99020" s="14" t="s">
        <v>1</v>
      </c>
      <c r="C99020" s="14" t="s">
        <v>70</v>
      </c>
      <c r="D99020" s="14" t="s">
        <v>490</v>
      </c>
      <c r="E99020" s="15">
        <v>45481</v>
      </c>
      <c r="F99020" s="14" t="s">
        <v>61</v>
      </c>
      <c r="G99020" s="16">
        <v>1.052354336339101</v>
      </c>
    </row>
    <row r="99021" spans="1:7" x14ac:dyDescent="0.3">
      <c r="A99021" s="13" t="s">
        <v>489</v>
      </c>
      <c r="B99021" s="14" t="s">
        <v>1</v>
      </c>
      <c r="C99021" s="14" t="s">
        <v>70</v>
      </c>
      <c r="D99021" s="14" t="s">
        <v>490</v>
      </c>
      <c r="E99021" s="15">
        <v>45482</v>
      </c>
      <c r="F99021" s="14" t="s">
        <v>61</v>
      </c>
      <c r="G99021" s="16">
        <v>1.0642349472863064</v>
      </c>
    </row>
    <row r="99022" spans="1:7" x14ac:dyDescent="0.3">
      <c r="A99022" s="13" t="s">
        <v>489</v>
      </c>
      <c r="B99022" s="14" t="s">
        <v>1</v>
      </c>
      <c r="C99022" s="14" t="s">
        <v>70</v>
      </c>
      <c r="D99022" s="14" t="s">
        <v>490</v>
      </c>
      <c r="E99022" s="15">
        <v>45483</v>
      </c>
      <c r="F99022" s="14" t="s">
        <v>61</v>
      </c>
      <c r="G99022" s="16">
        <v>1.0693347002081068</v>
      </c>
    </row>
    <row r="99023" spans="1:7" x14ac:dyDescent="0.3">
      <c r="A99023" s="13" t="s">
        <v>489</v>
      </c>
      <c r="B99023" s="14" t="s">
        <v>1</v>
      </c>
      <c r="C99023" s="14" t="s">
        <v>70</v>
      </c>
      <c r="D99023" s="14" t="s">
        <v>490</v>
      </c>
      <c r="E99023" s="15">
        <v>45484</v>
      </c>
      <c r="F99023" s="14" t="s">
        <v>61</v>
      </c>
      <c r="G99023" s="16">
        <v>1.0818728047183224</v>
      </c>
    </row>
    <row r="99024" spans="1:7" x14ac:dyDescent="0.3">
      <c r="A99024" s="13" t="s">
        <v>489</v>
      </c>
      <c r="B99024" s="14" t="s">
        <v>1</v>
      </c>
      <c r="C99024" s="14" t="s">
        <v>70</v>
      </c>
      <c r="D99024" s="14" t="s">
        <v>490</v>
      </c>
      <c r="E99024" s="15">
        <v>45485</v>
      </c>
      <c r="F99024" s="14" t="s">
        <v>61</v>
      </c>
      <c r="G99024" s="16">
        <v>1.0840979059566833</v>
      </c>
    </row>
    <row r="99025" spans="1:7" x14ac:dyDescent="0.3">
      <c r="A99025" s="13" t="s">
        <v>489</v>
      </c>
      <c r="B99025" s="14" t="s">
        <v>1</v>
      </c>
      <c r="C99025" s="14" t="s">
        <v>70</v>
      </c>
      <c r="D99025" s="14" t="s">
        <v>490</v>
      </c>
      <c r="E99025" s="15">
        <v>45486</v>
      </c>
      <c r="F99025" s="14" t="s">
        <v>61</v>
      </c>
      <c r="G99025" s="16">
        <v>1.0840979059566833</v>
      </c>
    </row>
    <row r="99026" spans="1:7" x14ac:dyDescent="0.3">
      <c r="A99026" s="13" t="s">
        <v>489</v>
      </c>
      <c r="B99026" s="14" t="s">
        <v>1</v>
      </c>
      <c r="C99026" s="14" t="s">
        <v>70</v>
      </c>
      <c r="D99026" s="14" t="s">
        <v>490</v>
      </c>
      <c r="E99026" s="15">
        <v>45487</v>
      </c>
      <c r="F99026" s="14" t="s">
        <v>61</v>
      </c>
      <c r="G99026" s="16">
        <v>1.0840979059566833</v>
      </c>
    </row>
    <row r="99027" spans="1:7" x14ac:dyDescent="0.3">
      <c r="A99027" s="13" t="s">
        <v>489</v>
      </c>
      <c r="B99027" s="14" t="s">
        <v>1</v>
      </c>
      <c r="C99027" s="14" t="s">
        <v>70</v>
      </c>
      <c r="D99027" s="14" t="s">
        <v>490</v>
      </c>
      <c r="E99027" s="15">
        <v>45488</v>
      </c>
      <c r="F99027" s="14" t="s">
        <v>61</v>
      </c>
      <c r="G99027" s="16">
        <v>1.0880539612363984</v>
      </c>
    </row>
    <row r="99028" spans="1:7" x14ac:dyDescent="0.3">
      <c r="A99028" s="13" t="s">
        <v>489</v>
      </c>
      <c r="B99028" s="14" t="s">
        <v>1</v>
      </c>
      <c r="C99028" s="14" t="s">
        <v>70</v>
      </c>
      <c r="D99028" s="14" t="s">
        <v>490</v>
      </c>
      <c r="E99028" s="15">
        <v>45489</v>
      </c>
      <c r="F99028" s="14" t="s">
        <v>61</v>
      </c>
      <c r="G99028" s="16">
        <v>1.0978747132753788</v>
      </c>
    </row>
    <row r="99029" spans="1:7" x14ac:dyDescent="0.3">
      <c r="A99029" s="13" t="s">
        <v>489</v>
      </c>
      <c r="B99029" s="14" t="s">
        <v>1</v>
      </c>
      <c r="C99029" s="14" t="s">
        <v>70</v>
      </c>
      <c r="D99029" s="14" t="s">
        <v>490</v>
      </c>
      <c r="E99029" s="15">
        <v>45490</v>
      </c>
      <c r="F99029" s="14" t="s">
        <v>61</v>
      </c>
      <c r="G99029" s="16">
        <v>1.0973186676385847</v>
      </c>
    </row>
    <row r="99030" spans="1:7" x14ac:dyDescent="0.3">
      <c r="A99030" s="13" t="s">
        <v>489</v>
      </c>
      <c r="B99030" s="14" t="s">
        <v>1</v>
      </c>
      <c r="C99030" s="14" t="s">
        <v>70</v>
      </c>
      <c r="D99030" s="14" t="s">
        <v>490</v>
      </c>
      <c r="E99030" s="15">
        <v>45491</v>
      </c>
      <c r="F99030" s="14" t="s">
        <v>61</v>
      </c>
      <c r="G99030" s="16">
        <v>1.1186515297266586</v>
      </c>
    </row>
    <row r="99031" spans="1:7" x14ac:dyDescent="0.3">
      <c r="A99031" s="13" t="s">
        <v>489</v>
      </c>
      <c r="B99031" s="14" t="s">
        <v>1</v>
      </c>
      <c r="C99031" s="14" t="s">
        <v>70</v>
      </c>
      <c r="D99031" s="14" t="s">
        <v>490</v>
      </c>
      <c r="E99031" s="15">
        <v>45492</v>
      </c>
      <c r="F99031" s="14" t="s">
        <v>61</v>
      </c>
      <c r="G99031" s="16">
        <v>1.1237134105800062</v>
      </c>
    </row>
    <row r="99032" spans="1:7" x14ac:dyDescent="0.3">
      <c r="A99032" s="13" t="s">
        <v>489</v>
      </c>
      <c r="B99032" s="14" t="s">
        <v>1</v>
      </c>
      <c r="C99032" s="14" t="s">
        <v>70</v>
      </c>
      <c r="D99032" s="14" t="s">
        <v>490</v>
      </c>
      <c r="E99032" s="15">
        <v>45493</v>
      </c>
      <c r="F99032" s="14" t="s">
        <v>61</v>
      </c>
      <c r="G99032" s="16">
        <v>1.1237134105800062</v>
      </c>
    </row>
    <row r="99033" spans="1:7" x14ac:dyDescent="0.3">
      <c r="A99033" s="13" t="s">
        <v>489</v>
      </c>
      <c r="B99033" s="14" t="s">
        <v>1</v>
      </c>
      <c r="C99033" s="14" t="s">
        <v>70</v>
      </c>
      <c r="D99033" s="14" t="s">
        <v>490</v>
      </c>
      <c r="E99033" s="15">
        <v>45494</v>
      </c>
      <c r="F99033" s="14" t="s">
        <v>61</v>
      </c>
      <c r="G99033" s="16">
        <v>1.1237134105800062</v>
      </c>
    </row>
    <row r="99034" spans="1:7" x14ac:dyDescent="0.3">
      <c r="A99034" s="13" t="s">
        <v>489</v>
      </c>
      <c r="B99034" s="14" t="s">
        <v>1</v>
      </c>
      <c r="C99034" s="14" t="s">
        <v>70</v>
      </c>
      <c r="D99034" s="14" t="s">
        <v>490</v>
      </c>
      <c r="E99034" s="15">
        <v>45495</v>
      </c>
      <c r="F99034" s="14" t="s">
        <v>61</v>
      </c>
      <c r="G99034" s="16">
        <v>1.1295640487298457</v>
      </c>
    </row>
    <row r="99035" spans="1:7" x14ac:dyDescent="0.3">
      <c r="A99035" s="13" t="s">
        <v>489</v>
      </c>
      <c r="B99035" s="14" t="s">
        <v>1</v>
      </c>
      <c r="C99035" s="14" t="s">
        <v>70</v>
      </c>
      <c r="D99035" s="14" t="s">
        <v>490</v>
      </c>
      <c r="E99035" s="15">
        <v>45496</v>
      </c>
      <c r="F99035" s="14" t="s">
        <v>61</v>
      </c>
      <c r="G99035" s="16">
        <v>1.1644470417525596</v>
      </c>
    </row>
    <row r="99036" spans="1:7" x14ac:dyDescent="0.3">
      <c r="A99036" s="13" t="s">
        <v>489</v>
      </c>
      <c r="B99036" s="14" t="s">
        <v>1</v>
      </c>
      <c r="C99036" s="14" t="s">
        <v>70</v>
      </c>
      <c r="D99036" s="14" t="s">
        <v>490</v>
      </c>
      <c r="E99036" s="15">
        <v>45497</v>
      </c>
      <c r="F99036" s="14" t="s">
        <v>61</v>
      </c>
      <c r="G99036" s="16">
        <v>1.1706075227175343</v>
      </c>
    </row>
    <row r="99037" spans="1:7" x14ac:dyDescent="0.3">
      <c r="A99037" s="13" t="s">
        <v>489</v>
      </c>
      <c r="B99037" s="14" t="s">
        <v>1</v>
      </c>
      <c r="C99037" s="14" t="s">
        <v>70</v>
      </c>
      <c r="D99037" s="14" t="s">
        <v>490</v>
      </c>
      <c r="E99037" s="15">
        <v>45498</v>
      </c>
      <c r="F99037" s="14" t="s">
        <v>61</v>
      </c>
      <c r="G99037" s="16">
        <v>1.173590114174722</v>
      </c>
    </row>
    <row r="99038" spans="1:7" x14ac:dyDescent="0.3">
      <c r="A99038" s="13" t="s">
        <v>489</v>
      </c>
      <c r="B99038" s="14" t="s">
        <v>1</v>
      </c>
      <c r="C99038" s="14" t="s">
        <v>70</v>
      </c>
      <c r="D99038" s="14" t="s">
        <v>490</v>
      </c>
      <c r="E99038" s="15">
        <v>45499</v>
      </c>
      <c r="F99038" s="14" t="s">
        <v>61</v>
      </c>
      <c r="G99038" s="16">
        <v>1.1759238602753743</v>
      </c>
    </row>
    <row r="99039" spans="1:7" x14ac:dyDescent="0.3">
      <c r="A99039" s="13" t="s">
        <v>489</v>
      </c>
      <c r="B99039" s="14" t="s">
        <v>1</v>
      </c>
      <c r="C99039" s="14" t="s">
        <v>70</v>
      </c>
      <c r="D99039" s="14" t="s">
        <v>490</v>
      </c>
      <c r="E99039" s="15">
        <v>45500</v>
      </c>
      <c r="F99039" s="14" t="s">
        <v>61</v>
      </c>
      <c r="G99039" s="16">
        <v>1.1759238602753743</v>
      </c>
    </row>
    <row r="99040" spans="1:7" x14ac:dyDescent="0.3">
      <c r="A99040" s="13" t="s">
        <v>489</v>
      </c>
      <c r="B99040" s="14" t="s">
        <v>1</v>
      </c>
      <c r="C99040" s="14" t="s">
        <v>70</v>
      </c>
      <c r="D99040" s="14" t="s">
        <v>490</v>
      </c>
      <c r="E99040" s="15">
        <v>45501</v>
      </c>
      <c r="F99040" s="14" t="s">
        <v>61</v>
      </c>
      <c r="G99040" s="16">
        <v>1.1759238602753743</v>
      </c>
    </row>
    <row r="99041" spans="1:7" x14ac:dyDescent="0.3">
      <c r="A99041" s="13" t="s">
        <v>489</v>
      </c>
      <c r="B99041" s="14" t="s">
        <v>1</v>
      </c>
      <c r="C99041" s="14" t="s">
        <v>70</v>
      </c>
      <c r="D99041" s="14" t="s">
        <v>490</v>
      </c>
      <c r="E99041" s="15">
        <v>45502</v>
      </c>
      <c r="F99041" s="14" t="s">
        <v>61</v>
      </c>
      <c r="G99041" s="16">
        <v>1.1848051977693934</v>
      </c>
    </row>
    <row r="99042" spans="1:7" x14ac:dyDescent="0.3">
      <c r="A99042" s="13" t="s">
        <v>489</v>
      </c>
      <c r="B99042" s="14" t="s">
        <v>1</v>
      </c>
      <c r="C99042" s="14" t="s">
        <v>70</v>
      </c>
      <c r="D99042" s="14" t="s">
        <v>490</v>
      </c>
      <c r="E99042" s="15">
        <v>45503</v>
      </c>
      <c r="F99042" s="14" t="s">
        <v>61</v>
      </c>
      <c r="G99042" s="16">
        <v>1.1963060069531484</v>
      </c>
    </row>
    <row r="99043" spans="1:7" x14ac:dyDescent="0.3">
      <c r="A99043" s="13" t="s">
        <v>489</v>
      </c>
      <c r="B99043" s="14" t="s">
        <v>1</v>
      </c>
      <c r="C99043" s="14" t="s">
        <v>70</v>
      </c>
      <c r="D99043" s="14" t="s">
        <v>490</v>
      </c>
      <c r="E99043" s="15">
        <v>45504</v>
      </c>
      <c r="F99043" s="14" t="s">
        <v>61</v>
      </c>
      <c r="G99043" s="16">
        <v>1.1993588121277865</v>
      </c>
    </row>
    <row r="99044" spans="1:7" x14ac:dyDescent="0.3">
      <c r="A99044" s="13" t="s">
        <v>489</v>
      </c>
      <c r="B99044" s="14" t="s">
        <v>1</v>
      </c>
      <c r="C99044" s="14" t="s">
        <v>70</v>
      </c>
      <c r="D99044" s="14" t="s">
        <v>490</v>
      </c>
      <c r="E99044" s="15">
        <v>45505</v>
      </c>
      <c r="F99044" s="14" t="s">
        <v>61</v>
      </c>
      <c r="G99044" s="16">
        <v>1.1993588121277865</v>
      </c>
    </row>
    <row r="99045" spans="1:7" x14ac:dyDescent="0.3">
      <c r="A99045" s="13" t="s">
        <v>489</v>
      </c>
      <c r="B99045" s="14" t="s">
        <v>1</v>
      </c>
      <c r="C99045" s="14" t="s">
        <v>70</v>
      </c>
      <c r="D99045" s="14" t="s">
        <v>490</v>
      </c>
      <c r="E99045" s="15">
        <v>45506</v>
      </c>
      <c r="F99045" s="14" t="s">
        <v>61</v>
      </c>
      <c r="G99045" s="16">
        <v>1.2041130897423182</v>
      </c>
    </row>
    <row r="99046" spans="1:7" x14ac:dyDescent="0.3">
      <c r="A99046" s="13" t="s">
        <v>489</v>
      </c>
      <c r="B99046" s="14" t="s">
        <v>1</v>
      </c>
      <c r="C99046" s="14" t="s">
        <v>70</v>
      </c>
      <c r="D99046" s="14" t="s">
        <v>490</v>
      </c>
      <c r="E99046" s="15">
        <v>45507</v>
      </c>
      <c r="F99046" s="14" t="s">
        <v>61</v>
      </c>
      <c r="G99046" s="16">
        <v>1.2041130897423182</v>
      </c>
    </row>
    <row r="99047" spans="1:7" x14ac:dyDescent="0.3">
      <c r="A99047" s="13" t="s">
        <v>489</v>
      </c>
      <c r="B99047" s="14" t="s">
        <v>1</v>
      </c>
      <c r="C99047" s="14" t="s">
        <v>70</v>
      </c>
      <c r="D99047" s="14" t="s">
        <v>490</v>
      </c>
      <c r="E99047" s="15">
        <v>45508</v>
      </c>
      <c r="F99047" s="14" t="s">
        <v>61</v>
      </c>
      <c r="G99047" s="16">
        <v>1.2041130897423182</v>
      </c>
    </row>
    <row r="99048" spans="1:7" x14ac:dyDescent="0.3">
      <c r="A99048" s="13" t="s">
        <v>489</v>
      </c>
      <c r="B99048" s="14" t="s">
        <v>1</v>
      </c>
      <c r="C99048" s="14" t="s">
        <v>70</v>
      </c>
      <c r="D99048" s="14" t="s">
        <v>490</v>
      </c>
      <c r="E99048" s="15">
        <v>45509</v>
      </c>
      <c r="F99048" s="14" t="s">
        <v>61</v>
      </c>
      <c r="G99048" s="16">
        <v>1.2041130897423182</v>
      </c>
    </row>
    <row r="99049" spans="1:7" x14ac:dyDescent="0.3">
      <c r="A99049" s="13" t="s">
        <v>489</v>
      </c>
      <c r="B99049" s="14" t="s">
        <v>1</v>
      </c>
      <c r="C99049" s="14" t="s">
        <v>70</v>
      </c>
      <c r="D99049" s="14" t="s">
        <v>490</v>
      </c>
      <c r="E99049" s="15">
        <v>45510</v>
      </c>
      <c r="F99049" s="14" t="s">
        <v>61</v>
      </c>
      <c r="G99049" s="16">
        <v>1.2063907873654909</v>
      </c>
    </row>
    <row r="99050" spans="1:7" x14ac:dyDescent="0.3">
      <c r="A99050" s="13" t="s">
        <v>489</v>
      </c>
      <c r="B99050" s="14" t="s">
        <v>1</v>
      </c>
      <c r="C99050" s="14" t="s">
        <v>70</v>
      </c>
      <c r="D99050" s="14" t="s">
        <v>490</v>
      </c>
      <c r="E99050" s="15">
        <v>45511</v>
      </c>
      <c r="F99050" s="14" t="s">
        <v>61</v>
      </c>
      <c r="G99050" s="16">
        <v>1.2516048979451597</v>
      </c>
    </row>
    <row r="99051" spans="1:7" x14ac:dyDescent="0.3">
      <c r="A99051" s="13" t="s">
        <v>489</v>
      </c>
      <c r="B99051" s="14" t="s">
        <v>1</v>
      </c>
      <c r="C99051" s="14" t="s">
        <v>70</v>
      </c>
      <c r="D99051" s="14" t="s">
        <v>490</v>
      </c>
      <c r="E99051" s="15">
        <v>45512</v>
      </c>
      <c r="F99051" s="14" t="s">
        <v>61</v>
      </c>
      <c r="G99051" s="16">
        <v>1.25577224271049</v>
      </c>
    </row>
    <row r="99052" spans="1:7" x14ac:dyDescent="0.3">
      <c r="A99052" s="13" t="s">
        <v>489</v>
      </c>
      <c r="B99052" s="14" t="s">
        <v>1</v>
      </c>
      <c r="C99052" s="14" t="s">
        <v>70</v>
      </c>
      <c r="D99052" s="14" t="s">
        <v>490</v>
      </c>
      <c r="E99052" s="15">
        <v>45513</v>
      </c>
      <c r="F99052" s="14" t="s">
        <v>61</v>
      </c>
      <c r="G99052" s="16">
        <v>1.2734329563896967</v>
      </c>
    </row>
    <row r="99053" spans="1:7" x14ac:dyDescent="0.3">
      <c r="A99053" s="13" t="s">
        <v>489</v>
      </c>
      <c r="B99053" s="14" t="s">
        <v>1</v>
      </c>
      <c r="C99053" s="14" t="s">
        <v>70</v>
      </c>
      <c r="D99053" s="14" t="s">
        <v>490</v>
      </c>
      <c r="E99053" s="15">
        <v>45514</v>
      </c>
      <c r="F99053" s="14" t="s">
        <v>61</v>
      </c>
      <c r="G99053" s="16">
        <v>1.2734329563896967</v>
      </c>
    </row>
    <row r="99054" spans="1:7" x14ac:dyDescent="0.3">
      <c r="A99054" s="13" t="s">
        <v>489</v>
      </c>
      <c r="B99054" s="14" t="s">
        <v>1</v>
      </c>
      <c r="C99054" s="14" t="s">
        <v>70</v>
      </c>
      <c r="D99054" s="14" t="s">
        <v>490</v>
      </c>
      <c r="E99054" s="15">
        <v>45515</v>
      </c>
      <c r="F99054" s="14" t="s">
        <v>61</v>
      </c>
      <c r="G99054" s="16">
        <v>1.2734329563896967</v>
      </c>
    </row>
    <row r="99055" spans="1:7" x14ac:dyDescent="0.3">
      <c r="A99055" s="13" t="s">
        <v>489</v>
      </c>
      <c r="B99055" s="14" t="s">
        <v>1</v>
      </c>
      <c r="C99055" s="14" t="s">
        <v>70</v>
      </c>
      <c r="D99055" s="14" t="s">
        <v>490</v>
      </c>
      <c r="E99055" s="15">
        <v>45516</v>
      </c>
      <c r="F99055" s="14" t="s">
        <v>61</v>
      </c>
      <c r="G99055" s="16">
        <v>1.2888019358670766</v>
      </c>
    </row>
    <row r="99056" spans="1:7" x14ac:dyDescent="0.3">
      <c r="A99056" s="13" t="s">
        <v>489</v>
      </c>
      <c r="B99056" s="14" t="s">
        <v>1</v>
      </c>
      <c r="C99056" s="14" t="s">
        <v>70</v>
      </c>
      <c r="D99056" s="14" t="s">
        <v>490</v>
      </c>
      <c r="E99056" s="15">
        <v>45517</v>
      </c>
      <c r="F99056" s="14" t="s">
        <v>61</v>
      </c>
      <c r="G99056" s="16">
        <v>1.2959556768318068</v>
      </c>
    </row>
    <row r="99057" spans="1:7" x14ac:dyDescent="0.3">
      <c r="A99057" s="13" t="s">
        <v>489</v>
      </c>
      <c r="B99057" s="14" t="s">
        <v>1</v>
      </c>
      <c r="C99057" s="14" t="s">
        <v>70</v>
      </c>
      <c r="D99057" s="14" t="s">
        <v>490</v>
      </c>
      <c r="E99057" s="15">
        <v>45518</v>
      </c>
      <c r="F99057" s="14" t="s">
        <v>61</v>
      </c>
      <c r="G99057" s="16">
        <v>1.2966716961215559</v>
      </c>
    </row>
    <row r="99058" spans="1:7" x14ac:dyDescent="0.3">
      <c r="A99058" s="13" t="s">
        <v>489</v>
      </c>
      <c r="B99058" s="14" t="s">
        <v>1</v>
      </c>
      <c r="C99058" s="14" t="s">
        <v>70</v>
      </c>
      <c r="D99058" s="14" t="s">
        <v>490</v>
      </c>
      <c r="E99058" s="15">
        <v>45519</v>
      </c>
      <c r="F99058" s="14" t="s">
        <v>61</v>
      </c>
      <c r="G99058" s="16">
        <v>1.3050550011657267</v>
      </c>
    </row>
    <row r="99059" spans="1:7" x14ac:dyDescent="0.3">
      <c r="A99059" s="13" t="s">
        <v>489</v>
      </c>
      <c r="B99059" s="14" t="s">
        <v>1</v>
      </c>
      <c r="C99059" s="14" t="s">
        <v>70</v>
      </c>
      <c r="D99059" s="14" t="s">
        <v>490</v>
      </c>
      <c r="E99059" s="15">
        <v>45520</v>
      </c>
      <c r="F99059" s="14" t="s">
        <v>61</v>
      </c>
      <c r="G99059" s="16">
        <v>1.3541339394349905</v>
      </c>
    </row>
    <row r="99060" spans="1:7" x14ac:dyDescent="0.3">
      <c r="A99060" s="13" t="s">
        <v>489</v>
      </c>
      <c r="B99060" s="14" t="s">
        <v>1</v>
      </c>
      <c r="C99060" s="14" t="s">
        <v>70</v>
      </c>
      <c r="D99060" s="14" t="s">
        <v>490</v>
      </c>
      <c r="E99060" s="15">
        <v>45521</v>
      </c>
      <c r="F99060" s="14" t="s">
        <v>61</v>
      </c>
      <c r="G99060" s="16">
        <v>1.3541339394349905</v>
      </c>
    </row>
    <row r="99061" spans="1:7" x14ac:dyDescent="0.3">
      <c r="A99061" s="13" t="s">
        <v>489</v>
      </c>
      <c r="B99061" s="14" t="s">
        <v>1</v>
      </c>
      <c r="C99061" s="14" t="s">
        <v>70</v>
      </c>
      <c r="D99061" s="14" t="s">
        <v>490</v>
      </c>
      <c r="E99061" s="15">
        <v>45522</v>
      </c>
      <c r="F99061" s="14" t="s">
        <v>61</v>
      </c>
      <c r="G99061" s="16">
        <v>1.3541339394349905</v>
      </c>
    </row>
    <row r="99062" spans="1:7" x14ac:dyDescent="0.3">
      <c r="A99062" s="13" t="s">
        <v>489</v>
      </c>
      <c r="B99062" s="14" t="s">
        <v>1</v>
      </c>
      <c r="C99062" s="14" t="s">
        <v>70</v>
      </c>
      <c r="D99062" s="14" t="s">
        <v>490</v>
      </c>
      <c r="E99062" s="15">
        <v>45523</v>
      </c>
      <c r="F99062" s="14" t="s">
        <v>61</v>
      </c>
      <c r="G99062" s="16">
        <v>1.3630758937298328</v>
      </c>
    </row>
    <row r="99063" spans="1:7" x14ac:dyDescent="0.3">
      <c r="A99063" s="13" t="s">
        <v>489</v>
      </c>
      <c r="B99063" s="14" t="s">
        <v>1</v>
      </c>
      <c r="C99063" s="14" t="s">
        <v>70</v>
      </c>
      <c r="D99063" s="14" t="s">
        <v>490</v>
      </c>
      <c r="E99063" s="15">
        <v>45524</v>
      </c>
      <c r="F99063" s="14" t="s">
        <v>61</v>
      </c>
      <c r="G99063" s="16">
        <v>1.3802180522323457</v>
      </c>
    </row>
    <row r="99064" spans="1:7" x14ac:dyDescent="0.3">
      <c r="A99064" s="13" t="s">
        <v>489</v>
      </c>
      <c r="B99064" s="14" t="s">
        <v>1</v>
      </c>
      <c r="C99064" s="14" t="s">
        <v>70</v>
      </c>
      <c r="D99064" s="14" t="s">
        <v>490</v>
      </c>
      <c r="E99064" s="15">
        <v>45525</v>
      </c>
      <c r="F99064" s="14" t="s">
        <v>61</v>
      </c>
      <c r="G99064" s="16">
        <v>1.3886647584074066</v>
      </c>
    </row>
    <row r="99065" spans="1:7" x14ac:dyDescent="0.3">
      <c r="A99065" s="13" t="s">
        <v>489</v>
      </c>
      <c r="B99065" s="14" t="s">
        <v>1</v>
      </c>
      <c r="C99065" s="14" t="s">
        <v>70</v>
      </c>
      <c r="D99065" s="14" t="s">
        <v>490</v>
      </c>
      <c r="E99065" s="15">
        <v>45526</v>
      </c>
      <c r="F99065" s="14" t="s">
        <v>61</v>
      </c>
      <c r="G99065" s="16">
        <v>1.3980669884794961</v>
      </c>
    </row>
    <row r="99066" spans="1:7" x14ac:dyDescent="0.3">
      <c r="A99066" s="13" t="s">
        <v>489</v>
      </c>
      <c r="B99066" s="14" t="s">
        <v>1</v>
      </c>
      <c r="C99066" s="14" t="s">
        <v>70</v>
      </c>
      <c r="D99066" s="14" t="s">
        <v>490</v>
      </c>
      <c r="E99066" s="15">
        <v>45527</v>
      </c>
      <c r="F99066" s="14" t="s">
        <v>61</v>
      </c>
      <c r="G99066" s="16">
        <v>1.3925948614366561</v>
      </c>
    </row>
    <row r="99067" spans="1:7" x14ac:dyDescent="0.3">
      <c r="A99067" s="13" t="s">
        <v>489</v>
      </c>
      <c r="B99067" s="14" t="s">
        <v>1</v>
      </c>
      <c r="C99067" s="14" t="s">
        <v>70</v>
      </c>
      <c r="D99067" s="14" t="s">
        <v>490</v>
      </c>
      <c r="E99067" s="15">
        <v>45528</v>
      </c>
      <c r="F99067" s="14" t="s">
        <v>61</v>
      </c>
      <c r="G99067" s="16">
        <v>1.3925948614366561</v>
      </c>
    </row>
    <row r="99068" spans="1:7" x14ac:dyDescent="0.3">
      <c r="A99068" s="13" t="s">
        <v>489</v>
      </c>
      <c r="B99068" s="14" t="s">
        <v>1</v>
      </c>
      <c r="C99068" s="14" t="s">
        <v>70</v>
      </c>
      <c r="D99068" s="14" t="s">
        <v>490</v>
      </c>
      <c r="E99068" s="15">
        <v>45529</v>
      </c>
      <c r="F99068" s="14" t="s">
        <v>61</v>
      </c>
      <c r="G99068" s="16">
        <v>1.3925948614366561</v>
      </c>
    </row>
    <row r="99069" spans="1:7" x14ac:dyDescent="0.3">
      <c r="A99069" s="13" t="s">
        <v>489</v>
      </c>
      <c r="B99069" s="14" t="s">
        <v>1</v>
      </c>
      <c r="C99069" s="14" t="s">
        <v>70</v>
      </c>
      <c r="D99069" s="14" t="s">
        <v>490</v>
      </c>
      <c r="E99069" s="15">
        <v>45530</v>
      </c>
      <c r="F99069" s="14" t="s">
        <v>61</v>
      </c>
      <c r="G99069" s="16">
        <v>1.3997750104167224</v>
      </c>
    </row>
    <row r="99070" spans="1:7" x14ac:dyDescent="0.3">
      <c r="A99070" s="13" t="s">
        <v>489</v>
      </c>
      <c r="B99070" s="14" t="s">
        <v>1</v>
      </c>
      <c r="C99070" s="14" t="s">
        <v>70</v>
      </c>
      <c r="D99070" s="14" t="s">
        <v>490</v>
      </c>
      <c r="E99070" s="15">
        <v>45531</v>
      </c>
      <c r="F99070" s="14" t="s">
        <v>61</v>
      </c>
      <c r="G99070" s="16">
        <v>1.4076723931586719</v>
      </c>
    </row>
    <row r="99071" spans="1:7" x14ac:dyDescent="0.3">
      <c r="A99071" s="13" t="s">
        <v>489</v>
      </c>
      <c r="B99071" s="14" t="s">
        <v>1</v>
      </c>
      <c r="C99071" s="14" t="s">
        <v>70</v>
      </c>
      <c r="D99071" s="14" t="s">
        <v>490</v>
      </c>
      <c r="E99071" s="15">
        <v>45532</v>
      </c>
      <c r="F99071" s="14" t="s">
        <v>61</v>
      </c>
      <c r="G99071" s="16">
        <v>1.428095508245218</v>
      </c>
    </row>
    <row r="99072" spans="1:7" x14ac:dyDescent="0.3">
      <c r="A99072" s="13" t="s">
        <v>489</v>
      </c>
      <c r="B99072" s="14" t="s">
        <v>1</v>
      </c>
      <c r="C99072" s="14" t="s">
        <v>70</v>
      </c>
      <c r="D99072" s="14" t="s">
        <v>490</v>
      </c>
      <c r="E99072" s="15">
        <v>45533</v>
      </c>
      <c r="F99072" s="14" t="s">
        <v>61</v>
      </c>
      <c r="G99072" s="16">
        <v>1.4377712852591966</v>
      </c>
    </row>
    <row r="99073" spans="1:7" x14ac:dyDescent="0.3">
      <c r="A99073" s="13" t="s">
        <v>489</v>
      </c>
      <c r="B99073" s="14" t="s">
        <v>1</v>
      </c>
      <c r="C99073" s="14" t="s">
        <v>70</v>
      </c>
      <c r="D99073" s="14" t="s">
        <v>490</v>
      </c>
      <c r="E99073" s="15">
        <v>45534</v>
      </c>
      <c r="F99073" s="14" t="s">
        <v>61</v>
      </c>
      <c r="G99073" s="16">
        <v>1.448978370396613</v>
      </c>
    </row>
    <row r="99074" spans="1:7" x14ac:dyDescent="0.3">
      <c r="A99074" s="13" t="s">
        <v>489</v>
      </c>
      <c r="B99074" s="14" t="s">
        <v>1</v>
      </c>
      <c r="C99074" s="14" t="s">
        <v>70</v>
      </c>
      <c r="D99074" s="14" t="s">
        <v>490</v>
      </c>
      <c r="E99074" s="15">
        <v>45535</v>
      </c>
      <c r="F99074" s="14" t="s">
        <v>61</v>
      </c>
      <c r="G99074" s="16">
        <v>1.448978370396613</v>
      </c>
    </row>
    <row r="99075" spans="1:7" x14ac:dyDescent="0.3">
      <c r="A99075" s="13" t="s">
        <v>489</v>
      </c>
      <c r="B99075" s="14" t="s">
        <v>1</v>
      </c>
      <c r="C99075" s="14" t="s">
        <v>70</v>
      </c>
      <c r="D99075" s="14" t="s">
        <v>490</v>
      </c>
      <c r="E99075" s="15">
        <v>45536</v>
      </c>
      <c r="F99075" s="14" t="s">
        <v>61</v>
      </c>
      <c r="G99075" s="16">
        <v>1.448978370396613</v>
      </c>
    </row>
    <row r="99076" spans="1:7" x14ac:dyDescent="0.3">
      <c r="A99076" s="13" t="s">
        <v>489</v>
      </c>
      <c r="B99076" s="14" t="s">
        <v>1</v>
      </c>
      <c r="C99076" s="14" t="s">
        <v>70</v>
      </c>
      <c r="D99076" s="14" t="s">
        <v>490</v>
      </c>
      <c r="E99076" s="15">
        <v>45537</v>
      </c>
      <c r="F99076" s="14" t="s">
        <v>61</v>
      </c>
      <c r="G99076" s="16">
        <v>1.4549794229968362</v>
      </c>
    </row>
    <row r="99077" spans="1:7" x14ac:dyDescent="0.3">
      <c r="A99077" s="13" t="s">
        <v>489</v>
      </c>
      <c r="B99077" s="14" t="s">
        <v>1</v>
      </c>
      <c r="C99077" s="14" t="s">
        <v>70</v>
      </c>
      <c r="D99077" s="14" t="s">
        <v>490</v>
      </c>
      <c r="E99077" s="15">
        <v>45538</v>
      </c>
      <c r="F99077" s="14" t="s">
        <v>61</v>
      </c>
      <c r="G99077" s="16">
        <v>1.4644398057507426</v>
      </c>
    </row>
    <row r="99078" spans="1:7" x14ac:dyDescent="0.3">
      <c r="A99078" s="13" t="s">
        <v>489</v>
      </c>
      <c r="B99078" s="14" t="s">
        <v>1</v>
      </c>
      <c r="C99078" s="14" t="s">
        <v>70</v>
      </c>
      <c r="D99078" s="14" t="s">
        <v>490</v>
      </c>
      <c r="E99078" s="15">
        <v>45539</v>
      </c>
      <c r="F99078" s="14" t="s">
        <v>61</v>
      </c>
      <c r="G99078" s="16">
        <v>1.4627992004335011</v>
      </c>
    </row>
    <row r="99079" spans="1:7" x14ac:dyDescent="0.3">
      <c r="A99079" s="13" t="s">
        <v>489</v>
      </c>
      <c r="B99079" s="14" t="s">
        <v>1</v>
      </c>
      <c r="C99079" s="14" t="s">
        <v>70</v>
      </c>
      <c r="D99079" s="14" t="s">
        <v>490</v>
      </c>
      <c r="E99079" s="15">
        <v>45540</v>
      </c>
      <c r="F99079" s="14" t="s">
        <v>61</v>
      </c>
      <c r="G99079" s="16">
        <v>1.4707841844371019</v>
      </c>
    </row>
    <row r="99080" spans="1:7" x14ac:dyDescent="0.3">
      <c r="A99080" s="13" t="s">
        <v>489</v>
      </c>
      <c r="B99080" s="14" t="s">
        <v>1</v>
      </c>
      <c r="C99080" s="14" t="s">
        <v>70</v>
      </c>
      <c r="D99080" s="14" t="s">
        <v>490</v>
      </c>
      <c r="E99080" s="15">
        <v>45541</v>
      </c>
      <c r="F99080" s="14" t="s">
        <v>61</v>
      </c>
      <c r="G99080" s="16">
        <v>1.4776200345152892</v>
      </c>
    </row>
    <row r="99081" spans="1:7" x14ac:dyDescent="0.3">
      <c r="A99081" s="13" t="s">
        <v>489</v>
      </c>
      <c r="B99081" s="14" t="s">
        <v>1</v>
      </c>
      <c r="C99081" s="14" t="s">
        <v>70</v>
      </c>
      <c r="D99081" s="14" t="s">
        <v>490</v>
      </c>
      <c r="E99081" s="15">
        <v>45542</v>
      </c>
      <c r="F99081" s="14" t="s">
        <v>61</v>
      </c>
      <c r="G99081" s="16">
        <v>1.4776200345152892</v>
      </c>
    </row>
    <row r="99082" spans="1:7" x14ac:dyDescent="0.3">
      <c r="A99082" s="13" t="s">
        <v>489</v>
      </c>
      <c r="B99082" s="14" t="s">
        <v>1</v>
      </c>
      <c r="C99082" s="14" t="s">
        <v>70</v>
      </c>
      <c r="D99082" s="14" t="s">
        <v>490</v>
      </c>
      <c r="E99082" s="15">
        <v>45543</v>
      </c>
      <c r="F99082" s="14" t="s">
        <v>61</v>
      </c>
      <c r="G99082" s="16">
        <v>1.4776200345152892</v>
      </c>
    </row>
    <row r="99083" spans="1:7" x14ac:dyDescent="0.3">
      <c r="A99083" s="13" t="s">
        <v>489</v>
      </c>
      <c r="B99083" s="14" t="s">
        <v>1</v>
      </c>
      <c r="C99083" s="14" t="s">
        <v>70</v>
      </c>
      <c r="D99083" s="14" t="s">
        <v>490</v>
      </c>
      <c r="E99083" s="15">
        <v>45544</v>
      </c>
      <c r="F99083" s="14" t="s">
        <v>61</v>
      </c>
      <c r="G99083" s="16">
        <v>1.4879559118039498</v>
      </c>
    </row>
    <row r="99084" spans="1:7" x14ac:dyDescent="0.3">
      <c r="A99084" s="13" t="s">
        <v>489</v>
      </c>
      <c r="B99084" s="14" t="s">
        <v>1</v>
      </c>
      <c r="C99084" s="14" t="s">
        <v>70</v>
      </c>
      <c r="D99084" s="14" t="s">
        <v>490</v>
      </c>
      <c r="E99084" s="15">
        <v>45545</v>
      </c>
      <c r="F99084" s="14" t="s">
        <v>61</v>
      </c>
      <c r="G99084" s="16">
        <v>1.5016500905423296</v>
      </c>
    </row>
    <row r="99085" spans="1:7" x14ac:dyDescent="0.3">
      <c r="A99085" s="13" t="s">
        <v>489</v>
      </c>
      <c r="B99085" s="14" t="s">
        <v>1</v>
      </c>
      <c r="C99085" s="14" t="s">
        <v>70</v>
      </c>
      <c r="D99085" s="14" t="s">
        <v>490</v>
      </c>
      <c r="E99085" s="15">
        <v>45546</v>
      </c>
      <c r="F99085" s="14" t="s">
        <v>61</v>
      </c>
      <c r="G99085" s="16">
        <v>1.5090681244507913</v>
      </c>
    </row>
    <row r="99086" spans="1:7" x14ac:dyDescent="0.3">
      <c r="A99086" s="13" t="s">
        <v>489</v>
      </c>
      <c r="B99086" s="14" t="s">
        <v>1</v>
      </c>
      <c r="C99086" s="14" t="s">
        <v>70</v>
      </c>
      <c r="D99086" s="14" t="s">
        <v>490</v>
      </c>
      <c r="E99086" s="15">
        <v>45547</v>
      </c>
      <c r="F99086" s="14" t="s">
        <v>61</v>
      </c>
      <c r="G99086" s="16">
        <v>1.5043072116267702</v>
      </c>
    </row>
    <row r="99087" spans="1:7" x14ac:dyDescent="0.3">
      <c r="A99087" s="13" t="s">
        <v>489</v>
      </c>
      <c r="B99087" s="14" t="s">
        <v>1</v>
      </c>
      <c r="C99087" s="14" t="s">
        <v>70</v>
      </c>
      <c r="D99087" s="14" t="s">
        <v>490</v>
      </c>
      <c r="E99087" s="15">
        <v>45548</v>
      </c>
      <c r="F99087" s="14" t="s">
        <v>61</v>
      </c>
      <c r="G99087" s="16">
        <v>1.5292790388614839</v>
      </c>
    </row>
    <row r="99088" spans="1:7" x14ac:dyDescent="0.3">
      <c r="A99088" s="13" t="s">
        <v>489</v>
      </c>
      <c r="B99088" s="14" t="s">
        <v>1</v>
      </c>
      <c r="C99088" s="14" t="s">
        <v>70</v>
      </c>
      <c r="D99088" s="14" t="s">
        <v>490</v>
      </c>
      <c r="E99088" s="15">
        <v>45549</v>
      </c>
      <c r="F99088" s="14" t="s">
        <v>61</v>
      </c>
      <c r="G99088" s="16">
        <v>1.5292790388614839</v>
      </c>
    </row>
    <row r="99089" spans="1:7" x14ac:dyDescent="0.3">
      <c r="A99089" s="13" t="s">
        <v>489</v>
      </c>
      <c r="B99089" s="14" t="s">
        <v>1</v>
      </c>
      <c r="C99089" s="14" t="s">
        <v>70</v>
      </c>
      <c r="D99089" s="14" t="s">
        <v>490</v>
      </c>
      <c r="E99089" s="15">
        <v>45550</v>
      </c>
      <c r="F99089" s="14" t="s">
        <v>61</v>
      </c>
      <c r="G99089" s="16">
        <v>1.5292790388614839</v>
      </c>
    </row>
    <row r="99090" spans="1:7" x14ac:dyDescent="0.3">
      <c r="A99090" s="13" t="s">
        <v>489</v>
      </c>
      <c r="B99090" s="14" t="s">
        <v>1</v>
      </c>
      <c r="C99090" s="14" t="s">
        <v>70</v>
      </c>
      <c r="D99090" s="14" t="s">
        <v>490</v>
      </c>
      <c r="E99090" s="15">
        <v>45551</v>
      </c>
      <c r="F99090" s="14" t="s">
        <v>61</v>
      </c>
      <c r="G99090" s="16">
        <v>1.5361996325064773</v>
      </c>
    </row>
    <row r="99091" spans="1:7" x14ac:dyDescent="0.3">
      <c r="A99091" s="13" t="s">
        <v>489</v>
      </c>
      <c r="B99091" s="14" t="s">
        <v>1</v>
      </c>
      <c r="C99091" s="14" t="s">
        <v>70</v>
      </c>
      <c r="D99091" s="14" t="s">
        <v>490</v>
      </c>
      <c r="E99091" s="15">
        <v>45552</v>
      </c>
      <c r="F99091" s="14" t="s">
        <v>61</v>
      </c>
      <c r="G99091" s="16">
        <v>1.5517219036781456</v>
      </c>
    </row>
    <row r="99092" spans="1:7" x14ac:dyDescent="0.3">
      <c r="A99092" s="13" t="s">
        <v>489</v>
      </c>
      <c r="B99092" s="14" t="s">
        <v>1</v>
      </c>
      <c r="C99092" s="14" t="s">
        <v>70</v>
      </c>
      <c r="D99092" s="14" t="s">
        <v>490</v>
      </c>
      <c r="E99092" s="15">
        <v>45553</v>
      </c>
      <c r="F99092" s="14" t="s">
        <v>61</v>
      </c>
      <c r="G99092" s="16">
        <v>1.5556198796679643</v>
      </c>
    </row>
    <row r="99093" spans="1:7" x14ac:dyDescent="0.3">
      <c r="A99093" s="13" t="s">
        <v>489</v>
      </c>
      <c r="B99093" s="14" t="s">
        <v>1</v>
      </c>
      <c r="C99093" s="14" t="s">
        <v>70</v>
      </c>
      <c r="D99093" s="14" t="s">
        <v>490</v>
      </c>
      <c r="E99093" s="15">
        <v>45554</v>
      </c>
      <c r="F99093" s="14" t="s">
        <v>61</v>
      </c>
      <c r="G99093" s="16">
        <v>1.5530058961838389</v>
      </c>
    </row>
    <row r="99094" spans="1:7" x14ac:dyDescent="0.3">
      <c r="A99094" s="13" t="s">
        <v>489</v>
      </c>
      <c r="B99094" s="14" t="s">
        <v>1</v>
      </c>
      <c r="C99094" s="14" t="s">
        <v>70</v>
      </c>
      <c r="D99094" s="14" t="s">
        <v>490</v>
      </c>
      <c r="E99094" s="15">
        <v>45555</v>
      </c>
      <c r="F99094" s="14" t="s">
        <v>61</v>
      </c>
      <c r="G99094" s="16">
        <v>1.5562906476660181</v>
      </c>
    </row>
    <row r="99095" spans="1:7" x14ac:dyDescent="0.3">
      <c r="A99095" s="13" t="s">
        <v>489</v>
      </c>
      <c r="B99095" s="14" t="s">
        <v>1</v>
      </c>
      <c r="C99095" s="14" t="s">
        <v>70</v>
      </c>
      <c r="D99095" s="14" t="s">
        <v>490</v>
      </c>
      <c r="E99095" s="15">
        <v>45556</v>
      </c>
      <c r="F99095" s="14" t="s">
        <v>61</v>
      </c>
      <c r="G99095" s="16">
        <v>1.5562906476660181</v>
      </c>
    </row>
    <row r="99096" spans="1:7" x14ac:dyDescent="0.3">
      <c r="A99096" s="13" t="s">
        <v>489</v>
      </c>
      <c r="B99096" s="14" t="s">
        <v>1</v>
      </c>
      <c r="C99096" s="14" t="s">
        <v>70</v>
      </c>
      <c r="D99096" s="14" t="s">
        <v>490</v>
      </c>
      <c r="E99096" s="15">
        <v>45557</v>
      </c>
      <c r="F99096" s="14" t="s">
        <v>61</v>
      </c>
      <c r="G99096" s="16">
        <v>1.5562906476660181</v>
      </c>
    </row>
    <row r="99097" spans="1:7" x14ac:dyDescent="0.3">
      <c r="A99097" s="13" t="s">
        <v>489</v>
      </c>
      <c r="B99097" s="14" t="s">
        <v>1</v>
      </c>
      <c r="C99097" s="14" t="s">
        <v>70</v>
      </c>
      <c r="D99097" s="14" t="s">
        <v>490</v>
      </c>
      <c r="E99097" s="15">
        <v>45558</v>
      </c>
      <c r="F99097" s="14" t="s">
        <v>61</v>
      </c>
      <c r="G99097" s="16">
        <v>1.5667035516657839</v>
      </c>
    </row>
    <row r="99098" spans="1:7" x14ac:dyDescent="0.3">
      <c r="A99098" s="13" t="s">
        <v>489</v>
      </c>
      <c r="B99098" s="14" t="s">
        <v>1</v>
      </c>
      <c r="C99098" s="14" t="s">
        <v>70</v>
      </c>
      <c r="D99098" s="14" t="s">
        <v>490</v>
      </c>
      <c r="E99098" s="15">
        <v>45559</v>
      </c>
      <c r="F99098" s="14" t="s">
        <v>61</v>
      </c>
      <c r="G99098" s="16">
        <v>1.56892428615927</v>
      </c>
    </row>
    <row r="99099" spans="1:7" x14ac:dyDescent="0.3">
      <c r="A99099" s="13" t="s">
        <v>489</v>
      </c>
      <c r="B99099" s="14" t="s">
        <v>1</v>
      </c>
      <c r="C99099" s="14" t="s">
        <v>70</v>
      </c>
      <c r="D99099" s="14" t="s">
        <v>490</v>
      </c>
      <c r="E99099" s="15">
        <v>45560</v>
      </c>
      <c r="F99099" s="14" t="s">
        <v>61</v>
      </c>
      <c r="G99099" s="16">
        <v>1.5789069913355391</v>
      </c>
    </row>
    <row r="99100" spans="1:7" x14ac:dyDescent="0.3">
      <c r="A99100" s="13" t="s">
        <v>489</v>
      </c>
      <c r="B99100" s="14" t="s">
        <v>1</v>
      </c>
      <c r="C99100" s="14" t="s">
        <v>70</v>
      </c>
      <c r="D99100" s="14" t="s">
        <v>490</v>
      </c>
      <c r="E99100" s="15">
        <v>45561</v>
      </c>
      <c r="F99100" s="14" t="s">
        <v>61</v>
      </c>
      <c r="G99100" s="16">
        <v>1.5831606610432145</v>
      </c>
    </row>
    <row r="99101" spans="1:7" x14ac:dyDescent="0.3">
      <c r="A99101" s="13" t="s">
        <v>489</v>
      </c>
      <c r="B99101" s="14" t="s">
        <v>1</v>
      </c>
      <c r="C99101" s="14" t="s">
        <v>70</v>
      </c>
      <c r="D99101" s="14" t="s">
        <v>490</v>
      </c>
      <c r="E99101" s="15">
        <v>45562</v>
      </c>
      <c r="F99101" s="14" t="s">
        <v>61</v>
      </c>
      <c r="G99101" s="16">
        <v>1.5924787390912725</v>
      </c>
    </row>
    <row r="99102" spans="1:7" x14ac:dyDescent="0.3">
      <c r="A99102" s="13" t="s">
        <v>489</v>
      </c>
      <c r="B99102" s="14" t="s">
        <v>1</v>
      </c>
      <c r="C99102" s="14" t="s">
        <v>70</v>
      </c>
      <c r="D99102" s="14" t="s">
        <v>490</v>
      </c>
      <c r="E99102" s="15">
        <v>45563</v>
      </c>
      <c r="F99102" s="14" t="s">
        <v>61</v>
      </c>
      <c r="G99102" s="16">
        <v>1.5924787390912725</v>
      </c>
    </row>
    <row r="99103" spans="1:7" x14ac:dyDescent="0.3">
      <c r="A99103" s="13" t="s">
        <v>489</v>
      </c>
      <c r="B99103" s="14" t="s">
        <v>1</v>
      </c>
      <c r="C99103" s="14" t="s">
        <v>70</v>
      </c>
      <c r="D99103" s="14" t="s">
        <v>490</v>
      </c>
      <c r="E99103" s="15">
        <v>45564</v>
      </c>
      <c r="F99103" s="14" t="s">
        <v>61</v>
      </c>
      <c r="G99103" s="16">
        <v>1.5924787390912725</v>
      </c>
    </row>
    <row r="99104" spans="1:7" x14ac:dyDescent="0.3">
      <c r="A99104" s="13" t="s">
        <v>489</v>
      </c>
      <c r="B99104" s="14" t="s">
        <v>1</v>
      </c>
      <c r="C99104" s="14" t="s">
        <v>70</v>
      </c>
      <c r="D99104" s="14" t="s">
        <v>490</v>
      </c>
      <c r="E99104" s="15">
        <v>45565</v>
      </c>
      <c r="F99104" s="14" t="s">
        <v>61</v>
      </c>
      <c r="G99104" s="16">
        <v>1.6145111478158154</v>
      </c>
    </row>
    <row r="99105" spans="1:7" x14ac:dyDescent="0.3">
      <c r="A99105" s="13" t="s">
        <v>489</v>
      </c>
      <c r="B99105" s="14" t="s">
        <v>1</v>
      </c>
      <c r="C99105" s="14" t="s">
        <v>70</v>
      </c>
      <c r="D99105" s="14" t="s">
        <v>490</v>
      </c>
      <c r="E99105" s="15">
        <v>45566</v>
      </c>
      <c r="F99105" s="14" t="s">
        <v>61</v>
      </c>
      <c r="G99105" s="16">
        <v>1.6393884482245313</v>
      </c>
    </row>
    <row r="99106" spans="1:7" x14ac:dyDescent="0.3">
      <c r="A99106" s="13" t="s">
        <v>489</v>
      </c>
      <c r="B99106" s="14" t="s">
        <v>1</v>
      </c>
      <c r="C99106" s="14" t="s">
        <v>70</v>
      </c>
      <c r="D99106" s="14" t="s">
        <v>490</v>
      </c>
      <c r="E99106" s="15">
        <v>45567</v>
      </c>
      <c r="F99106" s="14" t="s">
        <v>61</v>
      </c>
      <c r="G99106" s="16">
        <v>1.6477161426883986</v>
      </c>
    </row>
    <row r="99107" spans="1:7" x14ac:dyDescent="0.3">
      <c r="A99107" s="13" t="s">
        <v>489</v>
      </c>
      <c r="B99107" s="14" t="s">
        <v>1</v>
      </c>
      <c r="C99107" s="14" t="s">
        <v>70</v>
      </c>
      <c r="D99107" s="14" t="s">
        <v>490</v>
      </c>
      <c r="E99107" s="15">
        <v>45568</v>
      </c>
      <c r="F99107" s="14" t="s">
        <v>61</v>
      </c>
      <c r="G99107" s="16">
        <v>1.6526332213050283</v>
      </c>
    </row>
    <row r="99108" spans="1:7" x14ac:dyDescent="0.3">
      <c r="A99108" s="13" t="s">
        <v>489</v>
      </c>
      <c r="B99108" s="14" t="s">
        <v>1</v>
      </c>
      <c r="C99108" s="14" t="s">
        <v>70</v>
      </c>
      <c r="D99108" s="14" t="s">
        <v>490</v>
      </c>
      <c r="E99108" s="15">
        <v>45569</v>
      </c>
      <c r="F99108" s="14" t="s">
        <v>61</v>
      </c>
      <c r="G99108" s="16">
        <v>1.666422494306711</v>
      </c>
    </row>
    <row r="99109" spans="1:7" x14ac:dyDescent="0.3">
      <c r="A99109" s="13" t="s">
        <v>489</v>
      </c>
      <c r="B99109" s="14" t="s">
        <v>1</v>
      </c>
      <c r="C99109" s="14" t="s">
        <v>70</v>
      </c>
      <c r="D99109" s="14" t="s">
        <v>490</v>
      </c>
      <c r="E99109" s="15">
        <v>45570</v>
      </c>
      <c r="F99109" s="14" t="s">
        <v>61</v>
      </c>
      <c r="G99109" s="16">
        <v>1.666422494306711</v>
      </c>
    </row>
    <row r="99110" spans="1:7" x14ac:dyDescent="0.3">
      <c r="A99110" s="13" t="s">
        <v>489</v>
      </c>
      <c r="B99110" s="14" t="s">
        <v>1</v>
      </c>
      <c r="C99110" s="14" t="s">
        <v>70</v>
      </c>
      <c r="D99110" s="14" t="s">
        <v>490</v>
      </c>
      <c r="E99110" s="15">
        <v>45571</v>
      </c>
      <c r="F99110" s="14" t="s">
        <v>61</v>
      </c>
      <c r="G99110" s="16">
        <v>1.666422494306711</v>
      </c>
    </row>
    <row r="99111" spans="1:7" x14ac:dyDescent="0.3">
      <c r="A99111" s="13" t="s">
        <v>489</v>
      </c>
      <c r="B99111" s="14" t="s">
        <v>1</v>
      </c>
      <c r="C99111" s="14" t="s">
        <v>70</v>
      </c>
      <c r="D99111" s="14" t="s">
        <v>490</v>
      </c>
      <c r="E99111" s="15">
        <v>45572</v>
      </c>
      <c r="F99111" s="14" t="s">
        <v>61</v>
      </c>
      <c r="G99111" s="16">
        <v>1.6856130291488871</v>
      </c>
    </row>
    <row r="99112" spans="1:7" x14ac:dyDescent="0.3">
      <c r="A99112" s="13" t="s">
        <v>489</v>
      </c>
      <c r="B99112" s="14" t="s">
        <v>1</v>
      </c>
      <c r="C99112" s="14" t="s">
        <v>70</v>
      </c>
      <c r="D99112" s="14" t="s">
        <v>490</v>
      </c>
      <c r="E99112" s="15">
        <v>45573</v>
      </c>
      <c r="F99112" s="14" t="s">
        <v>61</v>
      </c>
      <c r="G99112" s="16">
        <v>1.6953027211370961</v>
      </c>
    </row>
    <row r="99113" spans="1:7" x14ac:dyDescent="0.3">
      <c r="A99113" s="13" t="s">
        <v>489</v>
      </c>
      <c r="B99113" s="14" t="s">
        <v>1</v>
      </c>
      <c r="C99113" s="14" t="s">
        <v>70</v>
      </c>
      <c r="D99113" s="14" t="s">
        <v>490</v>
      </c>
      <c r="E99113" s="15">
        <v>45574</v>
      </c>
      <c r="F99113" s="14" t="s">
        <v>61</v>
      </c>
      <c r="G99113" s="16">
        <v>1.7054851887565599</v>
      </c>
    </row>
    <row r="99114" spans="1:7" x14ac:dyDescent="0.3">
      <c r="A99114" s="13" t="s">
        <v>489</v>
      </c>
      <c r="B99114" s="14" t="s">
        <v>1</v>
      </c>
      <c r="C99114" s="14" t="s">
        <v>70</v>
      </c>
      <c r="D99114" s="14" t="s">
        <v>490</v>
      </c>
      <c r="E99114" s="15">
        <v>45575</v>
      </c>
      <c r="F99114" s="14" t="s">
        <v>61</v>
      </c>
      <c r="G99114" s="16">
        <v>1.709580723762784</v>
      </c>
    </row>
    <row r="99115" spans="1:7" x14ac:dyDescent="0.3">
      <c r="A99115" s="13" t="s">
        <v>489</v>
      </c>
      <c r="B99115" s="14" t="s">
        <v>1</v>
      </c>
      <c r="C99115" s="14" t="s">
        <v>70</v>
      </c>
      <c r="D99115" s="14" t="s">
        <v>490</v>
      </c>
      <c r="E99115" s="15">
        <v>45576</v>
      </c>
      <c r="F99115" s="14" t="s">
        <v>61</v>
      </c>
      <c r="G99115" s="16">
        <v>1.7260266676018881</v>
      </c>
    </row>
    <row r="99116" spans="1:7" x14ac:dyDescent="0.3">
      <c r="A99116" s="13" t="s">
        <v>489</v>
      </c>
      <c r="B99116" s="14" t="s">
        <v>1</v>
      </c>
      <c r="C99116" s="14" t="s">
        <v>70</v>
      </c>
      <c r="D99116" s="14" t="s">
        <v>490</v>
      </c>
      <c r="E99116" s="15">
        <v>45577</v>
      </c>
      <c r="F99116" s="14" t="s">
        <v>61</v>
      </c>
      <c r="G99116" s="16">
        <v>1.7260266676018881</v>
      </c>
    </row>
    <row r="99117" spans="1:7" x14ac:dyDescent="0.3">
      <c r="A99117" s="13" t="s">
        <v>489</v>
      </c>
      <c r="B99117" s="14" t="s">
        <v>1</v>
      </c>
      <c r="C99117" s="14" t="s">
        <v>70</v>
      </c>
      <c r="D99117" s="14" t="s">
        <v>490</v>
      </c>
      <c r="E99117" s="15">
        <v>45578</v>
      </c>
      <c r="F99117" s="14" t="s">
        <v>61</v>
      </c>
      <c r="G99117" s="16">
        <v>1.7260266676018881</v>
      </c>
    </row>
    <row r="99118" spans="1:7" x14ac:dyDescent="0.3">
      <c r="A99118" s="13" t="s">
        <v>489</v>
      </c>
      <c r="B99118" s="14" t="s">
        <v>1</v>
      </c>
      <c r="C99118" s="14" t="s">
        <v>70</v>
      </c>
      <c r="D99118" s="14" t="s">
        <v>490</v>
      </c>
      <c r="E99118" s="15">
        <v>45579</v>
      </c>
      <c r="F99118" s="14" t="s">
        <v>61</v>
      </c>
      <c r="G99118" s="16">
        <v>1.734087316022997</v>
      </c>
    </row>
    <row r="99119" spans="1:7" x14ac:dyDescent="0.3">
      <c r="A99119" s="13" t="s">
        <v>489</v>
      </c>
      <c r="B99119" s="14" t="s">
        <v>1</v>
      </c>
      <c r="C99119" s="14" t="s">
        <v>70</v>
      </c>
      <c r="D99119" s="14" t="s">
        <v>490</v>
      </c>
      <c r="E99119" s="15">
        <v>45580</v>
      </c>
      <c r="F99119" s="14" t="s">
        <v>61</v>
      </c>
      <c r="G99119" s="16">
        <v>1.7475100029958819</v>
      </c>
    </row>
    <row r="99120" spans="1:7" x14ac:dyDescent="0.3">
      <c r="A99120" s="13" t="s">
        <v>489</v>
      </c>
      <c r="B99120" s="14" t="s">
        <v>1</v>
      </c>
      <c r="C99120" s="14" t="s">
        <v>70</v>
      </c>
      <c r="D99120" s="14" t="s">
        <v>490</v>
      </c>
      <c r="E99120" s="15">
        <v>45581</v>
      </c>
      <c r="F99120" s="14" t="s">
        <v>61</v>
      </c>
      <c r="G99120" s="16">
        <v>1.7593906899538729</v>
      </c>
    </row>
    <row r="99121" spans="1:7" x14ac:dyDescent="0.3">
      <c r="A99121" s="13" t="s">
        <v>489</v>
      </c>
      <c r="B99121" s="14" t="s">
        <v>1</v>
      </c>
      <c r="C99121" s="14" t="s">
        <v>70</v>
      </c>
      <c r="D99121" s="14" t="s">
        <v>490</v>
      </c>
      <c r="E99121" s="15">
        <v>45582</v>
      </c>
      <c r="F99121" s="14" t="s">
        <v>61</v>
      </c>
      <c r="G99121" s="16">
        <v>1.7685262609895742</v>
      </c>
    </row>
    <row r="99122" spans="1:7" x14ac:dyDescent="0.3">
      <c r="A99122" s="13" t="s">
        <v>489</v>
      </c>
      <c r="B99122" s="14" t="s">
        <v>1</v>
      </c>
      <c r="C99122" s="14" t="s">
        <v>70</v>
      </c>
      <c r="D99122" s="14" t="s">
        <v>490</v>
      </c>
      <c r="E99122" s="15">
        <v>45583</v>
      </c>
      <c r="F99122" s="14" t="s">
        <v>61</v>
      </c>
      <c r="G99122" s="16">
        <v>1.7723453265008426</v>
      </c>
    </row>
    <row r="99123" spans="1:7" x14ac:dyDescent="0.3">
      <c r="A99123" s="13" t="s">
        <v>489</v>
      </c>
      <c r="B99123" s="14" t="s">
        <v>1</v>
      </c>
      <c r="C99123" s="14" t="s">
        <v>70</v>
      </c>
      <c r="D99123" s="14" t="s">
        <v>490</v>
      </c>
      <c r="E99123" s="15">
        <v>45584</v>
      </c>
      <c r="F99123" s="14" t="s">
        <v>61</v>
      </c>
      <c r="G99123" s="16">
        <v>1.7723453265008426</v>
      </c>
    </row>
    <row r="99124" spans="1:7" x14ac:dyDescent="0.3">
      <c r="A99124" s="13" t="s">
        <v>489</v>
      </c>
      <c r="B99124" s="14" t="s">
        <v>1</v>
      </c>
      <c r="C99124" s="14" t="s">
        <v>70</v>
      </c>
      <c r="D99124" s="14" t="s">
        <v>490</v>
      </c>
      <c r="E99124" s="15">
        <v>45585</v>
      </c>
      <c r="F99124" s="14" t="s">
        <v>61</v>
      </c>
      <c r="G99124" s="16">
        <v>1.7723453265008426</v>
      </c>
    </row>
    <row r="99125" spans="1:7" x14ac:dyDescent="0.3">
      <c r="A99125" s="13" t="s">
        <v>489</v>
      </c>
      <c r="B99125" s="14" t="s">
        <v>1</v>
      </c>
      <c r="C99125" s="14" t="s">
        <v>70</v>
      </c>
      <c r="D99125" s="14" t="s">
        <v>490</v>
      </c>
      <c r="E99125" s="15">
        <v>45586</v>
      </c>
      <c r="F99125" s="14" t="s">
        <v>61</v>
      </c>
      <c r="G99125" s="16">
        <v>1.7895807233408887</v>
      </c>
    </row>
    <row r="99126" spans="1:7" x14ac:dyDescent="0.3">
      <c r="A99126" s="13" t="s">
        <v>489</v>
      </c>
      <c r="B99126" s="14" t="s">
        <v>1</v>
      </c>
      <c r="C99126" s="14" t="s">
        <v>70</v>
      </c>
      <c r="D99126" s="14" t="s">
        <v>490</v>
      </c>
      <c r="E99126" s="15">
        <v>45587</v>
      </c>
      <c r="F99126" s="14" t="s">
        <v>61</v>
      </c>
      <c r="G99126" s="16">
        <v>1.8025402045757111</v>
      </c>
    </row>
    <row r="99127" spans="1:7" x14ac:dyDescent="0.3">
      <c r="A99127" s="13" t="s">
        <v>489</v>
      </c>
      <c r="B99127" s="14" t="s">
        <v>1</v>
      </c>
      <c r="C99127" s="14" t="s">
        <v>70</v>
      </c>
      <c r="D99127" s="14" t="s">
        <v>490</v>
      </c>
      <c r="E99127" s="15">
        <v>45588</v>
      </c>
      <c r="F99127" s="14" t="s">
        <v>61</v>
      </c>
      <c r="G99127" s="16">
        <v>1.8092395325686912</v>
      </c>
    </row>
    <row r="99128" spans="1:7" x14ac:dyDescent="0.3">
      <c r="A99128" s="13" t="s">
        <v>489</v>
      </c>
      <c r="B99128" s="14" t="s">
        <v>1</v>
      </c>
      <c r="C99128" s="14" t="s">
        <v>70</v>
      </c>
      <c r="D99128" s="14" t="s">
        <v>490</v>
      </c>
      <c r="E99128" s="15">
        <v>45589</v>
      </c>
      <c r="F99128" s="14" t="s">
        <v>61</v>
      </c>
      <c r="G99128" s="16">
        <v>1.8075265622983021</v>
      </c>
    </row>
    <row r="99129" spans="1:7" x14ac:dyDescent="0.3">
      <c r="A99129" s="13" t="s">
        <v>489</v>
      </c>
      <c r="B99129" s="14" t="s">
        <v>1</v>
      </c>
      <c r="C99129" s="14" t="s">
        <v>70</v>
      </c>
      <c r="D99129" s="14" t="s">
        <v>490</v>
      </c>
      <c r="E99129" s="15">
        <v>45590</v>
      </c>
      <c r="F99129" s="14" t="s">
        <v>61</v>
      </c>
      <c r="G99129" s="16">
        <v>1.816364070621737</v>
      </c>
    </row>
    <row r="99130" spans="1:7" x14ac:dyDescent="0.3">
      <c r="A99130" s="13" t="s">
        <v>489</v>
      </c>
      <c r="B99130" s="14" t="s">
        <v>1</v>
      </c>
      <c r="C99130" s="14" t="s">
        <v>70</v>
      </c>
      <c r="D99130" s="14" t="s">
        <v>490</v>
      </c>
      <c r="E99130" s="15">
        <v>45591</v>
      </c>
      <c r="F99130" s="14" t="s">
        <v>61</v>
      </c>
      <c r="G99130" s="16">
        <v>1.816364070621737</v>
      </c>
    </row>
    <row r="99131" spans="1:7" x14ac:dyDescent="0.3">
      <c r="A99131" s="13" t="s">
        <v>489</v>
      </c>
      <c r="B99131" s="14" t="s">
        <v>1</v>
      </c>
      <c r="C99131" s="14" t="s">
        <v>70</v>
      </c>
      <c r="D99131" s="14" t="s">
        <v>490</v>
      </c>
      <c r="E99131" s="15">
        <v>45592</v>
      </c>
      <c r="F99131" s="14" t="s">
        <v>61</v>
      </c>
      <c r="G99131" s="16">
        <v>1.816364070621737</v>
      </c>
    </row>
    <row r="99132" spans="1:7" x14ac:dyDescent="0.3">
      <c r="A99132" s="13" t="s">
        <v>489</v>
      </c>
      <c r="B99132" s="14" t="s">
        <v>1</v>
      </c>
      <c r="C99132" s="14" t="s">
        <v>70</v>
      </c>
      <c r="D99132" s="14" t="s">
        <v>490</v>
      </c>
      <c r="E99132" s="15">
        <v>45593</v>
      </c>
      <c r="F99132" s="14" t="s">
        <v>61</v>
      </c>
      <c r="G99132" s="16">
        <v>1.816364070621737</v>
      </c>
    </row>
    <row r="99133" spans="1:7" x14ac:dyDescent="0.3">
      <c r="A99133" s="13" t="s">
        <v>489</v>
      </c>
      <c r="B99133" s="14" t="s">
        <v>1</v>
      </c>
      <c r="C99133" s="14" t="s">
        <v>70</v>
      </c>
      <c r="D99133" s="14" t="s">
        <v>490</v>
      </c>
      <c r="E99133" s="15">
        <v>45594</v>
      </c>
      <c r="F99133" s="14" t="s">
        <v>61</v>
      </c>
      <c r="G99133" s="16">
        <v>1.8166107438110137</v>
      </c>
    </row>
    <row r="99134" spans="1:7" x14ac:dyDescent="0.3">
      <c r="A99134" s="13" t="s">
        <v>489</v>
      </c>
      <c r="B99134" s="14" t="s">
        <v>1</v>
      </c>
      <c r="C99134" s="14" t="s">
        <v>70</v>
      </c>
      <c r="D99134" s="14" t="s">
        <v>490</v>
      </c>
      <c r="E99134" s="15">
        <v>45595</v>
      </c>
      <c r="F99134" s="14" t="s">
        <v>61</v>
      </c>
      <c r="G99134" s="16">
        <v>1.8327355736808688</v>
      </c>
    </row>
    <row r="99135" spans="1:7" x14ac:dyDescent="0.3">
      <c r="A99135" s="13" t="s">
        <v>489</v>
      </c>
      <c r="B99135" s="14" t="s">
        <v>1</v>
      </c>
      <c r="C99135" s="14" t="s">
        <v>70</v>
      </c>
      <c r="D99135" s="14" t="s">
        <v>490</v>
      </c>
      <c r="E99135" s="15">
        <v>45596</v>
      </c>
      <c r="F99135" s="14" t="s">
        <v>61</v>
      </c>
      <c r="G99135" s="16">
        <v>1.8317179719796011</v>
      </c>
    </row>
    <row r="99136" spans="1:7" x14ac:dyDescent="0.3">
      <c r="A99136" s="13" t="s">
        <v>489</v>
      </c>
      <c r="B99136" s="14" t="s">
        <v>1</v>
      </c>
      <c r="C99136" s="14" t="s">
        <v>70</v>
      </c>
      <c r="D99136" s="14" t="s">
        <v>490</v>
      </c>
      <c r="E99136" s="15">
        <v>45597</v>
      </c>
      <c r="F99136" s="14" t="s">
        <v>61</v>
      </c>
      <c r="G99136" s="16">
        <v>1.8455690921157699</v>
      </c>
    </row>
    <row r="99137" spans="1:7" x14ac:dyDescent="0.3">
      <c r="A99137" s="13" t="s">
        <v>489</v>
      </c>
      <c r="B99137" s="14" t="s">
        <v>1</v>
      </c>
      <c r="C99137" s="14" t="s">
        <v>70</v>
      </c>
      <c r="D99137" s="14" t="s">
        <v>490</v>
      </c>
      <c r="E99137" s="15">
        <v>45598</v>
      </c>
      <c r="F99137" s="14" t="s">
        <v>61</v>
      </c>
      <c r="G99137" s="16">
        <v>1.8455690921157699</v>
      </c>
    </row>
    <row r="99138" spans="1:7" x14ac:dyDescent="0.3">
      <c r="A99138" s="13" t="s">
        <v>489</v>
      </c>
      <c r="B99138" s="14" t="s">
        <v>1</v>
      </c>
      <c r="C99138" s="14" t="s">
        <v>70</v>
      </c>
      <c r="D99138" s="14" t="s">
        <v>490</v>
      </c>
      <c r="E99138" s="15">
        <v>45599</v>
      </c>
      <c r="F99138" s="14" t="s">
        <v>61</v>
      </c>
      <c r="G99138" s="16">
        <v>1.8455690921157699</v>
      </c>
    </row>
    <row r="99139" spans="1:7" x14ac:dyDescent="0.3">
      <c r="A99139" s="13" t="s">
        <v>489</v>
      </c>
      <c r="B99139" s="14" t="s">
        <v>1</v>
      </c>
      <c r="C99139" s="14" t="s">
        <v>70</v>
      </c>
      <c r="D99139" s="14" t="s">
        <v>490</v>
      </c>
      <c r="E99139" s="15">
        <v>45600</v>
      </c>
      <c r="F99139" s="14" t="s">
        <v>61</v>
      </c>
      <c r="G99139" s="16">
        <v>1.8363814589037675</v>
      </c>
    </row>
    <row r="99140" spans="1:7" x14ac:dyDescent="0.3">
      <c r="A99140" s="13" t="s">
        <v>489</v>
      </c>
      <c r="B99140" s="14" t="s">
        <v>1</v>
      </c>
      <c r="C99140" s="14" t="s">
        <v>70</v>
      </c>
      <c r="D99140" s="14" t="s">
        <v>490</v>
      </c>
      <c r="E99140" s="15">
        <v>45601</v>
      </c>
      <c r="F99140" s="14" t="s">
        <v>61</v>
      </c>
      <c r="G99140" s="16">
        <v>1.8372938922205517</v>
      </c>
    </row>
    <row r="99141" spans="1:7" x14ac:dyDescent="0.3">
      <c r="A99141" s="13" t="s">
        <v>489</v>
      </c>
      <c r="B99141" s="14" t="s">
        <v>1</v>
      </c>
      <c r="C99141" s="14" t="s">
        <v>70</v>
      </c>
      <c r="D99141" s="14" t="s">
        <v>490</v>
      </c>
      <c r="E99141" s="15">
        <v>45602</v>
      </c>
      <c r="F99141" s="14" t="s">
        <v>61</v>
      </c>
      <c r="G99141" s="16">
        <v>1.8773993557213686</v>
      </c>
    </row>
    <row r="99142" spans="1:7" x14ac:dyDescent="0.3">
      <c r="A99142" s="13" t="s">
        <v>489</v>
      </c>
      <c r="B99142" s="14" t="s">
        <v>1</v>
      </c>
      <c r="C99142" s="14" t="s">
        <v>70</v>
      </c>
      <c r="D99142" s="14" t="s">
        <v>490</v>
      </c>
      <c r="E99142" s="15">
        <v>45603</v>
      </c>
      <c r="F99142" s="14" t="s">
        <v>61</v>
      </c>
      <c r="G99142" s="16">
        <v>1.8676417365428695</v>
      </c>
    </row>
    <row r="99143" spans="1:7" x14ac:dyDescent="0.3">
      <c r="A99143" s="13" t="s">
        <v>489</v>
      </c>
      <c r="B99143" s="14" t="s">
        <v>1</v>
      </c>
      <c r="C99143" s="14" t="s">
        <v>70</v>
      </c>
      <c r="D99143" s="14" t="s">
        <v>490</v>
      </c>
      <c r="E99143" s="15">
        <v>45604</v>
      </c>
      <c r="F99143" s="14" t="s">
        <v>61</v>
      </c>
      <c r="G99143" s="16">
        <v>1.8991895483613221</v>
      </c>
    </row>
    <row r="99144" spans="1:7" x14ac:dyDescent="0.3">
      <c r="A99144" s="13" t="s">
        <v>489</v>
      </c>
      <c r="B99144" s="14" t="s">
        <v>1</v>
      </c>
      <c r="C99144" s="14" t="s">
        <v>70</v>
      </c>
      <c r="D99144" s="14" t="s">
        <v>490</v>
      </c>
      <c r="E99144" s="15">
        <v>45605</v>
      </c>
      <c r="F99144" s="14" t="s">
        <v>61</v>
      </c>
      <c r="G99144" s="16">
        <v>1.8991895483613221</v>
      </c>
    </row>
    <row r="99145" spans="1:7" x14ac:dyDescent="0.3">
      <c r="A99145" s="13" t="s">
        <v>489</v>
      </c>
      <c r="B99145" s="14" t="s">
        <v>1</v>
      </c>
      <c r="C99145" s="14" t="s">
        <v>70</v>
      </c>
      <c r="D99145" s="14" t="s">
        <v>490</v>
      </c>
      <c r="E99145" s="15">
        <v>45606</v>
      </c>
      <c r="F99145" s="14" t="s">
        <v>61</v>
      </c>
      <c r="G99145" s="16">
        <v>1.8991895483613221</v>
      </c>
    </row>
    <row r="99146" spans="1:7" x14ac:dyDescent="0.3">
      <c r="A99146" s="13" t="s">
        <v>489</v>
      </c>
      <c r="B99146" s="14" t="s">
        <v>1</v>
      </c>
      <c r="C99146" s="14" t="s">
        <v>70</v>
      </c>
      <c r="D99146" s="14" t="s">
        <v>490</v>
      </c>
      <c r="E99146" s="15">
        <v>45607</v>
      </c>
      <c r="F99146" s="14" t="s">
        <v>61</v>
      </c>
      <c r="G99146" s="16">
        <v>1.919384000087891</v>
      </c>
    </row>
    <row r="99147" spans="1:7" x14ac:dyDescent="0.3">
      <c r="A99147" s="13" t="s">
        <v>489</v>
      </c>
      <c r="B99147" s="14" t="s">
        <v>1</v>
      </c>
      <c r="C99147" s="14" t="s">
        <v>70</v>
      </c>
      <c r="D99147" s="14" t="s">
        <v>490</v>
      </c>
      <c r="E99147" s="15">
        <v>45608</v>
      </c>
      <c r="F99147" s="14" t="s">
        <v>61</v>
      </c>
      <c r="G99147" s="16">
        <v>1.9360027851716959</v>
      </c>
    </row>
    <row r="99148" spans="1:7" x14ac:dyDescent="0.3">
      <c r="A99148" s="13" t="s">
        <v>489</v>
      </c>
      <c r="B99148" s="14" t="s">
        <v>1</v>
      </c>
      <c r="C99148" s="14" t="s">
        <v>70</v>
      </c>
      <c r="D99148" s="14" t="s">
        <v>490</v>
      </c>
      <c r="E99148" s="15">
        <v>45609</v>
      </c>
      <c r="F99148" s="14" t="s">
        <v>61</v>
      </c>
      <c r="G99148" s="16">
        <v>1.9493067408867033</v>
      </c>
    </row>
    <row r="99149" spans="1:7" x14ac:dyDescent="0.3">
      <c r="A99149" s="13" t="s">
        <v>489</v>
      </c>
      <c r="B99149" s="14" t="s">
        <v>1</v>
      </c>
      <c r="C99149" s="14" t="s">
        <v>70</v>
      </c>
      <c r="D99149" s="14" t="s">
        <v>490</v>
      </c>
      <c r="E99149" s="15">
        <v>45610</v>
      </c>
      <c r="F99149" s="14" t="s">
        <v>61</v>
      </c>
      <c r="G99149" s="16">
        <v>1.9590826950195024</v>
      </c>
    </row>
    <row r="99150" spans="1:7" x14ac:dyDescent="0.3">
      <c r="A99150" s="13" t="s">
        <v>489</v>
      </c>
      <c r="B99150" s="14" t="s">
        <v>1</v>
      </c>
      <c r="C99150" s="14" t="s">
        <v>70</v>
      </c>
      <c r="D99150" s="14" t="s">
        <v>490</v>
      </c>
      <c r="E99150" s="15">
        <v>45611</v>
      </c>
      <c r="F99150" s="14" t="s">
        <v>61</v>
      </c>
      <c r="G99150" s="16">
        <v>1.993475658960586</v>
      </c>
    </row>
    <row r="99151" spans="1:7" x14ac:dyDescent="0.3">
      <c r="A99151" s="13" t="s">
        <v>489</v>
      </c>
      <c r="B99151" s="14" t="s">
        <v>1</v>
      </c>
      <c r="C99151" s="14" t="s">
        <v>70</v>
      </c>
      <c r="D99151" s="14" t="s">
        <v>490</v>
      </c>
      <c r="E99151" s="15">
        <v>45612</v>
      </c>
      <c r="F99151" s="14" t="s">
        <v>61</v>
      </c>
      <c r="G99151" s="16">
        <v>1.993475658960586</v>
      </c>
    </row>
    <row r="99152" spans="1:7" x14ac:dyDescent="0.3">
      <c r="A99152" s="13" t="s">
        <v>489</v>
      </c>
      <c r="B99152" s="14" t="s">
        <v>1</v>
      </c>
      <c r="C99152" s="14" t="s">
        <v>70</v>
      </c>
      <c r="D99152" s="14" t="s">
        <v>490</v>
      </c>
      <c r="E99152" s="15">
        <v>45613</v>
      </c>
      <c r="F99152" s="14" t="s">
        <v>61</v>
      </c>
      <c r="G99152" s="16">
        <v>1.993475658960586</v>
      </c>
    </row>
    <row r="99153" spans="1:7" x14ac:dyDescent="0.3">
      <c r="A99153" s="13" t="s">
        <v>489</v>
      </c>
      <c r="B99153" s="14" t="s">
        <v>1</v>
      </c>
      <c r="C99153" s="14" t="s">
        <v>70</v>
      </c>
      <c r="D99153" s="14" t="s">
        <v>490</v>
      </c>
      <c r="E99153" s="15">
        <v>45614</v>
      </c>
      <c r="F99153" s="14" t="s">
        <v>61</v>
      </c>
      <c r="G99153" s="16">
        <v>1.9914066319221901</v>
      </c>
    </row>
    <row r="99154" spans="1:7" x14ac:dyDescent="0.3">
      <c r="A99154" s="13" t="s">
        <v>489</v>
      </c>
      <c r="B99154" s="14" t="s">
        <v>1</v>
      </c>
      <c r="C99154" s="14" t="s">
        <v>70</v>
      </c>
      <c r="D99154" s="14" t="s">
        <v>490</v>
      </c>
      <c r="E99154" s="15">
        <v>45615</v>
      </c>
      <c r="F99154" s="14" t="s">
        <v>61</v>
      </c>
      <c r="G99154" s="16">
        <v>2.0232026879612794</v>
      </c>
    </row>
    <row r="99155" spans="1:7" x14ac:dyDescent="0.3">
      <c r="A99155" s="13" t="s">
        <v>489</v>
      </c>
      <c r="B99155" s="14" t="s">
        <v>1</v>
      </c>
      <c r="C99155" s="14" t="s">
        <v>70</v>
      </c>
      <c r="D99155" s="14" t="s">
        <v>490</v>
      </c>
      <c r="E99155" s="15">
        <v>45616</v>
      </c>
      <c r="F99155" s="14" t="s">
        <v>61</v>
      </c>
      <c r="G99155" s="16">
        <v>2.0363859570370297</v>
      </c>
    </row>
    <row r="99156" spans="1:7" x14ac:dyDescent="0.3">
      <c r="A99156" s="13" t="s">
        <v>489</v>
      </c>
      <c r="B99156" s="14" t="s">
        <v>1</v>
      </c>
      <c r="C99156" s="14" t="s">
        <v>70</v>
      </c>
      <c r="D99156" s="14" t="s">
        <v>490</v>
      </c>
      <c r="E99156" s="15">
        <v>45617</v>
      </c>
      <c r="F99156" s="14" t="s">
        <v>61</v>
      </c>
      <c r="G99156" s="16">
        <v>2.0560951804525356</v>
      </c>
    </row>
    <row r="99157" spans="1:7" x14ac:dyDescent="0.3">
      <c r="A99157" s="13" t="s">
        <v>489</v>
      </c>
      <c r="B99157" s="14" t="s">
        <v>1</v>
      </c>
      <c r="C99157" s="14" t="s">
        <v>70</v>
      </c>
      <c r="D99157" s="14" t="s">
        <v>490</v>
      </c>
      <c r="E99157" s="15">
        <v>45618</v>
      </c>
      <c r="F99157" s="14" t="s">
        <v>61</v>
      </c>
      <c r="G99157" s="16">
        <v>2.0731024355967302</v>
      </c>
    </row>
    <row r="99158" spans="1:7" x14ac:dyDescent="0.3">
      <c r="A99158" s="13" t="s">
        <v>489</v>
      </c>
      <c r="B99158" s="14" t="s">
        <v>1</v>
      </c>
      <c r="C99158" s="14" t="s">
        <v>70</v>
      </c>
      <c r="D99158" s="14" t="s">
        <v>490</v>
      </c>
      <c r="E99158" s="15">
        <v>45619</v>
      </c>
      <c r="F99158" s="14" t="s">
        <v>61</v>
      </c>
      <c r="G99158" s="16">
        <v>2.0731024355967302</v>
      </c>
    </row>
    <row r="99159" spans="1:7" x14ac:dyDescent="0.3">
      <c r="A99159" s="13" t="s">
        <v>489</v>
      </c>
      <c r="B99159" s="14" t="s">
        <v>1</v>
      </c>
      <c r="C99159" s="14" t="s">
        <v>70</v>
      </c>
      <c r="D99159" s="14" t="s">
        <v>490</v>
      </c>
      <c r="E99159" s="15">
        <v>45620</v>
      </c>
      <c r="F99159" s="14" t="s">
        <v>61</v>
      </c>
      <c r="G99159" s="16">
        <v>2.0731024355967302</v>
      </c>
    </row>
    <row r="99160" spans="1:7" x14ac:dyDescent="0.3">
      <c r="A99160" s="13" t="s">
        <v>489</v>
      </c>
      <c r="B99160" s="14" t="s">
        <v>1</v>
      </c>
      <c r="C99160" s="14" t="s">
        <v>70</v>
      </c>
      <c r="D99160" s="14" t="s">
        <v>490</v>
      </c>
      <c r="E99160" s="15">
        <v>45621</v>
      </c>
      <c r="F99160" s="14" t="s">
        <v>61</v>
      </c>
      <c r="G99160" s="16">
        <v>2.0620462951009864</v>
      </c>
    </row>
    <row r="99161" spans="1:7" x14ac:dyDescent="0.3">
      <c r="A99161" s="13" t="s">
        <v>489</v>
      </c>
      <c r="B99161" s="14" t="s">
        <v>1</v>
      </c>
      <c r="C99161" s="14" t="s">
        <v>70</v>
      </c>
      <c r="D99161" s="14" t="s">
        <v>490</v>
      </c>
      <c r="E99161" s="15">
        <v>45622</v>
      </c>
      <c r="F99161" s="14" t="s">
        <v>61</v>
      </c>
      <c r="G99161" s="16">
        <v>2.0827423398392502</v>
      </c>
    </row>
    <row r="99162" spans="1:7" x14ac:dyDescent="0.3">
      <c r="A99162" s="13" t="s">
        <v>489</v>
      </c>
      <c r="B99162" s="14" t="s">
        <v>1</v>
      </c>
      <c r="C99162" s="14" t="s">
        <v>70</v>
      </c>
      <c r="D99162" s="14" t="s">
        <v>490</v>
      </c>
      <c r="E99162" s="15">
        <v>45623</v>
      </c>
      <c r="F99162" s="14" t="s">
        <v>61</v>
      </c>
      <c r="G99162" s="16">
        <v>2.0763846368091112</v>
      </c>
    </row>
    <row r="99163" spans="1:7" x14ac:dyDescent="0.3">
      <c r="A99163" s="13" t="s">
        <v>489</v>
      </c>
      <c r="B99163" s="14" t="s">
        <v>1</v>
      </c>
      <c r="C99163" s="14" t="s">
        <v>70</v>
      </c>
      <c r="D99163" s="14" t="s">
        <v>490</v>
      </c>
      <c r="E99163" s="15">
        <v>45624</v>
      </c>
      <c r="F99163" s="14" t="s">
        <v>61</v>
      </c>
      <c r="G99163" s="16">
        <v>2.0861954698848137</v>
      </c>
    </row>
    <row r="99164" spans="1:7" x14ac:dyDescent="0.3">
      <c r="A99164" s="13" t="s">
        <v>489</v>
      </c>
      <c r="B99164" s="14" t="s">
        <v>1</v>
      </c>
      <c r="C99164" s="14" t="s">
        <v>70</v>
      </c>
      <c r="D99164" s="14" t="s">
        <v>490</v>
      </c>
      <c r="E99164" s="15">
        <v>45625</v>
      </c>
      <c r="F99164" s="14" t="s">
        <v>61</v>
      </c>
      <c r="G99164" s="16">
        <v>2.0856169246000698</v>
      </c>
    </row>
    <row r="99165" spans="1:7" x14ac:dyDescent="0.3">
      <c r="A99165" s="13" t="s">
        <v>489</v>
      </c>
      <c r="B99165" s="14" t="s">
        <v>1</v>
      </c>
      <c r="C99165" s="14" t="s">
        <v>70</v>
      </c>
      <c r="D99165" s="14" t="s">
        <v>490</v>
      </c>
      <c r="E99165" s="15">
        <v>45626</v>
      </c>
      <c r="F99165" s="14" t="s">
        <v>61</v>
      </c>
      <c r="G99165" s="16">
        <v>2.0856169246000698</v>
      </c>
    </row>
    <row r="99166" spans="1:7" x14ac:dyDescent="0.3">
      <c r="A99166" s="13" t="s">
        <v>489</v>
      </c>
      <c r="B99166" s="14" t="s">
        <v>1</v>
      </c>
      <c r="C99166" s="14" t="s">
        <v>70</v>
      </c>
      <c r="D99166" s="14" t="s">
        <v>490</v>
      </c>
      <c r="E99166" s="15">
        <v>45627</v>
      </c>
      <c r="F99166" s="14" t="s">
        <v>61</v>
      </c>
      <c r="G99166" s="16">
        <v>2.0856169246000698</v>
      </c>
    </row>
    <row r="99167" spans="1:7" x14ac:dyDescent="0.3">
      <c r="A99167" s="13" t="s">
        <v>489</v>
      </c>
      <c r="B99167" s="14" t="s">
        <v>1</v>
      </c>
      <c r="C99167" s="14" t="s">
        <v>70</v>
      </c>
      <c r="D99167" s="14" t="s">
        <v>490</v>
      </c>
      <c r="E99167" s="15">
        <v>45628</v>
      </c>
      <c r="F99167" s="14" t="s">
        <v>61</v>
      </c>
      <c r="G99167" s="16">
        <v>2.1127399764406261</v>
      </c>
    </row>
    <row r="99168" spans="1:7" x14ac:dyDescent="0.3">
      <c r="A99168" s="13" t="s">
        <v>489</v>
      </c>
      <c r="B99168" s="14" t="s">
        <v>1</v>
      </c>
      <c r="C99168" s="14" t="s">
        <v>70</v>
      </c>
      <c r="D99168" s="14" t="s">
        <v>490</v>
      </c>
      <c r="E99168" s="15">
        <v>45629</v>
      </c>
      <c r="F99168" s="14" t="s">
        <v>61</v>
      </c>
      <c r="G99168" s="16">
        <v>2.1271222442395112</v>
      </c>
    </row>
    <row r="99169" spans="1:7" x14ac:dyDescent="0.3">
      <c r="A99169" s="13" t="s">
        <v>489</v>
      </c>
      <c r="B99169" s="14" t="s">
        <v>1</v>
      </c>
      <c r="C99169" s="14" t="s">
        <v>70</v>
      </c>
      <c r="D99169" s="14" t="s">
        <v>490</v>
      </c>
      <c r="E99169" s="15">
        <v>45630</v>
      </c>
      <c r="F99169" s="14" t="s">
        <v>61</v>
      </c>
      <c r="G99169" s="16">
        <v>2.1328183714679088</v>
      </c>
    </row>
    <row r="99170" spans="1:7" x14ac:dyDescent="0.3">
      <c r="A99170" s="13" t="s">
        <v>489</v>
      </c>
      <c r="B99170" s="14" t="s">
        <v>1</v>
      </c>
      <c r="C99170" s="14" t="s">
        <v>70</v>
      </c>
      <c r="D99170" s="14" t="s">
        <v>490</v>
      </c>
      <c r="E99170" s="15">
        <v>45631</v>
      </c>
      <c r="F99170" s="14" t="s">
        <v>61</v>
      </c>
      <c r="G99170" s="16">
        <v>2.121981445516973</v>
      </c>
    </row>
    <row r="99171" spans="1:7" x14ac:dyDescent="0.3">
      <c r="A99171" s="13" t="s">
        <v>489</v>
      </c>
      <c r="B99171" s="14" t="s">
        <v>1</v>
      </c>
      <c r="C99171" s="14" t="s">
        <v>70</v>
      </c>
      <c r="D99171" s="14" t="s">
        <v>490</v>
      </c>
      <c r="E99171" s="15">
        <v>45632</v>
      </c>
      <c r="F99171" s="14" t="s">
        <v>61</v>
      </c>
      <c r="G99171" s="16">
        <v>2.1329440167462046</v>
      </c>
    </row>
    <row r="99172" spans="1:7" x14ac:dyDescent="0.3">
      <c r="A99172" s="13" t="s">
        <v>489</v>
      </c>
      <c r="B99172" s="14" t="s">
        <v>1</v>
      </c>
      <c r="C99172" s="14" t="s">
        <v>70</v>
      </c>
      <c r="D99172" s="14" t="s">
        <v>490</v>
      </c>
      <c r="E99172" s="15">
        <v>45633</v>
      </c>
      <c r="F99172" s="14" t="s">
        <v>61</v>
      </c>
      <c r="G99172" s="16">
        <v>2.1329440167462046</v>
      </c>
    </row>
    <row r="99173" spans="1:7" x14ac:dyDescent="0.3">
      <c r="A99173" s="13" t="s">
        <v>489</v>
      </c>
      <c r="B99173" s="14" t="s">
        <v>1</v>
      </c>
      <c r="C99173" s="14" t="s">
        <v>70</v>
      </c>
      <c r="D99173" s="14" t="s">
        <v>490</v>
      </c>
      <c r="E99173" s="15">
        <v>45634</v>
      </c>
      <c r="F99173" s="14" t="s">
        <v>61</v>
      </c>
      <c r="G99173" s="16">
        <v>2.1329440167462046</v>
      </c>
    </row>
    <row r="99174" spans="1:7" x14ac:dyDescent="0.3">
      <c r="A99174" s="13" t="s">
        <v>489</v>
      </c>
      <c r="B99174" s="14" t="s">
        <v>1</v>
      </c>
      <c r="C99174" s="14" t="s">
        <v>70</v>
      </c>
      <c r="D99174" s="14" t="s">
        <v>490</v>
      </c>
      <c r="E99174" s="15">
        <v>45635</v>
      </c>
      <c r="F99174" s="14" t="s">
        <v>61</v>
      </c>
      <c r="G99174" s="16">
        <v>2.1394208413667193</v>
      </c>
    </row>
    <row r="99175" spans="1:7" x14ac:dyDescent="0.3">
      <c r="A99175" s="13" t="s">
        <v>489</v>
      </c>
      <c r="B99175" s="14" t="s">
        <v>1</v>
      </c>
      <c r="C99175" s="14" t="s">
        <v>70</v>
      </c>
      <c r="D99175" s="14" t="s">
        <v>490</v>
      </c>
      <c r="E99175" s="15">
        <v>45636</v>
      </c>
      <c r="F99175" s="14" t="s">
        <v>61</v>
      </c>
      <c r="G99175" s="16">
        <v>2.1602190190688444</v>
      </c>
    </row>
    <row r="99176" spans="1:7" x14ac:dyDescent="0.3">
      <c r="A99176" s="13" t="s">
        <v>489</v>
      </c>
      <c r="B99176" s="14" t="s">
        <v>1</v>
      </c>
      <c r="C99176" s="14" t="s">
        <v>70</v>
      </c>
      <c r="D99176" s="14" t="s">
        <v>490</v>
      </c>
      <c r="E99176" s="15">
        <v>45637</v>
      </c>
      <c r="F99176" s="14" t="s">
        <v>61</v>
      </c>
      <c r="G99176" s="16">
        <v>2.171475367251368</v>
      </c>
    </row>
    <row r="99177" spans="1:7" x14ac:dyDescent="0.3">
      <c r="A99177" s="13" t="s">
        <v>489</v>
      </c>
      <c r="B99177" s="14" t="s">
        <v>1</v>
      </c>
      <c r="C99177" s="14" t="s">
        <v>70</v>
      </c>
      <c r="D99177" s="14" t="s">
        <v>490</v>
      </c>
      <c r="E99177" s="15">
        <v>45638</v>
      </c>
      <c r="F99177" s="14" t="s">
        <v>61</v>
      </c>
      <c r="G99177" s="16">
        <v>2.1818972972099298</v>
      </c>
    </row>
    <row r="99178" spans="1:7" x14ac:dyDescent="0.3">
      <c r="A99178" s="13" t="s">
        <v>489</v>
      </c>
      <c r="B99178" s="14" t="s">
        <v>1</v>
      </c>
      <c r="C99178" s="14" t="s">
        <v>70</v>
      </c>
      <c r="D99178" s="14" t="s">
        <v>490</v>
      </c>
      <c r="E99178" s="15">
        <v>45639</v>
      </c>
      <c r="F99178" s="14" t="s">
        <v>61</v>
      </c>
      <c r="G99178" s="16">
        <v>2.1799567743233399</v>
      </c>
    </row>
    <row r="99179" spans="1:7" x14ac:dyDescent="0.3">
      <c r="A99179" s="13" t="s">
        <v>489</v>
      </c>
      <c r="B99179" s="14" t="s">
        <v>1</v>
      </c>
      <c r="C99179" s="14" t="s">
        <v>70</v>
      </c>
      <c r="D99179" s="14" t="s">
        <v>490</v>
      </c>
      <c r="E99179" s="15">
        <v>45640</v>
      </c>
      <c r="F99179" s="14" t="s">
        <v>61</v>
      </c>
      <c r="G99179" s="16">
        <v>2.1799567743233399</v>
      </c>
    </row>
    <row r="99180" spans="1:7" x14ac:dyDescent="0.3">
      <c r="A99180" s="13" t="s">
        <v>489</v>
      </c>
      <c r="B99180" s="14" t="s">
        <v>1</v>
      </c>
      <c r="C99180" s="14" t="s">
        <v>70</v>
      </c>
      <c r="D99180" s="14" t="s">
        <v>490</v>
      </c>
      <c r="E99180" s="15">
        <v>45641</v>
      </c>
      <c r="F99180" s="14" t="s">
        <v>61</v>
      </c>
      <c r="G99180" s="16">
        <v>2.1799567743233399</v>
      </c>
    </row>
    <row r="99181" spans="1:7" x14ac:dyDescent="0.3">
      <c r="A99181" s="13" t="s">
        <v>489</v>
      </c>
      <c r="B99181" s="14" t="s">
        <v>1</v>
      </c>
      <c r="C99181" s="14" t="s">
        <v>70</v>
      </c>
      <c r="D99181" s="14" t="s">
        <v>490</v>
      </c>
      <c r="E99181" s="15">
        <v>45642</v>
      </c>
      <c r="F99181" s="14" t="s">
        <v>61</v>
      </c>
      <c r="G99181" s="16">
        <v>2.1847382096890153</v>
      </c>
    </row>
    <row r="99182" spans="1:7" x14ac:dyDescent="0.3">
      <c r="A99182" s="13" t="s">
        <v>489</v>
      </c>
      <c r="B99182" s="14" t="s">
        <v>1</v>
      </c>
      <c r="C99182" s="14" t="s">
        <v>70</v>
      </c>
      <c r="D99182" s="14" t="s">
        <v>490</v>
      </c>
      <c r="E99182" s="15">
        <v>45643</v>
      </c>
      <c r="F99182" s="14" t="s">
        <v>61</v>
      </c>
      <c r="G99182" s="16">
        <v>2.2040299951986855</v>
      </c>
    </row>
    <row r="99183" spans="1:7" x14ac:dyDescent="0.3">
      <c r="A99183" s="13" t="s">
        <v>489</v>
      </c>
      <c r="B99183" s="14" t="s">
        <v>1</v>
      </c>
      <c r="C99183" s="14" t="s">
        <v>70</v>
      </c>
      <c r="D99183" s="14" t="s">
        <v>490</v>
      </c>
      <c r="E99183" s="15">
        <v>45644</v>
      </c>
      <c r="F99183" s="14" t="s">
        <v>61</v>
      </c>
      <c r="G99183" s="16">
        <v>2.2349449145347049</v>
      </c>
    </row>
    <row r="99184" spans="1:7" x14ac:dyDescent="0.3">
      <c r="A99184" s="13" t="s">
        <v>489</v>
      </c>
      <c r="B99184" s="14" t="s">
        <v>1</v>
      </c>
      <c r="C99184" s="14" t="s">
        <v>70</v>
      </c>
      <c r="D99184" s="14" t="s">
        <v>490</v>
      </c>
      <c r="E99184" s="15">
        <v>45645</v>
      </c>
      <c r="F99184" s="14" t="s">
        <v>61</v>
      </c>
      <c r="G99184" s="16">
        <v>2.2362217875744204</v>
      </c>
    </row>
    <row r="99185" spans="1:7" x14ac:dyDescent="0.3">
      <c r="A99185" s="13" t="s">
        <v>489</v>
      </c>
      <c r="B99185" s="14" t="s">
        <v>1</v>
      </c>
      <c r="C99185" s="14" t="s">
        <v>70</v>
      </c>
      <c r="D99185" s="14" t="s">
        <v>490</v>
      </c>
      <c r="E99185" s="15">
        <v>45646</v>
      </c>
      <c r="F99185" s="14" t="s">
        <v>61</v>
      </c>
      <c r="G99185" s="16">
        <v>2.2284761461628335</v>
      </c>
    </row>
    <row r="99186" spans="1:7" x14ac:dyDescent="0.3">
      <c r="A99186" s="13" t="s">
        <v>489</v>
      </c>
      <c r="B99186" s="14" t="s">
        <v>1</v>
      </c>
      <c r="C99186" s="14" t="s">
        <v>70</v>
      </c>
      <c r="D99186" s="14" t="s">
        <v>490</v>
      </c>
      <c r="E99186" s="15">
        <v>45647</v>
      </c>
      <c r="F99186" s="14" t="s">
        <v>61</v>
      </c>
      <c r="G99186" s="16">
        <v>2.2284761461628335</v>
      </c>
    </row>
    <row r="99187" spans="1:7" x14ac:dyDescent="0.3">
      <c r="A99187" s="13" t="s">
        <v>489</v>
      </c>
      <c r="B99187" s="14" t="s">
        <v>1</v>
      </c>
      <c r="C99187" s="14" t="s">
        <v>70</v>
      </c>
      <c r="D99187" s="14" t="s">
        <v>490</v>
      </c>
      <c r="E99187" s="15">
        <v>45648</v>
      </c>
      <c r="F99187" s="14" t="s">
        <v>61</v>
      </c>
      <c r="G99187" s="16">
        <v>2.2284761461628335</v>
      </c>
    </row>
    <row r="99188" spans="1:7" x14ac:dyDescent="0.3">
      <c r="A99188" s="13" t="s">
        <v>489</v>
      </c>
      <c r="B99188" s="14" t="s">
        <v>1</v>
      </c>
      <c r="C99188" s="14" t="s">
        <v>70</v>
      </c>
      <c r="D99188" s="14" t="s">
        <v>490</v>
      </c>
      <c r="E99188" s="15">
        <v>45649</v>
      </c>
      <c r="F99188" s="14" t="s">
        <v>61</v>
      </c>
      <c r="G99188" s="16">
        <v>2.2372870969408742</v>
      </c>
    </row>
    <row r="99189" spans="1:7" x14ac:dyDescent="0.3">
      <c r="A99189" s="13" t="s">
        <v>489</v>
      </c>
      <c r="B99189" s="14" t="s">
        <v>1</v>
      </c>
      <c r="C99189" s="14" t="s">
        <v>70</v>
      </c>
      <c r="D99189" s="14" t="s">
        <v>490</v>
      </c>
      <c r="E99189" s="15">
        <v>45650</v>
      </c>
      <c r="F99189" s="14" t="s">
        <v>61</v>
      </c>
      <c r="G99189" s="16">
        <v>2.2508728601605754</v>
      </c>
    </row>
    <row r="99190" spans="1:7" x14ac:dyDescent="0.3">
      <c r="A99190" s="13" t="s">
        <v>489</v>
      </c>
      <c r="B99190" s="14" t="s">
        <v>1</v>
      </c>
      <c r="C99190" s="14" t="s">
        <v>70</v>
      </c>
      <c r="D99190" s="14" t="s">
        <v>490</v>
      </c>
      <c r="E99190" s="15">
        <v>45651</v>
      </c>
      <c r="F99190" s="14" t="s">
        <v>61</v>
      </c>
      <c r="G99190" s="16">
        <v>2.2508728601605754</v>
      </c>
    </row>
    <row r="99191" spans="1:7" x14ac:dyDescent="0.3">
      <c r="A99191" s="13" t="s">
        <v>489</v>
      </c>
      <c r="B99191" s="14" t="s">
        <v>1</v>
      </c>
      <c r="C99191" s="14" t="s">
        <v>70</v>
      </c>
      <c r="D99191" s="14" t="s">
        <v>490</v>
      </c>
      <c r="E99191" s="15">
        <v>45652</v>
      </c>
      <c r="F99191" s="14" t="s">
        <v>61</v>
      </c>
      <c r="G99191" s="16">
        <v>2.2508728601605754</v>
      </c>
    </row>
    <row r="99192" spans="1:7" x14ac:dyDescent="0.3">
      <c r="A99192" s="13" t="s">
        <v>489</v>
      </c>
      <c r="B99192" s="14" t="s">
        <v>1</v>
      </c>
      <c r="C99192" s="14" t="s">
        <v>70</v>
      </c>
      <c r="D99192" s="14" t="s">
        <v>490</v>
      </c>
      <c r="E99192" s="15">
        <v>45653</v>
      </c>
      <c r="F99192" s="14" t="s">
        <v>61</v>
      </c>
      <c r="G99192" s="16">
        <v>2.2508728601605754</v>
      </c>
    </row>
    <row r="99193" spans="1:7" x14ac:dyDescent="0.3">
      <c r="A99193" s="13" t="s">
        <v>489</v>
      </c>
      <c r="B99193" s="14" t="s">
        <v>1</v>
      </c>
      <c r="C99193" s="14" t="s">
        <v>70</v>
      </c>
      <c r="D99193" s="14" t="s">
        <v>490</v>
      </c>
      <c r="E99193" s="15">
        <v>45654</v>
      </c>
      <c r="F99193" s="14" t="s">
        <v>61</v>
      </c>
      <c r="G99193" s="16">
        <v>2.2508728601605754</v>
      </c>
    </row>
    <row r="99194" spans="1:7" x14ac:dyDescent="0.3">
      <c r="A99194" s="13" t="s">
        <v>489</v>
      </c>
      <c r="B99194" s="14" t="s">
        <v>1</v>
      </c>
      <c r="C99194" s="14" t="s">
        <v>70</v>
      </c>
      <c r="D99194" s="14" t="s">
        <v>490</v>
      </c>
      <c r="E99194" s="15">
        <v>45655</v>
      </c>
      <c r="F99194" s="14" t="s">
        <v>61</v>
      </c>
      <c r="G99194" s="16">
        <v>2.2508728601605754</v>
      </c>
    </row>
    <row r="99195" spans="1:7" x14ac:dyDescent="0.3">
      <c r="A99195" s="13" t="s">
        <v>489</v>
      </c>
      <c r="B99195" s="14" t="s">
        <v>1</v>
      </c>
      <c r="C99195" s="14" t="s">
        <v>70</v>
      </c>
      <c r="D99195" s="14" t="s">
        <v>490</v>
      </c>
      <c r="E99195" s="15">
        <v>45656</v>
      </c>
      <c r="F99195" s="14" t="s">
        <v>61</v>
      </c>
      <c r="G99195" s="16">
        <v>2.2526006041806128</v>
      </c>
    </row>
    <row r="99196" spans="1:7" x14ac:dyDescent="0.3">
      <c r="A99196" s="13" t="s">
        <v>489</v>
      </c>
      <c r="B99196" s="14" t="s">
        <v>1</v>
      </c>
      <c r="C99196" s="14" t="s">
        <v>70</v>
      </c>
      <c r="D99196" s="14" t="s">
        <v>490</v>
      </c>
      <c r="E99196" s="15">
        <v>45657</v>
      </c>
      <c r="F99196" s="14" t="s">
        <v>61</v>
      </c>
      <c r="G99196" s="16">
        <v>2.2865611818741729</v>
      </c>
    </row>
    <row r="99197" spans="1:7" x14ac:dyDescent="0.3">
      <c r="A99197" s="13" t="s">
        <v>489</v>
      </c>
      <c r="B99197" s="14" t="s">
        <v>1</v>
      </c>
      <c r="C99197" s="14" t="s">
        <v>70</v>
      </c>
      <c r="D99197" s="14" t="s">
        <v>490</v>
      </c>
      <c r="E99197" s="15">
        <v>45658</v>
      </c>
      <c r="F99197" s="14" t="s">
        <v>61</v>
      </c>
      <c r="G99197" s="16">
        <v>2.2865611818741729</v>
      </c>
    </row>
    <row r="99198" spans="1:7" x14ac:dyDescent="0.3">
      <c r="A99198" s="13" t="s">
        <v>489</v>
      </c>
      <c r="B99198" s="14" t="s">
        <v>1</v>
      </c>
      <c r="C99198" s="14" t="s">
        <v>70</v>
      </c>
      <c r="D99198" s="14" t="s">
        <v>490</v>
      </c>
      <c r="E99198" s="15">
        <v>45659</v>
      </c>
      <c r="F99198" s="14" t="s">
        <v>61</v>
      </c>
      <c r="G99198" s="16">
        <v>2.2865611818741729</v>
      </c>
    </row>
    <row r="99199" spans="1:7" x14ac:dyDescent="0.3">
      <c r="A99199" s="13" t="s">
        <v>489</v>
      </c>
      <c r="B99199" s="14" t="s">
        <v>1</v>
      </c>
      <c r="C99199" s="14" t="s">
        <v>70</v>
      </c>
      <c r="D99199" s="14" t="s">
        <v>490</v>
      </c>
      <c r="E99199" s="15">
        <v>45660</v>
      </c>
      <c r="F99199" s="14" t="s">
        <v>61</v>
      </c>
      <c r="G99199" s="16">
        <v>2.3070136219404307</v>
      </c>
    </row>
    <row r="99200" spans="1:7" x14ac:dyDescent="0.3">
      <c r="A99200" s="13" t="s">
        <v>489</v>
      </c>
      <c r="B99200" s="14" t="s">
        <v>1</v>
      </c>
      <c r="C99200" s="14" t="s">
        <v>70</v>
      </c>
      <c r="D99200" s="14" t="s">
        <v>490</v>
      </c>
      <c r="E99200" s="15">
        <v>45661</v>
      </c>
      <c r="F99200" s="14" t="s">
        <v>61</v>
      </c>
      <c r="G99200" s="16">
        <v>2.3070136219404307</v>
      </c>
    </row>
    <row r="99201" spans="1:7" x14ac:dyDescent="0.3">
      <c r="A99201" s="13" t="s">
        <v>489</v>
      </c>
      <c r="B99201" s="14" t="s">
        <v>1</v>
      </c>
      <c r="C99201" s="14" t="s">
        <v>70</v>
      </c>
      <c r="D99201" s="14" t="s">
        <v>490</v>
      </c>
      <c r="E99201" s="15">
        <v>45662</v>
      </c>
      <c r="F99201" s="14" t="s">
        <v>61</v>
      </c>
      <c r="G99201" s="16">
        <v>2.3070136219404307</v>
      </c>
    </row>
    <row r="99202" spans="1:7" x14ac:dyDescent="0.3">
      <c r="A99202" s="13" t="s">
        <v>489</v>
      </c>
      <c r="B99202" s="14" t="s">
        <v>1</v>
      </c>
      <c r="C99202" s="14" t="s">
        <v>70</v>
      </c>
      <c r="D99202" s="14" t="s">
        <v>490</v>
      </c>
      <c r="E99202" s="15">
        <v>45663</v>
      </c>
      <c r="F99202" s="14" t="s">
        <v>61</v>
      </c>
      <c r="G99202" s="16">
        <v>2.3152073076475412</v>
      </c>
    </row>
    <row r="99203" spans="1:7" x14ac:dyDescent="0.3">
      <c r="A99203" s="13" t="s">
        <v>489</v>
      </c>
      <c r="B99203" s="14" t="s">
        <v>1</v>
      </c>
      <c r="C99203" s="14" t="s">
        <v>70</v>
      </c>
      <c r="D99203" s="14" t="s">
        <v>490</v>
      </c>
      <c r="E99203" s="15">
        <v>45664</v>
      </c>
      <c r="F99203" s="14" t="s">
        <v>61</v>
      </c>
      <c r="G99203" s="16">
        <v>2.3444657962153226</v>
      </c>
    </row>
    <row r="99204" spans="1:7" x14ac:dyDescent="0.3">
      <c r="A99204" s="13" t="s">
        <v>489</v>
      </c>
      <c r="B99204" s="14" t="s">
        <v>1</v>
      </c>
      <c r="C99204" s="14" t="s">
        <v>70</v>
      </c>
      <c r="D99204" s="14" t="s">
        <v>490</v>
      </c>
      <c r="E99204" s="15">
        <v>45665</v>
      </c>
      <c r="F99204" s="14" t="s">
        <v>61</v>
      </c>
      <c r="G99204" s="16">
        <v>2.3528934665373522</v>
      </c>
    </row>
    <row r="99205" spans="1:7" x14ac:dyDescent="0.3">
      <c r="A99205" s="13" t="s">
        <v>489</v>
      </c>
      <c r="B99205" s="14" t="s">
        <v>1</v>
      </c>
      <c r="C99205" s="14" t="s">
        <v>70</v>
      </c>
      <c r="D99205" s="14" t="s">
        <v>490</v>
      </c>
      <c r="E99205" s="15">
        <v>45666</v>
      </c>
      <c r="F99205" s="14" t="s">
        <v>61</v>
      </c>
      <c r="G99205" s="16">
        <v>2.369716346901817</v>
      </c>
    </row>
    <row r="99206" spans="1:7" x14ac:dyDescent="0.3">
      <c r="A99206" s="13" t="s">
        <v>489</v>
      </c>
      <c r="B99206" s="14" t="s">
        <v>1</v>
      </c>
      <c r="C99206" s="14" t="s">
        <v>70</v>
      </c>
      <c r="D99206" s="14" t="s">
        <v>490</v>
      </c>
      <c r="E99206" s="15">
        <v>45667</v>
      </c>
      <c r="F99206" s="14" t="s">
        <v>61</v>
      </c>
      <c r="G99206" s="16">
        <v>2.385756126817101</v>
      </c>
    </row>
    <row r="99207" spans="1:7" x14ac:dyDescent="0.3">
      <c r="A99207" s="13" t="s">
        <v>489</v>
      </c>
      <c r="B99207" s="14" t="s">
        <v>1</v>
      </c>
      <c r="C99207" s="14" t="s">
        <v>70</v>
      </c>
      <c r="D99207" s="14" t="s">
        <v>490</v>
      </c>
      <c r="E99207" s="15">
        <v>45668</v>
      </c>
      <c r="F99207" s="14" t="s">
        <v>61</v>
      </c>
      <c r="G99207" s="16">
        <v>2.385756126817101</v>
      </c>
    </row>
    <row r="99208" spans="1:7" x14ac:dyDescent="0.3">
      <c r="A99208" s="13" t="s">
        <v>489</v>
      </c>
      <c r="B99208" s="14" t="s">
        <v>1</v>
      </c>
      <c r="C99208" s="14" t="s">
        <v>70</v>
      </c>
      <c r="D99208" s="14" t="s">
        <v>490</v>
      </c>
      <c r="E99208" s="15">
        <v>45669</v>
      </c>
      <c r="F99208" s="14" t="s">
        <v>61</v>
      </c>
      <c r="G99208" s="16">
        <v>2.385756126817101</v>
      </c>
    </row>
    <row r="99209" spans="1:7" x14ac:dyDescent="0.3">
      <c r="A99209" s="13" t="s">
        <v>489</v>
      </c>
      <c r="B99209" s="14" t="s">
        <v>1</v>
      </c>
      <c r="C99209" s="14" t="s">
        <v>70</v>
      </c>
      <c r="D99209" s="14" t="s">
        <v>490</v>
      </c>
      <c r="E99209" s="15">
        <v>45670</v>
      </c>
      <c r="F99209" s="14" t="s">
        <v>61</v>
      </c>
      <c r="G99209" s="16">
        <v>2.4042384929522149</v>
      </c>
    </row>
    <row r="99210" spans="1:7" x14ac:dyDescent="0.3">
      <c r="A99210" s="13" t="s">
        <v>489</v>
      </c>
      <c r="B99210" s="14" t="s">
        <v>1</v>
      </c>
      <c r="C99210" s="14" t="s">
        <v>70</v>
      </c>
      <c r="D99210" s="14" t="s">
        <v>490</v>
      </c>
      <c r="E99210" s="15">
        <v>45671</v>
      </c>
      <c r="F99210" s="14" t="s">
        <v>61</v>
      </c>
      <c r="G99210" s="16">
        <v>2.4002167337282279</v>
      </c>
    </row>
    <row r="99211" spans="1:7" x14ac:dyDescent="0.3">
      <c r="A99211" s="13" t="s">
        <v>489</v>
      </c>
      <c r="B99211" s="14" t="s">
        <v>1</v>
      </c>
      <c r="C99211" s="14" t="s">
        <v>70</v>
      </c>
      <c r="D99211" s="14" t="s">
        <v>490</v>
      </c>
      <c r="E99211" s="15">
        <v>45672</v>
      </c>
      <c r="F99211" s="14" t="s">
        <v>61</v>
      </c>
      <c r="G99211" s="16">
        <v>2.4085418536311285</v>
      </c>
    </row>
    <row r="99212" spans="1:7" x14ac:dyDescent="0.3">
      <c r="A99212" s="13" t="s">
        <v>489</v>
      </c>
      <c r="B99212" s="14" t="s">
        <v>1</v>
      </c>
      <c r="C99212" s="14" t="s">
        <v>70</v>
      </c>
      <c r="D99212" s="14" t="s">
        <v>490</v>
      </c>
      <c r="E99212" s="15">
        <v>45673</v>
      </c>
      <c r="F99212" s="14" t="s">
        <v>61</v>
      </c>
      <c r="G99212" s="16">
        <v>2.4137983739284383</v>
      </c>
    </row>
    <row r="99213" spans="1:7" x14ac:dyDescent="0.3">
      <c r="A99213" s="13" t="s">
        <v>489</v>
      </c>
      <c r="B99213" s="14" t="s">
        <v>1</v>
      </c>
      <c r="C99213" s="14" t="s">
        <v>70</v>
      </c>
      <c r="D99213" s="14" t="s">
        <v>490</v>
      </c>
      <c r="E99213" s="15">
        <v>45674</v>
      </c>
      <c r="F99213" s="14" t="s">
        <v>61</v>
      </c>
      <c r="G99213" s="16">
        <v>2.4235133654898542</v>
      </c>
    </row>
    <row r="99214" spans="1:7" x14ac:dyDescent="0.3">
      <c r="A99214" s="13" t="s">
        <v>489</v>
      </c>
      <c r="B99214" s="14" t="s">
        <v>1</v>
      </c>
      <c r="C99214" s="14" t="s">
        <v>70</v>
      </c>
      <c r="D99214" s="14" t="s">
        <v>490</v>
      </c>
      <c r="E99214" s="15">
        <v>45675</v>
      </c>
      <c r="F99214" s="14" t="s">
        <v>61</v>
      </c>
      <c r="G99214" s="16">
        <v>2.4235133654898542</v>
      </c>
    </row>
    <row r="99215" spans="1:7" x14ac:dyDescent="0.3">
      <c r="A99215" s="13" t="s">
        <v>489</v>
      </c>
      <c r="B99215" s="14" t="s">
        <v>1</v>
      </c>
      <c r="C99215" s="14" t="s">
        <v>70</v>
      </c>
      <c r="D99215" s="14" t="s">
        <v>490</v>
      </c>
      <c r="E99215" s="15">
        <v>45676</v>
      </c>
      <c r="F99215" s="14" t="s">
        <v>61</v>
      </c>
      <c r="G99215" s="16">
        <v>2.4235133654898542</v>
      </c>
    </row>
    <row r="99216" spans="1:7" x14ac:dyDescent="0.3">
      <c r="A99216" s="13" t="s">
        <v>489</v>
      </c>
      <c r="B99216" s="14" t="s">
        <v>1</v>
      </c>
      <c r="C99216" s="14" t="s">
        <v>70</v>
      </c>
      <c r="D99216" s="14" t="s">
        <v>490</v>
      </c>
      <c r="E99216" s="15">
        <v>45677</v>
      </c>
      <c r="F99216" s="14" t="s">
        <v>61</v>
      </c>
      <c r="G99216" s="16">
        <v>2.3981255682790361</v>
      </c>
    </row>
    <row r="99217" spans="1:7" x14ac:dyDescent="0.3">
      <c r="A99217" s="13" t="s">
        <v>489</v>
      </c>
      <c r="B99217" s="14" t="s">
        <v>1</v>
      </c>
      <c r="C99217" s="14" t="s">
        <v>70</v>
      </c>
      <c r="D99217" s="14" t="s">
        <v>490</v>
      </c>
      <c r="E99217" s="15">
        <v>45678</v>
      </c>
      <c r="F99217" s="14" t="s">
        <v>61</v>
      </c>
      <c r="G99217" s="16">
        <v>2.4234109922353202</v>
      </c>
    </row>
    <row r="99218" spans="1:7" x14ac:dyDescent="0.3">
      <c r="A99218" s="13" t="s">
        <v>489</v>
      </c>
      <c r="B99218" s="14" t="s">
        <v>1</v>
      </c>
      <c r="C99218" s="14" t="s">
        <v>70</v>
      </c>
      <c r="D99218" s="14" t="s">
        <v>490</v>
      </c>
      <c r="E99218" s="15">
        <v>45679</v>
      </c>
      <c r="F99218" s="14" t="s">
        <v>61</v>
      </c>
      <c r="G99218" s="16">
        <v>2.4314701836720976</v>
      </c>
    </row>
    <row r="99219" spans="1:7" x14ac:dyDescent="0.3">
      <c r="A99219" s="13" t="s">
        <v>489</v>
      </c>
      <c r="B99219" s="14" t="s">
        <v>1</v>
      </c>
      <c r="C99219" s="14" t="s">
        <v>70</v>
      </c>
      <c r="D99219" s="14" t="s">
        <v>490</v>
      </c>
      <c r="E99219" s="15">
        <v>45680</v>
      </c>
      <c r="F99219" s="14" t="s">
        <v>61</v>
      </c>
      <c r="G99219" s="16">
        <v>2.4333809604072534</v>
      </c>
    </row>
    <row r="99220" spans="1:7" x14ac:dyDescent="0.3">
      <c r="A99220" s="13" t="s">
        <v>489</v>
      </c>
      <c r="B99220" s="14" t="s">
        <v>1</v>
      </c>
      <c r="C99220" s="14" t="s">
        <v>70</v>
      </c>
      <c r="D99220" s="14" t="s">
        <v>490</v>
      </c>
      <c r="E99220" s="15">
        <v>45681</v>
      </c>
      <c r="F99220" s="14" t="s">
        <v>61</v>
      </c>
      <c r="G99220" s="16">
        <v>2.4183149674213169</v>
      </c>
    </row>
    <row r="99221" spans="1:7" x14ac:dyDescent="0.3">
      <c r="A99221" s="13" t="s">
        <v>489</v>
      </c>
      <c r="B99221" s="14" t="s">
        <v>1</v>
      </c>
      <c r="C99221" s="14" t="s">
        <v>70</v>
      </c>
      <c r="D99221" s="14" t="s">
        <v>490</v>
      </c>
      <c r="E99221" s="15">
        <v>45682</v>
      </c>
      <c r="F99221" s="14" t="s">
        <v>61</v>
      </c>
      <c r="G99221" s="16">
        <v>2.4183149674213169</v>
      </c>
    </row>
    <row r="99222" spans="1:7" x14ac:dyDescent="0.3">
      <c r="A99222" s="13" t="s">
        <v>489</v>
      </c>
      <c r="B99222" s="14" t="s">
        <v>1</v>
      </c>
      <c r="C99222" s="14" t="s">
        <v>70</v>
      </c>
      <c r="D99222" s="14" t="s">
        <v>490</v>
      </c>
      <c r="E99222" s="15">
        <v>45683</v>
      </c>
      <c r="F99222" s="14" t="s">
        <v>61</v>
      </c>
      <c r="G99222" s="16">
        <v>2.4183149674213169</v>
      </c>
    </row>
    <row r="99223" spans="1:7" x14ac:dyDescent="0.3">
      <c r="A99223" s="13" t="s">
        <v>489</v>
      </c>
      <c r="B99223" s="14" t="s">
        <v>1</v>
      </c>
      <c r="C99223" s="14" t="s">
        <v>70</v>
      </c>
      <c r="D99223" s="14" t="s">
        <v>490</v>
      </c>
      <c r="E99223" s="15">
        <v>45684</v>
      </c>
      <c r="F99223" s="14" t="s">
        <v>61</v>
      </c>
      <c r="G99223" s="16">
        <v>2.4287705135312927</v>
      </c>
    </row>
    <row r="99224" spans="1:7" x14ac:dyDescent="0.3">
      <c r="A99224" s="13" t="s">
        <v>489</v>
      </c>
      <c r="B99224" s="14" t="s">
        <v>1</v>
      </c>
      <c r="C99224" s="14" t="s">
        <v>70</v>
      </c>
      <c r="D99224" s="14" t="s">
        <v>490</v>
      </c>
      <c r="E99224" s="15">
        <v>45685</v>
      </c>
      <c r="F99224" s="14" t="s">
        <v>61</v>
      </c>
      <c r="G99224" s="16">
        <v>2.4510724553421146</v>
      </c>
    </row>
    <row r="99225" spans="1:7" x14ac:dyDescent="0.3">
      <c r="A99225" s="13" t="s">
        <v>489</v>
      </c>
      <c r="B99225" s="14" t="s">
        <v>1</v>
      </c>
      <c r="C99225" s="14" t="s">
        <v>70</v>
      </c>
      <c r="D99225" s="14" t="s">
        <v>490</v>
      </c>
      <c r="E99225" s="15">
        <v>45686</v>
      </c>
      <c r="F99225" s="14" t="s">
        <v>61</v>
      </c>
      <c r="G99225" s="16">
        <v>2.4573186798164612</v>
      </c>
    </row>
    <row r="99226" spans="1:7" x14ac:dyDescent="0.3">
      <c r="A99226" s="13" t="s">
        <v>489</v>
      </c>
      <c r="B99226" s="14" t="s">
        <v>1</v>
      </c>
      <c r="C99226" s="14" t="s">
        <v>70</v>
      </c>
      <c r="D99226" s="14" t="s">
        <v>490</v>
      </c>
      <c r="E99226" s="15">
        <v>45687</v>
      </c>
      <c r="F99226" s="14" t="s">
        <v>61</v>
      </c>
      <c r="G99226" s="16">
        <v>2.469126120535869</v>
      </c>
    </row>
    <row r="99227" spans="1:7" x14ac:dyDescent="0.3">
      <c r="A99227" s="13" t="s">
        <v>489</v>
      </c>
      <c r="B99227" s="14" t="s">
        <v>1</v>
      </c>
      <c r="C99227" s="14" t="s">
        <v>70</v>
      </c>
      <c r="D99227" s="14" t="s">
        <v>490</v>
      </c>
      <c r="E99227" s="15">
        <v>45688</v>
      </c>
      <c r="F99227" s="14" t="s">
        <v>61</v>
      </c>
      <c r="G99227" s="16">
        <v>2.4789806418705123</v>
      </c>
    </row>
    <row r="99228" spans="1:7" x14ac:dyDescent="0.3">
      <c r="A99228" s="13" t="s">
        <v>489</v>
      </c>
      <c r="B99228" s="14" t="s">
        <v>1</v>
      </c>
      <c r="C99228" s="14" t="s">
        <v>70</v>
      </c>
      <c r="D99228" s="14" t="s">
        <v>490</v>
      </c>
      <c r="E99228" s="15">
        <v>45689</v>
      </c>
      <c r="F99228" s="14" t="s">
        <v>61</v>
      </c>
      <c r="G99228" s="16">
        <v>2.4789806418705123</v>
      </c>
    </row>
    <row r="99229" spans="1:7" x14ac:dyDescent="0.3">
      <c r="A99229" s="13" t="s">
        <v>489</v>
      </c>
      <c r="B99229" s="14" t="s">
        <v>1</v>
      </c>
      <c r="C99229" s="14" t="s">
        <v>70</v>
      </c>
      <c r="D99229" s="14" t="s">
        <v>490</v>
      </c>
      <c r="E99229" s="15">
        <v>45690</v>
      </c>
      <c r="F99229" s="14" t="s">
        <v>61</v>
      </c>
      <c r="G99229" s="16">
        <v>2.4789806418705123</v>
      </c>
    </row>
    <row r="99230" spans="1:7" x14ac:dyDescent="0.3">
      <c r="A99230" s="13" t="s">
        <v>489</v>
      </c>
      <c r="B99230" s="14" t="s">
        <v>1</v>
      </c>
      <c r="C99230" s="14" t="s">
        <v>70</v>
      </c>
      <c r="D99230" s="14" t="s">
        <v>490</v>
      </c>
      <c r="E99230" s="15">
        <v>45691</v>
      </c>
      <c r="F99230" s="14" t="s">
        <v>61</v>
      </c>
      <c r="G99230" s="16">
        <v>2.4789806418705123</v>
      </c>
    </row>
    <row r="99231" spans="1:7" x14ac:dyDescent="0.3">
      <c r="A99231" s="13" t="s">
        <v>489</v>
      </c>
      <c r="B99231" s="14" t="s">
        <v>1</v>
      </c>
      <c r="C99231" s="14" t="s">
        <v>70</v>
      </c>
      <c r="D99231" s="14" t="s">
        <v>490</v>
      </c>
      <c r="E99231" s="15">
        <v>45692</v>
      </c>
      <c r="F99231" s="14" t="s">
        <v>61</v>
      </c>
      <c r="G99231" s="16">
        <v>2.4806313539280067</v>
      </c>
    </row>
    <row r="99232" spans="1:7" x14ac:dyDescent="0.3">
      <c r="A99232" s="13" t="s">
        <v>489</v>
      </c>
      <c r="B99232" s="14" t="s">
        <v>1</v>
      </c>
      <c r="C99232" s="14" t="s">
        <v>70</v>
      </c>
      <c r="D99232" s="14" t="s">
        <v>490</v>
      </c>
      <c r="E99232" s="15">
        <v>45693</v>
      </c>
      <c r="F99232" s="14" t="s">
        <v>61</v>
      </c>
      <c r="G99232" s="16">
        <v>2.4851528998915104</v>
      </c>
    </row>
    <row r="99233" spans="1:7" x14ac:dyDescent="0.3">
      <c r="A99233" s="13" t="s">
        <v>489</v>
      </c>
      <c r="B99233" s="14" t="s">
        <v>1</v>
      </c>
      <c r="C99233" s="14" t="s">
        <v>70</v>
      </c>
      <c r="D99233" s="14" t="s">
        <v>490</v>
      </c>
      <c r="E99233" s="15">
        <v>45694</v>
      </c>
      <c r="F99233" s="14" t="s">
        <v>61</v>
      </c>
      <c r="G99233" s="16">
        <v>2.4929123680457397</v>
      </c>
    </row>
    <row r="99234" spans="1:7" x14ac:dyDescent="0.3">
      <c r="A99234" s="13" t="s">
        <v>489</v>
      </c>
      <c r="B99234" s="14" t="s">
        <v>1</v>
      </c>
      <c r="C99234" s="14" t="s">
        <v>70</v>
      </c>
      <c r="D99234" s="14" t="s">
        <v>490</v>
      </c>
      <c r="E99234" s="15">
        <v>45695</v>
      </c>
      <c r="F99234" s="14" t="s">
        <v>61</v>
      </c>
      <c r="G99234" s="16">
        <v>2.5124565921438933</v>
      </c>
    </row>
    <row r="99235" spans="1:7" x14ac:dyDescent="0.3">
      <c r="A99235" s="13" t="s">
        <v>489</v>
      </c>
      <c r="B99235" s="14" t="s">
        <v>1</v>
      </c>
      <c r="C99235" s="14" t="s">
        <v>70</v>
      </c>
      <c r="D99235" s="14" t="s">
        <v>490</v>
      </c>
      <c r="E99235" s="15">
        <v>45696</v>
      </c>
      <c r="F99235" s="14" t="s">
        <v>61</v>
      </c>
      <c r="G99235" s="16">
        <v>2.5124565921438933</v>
      </c>
    </row>
    <row r="99236" spans="1:7" x14ac:dyDescent="0.3">
      <c r="A99236" s="13" t="s">
        <v>489</v>
      </c>
      <c r="B99236" s="14" t="s">
        <v>1</v>
      </c>
      <c r="C99236" s="14" t="s">
        <v>70</v>
      </c>
      <c r="D99236" s="14" t="s">
        <v>490</v>
      </c>
      <c r="E99236" s="15">
        <v>45697</v>
      </c>
      <c r="F99236" s="14" t="s">
        <v>61</v>
      </c>
      <c r="G99236" s="16">
        <v>2.5124565921438933</v>
      </c>
    </row>
    <row r="99237" spans="1:7" x14ac:dyDescent="0.3">
      <c r="A99237" s="13" t="s">
        <v>489</v>
      </c>
      <c r="B99237" s="14" t="s">
        <v>1</v>
      </c>
      <c r="C99237" s="14" t="s">
        <v>70</v>
      </c>
      <c r="D99237" s="14" t="s">
        <v>490</v>
      </c>
      <c r="E99237" s="15">
        <v>45698</v>
      </c>
      <c r="F99237" s="14" t="s">
        <v>61</v>
      </c>
      <c r="G99237" s="16">
        <v>2.5207548631528565</v>
      </c>
    </row>
    <row r="99238" spans="1:7" x14ac:dyDescent="0.3">
      <c r="A99238" s="13" t="s">
        <v>489</v>
      </c>
      <c r="B99238" s="14" t="s">
        <v>1</v>
      </c>
      <c r="C99238" s="14" t="s">
        <v>70</v>
      </c>
      <c r="D99238" s="14" t="s">
        <v>490</v>
      </c>
      <c r="E99238" s="15">
        <v>45699</v>
      </c>
      <c r="F99238" s="14" t="s">
        <v>61</v>
      </c>
      <c r="G99238" s="16">
        <v>2.5191969132628129</v>
      </c>
    </row>
    <row r="99239" spans="1:7" x14ac:dyDescent="0.3">
      <c r="A99239" s="13" t="s">
        <v>489</v>
      </c>
      <c r="B99239" s="14" t="s">
        <v>1</v>
      </c>
      <c r="C99239" s="14" t="s">
        <v>70</v>
      </c>
      <c r="D99239" s="14" t="s">
        <v>490</v>
      </c>
      <c r="E99239" s="15">
        <v>45700</v>
      </c>
      <c r="F99239" s="14" t="s">
        <v>61</v>
      </c>
      <c r="G99239" s="16">
        <v>2.5177974978624738</v>
      </c>
    </row>
    <row r="99240" spans="1:7" x14ac:dyDescent="0.3">
      <c r="A99240" s="13" t="s">
        <v>489</v>
      </c>
      <c r="B99240" s="14" t="s">
        <v>1</v>
      </c>
      <c r="C99240" s="14" t="s">
        <v>70</v>
      </c>
      <c r="D99240" s="14" t="s">
        <v>490</v>
      </c>
      <c r="E99240" s="15">
        <v>45701</v>
      </c>
      <c r="F99240" s="14" t="s">
        <v>61</v>
      </c>
      <c r="G99240" s="16">
        <v>2.5084126281879668</v>
      </c>
    </row>
    <row r="99241" spans="1:7" x14ac:dyDescent="0.3">
      <c r="A99241" s="13" t="s">
        <v>489</v>
      </c>
      <c r="B99241" s="14" t="s">
        <v>1</v>
      </c>
      <c r="C99241" s="14" t="s">
        <v>70</v>
      </c>
      <c r="D99241" s="14" t="s">
        <v>490</v>
      </c>
      <c r="E99241" s="15">
        <v>45702</v>
      </c>
      <c r="F99241" s="14" t="s">
        <v>61</v>
      </c>
      <c r="G99241" s="16">
        <v>2.5145245246847097</v>
      </c>
    </row>
    <row r="99242" spans="1:7" x14ac:dyDescent="0.3">
      <c r="A99242" s="13" t="s">
        <v>489</v>
      </c>
      <c r="B99242" s="14" t="s">
        <v>1</v>
      </c>
      <c r="C99242" s="14" t="s">
        <v>70</v>
      </c>
      <c r="D99242" s="14" t="s">
        <v>490</v>
      </c>
      <c r="E99242" s="15">
        <v>45703</v>
      </c>
      <c r="F99242" s="14" t="s">
        <v>61</v>
      </c>
      <c r="G99242" s="16">
        <v>2.5145245246847097</v>
      </c>
    </row>
    <row r="99243" spans="1:7" x14ac:dyDescent="0.3">
      <c r="A99243" s="13" t="s">
        <v>489</v>
      </c>
      <c r="B99243" s="14" t="s">
        <v>1</v>
      </c>
      <c r="C99243" s="14" t="s">
        <v>70</v>
      </c>
      <c r="D99243" s="14" t="s">
        <v>490</v>
      </c>
      <c r="E99243" s="15">
        <v>45704</v>
      </c>
      <c r="F99243" s="14" t="s">
        <v>61</v>
      </c>
      <c r="G99243" s="16">
        <v>2.5145245246847097</v>
      </c>
    </row>
    <row r="99244" spans="1:7" x14ac:dyDescent="0.3">
      <c r="A99244" s="13" t="s">
        <v>489</v>
      </c>
      <c r="B99244" s="14" t="s">
        <v>1</v>
      </c>
      <c r="C99244" s="14" t="s">
        <v>70</v>
      </c>
      <c r="D99244" s="14" t="s">
        <v>490</v>
      </c>
      <c r="E99244" s="15">
        <v>45705</v>
      </c>
      <c r="F99244" s="14" t="s">
        <v>61</v>
      </c>
      <c r="G99244" s="16">
        <v>2.5622998714930274</v>
      </c>
    </row>
    <row r="99245" spans="1:7" x14ac:dyDescent="0.3">
      <c r="A99245" s="13" t="s">
        <v>489</v>
      </c>
      <c r="B99245" s="14" t="s">
        <v>1</v>
      </c>
      <c r="C99245" s="14" t="s">
        <v>70</v>
      </c>
      <c r="D99245" s="14" t="s">
        <v>490</v>
      </c>
      <c r="E99245" s="15">
        <v>45706</v>
      </c>
      <c r="F99245" s="14" t="s">
        <v>61</v>
      </c>
      <c r="G99245" s="16">
        <v>2.5821210591527999</v>
      </c>
    </row>
    <row r="99246" spans="1:7" x14ac:dyDescent="0.3">
      <c r="A99246" s="13" t="s">
        <v>489</v>
      </c>
      <c r="B99246" s="14" t="s">
        <v>1</v>
      </c>
      <c r="C99246" s="14" t="s">
        <v>70</v>
      </c>
      <c r="D99246" s="14" t="s">
        <v>490</v>
      </c>
      <c r="E99246" s="15">
        <v>45707</v>
      </c>
      <c r="F99246" s="14" t="s">
        <v>61</v>
      </c>
      <c r="G99246" s="16">
        <v>2.60447537647523</v>
      </c>
    </row>
    <row r="99247" spans="1:7" x14ac:dyDescent="0.3">
      <c r="A99247" s="13" t="s">
        <v>489</v>
      </c>
      <c r="B99247" s="14" t="s">
        <v>1</v>
      </c>
      <c r="C99247" s="14" t="s">
        <v>70</v>
      </c>
      <c r="D99247" s="14" t="s">
        <v>490</v>
      </c>
      <c r="E99247" s="15">
        <v>45708</v>
      </c>
      <c r="F99247" s="14" t="s">
        <v>61</v>
      </c>
      <c r="G99247" s="16">
        <v>2.5878756070199973</v>
      </c>
    </row>
    <row r="99248" spans="1:7" x14ac:dyDescent="0.3">
      <c r="A99248" s="13" t="s">
        <v>489</v>
      </c>
      <c r="B99248" s="14" t="s">
        <v>1</v>
      </c>
      <c r="C99248" s="14" t="s">
        <v>70</v>
      </c>
      <c r="D99248" s="14" t="s">
        <v>490</v>
      </c>
      <c r="E99248" s="15">
        <v>45709</v>
      </c>
      <c r="F99248" s="14" t="s">
        <v>61</v>
      </c>
      <c r="G99248" s="16">
        <v>2.6024560944272661</v>
      </c>
    </row>
    <row r="99249" spans="1:7" x14ac:dyDescent="0.3">
      <c r="A99249" s="13" t="s">
        <v>489</v>
      </c>
      <c r="B99249" s="14" t="s">
        <v>1</v>
      </c>
      <c r="C99249" s="14" t="s">
        <v>70</v>
      </c>
      <c r="D99249" s="14" t="s">
        <v>490</v>
      </c>
      <c r="E99249" s="15">
        <v>45710</v>
      </c>
      <c r="F99249" s="14" t="s">
        <v>61</v>
      </c>
      <c r="G99249" s="16">
        <v>2.6024560944272661</v>
      </c>
    </row>
    <row r="99250" spans="1:7" x14ac:dyDescent="0.3">
      <c r="A99250" s="13" t="s">
        <v>489</v>
      </c>
      <c r="B99250" s="14" t="s">
        <v>1</v>
      </c>
      <c r="C99250" s="14" t="s">
        <v>70</v>
      </c>
      <c r="D99250" s="14" t="s">
        <v>490</v>
      </c>
      <c r="E99250" s="15">
        <v>45711</v>
      </c>
      <c r="F99250" s="14" t="s">
        <v>61</v>
      </c>
      <c r="G99250" s="16">
        <v>2.6024560944272661</v>
      </c>
    </row>
    <row r="99251" spans="1:7" x14ac:dyDescent="0.3">
      <c r="A99251" s="13" t="s">
        <v>489</v>
      </c>
      <c r="B99251" s="14" t="s">
        <v>1</v>
      </c>
      <c r="C99251" s="14" t="s">
        <v>70</v>
      </c>
      <c r="D99251" s="14" t="s">
        <v>490</v>
      </c>
      <c r="E99251" s="15">
        <v>45712</v>
      </c>
      <c r="F99251" s="14" t="s">
        <v>61</v>
      </c>
      <c r="G99251" s="16">
        <v>2.6037503461048006</v>
      </c>
    </row>
    <row r="99252" spans="1:7" x14ac:dyDescent="0.3">
      <c r="A99252" s="13" t="s">
        <v>489</v>
      </c>
      <c r="B99252" s="14" t="s">
        <v>1</v>
      </c>
      <c r="C99252" s="14" t="s">
        <v>70</v>
      </c>
      <c r="D99252" s="14" t="s">
        <v>490</v>
      </c>
      <c r="E99252" s="15">
        <v>45713</v>
      </c>
      <c r="F99252" s="14" t="s">
        <v>61</v>
      </c>
      <c r="G99252" s="16">
        <v>2.6029370242254215</v>
      </c>
    </row>
    <row r="99253" spans="1:7" x14ac:dyDescent="0.3">
      <c r="A99253" s="13" t="s">
        <v>489</v>
      </c>
      <c r="B99253" s="14" t="s">
        <v>1</v>
      </c>
      <c r="C99253" s="14" t="s">
        <v>70</v>
      </c>
      <c r="D99253" s="14" t="s">
        <v>490</v>
      </c>
      <c r="E99253" s="15">
        <v>45714</v>
      </c>
      <c r="F99253" s="14" t="s">
        <v>61</v>
      </c>
      <c r="G99253" s="16">
        <v>2.6134364142090978</v>
      </c>
    </row>
    <row r="99254" spans="1:7" x14ac:dyDescent="0.3">
      <c r="A99254" s="13" t="s">
        <v>489</v>
      </c>
      <c r="B99254" s="14" t="s">
        <v>1</v>
      </c>
      <c r="C99254" s="14" t="s">
        <v>70</v>
      </c>
      <c r="D99254" s="14" t="s">
        <v>490</v>
      </c>
      <c r="E99254" s="15">
        <v>45715</v>
      </c>
      <c r="F99254" s="14" t="s">
        <v>61</v>
      </c>
      <c r="G99254" s="16">
        <v>2.6398704494771659</v>
      </c>
    </row>
    <row r="99255" spans="1:7" x14ac:dyDescent="0.3">
      <c r="A99255" s="13" t="s">
        <v>489</v>
      </c>
      <c r="B99255" s="14" t="s">
        <v>1</v>
      </c>
      <c r="C99255" s="14" t="s">
        <v>70</v>
      </c>
      <c r="D99255" s="14" t="s">
        <v>490</v>
      </c>
      <c r="E99255" s="15">
        <v>45716</v>
      </c>
      <c r="F99255" s="14" t="s">
        <v>61</v>
      </c>
      <c r="G99255" s="16">
        <v>2.6537955336209387</v>
      </c>
    </row>
    <row r="99256" spans="1:7" x14ac:dyDescent="0.3">
      <c r="A99256" s="13" t="s">
        <v>489</v>
      </c>
      <c r="B99256" s="14" t="s">
        <v>1</v>
      </c>
      <c r="C99256" s="14" t="s">
        <v>70</v>
      </c>
      <c r="D99256" s="14" t="s">
        <v>490</v>
      </c>
      <c r="E99256" s="15">
        <v>45717</v>
      </c>
      <c r="F99256" s="14" t="s">
        <v>61</v>
      </c>
      <c r="G99256" s="16">
        <v>2.6537955336209387</v>
      </c>
    </row>
    <row r="99257" spans="1:7" x14ac:dyDescent="0.3">
      <c r="A99257" s="13" t="s">
        <v>489</v>
      </c>
      <c r="B99257" s="14" t="s">
        <v>1</v>
      </c>
      <c r="C99257" s="14" t="s">
        <v>70</v>
      </c>
      <c r="D99257" s="14" t="s">
        <v>490</v>
      </c>
      <c r="E99257" s="15">
        <v>45718</v>
      </c>
      <c r="F99257" s="14" t="s">
        <v>61</v>
      </c>
      <c r="G99257" s="16">
        <v>2.6537955336209387</v>
      </c>
    </row>
    <row r="99258" spans="1:7" x14ac:dyDescent="0.3">
      <c r="A99258" s="13" t="s">
        <v>489</v>
      </c>
      <c r="B99258" s="14" t="s">
        <v>1</v>
      </c>
      <c r="C99258" s="14" t="s">
        <v>70</v>
      </c>
      <c r="D99258" s="14" t="s">
        <v>490</v>
      </c>
      <c r="E99258" s="15">
        <v>45719</v>
      </c>
      <c r="F99258" s="14" t="s">
        <v>61</v>
      </c>
      <c r="G99258" s="16">
        <v>2.6514324799957341</v>
      </c>
    </row>
    <row r="99259" spans="1:7" x14ac:dyDescent="0.3">
      <c r="A99259" s="13" t="s">
        <v>489</v>
      </c>
      <c r="B99259" s="14" t="s">
        <v>1</v>
      </c>
      <c r="C99259" s="14" t="s">
        <v>70</v>
      </c>
      <c r="D99259" s="14" t="s">
        <v>490</v>
      </c>
      <c r="E99259" s="15">
        <v>45720</v>
      </c>
      <c r="F99259" s="14" t="s">
        <v>61</v>
      </c>
      <c r="G99259" s="16">
        <v>2.6283721816083205</v>
      </c>
    </row>
    <row r="99260" spans="1:7" x14ac:dyDescent="0.3">
      <c r="A99260" s="13" t="s">
        <v>489</v>
      </c>
      <c r="B99260" s="14" t="s">
        <v>1</v>
      </c>
      <c r="C99260" s="14" t="s">
        <v>70</v>
      </c>
      <c r="D99260" s="14" t="s">
        <v>490</v>
      </c>
      <c r="E99260" s="15">
        <v>45721</v>
      </c>
      <c r="F99260" s="14" t="s">
        <v>61</v>
      </c>
      <c r="G99260" s="16">
        <v>2.5920345217057488</v>
      </c>
    </row>
    <row r="99261" spans="1:7" x14ac:dyDescent="0.3">
      <c r="A99261" s="13" t="s">
        <v>489</v>
      </c>
      <c r="B99261" s="14" t="s">
        <v>1</v>
      </c>
      <c r="C99261" s="14" t="s">
        <v>70</v>
      </c>
      <c r="D99261" s="14" t="s">
        <v>490</v>
      </c>
      <c r="E99261" s="15">
        <v>45722</v>
      </c>
      <c r="F99261" s="14" t="s">
        <v>61</v>
      </c>
      <c r="G99261" s="16">
        <v>2.5992448227242746</v>
      </c>
    </row>
    <row r="99262" spans="1:7" x14ac:dyDescent="0.3">
      <c r="A99262" s="13" t="s">
        <v>489</v>
      </c>
      <c r="B99262" s="14" t="s">
        <v>1</v>
      </c>
      <c r="C99262" s="14" t="s">
        <v>70</v>
      </c>
      <c r="D99262" s="14" t="s">
        <v>490</v>
      </c>
      <c r="E99262" s="15">
        <v>45723</v>
      </c>
      <c r="F99262" s="14" t="s">
        <v>61</v>
      </c>
      <c r="G99262" s="16">
        <v>2.6308832562655668</v>
      </c>
    </row>
    <row r="99263" spans="1:7" x14ac:dyDescent="0.3">
      <c r="A99263" s="13" t="s">
        <v>489</v>
      </c>
      <c r="B99263" s="14" t="s">
        <v>1</v>
      </c>
      <c r="C99263" s="14" t="s">
        <v>70</v>
      </c>
      <c r="D99263" s="14" t="s">
        <v>490</v>
      </c>
      <c r="E99263" s="15">
        <v>45724</v>
      </c>
      <c r="F99263" s="14" t="s">
        <v>61</v>
      </c>
      <c r="G99263" s="16">
        <v>2.6308832562655668</v>
      </c>
    </row>
    <row r="99264" spans="1:7" x14ac:dyDescent="0.3">
      <c r="A99264" s="13" t="s">
        <v>489</v>
      </c>
      <c r="B99264" s="14" t="s">
        <v>1</v>
      </c>
      <c r="C99264" s="14" t="s">
        <v>70</v>
      </c>
      <c r="D99264" s="14" t="s">
        <v>490</v>
      </c>
      <c r="E99264" s="15">
        <v>45725</v>
      </c>
      <c r="F99264" s="14" t="s">
        <v>61</v>
      </c>
      <c r="G99264" s="16">
        <v>2.6308832562655668</v>
      </c>
    </row>
    <row r="99265" spans="1:7" x14ac:dyDescent="0.3">
      <c r="A99265" s="13" t="s">
        <v>489</v>
      </c>
      <c r="B99265" s="14" t="s">
        <v>1</v>
      </c>
      <c r="C99265" s="14" t="s">
        <v>70</v>
      </c>
      <c r="D99265" s="14" t="s">
        <v>490</v>
      </c>
      <c r="E99265" s="15">
        <v>45726</v>
      </c>
      <c r="F99265" s="14" t="s">
        <v>61</v>
      </c>
      <c r="G99265" s="16">
        <v>2.6382148655105198</v>
      </c>
    </row>
    <row r="99266" spans="1:7" x14ac:dyDescent="0.3">
      <c r="A99266" s="13" t="s">
        <v>489</v>
      </c>
      <c r="B99266" s="14" t="s">
        <v>1</v>
      </c>
      <c r="C99266" s="14" t="s">
        <v>70</v>
      </c>
      <c r="D99266" s="14" t="s">
        <v>490</v>
      </c>
      <c r="E99266" s="15">
        <v>45727</v>
      </c>
      <c r="F99266" s="14" t="s">
        <v>61</v>
      </c>
      <c r="G99266" s="16">
        <v>2.6315547573126827</v>
      </c>
    </row>
    <row r="99267" spans="1:7" x14ac:dyDescent="0.3">
      <c r="A99267" s="13" t="s">
        <v>489</v>
      </c>
      <c r="B99267" s="14" t="s">
        <v>1</v>
      </c>
      <c r="C99267" s="14" t="s">
        <v>70</v>
      </c>
      <c r="D99267" s="14" t="s">
        <v>490</v>
      </c>
      <c r="E99267" s="15">
        <v>45728</v>
      </c>
      <c r="F99267" s="14" t="s">
        <v>61</v>
      </c>
      <c r="G99267" s="16">
        <v>2.6530548272263341</v>
      </c>
    </row>
    <row r="99268" spans="1:7" x14ac:dyDescent="0.3">
      <c r="A99268" s="13" t="s">
        <v>489</v>
      </c>
      <c r="B99268" s="14" t="s">
        <v>1</v>
      </c>
      <c r="C99268" s="14" t="s">
        <v>70</v>
      </c>
      <c r="D99268" s="14" t="s">
        <v>490</v>
      </c>
      <c r="E99268" s="15">
        <v>45729</v>
      </c>
      <c r="F99268" s="14" t="s">
        <v>61</v>
      </c>
      <c r="G99268" s="16">
        <v>2.6654006448489587</v>
      </c>
    </row>
    <row r="99269" spans="1:7" x14ac:dyDescent="0.3">
      <c r="A99269" s="13" t="s">
        <v>489</v>
      </c>
      <c r="B99269" s="14" t="s">
        <v>1</v>
      </c>
      <c r="C99269" s="14" t="s">
        <v>70</v>
      </c>
      <c r="D99269" s="14" t="s">
        <v>490</v>
      </c>
      <c r="E99269" s="15">
        <v>45730</v>
      </c>
      <c r="F99269" s="14" t="s">
        <v>61</v>
      </c>
      <c r="G99269" s="16">
        <v>2.6707078597210092</v>
      </c>
    </row>
    <row r="99270" spans="1:7" x14ac:dyDescent="0.3">
      <c r="A99270" s="13" t="s">
        <v>489</v>
      </c>
      <c r="B99270" s="14" t="s">
        <v>1</v>
      </c>
      <c r="C99270" s="14" t="s">
        <v>70</v>
      </c>
      <c r="D99270" s="14" t="s">
        <v>490</v>
      </c>
      <c r="E99270" s="15">
        <v>45731</v>
      </c>
      <c r="F99270" s="14" t="s">
        <v>61</v>
      </c>
      <c r="G99270" s="16">
        <v>2.6707078597210092</v>
      </c>
    </row>
    <row r="99271" spans="1:7" x14ac:dyDescent="0.3">
      <c r="A99271" s="13" t="s">
        <v>489</v>
      </c>
      <c r="B99271" s="14" t="s">
        <v>1</v>
      </c>
      <c r="C99271" s="14" t="s">
        <v>70</v>
      </c>
      <c r="D99271" s="14" t="s">
        <v>490</v>
      </c>
      <c r="E99271" s="15">
        <v>45732</v>
      </c>
      <c r="F99271" s="14" t="s">
        <v>61</v>
      </c>
      <c r="G99271" s="16">
        <v>2.6707078597210092</v>
      </c>
    </row>
    <row r="99272" spans="1:7" x14ac:dyDescent="0.3">
      <c r="A99272" s="13" t="s">
        <v>489</v>
      </c>
      <c r="B99272" s="14" t="s">
        <v>1</v>
      </c>
      <c r="C99272" s="14" t="s">
        <v>70</v>
      </c>
      <c r="D99272" s="14" t="s">
        <v>490</v>
      </c>
      <c r="E99272" s="15">
        <v>45733</v>
      </c>
      <c r="F99272" s="14" t="s">
        <v>61</v>
      </c>
      <c r="G99272" s="16">
        <v>2.6707078597210092</v>
      </c>
    </row>
    <row r="99273" spans="1:7" x14ac:dyDescent="0.3">
      <c r="A99273" s="13" t="s">
        <v>489</v>
      </c>
      <c r="B99273" s="14" t="s">
        <v>1</v>
      </c>
      <c r="C99273" s="14" t="s">
        <v>70</v>
      </c>
      <c r="D99273" s="14" t="s">
        <v>490</v>
      </c>
      <c r="E99273" s="15">
        <v>45734</v>
      </c>
      <c r="F99273" s="14" t="s">
        <v>61</v>
      </c>
      <c r="G99273" s="16">
        <v>2.664428372111439</v>
      </c>
    </row>
    <row r="99274" spans="1:7" x14ac:dyDescent="0.3">
      <c r="A99274" s="13" t="s">
        <v>489</v>
      </c>
      <c r="B99274" s="14" t="s">
        <v>1</v>
      </c>
      <c r="C99274" s="14" t="s">
        <v>70</v>
      </c>
      <c r="D99274" s="14" t="s">
        <v>490</v>
      </c>
      <c r="E99274" s="15">
        <v>45735</v>
      </c>
      <c r="F99274" s="14" t="s">
        <v>61</v>
      </c>
      <c r="G99274" s="16">
        <v>2.6965209687184766</v>
      </c>
    </row>
    <row r="99275" spans="1:7" x14ac:dyDescent="0.3">
      <c r="A99275" s="13" t="s">
        <v>489</v>
      </c>
      <c r="B99275" s="14" t="s">
        <v>1</v>
      </c>
      <c r="C99275" s="14" t="s">
        <v>70</v>
      </c>
      <c r="D99275" s="14" t="s">
        <v>490</v>
      </c>
      <c r="E99275" s="15">
        <v>45736</v>
      </c>
      <c r="F99275" s="14" t="s">
        <v>61</v>
      </c>
      <c r="G99275" s="16">
        <v>2.7124219253638384</v>
      </c>
    </row>
    <row r="99276" spans="1:7" x14ac:dyDescent="0.3">
      <c r="A99276" s="13" t="s">
        <v>489</v>
      </c>
      <c r="B99276" s="14" t="s">
        <v>1</v>
      </c>
      <c r="C99276" s="14" t="s">
        <v>70</v>
      </c>
      <c r="D99276" s="14" t="s">
        <v>490</v>
      </c>
      <c r="E99276" s="15">
        <v>45737</v>
      </c>
      <c r="F99276" s="14" t="s">
        <v>61</v>
      </c>
      <c r="G99276" s="16">
        <v>2.7253703062456425</v>
      </c>
    </row>
    <row r="99277" spans="1:7" x14ac:dyDescent="0.3">
      <c r="A99277" s="13" t="s">
        <v>489</v>
      </c>
      <c r="B99277" s="14" t="s">
        <v>1</v>
      </c>
      <c r="C99277" s="14" t="s">
        <v>70</v>
      </c>
      <c r="D99277" s="14" t="s">
        <v>490</v>
      </c>
      <c r="E99277" s="15">
        <v>45738</v>
      </c>
      <c r="F99277" s="14" t="s">
        <v>61</v>
      </c>
      <c r="G99277" s="16">
        <v>2.7253703062456425</v>
      </c>
    </row>
    <row r="99278" spans="1:7" x14ac:dyDescent="0.3">
      <c r="A99278" s="13" t="s">
        <v>489</v>
      </c>
      <c r="B99278" s="14" t="s">
        <v>1</v>
      </c>
      <c r="C99278" s="14" t="s">
        <v>70</v>
      </c>
      <c r="D99278" s="14" t="s">
        <v>490</v>
      </c>
      <c r="E99278" s="15">
        <v>45739</v>
      </c>
      <c r="F99278" s="14" t="s">
        <v>61</v>
      </c>
      <c r="G99278" s="16">
        <v>2.7253703062456425</v>
      </c>
    </row>
    <row r="99279" spans="1:7" x14ac:dyDescent="0.3">
      <c r="A99279" s="13" t="s">
        <v>489</v>
      </c>
      <c r="B99279" s="14" t="s">
        <v>1</v>
      </c>
      <c r="C99279" s="14" t="s">
        <v>70</v>
      </c>
      <c r="D99279" s="14" t="s">
        <v>490</v>
      </c>
      <c r="E99279" s="15">
        <v>45740</v>
      </c>
      <c r="F99279" s="14" t="s">
        <v>61</v>
      </c>
      <c r="G99279" s="16">
        <v>2.7325009829629732</v>
      </c>
    </row>
    <row r="99280" spans="1:7" x14ac:dyDescent="0.3">
      <c r="A99280" s="13" t="s">
        <v>489</v>
      </c>
      <c r="B99280" s="14" t="s">
        <v>1</v>
      </c>
      <c r="C99280" s="14" t="s">
        <v>70</v>
      </c>
      <c r="D99280" s="14" t="s">
        <v>490</v>
      </c>
      <c r="E99280" s="15">
        <v>45741</v>
      </c>
      <c r="F99280" s="14" t="s">
        <v>61</v>
      </c>
      <c r="G99280" s="16">
        <v>2.7456795969317183</v>
      </c>
    </row>
    <row r="99281" spans="1:7" x14ac:dyDescent="0.3">
      <c r="A99281" s="13" t="s">
        <v>489</v>
      </c>
      <c r="B99281" s="14" t="s">
        <v>1</v>
      </c>
      <c r="C99281" s="14" t="s">
        <v>70</v>
      </c>
      <c r="D99281" s="14" t="s">
        <v>490</v>
      </c>
      <c r="E99281" s="15">
        <v>45742</v>
      </c>
      <c r="F99281" s="14" t="s">
        <v>61</v>
      </c>
      <c r="G99281" s="16">
        <v>2.7586912033927811</v>
      </c>
    </row>
    <row r="99282" spans="1:7" x14ac:dyDescent="0.3">
      <c r="A99282" s="13" t="s">
        <v>489</v>
      </c>
      <c r="B99282" s="14" t="s">
        <v>1</v>
      </c>
      <c r="C99282" s="14" t="s">
        <v>70</v>
      </c>
      <c r="D99282" s="14" t="s">
        <v>490</v>
      </c>
      <c r="E99282" s="15">
        <v>45743</v>
      </c>
      <c r="F99282" s="14" t="s">
        <v>61</v>
      </c>
      <c r="G99282" s="16">
        <v>2.7632239004945065</v>
      </c>
    </row>
    <row r="99283" spans="1:7" x14ac:dyDescent="0.3">
      <c r="A99283" s="13" t="s">
        <v>489</v>
      </c>
      <c r="B99283" s="14" t="s">
        <v>1</v>
      </c>
      <c r="C99283" s="14" t="s">
        <v>70</v>
      </c>
      <c r="D99283" s="14" t="s">
        <v>490</v>
      </c>
      <c r="E99283" s="15">
        <v>45744</v>
      </c>
      <c r="F99283" s="14" t="s">
        <v>61</v>
      </c>
      <c r="G99283" s="16">
        <v>2.8482988355238081</v>
      </c>
    </row>
    <row r="99284" spans="1:7" x14ac:dyDescent="0.3">
      <c r="A99284" s="13" t="s">
        <v>489</v>
      </c>
      <c r="B99284" s="14" t="s">
        <v>1</v>
      </c>
      <c r="C99284" s="14" t="s">
        <v>70</v>
      </c>
      <c r="D99284" s="14" t="s">
        <v>490</v>
      </c>
      <c r="E99284" s="15">
        <v>45745</v>
      </c>
      <c r="F99284" s="14" t="s">
        <v>61</v>
      </c>
      <c r="G99284" s="16">
        <v>2.8482988355238081</v>
      </c>
    </row>
    <row r="99285" spans="1:7" x14ac:dyDescent="0.3">
      <c r="A99285" s="13" t="s">
        <v>489</v>
      </c>
      <c r="B99285" s="14" t="s">
        <v>1</v>
      </c>
      <c r="C99285" s="14" t="s">
        <v>70</v>
      </c>
      <c r="D99285" s="14" t="s">
        <v>490</v>
      </c>
      <c r="E99285" s="15">
        <v>45746</v>
      </c>
      <c r="F99285" s="14" t="s">
        <v>61</v>
      </c>
      <c r="G99285" s="16">
        <v>2.8482988355238081</v>
      </c>
    </row>
    <row r="99286" spans="1:7" x14ac:dyDescent="0.3">
      <c r="A99286" s="13" t="s">
        <v>489</v>
      </c>
      <c r="B99286" s="14" t="s">
        <v>1</v>
      </c>
      <c r="C99286" s="14" t="s">
        <v>70</v>
      </c>
      <c r="D99286" s="14" t="s">
        <v>490</v>
      </c>
      <c r="E99286" s="15">
        <v>45747</v>
      </c>
      <c r="F99286" s="14" t="s">
        <v>61</v>
      </c>
      <c r="G99286" s="16">
        <v>2.8978878254512219</v>
      </c>
    </row>
    <row r="99287" spans="1:7" x14ac:dyDescent="0.3">
      <c r="A99287" s="13" t="s">
        <v>491</v>
      </c>
      <c r="B99287" s="14" t="s">
        <v>1</v>
      </c>
      <c r="C99287" s="14" t="s">
        <v>23</v>
      </c>
      <c r="D99287" s="14" t="s">
        <v>281</v>
      </c>
      <c r="E99287" s="15">
        <v>45383</v>
      </c>
      <c r="F99287" s="14" t="s">
        <v>61</v>
      </c>
      <c r="G99287" s="16">
        <v>0</v>
      </c>
    </row>
    <row r="99288" spans="1:7" x14ac:dyDescent="0.3">
      <c r="A99288" s="13" t="s">
        <v>491</v>
      </c>
      <c r="B99288" s="14" t="s">
        <v>1</v>
      </c>
      <c r="C99288" s="14" t="s">
        <v>23</v>
      </c>
      <c r="D99288" s="14" t="s">
        <v>281</v>
      </c>
      <c r="E99288" s="15">
        <v>45384</v>
      </c>
      <c r="F99288" s="14" t="s">
        <v>61</v>
      </c>
      <c r="G99288" s="16">
        <v>0</v>
      </c>
    </row>
    <row r="99289" spans="1:7" x14ac:dyDescent="0.3">
      <c r="A99289" s="13" t="s">
        <v>491</v>
      </c>
      <c r="B99289" s="14" t="s">
        <v>1</v>
      </c>
      <c r="C99289" s="14" t="s">
        <v>23</v>
      </c>
      <c r="D99289" s="14" t="s">
        <v>281</v>
      </c>
      <c r="E99289" s="15">
        <v>45385</v>
      </c>
      <c r="F99289" s="14" t="s">
        <v>61</v>
      </c>
      <c r="G99289" s="16">
        <v>6.4237569565504388E-2</v>
      </c>
    </row>
    <row r="99290" spans="1:7" x14ac:dyDescent="0.3">
      <c r="A99290" s="13" t="s">
        <v>491</v>
      </c>
      <c r="B99290" s="14" t="s">
        <v>1</v>
      </c>
      <c r="C99290" s="14" t="s">
        <v>23</v>
      </c>
      <c r="D99290" s="14" t="s">
        <v>281</v>
      </c>
      <c r="E99290" s="15">
        <v>45386</v>
      </c>
      <c r="F99290" s="14" t="s">
        <v>61</v>
      </c>
      <c r="G99290" s="16">
        <v>8.1030646517964947E-2</v>
      </c>
    </row>
    <row r="99291" spans="1:7" x14ac:dyDescent="0.3">
      <c r="A99291" s="13" t="s">
        <v>491</v>
      </c>
      <c r="B99291" s="14" t="s">
        <v>1</v>
      </c>
      <c r="C99291" s="14" t="s">
        <v>23</v>
      </c>
      <c r="D99291" s="14" t="s">
        <v>281</v>
      </c>
      <c r="E99291" s="15">
        <v>45387</v>
      </c>
      <c r="F99291" s="14" t="s">
        <v>61</v>
      </c>
      <c r="G99291" s="16">
        <v>0.10865224323649432</v>
      </c>
    </row>
    <row r="99292" spans="1:7" x14ac:dyDescent="0.3">
      <c r="A99292" s="13" t="s">
        <v>491</v>
      </c>
      <c r="B99292" s="14" t="s">
        <v>1</v>
      </c>
      <c r="C99292" s="14" t="s">
        <v>23</v>
      </c>
      <c r="D99292" s="14" t="s">
        <v>281</v>
      </c>
      <c r="E99292" s="15">
        <v>45388</v>
      </c>
      <c r="F99292" s="14" t="s">
        <v>61</v>
      </c>
      <c r="G99292" s="16">
        <v>0.10865224323649432</v>
      </c>
    </row>
    <row r="99293" spans="1:7" x14ac:dyDescent="0.3">
      <c r="A99293" s="13" t="s">
        <v>491</v>
      </c>
      <c r="B99293" s="14" t="s">
        <v>1</v>
      </c>
      <c r="C99293" s="14" t="s">
        <v>23</v>
      </c>
      <c r="D99293" s="14" t="s">
        <v>281</v>
      </c>
      <c r="E99293" s="15">
        <v>45389</v>
      </c>
      <c r="F99293" s="14" t="s">
        <v>61</v>
      </c>
      <c r="G99293" s="16">
        <v>0.10865224323649432</v>
      </c>
    </row>
    <row r="99294" spans="1:7" x14ac:dyDescent="0.3">
      <c r="A99294" s="13" t="s">
        <v>491</v>
      </c>
      <c r="B99294" s="14" t="s">
        <v>1</v>
      </c>
      <c r="C99294" s="14" t="s">
        <v>23</v>
      </c>
      <c r="D99294" s="14" t="s">
        <v>281</v>
      </c>
      <c r="E99294" s="15">
        <v>45390</v>
      </c>
      <c r="F99294" s="14" t="s">
        <v>61</v>
      </c>
      <c r="G99294" s="16">
        <v>0.1232837223629855</v>
      </c>
    </row>
    <row r="99295" spans="1:7" x14ac:dyDescent="0.3">
      <c r="A99295" s="13" t="s">
        <v>491</v>
      </c>
      <c r="B99295" s="14" t="s">
        <v>1</v>
      </c>
      <c r="C99295" s="14" t="s">
        <v>23</v>
      </c>
      <c r="D99295" s="14" t="s">
        <v>281</v>
      </c>
      <c r="E99295" s="15">
        <v>45391</v>
      </c>
      <c r="F99295" s="14" t="s">
        <v>61</v>
      </c>
      <c r="G99295" s="16">
        <v>0.1676620054703459</v>
      </c>
    </row>
    <row r="99296" spans="1:7" x14ac:dyDescent="0.3">
      <c r="A99296" s="13" t="s">
        <v>491</v>
      </c>
      <c r="B99296" s="14" t="s">
        <v>1</v>
      </c>
      <c r="C99296" s="14" t="s">
        <v>23</v>
      </c>
      <c r="D99296" s="14" t="s">
        <v>281</v>
      </c>
      <c r="E99296" s="15">
        <v>45392</v>
      </c>
      <c r="F99296" s="14" t="s">
        <v>61</v>
      </c>
      <c r="G99296" s="16">
        <v>0.18748222266856837</v>
      </c>
    </row>
    <row r="99297" spans="1:7" x14ac:dyDescent="0.3">
      <c r="A99297" s="13" t="s">
        <v>491</v>
      </c>
      <c r="B99297" s="14" t="s">
        <v>1</v>
      </c>
      <c r="C99297" s="14" t="s">
        <v>23</v>
      </c>
      <c r="D99297" s="14" t="s">
        <v>281</v>
      </c>
      <c r="E99297" s="15">
        <v>45393</v>
      </c>
      <c r="F99297" s="14" t="s">
        <v>61</v>
      </c>
      <c r="G99297" s="16">
        <v>0.20411968761190619</v>
      </c>
    </row>
    <row r="99298" spans="1:7" x14ac:dyDescent="0.3">
      <c r="A99298" s="13" t="s">
        <v>491</v>
      </c>
      <c r="B99298" s="14" t="s">
        <v>1</v>
      </c>
      <c r="C99298" s="14" t="s">
        <v>23</v>
      </c>
      <c r="D99298" s="14" t="s">
        <v>281</v>
      </c>
      <c r="E99298" s="15">
        <v>45394</v>
      </c>
      <c r="F99298" s="14" t="s">
        <v>61</v>
      </c>
      <c r="G99298" s="16">
        <v>0.22068252291984378</v>
      </c>
    </row>
    <row r="99299" spans="1:7" x14ac:dyDescent="0.3">
      <c r="A99299" s="13" t="s">
        <v>491</v>
      </c>
      <c r="B99299" s="14" t="s">
        <v>1</v>
      </c>
      <c r="C99299" s="14" t="s">
        <v>23</v>
      </c>
      <c r="D99299" s="14" t="s">
        <v>281</v>
      </c>
      <c r="E99299" s="15">
        <v>45395</v>
      </c>
      <c r="F99299" s="14" t="s">
        <v>61</v>
      </c>
      <c r="G99299" s="16">
        <v>0.22068252291984378</v>
      </c>
    </row>
    <row r="99300" spans="1:7" x14ac:dyDescent="0.3">
      <c r="A99300" s="13" t="s">
        <v>491</v>
      </c>
      <c r="B99300" s="14" t="s">
        <v>1</v>
      </c>
      <c r="C99300" s="14" t="s">
        <v>23</v>
      </c>
      <c r="D99300" s="14" t="s">
        <v>281</v>
      </c>
      <c r="E99300" s="15">
        <v>45396</v>
      </c>
      <c r="F99300" s="14" t="s">
        <v>61</v>
      </c>
      <c r="G99300" s="16">
        <v>0.22068252291984378</v>
      </c>
    </row>
    <row r="99301" spans="1:7" x14ac:dyDescent="0.3">
      <c r="A99301" s="13" t="s">
        <v>491</v>
      </c>
      <c r="B99301" s="14" t="s">
        <v>1</v>
      </c>
      <c r="C99301" s="14" t="s">
        <v>23</v>
      </c>
      <c r="D99301" s="14" t="s">
        <v>281</v>
      </c>
      <c r="E99301" s="15">
        <v>45397</v>
      </c>
      <c r="F99301" s="14" t="s">
        <v>61</v>
      </c>
      <c r="G99301" s="16">
        <v>0.23740800889549415</v>
      </c>
    </row>
    <row r="99302" spans="1:7" x14ac:dyDescent="0.3">
      <c r="A99302" s="13" t="s">
        <v>491</v>
      </c>
      <c r="B99302" s="14" t="s">
        <v>1</v>
      </c>
      <c r="C99302" s="14" t="s">
        <v>23</v>
      </c>
      <c r="D99302" s="14" t="s">
        <v>281</v>
      </c>
      <c r="E99302" s="15">
        <v>45398</v>
      </c>
      <c r="F99302" s="14" t="s">
        <v>61</v>
      </c>
      <c r="G99302" s="16">
        <v>0.28133181390359324</v>
      </c>
    </row>
    <row r="99303" spans="1:7" x14ac:dyDescent="0.3">
      <c r="A99303" s="13" t="s">
        <v>491</v>
      </c>
      <c r="B99303" s="14" t="s">
        <v>1</v>
      </c>
      <c r="C99303" s="14" t="s">
        <v>23</v>
      </c>
      <c r="D99303" s="14" t="s">
        <v>281</v>
      </c>
      <c r="E99303" s="15">
        <v>45399</v>
      </c>
      <c r="F99303" s="14" t="s">
        <v>61</v>
      </c>
      <c r="G99303" s="16">
        <v>0.29444976702462</v>
      </c>
    </row>
    <row r="99304" spans="1:7" x14ac:dyDescent="0.3">
      <c r="A99304" s="13" t="s">
        <v>491</v>
      </c>
      <c r="B99304" s="14" t="s">
        <v>1</v>
      </c>
      <c r="C99304" s="14" t="s">
        <v>23</v>
      </c>
      <c r="D99304" s="14" t="s">
        <v>281</v>
      </c>
      <c r="E99304" s="15">
        <v>45400</v>
      </c>
      <c r="F99304" s="14" t="s">
        <v>61</v>
      </c>
      <c r="G99304" s="16">
        <v>0.30986571226068155</v>
      </c>
    </row>
    <row r="99305" spans="1:7" x14ac:dyDescent="0.3">
      <c r="A99305" s="13" t="s">
        <v>491</v>
      </c>
      <c r="B99305" s="14" t="s">
        <v>1</v>
      </c>
      <c r="C99305" s="14" t="s">
        <v>23</v>
      </c>
      <c r="D99305" s="14" t="s">
        <v>281</v>
      </c>
      <c r="E99305" s="15">
        <v>45401</v>
      </c>
      <c r="F99305" s="14" t="s">
        <v>61</v>
      </c>
      <c r="G99305" s="16">
        <v>0.32417941501318254</v>
      </c>
    </row>
    <row r="99306" spans="1:7" x14ac:dyDescent="0.3">
      <c r="A99306" s="13" t="s">
        <v>491</v>
      </c>
      <c r="B99306" s="14" t="s">
        <v>1</v>
      </c>
      <c r="C99306" s="14" t="s">
        <v>23</v>
      </c>
      <c r="D99306" s="14" t="s">
        <v>281</v>
      </c>
      <c r="E99306" s="15">
        <v>45402</v>
      </c>
      <c r="F99306" s="14" t="s">
        <v>61</v>
      </c>
      <c r="G99306" s="16">
        <v>0.32417941501318254</v>
      </c>
    </row>
    <row r="99307" spans="1:7" x14ac:dyDescent="0.3">
      <c r="A99307" s="13" t="s">
        <v>491</v>
      </c>
      <c r="B99307" s="14" t="s">
        <v>1</v>
      </c>
      <c r="C99307" s="14" t="s">
        <v>23</v>
      </c>
      <c r="D99307" s="14" t="s">
        <v>281</v>
      </c>
      <c r="E99307" s="15">
        <v>45403</v>
      </c>
      <c r="F99307" s="14" t="s">
        <v>61</v>
      </c>
      <c r="G99307" s="16">
        <v>0.32417941501318254</v>
      </c>
    </row>
    <row r="99308" spans="1:7" x14ac:dyDescent="0.3">
      <c r="A99308" s="13" t="s">
        <v>491</v>
      </c>
      <c r="B99308" s="14" t="s">
        <v>1</v>
      </c>
      <c r="C99308" s="14" t="s">
        <v>23</v>
      </c>
      <c r="D99308" s="14" t="s">
        <v>281</v>
      </c>
      <c r="E99308" s="15">
        <v>45404</v>
      </c>
      <c r="F99308" s="14" t="s">
        <v>61</v>
      </c>
      <c r="G99308" s="16">
        <v>0.34619347258595212</v>
      </c>
    </row>
    <row r="99309" spans="1:7" x14ac:dyDescent="0.3">
      <c r="A99309" s="13" t="s">
        <v>491</v>
      </c>
      <c r="B99309" s="14" t="s">
        <v>1</v>
      </c>
      <c r="C99309" s="14" t="s">
        <v>23</v>
      </c>
      <c r="D99309" s="14" t="s">
        <v>281</v>
      </c>
      <c r="E99309" s="15">
        <v>45405</v>
      </c>
      <c r="F99309" s="14" t="s">
        <v>61</v>
      </c>
      <c r="G99309" s="16">
        <v>0.3816953391731005</v>
      </c>
    </row>
    <row r="99310" spans="1:7" x14ac:dyDescent="0.3">
      <c r="A99310" s="13" t="s">
        <v>491</v>
      </c>
      <c r="B99310" s="14" t="s">
        <v>1</v>
      </c>
      <c r="C99310" s="14" t="s">
        <v>23</v>
      </c>
      <c r="D99310" s="14" t="s">
        <v>281</v>
      </c>
      <c r="E99310" s="15">
        <v>45406</v>
      </c>
      <c r="F99310" s="14" t="s">
        <v>61</v>
      </c>
      <c r="G99310" s="16">
        <v>0.39348639546597852</v>
      </c>
    </row>
    <row r="99311" spans="1:7" x14ac:dyDescent="0.3">
      <c r="A99311" s="13" t="s">
        <v>491</v>
      </c>
      <c r="B99311" s="14" t="s">
        <v>1</v>
      </c>
      <c r="C99311" s="14" t="s">
        <v>23</v>
      </c>
      <c r="D99311" s="14" t="s">
        <v>281</v>
      </c>
      <c r="E99311" s="15">
        <v>45407</v>
      </c>
      <c r="F99311" s="14" t="s">
        <v>61</v>
      </c>
      <c r="G99311" s="16">
        <v>0.35587326713394069</v>
      </c>
    </row>
    <row r="99312" spans="1:7" x14ac:dyDescent="0.3">
      <c r="A99312" s="13" t="s">
        <v>491</v>
      </c>
      <c r="B99312" s="14" t="s">
        <v>1</v>
      </c>
      <c r="C99312" s="14" t="s">
        <v>23</v>
      </c>
      <c r="D99312" s="14" t="s">
        <v>281</v>
      </c>
      <c r="E99312" s="15">
        <v>45408</v>
      </c>
      <c r="F99312" s="14" t="s">
        <v>61</v>
      </c>
      <c r="G99312" s="16">
        <v>0.3703807887336506</v>
      </c>
    </row>
    <row r="99313" spans="1:7" x14ac:dyDescent="0.3">
      <c r="A99313" s="13" t="s">
        <v>491</v>
      </c>
      <c r="B99313" s="14" t="s">
        <v>1</v>
      </c>
      <c r="C99313" s="14" t="s">
        <v>23</v>
      </c>
      <c r="D99313" s="14" t="s">
        <v>281</v>
      </c>
      <c r="E99313" s="15">
        <v>45409</v>
      </c>
      <c r="F99313" s="14" t="s">
        <v>61</v>
      </c>
      <c r="G99313" s="16">
        <v>0.3703807887336506</v>
      </c>
    </row>
    <row r="99314" spans="1:7" x14ac:dyDescent="0.3">
      <c r="A99314" s="13" t="s">
        <v>491</v>
      </c>
      <c r="B99314" s="14" t="s">
        <v>1</v>
      </c>
      <c r="C99314" s="14" t="s">
        <v>23</v>
      </c>
      <c r="D99314" s="14" t="s">
        <v>281</v>
      </c>
      <c r="E99314" s="15">
        <v>45410</v>
      </c>
      <c r="F99314" s="14" t="s">
        <v>61</v>
      </c>
      <c r="G99314" s="16">
        <v>0.3703807887336506</v>
      </c>
    </row>
    <row r="99315" spans="1:7" x14ac:dyDescent="0.3">
      <c r="A99315" s="13" t="s">
        <v>491</v>
      </c>
      <c r="B99315" s="14" t="s">
        <v>1</v>
      </c>
      <c r="C99315" s="14" t="s">
        <v>23</v>
      </c>
      <c r="D99315" s="14" t="s">
        <v>281</v>
      </c>
      <c r="E99315" s="15">
        <v>45411</v>
      </c>
      <c r="F99315" s="14" t="s">
        <v>61</v>
      </c>
      <c r="G99315" s="16">
        <v>0.3845418615513081</v>
      </c>
    </row>
    <row r="99316" spans="1:7" x14ac:dyDescent="0.3">
      <c r="A99316" s="13" t="s">
        <v>491</v>
      </c>
      <c r="B99316" s="14" t="s">
        <v>1</v>
      </c>
      <c r="C99316" s="14" t="s">
        <v>23</v>
      </c>
      <c r="D99316" s="14" t="s">
        <v>281</v>
      </c>
      <c r="E99316" s="15">
        <v>45412</v>
      </c>
      <c r="F99316" s="14" t="s">
        <v>61</v>
      </c>
      <c r="G99316" s="16">
        <v>0.43202555430430001</v>
      </c>
    </row>
    <row r="99317" spans="1:7" x14ac:dyDescent="0.3">
      <c r="A99317" s="13" t="s">
        <v>491</v>
      </c>
      <c r="B99317" s="14" t="s">
        <v>1</v>
      </c>
      <c r="C99317" s="14" t="s">
        <v>23</v>
      </c>
      <c r="D99317" s="14" t="s">
        <v>281</v>
      </c>
      <c r="E99317" s="15">
        <v>45413</v>
      </c>
      <c r="F99317" s="14" t="s">
        <v>61</v>
      </c>
      <c r="G99317" s="16">
        <v>0.44517851383583151</v>
      </c>
    </row>
    <row r="99318" spans="1:7" x14ac:dyDescent="0.3">
      <c r="A99318" s="13" t="s">
        <v>491</v>
      </c>
      <c r="B99318" s="14" t="s">
        <v>1</v>
      </c>
      <c r="C99318" s="14" t="s">
        <v>23</v>
      </c>
      <c r="D99318" s="14" t="s">
        <v>281</v>
      </c>
      <c r="E99318" s="15">
        <v>45414</v>
      </c>
      <c r="F99318" s="14" t="s">
        <v>61</v>
      </c>
      <c r="G99318" s="16">
        <v>0.45992717427191748</v>
      </c>
    </row>
    <row r="99319" spans="1:7" x14ac:dyDescent="0.3">
      <c r="A99319" s="13" t="s">
        <v>491</v>
      </c>
      <c r="B99319" s="14" t="s">
        <v>1</v>
      </c>
      <c r="C99319" s="14" t="s">
        <v>23</v>
      </c>
      <c r="D99319" s="14" t="s">
        <v>281</v>
      </c>
      <c r="E99319" s="15">
        <v>45415</v>
      </c>
      <c r="F99319" s="14" t="s">
        <v>61</v>
      </c>
      <c r="G99319" s="16">
        <v>0.47350670148380203</v>
      </c>
    </row>
    <row r="99320" spans="1:7" x14ac:dyDescent="0.3">
      <c r="A99320" s="13" t="s">
        <v>491</v>
      </c>
      <c r="B99320" s="14" t="s">
        <v>1</v>
      </c>
      <c r="C99320" s="14" t="s">
        <v>23</v>
      </c>
      <c r="D99320" s="14" t="s">
        <v>281</v>
      </c>
      <c r="E99320" s="15">
        <v>45416</v>
      </c>
      <c r="F99320" s="14" t="s">
        <v>61</v>
      </c>
      <c r="G99320" s="16">
        <v>0.47350670148380203</v>
      </c>
    </row>
    <row r="99321" spans="1:7" x14ac:dyDescent="0.3">
      <c r="A99321" s="13" t="s">
        <v>491</v>
      </c>
      <c r="B99321" s="14" t="s">
        <v>1</v>
      </c>
      <c r="C99321" s="14" t="s">
        <v>23</v>
      </c>
      <c r="D99321" s="14" t="s">
        <v>281</v>
      </c>
      <c r="E99321" s="15">
        <v>45417</v>
      </c>
      <c r="F99321" s="14" t="s">
        <v>61</v>
      </c>
      <c r="G99321" s="16">
        <v>0.47350670148380203</v>
      </c>
    </row>
    <row r="99322" spans="1:7" x14ac:dyDescent="0.3">
      <c r="A99322" s="13" t="s">
        <v>491</v>
      </c>
      <c r="B99322" s="14" t="s">
        <v>1</v>
      </c>
      <c r="C99322" s="14" t="s">
        <v>23</v>
      </c>
      <c r="D99322" s="14" t="s">
        <v>281</v>
      </c>
      <c r="E99322" s="15">
        <v>45418</v>
      </c>
      <c r="F99322" s="14" t="s">
        <v>61</v>
      </c>
      <c r="G99322" s="16">
        <v>0.47350670148380203</v>
      </c>
    </row>
    <row r="99323" spans="1:7" x14ac:dyDescent="0.3">
      <c r="A99323" s="13" t="s">
        <v>491</v>
      </c>
      <c r="B99323" s="14" t="s">
        <v>1</v>
      </c>
      <c r="C99323" s="14" t="s">
        <v>23</v>
      </c>
      <c r="D99323" s="14" t="s">
        <v>281</v>
      </c>
      <c r="E99323" s="15">
        <v>45419</v>
      </c>
      <c r="F99323" s="14" t="s">
        <v>61</v>
      </c>
      <c r="G99323" s="16">
        <v>0.48811239981079169</v>
      </c>
    </row>
    <row r="99324" spans="1:7" x14ac:dyDescent="0.3">
      <c r="A99324" s="13" t="s">
        <v>491</v>
      </c>
      <c r="B99324" s="14" t="s">
        <v>1</v>
      </c>
      <c r="C99324" s="14" t="s">
        <v>23</v>
      </c>
      <c r="D99324" s="14" t="s">
        <v>281</v>
      </c>
      <c r="E99324" s="15">
        <v>45420</v>
      </c>
      <c r="F99324" s="14" t="s">
        <v>61</v>
      </c>
      <c r="G99324" s="16">
        <v>0.56418077883822415</v>
      </c>
    </row>
    <row r="99325" spans="1:7" x14ac:dyDescent="0.3">
      <c r="A99325" s="13" t="s">
        <v>491</v>
      </c>
      <c r="B99325" s="14" t="s">
        <v>1</v>
      </c>
      <c r="C99325" s="14" t="s">
        <v>23</v>
      </c>
      <c r="D99325" s="14" t="s">
        <v>281</v>
      </c>
      <c r="E99325" s="15">
        <v>45421</v>
      </c>
      <c r="F99325" s="14" t="s">
        <v>61</v>
      </c>
      <c r="G99325" s="16">
        <v>0.57757350107812233</v>
      </c>
    </row>
    <row r="99326" spans="1:7" x14ac:dyDescent="0.3">
      <c r="A99326" s="13" t="s">
        <v>491</v>
      </c>
      <c r="B99326" s="14" t="s">
        <v>1</v>
      </c>
      <c r="C99326" s="14" t="s">
        <v>23</v>
      </c>
      <c r="D99326" s="14" t="s">
        <v>281</v>
      </c>
      <c r="E99326" s="15">
        <v>45422</v>
      </c>
      <c r="F99326" s="14" t="s">
        <v>61</v>
      </c>
      <c r="G99326" s="16">
        <v>0.59299048141415689</v>
      </c>
    </row>
    <row r="99327" spans="1:7" x14ac:dyDescent="0.3">
      <c r="A99327" s="13" t="s">
        <v>491</v>
      </c>
      <c r="B99327" s="14" t="s">
        <v>1</v>
      </c>
      <c r="C99327" s="14" t="s">
        <v>23</v>
      </c>
      <c r="D99327" s="14" t="s">
        <v>281</v>
      </c>
      <c r="E99327" s="15">
        <v>45423</v>
      </c>
      <c r="F99327" s="14" t="s">
        <v>61</v>
      </c>
      <c r="G99327" s="16">
        <v>0.59299048141415689</v>
      </c>
    </row>
    <row r="99328" spans="1:7" x14ac:dyDescent="0.3">
      <c r="A99328" s="13" t="s">
        <v>491</v>
      </c>
      <c r="B99328" s="14" t="s">
        <v>1</v>
      </c>
      <c r="C99328" s="14" t="s">
        <v>23</v>
      </c>
      <c r="D99328" s="14" t="s">
        <v>281</v>
      </c>
      <c r="E99328" s="15">
        <v>45424</v>
      </c>
      <c r="F99328" s="14" t="s">
        <v>61</v>
      </c>
      <c r="G99328" s="16">
        <v>0.59299048141415689</v>
      </c>
    </row>
    <row r="99329" spans="1:7" x14ac:dyDescent="0.3">
      <c r="A99329" s="13" t="s">
        <v>491</v>
      </c>
      <c r="B99329" s="14" t="s">
        <v>1</v>
      </c>
      <c r="C99329" s="14" t="s">
        <v>23</v>
      </c>
      <c r="D99329" s="14" t="s">
        <v>281</v>
      </c>
      <c r="E99329" s="15">
        <v>45425</v>
      </c>
      <c r="F99329" s="14" t="s">
        <v>61</v>
      </c>
      <c r="G99329" s="16">
        <v>0.60762808972643501</v>
      </c>
    </row>
    <row r="99330" spans="1:7" x14ac:dyDescent="0.3">
      <c r="A99330" s="13" t="s">
        <v>491</v>
      </c>
      <c r="B99330" s="14" t="s">
        <v>1</v>
      </c>
      <c r="C99330" s="14" t="s">
        <v>23</v>
      </c>
      <c r="D99330" s="14" t="s">
        <v>281</v>
      </c>
      <c r="E99330" s="15">
        <v>45426</v>
      </c>
      <c r="F99330" s="14" t="s">
        <v>61</v>
      </c>
      <c r="G99330" s="16">
        <v>0.65228031453506541</v>
      </c>
    </row>
    <row r="99331" spans="1:7" x14ac:dyDescent="0.3">
      <c r="A99331" s="13" t="s">
        <v>491</v>
      </c>
      <c r="B99331" s="14" t="s">
        <v>1</v>
      </c>
      <c r="C99331" s="14" t="s">
        <v>23</v>
      </c>
      <c r="D99331" s="14" t="s">
        <v>281</v>
      </c>
      <c r="E99331" s="15">
        <v>45427</v>
      </c>
      <c r="F99331" s="14" t="s">
        <v>61</v>
      </c>
      <c r="G99331" s="16">
        <v>0.66328553662782763</v>
      </c>
    </row>
    <row r="99332" spans="1:7" x14ac:dyDescent="0.3">
      <c r="A99332" s="13" t="s">
        <v>491</v>
      </c>
      <c r="B99332" s="14" t="s">
        <v>1</v>
      </c>
      <c r="C99332" s="14" t="s">
        <v>23</v>
      </c>
      <c r="D99332" s="14" t="s">
        <v>281</v>
      </c>
      <c r="E99332" s="15">
        <v>45428</v>
      </c>
      <c r="F99332" s="14" t="s">
        <v>61</v>
      </c>
      <c r="G99332" s="16">
        <v>0.67940599358011888</v>
      </c>
    </row>
    <row r="99333" spans="1:7" x14ac:dyDescent="0.3">
      <c r="A99333" s="13" t="s">
        <v>491</v>
      </c>
      <c r="B99333" s="14" t="s">
        <v>1</v>
      </c>
      <c r="C99333" s="14" t="s">
        <v>23</v>
      </c>
      <c r="D99333" s="14" t="s">
        <v>281</v>
      </c>
      <c r="E99333" s="15">
        <v>45429</v>
      </c>
      <c r="F99333" s="14" t="s">
        <v>61</v>
      </c>
      <c r="G99333" s="16">
        <v>0.69424018466482074</v>
      </c>
    </row>
    <row r="99334" spans="1:7" x14ac:dyDescent="0.3">
      <c r="A99334" s="13" t="s">
        <v>491</v>
      </c>
      <c r="B99334" s="14" t="s">
        <v>1</v>
      </c>
      <c r="C99334" s="14" t="s">
        <v>23</v>
      </c>
      <c r="D99334" s="14" t="s">
        <v>281</v>
      </c>
      <c r="E99334" s="15">
        <v>45430</v>
      </c>
      <c r="F99334" s="14" t="s">
        <v>61</v>
      </c>
      <c r="G99334" s="16">
        <v>0.69424018466482074</v>
      </c>
    </row>
    <row r="99335" spans="1:7" x14ac:dyDescent="0.3">
      <c r="A99335" s="13" t="s">
        <v>491</v>
      </c>
      <c r="B99335" s="14" t="s">
        <v>1</v>
      </c>
      <c r="C99335" s="14" t="s">
        <v>23</v>
      </c>
      <c r="D99335" s="14" t="s">
        <v>281</v>
      </c>
      <c r="E99335" s="15">
        <v>45431</v>
      </c>
      <c r="F99335" s="14" t="s">
        <v>61</v>
      </c>
      <c r="G99335" s="16">
        <v>0.69424018466482074</v>
      </c>
    </row>
    <row r="99336" spans="1:7" x14ac:dyDescent="0.3">
      <c r="A99336" s="13" t="s">
        <v>491</v>
      </c>
      <c r="B99336" s="14" t="s">
        <v>1</v>
      </c>
      <c r="C99336" s="14" t="s">
        <v>23</v>
      </c>
      <c r="D99336" s="14" t="s">
        <v>281</v>
      </c>
      <c r="E99336" s="15">
        <v>45432</v>
      </c>
      <c r="F99336" s="14" t="s">
        <v>61</v>
      </c>
      <c r="G99336" s="16">
        <v>0.7105822463717113</v>
      </c>
    </row>
    <row r="99337" spans="1:7" x14ac:dyDescent="0.3">
      <c r="A99337" s="13" t="s">
        <v>491</v>
      </c>
      <c r="B99337" s="14" t="s">
        <v>1</v>
      </c>
      <c r="C99337" s="14" t="s">
        <v>23</v>
      </c>
      <c r="D99337" s="14" t="s">
        <v>281</v>
      </c>
      <c r="E99337" s="15">
        <v>45433</v>
      </c>
      <c r="F99337" s="14" t="s">
        <v>61</v>
      </c>
      <c r="G99337" s="16">
        <v>0.756571018605804</v>
      </c>
    </row>
    <row r="99338" spans="1:7" x14ac:dyDescent="0.3">
      <c r="A99338" s="13" t="s">
        <v>491</v>
      </c>
      <c r="B99338" s="14" t="s">
        <v>1</v>
      </c>
      <c r="C99338" s="14" t="s">
        <v>23</v>
      </c>
      <c r="D99338" s="14" t="s">
        <v>281</v>
      </c>
      <c r="E99338" s="15">
        <v>45434</v>
      </c>
      <c r="F99338" s="14" t="s">
        <v>61</v>
      </c>
      <c r="G99338" s="16">
        <v>0.77391187840741893</v>
      </c>
    </row>
    <row r="99339" spans="1:7" x14ac:dyDescent="0.3">
      <c r="A99339" s="13" t="s">
        <v>491</v>
      </c>
      <c r="B99339" s="14" t="s">
        <v>1</v>
      </c>
      <c r="C99339" s="14" t="s">
        <v>23</v>
      </c>
      <c r="D99339" s="14" t="s">
        <v>281</v>
      </c>
      <c r="E99339" s="15">
        <v>45435</v>
      </c>
      <c r="F99339" s="14" t="s">
        <v>61</v>
      </c>
      <c r="G99339" s="16">
        <v>0.79237809831027872</v>
      </c>
    </row>
    <row r="99340" spans="1:7" x14ac:dyDescent="0.3">
      <c r="A99340" s="13" t="s">
        <v>491</v>
      </c>
      <c r="B99340" s="14" t="s">
        <v>1</v>
      </c>
      <c r="C99340" s="14" t="s">
        <v>23</v>
      </c>
      <c r="D99340" s="14" t="s">
        <v>281</v>
      </c>
      <c r="E99340" s="15">
        <v>45436</v>
      </c>
      <c r="F99340" s="14" t="s">
        <v>61</v>
      </c>
      <c r="G99340" s="16">
        <v>0.80472875103826513</v>
      </c>
    </row>
    <row r="99341" spans="1:7" x14ac:dyDescent="0.3">
      <c r="A99341" s="13" t="s">
        <v>491</v>
      </c>
      <c r="B99341" s="14" t="s">
        <v>1</v>
      </c>
      <c r="C99341" s="14" t="s">
        <v>23</v>
      </c>
      <c r="D99341" s="14" t="s">
        <v>281</v>
      </c>
      <c r="E99341" s="15">
        <v>45437</v>
      </c>
      <c r="F99341" s="14" t="s">
        <v>61</v>
      </c>
      <c r="G99341" s="16">
        <v>0.80472875103826513</v>
      </c>
    </row>
    <row r="99342" spans="1:7" x14ac:dyDescent="0.3">
      <c r="A99342" s="13" t="s">
        <v>491</v>
      </c>
      <c r="B99342" s="14" t="s">
        <v>1</v>
      </c>
      <c r="C99342" s="14" t="s">
        <v>23</v>
      </c>
      <c r="D99342" s="14" t="s">
        <v>281</v>
      </c>
      <c r="E99342" s="15">
        <v>45438</v>
      </c>
      <c r="F99342" s="14" t="s">
        <v>61</v>
      </c>
      <c r="G99342" s="16">
        <v>0.80472875103826513</v>
      </c>
    </row>
    <row r="99343" spans="1:7" x14ac:dyDescent="0.3">
      <c r="A99343" s="13" t="s">
        <v>491</v>
      </c>
      <c r="B99343" s="14" t="s">
        <v>1</v>
      </c>
      <c r="C99343" s="14" t="s">
        <v>23</v>
      </c>
      <c r="D99343" s="14" t="s">
        <v>281</v>
      </c>
      <c r="E99343" s="15">
        <v>45439</v>
      </c>
      <c r="F99343" s="14" t="s">
        <v>61</v>
      </c>
      <c r="G99343" s="16">
        <v>0.80472875103826513</v>
      </c>
    </row>
    <row r="99344" spans="1:7" x14ac:dyDescent="0.3">
      <c r="A99344" s="13" t="s">
        <v>491</v>
      </c>
      <c r="B99344" s="14" t="s">
        <v>1</v>
      </c>
      <c r="C99344" s="14" t="s">
        <v>23</v>
      </c>
      <c r="D99344" s="14" t="s">
        <v>281</v>
      </c>
      <c r="E99344" s="15">
        <v>45440</v>
      </c>
      <c r="F99344" s="14" t="s">
        <v>61</v>
      </c>
      <c r="G99344" s="16">
        <v>0.81877922507311918</v>
      </c>
    </row>
    <row r="99345" spans="1:7" x14ac:dyDescent="0.3">
      <c r="A99345" s="13" t="s">
        <v>491</v>
      </c>
      <c r="B99345" s="14" t="s">
        <v>1</v>
      </c>
      <c r="C99345" s="14" t="s">
        <v>23</v>
      </c>
      <c r="D99345" s="14" t="s">
        <v>281</v>
      </c>
      <c r="E99345" s="15">
        <v>45441</v>
      </c>
      <c r="F99345" s="14" t="s">
        <v>61</v>
      </c>
      <c r="G99345" s="16">
        <v>0.87784297320996951</v>
      </c>
    </row>
    <row r="99346" spans="1:7" x14ac:dyDescent="0.3">
      <c r="A99346" s="13" t="s">
        <v>491</v>
      </c>
      <c r="B99346" s="14" t="s">
        <v>1</v>
      </c>
      <c r="C99346" s="14" t="s">
        <v>23</v>
      </c>
      <c r="D99346" s="14" t="s">
        <v>281</v>
      </c>
      <c r="E99346" s="15">
        <v>45442</v>
      </c>
      <c r="F99346" s="14" t="s">
        <v>61</v>
      </c>
      <c r="G99346" s="16">
        <v>0.892167299556059</v>
      </c>
    </row>
    <row r="99347" spans="1:7" x14ac:dyDescent="0.3">
      <c r="A99347" s="13" t="s">
        <v>491</v>
      </c>
      <c r="B99347" s="14" t="s">
        <v>1</v>
      </c>
      <c r="C99347" s="14" t="s">
        <v>23</v>
      </c>
      <c r="D99347" s="14" t="s">
        <v>281</v>
      </c>
      <c r="E99347" s="15">
        <v>45443</v>
      </c>
      <c r="F99347" s="14" t="s">
        <v>61</v>
      </c>
      <c r="G99347" s="16">
        <v>0.90094600861532759</v>
      </c>
    </row>
    <row r="99348" spans="1:7" x14ac:dyDescent="0.3">
      <c r="A99348" s="13" t="s">
        <v>491</v>
      </c>
      <c r="B99348" s="14" t="s">
        <v>1</v>
      </c>
      <c r="C99348" s="14" t="s">
        <v>23</v>
      </c>
      <c r="D99348" s="14" t="s">
        <v>281</v>
      </c>
      <c r="E99348" s="15">
        <v>45444</v>
      </c>
      <c r="F99348" s="14" t="s">
        <v>61</v>
      </c>
      <c r="G99348" s="16">
        <v>0.90094600861532759</v>
      </c>
    </row>
    <row r="99349" spans="1:7" x14ac:dyDescent="0.3">
      <c r="A99349" s="13" t="s">
        <v>491</v>
      </c>
      <c r="B99349" s="14" t="s">
        <v>1</v>
      </c>
      <c r="C99349" s="14" t="s">
        <v>23</v>
      </c>
      <c r="D99349" s="14" t="s">
        <v>281</v>
      </c>
      <c r="E99349" s="15">
        <v>45445</v>
      </c>
      <c r="F99349" s="14" t="s">
        <v>61</v>
      </c>
      <c r="G99349" s="16">
        <v>0.90094600861532759</v>
      </c>
    </row>
    <row r="99350" spans="1:7" x14ac:dyDescent="0.3">
      <c r="A99350" s="13" t="s">
        <v>491</v>
      </c>
      <c r="B99350" s="14" t="s">
        <v>1</v>
      </c>
      <c r="C99350" s="14" t="s">
        <v>23</v>
      </c>
      <c r="D99350" s="14" t="s">
        <v>281</v>
      </c>
      <c r="E99350" s="15">
        <v>45446</v>
      </c>
      <c r="F99350" s="14" t="s">
        <v>61</v>
      </c>
      <c r="G99350" s="16">
        <v>0.90094600861532759</v>
      </c>
    </row>
    <row r="99351" spans="1:7" x14ac:dyDescent="0.3">
      <c r="A99351" s="13" t="s">
        <v>491</v>
      </c>
      <c r="B99351" s="14" t="s">
        <v>1</v>
      </c>
      <c r="C99351" s="14" t="s">
        <v>23</v>
      </c>
      <c r="D99351" s="14" t="s">
        <v>281</v>
      </c>
      <c r="E99351" s="15">
        <v>45447</v>
      </c>
      <c r="F99351" s="14" t="s">
        <v>61</v>
      </c>
      <c r="G99351" s="16">
        <v>0.91567834302408879</v>
      </c>
    </row>
    <row r="99352" spans="1:7" x14ac:dyDescent="0.3">
      <c r="A99352" s="13" t="s">
        <v>491</v>
      </c>
      <c r="B99352" s="14" t="s">
        <v>1</v>
      </c>
      <c r="C99352" s="14" t="s">
        <v>23</v>
      </c>
      <c r="D99352" s="14" t="s">
        <v>281</v>
      </c>
      <c r="E99352" s="15">
        <v>45448</v>
      </c>
      <c r="F99352" s="14" t="s">
        <v>61</v>
      </c>
      <c r="G99352" s="16">
        <v>0.98090464349399009</v>
      </c>
    </row>
    <row r="99353" spans="1:7" x14ac:dyDescent="0.3">
      <c r="A99353" s="13" t="s">
        <v>491</v>
      </c>
      <c r="B99353" s="14" t="s">
        <v>1</v>
      </c>
      <c r="C99353" s="14" t="s">
        <v>23</v>
      </c>
      <c r="D99353" s="14" t="s">
        <v>281</v>
      </c>
      <c r="E99353" s="15">
        <v>45449</v>
      </c>
      <c r="F99353" s="14" t="s">
        <v>61</v>
      </c>
      <c r="G99353" s="16">
        <v>0.99333497060653009</v>
      </c>
    </row>
    <row r="99354" spans="1:7" x14ac:dyDescent="0.3">
      <c r="A99354" s="13" t="s">
        <v>491</v>
      </c>
      <c r="B99354" s="14" t="s">
        <v>1</v>
      </c>
      <c r="C99354" s="14" t="s">
        <v>23</v>
      </c>
      <c r="D99354" s="14" t="s">
        <v>281</v>
      </c>
      <c r="E99354" s="15">
        <v>45450</v>
      </c>
      <c r="F99354" s="14" t="s">
        <v>61</v>
      </c>
      <c r="G99354" s="16">
        <v>1.036995345726099</v>
      </c>
    </row>
    <row r="99355" spans="1:7" x14ac:dyDescent="0.3">
      <c r="A99355" s="13" t="s">
        <v>491</v>
      </c>
      <c r="B99355" s="14" t="s">
        <v>1</v>
      </c>
      <c r="C99355" s="14" t="s">
        <v>23</v>
      </c>
      <c r="D99355" s="14" t="s">
        <v>281</v>
      </c>
      <c r="E99355" s="15">
        <v>45451</v>
      </c>
      <c r="F99355" s="14" t="s">
        <v>61</v>
      </c>
      <c r="G99355" s="16">
        <v>1.036995345726099</v>
      </c>
    </row>
    <row r="99356" spans="1:7" x14ac:dyDescent="0.3">
      <c r="A99356" s="13" t="s">
        <v>491</v>
      </c>
      <c r="B99356" s="14" t="s">
        <v>1</v>
      </c>
      <c r="C99356" s="14" t="s">
        <v>23</v>
      </c>
      <c r="D99356" s="14" t="s">
        <v>281</v>
      </c>
      <c r="E99356" s="15">
        <v>45452</v>
      </c>
      <c r="F99356" s="14" t="s">
        <v>61</v>
      </c>
      <c r="G99356" s="16">
        <v>1.036995345726099</v>
      </c>
    </row>
    <row r="99357" spans="1:7" x14ac:dyDescent="0.3">
      <c r="A99357" s="13" t="s">
        <v>491</v>
      </c>
      <c r="B99357" s="14" t="s">
        <v>1</v>
      </c>
      <c r="C99357" s="14" t="s">
        <v>23</v>
      </c>
      <c r="D99357" s="14" t="s">
        <v>281</v>
      </c>
      <c r="E99357" s="15">
        <v>45453</v>
      </c>
      <c r="F99357" s="14" t="s">
        <v>61</v>
      </c>
      <c r="G99357" s="16">
        <v>1.0550477124284725</v>
      </c>
    </row>
    <row r="99358" spans="1:7" x14ac:dyDescent="0.3">
      <c r="A99358" s="13" t="s">
        <v>491</v>
      </c>
      <c r="B99358" s="14" t="s">
        <v>1</v>
      </c>
      <c r="C99358" s="14" t="s">
        <v>23</v>
      </c>
      <c r="D99358" s="14" t="s">
        <v>281</v>
      </c>
      <c r="E99358" s="15">
        <v>45454</v>
      </c>
      <c r="F99358" s="14" t="s">
        <v>61</v>
      </c>
      <c r="G99358" s="16">
        <v>1.1008694687106528</v>
      </c>
    </row>
    <row r="99359" spans="1:7" x14ac:dyDescent="0.3">
      <c r="A99359" s="13" t="s">
        <v>491</v>
      </c>
      <c r="B99359" s="14" t="s">
        <v>1</v>
      </c>
      <c r="C99359" s="14" t="s">
        <v>23</v>
      </c>
      <c r="D99359" s="14" t="s">
        <v>281</v>
      </c>
      <c r="E99359" s="15">
        <v>45455</v>
      </c>
      <c r="F99359" s="14" t="s">
        <v>61</v>
      </c>
      <c r="G99359" s="16">
        <v>1.1080374563408084</v>
      </c>
    </row>
    <row r="99360" spans="1:7" x14ac:dyDescent="0.3">
      <c r="A99360" s="13" t="s">
        <v>491</v>
      </c>
      <c r="B99360" s="14" t="s">
        <v>1</v>
      </c>
      <c r="C99360" s="14" t="s">
        <v>23</v>
      </c>
      <c r="D99360" s="14" t="s">
        <v>281</v>
      </c>
      <c r="E99360" s="15">
        <v>45456</v>
      </c>
      <c r="F99360" s="14" t="s">
        <v>61</v>
      </c>
      <c r="G99360" s="16">
        <v>1.1292090799909418</v>
      </c>
    </row>
    <row r="99361" spans="1:7" x14ac:dyDescent="0.3">
      <c r="A99361" s="13" t="s">
        <v>491</v>
      </c>
      <c r="B99361" s="14" t="s">
        <v>1</v>
      </c>
      <c r="C99361" s="14" t="s">
        <v>23</v>
      </c>
      <c r="D99361" s="14" t="s">
        <v>281</v>
      </c>
      <c r="E99361" s="15">
        <v>45457</v>
      </c>
      <c r="F99361" s="14" t="s">
        <v>61</v>
      </c>
      <c r="G99361" s="16">
        <v>1.1489649919985954</v>
      </c>
    </row>
    <row r="99362" spans="1:7" x14ac:dyDescent="0.3">
      <c r="A99362" s="13" t="s">
        <v>491</v>
      </c>
      <c r="B99362" s="14" t="s">
        <v>1</v>
      </c>
      <c r="C99362" s="14" t="s">
        <v>23</v>
      </c>
      <c r="D99362" s="14" t="s">
        <v>281</v>
      </c>
      <c r="E99362" s="15">
        <v>45458</v>
      </c>
      <c r="F99362" s="14" t="s">
        <v>61</v>
      </c>
      <c r="G99362" s="16">
        <v>1.1489649919985954</v>
      </c>
    </row>
    <row r="99363" spans="1:7" x14ac:dyDescent="0.3">
      <c r="A99363" s="13" t="s">
        <v>491</v>
      </c>
      <c r="B99363" s="14" t="s">
        <v>1</v>
      </c>
      <c r="C99363" s="14" t="s">
        <v>23</v>
      </c>
      <c r="D99363" s="14" t="s">
        <v>281</v>
      </c>
      <c r="E99363" s="15">
        <v>45459</v>
      </c>
      <c r="F99363" s="14" t="s">
        <v>61</v>
      </c>
      <c r="G99363" s="16">
        <v>1.1489649919985954</v>
      </c>
    </row>
    <row r="99364" spans="1:7" x14ac:dyDescent="0.3">
      <c r="A99364" s="13" t="s">
        <v>491</v>
      </c>
      <c r="B99364" s="14" t="s">
        <v>1</v>
      </c>
      <c r="C99364" s="14" t="s">
        <v>23</v>
      </c>
      <c r="D99364" s="14" t="s">
        <v>281</v>
      </c>
      <c r="E99364" s="15">
        <v>45460</v>
      </c>
      <c r="F99364" s="14" t="s">
        <v>61</v>
      </c>
      <c r="G99364" s="16">
        <v>1.1601451666053311</v>
      </c>
    </row>
    <row r="99365" spans="1:7" x14ac:dyDescent="0.3">
      <c r="A99365" s="13" t="s">
        <v>491</v>
      </c>
      <c r="B99365" s="14" t="s">
        <v>1</v>
      </c>
      <c r="C99365" s="14" t="s">
        <v>23</v>
      </c>
      <c r="D99365" s="14" t="s">
        <v>281</v>
      </c>
      <c r="E99365" s="15">
        <v>45461</v>
      </c>
      <c r="F99365" s="14" t="s">
        <v>61</v>
      </c>
      <c r="G99365" s="16">
        <v>1.2025961615236573</v>
      </c>
    </row>
    <row r="99366" spans="1:7" x14ac:dyDescent="0.3">
      <c r="A99366" s="13" t="s">
        <v>491</v>
      </c>
      <c r="B99366" s="14" t="s">
        <v>1</v>
      </c>
      <c r="C99366" s="14" t="s">
        <v>23</v>
      </c>
      <c r="D99366" s="14" t="s">
        <v>281</v>
      </c>
      <c r="E99366" s="15">
        <v>45462</v>
      </c>
      <c r="F99366" s="14" t="s">
        <v>61</v>
      </c>
      <c r="G99366" s="16">
        <v>1.2025961615236573</v>
      </c>
    </row>
    <row r="99367" spans="1:7" x14ac:dyDescent="0.3">
      <c r="A99367" s="13" t="s">
        <v>491</v>
      </c>
      <c r="B99367" s="14" t="s">
        <v>1</v>
      </c>
      <c r="C99367" s="14" t="s">
        <v>23</v>
      </c>
      <c r="D99367" s="14" t="s">
        <v>281</v>
      </c>
      <c r="E99367" s="15">
        <v>45463</v>
      </c>
      <c r="F99367" s="14" t="s">
        <v>61</v>
      </c>
      <c r="G99367" s="16">
        <v>1.2213612963837057</v>
      </c>
    </row>
    <row r="99368" spans="1:7" x14ac:dyDescent="0.3">
      <c r="A99368" s="13" t="s">
        <v>491</v>
      </c>
      <c r="B99368" s="14" t="s">
        <v>1</v>
      </c>
      <c r="C99368" s="14" t="s">
        <v>23</v>
      </c>
      <c r="D99368" s="14" t="s">
        <v>281</v>
      </c>
      <c r="E99368" s="15">
        <v>45464</v>
      </c>
      <c r="F99368" s="14" t="s">
        <v>61</v>
      </c>
      <c r="G99368" s="16">
        <v>1.2530810803940238</v>
      </c>
    </row>
    <row r="99369" spans="1:7" x14ac:dyDescent="0.3">
      <c r="A99369" s="13" t="s">
        <v>491</v>
      </c>
      <c r="B99369" s="14" t="s">
        <v>1</v>
      </c>
      <c r="C99369" s="14" t="s">
        <v>23</v>
      </c>
      <c r="D99369" s="14" t="s">
        <v>281</v>
      </c>
      <c r="E99369" s="15">
        <v>45465</v>
      </c>
      <c r="F99369" s="14" t="s">
        <v>61</v>
      </c>
      <c r="G99369" s="16">
        <v>1.2530810803940238</v>
      </c>
    </row>
    <row r="99370" spans="1:7" x14ac:dyDescent="0.3">
      <c r="A99370" s="13" t="s">
        <v>491</v>
      </c>
      <c r="B99370" s="14" t="s">
        <v>1</v>
      </c>
      <c r="C99370" s="14" t="s">
        <v>23</v>
      </c>
      <c r="D99370" s="14" t="s">
        <v>281</v>
      </c>
      <c r="E99370" s="15">
        <v>45466</v>
      </c>
      <c r="F99370" s="14" t="s">
        <v>61</v>
      </c>
      <c r="G99370" s="16">
        <v>1.2530810803940238</v>
      </c>
    </row>
    <row r="99371" spans="1:7" x14ac:dyDescent="0.3">
      <c r="A99371" s="13" t="s">
        <v>491</v>
      </c>
      <c r="B99371" s="14" t="s">
        <v>1</v>
      </c>
      <c r="C99371" s="14" t="s">
        <v>23</v>
      </c>
      <c r="D99371" s="14" t="s">
        <v>281</v>
      </c>
      <c r="E99371" s="15">
        <v>45467</v>
      </c>
      <c r="F99371" s="14" t="s">
        <v>61</v>
      </c>
      <c r="G99371" s="16">
        <v>1.2628958713109824</v>
      </c>
    </row>
    <row r="99372" spans="1:7" x14ac:dyDescent="0.3">
      <c r="A99372" s="13" t="s">
        <v>491</v>
      </c>
      <c r="B99372" s="14" t="s">
        <v>1</v>
      </c>
      <c r="C99372" s="14" t="s">
        <v>23</v>
      </c>
      <c r="D99372" s="14" t="s">
        <v>281</v>
      </c>
      <c r="E99372" s="15">
        <v>45468</v>
      </c>
      <c r="F99372" s="14" t="s">
        <v>61</v>
      </c>
      <c r="G99372" s="16">
        <v>1.3108337997514865</v>
      </c>
    </row>
    <row r="99373" spans="1:7" x14ac:dyDescent="0.3">
      <c r="A99373" s="13" t="s">
        <v>491</v>
      </c>
      <c r="B99373" s="14" t="s">
        <v>1</v>
      </c>
      <c r="C99373" s="14" t="s">
        <v>23</v>
      </c>
      <c r="D99373" s="14" t="s">
        <v>281</v>
      </c>
      <c r="E99373" s="15">
        <v>45469</v>
      </c>
      <c r="F99373" s="14" t="s">
        <v>61</v>
      </c>
      <c r="G99373" s="16">
        <v>1.3282997794429021</v>
      </c>
    </row>
    <row r="99374" spans="1:7" x14ac:dyDescent="0.3">
      <c r="A99374" s="13" t="s">
        <v>491</v>
      </c>
      <c r="B99374" s="14" t="s">
        <v>1</v>
      </c>
      <c r="C99374" s="14" t="s">
        <v>23</v>
      </c>
      <c r="D99374" s="14" t="s">
        <v>281</v>
      </c>
      <c r="E99374" s="15">
        <v>45470</v>
      </c>
      <c r="F99374" s="14" t="s">
        <v>61</v>
      </c>
      <c r="G99374" s="16">
        <v>1.3395781613714242</v>
      </c>
    </row>
    <row r="99375" spans="1:7" x14ac:dyDescent="0.3">
      <c r="A99375" s="13" t="s">
        <v>491</v>
      </c>
      <c r="B99375" s="14" t="s">
        <v>1</v>
      </c>
      <c r="C99375" s="14" t="s">
        <v>23</v>
      </c>
      <c r="D99375" s="14" t="s">
        <v>281</v>
      </c>
      <c r="E99375" s="15">
        <v>45471</v>
      </c>
      <c r="F99375" s="14" t="s">
        <v>61</v>
      </c>
      <c r="G99375" s="16">
        <v>1.3524269815450187</v>
      </c>
    </row>
    <row r="99376" spans="1:7" x14ac:dyDescent="0.3">
      <c r="A99376" s="13" t="s">
        <v>491</v>
      </c>
      <c r="B99376" s="14" t="s">
        <v>1</v>
      </c>
      <c r="C99376" s="14" t="s">
        <v>23</v>
      </c>
      <c r="D99376" s="14" t="s">
        <v>281</v>
      </c>
      <c r="E99376" s="15">
        <v>45472</v>
      </c>
      <c r="F99376" s="14" t="s">
        <v>61</v>
      </c>
      <c r="G99376" s="16">
        <v>1.3524269815450187</v>
      </c>
    </row>
    <row r="99377" spans="1:7" x14ac:dyDescent="0.3">
      <c r="A99377" s="13" t="s">
        <v>491</v>
      </c>
      <c r="B99377" s="14" t="s">
        <v>1</v>
      </c>
      <c r="C99377" s="14" t="s">
        <v>23</v>
      </c>
      <c r="D99377" s="14" t="s">
        <v>281</v>
      </c>
      <c r="E99377" s="15">
        <v>45473</v>
      </c>
      <c r="F99377" s="14" t="s">
        <v>61</v>
      </c>
      <c r="G99377" s="16">
        <v>1.3524269815450187</v>
      </c>
    </row>
    <row r="99378" spans="1:7" x14ac:dyDescent="0.3">
      <c r="A99378" s="13" t="s">
        <v>491</v>
      </c>
      <c r="B99378" s="14" t="s">
        <v>1</v>
      </c>
      <c r="C99378" s="14" t="s">
        <v>23</v>
      </c>
      <c r="D99378" s="14" t="s">
        <v>281</v>
      </c>
      <c r="E99378" s="15">
        <v>45474</v>
      </c>
      <c r="F99378" s="14" t="s">
        <v>61</v>
      </c>
      <c r="G99378" s="16">
        <v>1.3636600924401583</v>
      </c>
    </row>
    <row r="99379" spans="1:7" x14ac:dyDescent="0.3">
      <c r="A99379" s="13" t="s">
        <v>491</v>
      </c>
      <c r="B99379" s="14" t="s">
        <v>1</v>
      </c>
      <c r="C99379" s="14" t="s">
        <v>23</v>
      </c>
      <c r="D99379" s="14" t="s">
        <v>281</v>
      </c>
      <c r="E99379" s="15">
        <v>45475</v>
      </c>
      <c r="F99379" s="14" t="s">
        <v>61</v>
      </c>
      <c r="G99379" s="16">
        <v>1.4070582826522906</v>
      </c>
    </row>
    <row r="99380" spans="1:7" x14ac:dyDescent="0.3">
      <c r="A99380" s="13" t="s">
        <v>491</v>
      </c>
      <c r="B99380" s="14" t="s">
        <v>1</v>
      </c>
      <c r="C99380" s="14" t="s">
        <v>23</v>
      </c>
      <c r="D99380" s="14" t="s">
        <v>281</v>
      </c>
      <c r="E99380" s="15">
        <v>45476</v>
      </c>
      <c r="F99380" s="14" t="s">
        <v>61</v>
      </c>
      <c r="G99380" s="16">
        <v>1.4162638443607836</v>
      </c>
    </row>
    <row r="99381" spans="1:7" x14ac:dyDescent="0.3">
      <c r="A99381" s="13" t="s">
        <v>491</v>
      </c>
      <c r="B99381" s="14" t="s">
        <v>1</v>
      </c>
      <c r="C99381" s="14" t="s">
        <v>23</v>
      </c>
      <c r="D99381" s="14" t="s">
        <v>281</v>
      </c>
      <c r="E99381" s="15">
        <v>45477</v>
      </c>
      <c r="F99381" s="14" t="s">
        <v>61</v>
      </c>
      <c r="G99381" s="16">
        <v>1.4162638443607836</v>
      </c>
    </row>
    <row r="99382" spans="1:7" x14ac:dyDescent="0.3">
      <c r="A99382" s="13" t="s">
        <v>491</v>
      </c>
      <c r="B99382" s="14" t="s">
        <v>1</v>
      </c>
      <c r="C99382" s="14" t="s">
        <v>23</v>
      </c>
      <c r="D99382" s="14" t="s">
        <v>281</v>
      </c>
      <c r="E99382" s="15">
        <v>45478</v>
      </c>
      <c r="F99382" s="14" t="s">
        <v>61</v>
      </c>
      <c r="G99382" s="16">
        <v>1.4239684599115721</v>
      </c>
    </row>
    <row r="99383" spans="1:7" x14ac:dyDescent="0.3">
      <c r="A99383" s="13" t="s">
        <v>491</v>
      </c>
      <c r="B99383" s="14" t="s">
        <v>1</v>
      </c>
      <c r="C99383" s="14" t="s">
        <v>23</v>
      </c>
      <c r="D99383" s="14" t="s">
        <v>281</v>
      </c>
      <c r="E99383" s="15">
        <v>45479</v>
      </c>
      <c r="F99383" s="14" t="s">
        <v>61</v>
      </c>
      <c r="G99383" s="16">
        <v>1.4239684599115721</v>
      </c>
    </row>
    <row r="99384" spans="1:7" x14ac:dyDescent="0.3">
      <c r="A99384" s="13" t="s">
        <v>491</v>
      </c>
      <c r="B99384" s="14" t="s">
        <v>1</v>
      </c>
      <c r="C99384" s="14" t="s">
        <v>23</v>
      </c>
      <c r="D99384" s="14" t="s">
        <v>281</v>
      </c>
      <c r="E99384" s="15">
        <v>45480</v>
      </c>
      <c r="F99384" s="14" t="s">
        <v>61</v>
      </c>
      <c r="G99384" s="16">
        <v>1.4239684599115721</v>
      </c>
    </row>
    <row r="99385" spans="1:7" x14ac:dyDescent="0.3">
      <c r="A99385" s="13" t="s">
        <v>491</v>
      </c>
      <c r="B99385" s="14" t="s">
        <v>1</v>
      </c>
      <c r="C99385" s="14" t="s">
        <v>23</v>
      </c>
      <c r="D99385" s="14" t="s">
        <v>281</v>
      </c>
      <c r="E99385" s="15">
        <v>45481</v>
      </c>
      <c r="F99385" s="14" t="s">
        <v>61</v>
      </c>
      <c r="G99385" s="16">
        <v>1.4814304218655314</v>
      </c>
    </row>
    <row r="99386" spans="1:7" x14ac:dyDescent="0.3">
      <c r="A99386" s="13" t="s">
        <v>491</v>
      </c>
      <c r="B99386" s="14" t="s">
        <v>1</v>
      </c>
      <c r="C99386" s="14" t="s">
        <v>23</v>
      </c>
      <c r="D99386" s="14" t="s">
        <v>281</v>
      </c>
      <c r="E99386" s="15">
        <v>45482</v>
      </c>
      <c r="F99386" s="14" t="s">
        <v>61</v>
      </c>
      <c r="G99386" s="16">
        <v>1.5275325770749404</v>
      </c>
    </row>
    <row r="99387" spans="1:7" x14ac:dyDescent="0.3">
      <c r="A99387" s="13" t="s">
        <v>491</v>
      </c>
      <c r="B99387" s="14" t="s">
        <v>1</v>
      </c>
      <c r="C99387" s="14" t="s">
        <v>23</v>
      </c>
      <c r="D99387" s="14" t="s">
        <v>281</v>
      </c>
      <c r="E99387" s="15">
        <v>45483</v>
      </c>
      <c r="F99387" s="14" t="s">
        <v>61</v>
      </c>
      <c r="G99387" s="16">
        <v>1.5412458406892173</v>
      </c>
    </row>
    <row r="99388" spans="1:7" x14ac:dyDescent="0.3">
      <c r="A99388" s="13" t="s">
        <v>491</v>
      </c>
      <c r="B99388" s="14" t="s">
        <v>1</v>
      </c>
      <c r="C99388" s="14" t="s">
        <v>23</v>
      </c>
      <c r="D99388" s="14" t="s">
        <v>281</v>
      </c>
      <c r="E99388" s="15">
        <v>45484</v>
      </c>
      <c r="F99388" s="14" t="s">
        <v>61</v>
      </c>
      <c r="G99388" s="16">
        <v>1.5505541447351445</v>
      </c>
    </row>
    <row r="99389" spans="1:7" x14ac:dyDescent="0.3">
      <c r="A99389" s="13" t="s">
        <v>491</v>
      </c>
      <c r="B99389" s="14" t="s">
        <v>1</v>
      </c>
      <c r="C99389" s="14" t="s">
        <v>23</v>
      </c>
      <c r="D99389" s="14" t="s">
        <v>281</v>
      </c>
      <c r="E99389" s="15">
        <v>45485</v>
      </c>
      <c r="F99389" s="14" t="s">
        <v>61</v>
      </c>
      <c r="G99389" s="16">
        <v>1.5604102750954916</v>
      </c>
    </row>
    <row r="99390" spans="1:7" x14ac:dyDescent="0.3">
      <c r="A99390" s="13" t="s">
        <v>491</v>
      </c>
      <c r="B99390" s="14" t="s">
        <v>1</v>
      </c>
      <c r="C99390" s="14" t="s">
        <v>23</v>
      </c>
      <c r="D99390" s="14" t="s">
        <v>281</v>
      </c>
      <c r="E99390" s="15">
        <v>45486</v>
      </c>
      <c r="F99390" s="14" t="s">
        <v>61</v>
      </c>
      <c r="G99390" s="16">
        <v>1.5604102750954916</v>
      </c>
    </row>
    <row r="99391" spans="1:7" x14ac:dyDescent="0.3">
      <c r="A99391" s="13" t="s">
        <v>491</v>
      </c>
      <c r="B99391" s="14" t="s">
        <v>1</v>
      </c>
      <c r="C99391" s="14" t="s">
        <v>23</v>
      </c>
      <c r="D99391" s="14" t="s">
        <v>281</v>
      </c>
      <c r="E99391" s="15">
        <v>45487</v>
      </c>
      <c r="F99391" s="14" t="s">
        <v>61</v>
      </c>
      <c r="G99391" s="16">
        <v>1.5604102750954916</v>
      </c>
    </row>
    <row r="99392" spans="1:7" x14ac:dyDescent="0.3">
      <c r="A99392" s="13" t="s">
        <v>491</v>
      </c>
      <c r="B99392" s="14" t="s">
        <v>1</v>
      </c>
      <c r="C99392" s="14" t="s">
        <v>23</v>
      </c>
      <c r="D99392" s="14" t="s">
        <v>281</v>
      </c>
      <c r="E99392" s="15">
        <v>45488</v>
      </c>
      <c r="F99392" s="14" t="s">
        <v>61</v>
      </c>
      <c r="G99392" s="16">
        <v>1.5767701190287897</v>
      </c>
    </row>
    <row r="99393" spans="1:7" x14ac:dyDescent="0.3">
      <c r="A99393" s="13" t="s">
        <v>491</v>
      </c>
      <c r="B99393" s="14" t="s">
        <v>1</v>
      </c>
      <c r="C99393" s="14" t="s">
        <v>23</v>
      </c>
      <c r="D99393" s="14" t="s">
        <v>281</v>
      </c>
      <c r="E99393" s="15">
        <v>45489</v>
      </c>
      <c r="F99393" s="14" t="s">
        <v>61</v>
      </c>
      <c r="G99393" s="16">
        <v>1.6191640260680547</v>
      </c>
    </row>
    <row r="99394" spans="1:7" x14ac:dyDescent="0.3">
      <c r="A99394" s="13" t="s">
        <v>491</v>
      </c>
      <c r="B99394" s="14" t="s">
        <v>1</v>
      </c>
      <c r="C99394" s="14" t="s">
        <v>23</v>
      </c>
      <c r="D99394" s="14" t="s">
        <v>281</v>
      </c>
      <c r="E99394" s="15">
        <v>45490</v>
      </c>
      <c r="F99394" s="14" t="s">
        <v>61</v>
      </c>
      <c r="G99394" s="16">
        <v>1.6277040838218806</v>
      </c>
    </row>
    <row r="99395" spans="1:7" x14ac:dyDescent="0.3">
      <c r="A99395" s="13" t="s">
        <v>491</v>
      </c>
      <c r="B99395" s="14" t="s">
        <v>1</v>
      </c>
      <c r="C99395" s="14" t="s">
        <v>23</v>
      </c>
      <c r="D99395" s="14" t="s">
        <v>281</v>
      </c>
      <c r="E99395" s="15">
        <v>45491</v>
      </c>
      <c r="F99395" s="14" t="s">
        <v>61</v>
      </c>
      <c r="G99395" s="16">
        <v>1.6488400832161698</v>
      </c>
    </row>
    <row r="99396" spans="1:7" x14ac:dyDescent="0.3">
      <c r="A99396" s="13" t="s">
        <v>491</v>
      </c>
      <c r="B99396" s="14" t="s">
        <v>1</v>
      </c>
      <c r="C99396" s="14" t="s">
        <v>23</v>
      </c>
      <c r="D99396" s="14" t="s">
        <v>281</v>
      </c>
      <c r="E99396" s="15">
        <v>45492</v>
      </c>
      <c r="F99396" s="14" t="s">
        <v>61</v>
      </c>
      <c r="G99396" s="16">
        <v>1.6654257891023481</v>
      </c>
    </row>
    <row r="99397" spans="1:7" x14ac:dyDescent="0.3">
      <c r="A99397" s="13" t="s">
        <v>491</v>
      </c>
      <c r="B99397" s="14" t="s">
        <v>1</v>
      </c>
      <c r="C99397" s="14" t="s">
        <v>23</v>
      </c>
      <c r="D99397" s="14" t="s">
        <v>281</v>
      </c>
      <c r="E99397" s="15">
        <v>45493</v>
      </c>
      <c r="F99397" s="14" t="s">
        <v>61</v>
      </c>
      <c r="G99397" s="16">
        <v>1.6654257891023481</v>
      </c>
    </row>
    <row r="99398" spans="1:7" x14ac:dyDescent="0.3">
      <c r="A99398" s="13" t="s">
        <v>491</v>
      </c>
      <c r="B99398" s="14" t="s">
        <v>1</v>
      </c>
      <c r="C99398" s="14" t="s">
        <v>23</v>
      </c>
      <c r="D99398" s="14" t="s">
        <v>281</v>
      </c>
      <c r="E99398" s="15">
        <v>45494</v>
      </c>
      <c r="F99398" s="14" t="s">
        <v>61</v>
      </c>
      <c r="G99398" s="16">
        <v>1.6654257891023481</v>
      </c>
    </row>
    <row r="99399" spans="1:7" x14ac:dyDescent="0.3">
      <c r="A99399" s="13" t="s">
        <v>491</v>
      </c>
      <c r="B99399" s="14" t="s">
        <v>1</v>
      </c>
      <c r="C99399" s="14" t="s">
        <v>23</v>
      </c>
      <c r="D99399" s="14" t="s">
        <v>281</v>
      </c>
      <c r="E99399" s="15">
        <v>45495</v>
      </c>
      <c r="F99399" s="14" t="s">
        <v>61</v>
      </c>
      <c r="G99399" s="16">
        <v>1.6777522017424991</v>
      </c>
    </row>
    <row r="99400" spans="1:7" x14ac:dyDescent="0.3">
      <c r="A99400" s="13" t="s">
        <v>491</v>
      </c>
      <c r="B99400" s="14" t="s">
        <v>1</v>
      </c>
      <c r="C99400" s="14" t="s">
        <v>23</v>
      </c>
      <c r="D99400" s="14" t="s">
        <v>281</v>
      </c>
      <c r="E99400" s="15">
        <v>45496</v>
      </c>
      <c r="F99400" s="14" t="s">
        <v>61</v>
      </c>
      <c r="G99400" s="16">
        <v>1.7265167446564831</v>
      </c>
    </row>
    <row r="99401" spans="1:7" x14ac:dyDescent="0.3">
      <c r="A99401" s="13" t="s">
        <v>491</v>
      </c>
      <c r="B99401" s="14" t="s">
        <v>1</v>
      </c>
      <c r="C99401" s="14" t="s">
        <v>23</v>
      </c>
      <c r="D99401" s="14" t="s">
        <v>281</v>
      </c>
      <c r="E99401" s="15">
        <v>45497</v>
      </c>
      <c r="F99401" s="14" t="s">
        <v>61</v>
      </c>
      <c r="G99401" s="16">
        <v>1.7448175573450071</v>
      </c>
    </row>
    <row r="99402" spans="1:7" x14ac:dyDescent="0.3">
      <c r="A99402" s="13" t="s">
        <v>491</v>
      </c>
      <c r="B99402" s="14" t="s">
        <v>1</v>
      </c>
      <c r="C99402" s="14" t="s">
        <v>23</v>
      </c>
      <c r="D99402" s="14" t="s">
        <v>281</v>
      </c>
      <c r="E99402" s="15">
        <v>45498</v>
      </c>
      <c r="F99402" s="14" t="s">
        <v>61</v>
      </c>
      <c r="G99402" s="16">
        <v>1.7574868158060193</v>
      </c>
    </row>
    <row r="99403" spans="1:7" x14ac:dyDescent="0.3">
      <c r="A99403" s="13" t="s">
        <v>491</v>
      </c>
      <c r="B99403" s="14" t="s">
        <v>1</v>
      </c>
      <c r="C99403" s="14" t="s">
        <v>23</v>
      </c>
      <c r="D99403" s="14" t="s">
        <v>281</v>
      </c>
      <c r="E99403" s="15">
        <v>45499</v>
      </c>
      <c r="F99403" s="14" t="s">
        <v>61</v>
      </c>
      <c r="G99403" s="16">
        <v>1.7692505429646108</v>
      </c>
    </row>
    <row r="99404" spans="1:7" x14ac:dyDescent="0.3">
      <c r="A99404" s="13" t="s">
        <v>491</v>
      </c>
      <c r="B99404" s="14" t="s">
        <v>1</v>
      </c>
      <c r="C99404" s="14" t="s">
        <v>23</v>
      </c>
      <c r="D99404" s="14" t="s">
        <v>281</v>
      </c>
      <c r="E99404" s="15">
        <v>45500</v>
      </c>
      <c r="F99404" s="14" t="s">
        <v>61</v>
      </c>
      <c r="G99404" s="16">
        <v>1.7692505429646108</v>
      </c>
    </row>
    <row r="99405" spans="1:7" x14ac:dyDescent="0.3">
      <c r="A99405" s="13" t="s">
        <v>491</v>
      </c>
      <c r="B99405" s="14" t="s">
        <v>1</v>
      </c>
      <c r="C99405" s="14" t="s">
        <v>23</v>
      </c>
      <c r="D99405" s="14" t="s">
        <v>281</v>
      </c>
      <c r="E99405" s="15">
        <v>45501</v>
      </c>
      <c r="F99405" s="14" t="s">
        <v>61</v>
      </c>
      <c r="G99405" s="16">
        <v>1.7692505429646108</v>
      </c>
    </row>
    <row r="99406" spans="1:7" x14ac:dyDescent="0.3">
      <c r="A99406" s="13" t="s">
        <v>491</v>
      </c>
      <c r="B99406" s="14" t="s">
        <v>1</v>
      </c>
      <c r="C99406" s="14" t="s">
        <v>23</v>
      </c>
      <c r="D99406" s="14" t="s">
        <v>281</v>
      </c>
      <c r="E99406" s="15">
        <v>45502</v>
      </c>
      <c r="F99406" s="14" t="s">
        <v>61</v>
      </c>
      <c r="G99406" s="16">
        <v>1.7891320276811919</v>
      </c>
    </row>
    <row r="99407" spans="1:7" x14ac:dyDescent="0.3">
      <c r="A99407" s="13" t="s">
        <v>491</v>
      </c>
      <c r="B99407" s="14" t="s">
        <v>1</v>
      </c>
      <c r="C99407" s="14" t="s">
        <v>23</v>
      </c>
      <c r="D99407" s="14" t="s">
        <v>281</v>
      </c>
      <c r="E99407" s="15">
        <v>45503</v>
      </c>
      <c r="F99407" s="14" t="s">
        <v>61</v>
      </c>
      <c r="G99407" s="16">
        <v>1.8315341872748025</v>
      </c>
    </row>
    <row r="99408" spans="1:7" x14ac:dyDescent="0.3">
      <c r="A99408" s="13" t="s">
        <v>491</v>
      </c>
      <c r="B99408" s="14" t="s">
        <v>1</v>
      </c>
      <c r="C99408" s="14" t="s">
        <v>23</v>
      </c>
      <c r="D99408" s="14" t="s">
        <v>281</v>
      </c>
      <c r="E99408" s="15">
        <v>45504</v>
      </c>
      <c r="F99408" s="14" t="s">
        <v>61</v>
      </c>
      <c r="G99408" s="16">
        <v>1.8448365709668868</v>
      </c>
    </row>
    <row r="99409" spans="1:7" x14ac:dyDescent="0.3">
      <c r="A99409" s="13" t="s">
        <v>491</v>
      </c>
      <c r="B99409" s="14" t="s">
        <v>1</v>
      </c>
      <c r="C99409" s="14" t="s">
        <v>23</v>
      </c>
      <c r="D99409" s="14" t="s">
        <v>281</v>
      </c>
      <c r="E99409" s="15">
        <v>45505</v>
      </c>
      <c r="F99409" s="14" t="s">
        <v>61</v>
      </c>
      <c r="G99409" s="16">
        <v>1.8559428789444972</v>
      </c>
    </row>
    <row r="99410" spans="1:7" x14ac:dyDescent="0.3">
      <c r="A99410" s="13" t="s">
        <v>491</v>
      </c>
      <c r="B99410" s="14" t="s">
        <v>1</v>
      </c>
      <c r="C99410" s="14" t="s">
        <v>23</v>
      </c>
      <c r="D99410" s="14" t="s">
        <v>281</v>
      </c>
      <c r="E99410" s="15">
        <v>45506</v>
      </c>
      <c r="F99410" s="14" t="s">
        <v>61</v>
      </c>
      <c r="G99410" s="16">
        <v>1.840790074096377</v>
      </c>
    </row>
    <row r="99411" spans="1:7" x14ac:dyDescent="0.3">
      <c r="A99411" s="13" t="s">
        <v>491</v>
      </c>
      <c r="B99411" s="14" t="s">
        <v>1</v>
      </c>
      <c r="C99411" s="14" t="s">
        <v>23</v>
      </c>
      <c r="D99411" s="14" t="s">
        <v>281</v>
      </c>
      <c r="E99411" s="15">
        <v>45507</v>
      </c>
      <c r="F99411" s="14" t="s">
        <v>61</v>
      </c>
      <c r="G99411" s="16">
        <v>1.840790074096377</v>
      </c>
    </row>
    <row r="99412" spans="1:7" x14ac:dyDescent="0.3">
      <c r="A99412" s="13" t="s">
        <v>491</v>
      </c>
      <c r="B99412" s="14" t="s">
        <v>1</v>
      </c>
      <c r="C99412" s="14" t="s">
        <v>23</v>
      </c>
      <c r="D99412" s="14" t="s">
        <v>281</v>
      </c>
      <c r="E99412" s="15">
        <v>45508</v>
      </c>
      <c r="F99412" s="14" t="s">
        <v>61</v>
      </c>
      <c r="G99412" s="16">
        <v>1.840790074096377</v>
      </c>
    </row>
    <row r="99413" spans="1:7" x14ac:dyDescent="0.3">
      <c r="A99413" s="13" t="s">
        <v>491</v>
      </c>
      <c r="B99413" s="14" t="s">
        <v>1</v>
      </c>
      <c r="C99413" s="14" t="s">
        <v>23</v>
      </c>
      <c r="D99413" s="14" t="s">
        <v>281</v>
      </c>
      <c r="E99413" s="15">
        <v>45509</v>
      </c>
      <c r="F99413" s="14" t="s">
        <v>61</v>
      </c>
      <c r="G99413" s="16">
        <v>1.840790074096377</v>
      </c>
    </row>
    <row r="99414" spans="1:7" x14ac:dyDescent="0.3">
      <c r="A99414" s="13" t="s">
        <v>491</v>
      </c>
      <c r="B99414" s="14" t="s">
        <v>1</v>
      </c>
      <c r="C99414" s="14" t="s">
        <v>23</v>
      </c>
      <c r="D99414" s="14" t="s">
        <v>281</v>
      </c>
      <c r="E99414" s="15">
        <v>45510</v>
      </c>
      <c r="F99414" s="14" t="s">
        <v>61</v>
      </c>
      <c r="G99414" s="16">
        <v>1.8501782365878214</v>
      </c>
    </row>
    <row r="99415" spans="1:7" x14ac:dyDescent="0.3">
      <c r="A99415" s="13" t="s">
        <v>491</v>
      </c>
      <c r="B99415" s="14" t="s">
        <v>1</v>
      </c>
      <c r="C99415" s="14" t="s">
        <v>23</v>
      </c>
      <c r="D99415" s="14" t="s">
        <v>281</v>
      </c>
      <c r="E99415" s="15">
        <v>45511</v>
      </c>
      <c r="F99415" s="14" t="s">
        <v>61</v>
      </c>
      <c r="G99415" s="16">
        <v>1.9232273158575313</v>
      </c>
    </row>
    <row r="99416" spans="1:7" x14ac:dyDescent="0.3">
      <c r="A99416" s="13" t="s">
        <v>491</v>
      </c>
      <c r="B99416" s="14" t="s">
        <v>1</v>
      </c>
      <c r="C99416" s="14" t="s">
        <v>23</v>
      </c>
      <c r="D99416" s="14" t="s">
        <v>281</v>
      </c>
      <c r="E99416" s="15">
        <v>45512</v>
      </c>
      <c r="F99416" s="14" t="s">
        <v>61</v>
      </c>
      <c r="G99416" s="16">
        <v>1.9319372089890894</v>
      </c>
    </row>
    <row r="99417" spans="1:7" x14ac:dyDescent="0.3">
      <c r="A99417" s="13" t="s">
        <v>491</v>
      </c>
      <c r="B99417" s="14" t="s">
        <v>1</v>
      </c>
      <c r="C99417" s="14" t="s">
        <v>23</v>
      </c>
      <c r="D99417" s="14" t="s">
        <v>281</v>
      </c>
      <c r="E99417" s="15">
        <v>45513</v>
      </c>
      <c r="F99417" s="14" t="s">
        <v>61</v>
      </c>
      <c r="G99417" s="16">
        <v>1.9451532459607246</v>
      </c>
    </row>
    <row r="99418" spans="1:7" x14ac:dyDescent="0.3">
      <c r="A99418" s="13" t="s">
        <v>491</v>
      </c>
      <c r="B99418" s="14" t="s">
        <v>1</v>
      </c>
      <c r="C99418" s="14" t="s">
        <v>23</v>
      </c>
      <c r="D99418" s="14" t="s">
        <v>281</v>
      </c>
      <c r="E99418" s="15">
        <v>45514</v>
      </c>
      <c r="F99418" s="14" t="s">
        <v>61</v>
      </c>
      <c r="G99418" s="16">
        <v>1.9451532459607246</v>
      </c>
    </row>
    <row r="99419" spans="1:7" x14ac:dyDescent="0.3">
      <c r="A99419" s="13" t="s">
        <v>491</v>
      </c>
      <c r="B99419" s="14" t="s">
        <v>1</v>
      </c>
      <c r="C99419" s="14" t="s">
        <v>23</v>
      </c>
      <c r="D99419" s="14" t="s">
        <v>281</v>
      </c>
      <c r="E99419" s="15">
        <v>45515</v>
      </c>
      <c r="F99419" s="14" t="s">
        <v>61</v>
      </c>
      <c r="G99419" s="16">
        <v>1.9451532459607246</v>
      </c>
    </row>
    <row r="99420" spans="1:7" x14ac:dyDescent="0.3">
      <c r="A99420" s="13" t="s">
        <v>491</v>
      </c>
      <c r="B99420" s="14" t="s">
        <v>1</v>
      </c>
      <c r="C99420" s="14" t="s">
        <v>23</v>
      </c>
      <c r="D99420" s="14" t="s">
        <v>281</v>
      </c>
      <c r="E99420" s="15">
        <v>45516</v>
      </c>
      <c r="F99420" s="14" t="s">
        <v>61</v>
      </c>
      <c r="G99420" s="16">
        <v>1.9560398511841104</v>
      </c>
    </row>
    <row r="99421" spans="1:7" x14ac:dyDescent="0.3">
      <c r="A99421" s="13" t="s">
        <v>491</v>
      </c>
      <c r="B99421" s="14" t="s">
        <v>1</v>
      </c>
      <c r="C99421" s="14" t="s">
        <v>23</v>
      </c>
      <c r="D99421" s="14" t="s">
        <v>281</v>
      </c>
      <c r="E99421" s="15">
        <v>45517</v>
      </c>
      <c r="F99421" s="14" t="s">
        <v>61</v>
      </c>
      <c r="G99421" s="16">
        <v>1.9862142024229048</v>
      </c>
    </row>
    <row r="99422" spans="1:7" x14ac:dyDescent="0.3">
      <c r="A99422" s="13" t="s">
        <v>491</v>
      </c>
      <c r="B99422" s="14" t="s">
        <v>1</v>
      </c>
      <c r="C99422" s="14" t="s">
        <v>23</v>
      </c>
      <c r="D99422" s="14" t="s">
        <v>281</v>
      </c>
      <c r="E99422" s="15">
        <v>45518</v>
      </c>
      <c r="F99422" s="14" t="s">
        <v>61</v>
      </c>
      <c r="G99422" s="16">
        <v>1.9961815621245012</v>
      </c>
    </row>
    <row r="99423" spans="1:7" x14ac:dyDescent="0.3">
      <c r="A99423" s="13" t="s">
        <v>491</v>
      </c>
      <c r="B99423" s="14" t="s">
        <v>1</v>
      </c>
      <c r="C99423" s="14" t="s">
        <v>23</v>
      </c>
      <c r="D99423" s="14" t="s">
        <v>281</v>
      </c>
      <c r="E99423" s="15">
        <v>45519</v>
      </c>
      <c r="F99423" s="14" t="s">
        <v>61</v>
      </c>
      <c r="G99423" s="16">
        <v>2.0114543101906999</v>
      </c>
    </row>
    <row r="99424" spans="1:7" x14ac:dyDescent="0.3">
      <c r="A99424" s="13" t="s">
        <v>491</v>
      </c>
      <c r="B99424" s="14" t="s">
        <v>1</v>
      </c>
      <c r="C99424" s="14" t="s">
        <v>23</v>
      </c>
      <c r="D99424" s="14" t="s">
        <v>281</v>
      </c>
      <c r="E99424" s="15">
        <v>45520</v>
      </c>
      <c r="F99424" s="14" t="s">
        <v>61</v>
      </c>
      <c r="G99424" s="16">
        <v>2.0151668287957576</v>
      </c>
    </row>
    <row r="99425" spans="1:7" x14ac:dyDescent="0.3">
      <c r="A99425" s="13" t="s">
        <v>491</v>
      </c>
      <c r="B99425" s="14" t="s">
        <v>1</v>
      </c>
      <c r="C99425" s="14" t="s">
        <v>23</v>
      </c>
      <c r="D99425" s="14" t="s">
        <v>281</v>
      </c>
      <c r="E99425" s="15">
        <v>45521</v>
      </c>
      <c r="F99425" s="14" t="s">
        <v>61</v>
      </c>
      <c r="G99425" s="16">
        <v>2.0151668287957576</v>
      </c>
    </row>
    <row r="99426" spans="1:7" x14ac:dyDescent="0.3">
      <c r="A99426" s="13" t="s">
        <v>491</v>
      </c>
      <c r="B99426" s="14" t="s">
        <v>1</v>
      </c>
      <c r="C99426" s="14" t="s">
        <v>23</v>
      </c>
      <c r="D99426" s="14" t="s">
        <v>281</v>
      </c>
      <c r="E99426" s="15">
        <v>45522</v>
      </c>
      <c r="F99426" s="14" t="s">
        <v>61</v>
      </c>
      <c r="G99426" s="16">
        <v>2.0151668287957576</v>
      </c>
    </row>
    <row r="99427" spans="1:7" x14ac:dyDescent="0.3">
      <c r="A99427" s="13" t="s">
        <v>491</v>
      </c>
      <c r="B99427" s="14" t="s">
        <v>1</v>
      </c>
      <c r="C99427" s="14" t="s">
        <v>23</v>
      </c>
      <c r="D99427" s="14" t="s">
        <v>281</v>
      </c>
      <c r="E99427" s="15">
        <v>45523</v>
      </c>
      <c r="F99427" s="14" t="s">
        <v>61</v>
      </c>
      <c r="G99427" s="16">
        <v>2.0184774784797463</v>
      </c>
    </row>
    <row r="99428" spans="1:7" x14ac:dyDescent="0.3">
      <c r="A99428" s="13" t="s">
        <v>491</v>
      </c>
      <c r="B99428" s="14" t="s">
        <v>1</v>
      </c>
      <c r="C99428" s="14" t="s">
        <v>23</v>
      </c>
      <c r="D99428" s="14" t="s">
        <v>281</v>
      </c>
      <c r="E99428" s="15">
        <v>45524</v>
      </c>
      <c r="F99428" s="14" t="s">
        <v>61</v>
      </c>
      <c r="G99428" s="16">
        <v>2.0522530277981805</v>
      </c>
    </row>
    <row r="99429" spans="1:7" x14ac:dyDescent="0.3">
      <c r="A99429" s="13" t="s">
        <v>491</v>
      </c>
      <c r="B99429" s="14" t="s">
        <v>1</v>
      </c>
      <c r="C99429" s="14" t="s">
        <v>23</v>
      </c>
      <c r="D99429" s="14" t="s">
        <v>281</v>
      </c>
      <c r="E99429" s="15">
        <v>45525</v>
      </c>
      <c r="F99429" s="14" t="s">
        <v>61</v>
      </c>
      <c r="G99429" s="16">
        <v>2.0577164898597489</v>
      </c>
    </row>
    <row r="99430" spans="1:7" x14ac:dyDescent="0.3">
      <c r="A99430" s="13" t="s">
        <v>491</v>
      </c>
      <c r="B99430" s="14" t="s">
        <v>1</v>
      </c>
      <c r="C99430" s="14" t="s">
        <v>23</v>
      </c>
      <c r="D99430" s="14" t="s">
        <v>281</v>
      </c>
      <c r="E99430" s="15">
        <v>45526</v>
      </c>
      <c r="F99430" s="14" t="s">
        <v>61</v>
      </c>
      <c r="G99430" s="16">
        <v>2.0784784057765351</v>
      </c>
    </row>
    <row r="99431" spans="1:7" x14ac:dyDescent="0.3">
      <c r="A99431" s="13" t="s">
        <v>491</v>
      </c>
      <c r="B99431" s="14" t="s">
        <v>1</v>
      </c>
      <c r="C99431" s="14" t="s">
        <v>23</v>
      </c>
      <c r="D99431" s="14" t="s">
        <v>281</v>
      </c>
      <c r="E99431" s="15">
        <v>45527</v>
      </c>
      <c r="F99431" s="14" t="s">
        <v>61</v>
      </c>
      <c r="G99431" s="16">
        <v>2.0774330357730304</v>
      </c>
    </row>
    <row r="99432" spans="1:7" x14ac:dyDescent="0.3">
      <c r="A99432" s="13" t="s">
        <v>491</v>
      </c>
      <c r="B99432" s="14" t="s">
        <v>1</v>
      </c>
      <c r="C99432" s="14" t="s">
        <v>23</v>
      </c>
      <c r="D99432" s="14" t="s">
        <v>281</v>
      </c>
      <c r="E99432" s="15">
        <v>45528</v>
      </c>
      <c r="F99432" s="14" t="s">
        <v>61</v>
      </c>
      <c r="G99432" s="16">
        <v>2.0774330357730304</v>
      </c>
    </row>
    <row r="99433" spans="1:7" x14ac:dyDescent="0.3">
      <c r="A99433" s="13" t="s">
        <v>491</v>
      </c>
      <c r="B99433" s="14" t="s">
        <v>1</v>
      </c>
      <c r="C99433" s="14" t="s">
        <v>23</v>
      </c>
      <c r="D99433" s="14" t="s">
        <v>281</v>
      </c>
      <c r="E99433" s="15">
        <v>45529</v>
      </c>
      <c r="F99433" s="14" t="s">
        <v>61</v>
      </c>
      <c r="G99433" s="16">
        <v>2.0774330357730304</v>
      </c>
    </row>
    <row r="99434" spans="1:7" x14ac:dyDescent="0.3">
      <c r="A99434" s="13" t="s">
        <v>491</v>
      </c>
      <c r="B99434" s="14" t="s">
        <v>1</v>
      </c>
      <c r="C99434" s="14" t="s">
        <v>23</v>
      </c>
      <c r="D99434" s="14" t="s">
        <v>281</v>
      </c>
      <c r="E99434" s="15">
        <v>45530</v>
      </c>
      <c r="F99434" s="14" t="s">
        <v>61</v>
      </c>
      <c r="G99434" s="16">
        <v>2.0974317467938608</v>
      </c>
    </row>
    <row r="99435" spans="1:7" x14ac:dyDescent="0.3">
      <c r="A99435" s="13" t="s">
        <v>491</v>
      </c>
      <c r="B99435" s="14" t="s">
        <v>1</v>
      </c>
      <c r="C99435" s="14" t="s">
        <v>23</v>
      </c>
      <c r="D99435" s="14" t="s">
        <v>281</v>
      </c>
      <c r="E99435" s="15">
        <v>45531</v>
      </c>
      <c r="F99435" s="14" t="s">
        <v>61</v>
      </c>
      <c r="G99435" s="16">
        <v>2.1349629419321241</v>
      </c>
    </row>
    <row r="99436" spans="1:7" x14ac:dyDescent="0.3">
      <c r="A99436" s="13" t="s">
        <v>491</v>
      </c>
      <c r="B99436" s="14" t="s">
        <v>1</v>
      </c>
      <c r="C99436" s="14" t="s">
        <v>23</v>
      </c>
      <c r="D99436" s="14" t="s">
        <v>281</v>
      </c>
      <c r="E99436" s="15">
        <v>45532</v>
      </c>
      <c r="F99436" s="14" t="s">
        <v>61</v>
      </c>
      <c r="G99436" s="16">
        <v>2.1617128098258047</v>
      </c>
    </row>
    <row r="99437" spans="1:7" x14ac:dyDescent="0.3">
      <c r="A99437" s="13" t="s">
        <v>491</v>
      </c>
      <c r="B99437" s="14" t="s">
        <v>1</v>
      </c>
      <c r="C99437" s="14" t="s">
        <v>23</v>
      </c>
      <c r="D99437" s="14" t="s">
        <v>281</v>
      </c>
      <c r="E99437" s="15">
        <v>45533</v>
      </c>
      <c r="F99437" s="14" t="s">
        <v>61</v>
      </c>
      <c r="G99437" s="16">
        <v>2.1837159359188107</v>
      </c>
    </row>
    <row r="99438" spans="1:7" x14ac:dyDescent="0.3">
      <c r="A99438" s="13" t="s">
        <v>491</v>
      </c>
      <c r="B99438" s="14" t="s">
        <v>1</v>
      </c>
      <c r="C99438" s="14" t="s">
        <v>23</v>
      </c>
      <c r="D99438" s="14" t="s">
        <v>281</v>
      </c>
      <c r="E99438" s="15">
        <v>45534</v>
      </c>
      <c r="F99438" s="14" t="s">
        <v>61</v>
      </c>
      <c r="G99438" s="16">
        <v>2.2034481281629894</v>
      </c>
    </row>
    <row r="99439" spans="1:7" x14ac:dyDescent="0.3">
      <c r="A99439" s="13" t="s">
        <v>491</v>
      </c>
      <c r="B99439" s="14" t="s">
        <v>1</v>
      </c>
      <c r="C99439" s="14" t="s">
        <v>23</v>
      </c>
      <c r="D99439" s="14" t="s">
        <v>281</v>
      </c>
      <c r="E99439" s="15">
        <v>45535</v>
      </c>
      <c r="F99439" s="14" t="s">
        <v>61</v>
      </c>
      <c r="G99439" s="16">
        <v>2.2034481281629894</v>
      </c>
    </row>
    <row r="99440" spans="1:7" x14ac:dyDescent="0.3">
      <c r="A99440" s="13" t="s">
        <v>491</v>
      </c>
      <c r="B99440" s="14" t="s">
        <v>1</v>
      </c>
      <c r="C99440" s="14" t="s">
        <v>23</v>
      </c>
      <c r="D99440" s="14" t="s">
        <v>281</v>
      </c>
      <c r="E99440" s="15">
        <v>45536</v>
      </c>
      <c r="F99440" s="14" t="s">
        <v>61</v>
      </c>
      <c r="G99440" s="16">
        <v>2.2034481281629894</v>
      </c>
    </row>
    <row r="99441" spans="1:7" x14ac:dyDescent="0.3">
      <c r="A99441" s="13" t="s">
        <v>491</v>
      </c>
      <c r="B99441" s="14" t="s">
        <v>1</v>
      </c>
      <c r="C99441" s="14" t="s">
        <v>23</v>
      </c>
      <c r="D99441" s="14" t="s">
        <v>281</v>
      </c>
      <c r="E99441" s="15">
        <v>45537</v>
      </c>
      <c r="F99441" s="14" t="s">
        <v>61</v>
      </c>
      <c r="G99441" s="16">
        <v>2.2034481281629894</v>
      </c>
    </row>
    <row r="99442" spans="1:7" x14ac:dyDescent="0.3">
      <c r="A99442" s="13" t="s">
        <v>491</v>
      </c>
      <c r="B99442" s="14" t="s">
        <v>1</v>
      </c>
      <c r="C99442" s="14" t="s">
        <v>23</v>
      </c>
      <c r="D99442" s="14" t="s">
        <v>281</v>
      </c>
      <c r="E99442" s="15">
        <v>45538</v>
      </c>
      <c r="F99442" s="14" t="s">
        <v>61</v>
      </c>
      <c r="G99442" s="16">
        <v>2.2185111670899342</v>
      </c>
    </row>
    <row r="99443" spans="1:7" x14ac:dyDescent="0.3">
      <c r="A99443" s="13" t="s">
        <v>491</v>
      </c>
      <c r="B99443" s="14" t="s">
        <v>1</v>
      </c>
      <c r="C99443" s="14" t="s">
        <v>23</v>
      </c>
      <c r="D99443" s="14" t="s">
        <v>281</v>
      </c>
      <c r="E99443" s="15">
        <v>45539</v>
      </c>
      <c r="F99443" s="14" t="s">
        <v>61</v>
      </c>
      <c r="G99443" s="16">
        <v>2.2568685458150246</v>
      </c>
    </row>
    <row r="99444" spans="1:7" x14ac:dyDescent="0.3">
      <c r="A99444" s="13" t="s">
        <v>491</v>
      </c>
      <c r="B99444" s="14" t="s">
        <v>1</v>
      </c>
      <c r="C99444" s="14" t="s">
        <v>23</v>
      </c>
      <c r="D99444" s="14" t="s">
        <v>281</v>
      </c>
      <c r="E99444" s="15">
        <v>45540</v>
      </c>
      <c r="F99444" s="14" t="s">
        <v>61</v>
      </c>
      <c r="G99444" s="16">
        <v>2.2650938195484942</v>
      </c>
    </row>
    <row r="99445" spans="1:7" x14ac:dyDescent="0.3">
      <c r="A99445" s="13" t="s">
        <v>491</v>
      </c>
      <c r="B99445" s="14" t="s">
        <v>1</v>
      </c>
      <c r="C99445" s="14" t="s">
        <v>23</v>
      </c>
      <c r="D99445" s="14" t="s">
        <v>281</v>
      </c>
      <c r="E99445" s="15">
        <v>45541</v>
      </c>
      <c r="F99445" s="14" t="s">
        <v>61</v>
      </c>
      <c r="G99445" s="16">
        <v>2.2846716468769617</v>
      </c>
    </row>
    <row r="99446" spans="1:7" x14ac:dyDescent="0.3">
      <c r="A99446" s="13" t="s">
        <v>491</v>
      </c>
      <c r="B99446" s="14" t="s">
        <v>1</v>
      </c>
      <c r="C99446" s="14" t="s">
        <v>23</v>
      </c>
      <c r="D99446" s="14" t="s">
        <v>281</v>
      </c>
      <c r="E99446" s="15">
        <v>45542</v>
      </c>
      <c r="F99446" s="14" t="s">
        <v>61</v>
      </c>
      <c r="G99446" s="16">
        <v>2.2846716468769617</v>
      </c>
    </row>
    <row r="99447" spans="1:7" x14ac:dyDescent="0.3">
      <c r="A99447" s="13" t="s">
        <v>491</v>
      </c>
      <c r="B99447" s="14" t="s">
        <v>1</v>
      </c>
      <c r="C99447" s="14" t="s">
        <v>23</v>
      </c>
      <c r="D99447" s="14" t="s">
        <v>281</v>
      </c>
      <c r="E99447" s="15">
        <v>45543</v>
      </c>
      <c r="F99447" s="14" t="s">
        <v>61</v>
      </c>
      <c r="G99447" s="16">
        <v>2.2846716468769617</v>
      </c>
    </row>
    <row r="99448" spans="1:7" x14ac:dyDescent="0.3">
      <c r="A99448" s="13" t="s">
        <v>491</v>
      </c>
      <c r="B99448" s="14" t="s">
        <v>1</v>
      </c>
      <c r="C99448" s="14" t="s">
        <v>23</v>
      </c>
      <c r="D99448" s="14" t="s">
        <v>281</v>
      </c>
      <c r="E99448" s="15">
        <v>45544</v>
      </c>
      <c r="F99448" s="14" t="s">
        <v>61</v>
      </c>
      <c r="G99448" s="16">
        <v>2.3385957905021613</v>
      </c>
    </row>
    <row r="99449" spans="1:7" x14ac:dyDescent="0.3">
      <c r="A99449" s="13" t="s">
        <v>491</v>
      </c>
      <c r="B99449" s="14" t="s">
        <v>1</v>
      </c>
      <c r="C99449" s="14" t="s">
        <v>23</v>
      </c>
      <c r="D99449" s="14" t="s">
        <v>281</v>
      </c>
      <c r="E99449" s="15">
        <v>45545</v>
      </c>
      <c r="F99449" s="14" t="s">
        <v>61</v>
      </c>
      <c r="G99449" s="16">
        <v>2.3802869917830316</v>
      </c>
    </row>
    <row r="99450" spans="1:7" x14ac:dyDescent="0.3">
      <c r="A99450" s="13" t="s">
        <v>491</v>
      </c>
      <c r="B99450" s="14" t="s">
        <v>1</v>
      </c>
      <c r="C99450" s="14" t="s">
        <v>23</v>
      </c>
      <c r="D99450" s="14" t="s">
        <v>281</v>
      </c>
      <c r="E99450" s="15">
        <v>45546</v>
      </c>
      <c r="F99450" s="14" t="s">
        <v>61</v>
      </c>
      <c r="G99450" s="16">
        <v>2.3939007081566088</v>
      </c>
    </row>
    <row r="99451" spans="1:7" x14ac:dyDescent="0.3">
      <c r="A99451" s="13" t="s">
        <v>491</v>
      </c>
      <c r="B99451" s="14" t="s">
        <v>1</v>
      </c>
      <c r="C99451" s="14" t="s">
        <v>23</v>
      </c>
      <c r="D99451" s="14" t="s">
        <v>281</v>
      </c>
      <c r="E99451" s="15">
        <v>45547</v>
      </c>
      <c r="F99451" s="14" t="s">
        <v>61</v>
      </c>
      <c r="G99451" s="16">
        <v>2.3947826170035116</v>
      </c>
    </row>
    <row r="99452" spans="1:7" x14ac:dyDescent="0.3">
      <c r="A99452" s="13" t="s">
        <v>491</v>
      </c>
      <c r="B99452" s="14" t="s">
        <v>1</v>
      </c>
      <c r="C99452" s="14" t="s">
        <v>23</v>
      </c>
      <c r="D99452" s="14" t="s">
        <v>281</v>
      </c>
      <c r="E99452" s="15">
        <v>45548</v>
      </c>
      <c r="F99452" s="14" t="s">
        <v>61</v>
      </c>
      <c r="G99452" s="16">
        <v>2.4085018488824881</v>
      </c>
    </row>
    <row r="99453" spans="1:7" x14ac:dyDescent="0.3">
      <c r="A99453" s="13" t="s">
        <v>491</v>
      </c>
      <c r="B99453" s="14" t="s">
        <v>1</v>
      </c>
      <c r="C99453" s="14" t="s">
        <v>23</v>
      </c>
      <c r="D99453" s="14" t="s">
        <v>281</v>
      </c>
      <c r="E99453" s="15">
        <v>45549</v>
      </c>
      <c r="F99453" s="14" t="s">
        <v>61</v>
      </c>
      <c r="G99453" s="16">
        <v>2.4085018488824881</v>
      </c>
    </row>
    <row r="99454" spans="1:7" x14ac:dyDescent="0.3">
      <c r="A99454" s="13" t="s">
        <v>491</v>
      </c>
      <c r="B99454" s="14" t="s">
        <v>1</v>
      </c>
      <c r="C99454" s="14" t="s">
        <v>23</v>
      </c>
      <c r="D99454" s="14" t="s">
        <v>281</v>
      </c>
      <c r="E99454" s="15">
        <v>45550</v>
      </c>
      <c r="F99454" s="14" t="s">
        <v>61</v>
      </c>
      <c r="G99454" s="16">
        <v>2.4085018488824881</v>
      </c>
    </row>
    <row r="99455" spans="1:7" x14ac:dyDescent="0.3">
      <c r="A99455" s="13" t="s">
        <v>491</v>
      </c>
      <c r="B99455" s="14" t="s">
        <v>1</v>
      </c>
      <c r="C99455" s="14" t="s">
        <v>23</v>
      </c>
      <c r="D99455" s="14" t="s">
        <v>281</v>
      </c>
      <c r="E99455" s="15">
        <v>45551</v>
      </c>
      <c r="F99455" s="14" t="s">
        <v>61</v>
      </c>
      <c r="G99455" s="16">
        <v>2.4103200084159209</v>
      </c>
    </row>
    <row r="99456" spans="1:7" x14ac:dyDescent="0.3">
      <c r="A99456" s="13" t="s">
        <v>491</v>
      </c>
      <c r="B99456" s="14" t="s">
        <v>1</v>
      </c>
      <c r="C99456" s="14" t="s">
        <v>23</v>
      </c>
      <c r="D99456" s="14" t="s">
        <v>281</v>
      </c>
      <c r="E99456" s="15">
        <v>45552</v>
      </c>
      <c r="F99456" s="14" t="s">
        <v>61</v>
      </c>
      <c r="G99456" s="16">
        <v>2.4581576226603357</v>
      </c>
    </row>
    <row r="99457" spans="1:7" x14ac:dyDescent="0.3">
      <c r="A99457" s="13" t="s">
        <v>491</v>
      </c>
      <c r="B99457" s="14" t="s">
        <v>1</v>
      </c>
      <c r="C99457" s="14" t="s">
        <v>23</v>
      </c>
      <c r="D99457" s="14" t="s">
        <v>281</v>
      </c>
      <c r="E99457" s="15">
        <v>45553</v>
      </c>
      <c r="F99457" s="14" t="s">
        <v>61</v>
      </c>
      <c r="G99457" s="16">
        <v>2.4716059075879215</v>
      </c>
    </row>
    <row r="99458" spans="1:7" x14ac:dyDescent="0.3">
      <c r="A99458" s="13" t="s">
        <v>491</v>
      </c>
      <c r="B99458" s="14" t="s">
        <v>1</v>
      </c>
      <c r="C99458" s="14" t="s">
        <v>23</v>
      </c>
      <c r="D99458" s="14" t="s">
        <v>281</v>
      </c>
      <c r="E99458" s="15">
        <v>45554</v>
      </c>
      <c r="F99458" s="14" t="s">
        <v>61</v>
      </c>
      <c r="G99458" s="16">
        <v>2.4758128121349872</v>
      </c>
    </row>
    <row r="99459" spans="1:7" x14ac:dyDescent="0.3">
      <c r="A99459" s="13" t="s">
        <v>491</v>
      </c>
      <c r="B99459" s="14" t="s">
        <v>1</v>
      </c>
      <c r="C99459" s="14" t="s">
        <v>23</v>
      </c>
      <c r="D99459" s="14" t="s">
        <v>281</v>
      </c>
      <c r="E99459" s="15">
        <v>45555</v>
      </c>
      <c r="F99459" s="14" t="s">
        <v>61</v>
      </c>
      <c r="G99459" s="16">
        <v>2.4903807987957345</v>
      </c>
    </row>
    <row r="99460" spans="1:7" x14ac:dyDescent="0.3">
      <c r="A99460" s="13" t="s">
        <v>491</v>
      </c>
      <c r="B99460" s="14" t="s">
        <v>1</v>
      </c>
      <c r="C99460" s="14" t="s">
        <v>23</v>
      </c>
      <c r="D99460" s="14" t="s">
        <v>281</v>
      </c>
      <c r="E99460" s="15">
        <v>45556</v>
      </c>
      <c r="F99460" s="14" t="s">
        <v>61</v>
      </c>
      <c r="G99460" s="16">
        <v>2.4903807987957345</v>
      </c>
    </row>
    <row r="99461" spans="1:7" x14ac:dyDescent="0.3">
      <c r="A99461" s="13" t="s">
        <v>491</v>
      </c>
      <c r="B99461" s="14" t="s">
        <v>1</v>
      </c>
      <c r="C99461" s="14" t="s">
        <v>23</v>
      </c>
      <c r="D99461" s="14" t="s">
        <v>281</v>
      </c>
      <c r="E99461" s="15">
        <v>45557</v>
      </c>
      <c r="F99461" s="14" t="s">
        <v>61</v>
      </c>
      <c r="G99461" s="16">
        <v>2.4903807987957345</v>
      </c>
    </row>
    <row r="99462" spans="1:7" x14ac:dyDescent="0.3">
      <c r="A99462" s="13" t="s">
        <v>491</v>
      </c>
      <c r="B99462" s="14" t="s">
        <v>1</v>
      </c>
      <c r="C99462" s="14" t="s">
        <v>23</v>
      </c>
      <c r="D99462" s="14" t="s">
        <v>281</v>
      </c>
      <c r="E99462" s="15">
        <v>45558</v>
      </c>
      <c r="F99462" s="14" t="s">
        <v>61</v>
      </c>
      <c r="G99462" s="16">
        <v>2.5163894241257481</v>
      </c>
    </row>
    <row r="99463" spans="1:7" x14ac:dyDescent="0.3">
      <c r="A99463" s="13" t="s">
        <v>491</v>
      </c>
      <c r="B99463" s="14" t="s">
        <v>1</v>
      </c>
      <c r="C99463" s="14" t="s">
        <v>23</v>
      </c>
      <c r="D99463" s="14" t="s">
        <v>281</v>
      </c>
      <c r="E99463" s="15">
        <v>45559</v>
      </c>
      <c r="F99463" s="14" t="s">
        <v>61</v>
      </c>
      <c r="G99463" s="16">
        <v>2.5582725685077854</v>
      </c>
    </row>
    <row r="99464" spans="1:7" x14ac:dyDescent="0.3">
      <c r="A99464" s="13" t="s">
        <v>491</v>
      </c>
      <c r="B99464" s="14" t="s">
        <v>1</v>
      </c>
      <c r="C99464" s="14" t="s">
        <v>23</v>
      </c>
      <c r="D99464" s="14" t="s">
        <v>281</v>
      </c>
      <c r="E99464" s="15">
        <v>45560</v>
      </c>
      <c r="F99464" s="14" t="s">
        <v>61</v>
      </c>
      <c r="G99464" s="16">
        <v>2.5839180971492084</v>
      </c>
    </row>
    <row r="99465" spans="1:7" x14ac:dyDescent="0.3">
      <c r="A99465" s="13" t="s">
        <v>491</v>
      </c>
      <c r="B99465" s="14" t="s">
        <v>1</v>
      </c>
      <c r="C99465" s="14" t="s">
        <v>23</v>
      </c>
      <c r="D99465" s="14" t="s">
        <v>281</v>
      </c>
      <c r="E99465" s="15">
        <v>45561</v>
      </c>
      <c r="F99465" s="14" t="s">
        <v>61</v>
      </c>
      <c r="G99465" s="16">
        <v>2.5891201925683509</v>
      </c>
    </row>
    <row r="99466" spans="1:7" x14ac:dyDescent="0.3">
      <c r="A99466" s="13" t="s">
        <v>491</v>
      </c>
      <c r="B99466" s="14" t="s">
        <v>1</v>
      </c>
      <c r="C99466" s="14" t="s">
        <v>23</v>
      </c>
      <c r="D99466" s="14" t="s">
        <v>281</v>
      </c>
      <c r="E99466" s="15">
        <v>45562</v>
      </c>
      <c r="F99466" s="14" t="s">
        <v>61</v>
      </c>
      <c r="G99466" s="16">
        <v>2.6098786988833225</v>
      </c>
    </row>
    <row r="99467" spans="1:7" x14ac:dyDescent="0.3">
      <c r="A99467" s="13" t="s">
        <v>491</v>
      </c>
      <c r="B99467" s="14" t="s">
        <v>1</v>
      </c>
      <c r="C99467" s="14" t="s">
        <v>23</v>
      </c>
      <c r="D99467" s="14" t="s">
        <v>281</v>
      </c>
      <c r="E99467" s="15">
        <v>45563</v>
      </c>
      <c r="F99467" s="14" t="s">
        <v>61</v>
      </c>
      <c r="G99467" s="16">
        <v>2.6098786988833225</v>
      </c>
    </row>
    <row r="99468" spans="1:7" x14ac:dyDescent="0.3">
      <c r="A99468" s="13" t="s">
        <v>491</v>
      </c>
      <c r="B99468" s="14" t="s">
        <v>1</v>
      </c>
      <c r="C99468" s="14" t="s">
        <v>23</v>
      </c>
      <c r="D99468" s="14" t="s">
        <v>281</v>
      </c>
      <c r="E99468" s="15">
        <v>45564</v>
      </c>
      <c r="F99468" s="14" t="s">
        <v>61</v>
      </c>
      <c r="G99468" s="16">
        <v>2.6098786988833225</v>
      </c>
    </row>
    <row r="99469" spans="1:7" x14ac:dyDescent="0.3">
      <c r="A99469" s="13" t="s">
        <v>491</v>
      </c>
      <c r="B99469" s="14" t="s">
        <v>1</v>
      </c>
      <c r="C99469" s="14" t="s">
        <v>23</v>
      </c>
      <c r="D99469" s="14" t="s">
        <v>281</v>
      </c>
      <c r="E99469" s="15">
        <v>45565</v>
      </c>
      <c r="F99469" s="14" t="s">
        <v>61</v>
      </c>
      <c r="G99469" s="16">
        <v>2.631876308028557</v>
      </c>
    </row>
    <row r="99470" spans="1:7" x14ac:dyDescent="0.3">
      <c r="A99470" s="13" t="s">
        <v>491</v>
      </c>
      <c r="B99470" s="14" t="s">
        <v>1</v>
      </c>
      <c r="C99470" s="14" t="s">
        <v>23</v>
      </c>
      <c r="D99470" s="14" t="s">
        <v>281</v>
      </c>
      <c r="E99470" s="15">
        <v>45566</v>
      </c>
      <c r="F99470" s="14" t="s">
        <v>61</v>
      </c>
      <c r="G99470" s="16">
        <v>2.692619627906522</v>
      </c>
    </row>
    <row r="99471" spans="1:7" x14ac:dyDescent="0.3">
      <c r="A99471" s="13" t="s">
        <v>491</v>
      </c>
      <c r="B99471" s="14" t="s">
        <v>1</v>
      </c>
      <c r="C99471" s="14" t="s">
        <v>23</v>
      </c>
      <c r="D99471" s="14" t="s">
        <v>281</v>
      </c>
      <c r="E99471" s="15">
        <v>45567</v>
      </c>
      <c r="F99471" s="14" t="s">
        <v>61</v>
      </c>
      <c r="G99471" s="16">
        <v>2.7131384537109464</v>
      </c>
    </row>
    <row r="99472" spans="1:7" x14ac:dyDescent="0.3">
      <c r="A99472" s="13" t="s">
        <v>491</v>
      </c>
      <c r="B99472" s="14" t="s">
        <v>1</v>
      </c>
      <c r="C99472" s="14" t="s">
        <v>23</v>
      </c>
      <c r="D99472" s="14" t="s">
        <v>281</v>
      </c>
      <c r="E99472" s="15">
        <v>45568</v>
      </c>
      <c r="F99472" s="14" t="s">
        <v>61</v>
      </c>
      <c r="G99472" s="16">
        <v>2.7219525268829892</v>
      </c>
    </row>
    <row r="99473" spans="1:7" x14ac:dyDescent="0.3">
      <c r="A99473" s="13" t="s">
        <v>491</v>
      </c>
      <c r="B99473" s="14" t="s">
        <v>1</v>
      </c>
      <c r="C99473" s="14" t="s">
        <v>23</v>
      </c>
      <c r="D99473" s="14" t="s">
        <v>281</v>
      </c>
      <c r="E99473" s="15">
        <v>45569</v>
      </c>
      <c r="F99473" s="14" t="s">
        <v>61</v>
      </c>
      <c r="G99473" s="16">
        <v>2.7505020707297554</v>
      </c>
    </row>
    <row r="99474" spans="1:7" x14ac:dyDescent="0.3">
      <c r="A99474" s="13" t="s">
        <v>491</v>
      </c>
      <c r="B99474" s="14" t="s">
        <v>1</v>
      </c>
      <c r="C99474" s="14" t="s">
        <v>23</v>
      </c>
      <c r="D99474" s="14" t="s">
        <v>281</v>
      </c>
      <c r="E99474" s="15">
        <v>45570</v>
      </c>
      <c r="F99474" s="14" t="s">
        <v>61</v>
      </c>
      <c r="G99474" s="16">
        <v>2.7505020707297554</v>
      </c>
    </row>
    <row r="99475" spans="1:7" x14ac:dyDescent="0.3">
      <c r="A99475" s="13" t="s">
        <v>491</v>
      </c>
      <c r="B99475" s="14" t="s">
        <v>1</v>
      </c>
      <c r="C99475" s="14" t="s">
        <v>23</v>
      </c>
      <c r="D99475" s="14" t="s">
        <v>281</v>
      </c>
      <c r="E99475" s="15">
        <v>45571</v>
      </c>
      <c r="F99475" s="14" t="s">
        <v>61</v>
      </c>
      <c r="G99475" s="16">
        <v>2.7505020707297554</v>
      </c>
    </row>
    <row r="99476" spans="1:7" x14ac:dyDescent="0.3">
      <c r="A99476" s="13" t="s">
        <v>491</v>
      </c>
      <c r="B99476" s="14" t="s">
        <v>1</v>
      </c>
      <c r="C99476" s="14" t="s">
        <v>23</v>
      </c>
      <c r="D99476" s="14" t="s">
        <v>281</v>
      </c>
      <c r="E99476" s="15">
        <v>45572</v>
      </c>
      <c r="F99476" s="14" t="s">
        <v>61</v>
      </c>
      <c r="G99476" s="16">
        <v>2.7902895265979994</v>
      </c>
    </row>
    <row r="99477" spans="1:7" x14ac:dyDescent="0.3">
      <c r="A99477" s="13" t="s">
        <v>491</v>
      </c>
      <c r="B99477" s="14" t="s">
        <v>1</v>
      </c>
      <c r="C99477" s="14" t="s">
        <v>23</v>
      </c>
      <c r="D99477" s="14" t="s">
        <v>281</v>
      </c>
      <c r="E99477" s="15">
        <v>45573</v>
      </c>
      <c r="F99477" s="14" t="s">
        <v>61</v>
      </c>
      <c r="G99477" s="16">
        <v>2.8370608900048921</v>
      </c>
    </row>
    <row r="99478" spans="1:7" x14ac:dyDescent="0.3">
      <c r="A99478" s="13" t="s">
        <v>491</v>
      </c>
      <c r="B99478" s="14" t="s">
        <v>1</v>
      </c>
      <c r="C99478" s="14" t="s">
        <v>23</v>
      </c>
      <c r="D99478" s="14" t="s">
        <v>281</v>
      </c>
      <c r="E99478" s="15">
        <v>45574</v>
      </c>
      <c r="F99478" s="14" t="s">
        <v>61</v>
      </c>
      <c r="G99478" s="16">
        <v>2.8637458283127013</v>
      </c>
    </row>
    <row r="99479" spans="1:7" x14ac:dyDescent="0.3">
      <c r="A99479" s="13" t="s">
        <v>491</v>
      </c>
      <c r="B99479" s="14" t="s">
        <v>1</v>
      </c>
      <c r="C99479" s="14" t="s">
        <v>23</v>
      </c>
      <c r="D99479" s="14" t="s">
        <v>281</v>
      </c>
      <c r="E99479" s="15">
        <v>45575</v>
      </c>
      <c r="F99479" s="14" t="s">
        <v>61</v>
      </c>
      <c r="G99479" s="16">
        <v>2.8801409766342472</v>
      </c>
    </row>
    <row r="99480" spans="1:7" x14ac:dyDescent="0.3">
      <c r="A99480" s="13" t="s">
        <v>491</v>
      </c>
      <c r="B99480" s="14" t="s">
        <v>1</v>
      </c>
      <c r="C99480" s="14" t="s">
        <v>23</v>
      </c>
      <c r="D99480" s="14" t="s">
        <v>281</v>
      </c>
      <c r="E99480" s="15">
        <v>45576</v>
      </c>
      <c r="F99480" s="14" t="s">
        <v>61</v>
      </c>
      <c r="G99480" s="16">
        <v>2.8947801634208035</v>
      </c>
    </row>
    <row r="99481" spans="1:7" x14ac:dyDescent="0.3">
      <c r="A99481" s="13" t="s">
        <v>491</v>
      </c>
      <c r="B99481" s="14" t="s">
        <v>1</v>
      </c>
      <c r="C99481" s="14" t="s">
        <v>23</v>
      </c>
      <c r="D99481" s="14" t="s">
        <v>281</v>
      </c>
      <c r="E99481" s="15">
        <v>45577</v>
      </c>
      <c r="F99481" s="14" t="s">
        <v>61</v>
      </c>
      <c r="G99481" s="16">
        <v>2.8947801634208035</v>
      </c>
    </row>
    <row r="99482" spans="1:7" x14ac:dyDescent="0.3">
      <c r="A99482" s="13" t="s">
        <v>491</v>
      </c>
      <c r="B99482" s="14" t="s">
        <v>1</v>
      </c>
      <c r="C99482" s="14" t="s">
        <v>23</v>
      </c>
      <c r="D99482" s="14" t="s">
        <v>281</v>
      </c>
      <c r="E99482" s="15">
        <v>45578</v>
      </c>
      <c r="F99482" s="14" t="s">
        <v>61</v>
      </c>
      <c r="G99482" s="16">
        <v>2.8947801634208035</v>
      </c>
    </row>
    <row r="99483" spans="1:7" x14ac:dyDescent="0.3">
      <c r="A99483" s="13" t="s">
        <v>491</v>
      </c>
      <c r="B99483" s="14" t="s">
        <v>1</v>
      </c>
      <c r="C99483" s="14" t="s">
        <v>23</v>
      </c>
      <c r="D99483" s="14" t="s">
        <v>281</v>
      </c>
      <c r="E99483" s="15">
        <v>45579</v>
      </c>
      <c r="F99483" s="14" t="s">
        <v>61</v>
      </c>
      <c r="G99483" s="16">
        <v>2.8947801634208035</v>
      </c>
    </row>
    <row r="99484" spans="1:7" x14ac:dyDescent="0.3">
      <c r="A99484" s="13" t="s">
        <v>491</v>
      </c>
      <c r="B99484" s="14" t="s">
        <v>1</v>
      </c>
      <c r="C99484" s="14" t="s">
        <v>23</v>
      </c>
      <c r="D99484" s="14" t="s">
        <v>281</v>
      </c>
      <c r="E99484" s="15">
        <v>45580</v>
      </c>
      <c r="F99484" s="14" t="s">
        <v>61</v>
      </c>
      <c r="G99484" s="16">
        <v>2.9225107563623096</v>
      </c>
    </row>
    <row r="99485" spans="1:7" x14ac:dyDescent="0.3">
      <c r="A99485" s="13" t="s">
        <v>491</v>
      </c>
      <c r="B99485" s="14" t="s">
        <v>1</v>
      </c>
      <c r="C99485" s="14" t="s">
        <v>23</v>
      </c>
      <c r="D99485" s="14" t="s">
        <v>281</v>
      </c>
      <c r="E99485" s="15">
        <v>45581</v>
      </c>
      <c r="F99485" s="14" t="s">
        <v>61</v>
      </c>
      <c r="G99485" s="16">
        <v>2.9922810364144423</v>
      </c>
    </row>
    <row r="99486" spans="1:7" x14ac:dyDescent="0.3">
      <c r="A99486" s="13" t="s">
        <v>491</v>
      </c>
      <c r="B99486" s="14" t="s">
        <v>1</v>
      </c>
      <c r="C99486" s="14" t="s">
        <v>23</v>
      </c>
      <c r="D99486" s="14" t="s">
        <v>281</v>
      </c>
      <c r="E99486" s="15">
        <v>45582</v>
      </c>
      <c r="F99486" s="14" t="s">
        <v>61</v>
      </c>
      <c r="G99486" s="16">
        <v>3.0158957885770445</v>
      </c>
    </row>
    <row r="99487" spans="1:7" x14ac:dyDescent="0.3">
      <c r="A99487" s="13" t="s">
        <v>491</v>
      </c>
      <c r="B99487" s="14" t="s">
        <v>1</v>
      </c>
      <c r="C99487" s="14" t="s">
        <v>23</v>
      </c>
      <c r="D99487" s="14" t="s">
        <v>281</v>
      </c>
      <c r="E99487" s="15">
        <v>45583</v>
      </c>
      <c r="F99487" s="14" t="s">
        <v>61</v>
      </c>
      <c r="G99487" s="16">
        <v>3.021243695988606</v>
      </c>
    </row>
    <row r="99488" spans="1:7" x14ac:dyDescent="0.3">
      <c r="A99488" s="13" t="s">
        <v>491</v>
      </c>
      <c r="B99488" s="14" t="s">
        <v>1</v>
      </c>
      <c r="C99488" s="14" t="s">
        <v>23</v>
      </c>
      <c r="D99488" s="14" t="s">
        <v>281</v>
      </c>
      <c r="E99488" s="15">
        <v>45584</v>
      </c>
      <c r="F99488" s="14" t="s">
        <v>61</v>
      </c>
      <c r="G99488" s="16">
        <v>3.021243695988606</v>
      </c>
    </row>
    <row r="99489" spans="1:7" x14ac:dyDescent="0.3">
      <c r="A99489" s="13" t="s">
        <v>491</v>
      </c>
      <c r="B99489" s="14" t="s">
        <v>1</v>
      </c>
      <c r="C99489" s="14" t="s">
        <v>23</v>
      </c>
      <c r="D99489" s="14" t="s">
        <v>281</v>
      </c>
      <c r="E99489" s="15">
        <v>45585</v>
      </c>
      <c r="F99489" s="14" t="s">
        <v>61</v>
      </c>
      <c r="G99489" s="16">
        <v>3.021243695988606</v>
      </c>
    </row>
    <row r="99490" spans="1:7" x14ac:dyDescent="0.3">
      <c r="A99490" s="13" t="s">
        <v>491</v>
      </c>
      <c r="B99490" s="14" t="s">
        <v>1</v>
      </c>
      <c r="C99490" s="14" t="s">
        <v>23</v>
      </c>
      <c r="D99490" s="14" t="s">
        <v>281</v>
      </c>
      <c r="E99490" s="15">
        <v>45586</v>
      </c>
      <c r="F99490" s="14" t="s">
        <v>61</v>
      </c>
      <c r="G99490" s="16">
        <v>3.0498256964313759</v>
      </c>
    </row>
    <row r="99491" spans="1:7" x14ac:dyDescent="0.3">
      <c r="A99491" s="13" t="s">
        <v>491</v>
      </c>
      <c r="B99491" s="14" t="s">
        <v>1</v>
      </c>
      <c r="C99491" s="14" t="s">
        <v>23</v>
      </c>
      <c r="D99491" s="14" t="s">
        <v>281</v>
      </c>
      <c r="E99491" s="15">
        <v>45587</v>
      </c>
      <c r="F99491" s="14" t="s">
        <v>61</v>
      </c>
      <c r="G99491" s="16">
        <v>3.099417999171207</v>
      </c>
    </row>
    <row r="99492" spans="1:7" x14ac:dyDescent="0.3">
      <c r="A99492" s="13" t="s">
        <v>491</v>
      </c>
      <c r="B99492" s="14" t="s">
        <v>1</v>
      </c>
      <c r="C99492" s="14" t="s">
        <v>23</v>
      </c>
      <c r="D99492" s="14" t="s">
        <v>281</v>
      </c>
      <c r="E99492" s="15">
        <v>45588</v>
      </c>
      <c r="F99492" s="14" t="s">
        <v>61</v>
      </c>
      <c r="G99492" s="16">
        <v>3.1196921454936213</v>
      </c>
    </row>
    <row r="99493" spans="1:7" x14ac:dyDescent="0.3">
      <c r="A99493" s="13" t="s">
        <v>491</v>
      </c>
      <c r="B99493" s="14" t="s">
        <v>1</v>
      </c>
      <c r="C99493" s="14" t="s">
        <v>23</v>
      </c>
      <c r="D99493" s="14" t="s">
        <v>281</v>
      </c>
      <c r="E99493" s="15">
        <v>45589</v>
      </c>
      <c r="F99493" s="14" t="s">
        <v>61</v>
      </c>
      <c r="G99493" s="16">
        <v>3.1217225660352601</v>
      </c>
    </row>
    <row r="99494" spans="1:7" x14ac:dyDescent="0.3">
      <c r="A99494" s="13" t="s">
        <v>491</v>
      </c>
      <c r="B99494" s="14" t="s">
        <v>1</v>
      </c>
      <c r="C99494" s="14" t="s">
        <v>23</v>
      </c>
      <c r="D99494" s="14" t="s">
        <v>281</v>
      </c>
      <c r="E99494" s="15">
        <v>45590</v>
      </c>
      <c r="F99494" s="14" t="s">
        <v>61</v>
      </c>
      <c r="G99494" s="16">
        <v>3.145764318913701</v>
      </c>
    </row>
    <row r="99495" spans="1:7" x14ac:dyDescent="0.3">
      <c r="A99495" s="13" t="s">
        <v>491</v>
      </c>
      <c r="B99495" s="14" t="s">
        <v>1</v>
      </c>
      <c r="C99495" s="14" t="s">
        <v>23</v>
      </c>
      <c r="D99495" s="14" t="s">
        <v>281</v>
      </c>
      <c r="E99495" s="15">
        <v>45591</v>
      </c>
      <c r="F99495" s="14" t="s">
        <v>61</v>
      </c>
      <c r="G99495" s="16">
        <v>3.145764318913701</v>
      </c>
    </row>
    <row r="99496" spans="1:7" x14ac:dyDescent="0.3">
      <c r="A99496" s="13" t="s">
        <v>491</v>
      </c>
      <c r="B99496" s="14" t="s">
        <v>1</v>
      </c>
      <c r="C99496" s="14" t="s">
        <v>23</v>
      </c>
      <c r="D99496" s="14" t="s">
        <v>281</v>
      </c>
      <c r="E99496" s="15">
        <v>45592</v>
      </c>
      <c r="F99496" s="14" t="s">
        <v>61</v>
      </c>
      <c r="G99496" s="16">
        <v>3.145764318913701</v>
      </c>
    </row>
    <row r="99497" spans="1:7" x14ac:dyDescent="0.3">
      <c r="A99497" s="13" t="s">
        <v>491</v>
      </c>
      <c r="B99497" s="14" t="s">
        <v>1</v>
      </c>
      <c r="C99497" s="14" t="s">
        <v>23</v>
      </c>
      <c r="D99497" s="14" t="s">
        <v>281</v>
      </c>
      <c r="E99497" s="15">
        <v>45593</v>
      </c>
      <c r="F99497" s="14" t="s">
        <v>61</v>
      </c>
      <c r="G99497" s="16">
        <v>3.145764318913701</v>
      </c>
    </row>
    <row r="99498" spans="1:7" x14ac:dyDescent="0.3">
      <c r="A99498" s="13" t="s">
        <v>491</v>
      </c>
      <c r="B99498" s="14" t="s">
        <v>1</v>
      </c>
      <c r="C99498" s="14" t="s">
        <v>23</v>
      </c>
      <c r="D99498" s="14" t="s">
        <v>281</v>
      </c>
      <c r="E99498" s="15">
        <v>45594</v>
      </c>
      <c r="F99498" s="14" t="s">
        <v>61</v>
      </c>
      <c r="G99498" s="16">
        <v>3.1572381371839722</v>
      </c>
    </row>
    <row r="99499" spans="1:7" x14ac:dyDescent="0.3">
      <c r="A99499" s="13" t="s">
        <v>491</v>
      </c>
      <c r="B99499" s="14" t="s">
        <v>1</v>
      </c>
      <c r="C99499" s="14" t="s">
        <v>23</v>
      </c>
      <c r="D99499" s="14" t="s">
        <v>281</v>
      </c>
      <c r="E99499" s="15">
        <v>45595</v>
      </c>
      <c r="F99499" s="14" t="s">
        <v>61</v>
      </c>
      <c r="G99499" s="16">
        <v>3.2046704530776862</v>
      </c>
    </row>
    <row r="99500" spans="1:7" x14ac:dyDescent="0.3">
      <c r="A99500" s="13" t="s">
        <v>491</v>
      </c>
      <c r="B99500" s="14" t="s">
        <v>1</v>
      </c>
      <c r="C99500" s="14" t="s">
        <v>23</v>
      </c>
      <c r="D99500" s="14" t="s">
        <v>281</v>
      </c>
      <c r="E99500" s="15">
        <v>45596</v>
      </c>
      <c r="F99500" s="14" t="s">
        <v>61</v>
      </c>
      <c r="G99500" s="16">
        <v>3.1986034220347359</v>
      </c>
    </row>
    <row r="99501" spans="1:7" x14ac:dyDescent="0.3">
      <c r="A99501" s="13" t="s">
        <v>491</v>
      </c>
      <c r="B99501" s="14" t="s">
        <v>1</v>
      </c>
      <c r="C99501" s="14" t="s">
        <v>23</v>
      </c>
      <c r="D99501" s="14" t="s">
        <v>281</v>
      </c>
      <c r="E99501" s="15">
        <v>45597</v>
      </c>
      <c r="F99501" s="14" t="s">
        <v>61</v>
      </c>
      <c r="G99501" s="16">
        <v>3.2274047694879004</v>
      </c>
    </row>
    <row r="99502" spans="1:7" x14ac:dyDescent="0.3">
      <c r="A99502" s="13" t="s">
        <v>491</v>
      </c>
      <c r="B99502" s="14" t="s">
        <v>1</v>
      </c>
      <c r="C99502" s="14" t="s">
        <v>23</v>
      </c>
      <c r="D99502" s="14" t="s">
        <v>281</v>
      </c>
      <c r="E99502" s="15">
        <v>45598</v>
      </c>
      <c r="F99502" s="14" t="s">
        <v>61</v>
      </c>
      <c r="G99502" s="16">
        <v>3.2274047694879004</v>
      </c>
    </row>
    <row r="99503" spans="1:7" x14ac:dyDescent="0.3">
      <c r="A99503" s="13" t="s">
        <v>491</v>
      </c>
      <c r="B99503" s="14" t="s">
        <v>1</v>
      </c>
      <c r="C99503" s="14" t="s">
        <v>23</v>
      </c>
      <c r="D99503" s="14" t="s">
        <v>281</v>
      </c>
      <c r="E99503" s="15">
        <v>45599</v>
      </c>
      <c r="F99503" s="14" t="s">
        <v>61</v>
      </c>
      <c r="G99503" s="16">
        <v>3.2274047694879004</v>
      </c>
    </row>
    <row r="99504" spans="1:7" x14ac:dyDescent="0.3">
      <c r="A99504" s="13" t="s">
        <v>491</v>
      </c>
      <c r="B99504" s="14" t="s">
        <v>1</v>
      </c>
      <c r="C99504" s="14" t="s">
        <v>23</v>
      </c>
      <c r="D99504" s="14" t="s">
        <v>281</v>
      </c>
      <c r="E99504" s="15">
        <v>45600</v>
      </c>
      <c r="F99504" s="14" t="s">
        <v>61</v>
      </c>
      <c r="G99504" s="16">
        <v>3.2200320257909141</v>
      </c>
    </row>
    <row r="99505" spans="1:7" x14ac:dyDescent="0.3">
      <c r="A99505" s="13" t="s">
        <v>491</v>
      </c>
      <c r="B99505" s="14" t="s">
        <v>1</v>
      </c>
      <c r="C99505" s="14" t="s">
        <v>23</v>
      </c>
      <c r="D99505" s="14" t="s">
        <v>281</v>
      </c>
      <c r="E99505" s="15">
        <v>45601</v>
      </c>
      <c r="F99505" s="14" t="s">
        <v>61</v>
      </c>
      <c r="G99505" s="16">
        <v>3.2490487870267324</v>
      </c>
    </row>
    <row r="99506" spans="1:7" x14ac:dyDescent="0.3">
      <c r="A99506" s="13" t="s">
        <v>491</v>
      </c>
      <c r="B99506" s="14" t="s">
        <v>1</v>
      </c>
      <c r="C99506" s="14" t="s">
        <v>23</v>
      </c>
      <c r="D99506" s="14" t="s">
        <v>281</v>
      </c>
      <c r="E99506" s="15">
        <v>45602</v>
      </c>
      <c r="F99506" s="14" t="s">
        <v>61</v>
      </c>
      <c r="G99506" s="16">
        <v>3.325736721724184</v>
      </c>
    </row>
    <row r="99507" spans="1:7" x14ac:dyDescent="0.3">
      <c r="A99507" s="13" t="s">
        <v>491</v>
      </c>
      <c r="B99507" s="14" t="s">
        <v>1</v>
      </c>
      <c r="C99507" s="14" t="s">
        <v>23</v>
      </c>
      <c r="D99507" s="14" t="s">
        <v>281</v>
      </c>
      <c r="E99507" s="15">
        <v>45603</v>
      </c>
      <c r="F99507" s="14" t="s">
        <v>61</v>
      </c>
      <c r="G99507" s="16">
        <v>3.3189616165537741</v>
      </c>
    </row>
    <row r="99508" spans="1:7" x14ac:dyDescent="0.3">
      <c r="A99508" s="13" t="s">
        <v>491</v>
      </c>
      <c r="B99508" s="14" t="s">
        <v>1</v>
      </c>
      <c r="C99508" s="14" t="s">
        <v>23</v>
      </c>
      <c r="D99508" s="14" t="s">
        <v>281</v>
      </c>
      <c r="E99508" s="15">
        <v>45604</v>
      </c>
      <c r="F99508" s="14" t="s">
        <v>61</v>
      </c>
      <c r="G99508" s="16">
        <v>3.361485774641046</v>
      </c>
    </row>
    <row r="99509" spans="1:7" x14ac:dyDescent="0.3">
      <c r="A99509" s="13" t="s">
        <v>491</v>
      </c>
      <c r="B99509" s="14" t="s">
        <v>1</v>
      </c>
      <c r="C99509" s="14" t="s">
        <v>23</v>
      </c>
      <c r="D99509" s="14" t="s">
        <v>281</v>
      </c>
      <c r="E99509" s="15">
        <v>45605</v>
      </c>
      <c r="F99509" s="14" t="s">
        <v>61</v>
      </c>
      <c r="G99509" s="16">
        <v>3.361485774641046</v>
      </c>
    </row>
    <row r="99510" spans="1:7" x14ac:dyDescent="0.3">
      <c r="A99510" s="13" t="s">
        <v>491</v>
      </c>
      <c r="B99510" s="14" t="s">
        <v>1</v>
      </c>
      <c r="C99510" s="14" t="s">
        <v>23</v>
      </c>
      <c r="D99510" s="14" t="s">
        <v>281</v>
      </c>
      <c r="E99510" s="15">
        <v>45606</v>
      </c>
      <c r="F99510" s="14" t="s">
        <v>61</v>
      </c>
      <c r="G99510" s="16">
        <v>3.361485774641046</v>
      </c>
    </row>
    <row r="99511" spans="1:7" x14ac:dyDescent="0.3">
      <c r="A99511" s="13" t="s">
        <v>491</v>
      </c>
      <c r="B99511" s="14" t="s">
        <v>1</v>
      </c>
      <c r="C99511" s="14" t="s">
        <v>23</v>
      </c>
      <c r="D99511" s="14" t="s">
        <v>281</v>
      </c>
      <c r="E99511" s="15">
        <v>45607</v>
      </c>
      <c r="F99511" s="14" t="s">
        <v>61</v>
      </c>
      <c r="G99511" s="16">
        <v>3.361485774641046</v>
      </c>
    </row>
    <row r="99512" spans="1:7" x14ac:dyDescent="0.3">
      <c r="A99512" s="13" t="s">
        <v>491</v>
      </c>
      <c r="B99512" s="14" t="s">
        <v>1</v>
      </c>
      <c r="C99512" s="14" t="s">
        <v>23</v>
      </c>
      <c r="D99512" s="14" t="s">
        <v>281</v>
      </c>
      <c r="E99512" s="15">
        <v>45608</v>
      </c>
      <c r="F99512" s="14" t="s">
        <v>61</v>
      </c>
      <c r="G99512" s="16">
        <v>3.4064255770648981</v>
      </c>
    </row>
    <row r="99513" spans="1:7" x14ac:dyDescent="0.3">
      <c r="A99513" s="13" t="s">
        <v>491</v>
      </c>
      <c r="B99513" s="14" t="s">
        <v>1</v>
      </c>
      <c r="C99513" s="14" t="s">
        <v>23</v>
      </c>
      <c r="D99513" s="14" t="s">
        <v>281</v>
      </c>
      <c r="E99513" s="15">
        <v>45609</v>
      </c>
      <c r="F99513" s="14" t="s">
        <v>61</v>
      </c>
      <c r="G99513" s="16">
        <v>3.4995438351570001</v>
      </c>
    </row>
    <row r="99514" spans="1:7" x14ac:dyDescent="0.3">
      <c r="A99514" s="13" t="s">
        <v>491</v>
      </c>
      <c r="B99514" s="14" t="s">
        <v>1</v>
      </c>
      <c r="C99514" s="14" t="s">
        <v>23</v>
      </c>
      <c r="D99514" s="14" t="s">
        <v>281</v>
      </c>
      <c r="E99514" s="15">
        <v>45610</v>
      </c>
      <c r="F99514" s="14" t="s">
        <v>61</v>
      </c>
      <c r="G99514" s="16">
        <v>3.5256866198829</v>
      </c>
    </row>
    <row r="99515" spans="1:7" x14ac:dyDescent="0.3">
      <c r="A99515" s="13" t="s">
        <v>491</v>
      </c>
      <c r="B99515" s="14" t="s">
        <v>1</v>
      </c>
      <c r="C99515" s="14" t="s">
        <v>23</v>
      </c>
      <c r="D99515" s="14" t="s">
        <v>281</v>
      </c>
      <c r="E99515" s="15">
        <v>45611</v>
      </c>
      <c r="F99515" s="14" t="s">
        <v>61</v>
      </c>
      <c r="G99515" s="16">
        <v>3.5366350532691335</v>
      </c>
    </row>
    <row r="99516" spans="1:7" x14ac:dyDescent="0.3">
      <c r="A99516" s="13" t="s">
        <v>491</v>
      </c>
      <c r="B99516" s="14" t="s">
        <v>1</v>
      </c>
      <c r="C99516" s="14" t="s">
        <v>23</v>
      </c>
      <c r="D99516" s="14" t="s">
        <v>281</v>
      </c>
      <c r="E99516" s="15">
        <v>45612</v>
      </c>
      <c r="F99516" s="14" t="s">
        <v>61</v>
      </c>
      <c r="G99516" s="16">
        <v>3.5366350532691335</v>
      </c>
    </row>
    <row r="99517" spans="1:7" x14ac:dyDescent="0.3">
      <c r="A99517" s="13" t="s">
        <v>491</v>
      </c>
      <c r="B99517" s="14" t="s">
        <v>1</v>
      </c>
      <c r="C99517" s="14" t="s">
        <v>23</v>
      </c>
      <c r="D99517" s="14" t="s">
        <v>281</v>
      </c>
      <c r="E99517" s="15">
        <v>45613</v>
      </c>
      <c r="F99517" s="14" t="s">
        <v>61</v>
      </c>
      <c r="G99517" s="16">
        <v>3.5366350532691335</v>
      </c>
    </row>
    <row r="99518" spans="1:7" x14ac:dyDescent="0.3">
      <c r="A99518" s="13" t="s">
        <v>491</v>
      </c>
      <c r="B99518" s="14" t="s">
        <v>1</v>
      </c>
      <c r="C99518" s="14" t="s">
        <v>23</v>
      </c>
      <c r="D99518" s="14" t="s">
        <v>281</v>
      </c>
      <c r="E99518" s="15">
        <v>45614</v>
      </c>
      <c r="F99518" s="14" t="s">
        <v>61</v>
      </c>
      <c r="G99518" s="16">
        <v>3.5314437726840029</v>
      </c>
    </row>
    <row r="99519" spans="1:7" x14ac:dyDescent="0.3">
      <c r="A99519" s="13" t="s">
        <v>491</v>
      </c>
      <c r="B99519" s="14" t="s">
        <v>1</v>
      </c>
      <c r="C99519" s="14" t="s">
        <v>23</v>
      </c>
      <c r="D99519" s="14" t="s">
        <v>281</v>
      </c>
      <c r="E99519" s="15">
        <v>45615</v>
      </c>
      <c r="F99519" s="14" t="s">
        <v>61</v>
      </c>
      <c r="G99519" s="16">
        <v>3.5758921824539129</v>
      </c>
    </row>
    <row r="99520" spans="1:7" x14ac:dyDescent="0.3">
      <c r="A99520" s="13" t="s">
        <v>491</v>
      </c>
      <c r="B99520" s="14" t="s">
        <v>1</v>
      </c>
      <c r="C99520" s="14" t="s">
        <v>23</v>
      </c>
      <c r="D99520" s="14" t="s">
        <v>281</v>
      </c>
      <c r="E99520" s="15">
        <v>45616</v>
      </c>
      <c r="F99520" s="14" t="s">
        <v>61</v>
      </c>
      <c r="G99520" s="16">
        <v>3.6081837671859796</v>
      </c>
    </row>
    <row r="99521" spans="1:7" x14ac:dyDescent="0.3">
      <c r="A99521" s="13" t="s">
        <v>491</v>
      </c>
      <c r="B99521" s="14" t="s">
        <v>1</v>
      </c>
      <c r="C99521" s="14" t="s">
        <v>23</v>
      </c>
      <c r="D99521" s="14" t="s">
        <v>281</v>
      </c>
      <c r="E99521" s="15">
        <v>45617</v>
      </c>
      <c r="F99521" s="14" t="s">
        <v>61</v>
      </c>
      <c r="G99521" s="16">
        <v>3.6474325534082954</v>
      </c>
    </row>
    <row r="99522" spans="1:7" x14ac:dyDescent="0.3">
      <c r="A99522" s="13" t="s">
        <v>491</v>
      </c>
      <c r="B99522" s="14" t="s">
        <v>1</v>
      </c>
      <c r="C99522" s="14" t="s">
        <v>23</v>
      </c>
      <c r="D99522" s="14" t="s">
        <v>281</v>
      </c>
      <c r="E99522" s="15">
        <v>45618</v>
      </c>
      <c r="F99522" s="14" t="s">
        <v>61</v>
      </c>
      <c r="G99522" s="16">
        <v>3.6810616461029593</v>
      </c>
    </row>
    <row r="99523" spans="1:7" x14ac:dyDescent="0.3">
      <c r="A99523" s="13" t="s">
        <v>491</v>
      </c>
      <c r="B99523" s="14" t="s">
        <v>1</v>
      </c>
      <c r="C99523" s="14" t="s">
        <v>23</v>
      </c>
      <c r="D99523" s="14" t="s">
        <v>281</v>
      </c>
      <c r="E99523" s="15">
        <v>45619</v>
      </c>
      <c r="F99523" s="14" t="s">
        <v>61</v>
      </c>
      <c r="G99523" s="16">
        <v>3.6810616461029593</v>
      </c>
    </row>
    <row r="99524" spans="1:7" x14ac:dyDescent="0.3">
      <c r="A99524" s="13" t="s">
        <v>491</v>
      </c>
      <c r="B99524" s="14" t="s">
        <v>1</v>
      </c>
      <c r="C99524" s="14" t="s">
        <v>23</v>
      </c>
      <c r="D99524" s="14" t="s">
        <v>281</v>
      </c>
      <c r="E99524" s="15">
        <v>45620</v>
      </c>
      <c r="F99524" s="14" t="s">
        <v>61</v>
      </c>
      <c r="G99524" s="16">
        <v>3.6810616461029593</v>
      </c>
    </row>
    <row r="99525" spans="1:7" x14ac:dyDescent="0.3">
      <c r="A99525" s="13" t="s">
        <v>491</v>
      </c>
      <c r="B99525" s="14" t="s">
        <v>1</v>
      </c>
      <c r="C99525" s="14" t="s">
        <v>23</v>
      </c>
      <c r="D99525" s="14" t="s">
        <v>281</v>
      </c>
      <c r="E99525" s="15">
        <v>45621</v>
      </c>
      <c r="F99525" s="14" t="s">
        <v>61</v>
      </c>
      <c r="G99525" s="16">
        <v>3.670063972429761</v>
      </c>
    </row>
    <row r="99526" spans="1:7" x14ac:dyDescent="0.3">
      <c r="A99526" s="13" t="s">
        <v>491</v>
      </c>
      <c r="B99526" s="14" t="s">
        <v>1</v>
      </c>
      <c r="C99526" s="14" t="s">
        <v>23</v>
      </c>
      <c r="D99526" s="14" t="s">
        <v>281</v>
      </c>
      <c r="E99526" s="15">
        <v>45622</v>
      </c>
      <c r="F99526" s="14" t="s">
        <v>61</v>
      </c>
      <c r="G99526" s="16">
        <v>3.7155839035799914</v>
      </c>
    </row>
    <row r="99527" spans="1:7" x14ac:dyDescent="0.3">
      <c r="A99527" s="13" t="s">
        <v>491</v>
      </c>
      <c r="B99527" s="14" t="s">
        <v>1</v>
      </c>
      <c r="C99527" s="14" t="s">
        <v>23</v>
      </c>
      <c r="D99527" s="14" t="s">
        <v>281</v>
      </c>
      <c r="E99527" s="15">
        <v>45623</v>
      </c>
      <c r="F99527" s="14" t="s">
        <v>61</v>
      </c>
      <c r="G99527" s="16">
        <v>3.7029138329424032</v>
      </c>
    </row>
    <row r="99528" spans="1:7" x14ac:dyDescent="0.3">
      <c r="A99528" s="13" t="s">
        <v>491</v>
      </c>
      <c r="B99528" s="14" t="s">
        <v>1</v>
      </c>
      <c r="C99528" s="14" t="s">
        <v>23</v>
      </c>
      <c r="D99528" s="14" t="s">
        <v>281</v>
      </c>
      <c r="E99528" s="15">
        <v>45624</v>
      </c>
      <c r="F99528" s="14" t="s">
        <v>61</v>
      </c>
      <c r="G99528" s="16">
        <v>3.7029138329424032</v>
      </c>
    </row>
    <row r="99529" spans="1:7" x14ac:dyDescent="0.3">
      <c r="A99529" s="13" t="s">
        <v>491</v>
      </c>
      <c r="B99529" s="14" t="s">
        <v>1</v>
      </c>
      <c r="C99529" s="14" t="s">
        <v>23</v>
      </c>
      <c r="D99529" s="14" t="s">
        <v>281</v>
      </c>
      <c r="E99529" s="15">
        <v>45625</v>
      </c>
      <c r="F99529" s="14" t="s">
        <v>61</v>
      </c>
      <c r="G99529" s="16">
        <v>3.7183334756535089</v>
      </c>
    </row>
    <row r="99530" spans="1:7" x14ac:dyDescent="0.3">
      <c r="A99530" s="13" t="s">
        <v>491</v>
      </c>
      <c r="B99530" s="14" t="s">
        <v>1</v>
      </c>
      <c r="C99530" s="14" t="s">
        <v>23</v>
      </c>
      <c r="D99530" s="14" t="s">
        <v>281</v>
      </c>
      <c r="E99530" s="15">
        <v>45626</v>
      </c>
      <c r="F99530" s="14" t="s">
        <v>61</v>
      </c>
      <c r="G99530" s="16">
        <v>3.7183334756535089</v>
      </c>
    </row>
    <row r="99531" spans="1:7" x14ac:dyDescent="0.3">
      <c r="A99531" s="13" t="s">
        <v>491</v>
      </c>
      <c r="B99531" s="14" t="s">
        <v>1</v>
      </c>
      <c r="C99531" s="14" t="s">
        <v>23</v>
      </c>
      <c r="D99531" s="14" t="s">
        <v>281</v>
      </c>
      <c r="E99531" s="15">
        <v>45627</v>
      </c>
      <c r="F99531" s="14" t="s">
        <v>61</v>
      </c>
      <c r="G99531" s="16">
        <v>3.7183334756535089</v>
      </c>
    </row>
    <row r="99532" spans="1:7" x14ac:dyDescent="0.3">
      <c r="A99532" s="13" t="s">
        <v>491</v>
      </c>
      <c r="B99532" s="14" t="s">
        <v>1</v>
      </c>
      <c r="C99532" s="14" t="s">
        <v>23</v>
      </c>
      <c r="D99532" s="14" t="s">
        <v>281</v>
      </c>
      <c r="E99532" s="15">
        <v>45628</v>
      </c>
      <c r="F99532" s="14" t="s">
        <v>61</v>
      </c>
      <c r="G99532" s="16">
        <v>3.7760871181393245</v>
      </c>
    </row>
    <row r="99533" spans="1:7" x14ac:dyDescent="0.3">
      <c r="A99533" s="13" t="s">
        <v>491</v>
      </c>
      <c r="B99533" s="14" t="s">
        <v>1</v>
      </c>
      <c r="C99533" s="14" t="s">
        <v>23</v>
      </c>
      <c r="D99533" s="14" t="s">
        <v>281</v>
      </c>
      <c r="E99533" s="15">
        <v>45629</v>
      </c>
      <c r="F99533" s="14" t="s">
        <v>61</v>
      </c>
      <c r="G99533" s="16">
        <v>3.8030440349298384</v>
      </c>
    </row>
    <row r="99534" spans="1:7" x14ac:dyDescent="0.3">
      <c r="A99534" s="13" t="s">
        <v>491</v>
      </c>
      <c r="B99534" s="14" t="s">
        <v>1</v>
      </c>
      <c r="C99534" s="14" t="s">
        <v>23</v>
      </c>
      <c r="D99534" s="14" t="s">
        <v>281</v>
      </c>
      <c r="E99534" s="15">
        <v>45630</v>
      </c>
      <c r="F99534" s="14" t="s">
        <v>61</v>
      </c>
      <c r="G99534" s="16">
        <v>3.8149333023233156</v>
      </c>
    </row>
    <row r="99535" spans="1:7" x14ac:dyDescent="0.3">
      <c r="A99535" s="13" t="s">
        <v>491</v>
      </c>
      <c r="B99535" s="14" t="s">
        <v>1</v>
      </c>
      <c r="C99535" s="14" t="s">
        <v>23</v>
      </c>
      <c r="D99535" s="14" t="s">
        <v>281</v>
      </c>
      <c r="E99535" s="15">
        <v>45631</v>
      </c>
      <c r="F99535" s="14" t="s">
        <v>61</v>
      </c>
      <c r="G99535" s="16">
        <v>3.8023360478446118</v>
      </c>
    </row>
    <row r="99536" spans="1:7" x14ac:dyDescent="0.3">
      <c r="A99536" s="13" t="s">
        <v>491</v>
      </c>
      <c r="B99536" s="14" t="s">
        <v>1</v>
      </c>
      <c r="C99536" s="14" t="s">
        <v>23</v>
      </c>
      <c r="D99536" s="14" t="s">
        <v>281</v>
      </c>
      <c r="E99536" s="15">
        <v>45632</v>
      </c>
      <c r="F99536" s="14" t="s">
        <v>61</v>
      </c>
      <c r="G99536" s="16">
        <v>3.8230188315926688</v>
      </c>
    </row>
    <row r="99537" spans="1:7" x14ac:dyDescent="0.3">
      <c r="A99537" s="13" t="s">
        <v>491</v>
      </c>
      <c r="B99537" s="14" t="s">
        <v>1</v>
      </c>
      <c r="C99537" s="14" t="s">
        <v>23</v>
      </c>
      <c r="D99537" s="14" t="s">
        <v>281</v>
      </c>
      <c r="E99537" s="15">
        <v>45633</v>
      </c>
      <c r="F99537" s="14" t="s">
        <v>61</v>
      </c>
      <c r="G99537" s="16">
        <v>3.8230188315926688</v>
      </c>
    </row>
    <row r="99538" spans="1:7" x14ac:dyDescent="0.3">
      <c r="A99538" s="13" t="s">
        <v>491</v>
      </c>
      <c r="B99538" s="14" t="s">
        <v>1</v>
      </c>
      <c r="C99538" s="14" t="s">
        <v>23</v>
      </c>
      <c r="D99538" s="14" t="s">
        <v>281</v>
      </c>
      <c r="E99538" s="15">
        <v>45634</v>
      </c>
      <c r="F99538" s="14" t="s">
        <v>61</v>
      </c>
      <c r="G99538" s="16">
        <v>3.8230188315926688</v>
      </c>
    </row>
    <row r="99539" spans="1:7" x14ac:dyDescent="0.3">
      <c r="A99539" s="13" t="s">
        <v>491</v>
      </c>
      <c r="B99539" s="14" t="s">
        <v>1</v>
      </c>
      <c r="C99539" s="14" t="s">
        <v>23</v>
      </c>
      <c r="D99539" s="14" t="s">
        <v>281</v>
      </c>
      <c r="E99539" s="15">
        <v>45635</v>
      </c>
      <c r="F99539" s="14" t="s">
        <v>61</v>
      </c>
      <c r="G99539" s="16">
        <v>3.850876545238342</v>
      </c>
    </row>
    <row r="99540" spans="1:7" x14ac:dyDescent="0.3">
      <c r="A99540" s="13" t="s">
        <v>491</v>
      </c>
      <c r="B99540" s="14" t="s">
        <v>1</v>
      </c>
      <c r="C99540" s="14" t="s">
        <v>23</v>
      </c>
      <c r="D99540" s="14" t="s">
        <v>281</v>
      </c>
      <c r="E99540" s="15">
        <v>45636</v>
      </c>
      <c r="F99540" s="14" t="s">
        <v>61</v>
      </c>
      <c r="G99540" s="16">
        <v>3.9044393364718548</v>
      </c>
    </row>
    <row r="99541" spans="1:7" x14ac:dyDescent="0.3">
      <c r="A99541" s="13" t="s">
        <v>491</v>
      </c>
      <c r="B99541" s="14" t="s">
        <v>1</v>
      </c>
      <c r="C99541" s="14" t="s">
        <v>23</v>
      </c>
      <c r="D99541" s="14" t="s">
        <v>281</v>
      </c>
      <c r="E99541" s="15">
        <v>45637</v>
      </c>
      <c r="F99541" s="14" t="s">
        <v>61</v>
      </c>
      <c r="G99541" s="16">
        <v>3.9311393998568005</v>
      </c>
    </row>
    <row r="99542" spans="1:7" x14ac:dyDescent="0.3">
      <c r="A99542" s="13" t="s">
        <v>491</v>
      </c>
      <c r="B99542" s="14" t="s">
        <v>1</v>
      </c>
      <c r="C99542" s="14" t="s">
        <v>23</v>
      </c>
      <c r="D99542" s="14" t="s">
        <v>281</v>
      </c>
      <c r="E99542" s="15">
        <v>45638</v>
      </c>
      <c r="F99542" s="14" t="s">
        <v>61</v>
      </c>
      <c r="G99542" s="16">
        <v>3.9566071531945499</v>
      </c>
    </row>
    <row r="99543" spans="1:7" x14ac:dyDescent="0.3">
      <c r="A99543" s="13" t="s">
        <v>491</v>
      </c>
      <c r="B99543" s="14" t="s">
        <v>1</v>
      </c>
      <c r="C99543" s="14" t="s">
        <v>23</v>
      </c>
      <c r="D99543" s="14" t="s">
        <v>281</v>
      </c>
      <c r="E99543" s="15">
        <v>45639</v>
      </c>
      <c r="F99543" s="14" t="s">
        <v>61</v>
      </c>
      <c r="G99543" s="16">
        <v>3.9580092850765261</v>
      </c>
    </row>
    <row r="99544" spans="1:7" x14ac:dyDescent="0.3">
      <c r="A99544" s="13" t="s">
        <v>491</v>
      </c>
      <c r="B99544" s="14" t="s">
        <v>1</v>
      </c>
      <c r="C99544" s="14" t="s">
        <v>23</v>
      </c>
      <c r="D99544" s="14" t="s">
        <v>281</v>
      </c>
      <c r="E99544" s="15">
        <v>45640</v>
      </c>
      <c r="F99544" s="14" t="s">
        <v>61</v>
      </c>
      <c r="G99544" s="16">
        <v>3.9580092850765261</v>
      </c>
    </row>
    <row r="99545" spans="1:7" x14ac:dyDescent="0.3">
      <c r="A99545" s="13" t="s">
        <v>491</v>
      </c>
      <c r="B99545" s="14" t="s">
        <v>1</v>
      </c>
      <c r="C99545" s="14" t="s">
        <v>23</v>
      </c>
      <c r="D99545" s="14" t="s">
        <v>281</v>
      </c>
      <c r="E99545" s="15">
        <v>45641</v>
      </c>
      <c r="F99545" s="14" t="s">
        <v>61</v>
      </c>
      <c r="G99545" s="16">
        <v>3.9580092850765261</v>
      </c>
    </row>
    <row r="99546" spans="1:7" x14ac:dyDescent="0.3">
      <c r="A99546" s="13" t="s">
        <v>491</v>
      </c>
      <c r="B99546" s="14" t="s">
        <v>1</v>
      </c>
      <c r="C99546" s="14" t="s">
        <v>23</v>
      </c>
      <c r="D99546" s="14" t="s">
        <v>281</v>
      </c>
      <c r="E99546" s="15">
        <v>45642</v>
      </c>
      <c r="F99546" s="14" t="s">
        <v>61</v>
      </c>
      <c r="G99546" s="16">
        <v>3.9685769893874401</v>
      </c>
    </row>
    <row r="99547" spans="1:7" x14ac:dyDescent="0.3">
      <c r="A99547" s="13" t="s">
        <v>491</v>
      </c>
      <c r="B99547" s="14" t="s">
        <v>1</v>
      </c>
      <c r="C99547" s="14" t="s">
        <v>23</v>
      </c>
      <c r="D99547" s="14" t="s">
        <v>281</v>
      </c>
      <c r="E99547" s="15">
        <v>45643</v>
      </c>
      <c r="F99547" s="14" t="s">
        <v>61</v>
      </c>
      <c r="G99547" s="16">
        <v>4.0202560602246376</v>
      </c>
    </row>
    <row r="99548" spans="1:7" x14ac:dyDescent="0.3">
      <c r="A99548" s="13" t="s">
        <v>491</v>
      </c>
      <c r="B99548" s="14" t="s">
        <v>1</v>
      </c>
      <c r="C99548" s="14" t="s">
        <v>23</v>
      </c>
      <c r="D99548" s="14" t="s">
        <v>281</v>
      </c>
      <c r="E99548" s="15">
        <v>45644</v>
      </c>
      <c r="F99548" s="14" t="s">
        <v>61</v>
      </c>
      <c r="G99548" s="16">
        <v>4.0899519666354776</v>
      </c>
    </row>
    <row r="99549" spans="1:7" x14ac:dyDescent="0.3">
      <c r="A99549" s="13" t="s">
        <v>491</v>
      </c>
      <c r="B99549" s="14" t="s">
        <v>1</v>
      </c>
      <c r="C99549" s="14" t="s">
        <v>23</v>
      </c>
      <c r="D99549" s="14" t="s">
        <v>281</v>
      </c>
      <c r="E99549" s="15">
        <v>45645</v>
      </c>
      <c r="F99549" s="14" t="s">
        <v>61</v>
      </c>
      <c r="G99549" s="16">
        <v>4.0999151589037952</v>
      </c>
    </row>
    <row r="99550" spans="1:7" x14ac:dyDescent="0.3">
      <c r="A99550" s="13" t="s">
        <v>491</v>
      </c>
      <c r="B99550" s="14" t="s">
        <v>1</v>
      </c>
      <c r="C99550" s="14" t="s">
        <v>23</v>
      </c>
      <c r="D99550" s="14" t="s">
        <v>281</v>
      </c>
      <c r="E99550" s="15">
        <v>45646</v>
      </c>
      <c r="F99550" s="14" t="s">
        <v>61</v>
      </c>
      <c r="G99550" s="16">
        <v>4.0875819287082926</v>
      </c>
    </row>
    <row r="99551" spans="1:7" x14ac:dyDescent="0.3">
      <c r="A99551" s="13" t="s">
        <v>491</v>
      </c>
      <c r="B99551" s="14" t="s">
        <v>1</v>
      </c>
      <c r="C99551" s="14" t="s">
        <v>23</v>
      </c>
      <c r="D99551" s="14" t="s">
        <v>281</v>
      </c>
      <c r="E99551" s="15">
        <v>45647</v>
      </c>
      <c r="F99551" s="14" t="s">
        <v>61</v>
      </c>
      <c r="G99551" s="16">
        <v>4.0875819287082926</v>
      </c>
    </row>
    <row r="99552" spans="1:7" x14ac:dyDescent="0.3">
      <c r="A99552" s="13" t="s">
        <v>491</v>
      </c>
      <c r="B99552" s="14" t="s">
        <v>1</v>
      </c>
      <c r="C99552" s="14" t="s">
        <v>23</v>
      </c>
      <c r="D99552" s="14" t="s">
        <v>281</v>
      </c>
      <c r="E99552" s="15">
        <v>45648</v>
      </c>
      <c r="F99552" s="14" t="s">
        <v>61</v>
      </c>
      <c r="G99552" s="16">
        <v>4.0875819287082926</v>
      </c>
    </row>
    <row r="99553" spans="1:7" x14ac:dyDescent="0.3">
      <c r="A99553" s="13" t="s">
        <v>491</v>
      </c>
      <c r="B99553" s="14" t="s">
        <v>1</v>
      </c>
      <c r="C99553" s="14" t="s">
        <v>23</v>
      </c>
      <c r="D99553" s="14" t="s">
        <v>281</v>
      </c>
      <c r="E99553" s="15">
        <v>45649</v>
      </c>
      <c r="F99553" s="14" t="s">
        <v>61</v>
      </c>
      <c r="G99553" s="16">
        <v>4.0721860685388336</v>
      </c>
    </row>
    <row r="99554" spans="1:7" x14ac:dyDescent="0.3">
      <c r="A99554" s="13" t="s">
        <v>491</v>
      </c>
      <c r="B99554" s="14" t="s">
        <v>1</v>
      </c>
      <c r="C99554" s="14" t="s">
        <v>23</v>
      </c>
      <c r="D99554" s="14" t="s">
        <v>281</v>
      </c>
      <c r="E99554" s="15">
        <v>45650</v>
      </c>
      <c r="F99554" s="14" t="s">
        <v>61</v>
      </c>
      <c r="G99554" s="16">
        <v>4.1137729840840684</v>
      </c>
    </row>
    <row r="99555" spans="1:7" x14ac:dyDescent="0.3">
      <c r="A99555" s="13" t="s">
        <v>491</v>
      </c>
      <c r="B99555" s="14" t="s">
        <v>1</v>
      </c>
      <c r="C99555" s="14" t="s">
        <v>23</v>
      </c>
      <c r="D99555" s="14" t="s">
        <v>281</v>
      </c>
      <c r="E99555" s="15">
        <v>45651</v>
      </c>
      <c r="F99555" s="14" t="s">
        <v>61</v>
      </c>
      <c r="G99555" s="16">
        <v>4.1137729840840684</v>
      </c>
    </row>
    <row r="99556" spans="1:7" x14ac:dyDescent="0.3">
      <c r="A99556" s="13" t="s">
        <v>491</v>
      </c>
      <c r="B99556" s="14" t="s">
        <v>1</v>
      </c>
      <c r="C99556" s="14" t="s">
        <v>23</v>
      </c>
      <c r="D99556" s="14" t="s">
        <v>281</v>
      </c>
      <c r="E99556" s="15">
        <v>45652</v>
      </c>
      <c r="F99556" s="14" t="s">
        <v>61</v>
      </c>
      <c r="G99556" s="16">
        <v>4.1137729840840684</v>
      </c>
    </row>
    <row r="99557" spans="1:7" x14ac:dyDescent="0.3">
      <c r="A99557" s="13" t="s">
        <v>491</v>
      </c>
      <c r="B99557" s="14" t="s">
        <v>1</v>
      </c>
      <c r="C99557" s="14" t="s">
        <v>23</v>
      </c>
      <c r="D99557" s="14" t="s">
        <v>281</v>
      </c>
      <c r="E99557" s="15">
        <v>45653</v>
      </c>
      <c r="F99557" s="14" t="s">
        <v>61</v>
      </c>
      <c r="G99557" s="16">
        <v>4.1137729840840684</v>
      </c>
    </row>
    <row r="99558" spans="1:7" x14ac:dyDescent="0.3">
      <c r="A99558" s="13" t="s">
        <v>491</v>
      </c>
      <c r="B99558" s="14" t="s">
        <v>1</v>
      </c>
      <c r="C99558" s="14" t="s">
        <v>23</v>
      </c>
      <c r="D99558" s="14" t="s">
        <v>281</v>
      </c>
      <c r="E99558" s="15">
        <v>45654</v>
      </c>
      <c r="F99558" s="14" t="s">
        <v>61</v>
      </c>
      <c r="G99558" s="16">
        <v>4.1137729840840684</v>
      </c>
    </row>
    <row r="99559" spans="1:7" x14ac:dyDescent="0.3">
      <c r="A99559" s="13" t="s">
        <v>491</v>
      </c>
      <c r="B99559" s="14" t="s">
        <v>1</v>
      </c>
      <c r="C99559" s="14" t="s">
        <v>23</v>
      </c>
      <c r="D99559" s="14" t="s">
        <v>281</v>
      </c>
      <c r="E99559" s="15">
        <v>45655</v>
      </c>
      <c r="F99559" s="14" t="s">
        <v>61</v>
      </c>
      <c r="G99559" s="16">
        <v>4.1137729840840684</v>
      </c>
    </row>
    <row r="99560" spans="1:7" x14ac:dyDescent="0.3">
      <c r="A99560" s="13" t="s">
        <v>491</v>
      </c>
      <c r="B99560" s="14" t="s">
        <v>1</v>
      </c>
      <c r="C99560" s="14" t="s">
        <v>23</v>
      </c>
      <c r="D99560" s="14" t="s">
        <v>281</v>
      </c>
      <c r="E99560" s="15">
        <v>45656</v>
      </c>
      <c r="F99560" s="14" t="s">
        <v>61</v>
      </c>
      <c r="G99560" s="16">
        <v>4.1252810601356149</v>
      </c>
    </row>
    <row r="99561" spans="1:7" x14ac:dyDescent="0.3">
      <c r="A99561" s="13" t="s">
        <v>491</v>
      </c>
      <c r="B99561" s="14" t="s">
        <v>1</v>
      </c>
      <c r="C99561" s="14" t="s">
        <v>23</v>
      </c>
      <c r="D99561" s="14" t="s">
        <v>281</v>
      </c>
      <c r="E99561" s="15">
        <v>45657</v>
      </c>
      <c r="F99561" s="14" t="s">
        <v>61</v>
      </c>
      <c r="G99561" s="16">
        <v>4.2404676645058617</v>
      </c>
    </row>
    <row r="99562" spans="1:7" x14ac:dyDescent="0.3">
      <c r="A99562" s="13" t="s">
        <v>491</v>
      </c>
      <c r="B99562" s="14" t="s">
        <v>1</v>
      </c>
      <c r="C99562" s="14" t="s">
        <v>23</v>
      </c>
      <c r="D99562" s="14" t="s">
        <v>281</v>
      </c>
      <c r="E99562" s="15">
        <v>45658</v>
      </c>
      <c r="F99562" s="14" t="s">
        <v>61</v>
      </c>
      <c r="G99562" s="16">
        <v>4.2404676645058617</v>
      </c>
    </row>
    <row r="99563" spans="1:7" x14ac:dyDescent="0.3">
      <c r="A99563" s="13" t="s">
        <v>491</v>
      </c>
      <c r="B99563" s="14" t="s">
        <v>1</v>
      </c>
      <c r="C99563" s="14" t="s">
        <v>23</v>
      </c>
      <c r="D99563" s="14" t="s">
        <v>281</v>
      </c>
      <c r="E99563" s="15">
        <v>45659</v>
      </c>
      <c r="F99563" s="14" t="s">
        <v>61</v>
      </c>
      <c r="G99563" s="16">
        <v>4.2909559635974563</v>
      </c>
    </row>
    <row r="99564" spans="1:7" x14ac:dyDescent="0.3">
      <c r="A99564" s="13" t="s">
        <v>491</v>
      </c>
      <c r="B99564" s="14" t="s">
        <v>1</v>
      </c>
      <c r="C99564" s="14" t="s">
        <v>23</v>
      </c>
      <c r="D99564" s="14" t="s">
        <v>281</v>
      </c>
      <c r="E99564" s="15">
        <v>45660</v>
      </c>
      <c r="F99564" s="14" t="s">
        <v>61</v>
      </c>
      <c r="G99564" s="16">
        <v>4.2924118908341571</v>
      </c>
    </row>
    <row r="99565" spans="1:7" x14ac:dyDescent="0.3">
      <c r="A99565" s="13" t="s">
        <v>491</v>
      </c>
      <c r="B99565" s="14" t="s">
        <v>1</v>
      </c>
      <c r="C99565" s="14" t="s">
        <v>23</v>
      </c>
      <c r="D99565" s="14" t="s">
        <v>281</v>
      </c>
      <c r="E99565" s="15">
        <v>45661</v>
      </c>
      <c r="F99565" s="14" t="s">
        <v>61</v>
      </c>
      <c r="G99565" s="16">
        <v>4.2924118908341571</v>
      </c>
    </row>
    <row r="99566" spans="1:7" x14ac:dyDescent="0.3">
      <c r="A99566" s="13" t="s">
        <v>491</v>
      </c>
      <c r="B99566" s="14" t="s">
        <v>1</v>
      </c>
      <c r="C99566" s="14" t="s">
        <v>23</v>
      </c>
      <c r="D99566" s="14" t="s">
        <v>281</v>
      </c>
      <c r="E99566" s="15">
        <v>45662</v>
      </c>
      <c r="F99566" s="14" t="s">
        <v>61</v>
      </c>
      <c r="G99566" s="16">
        <v>4.2924118908341571</v>
      </c>
    </row>
    <row r="99567" spans="1:7" x14ac:dyDescent="0.3">
      <c r="A99567" s="13" t="s">
        <v>491</v>
      </c>
      <c r="B99567" s="14" t="s">
        <v>1</v>
      </c>
      <c r="C99567" s="14" t="s">
        <v>23</v>
      </c>
      <c r="D99567" s="14" t="s">
        <v>281</v>
      </c>
      <c r="E99567" s="15">
        <v>45663</v>
      </c>
      <c r="F99567" s="14" t="s">
        <v>61</v>
      </c>
      <c r="G99567" s="16">
        <v>4.2734650810621906</v>
      </c>
    </row>
    <row r="99568" spans="1:7" x14ac:dyDescent="0.3">
      <c r="A99568" s="13" t="s">
        <v>491</v>
      </c>
      <c r="B99568" s="14" t="s">
        <v>1</v>
      </c>
      <c r="C99568" s="14" t="s">
        <v>23</v>
      </c>
      <c r="D99568" s="14" t="s">
        <v>281</v>
      </c>
      <c r="E99568" s="15">
        <v>45664</v>
      </c>
      <c r="F99568" s="14" t="s">
        <v>61</v>
      </c>
      <c r="G99568" s="16">
        <v>4.3395520175839586</v>
      </c>
    </row>
    <row r="99569" spans="1:7" x14ac:dyDescent="0.3">
      <c r="A99569" s="13" t="s">
        <v>491</v>
      </c>
      <c r="B99569" s="14" t="s">
        <v>1</v>
      </c>
      <c r="C99569" s="14" t="s">
        <v>23</v>
      </c>
      <c r="D99569" s="14" t="s">
        <v>281</v>
      </c>
      <c r="E99569" s="15">
        <v>45665</v>
      </c>
      <c r="F99569" s="14" t="s">
        <v>61</v>
      </c>
      <c r="G99569" s="16">
        <v>4.3653875319431137</v>
      </c>
    </row>
    <row r="99570" spans="1:7" x14ac:dyDescent="0.3">
      <c r="A99570" s="13" t="s">
        <v>491</v>
      </c>
      <c r="B99570" s="14" t="s">
        <v>1</v>
      </c>
      <c r="C99570" s="14" t="s">
        <v>23</v>
      </c>
      <c r="D99570" s="14" t="s">
        <v>281</v>
      </c>
      <c r="E99570" s="15">
        <v>45666</v>
      </c>
      <c r="F99570" s="14" t="s">
        <v>61</v>
      </c>
      <c r="G99570" s="16">
        <v>4.3653875319431137</v>
      </c>
    </row>
    <row r="99571" spans="1:7" x14ac:dyDescent="0.3">
      <c r="A99571" s="13" t="s">
        <v>491</v>
      </c>
      <c r="B99571" s="14" t="s">
        <v>1</v>
      </c>
      <c r="C99571" s="14" t="s">
        <v>23</v>
      </c>
      <c r="D99571" s="14" t="s">
        <v>281</v>
      </c>
      <c r="E99571" s="15">
        <v>45667</v>
      </c>
      <c r="F99571" s="14" t="s">
        <v>61</v>
      </c>
      <c r="G99571" s="16">
        <v>4.417400639569272</v>
      </c>
    </row>
    <row r="99572" spans="1:7" x14ac:dyDescent="0.3">
      <c r="A99572" s="13" t="s">
        <v>491</v>
      </c>
      <c r="B99572" s="14" t="s">
        <v>1</v>
      </c>
      <c r="C99572" s="14" t="s">
        <v>23</v>
      </c>
      <c r="D99572" s="14" t="s">
        <v>281</v>
      </c>
      <c r="E99572" s="15">
        <v>45668</v>
      </c>
      <c r="F99572" s="14" t="s">
        <v>61</v>
      </c>
      <c r="G99572" s="16">
        <v>4.417400639569272</v>
      </c>
    </row>
    <row r="99573" spans="1:7" x14ac:dyDescent="0.3">
      <c r="A99573" s="13" t="s">
        <v>491</v>
      </c>
      <c r="B99573" s="14" t="s">
        <v>1</v>
      </c>
      <c r="C99573" s="14" t="s">
        <v>23</v>
      </c>
      <c r="D99573" s="14" t="s">
        <v>281</v>
      </c>
      <c r="E99573" s="15">
        <v>45669</v>
      </c>
      <c r="F99573" s="14" t="s">
        <v>61</v>
      </c>
      <c r="G99573" s="16">
        <v>4.417400639569272</v>
      </c>
    </row>
    <row r="99574" spans="1:7" x14ac:dyDescent="0.3">
      <c r="A99574" s="13" t="s">
        <v>491</v>
      </c>
      <c r="B99574" s="14" t="s">
        <v>1</v>
      </c>
      <c r="C99574" s="14" t="s">
        <v>23</v>
      </c>
      <c r="D99574" s="14" t="s">
        <v>281</v>
      </c>
      <c r="E99574" s="15">
        <v>45670</v>
      </c>
      <c r="F99574" s="14" t="s">
        <v>61</v>
      </c>
      <c r="G99574" s="16">
        <v>4.4502442320744615</v>
      </c>
    </row>
    <row r="99575" spans="1:7" x14ac:dyDescent="0.3">
      <c r="A99575" s="13" t="s">
        <v>491</v>
      </c>
      <c r="B99575" s="14" t="s">
        <v>1</v>
      </c>
      <c r="C99575" s="14" t="s">
        <v>23</v>
      </c>
      <c r="D99575" s="14" t="s">
        <v>281</v>
      </c>
      <c r="E99575" s="15">
        <v>45671</v>
      </c>
      <c r="F99575" s="14" t="s">
        <v>61</v>
      </c>
      <c r="G99575" s="16">
        <v>4.4618976651894142</v>
      </c>
    </row>
    <row r="99576" spans="1:7" x14ac:dyDescent="0.3">
      <c r="A99576" s="13" t="s">
        <v>491</v>
      </c>
      <c r="B99576" s="14" t="s">
        <v>1</v>
      </c>
      <c r="C99576" s="14" t="s">
        <v>23</v>
      </c>
      <c r="D99576" s="14" t="s">
        <v>281</v>
      </c>
      <c r="E99576" s="15">
        <v>45672</v>
      </c>
      <c r="F99576" s="14" t="s">
        <v>61</v>
      </c>
      <c r="G99576" s="16">
        <v>4.4855847521902268</v>
      </c>
    </row>
    <row r="99577" spans="1:7" x14ac:dyDescent="0.3">
      <c r="A99577" s="13" t="s">
        <v>491</v>
      </c>
      <c r="B99577" s="14" t="s">
        <v>1</v>
      </c>
      <c r="C99577" s="14" t="s">
        <v>23</v>
      </c>
      <c r="D99577" s="14" t="s">
        <v>281</v>
      </c>
      <c r="E99577" s="15">
        <v>45673</v>
      </c>
      <c r="F99577" s="14" t="s">
        <v>61</v>
      </c>
      <c r="G99577" s="16">
        <v>4.496507075272075</v>
      </c>
    </row>
    <row r="99578" spans="1:7" x14ac:dyDescent="0.3">
      <c r="A99578" s="13" t="s">
        <v>491</v>
      </c>
      <c r="B99578" s="14" t="s">
        <v>1</v>
      </c>
      <c r="C99578" s="14" t="s">
        <v>23</v>
      </c>
      <c r="D99578" s="14" t="s">
        <v>281</v>
      </c>
      <c r="E99578" s="15">
        <v>45674</v>
      </c>
      <c r="F99578" s="14" t="s">
        <v>61</v>
      </c>
      <c r="G99578" s="16">
        <v>4.5146875783672149</v>
      </c>
    </row>
    <row r="99579" spans="1:7" x14ac:dyDescent="0.3">
      <c r="A99579" s="13" t="s">
        <v>491</v>
      </c>
      <c r="B99579" s="14" t="s">
        <v>1</v>
      </c>
      <c r="C99579" s="14" t="s">
        <v>23</v>
      </c>
      <c r="D99579" s="14" t="s">
        <v>281</v>
      </c>
      <c r="E99579" s="15">
        <v>45675</v>
      </c>
      <c r="F99579" s="14" t="s">
        <v>61</v>
      </c>
      <c r="G99579" s="16">
        <v>4.5146875783672149</v>
      </c>
    </row>
    <row r="99580" spans="1:7" x14ac:dyDescent="0.3">
      <c r="A99580" s="13" t="s">
        <v>491</v>
      </c>
      <c r="B99580" s="14" t="s">
        <v>1</v>
      </c>
      <c r="C99580" s="14" t="s">
        <v>23</v>
      </c>
      <c r="D99580" s="14" t="s">
        <v>281</v>
      </c>
      <c r="E99580" s="15">
        <v>45676</v>
      </c>
      <c r="F99580" s="14" t="s">
        <v>61</v>
      </c>
      <c r="G99580" s="16">
        <v>4.5146875783672149</v>
      </c>
    </row>
    <row r="99581" spans="1:7" x14ac:dyDescent="0.3">
      <c r="A99581" s="13" t="s">
        <v>491</v>
      </c>
      <c r="B99581" s="14" t="s">
        <v>1</v>
      </c>
      <c r="C99581" s="14" t="s">
        <v>23</v>
      </c>
      <c r="D99581" s="14" t="s">
        <v>281</v>
      </c>
      <c r="E99581" s="15">
        <v>45677</v>
      </c>
      <c r="F99581" s="14" t="s">
        <v>61</v>
      </c>
      <c r="G99581" s="16">
        <v>4.5146875783672149</v>
      </c>
    </row>
    <row r="99582" spans="1:7" x14ac:dyDescent="0.3">
      <c r="A99582" s="13" t="s">
        <v>491</v>
      </c>
      <c r="B99582" s="14" t="s">
        <v>1</v>
      </c>
      <c r="C99582" s="14" t="s">
        <v>23</v>
      </c>
      <c r="D99582" s="14" t="s">
        <v>281</v>
      </c>
      <c r="E99582" s="15">
        <v>45678</v>
      </c>
      <c r="F99582" s="14" t="s">
        <v>61</v>
      </c>
      <c r="G99582" s="16">
        <v>4.462325949812195</v>
      </c>
    </row>
    <row r="99583" spans="1:7" x14ac:dyDescent="0.3">
      <c r="A99583" s="13" t="s">
        <v>491</v>
      </c>
      <c r="B99583" s="14" t="s">
        <v>1</v>
      </c>
      <c r="C99583" s="14" t="s">
        <v>23</v>
      </c>
      <c r="D99583" s="14" t="s">
        <v>281</v>
      </c>
      <c r="E99583" s="15">
        <v>45679</v>
      </c>
      <c r="F99583" s="14" t="s">
        <v>61</v>
      </c>
      <c r="G99583" s="16">
        <v>4.5260068058091179</v>
      </c>
    </row>
    <row r="99584" spans="1:7" x14ac:dyDescent="0.3">
      <c r="A99584" s="13" t="s">
        <v>491</v>
      </c>
      <c r="B99584" s="14" t="s">
        <v>1</v>
      </c>
      <c r="C99584" s="14" t="s">
        <v>23</v>
      </c>
      <c r="D99584" s="14" t="s">
        <v>281</v>
      </c>
      <c r="E99584" s="15">
        <v>45680</v>
      </c>
      <c r="F99584" s="14" t="s">
        <v>61</v>
      </c>
      <c r="G99584" s="16">
        <v>4.537156266984673</v>
      </c>
    </row>
    <row r="99585" spans="1:7" x14ac:dyDescent="0.3">
      <c r="A99585" s="13" t="s">
        <v>491</v>
      </c>
      <c r="B99585" s="14" t="s">
        <v>1</v>
      </c>
      <c r="C99585" s="14" t="s">
        <v>23</v>
      </c>
      <c r="D99585" s="14" t="s">
        <v>281</v>
      </c>
      <c r="E99585" s="15">
        <v>45681</v>
      </c>
      <c r="F99585" s="14" t="s">
        <v>61</v>
      </c>
      <c r="G99585" s="16">
        <v>4.5170717357568346</v>
      </c>
    </row>
    <row r="99586" spans="1:7" x14ac:dyDescent="0.3">
      <c r="A99586" s="13" t="s">
        <v>491</v>
      </c>
      <c r="B99586" s="14" t="s">
        <v>1</v>
      </c>
      <c r="C99586" s="14" t="s">
        <v>23</v>
      </c>
      <c r="D99586" s="14" t="s">
        <v>281</v>
      </c>
      <c r="E99586" s="15">
        <v>45682</v>
      </c>
      <c r="F99586" s="14" t="s">
        <v>61</v>
      </c>
      <c r="G99586" s="16">
        <v>4.5170717357568346</v>
      </c>
    </row>
    <row r="99587" spans="1:7" x14ac:dyDescent="0.3">
      <c r="A99587" s="13" t="s">
        <v>491</v>
      </c>
      <c r="B99587" s="14" t="s">
        <v>1</v>
      </c>
      <c r="C99587" s="14" t="s">
        <v>23</v>
      </c>
      <c r="D99587" s="14" t="s">
        <v>281</v>
      </c>
      <c r="E99587" s="15">
        <v>45683</v>
      </c>
      <c r="F99587" s="14" t="s">
        <v>61</v>
      </c>
      <c r="G99587" s="16">
        <v>4.5170717357568346</v>
      </c>
    </row>
    <row r="99588" spans="1:7" x14ac:dyDescent="0.3">
      <c r="A99588" s="13" t="s">
        <v>491</v>
      </c>
      <c r="B99588" s="14" t="s">
        <v>1</v>
      </c>
      <c r="C99588" s="14" t="s">
        <v>23</v>
      </c>
      <c r="D99588" s="14" t="s">
        <v>281</v>
      </c>
      <c r="E99588" s="15">
        <v>45684</v>
      </c>
      <c r="F99588" s="14" t="s">
        <v>61</v>
      </c>
      <c r="G99588" s="16">
        <v>4.5335640010664866</v>
      </c>
    </row>
    <row r="99589" spans="1:7" x14ac:dyDescent="0.3">
      <c r="A99589" s="13" t="s">
        <v>491</v>
      </c>
      <c r="B99589" s="14" t="s">
        <v>1</v>
      </c>
      <c r="C99589" s="14" t="s">
        <v>23</v>
      </c>
      <c r="D99589" s="14" t="s">
        <v>281</v>
      </c>
      <c r="E99589" s="15">
        <v>45685</v>
      </c>
      <c r="F99589" s="14" t="s">
        <v>61</v>
      </c>
      <c r="G99589" s="16">
        <v>4.6029303148341238</v>
      </c>
    </row>
    <row r="99590" spans="1:7" x14ac:dyDescent="0.3">
      <c r="A99590" s="13" t="s">
        <v>491</v>
      </c>
      <c r="B99590" s="14" t="s">
        <v>1</v>
      </c>
      <c r="C99590" s="14" t="s">
        <v>23</v>
      </c>
      <c r="D99590" s="14" t="s">
        <v>281</v>
      </c>
      <c r="E99590" s="15">
        <v>45686</v>
      </c>
      <c r="F99590" s="14" t="s">
        <v>61</v>
      </c>
      <c r="G99590" s="16">
        <v>4.6219898144861391</v>
      </c>
    </row>
    <row r="99591" spans="1:7" x14ac:dyDescent="0.3">
      <c r="A99591" s="13" t="s">
        <v>491</v>
      </c>
      <c r="B99591" s="14" t="s">
        <v>1</v>
      </c>
      <c r="C99591" s="14" t="s">
        <v>23</v>
      </c>
      <c r="D99591" s="14" t="s">
        <v>281</v>
      </c>
      <c r="E99591" s="15">
        <v>45687</v>
      </c>
      <c r="F99591" s="14" t="s">
        <v>61</v>
      </c>
      <c r="G99591" s="16">
        <v>4.6505768479757768</v>
      </c>
    </row>
    <row r="99592" spans="1:7" x14ac:dyDescent="0.3">
      <c r="A99592" s="13" t="s">
        <v>491</v>
      </c>
      <c r="B99592" s="14" t="s">
        <v>1</v>
      </c>
      <c r="C99592" s="14" t="s">
        <v>23</v>
      </c>
      <c r="D99592" s="14" t="s">
        <v>281</v>
      </c>
      <c r="E99592" s="15">
        <v>45688</v>
      </c>
      <c r="F99592" s="14" t="s">
        <v>61</v>
      </c>
      <c r="G99592" s="16">
        <v>4.6762788314975303</v>
      </c>
    </row>
    <row r="99593" spans="1:7" x14ac:dyDescent="0.3">
      <c r="A99593" s="13" t="s">
        <v>491</v>
      </c>
      <c r="B99593" s="14" t="s">
        <v>1</v>
      </c>
      <c r="C99593" s="14" t="s">
        <v>23</v>
      </c>
      <c r="D99593" s="14" t="s">
        <v>281</v>
      </c>
      <c r="E99593" s="15">
        <v>45689</v>
      </c>
      <c r="F99593" s="14" t="s">
        <v>61</v>
      </c>
      <c r="G99593" s="16">
        <v>4.6762788314975303</v>
      </c>
    </row>
    <row r="99594" spans="1:7" x14ac:dyDescent="0.3">
      <c r="A99594" s="13" t="s">
        <v>491</v>
      </c>
      <c r="B99594" s="14" t="s">
        <v>1</v>
      </c>
      <c r="C99594" s="14" t="s">
        <v>23</v>
      </c>
      <c r="D99594" s="14" t="s">
        <v>281</v>
      </c>
      <c r="E99594" s="15">
        <v>45690</v>
      </c>
      <c r="F99594" s="14" t="s">
        <v>61</v>
      </c>
      <c r="G99594" s="16">
        <v>4.6762788314975303</v>
      </c>
    </row>
    <row r="99595" spans="1:7" x14ac:dyDescent="0.3">
      <c r="A99595" s="13" t="s">
        <v>491</v>
      </c>
      <c r="B99595" s="14" t="s">
        <v>1</v>
      </c>
      <c r="C99595" s="14" t="s">
        <v>23</v>
      </c>
      <c r="D99595" s="14" t="s">
        <v>281</v>
      </c>
      <c r="E99595" s="15">
        <v>45691</v>
      </c>
      <c r="F99595" s="14" t="s">
        <v>61</v>
      </c>
      <c r="G99595" s="16">
        <v>4.6762788314975303</v>
      </c>
    </row>
    <row r="99596" spans="1:7" x14ac:dyDescent="0.3">
      <c r="A99596" s="13" t="s">
        <v>491</v>
      </c>
      <c r="B99596" s="14" t="s">
        <v>1</v>
      </c>
      <c r="C99596" s="14" t="s">
        <v>23</v>
      </c>
      <c r="D99596" s="14" t="s">
        <v>281</v>
      </c>
      <c r="E99596" s="15">
        <v>45692</v>
      </c>
      <c r="F99596" s="14" t="s">
        <v>61</v>
      </c>
      <c r="G99596" s="16">
        <v>4.6819534678238242</v>
      </c>
    </row>
    <row r="99597" spans="1:7" x14ac:dyDescent="0.3">
      <c r="A99597" s="13" t="s">
        <v>491</v>
      </c>
      <c r="B99597" s="14" t="s">
        <v>1</v>
      </c>
      <c r="C99597" s="14" t="s">
        <v>23</v>
      </c>
      <c r="D99597" s="14" t="s">
        <v>281</v>
      </c>
      <c r="E99597" s="15">
        <v>45693</v>
      </c>
      <c r="F99597" s="14" t="s">
        <v>61</v>
      </c>
      <c r="G99597" s="16">
        <v>4.7187526949996901</v>
      </c>
    </row>
    <row r="99598" spans="1:7" x14ac:dyDescent="0.3">
      <c r="A99598" s="13" t="s">
        <v>491</v>
      </c>
      <c r="B99598" s="14" t="s">
        <v>1</v>
      </c>
      <c r="C99598" s="14" t="s">
        <v>23</v>
      </c>
      <c r="D99598" s="14" t="s">
        <v>281</v>
      </c>
      <c r="E99598" s="15">
        <v>45694</v>
      </c>
      <c r="F99598" s="14" t="s">
        <v>61</v>
      </c>
      <c r="G99598" s="16">
        <v>4.7408277782597557</v>
      </c>
    </row>
    <row r="99599" spans="1:7" x14ac:dyDescent="0.3">
      <c r="A99599" s="13" t="s">
        <v>491</v>
      </c>
      <c r="B99599" s="14" t="s">
        <v>1</v>
      </c>
      <c r="C99599" s="14" t="s">
        <v>23</v>
      </c>
      <c r="D99599" s="14" t="s">
        <v>281</v>
      </c>
      <c r="E99599" s="15">
        <v>45695</v>
      </c>
      <c r="F99599" s="14" t="s">
        <v>61</v>
      </c>
      <c r="G99599" s="16">
        <v>4.7813559753116888</v>
      </c>
    </row>
    <row r="99600" spans="1:7" x14ac:dyDescent="0.3">
      <c r="A99600" s="13" t="s">
        <v>491</v>
      </c>
      <c r="B99600" s="14" t="s">
        <v>1</v>
      </c>
      <c r="C99600" s="14" t="s">
        <v>23</v>
      </c>
      <c r="D99600" s="14" t="s">
        <v>281</v>
      </c>
      <c r="E99600" s="15">
        <v>45696</v>
      </c>
      <c r="F99600" s="14" t="s">
        <v>61</v>
      </c>
      <c r="G99600" s="16">
        <v>4.7813559753116888</v>
      </c>
    </row>
    <row r="99601" spans="1:7" x14ac:dyDescent="0.3">
      <c r="A99601" s="13" t="s">
        <v>491</v>
      </c>
      <c r="B99601" s="14" t="s">
        <v>1</v>
      </c>
      <c r="C99601" s="14" t="s">
        <v>23</v>
      </c>
      <c r="D99601" s="14" t="s">
        <v>281</v>
      </c>
      <c r="E99601" s="15">
        <v>45697</v>
      </c>
      <c r="F99601" s="14" t="s">
        <v>61</v>
      </c>
      <c r="G99601" s="16">
        <v>4.7813559753116888</v>
      </c>
    </row>
    <row r="99602" spans="1:7" x14ac:dyDescent="0.3">
      <c r="A99602" s="13" t="s">
        <v>491</v>
      </c>
      <c r="B99602" s="14" t="s">
        <v>1</v>
      </c>
      <c r="C99602" s="14" t="s">
        <v>23</v>
      </c>
      <c r="D99602" s="14" t="s">
        <v>281</v>
      </c>
      <c r="E99602" s="15">
        <v>45698</v>
      </c>
      <c r="F99602" s="14" t="s">
        <v>61</v>
      </c>
      <c r="G99602" s="16">
        <v>4.8135427767875258</v>
      </c>
    </row>
    <row r="99603" spans="1:7" x14ac:dyDescent="0.3">
      <c r="A99603" s="13" t="s">
        <v>491</v>
      </c>
      <c r="B99603" s="14" t="s">
        <v>1</v>
      </c>
      <c r="C99603" s="14" t="s">
        <v>23</v>
      </c>
      <c r="D99603" s="14" t="s">
        <v>281</v>
      </c>
      <c r="E99603" s="15">
        <v>45699</v>
      </c>
      <c r="F99603" s="14" t="s">
        <v>61</v>
      </c>
      <c r="G99603" s="16">
        <v>4.8312956578526425</v>
      </c>
    </row>
    <row r="99604" spans="1:7" x14ac:dyDescent="0.3">
      <c r="A99604" s="13" t="s">
        <v>491</v>
      </c>
      <c r="B99604" s="14" t="s">
        <v>1</v>
      </c>
      <c r="C99604" s="14" t="s">
        <v>23</v>
      </c>
      <c r="D99604" s="14" t="s">
        <v>281</v>
      </c>
      <c r="E99604" s="15">
        <v>45700</v>
      </c>
      <c r="F99604" s="14" t="s">
        <v>61</v>
      </c>
      <c r="G99604" s="16">
        <v>4.8358380466259865</v>
      </c>
    </row>
    <row r="99605" spans="1:7" x14ac:dyDescent="0.3">
      <c r="A99605" s="13" t="s">
        <v>491</v>
      </c>
      <c r="B99605" s="14" t="s">
        <v>1</v>
      </c>
      <c r="C99605" s="14" t="s">
        <v>23</v>
      </c>
      <c r="D99605" s="14" t="s">
        <v>281</v>
      </c>
      <c r="E99605" s="15">
        <v>45701</v>
      </c>
      <c r="F99605" s="14" t="s">
        <v>61</v>
      </c>
      <c r="G99605" s="16">
        <v>4.8137725749462348</v>
      </c>
    </row>
    <row r="99606" spans="1:7" x14ac:dyDescent="0.3">
      <c r="A99606" s="13" t="s">
        <v>491</v>
      </c>
      <c r="B99606" s="14" t="s">
        <v>1</v>
      </c>
      <c r="C99606" s="14" t="s">
        <v>23</v>
      </c>
      <c r="D99606" s="14" t="s">
        <v>281</v>
      </c>
      <c r="E99606" s="15">
        <v>45702</v>
      </c>
      <c r="F99606" s="14" t="s">
        <v>61</v>
      </c>
      <c r="G99606" s="16">
        <v>4.8135065752796642</v>
      </c>
    </row>
    <row r="99607" spans="1:7" x14ac:dyDescent="0.3">
      <c r="A99607" s="13" t="s">
        <v>491</v>
      </c>
      <c r="B99607" s="14" t="s">
        <v>1</v>
      </c>
      <c r="C99607" s="14" t="s">
        <v>23</v>
      </c>
      <c r="D99607" s="14" t="s">
        <v>281</v>
      </c>
      <c r="E99607" s="15">
        <v>45703</v>
      </c>
      <c r="F99607" s="14" t="s">
        <v>61</v>
      </c>
      <c r="G99607" s="16">
        <v>4.8135065752796642</v>
      </c>
    </row>
    <row r="99608" spans="1:7" x14ac:dyDescent="0.3">
      <c r="A99608" s="13" t="s">
        <v>491</v>
      </c>
      <c r="B99608" s="14" t="s">
        <v>1</v>
      </c>
      <c r="C99608" s="14" t="s">
        <v>23</v>
      </c>
      <c r="D99608" s="14" t="s">
        <v>281</v>
      </c>
      <c r="E99608" s="15">
        <v>45704</v>
      </c>
      <c r="F99608" s="14" t="s">
        <v>61</v>
      </c>
      <c r="G99608" s="16">
        <v>4.8135065752796642</v>
      </c>
    </row>
    <row r="99609" spans="1:7" x14ac:dyDescent="0.3">
      <c r="A99609" s="13" t="s">
        <v>491</v>
      </c>
      <c r="B99609" s="14" t="s">
        <v>1</v>
      </c>
      <c r="C99609" s="14" t="s">
        <v>23</v>
      </c>
      <c r="D99609" s="14" t="s">
        <v>281</v>
      </c>
      <c r="E99609" s="15">
        <v>45705</v>
      </c>
      <c r="F99609" s="14" t="s">
        <v>61</v>
      </c>
      <c r="G99609" s="16">
        <v>4.8135065752796642</v>
      </c>
    </row>
    <row r="99610" spans="1:7" x14ac:dyDescent="0.3">
      <c r="A99610" s="13" t="s">
        <v>491</v>
      </c>
      <c r="B99610" s="14" t="s">
        <v>1</v>
      </c>
      <c r="C99610" s="14" t="s">
        <v>23</v>
      </c>
      <c r="D99610" s="14" t="s">
        <v>281</v>
      </c>
      <c r="E99610" s="15">
        <v>45706</v>
      </c>
      <c r="F99610" s="14" t="s">
        <v>61</v>
      </c>
      <c r="G99610" s="16">
        <v>4.8493991869746615</v>
      </c>
    </row>
    <row r="99611" spans="1:7" x14ac:dyDescent="0.3">
      <c r="A99611" s="13" t="s">
        <v>491</v>
      </c>
      <c r="B99611" s="14" t="s">
        <v>1</v>
      </c>
      <c r="C99611" s="14" t="s">
        <v>23</v>
      </c>
      <c r="D99611" s="14" t="s">
        <v>281</v>
      </c>
      <c r="E99611" s="15">
        <v>45707</v>
      </c>
      <c r="F99611" s="14" t="s">
        <v>61</v>
      </c>
      <c r="G99611" s="16">
        <v>4.9179091220213005</v>
      </c>
    </row>
    <row r="99612" spans="1:7" x14ac:dyDescent="0.3">
      <c r="A99612" s="13" t="s">
        <v>491</v>
      </c>
      <c r="B99612" s="14" t="s">
        <v>1</v>
      </c>
      <c r="C99612" s="14" t="s">
        <v>23</v>
      </c>
      <c r="D99612" s="14" t="s">
        <v>281</v>
      </c>
      <c r="E99612" s="15">
        <v>45708</v>
      </c>
      <c r="F99612" s="14" t="s">
        <v>61</v>
      </c>
      <c r="G99612" s="16">
        <v>4.8945270577415414</v>
      </c>
    </row>
    <row r="99613" spans="1:7" x14ac:dyDescent="0.3">
      <c r="A99613" s="13" t="s">
        <v>491</v>
      </c>
      <c r="B99613" s="14" t="s">
        <v>1</v>
      </c>
      <c r="C99613" s="14" t="s">
        <v>23</v>
      </c>
      <c r="D99613" s="14" t="s">
        <v>281</v>
      </c>
      <c r="E99613" s="15">
        <v>45709</v>
      </c>
      <c r="F99613" s="14" t="s">
        <v>61</v>
      </c>
      <c r="G99613" s="16">
        <v>4.9223041605962319</v>
      </c>
    </row>
    <row r="99614" spans="1:7" x14ac:dyDescent="0.3">
      <c r="A99614" s="13" t="s">
        <v>491</v>
      </c>
      <c r="B99614" s="14" t="s">
        <v>1</v>
      </c>
      <c r="C99614" s="14" t="s">
        <v>23</v>
      </c>
      <c r="D99614" s="14" t="s">
        <v>281</v>
      </c>
      <c r="E99614" s="15">
        <v>45710</v>
      </c>
      <c r="F99614" s="14" t="s">
        <v>61</v>
      </c>
      <c r="G99614" s="16">
        <v>4.9223041605962319</v>
      </c>
    </row>
    <row r="99615" spans="1:7" x14ac:dyDescent="0.3">
      <c r="A99615" s="13" t="s">
        <v>491</v>
      </c>
      <c r="B99615" s="14" t="s">
        <v>1</v>
      </c>
      <c r="C99615" s="14" t="s">
        <v>23</v>
      </c>
      <c r="D99615" s="14" t="s">
        <v>281</v>
      </c>
      <c r="E99615" s="15">
        <v>45711</v>
      </c>
      <c r="F99615" s="14" t="s">
        <v>61</v>
      </c>
      <c r="G99615" s="16">
        <v>4.9223041605962319</v>
      </c>
    </row>
    <row r="99616" spans="1:7" x14ac:dyDescent="0.3">
      <c r="A99616" s="13" t="s">
        <v>491</v>
      </c>
      <c r="B99616" s="14" t="s">
        <v>1</v>
      </c>
      <c r="C99616" s="14" t="s">
        <v>23</v>
      </c>
      <c r="D99616" s="14" t="s">
        <v>281</v>
      </c>
      <c r="E99616" s="15">
        <v>45712</v>
      </c>
      <c r="F99616" s="14" t="s">
        <v>61</v>
      </c>
      <c r="G99616" s="16">
        <v>4.9291290867333339</v>
      </c>
    </row>
    <row r="99617" spans="1:7" x14ac:dyDescent="0.3">
      <c r="A99617" s="13" t="s">
        <v>491</v>
      </c>
      <c r="B99617" s="14" t="s">
        <v>1</v>
      </c>
      <c r="C99617" s="14" t="s">
        <v>23</v>
      </c>
      <c r="D99617" s="14" t="s">
        <v>281</v>
      </c>
      <c r="E99617" s="15">
        <v>45713</v>
      </c>
      <c r="F99617" s="14" t="s">
        <v>61</v>
      </c>
      <c r="G99617" s="16">
        <v>4.9500739606880497</v>
      </c>
    </row>
    <row r="99618" spans="1:7" x14ac:dyDescent="0.3">
      <c r="A99618" s="13" t="s">
        <v>491</v>
      </c>
      <c r="B99618" s="14" t="s">
        <v>1</v>
      </c>
      <c r="C99618" s="14" t="s">
        <v>23</v>
      </c>
      <c r="D99618" s="14" t="s">
        <v>281</v>
      </c>
      <c r="E99618" s="15">
        <v>45714</v>
      </c>
      <c r="F99618" s="14" t="s">
        <v>61</v>
      </c>
      <c r="G99618" s="16">
        <v>4.9751287242436151</v>
      </c>
    </row>
    <row r="99619" spans="1:7" x14ac:dyDescent="0.3">
      <c r="A99619" s="13" t="s">
        <v>491</v>
      </c>
      <c r="B99619" s="14" t="s">
        <v>1</v>
      </c>
      <c r="C99619" s="14" t="s">
        <v>23</v>
      </c>
      <c r="D99619" s="14" t="s">
        <v>281</v>
      </c>
      <c r="E99619" s="15">
        <v>45715</v>
      </c>
      <c r="F99619" s="14" t="s">
        <v>61</v>
      </c>
      <c r="G99619" s="16">
        <v>5.0303790501710441</v>
      </c>
    </row>
    <row r="99620" spans="1:7" x14ac:dyDescent="0.3">
      <c r="A99620" s="13" t="s">
        <v>491</v>
      </c>
      <c r="B99620" s="14" t="s">
        <v>1</v>
      </c>
      <c r="C99620" s="14" t="s">
        <v>23</v>
      </c>
      <c r="D99620" s="14" t="s">
        <v>281</v>
      </c>
      <c r="E99620" s="15">
        <v>45716</v>
      </c>
      <c r="F99620" s="14" t="s">
        <v>61</v>
      </c>
      <c r="G99620" s="16">
        <v>5.0562386187212969</v>
      </c>
    </row>
    <row r="99621" spans="1:7" x14ac:dyDescent="0.3">
      <c r="A99621" s="13" t="s">
        <v>491</v>
      </c>
      <c r="B99621" s="14" t="s">
        <v>1</v>
      </c>
      <c r="C99621" s="14" t="s">
        <v>23</v>
      </c>
      <c r="D99621" s="14" t="s">
        <v>281</v>
      </c>
      <c r="E99621" s="15">
        <v>45717</v>
      </c>
      <c r="F99621" s="14" t="s">
        <v>61</v>
      </c>
      <c r="G99621" s="16">
        <v>5.0562386187212969</v>
      </c>
    </row>
    <row r="99622" spans="1:7" x14ac:dyDescent="0.3">
      <c r="A99622" s="13" t="s">
        <v>491</v>
      </c>
      <c r="B99622" s="14" t="s">
        <v>1</v>
      </c>
      <c r="C99622" s="14" t="s">
        <v>23</v>
      </c>
      <c r="D99622" s="14" t="s">
        <v>281</v>
      </c>
      <c r="E99622" s="15">
        <v>45718</v>
      </c>
      <c r="F99622" s="14" t="s">
        <v>61</v>
      </c>
      <c r="G99622" s="16">
        <v>5.0562386187212969</v>
      </c>
    </row>
    <row r="99623" spans="1:7" x14ac:dyDescent="0.3">
      <c r="A99623" s="13" t="s">
        <v>491</v>
      </c>
      <c r="B99623" s="14" t="s">
        <v>1</v>
      </c>
      <c r="C99623" s="14" t="s">
        <v>23</v>
      </c>
      <c r="D99623" s="14" t="s">
        <v>281</v>
      </c>
      <c r="E99623" s="15">
        <v>45719</v>
      </c>
      <c r="F99623" s="14" t="s">
        <v>61</v>
      </c>
      <c r="G99623" s="16">
        <v>5.0373248486290443</v>
      </c>
    </row>
    <row r="99624" spans="1:7" x14ac:dyDescent="0.3">
      <c r="A99624" s="13" t="s">
        <v>491</v>
      </c>
      <c r="B99624" s="14" t="s">
        <v>1</v>
      </c>
      <c r="C99624" s="14" t="s">
        <v>23</v>
      </c>
      <c r="D99624" s="14" t="s">
        <v>281</v>
      </c>
      <c r="E99624" s="15">
        <v>45720</v>
      </c>
      <c r="F99624" s="14" t="s">
        <v>61</v>
      </c>
      <c r="G99624" s="16">
        <v>5.0133606834758009</v>
      </c>
    </row>
    <row r="99625" spans="1:7" x14ac:dyDescent="0.3">
      <c r="A99625" s="13" t="s">
        <v>491</v>
      </c>
      <c r="B99625" s="14" t="s">
        <v>1</v>
      </c>
      <c r="C99625" s="14" t="s">
        <v>23</v>
      </c>
      <c r="D99625" s="14" t="s">
        <v>281</v>
      </c>
      <c r="E99625" s="15">
        <v>45721</v>
      </c>
      <c r="F99625" s="14" t="s">
        <v>61</v>
      </c>
      <c r="G99625" s="16">
        <v>4.9517674254061603</v>
      </c>
    </row>
    <row r="99626" spans="1:7" x14ac:dyDescent="0.3">
      <c r="A99626" s="13" t="s">
        <v>491</v>
      </c>
      <c r="B99626" s="14" t="s">
        <v>1</v>
      </c>
      <c r="C99626" s="14" t="s">
        <v>23</v>
      </c>
      <c r="D99626" s="14" t="s">
        <v>281</v>
      </c>
      <c r="E99626" s="15">
        <v>45722</v>
      </c>
      <c r="F99626" s="14" t="s">
        <v>61</v>
      </c>
      <c r="G99626" s="16">
        <v>4.9684198972655116</v>
      </c>
    </row>
    <row r="99627" spans="1:7" x14ac:dyDescent="0.3">
      <c r="A99627" s="13" t="s">
        <v>491</v>
      </c>
      <c r="B99627" s="14" t="s">
        <v>1</v>
      </c>
      <c r="C99627" s="14" t="s">
        <v>23</v>
      </c>
      <c r="D99627" s="14" t="s">
        <v>281</v>
      </c>
      <c r="E99627" s="15">
        <v>45723</v>
      </c>
      <c r="F99627" s="14" t="s">
        <v>61</v>
      </c>
      <c r="G99627" s="16">
        <v>4.9600635604965664</v>
      </c>
    </row>
    <row r="99628" spans="1:7" x14ac:dyDescent="0.3">
      <c r="A99628" s="13" t="s">
        <v>491</v>
      </c>
      <c r="B99628" s="14" t="s">
        <v>1</v>
      </c>
      <c r="C99628" s="14" t="s">
        <v>23</v>
      </c>
      <c r="D99628" s="14" t="s">
        <v>281</v>
      </c>
      <c r="E99628" s="15">
        <v>45724</v>
      </c>
      <c r="F99628" s="14" t="s">
        <v>61</v>
      </c>
      <c r="G99628" s="16">
        <v>4.9600635604965664</v>
      </c>
    </row>
    <row r="99629" spans="1:7" x14ac:dyDescent="0.3">
      <c r="A99629" s="13" t="s">
        <v>491</v>
      </c>
      <c r="B99629" s="14" t="s">
        <v>1</v>
      </c>
      <c r="C99629" s="14" t="s">
        <v>23</v>
      </c>
      <c r="D99629" s="14" t="s">
        <v>281</v>
      </c>
      <c r="E99629" s="15">
        <v>45725</v>
      </c>
      <c r="F99629" s="14" t="s">
        <v>61</v>
      </c>
      <c r="G99629" s="16">
        <v>4.9600635604965664</v>
      </c>
    </row>
    <row r="99630" spans="1:7" x14ac:dyDescent="0.3">
      <c r="A99630" s="13" t="s">
        <v>491</v>
      </c>
      <c r="B99630" s="14" t="s">
        <v>1</v>
      </c>
      <c r="C99630" s="14" t="s">
        <v>23</v>
      </c>
      <c r="D99630" s="14" t="s">
        <v>281</v>
      </c>
      <c r="E99630" s="15">
        <v>45726</v>
      </c>
      <c r="F99630" s="14" t="s">
        <v>61</v>
      </c>
      <c r="G99630" s="16">
        <v>4.9823951474342492</v>
      </c>
    </row>
    <row r="99631" spans="1:7" x14ac:dyDescent="0.3">
      <c r="A99631" s="13" t="s">
        <v>491</v>
      </c>
      <c r="B99631" s="14" t="s">
        <v>1</v>
      </c>
      <c r="C99631" s="14" t="s">
        <v>23</v>
      </c>
      <c r="D99631" s="14" t="s">
        <v>281</v>
      </c>
      <c r="E99631" s="15">
        <v>45727</v>
      </c>
      <c r="F99631" s="14" t="s">
        <v>61</v>
      </c>
      <c r="G99631" s="16">
        <v>4.9867618678998893</v>
      </c>
    </row>
    <row r="99632" spans="1:7" x14ac:dyDescent="0.3">
      <c r="A99632" s="13" t="s">
        <v>491</v>
      </c>
      <c r="B99632" s="14" t="s">
        <v>1</v>
      </c>
      <c r="C99632" s="14" t="s">
        <v>23</v>
      </c>
      <c r="D99632" s="14" t="s">
        <v>281</v>
      </c>
      <c r="E99632" s="15">
        <v>45728</v>
      </c>
      <c r="F99632" s="14" t="s">
        <v>61</v>
      </c>
      <c r="G99632" s="16">
        <v>5.0164380003947278</v>
      </c>
    </row>
    <row r="99633" spans="1:7" x14ac:dyDescent="0.3">
      <c r="A99633" s="13" t="s">
        <v>491</v>
      </c>
      <c r="B99633" s="14" t="s">
        <v>1</v>
      </c>
      <c r="C99633" s="14" t="s">
        <v>23</v>
      </c>
      <c r="D99633" s="14" t="s">
        <v>281</v>
      </c>
      <c r="E99633" s="15">
        <v>45729</v>
      </c>
      <c r="F99633" s="14" t="s">
        <v>61</v>
      </c>
      <c r="G99633" s="16">
        <v>5.045101416804215</v>
      </c>
    </row>
    <row r="99634" spans="1:7" x14ac:dyDescent="0.3">
      <c r="A99634" s="13" t="s">
        <v>491</v>
      </c>
      <c r="B99634" s="14" t="s">
        <v>1</v>
      </c>
      <c r="C99634" s="14" t="s">
        <v>23</v>
      </c>
      <c r="D99634" s="14" t="s">
        <v>281</v>
      </c>
      <c r="E99634" s="15">
        <v>45730</v>
      </c>
      <c r="F99634" s="14" t="s">
        <v>61</v>
      </c>
      <c r="G99634" s="16">
        <v>4.9412160011455111</v>
      </c>
    </row>
    <row r="99635" spans="1:7" x14ac:dyDescent="0.3">
      <c r="A99635" s="13" t="s">
        <v>491</v>
      </c>
      <c r="B99635" s="14" t="s">
        <v>1</v>
      </c>
      <c r="C99635" s="14" t="s">
        <v>23</v>
      </c>
      <c r="D99635" s="14" t="s">
        <v>281</v>
      </c>
      <c r="E99635" s="15">
        <v>45731</v>
      </c>
      <c r="F99635" s="14" t="s">
        <v>61</v>
      </c>
      <c r="G99635" s="16">
        <v>4.9412160011455111</v>
      </c>
    </row>
    <row r="99636" spans="1:7" x14ac:dyDescent="0.3">
      <c r="A99636" s="13" t="s">
        <v>491</v>
      </c>
      <c r="B99636" s="14" t="s">
        <v>1</v>
      </c>
      <c r="C99636" s="14" t="s">
        <v>23</v>
      </c>
      <c r="D99636" s="14" t="s">
        <v>281</v>
      </c>
      <c r="E99636" s="15">
        <v>45732</v>
      </c>
      <c r="F99636" s="14" t="s">
        <v>61</v>
      </c>
      <c r="G99636" s="16">
        <v>4.9412160011455111</v>
      </c>
    </row>
    <row r="99637" spans="1:7" x14ac:dyDescent="0.3">
      <c r="A99637" s="13" t="s">
        <v>491</v>
      </c>
      <c r="B99637" s="14" t="s">
        <v>1</v>
      </c>
      <c r="C99637" s="14" t="s">
        <v>23</v>
      </c>
      <c r="D99637" s="14" t="s">
        <v>281</v>
      </c>
      <c r="E99637" s="15">
        <v>45733</v>
      </c>
      <c r="F99637" s="14" t="s">
        <v>61</v>
      </c>
      <c r="G99637" s="16">
        <v>4.9412160011455111</v>
      </c>
    </row>
    <row r="99638" spans="1:7" x14ac:dyDescent="0.3">
      <c r="A99638" s="13" t="s">
        <v>491</v>
      </c>
      <c r="B99638" s="14" t="s">
        <v>1</v>
      </c>
      <c r="C99638" s="14" t="s">
        <v>23</v>
      </c>
      <c r="D99638" s="14" t="s">
        <v>281</v>
      </c>
      <c r="E99638" s="15">
        <v>45734</v>
      </c>
      <c r="F99638" s="14" t="s">
        <v>61</v>
      </c>
      <c r="G99638" s="16">
        <v>4.9248821443214297</v>
      </c>
    </row>
    <row r="99639" spans="1:7" x14ac:dyDescent="0.3">
      <c r="A99639" s="13" t="s">
        <v>491</v>
      </c>
      <c r="B99639" s="14" t="s">
        <v>1</v>
      </c>
      <c r="C99639" s="14" t="s">
        <v>23</v>
      </c>
      <c r="D99639" s="14" t="s">
        <v>281</v>
      </c>
      <c r="E99639" s="15">
        <v>45735</v>
      </c>
      <c r="F99639" s="14" t="s">
        <v>61</v>
      </c>
      <c r="G99639" s="16">
        <v>4.9930523522609853</v>
      </c>
    </row>
    <row r="99640" spans="1:7" x14ac:dyDescent="0.3">
      <c r="A99640" s="13" t="s">
        <v>491</v>
      </c>
      <c r="B99640" s="14" t="s">
        <v>1</v>
      </c>
      <c r="C99640" s="14" t="s">
        <v>23</v>
      </c>
      <c r="D99640" s="14" t="s">
        <v>281</v>
      </c>
      <c r="E99640" s="15">
        <v>45736</v>
      </c>
      <c r="F99640" s="14" t="s">
        <v>61</v>
      </c>
      <c r="G99640" s="16">
        <v>5.0303384098257578</v>
      </c>
    </row>
    <row r="99641" spans="1:7" x14ac:dyDescent="0.3">
      <c r="A99641" s="13" t="s">
        <v>491</v>
      </c>
      <c r="B99641" s="14" t="s">
        <v>1</v>
      </c>
      <c r="C99641" s="14" t="s">
        <v>23</v>
      </c>
      <c r="D99641" s="14" t="s">
        <v>281</v>
      </c>
      <c r="E99641" s="15">
        <v>45737</v>
      </c>
      <c r="F99641" s="14" t="s">
        <v>61</v>
      </c>
      <c r="G99641" s="16">
        <v>5.0617272061054832</v>
      </c>
    </row>
    <row r="99642" spans="1:7" x14ac:dyDescent="0.3">
      <c r="A99642" s="13" t="s">
        <v>491</v>
      </c>
      <c r="B99642" s="14" t="s">
        <v>1</v>
      </c>
      <c r="C99642" s="14" t="s">
        <v>23</v>
      </c>
      <c r="D99642" s="14" t="s">
        <v>281</v>
      </c>
      <c r="E99642" s="15">
        <v>45738</v>
      </c>
      <c r="F99642" s="14" t="s">
        <v>61</v>
      </c>
      <c r="G99642" s="16">
        <v>5.0617272061054832</v>
      </c>
    </row>
    <row r="99643" spans="1:7" x14ac:dyDescent="0.3">
      <c r="A99643" s="13" t="s">
        <v>491</v>
      </c>
      <c r="B99643" s="14" t="s">
        <v>1</v>
      </c>
      <c r="C99643" s="14" t="s">
        <v>23</v>
      </c>
      <c r="D99643" s="14" t="s">
        <v>281</v>
      </c>
      <c r="E99643" s="15">
        <v>45739</v>
      </c>
      <c r="F99643" s="14" t="s">
        <v>61</v>
      </c>
      <c r="G99643" s="16">
        <v>5.0617272061054832</v>
      </c>
    </row>
    <row r="99644" spans="1:7" x14ac:dyDescent="0.3">
      <c r="A99644" s="13" t="s">
        <v>491</v>
      </c>
      <c r="B99644" s="14" t="s">
        <v>1</v>
      </c>
      <c r="C99644" s="14" t="s">
        <v>23</v>
      </c>
      <c r="D99644" s="14" t="s">
        <v>281</v>
      </c>
      <c r="E99644" s="15">
        <v>45740</v>
      </c>
      <c r="F99644" s="14" t="s">
        <v>61</v>
      </c>
      <c r="G99644" s="16">
        <v>5.0827309723627403</v>
      </c>
    </row>
    <row r="99645" spans="1:7" x14ac:dyDescent="0.3">
      <c r="A99645" s="13" t="s">
        <v>491</v>
      </c>
      <c r="B99645" s="14" t="s">
        <v>1</v>
      </c>
      <c r="C99645" s="14" t="s">
        <v>23</v>
      </c>
      <c r="D99645" s="14" t="s">
        <v>281</v>
      </c>
      <c r="E99645" s="15">
        <v>45741</v>
      </c>
      <c r="F99645" s="14" t="s">
        <v>61</v>
      </c>
      <c r="G99645" s="16">
        <v>5.1304483557229945</v>
      </c>
    </row>
    <row r="99646" spans="1:7" x14ac:dyDescent="0.3">
      <c r="A99646" s="13" t="s">
        <v>491</v>
      </c>
      <c r="B99646" s="14" t="s">
        <v>1</v>
      </c>
      <c r="C99646" s="14" t="s">
        <v>23</v>
      </c>
      <c r="D99646" s="14" t="s">
        <v>281</v>
      </c>
      <c r="E99646" s="15">
        <v>45742</v>
      </c>
      <c r="F99646" s="14" t="s">
        <v>61</v>
      </c>
      <c r="G99646" s="16">
        <v>5.1625618654134833</v>
      </c>
    </row>
    <row r="99647" spans="1:7" x14ac:dyDescent="0.3">
      <c r="A99647" s="13" t="s">
        <v>491</v>
      </c>
      <c r="B99647" s="14" t="s">
        <v>1</v>
      </c>
      <c r="C99647" s="14" t="s">
        <v>23</v>
      </c>
      <c r="D99647" s="14" t="s">
        <v>281</v>
      </c>
      <c r="E99647" s="15">
        <v>45743</v>
      </c>
      <c r="F99647" s="14" t="s">
        <v>61</v>
      </c>
      <c r="G99647" s="16">
        <v>5.1549089610400944</v>
      </c>
    </row>
    <row r="99648" spans="1:7" x14ac:dyDescent="0.3">
      <c r="A99648" s="13" t="s">
        <v>491</v>
      </c>
      <c r="B99648" s="14" t="s">
        <v>1</v>
      </c>
      <c r="C99648" s="14" t="s">
        <v>23</v>
      </c>
      <c r="D99648" s="14" t="s">
        <v>281</v>
      </c>
      <c r="E99648" s="15">
        <v>45744</v>
      </c>
      <c r="F99648" s="14" t="s">
        <v>61</v>
      </c>
      <c r="G99648" s="16">
        <v>5.1557980200423765</v>
      </c>
    </row>
    <row r="99649" spans="1:7" x14ac:dyDescent="0.3">
      <c r="A99649" s="13" t="s">
        <v>491</v>
      </c>
      <c r="B99649" s="14" t="s">
        <v>1</v>
      </c>
      <c r="C99649" s="14" t="s">
        <v>23</v>
      </c>
      <c r="D99649" s="14" t="s">
        <v>281</v>
      </c>
      <c r="E99649" s="15">
        <v>45745</v>
      </c>
      <c r="F99649" s="14" t="s">
        <v>61</v>
      </c>
      <c r="G99649" s="16">
        <v>5.1557980200423765</v>
      </c>
    </row>
    <row r="99650" spans="1:7" x14ac:dyDescent="0.3">
      <c r="A99650" s="13" t="s">
        <v>491</v>
      </c>
      <c r="B99650" s="14" t="s">
        <v>1</v>
      </c>
      <c r="C99650" s="14" t="s">
        <v>23</v>
      </c>
      <c r="D99650" s="14" t="s">
        <v>281</v>
      </c>
      <c r="E99650" s="15">
        <v>45746</v>
      </c>
      <c r="F99650" s="14" t="s">
        <v>61</v>
      </c>
      <c r="G99650" s="16">
        <v>5.1557980200423765</v>
      </c>
    </row>
    <row r="99651" spans="1:7" x14ac:dyDescent="0.3">
      <c r="A99651" s="13" t="s">
        <v>491</v>
      </c>
      <c r="B99651" s="14" t="s">
        <v>1</v>
      </c>
      <c r="C99651" s="14" t="s">
        <v>23</v>
      </c>
      <c r="D99651" s="14" t="s">
        <v>281</v>
      </c>
      <c r="E99651" s="15">
        <v>45747</v>
      </c>
      <c r="F99651" s="14" t="s">
        <v>61</v>
      </c>
      <c r="G99651" s="16">
        <v>5.1755494149420569</v>
      </c>
    </row>
    <row r="99652" spans="1:7" x14ac:dyDescent="0.3">
      <c r="A99652" s="13" t="s">
        <v>492</v>
      </c>
      <c r="B99652" s="14" t="s">
        <v>1</v>
      </c>
      <c r="C99652" s="14" t="s">
        <v>101</v>
      </c>
      <c r="D99652" s="14" t="s">
        <v>39</v>
      </c>
      <c r="E99652" s="15">
        <v>45383</v>
      </c>
      <c r="F99652" s="14" t="s">
        <v>15</v>
      </c>
      <c r="G99652" s="16">
        <v>0</v>
      </c>
    </row>
    <row r="99653" spans="1:7" x14ac:dyDescent="0.3">
      <c r="A99653" s="13" t="s">
        <v>492</v>
      </c>
      <c r="B99653" s="14" t="s">
        <v>1</v>
      </c>
      <c r="C99653" s="14" t="s">
        <v>101</v>
      </c>
      <c r="D99653" s="14" t="s">
        <v>39</v>
      </c>
      <c r="E99653" s="15">
        <v>45384</v>
      </c>
      <c r="F99653" s="14" t="s">
        <v>15</v>
      </c>
      <c r="G99653" s="16">
        <v>0</v>
      </c>
    </row>
    <row r="99654" spans="1:7" x14ac:dyDescent="0.3">
      <c r="A99654" s="13" t="s">
        <v>492</v>
      </c>
      <c r="B99654" s="14" t="s">
        <v>1</v>
      </c>
      <c r="C99654" s="14" t="s">
        <v>101</v>
      </c>
      <c r="D99654" s="14" t="s">
        <v>39</v>
      </c>
      <c r="E99654" s="15">
        <v>45385</v>
      </c>
      <c r="F99654" s="14" t="s">
        <v>15</v>
      </c>
      <c r="G99654" s="16">
        <v>0</v>
      </c>
    </row>
    <row r="99655" spans="1:7" x14ac:dyDescent="0.3">
      <c r="A99655" s="13" t="s">
        <v>492</v>
      </c>
      <c r="B99655" s="14" t="s">
        <v>1</v>
      </c>
      <c r="C99655" s="14" t="s">
        <v>101</v>
      </c>
      <c r="D99655" s="14" t="s">
        <v>39</v>
      </c>
      <c r="E99655" s="15">
        <v>45386</v>
      </c>
      <c r="F99655" s="14" t="s">
        <v>15</v>
      </c>
      <c r="G99655" s="16">
        <v>0</v>
      </c>
    </row>
    <row r="99656" spans="1:7" x14ac:dyDescent="0.3">
      <c r="A99656" s="13" t="s">
        <v>492</v>
      </c>
      <c r="B99656" s="14" t="s">
        <v>1</v>
      </c>
      <c r="C99656" s="14" t="s">
        <v>101</v>
      </c>
      <c r="D99656" s="14" t="s">
        <v>39</v>
      </c>
      <c r="E99656" s="15">
        <v>45387</v>
      </c>
      <c r="F99656" s="14" t="s">
        <v>15</v>
      </c>
      <c r="G99656" s="16">
        <v>0</v>
      </c>
    </row>
    <row r="99657" spans="1:7" x14ac:dyDescent="0.3">
      <c r="A99657" s="13" t="s">
        <v>492</v>
      </c>
      <c r="B99657" s="14" t="s">
        <v>1</v>
      </c>
      <c r="C99657" s="14" t="s">
        <v>101</v>
      </c>
      <c r="D99657" s="14" t="s">
        <v>39</v>
      </c>
      <c r="E99657" s="15">
        <v>45388</v>
      </c>
      <c r="F99657" s="14" t="s">
        <v>15</v>
      </c>
      <c r="G99657" s="16">
        <v>0</v>
      </c>
    </row>
    <row r="99658" spans="1:7" x14ac:dyDescent="0.3">
      <c r="A99658" s="13" t="s">
        <v>492</v>
      </c>
      <c r="B99658" s="14" t="s">
        <v>1</v>
      </c>
      <c r="C99658" s="14" t="s">
        <v>101</v>
      </c>
      <c r="D99658" s="14" t="s">
        <v>39</v>
      </c>
      <c r="E99658" s="15">
        <v>45389</v>
      </c>
      <c r="F99658" s="14" t="s">
        <v>15</v>
      </c>
      <c r="G99658" s="16">
        <v>0</v>
      </c>
    </row>
    <row r="99659" spans="1:7" x14ac:dyDescent="0.3">
      <c r="A99659" s="13" t="s">
        <v>492</v>
      </c>
      <c r="B99659" s="14" t="s">
        <v>1</v>
      </c>
      <c r="C99659" s="14" t="s">
        <v>101</v>
      </c>
      <c r="D99659" s="14" t="s">
        <v>39</v>
      </c>
      <c r="E99659" s="15">
        <v>45390</v>
      </c>
      <c r="F99659" s="14" t="s">
        <v>15</v>
      </c>
      <c r="G99659" s="16">
        <v>0</v>
      </c>
    </row>
    <row r="99660" spans="1:7" x14ac:dyDescent="0.3">
      <c r="A99660" s="13" t="s">
        <v>492</v>
      </c>
      <c r="B99660" s="14" t="s">
        <v>1</v>
      </c>
      <c r="C99660" s="14" t="s">
        <v>101</v>
      </c>
      <c r="D99660" s="14" t="s">
        <v>39</v>
      </c>
      <c r="E99660" s="15">
        <v>45391</v>
      </c>
      <c r="F99660" s="14" t="s">
        <v>15</v>
      </c>
      <c r="G99660" s="16">
        <v>0</v>
      </c>
    </row>
    <row r="99661" spans="1:7" x14ac:dyDescent="0.3">
      <c r="A99661" s="13" t="s">
        <v>492</v>
      </c>
      <c r="B99661" s="14" t="s">
        <v>1</v>
      </c>
      <c r="C99661" s="14" t="s">
        <v>101</v>
      </c>
      <c r="D99661" s="14" t="s">
        <v>39</v>
      </c>
      <c r="E99661" s="15">
        <v>45392</v>
      </c>
      <c r="F99661" s="14" t="s">
        <v>15</v>
      </c>
      <c r="G99661" s="16">
        <v>0</v>
      </c>
    </row>
    <row r="99662" spans="1:7" x14ac:dyDescent="0.3">
      <c r="A99662" s="13" t="s">
        <v>492</v>
      </c>
      <c r="B99662" s="14" t="s">
        <v>1</v>
      </c>
      <c r="C99662" s="14" t="s">
        <v>101</v>
      </c>
      <c r="D99662" s="14" t="s">
        <v>39</v>
      </c>
      <c r="E99662" s="15">
        <v>45393</v>
      </c>
      <c r="F99662" s="14" t="s">
        <v>15</v>
      </c>
      <c r="G99662" s="16">
        <v>0</v>
      </c>
    </row>
    <row r="99663" spans="1:7" x14ac:dyDescent="0.3">
      <c r="A99663" s="13" t="s">
        <v>492</v>
      </c>
      <c r="B99663" s="14" t="s">
        <v>1</v>
      </c>
      <c r="C99663" s="14" t="s">
        <v>101</v>
      </c>
      <c r="D99663" s="14" t="s">
        <v>39</v>
      </c>
      <c r="E99663" s="15">
        <v>45394</v>
      </c>
      <c r="F99663" s="14" t="s">
        <v>15</v>
      </c>
      <c r="G99663" s="16">
        <v>5.4392175686349353E-2</v>
      </c>
    </row>
    <row r="99664" spans="1:7" x14ac:dyDescent="0.3">
      <c r="A99664" s="13" t="s">
        <v>492</v>
      </c>
      <c r="B99664" s="14" t="s">
        <v>1</v>
      </c>
      <c r="C99664" s="14" t="s">
        <v>101</v>
      </c>
      <c r="D99664" s="14" t="s">
        <v>39</v>
      </c>
      <c r="E99664" s="15">
        <v>45395</v>
      </c>
      <c r="F99664" s="14" t="s">
        <v>15</v>
      </c>
      <c r="G99664" s="16">
        <v>5.4392175686349353E-2</v>
      </c>
    </row>
    <row r="99665" spans="1:7" x14ac:dyDescent="0.3">
      <c r="A99665" s="13" t="s">
        <v>492</v>
      </c>
      <c r="B99665" s="14" t="s">
        <v>1</v>
      </c>
      <c r="C99665" s="14" t="s">
        <v>101</v>
      </c>
      <c r="D99665" s="14" t="s">
        <v>39</v>
      </c>
      <c r="E99665" s="15">
        <v>45396</v>
      </c>
      <c r="F99665" s="14" t="s">
        <v>15</v>
      </c>
      <c r="G99665" s="16">
        <v>5.4392175686349353E-2</v>
      </c>
    </row>
    <row r="99666" spans="1:7" x14ac:dyDescent="0.3">
      <c r="A99666" s="13" t="s">
        <v>492</v>
      </c>
      <c r="B99666" s="14" t="s">
        <v>1</v>
      </c>
      <c r="C99666" s="14" t="s">
        <v>101</v>
      </c>
      <c r="D99666" s="14" t="s">
        <v>39</v>
      </c>
      <c r="E99666" s="15">
        <v>45397</v>
      </c>
      <c r="F99666" s="14" t="s">
        <v>15</v>
      </c>
      <c r="G99666" s="16">
        <v>5.0653758998586915E-2</v>
      </c>
    </row>
    <row r="99667" spans="1:7" x14ac:dyDescent="0.3">
      <c r="A99667" s="13" t="s">
        <v>492</v>
      </c>
      <c r="B99667" s="14" t="s">
        <v>1</v>
      </c>
      <c r="C99667" s="14" t="s">
        <v>101</v>
      </c>
      <c r="D99667" s="14" t="s">
        <v>39</v>
      </c>
      <c r="E99667" s="15">
        <v>45398</v>
      </c>
      <c r="F99667" s="14" t="s">
        <v>15</v>
      </c>
      <c r="G99667" s="16">
        <v>4.2503517176707376E-2</v>
      </c>
    </row>
    <row r="99668" spans="1:7" x14ac:dyDescent="0.3">
      <c r="A99668" s="13" t="s">
        <v>492</v>
      </c>
      <c r="B99668" s="14" t="s">
        <v>1</v>
      </c>
      <c r="C99668" s="14" t="s">
        <v>101</v>
      </c>
      <c r="D99668" s="14" t="s">
        <v>39</v>
      </c>
      <c r="E99668" s="15">
        <v>45399</v>
      </c>
      <c r="F99668" s="14" t="s">
        <v>15</v>
      </c>
      <c r="G99668" s="16">
        <v>3.987045375911958E-2</v>
      </c>
    </row>
    <row r="99669" spans="1:7" x14ac:dyDescent="0.3">
      <c r="A99669" s="13" t="s">
        <v>492</v>
      </c>
      <c r="B99669" s="14" t="s">
        <v>1</v>
      </c>
      <c r="C99669" s="14" t="s">
        <v>101</v>
      </c>
      <c r="D99669" s="14" t="s">
        <v>39</v>
      </c>
      <c r="E99669" s="15">
        <v>45400</v>
      </c>
      <c r="F99669" s="14" t="s">
        <v>15</v>
      </c>
      <c r="G99669" s="16">
        <v>3.6179291950937102E-2</v>
      </c>
    </row>
    <row r="99670" spans="1:7" x14ac:dyDescent="0.3">
      <c r="A99670" s="13" t="s">
        <v>492</v>
      </c>
      <c r="B99670" s="14" t="s">
        <v>1</v>
      </c>
      <c r="C99670" s="14" t="s">
        <v>101</v>
      </c>
      <c r="D99670" s="14" t="s">
        <v>39</v>
      </c>
      <c r="E99670" s="15">
        <v>45401</v>
      </c>
      <c r="F99670" s="14" t="s">
        <v>15</v>
      </c>
      <c r="G99670" s="16">
        <v>3.8753396664841143E-2</v>
      </c>
    </row>
    <row r="99671" spans="1:7" x14ac:dyDescent="0.3">
      <c r="A99671" s="13" t="s">
        <v>492</v>
      </c>
      <c r="B99671" s="14" t="s">
        <v>1</v>
      </c>
      <c r="C99671" s="14" t="s">
        <v>101</v>
      </c>
      <c r="D99671" s="14" t="s">
        <v>39</v>
      </c>
      <c r="E99671" s="15">
        <v>45402</v>
      </c>
      <c r="F99671" s="14" t="s">
        <v>15</v>
      </c>
      <c r="G99671" s="16">
        <v>3.8753396664841143E-2</v>
      </c>
    </row>
    <row r="99672" spans="1:7" x14ac:dyDescent="0.3">
      <c r="A99672" s="13" t="s">
        <v>492</v>
      </c>
      <c r="B99672" s="14" t="s">
        <v>1</v>
      </c>
      <c r="C99672" s="14" t="s">
        <v>101</v>
      </c>
      <c r="D99672" s="14" t="s">
        <v>39</v>
      </c>
      <c r="E99672" s="15">
        <v>45403</v>
      </c>
      <c r="F99672" s="14" t="s">
        <v>15</v>
      </c>
      <c r="G99672" s="16">
        <v>3.8753396664841143E-2</v>
      </c>
    </row>
    <row r="99673" spans="1:7" x14ac:dyDescent="0.3">
      <c r="A99673" s="13" t="s">
        <v>492</v>
      </c>
      <c r="B99673" s="14" t="s">
        <v>1</v>
      </c>
      <c r="C99673" s="14" t="s">
        <v>101</v>
      </c>
      <c r="D99673" s="14" t="s">
        <v>39</v>
      </c>
      <c r="E99673" s="15">
        <v>45404</v>
      </c>
      <c r="F99673" s="14" t="s">
        <v>15</v>
      </c>
      <c r="G99673" s="16">
        <v>3.5067941967719049E-2</v>
      </c>
    </row>
    <row r="99674" spans="1:7" x14ac:dyDescent="0.3">
      <c r="A99674" s="13" t="s">
        <v>492</v>
      </c>
      <c r="B99674" s="14" t="s">
        <v>1</v>
      </c>
      <c r="C99674" s="14" t="s">
        <v>101</v>
      </c>
      <c r="D99674" s="14" t="s">
        <v>39</v>
      </c>
      <c r="E99674" s="15">
        <v>45405</v>
      </c>
      <c r="F99674" s="14" t="s">
        <v>15</v>
      </c>
      <c r="G99674" s="16">
        <v>0.10067937118795799</v>
      </c>
    </row>
    <row r="99675" spans="1:7" x14ac:dyDescent="0.3">
      <c r="A99675" s="13" t="s">
        <v>492</v>
      </c>
      <c r="B99675" s="14" t="s">
        <v>1</v>
      </c>
      <c r="C99675" s="14" t="s">
        <v>101</v>
      </c>
      <c r="D99675" s="14" t="s">
        <v>39</v>
      </c>
      <c r="E99675" s="15">
        <v>45406</v>
      </c>
      <c r="F99675" s="14" t="s">
        <v>15</v>
      </c>
      <c r="G99675" s="16">
        <v>0.10120713416005174</v>
      </c>
    </row>
    <row r="99676" spans="1:7" x14ac:dyDescent="0.3">
      <c r="A99676" s="13" t="s">
        <v>492</v>
      </c>
      <c r="B99676" s="14" t="s">
        <v>1</v>
      </c>
      <c r="C99676" s="14" t="s">
        <v>101</v>
      </c>
      <c r="D99676" s="14" t="s">
        <v>39</v>
      </c>
      <c r="E99676" s="15">
        <v>45407</v>
      </c>
      <c r="F99676" s="14" t="s">
        <v>15</v>
      </c>
      <c r="G99676" s="16">
        <v>9.3320789153604228E-2</v>
      </c>
    </row>
    <row r="99677" spans="1:7" x14ac:dyDescent="0.3">
      <c r="A99677" s="13" t="s">
        <v>492</v>
      </c>
      <c r="B99677" s="14" t="s">
        <v>1</v>
      </c>
      <c r="C99677" s="14" t="s">
        <v>101</v>
      </c>
      <c r="D99677" s="14" t="s">
        <v>39</v>
      </c>
      <c r="E99677" s="15">
        <v>45408</v>
      </c>
      <c r="F99677" s="14" t="s">
        <v>15</v>
      </c>
      <c r="G99677" s="16">
        <v>9.1241543793315838E-2</v>
      </c>
    </row>
    <row r="99678" spans="1:7" x14ac:dyDescent="0.3">
      <c r="A99678" s="13" t="s">
        <v>492</v>
      </c>
      <c r="B99678" s="14" t="s">
        <v>1</v>
      </c>
      <c r="C99678" s="14" t="s">
        <v>101</v>
      </c>
      <c r="D99678" s="14" t="s">
        <v>39</v>
      </c>
      <c r="E99678" s="15">
        <v>45409</v>
      </c>
      <c r="F99678" s="14" t="s">
        <v>15</v>
      </c>
      <c r="G99678" s="16">
        <v>9.1241543793315838E-2</v>
      </c>
    </row>
    <row r="99679" spans="1:7" x14ac:dyDescent="0.3">
      <c r="A99679" s="13" t="s">
        <v>492</v>
      </c>
      <c r="B99679" s="14" t="s">
        <v>1</v>
      </c>
      <c r="C99679" s="14" t="s">
        <v>101</v>
      </c>
      <c r="D99679" s="14" t="s">
        <v>39</v>
      </c>
      <c r="E99679" s="15">
        <v>45410</v>
      </c>
      <c r="F99679" s="14" t="s">
        <v>15</v>
      </c>
      <c r="G99679" s="16">
        <v>9.1241543793315838E-2</v>
      </c>
    </row>
    <row r="99680" spans="1:7" x14ac:dyDescent="0.3">
      <c r="A99680" s="13" t="s">
        <v>492</v>
      </c>
      <c r="B99680" s="14" t="s">
        <v>1</v>
      </c>
      <c r="C99680" s="14" t="s">
        <v>101</v>
      </c>
      <c r="D99680" s="14" t="s">
        <v>39</v>
      </c>
      <c r="E99680" s="15">
        <v>45411</v>
      </c>
      <c r="F99680" s="14" t="s">
        <v>15</v>
      </c>
      <c r="G99680" s="16">
        <v>8.7529379816431163E-2</v>
      </c>
    </row>
    <row r="99681" spans="1:7" x14ac:dyDescent="0.3">
      <c r="A99681" s="13" t="s">
        <v>492</v>
      </c>
      <c r="B99681" s="14" t="s">
        <v>1</v>
      </c>
      <c r="C99681" s="14" t="s">
        <v>101</v>
      </c>
      <c r="D99681" s="14" t="s">
        <v>39</v>
      </c>
      <c r="E99681" s="15">
        <v>45412</v>
      </c>
      <c r="F99681" s="14" t="s">
        <v>15</v>
      </c>
      <c r="G99681" s="16">
        <v>8.5919943838633342E-2</v>
      </c>
    </row>
    <row r="99682" spans="1:7" x14ac:dyDescent="0.3">
      <c r="A99682" s="13" t="s">
        <v>492</v>
      </c>
      <c r="B99682" s="14" t="s">
        <v>1</v>
      </c>
      <c r="C99682" s="14" t="s">
        <v>101</v>
      </c>
      <c r="D99682" s="14" t="s">
        <v>39</v>
      </c>
      <c r="E99682" s="15">
        <v>45413</v>
      </c>
      <c r="F99682" s="14" t="s">
        <v>15</v>
      </c>
      <c r="G99682" s="16">
        <v>0.22926519339901608</v>
      </c>
    </row>
    <row r="99683" spans="1:7" x14ac:dyDescent="0.3">
      <c r="A99683" s="13" t="s">
        <v>492</v>
      </c>
      <c r="B99683" s="14" t="s">
        <v>1</v>
      </c>
      <c r="C99683" s="14" t="s">
        <v>101</v>
      </c>
      <c r="D99683" s="14" t="s">
        <v>39</v>
      </c>
      <c r="E99683" s="15">
        <v>45414</v>
      </c>
      <c r="F99683" s="14" t="s">
        <v>15</v>
      </c>
      <c r="G99683" s="16">
        <v>0.22457574372415171</v>
      </c>
    </row>
    <row r="99684" spans="1:7" x14ac:dyDescent="0.3">
      <c r="A99684" s="13" t="s">
        <v>492</v>
      </c>
      <c r="B99684" s="14" t="s">
        <v>1</v>
      </c>
      <c r="C99684" s="14" t="s">
        <v>101</v>
      </c>
      <c r="D99684" s="14" t="s">
        <v>39</v>
      </c>
      <c r="E99684" s="15">
        <v>45415</v>
      </c>
      <c r="F99684" s="14" t="s">
        <v>15</v>
      </c>
      <c r="G99684" s="16">
        <v>0.22083778360527409</v>
      </c>
    </row>
    <row r="99685" spans="1:7" x14ac:dyDescent="0.3">
      <c r="A99685" s="13" t="s">
        <v>492</v>
      </c>
      <c r="B99685" s="14" t="s">
        <v>1</v>
      </c>
      <c r="C99685" s="14" t="s">
        <v>101</v>
      </c>
      <c r="D99685" s="14" t="s">
        <v>39</v>
      </c>
      <c r="E99685" s="15">
        <v>45416</v>
      </c>
      <c r="F99685" s="14" t="s">
        <v>15</v>
      </c>
      <c r="G99685" s="16">
        <v>0.22083778360527409</v>
      </c>
    </row>
    <row r="99686" spans="1:7" x14ac:dyDescent="0.3">
      <c r="A99686" s="13" t="s">
        <v>492</v>
      </c>
      <c r="B99686" s="14" t="s">
        <v>1</v>
      </c>
      <c r="C99686" s="14" t="s">
        <v>101</v>
      </c>
      <c r="D99686" s="14" t="s">
        <v>39</v>
      </c>
      <c r="E99686" s="15">
        <v>45417</v>
      </c>
      <c r="F99686" s="14" t="s">
        <v>15</v>
      </c>
      <c r="G99686" s="16">
        <v>0.22083778360527409</v>
      </c>
    </row>
    <row r="99687" spans="1:7" x14ac:dyDescent="0.3">
      <c r="A99687" s="13" t="s">
        <v>492</v>
      </c>
      <c r="B99687" s="14" t="s">
        <v>1</v>
      </c>
      <c r="C99687" s="14" t="s">
        <v>101</v>
      </c>
      <c r="D99687" s="14" t="s">
        <v>39</v>
      </c>
      <c r="E99687" s="15">
        <v>45418</v>
      </c>
      <c r="F99687" s="14" t="s">
        <v>15</v>
      </c>
      <c r="G99687" s="16">
        <v>0.22083778360527409</v>
      </c>
    </row>
    <row r="99688" spans="1:7" x14ac:dyDescent="0.3">
      <c r="A99688" s="13" t="s">
        <v>492</v>
      </c>
      <c r="B99688" s="14" t="s">
        <v>1</v>
      </c>
      <c r="C99688" s="14" t="s">
        <v>101</v>
      </c>
      <c r="D99688" s="14" t="s">
        <v>39</v>
      </c>
      <c r="E99688" s="15">
        <v>45419</v>
      </c>
      <c r="F99688" s="14" t="s">
        <v>15</v>
      </c>
      <c r="G99688" s="16">
        <v>0.23343882588338316</v>
      </c>
    </row>
    <row r="99689" spans="1:7" x14ac:dyDescent="0.3">
      <c r="A99689" s="13" t="s">
        <v>492</v>
      </c>
      <c r="B99689" s="14" t="s">
        <v>1</v>
      </c>
      <c r="C99689" s="14" t="s">
        <v>101</v>
      </c>
      <c r="D99689" s="14" t="s">
        <v>39</v>
      </c>
      <c r="E99689" s="15">
        <v>45420</v>
      </c>
      <c r="F99689" s="14" t="s">
        <v>15</v>
      </c>
      <c r="G99689" s="16">
        <v>0.28253204941933946</v>
      </c>
    </row>
    <row r="99690" spans="1:7" x14ac:dyDescent="0.3">
      <c r="A99690" s="13" t="s">
        <v>492</v>
      </c>
      <c r="B99690" s="14" t="s">
        <v>1</v>
      </c>
      <c r="C99690" s="14" t="s">
        <v>101</v>
      </c>
      <c r="D99690" s="14" t="s">
        <v>39</v>
      </c>
      <c r="E99690" s="15">
        <v>45421</v>
      </c>
      <c r="F99690" s="14" t="s">
        <v>15</v>
      </c>
      <c r="G99690" s="16">
        <v>0.33770745535456531</v>
      </c>
    </row>
    <row r="99691" spans="1:7" x14ac:dyDescent="0.3">
      <c r="A99691" s="13" t="s">
        <v>492</v>
      </c>
      <c r="B99691" s="14" t="s">
        <v>1</v>
      </c>
      <c r="C99691" s="14" t="s">
        <v>101</v>
      </c>
      <c r="D99691" s="14" t="s">
        <v>39</v>
      </c>
      <c r="E99691" s="15">
        <v>45422</v>
      </c>
      <c r="F99691" s="14" t="s">
        <v>15</v>
      </c>
      <c r="G99691" s="16">
        <v>0.35054568516834378</v>
      </c>
    </row>
    <row r="99692" spans="1:7" x14ac:dyDescent="0.3">
      <c r="A99692" s="13" t="s">
        <v>492</v>
      </c>
      <c r="B99692" s="14" t="s">
        <v>1</v>
      </c>
      <c r="C99692" s="14" t="s">
        <v>101</v>
      </c>
      <c r="D99692" s="14" t="s">
        <v>39</v>
      </c>
      <c r="E99692" s="15">
        <v>45423</v>
      </c>
      <c r="F99692" s="14" t="s">
        <v>15</v>
      </c>
      <c r="G99692" s="16">
        <v>0.35054568516834378</v>
      </c>
    </row>
    <row r="99693" spans="1:7" x14ac:dyDescent="0.3">
      <c r="A99693" s="13" t="s">
        <v>492</v>
      </c>
      <c r="B99693" s="14" t="s">
        <v>1</v>
      </c>
      <c r="C99693" s="14" t="s">
        <v>101</v>
      </c>
      <c r="D99693" s="14" t="s">
        <v>39</v>
      </c>
      <c r="E99693" s="15">
        <v>45424</v>
      </c>
      <c r="F99693" s="14" t="s">
        <v>15</v>
      </c>
      <c r="G99693" s="16">
        <v>0.35054568516834378</v>
      </c>
    </row>
    <row r="99694" spans="1:7" x14ac:dyDescent="0.3">
      <c r="A99694" s="13" t="s">
        <v>492</v>
      </c>
      <c r="B99694" s="14" t="s">
        <v>1</v>
      </c>
      <c r="C99694" s="14" t="s">
        <v>101</v>
      </c>
      <c r="D99694" s="14" t="s">
        <v>39</v>
      </c>
      <c r="E99694" s="15">
        <v>45425</v>
      </c>
      <c r="F99694" s="14" t="s">
        <v>15</v>
      </c>
      <c r="G99694" s="16">
        <v>0.3498701608444667</v>
      </c>
    </row>
    <row r="99695" spans="1:7" x14ac:dyDescent="0.3">
      <c r="A99695" s="13" t="s">
        <v>492</v>
      </c>
      <c r="B99695" s="14" t="s">
        <v>1</v>
      </c>
      <c r="C99695" s="14" t="s">
        <v>101</v>
      </c>
      <c r="D99695" s="14" t="s">
        <v>39</v>
      </c>
      <c r="E99695" s="15">
        <v>45426</v>
      </c>
      <c r="F99695" s="14" t="s">
        <v>15</v>
      </c>
      <c r="G99695" s="16">
        <v>0.33462780625007266</v>
      </c>
    </row>
    <row r="99696" spans="1:7" x14ac:dyDescent="0.3">
      <c r="A99696" s="13" t="s">
        <v>492</v>
      </c>
      <c r="B99696" s="14" t="s">
        <v>1</v>
      </c>
      <c r="C99696" s="14" t="s">
        <v>101</v>
      </c>
      <c r="D99696" s="14" t="s">
        <v>39</v>
      </c>
      <c r="E99696" s="15">
        <v>45427</v>
      </c>
      <c r="F99696" s="14" t="s">
        <v>15</v>
      </c>
      <c r="G99696" s="16">
        <v>0.33082158908291287</v>
      </c>
    </row>
    <row r="99697" spans="1:7" x14ac:dyDescent="0.3">
      <c r="A99697" s="13" t="s">
        <v>492</v>
      </c>
      <c r="B99697" s="14" t="s">
        <v>1</v>
      </c>
      <c r="C99697" s="14" t="s">
        <v>101</v>
      </c>
      <c r="D99697" s="14" t="s">
        <v>39</v>
      </c>
      <c r="E99697" s="15">
        <v>45428</v>
      </c>
      <c r="F99697" s="14" t="s">
        <v>15</v>
      </c>
      <c r="G99697" s="16">
        <v>0.36835722786826997</v>
      </c>
    </row>
    <row r="99698" spans="1:7" x14ac:dyDescent="0.3">
      <c r="A99698" s="13" t="s">
        <v>492</v>
      </c>
      <c r="B99698" s="14" t="s">
        <v>1</v>
      </c>
      <c r="C99698" s="14" t="s">
        <v>101</v>
      </c>
      <c r="D99698" s="14" t="s">
        <v>39</v>
      </c>
      <c r="E99698" s="15">
        <v>45429</v>
      </c>
      <c r="F99698" s="14" t="s">
        <v>15</v>
      </c>
      <c r="G99698" s="16">
        <v>0.39987460389823382</v>
      </c>
    </row>
    <row r="99699" spans="1:7" x14ac:dyDescent="0.3">
      <c r="A99699" s="13" t="s">
        <v>492</v>
      </c>
      <c r="B99699" s="14" t="s">
        <v>1</v>
      </c>
      <c r="C99699" s="14" t="s">
        <v>101</v>
      </c>
      <c r="D99699" s="14" t="s">
        <v>39</v>
      </c>
      <c r="E99699" s="15">
        <v>45430</v>
      </c>
      <c r="F99699" s="14" t="s">
        <v>15</v>
      </c>
      <c r="G99699" s="16">
        <v>0.39987460389823382</v>
      </c>
    </row>
    <row r="99700" spans="1:7" x14ac:dyDescent="0.3">
      <c r="A99700" s="13" t="s">
        <v>492</v>
      </c>
      <c r="B99700" s="14" t="s">
        <v>1</v>
      </c>
      <c r="C99700" s="14" t="s">
        <v>101</v>
      </c>
      <c r="D99700" s="14" t="s">
        <v>39</v>
      </c>
      <c r="E99700" s="15">
        <v>45431</v>
      </c>
      <c r="F99700" s="14" t="s">
        <v>15</v>
      </c>
      <c r="G99700" s="16">
        <v>0.39987460389823382</v>
      </c>
    </row>
    <row r="99701" spans="1:7" x14ac:dyDescent="0.3">
      <c r="A99701" s="13" t="s">
        <v>492</v>
      </c>
      <c r="B99701" s="14" t="s">
        <v>1</v>
      </c>
      <c r="C99701" s="14" t="s">
        <v>101</v>
      </c>
      <c r="D99701" s="14" t="s">
        <v>39</v>
      </c>
      <c r="E99701" s="15">
        <v>45432</v>
      </c>
      <c r="F99701" s="14" t="s">
        <v>15</v>
      </c>
      <c r="G99701" s="16">
        <v>0.39604578657127498</v>
      </c>
    </row>
    <row r="99702" spans="1:7" x14ac:dyDescent="0.3">
      <c r="A99702" s="13" t="s">
        <v>492</v>
      </c>
      <c r="B99702" s="14" t="s">
        <v>1</v>
      </c>
      <c r="C99702" s="14" t="s">
        <v>101</v>
      </c>
      <c r="D99702" s="14" t="s">
        <v>39</v>
      </c>
      <c r="E99702" s="15">
        <v>45433</v>
      </c>
      <c r="F99702" s="14" t="s">
        <v>15</v>
      </c>
      <c r="G99702" s="16">
        <v>0.38755951005016015</v>
      </c>
    </row>
    <row r="99703" spans="1:7" x14ac:dyDescent="0.3">
      <c r="A99703" s="13" t="s">
        <v>492</v>
      </c>
      <c r="B99703" s="14" t="s">
        <v>1</v>
      </c>
      <c r="C99703" s="14" t="s">
        <v>101</v>
      </c>
      <c r="D99703" s="14" t="s">
        <v>39</v>
      </c>
      <c r="E99703" s="15">
        <v>45434</v>
      </c>
      <c r="F99703" s="14" t="s">
        <v>15</v>
      </c>
      <c r="G99703" s="16">
        <v>0.38373183414541334</v>
      </c>
    </row>
    <row r="99704" spans="1:7" x14ac:dyDescent="0.3">
      <c r="A99704" s="13" t="s">
        <v>492</v>
      </c>
      <c r="B99704" s="14" t="s">
        <v>1</v>
      </c>
      <c r="C99704" s="14" t="s">
        <v>101</v>
      </c>
      <c r="D99704" s="14" t="s">
        <v>39</v>
      </c>
      <c r="E99704" s="15">
        <v>45435</v>
      </c>
      <c r="F99704" s="14" t="s">
        <v>15</v>
      </c>
      <c r="G99704" s="16">
        <v>0.37990575623176343</v>
      </c>
    </row>
    <row r="99705" spans="1:7" x14ac:dyDescent="0.3">
      <c r="A99705" s="13" t="s">
        <v>492</v>
      </c>
      <c r="B99705" s="14" t="s">
        <v>1</v>
      </c>
      <c r="C99705" s="14" t="s">
        <v>101</v>
      </c>
      <c r="D99705" s="14" t="s">
        <v>39</v>
      </c>
      <c r="E99705" s="15">
        <v>45436</v>
      </c>
      <c r="F99705" s="14" t="s">
        <v>15</v>
      </c>
      <c r="G99705" s="16">
        <v>0.38527703021858151</v>
      </c>
    </row>
    <row r="99706" spans="1:7" x14ac:dyDescent="0.3">
      <c r="A99706" s="13" t="s">
        <v>492</v>
      </c>
      <c r="B99706" s="14" t="s">
        <v>1</v>
      </c>
      <c r="C99706" s="14" t="s">
        <v>101</v>
      </c>
      <c r="D99706" s="14" t="s">
        <v>39</v>
      </c>
      <c r="E99706" s="15">
        <v>45437</v>
      </c>
      <c r="F99706" s="14" t="s">
        <v>15</v>
      </c>
      <c r="G99706" s="16">
        <v>0.38527703021858151</v>
      </c>
    </row>
    <row r="99707" spans="1:7" x14ac:dyDescent="0.3">
      <c r="A99707" s="13" t="s">
        <v>492</v>
      </c>
      <c r="B99707" s="14" t="s">
        <v>1</v>
      </c>
      <c r="C99707" s="14" t="s">
        <v>101</v>
      </c>
      <c r="D99707" s="14" t="s">
        <v>39</v>
      </c>
      <c r="E99707" s="15">
        <v>45438</v>
      </c>
      <c r="F99707" s="14" t="s">
        <v>15</v>
      </c>
      <c r="G99707" s="16">
        <v>0.38527703021858151</v>
      </c>
    </row>
    <row r="99708" spans="1:7" x14ac:dyDescent="0.3">
      <c r="A99708" s="13" t="s">
        <v>492</v>
      </c>
      <c r="B99708" s="14" t="s">
        <v>1</v>
      </c>
      <c r="C99708" s="14" t="s">
        <v>101</v>
      </c>
      <c r="D99708" s="14" t="s">
        <v>39</v>
      </c>
      <c r="E99708" s="15">
        <v>45439</v>
      </c>
      <c r="F99708" s="14" t="s">
        <v>15</v>
      </c>
      <c r="G99708" s="16">
        <v>0.38147355246473069</v>
      </c>
    </row>
    <row r="99709" spans="1:7" x14ac:dyDescent="0.3">
      <c r="A99709" s="13" t="s">
        <v>492</v>
      </c>
      <c r="B99709" s="14" t="s">
        <v>1</v>
      </c>
      <c r="C99709" s="14" t="s">
        <v>101</v>
      </c>
      <c r="D99709" s="14" t="s">
        <v>39</v>
      </c>
      <c r="E99709" s="15">
        <v>45440</v>
      </c>
      <c r="F99709" s="14" t="s">
        <v>15</v>
      </c>
      <c r="G99709" s="16">
        <v>0.37303293283209898</v>
      </c>
    </row>
    <row r="99710" spans="1:7" x14ac:dyDescent="0.3">
      <c r="A99710" s="13" t="s">
        <v>492</v>
      </c>
      <c r="B99710" s="14" t="s">
        <v>1</v>
      </c>
      <c r="C99710" s="14" t="s">
        <v>101</v>
      </c>
      <c r="D99710" s="14" t="s">
        <v>39</v>
      </c>
      <c r="E99710" s="15">
        <v>45441</v>
      </c>
      <c r="F99710" s="14" t="s">
        <v>15</v>
      </c>
      <c r="G99710" s="16">
        <v>0.4019437570985655</v>
      </c>
    </row>
    <row r="99711" spans="1:7" x14ac:dyDescent="0.3">
      <c r="A99711" s="13" t="s">
        <v>492</v>
      </c>
      <c r="B99711" s="14" t="s">
        <v>1</v>
      </c>
      <c r="C99711" s="14" t="s">
        <v>101</v>
      </c>
      <c r="D99711" s="14" t="s">
        <v>39</v>
      </c>
      <c r="E99711" s="15">
        <v>45442</v>
      </c>
      <c r="F99711" s="14" t="s">
        <v>15</v>
      </c>
      <c r="G99711" s="16">
        <v>0.39813365321664068</v>
      </c>
    </row>
    <row r="99712" spans="1:7" x14ac:dyDescent="0.3">
      <c r="A99712" s="13" t="s">
        <v>492</v>
      </c>
      <c r="B99712" s="14" t="s">
        <v>1</v>
      </c>
      <c r="C99712" s="14" t="s">
        <v>101</v>
      </c>
      <c r="D99712" s="14" t="s">
        <v>39</v>
      </c>
      <c r="E99712" s="15">
        <v>45443</v>
      </c>
      <c r="F99712" s="14" t="s">
        <v>15</v>
      </c>
      <c r="G99712" s="16">
        <v>0.39907413465354247</v>
      </c>
    </row>
    <row r="99713" spans="1:7" x14ac:dyDescent="0.3">
      <c r="A99713" s="13" t="s">
        <v>492</v>
      </c>
      <c r="B99713" s="14" t="s">
        <v>1</v>
      </c>
      <c r="C99713" s="14" t="s">
        <v>101</v>
      </c>
      <c r="D99713" s="14" t="s">
        <v>39</v>
      </c>
      <c r="E99713" s="15">
        <v>45444</v>
      </c>
      <c r="F99713" s="14" t="s">
        <v>15</v>
      </c>
      <c r="G99713" s="16">
        <v>0.39907413465354247</v>
      </c>
    </row>
    <row r="99714" spans="1:7" x14ac:dyDescent="0.3">
      <c r="A99714" s="13" t="s">
        <v>492</v>
      </c>
      <c r="B99714" s="14" t="s">
        <v>1</v>
      </c>
      <c r="C99714" s="14" t="s">
        <v>101</v>
      </c>
      <c r="D99714" s="14" t="s">
        <v>39</v>
      </c>
      <c r="E99714" s="15">
        <v>45445</v>
      </c>
      <c r="F99714" s="14" t="s">
        <v>15</v>
      </c>
      <c r="G99714" s="16">
        <v>0.39907413465354247</v>
      </c>
    </row>
    <row r="99715" spans="1:7" x14ac:dyDescent="0.3">
      <c r="A99715" s="13" t="s">
        <v>492</v>
      </c>
      <c r="B99715" s="14" t="s">
        <v>1</v>
      </c>
      <c r="C99715" s="14" t="s">
        <v>101</v>
      </c>
      <c r="D99715" s="14" t="s">
        <v>39</v>
      </c>
      <c r="E99715" s="15">
        <v>45446</v>
      </c>
      <c r="F99715" s="14" t="s">
        <v>15</v>
      </c>
      <c r="G99715" s="16">
        <v>0.39907413465354247</v>
      </c>
    </row>
    <row r="99716" spans="1:7" x14ac:dyDescent="0.3">
      <c r="A99716" s="13" t="s">
        <v>492</v>
      </c>
      <c r="B99716" s="14" t="s">
        <v>1</v>
      </c>
      <c r="C99716" s="14" t="s">
        <v>101</v>
      </c>
      <c r="D99716" s="14" t="s">
        <v>39</v>
      </c>
      <c r="E99716" s="15">
        <v>45447</v>
      </c>
      <c r="F99716" s="14" t="s">
        <v>15</v>
      </c>
      <c r="G99716" s="16">
        <v>0.42844513530267392</v>
      </c>
    </row>
    <row r="99717" spans="1:7" x14ac:dyDescent="0.3">
      <c r="A99717" s="13" t="s">
        <v>492</v>
      </c>
      <c r="B99717" s="14" t="s">
        <v>1</v>
      </c>
      <c r="C99717" s="14" t="s">
        <v>101</v>
      </c>
      <c r="D99717" s="14" t="s">
        <v>39</v>
      </c>
      <c r="E99717" s="15">
        <v>45448</v>
      </c>
      <c r="F99717" s="14" t="s">
        <v>15</v>
      </c>
      <c r="G99717" s="16">
        <v>0.43326387042364123</v>
      </c>
    </row>
    <row r="99718" spans="1:7" x14ac:dyDescent="0.3">
      <c r="A99718" s="13" t="s">
        <v>492</v>
      </c>
      <c r="B99718" s="14" t="s">
        <v>1</v>
      </c>
      <c r="C99718" s="14" t="s">
        <v>101</v>
      </c>
      <c r="D99718" s="14" t="s">
        <v>39</v>
      </c>
      <c r="E99718" s="15">
        <v>45449</v>
      </c>
      <c r="F99718" s="14" t="s">
        <v>15</v>
      </c>
      <c r="G99718" s="16">
        <v>0.44022087850976488</v>
      </c>
    </row>
    <row r="99719" spans="1:7" x14ac:dyDescent="0.3">
      <c r="A99719" s="13" t="s">
        <v>492</v>
      </c>
      <c r="B99719" s="14" t="s">
        <v>1</v>
      </c>
      <c r="C99719" s="14" t="s">
        <v>101</v>
      </c>
      <c r="D99719" s="14" t="s">
        <v>39</v>
      </c>
      <c r="E99719" s="15">
        <v>45450</v>
      </c>
      <c r="F99719" s="14" t="s">
        <v>15</v>
      </c>
      <c r="G99719" s="16">
        <v>0.44107184059671489</v>
      </c>
    </row>
    <row r="99720" spans="1:7" x14ac:dyDescent="0.3">
      <c r="A99720" s="13" t="s">
        <v>492</v>
      </c>
      <c r="B99720" s="14" t="s">
        <v>1</v>
      </c>
      <c r="C99720" s="14" t="s">
        <v>101</v>
      </c>
      <c r="D99720" s="14" t="s">
        <v>39</v>
      </c>
      <c r="E99720" s="15">
        <v>45451</v>
      </c>
      <c r="F99720" s="14" t="s">
        <v>15</v>
      </c>
      <c r="G99720" s="16">
        <v>0.44107184059671489</v>
      </c>
    </row>
    <row r="99721" spans="1:7" x14ac:dyDescent="0.3">
      <c r="A99721" s="13" t="s">
        <v>492</v>
      </c>
      <c r="B99721" s="14" t="s">
        <v>1</v>
      </c>
      <c r="C99721" s="14" t="s">
        <v>101</v>
      </c>
      <c r="D99721" s="14" t="s">
        <v>39</v>
      </c>
      <c r="E99721" s="15">
        <v>45452</v>
      </c>
      <c r="F99721" s="14" t="s">
        <v>15</v>
      </c>
      <c r="G99721" s="16">
        <v>0.44107184059671489</v>
      </c>
    </row>
    <row r="99722" spans="1:7" x14ac:dyDescent="0.3">
      <c r="A99722" s="13" t="s">
        <v>492</v>
      </c>
      <c r="B99722" s="14" t="s">
        <v>1</v>
      </c>
      <c r="C99722" s="14" t="s">
        <v>101</v>
      </c>
      <c r="D99722" s="14" t="s">
        <v>39</v>
      </c>
      <c r="E99722" s="15">
        <v>45453</v>
      </c>
      <c r="F99722" s="14" t="s">
        <v>15</v>
      </c>
      <c r="G99722" s="16">
        <v>0.44463702937420341</v>
      </c>
    </row>
    <row r="99723" spans="1:7" x14ac:dyDescent="0.3">
      <c r="A99723" s="13" t="s">
        <v>492</v>
      </c>
      <c r="B99723" s="14" t="s">
        <v>1</v>
      </c>
      <c r="C99723" s="14" t="s">
        <v>101</v>
      </c>
      <c r="D99723" s="14" t="s">
        <v>39</v>
      </c>
      <c r="E99723" s="15">
        <v>45454</v>
      </c>
      <c r="F99723" s="14" t="s">
        <v>15</v>
      </c>
      <c r="G99723" s="16">
        <v>0.50119051177515972</v>
      </c>
    </row>
    <row r="99724" spans="1:7" x14ac:dyDescent="0.3">
      <c r="A99724" s="13" t="s">
        <v>492</v>
      </c>
      <c r="B99724" s="14" t="s">
        <v>1</v>
      </c>
      <c r="C99724" s="14" t="s">
        <v>101</v>
      </c>
      <c r="D99724" s="14" t="s">
        <v>39</v>
      </c>
      <c r="E99724" s="15">
        <v>45455</v>
      </c>
      <c r="F99724" s="14" t="s">
        <v>15</v>
      </c>
      <c r="G99724" s="16">
        <v>0.49739225199184384</v>
      </c>
    </row>
    <row r="99725" spans="1:7" x14ac:dyDescent="0.3">
      <c r="A99725" s="13" t="s">
        <v>492</v>
      </c>
      <c r="B99725" s="14" t="s">
        <v>1</v>
      </c>
      <c r="C99725" s="14" t="s">
        <v>101</v>
      </c>
      <c r="D99725" s="14" t="s">
        <v>39</v>
      </c>
      <c r="E99725" s="15">
        <v>45456</v>
      </c>
      <c r="F99725" s="14" t="s">
        <v>15</v>
      </c>
      <c r="G99725" s="16">
        <v>0.49360528541882959</v>
      </c>
    </row>
    <row r="99726" spans="1:7" x14ac:dyDescent="0.3">
      <c r="A99726" s="13" t="s">
        <v>492</v>
      </c>
      <c r="B99726" s="14" t="s">
        <v>1</v>
      </c>
      <c r="C99726" s="14" t="s">
        <v>101</v>
      </c>
      <c r="D99726" s="14" t="s">
        <v>39</v>
      </c>
      <c r="E99726" s="15">
        <v>45457</v>
      </c>
      <c r="F99726" s="14" t="s">
        <v>15</v>
      </c>
      <c r="G99726" s="16">
        <v>0.49504018911161901</v>
      </c>
    </row>
    <row r="99727" spans="1:7" x14ac:dyDescent="0.3">
      <c r="A99727" s="13" t="s">
        <v>492</v>
      </c>
      <c r="B99727" s="14" t="s">
        <v>1</v>
      </c>
      <c r="C99727" s="14" t="s">
        <v>101</v>
      </c>
      <c r="D99727" s="14" t="s">
        <v>39</v>
      </c>
      <c r="E99727" s="15">
        <v>45458</v>
      </c>
      <c r="F99727" s="14" t="s">
        <v>15</v>
      </c>
      <c r="G99727" s="16">
        <v>0.49504018911161901</v>
      </c>
    </row>
    <row r="99728" spans="1:7" x14ac:dyDescent="0.3">
      <c r="A99728" s="13" t="s">
        <v>492</v>
      </c>
      <c r="B99728" s="14" t="s">
        <v>1</v>
      </c>
      <c r="C99728" s="14" t="s">
        <v>101</v>
      </c>
      <c r="D99728" s="14" t="s">
        <v>39</v>
      </c>
      <c r="E99728" s="15">
        <v>45459</v>
      </c>
      <c r="F99728" s="14" t="s">
        <v>15</v>
      </c>
      <c r="G99728" s="16">
        <v>0.49504018911161901</v>
      </c>
    </row>
    <row r="99729" spans="1:7" x14ac:dyDescent="0.3">
      <c r="A99729" s="13" t="s">
        <v>492</v>
      </c>
      <c r="B99729" s="14" t="s">
        <v>1</v>
      </c>
      <c r="C99729" s="14" t="s">
        <v>101</v>
      </c>
      <c r="D99729" s="14" t="s">
        <v>39</v>
      </c>
      <c r="E99729" s="15">
        <v>45460</v>
      </c>
      <c r="F99729" s="14" t="s">
        <v>15</v>
      </c>
      <c r="G99729" s="16">
        <v>0.49334990343655283</v>
      </c>
    </row>
    <row r="99730" spans="1:7" x14ac:dyDescent="0.3">
      <c r="A99730" s="13" t="s">
        <v>492</v>
      </c>
      <c r="B99730" s="14" t="s">
        <v>1</v>
      </c>
      <c r="C99730" s="14" t="s">
        <v>101</v>
      </c>
      <c r="D99730" s="14" t="s">
        <v>39</v>
      </c>
      <c r="E99730" s="15">
        <v>45461</v>
      </c>
      <c r="F99730" s="14" t="s">
        <v>15</v>
      </c>
      <c r="G99730" s="16">
        <v>0.50668757534308684</v>
      </c>
    </row>
    <row r="99731" spans="1:7" x14ac:dyDescent="0.3">
      <c r="A99731" s="13" t="s">
        <v>492</v>
      </c>
      <c r="B99731" s="14" t="s">
        <v>1</v>
      </c>
      <c r="C99731" s="14" t="s">
        <v>101</v>
      </c>
      <c r="D99731" s="14" t="s">
        <v>39</v>
      </c>
      <c r="E99731" s="15">
        <v>45462</v>
      </c>
      <c r="F99731" s="14" t="s">
        <v>15</v>
      </c>
      <c r="G99731" s="16">
        <v>0.50938621681304186</v>
      </c>
    </row>
    <row r="99732" spans="1:7" x14ac:dyDescent="0.3">
      <c r="A99732" s="13" t="s">
        <v>492</v>
      </c>
      <c r="B99732" s="14" t="s">
        <v>1</v>
      </c>
      <c r="C99732" s="14" t="s">
        <v>101</v>
      </c>
      <c r="D99732" s="14" t="s">
        <v>39</v>
      </c>
      <c r="E99732" s="15">
        <v>45463</v>
      </c>
      <c r="F99732" s="14" t="s">
        <v>15</v>
      </c>
      <c r="G99732" s="16">
        <v>0.50557941826096142</v>
      </c>
    </row>
    <row r="99733" spans="1:7" x14ac:dyDescent="0.3">
      <c r="A99733" s="13" t="s">
        <v>492</v>
      </c>
      <c r="B99733" s="14" t="s">
        <v>1</v>
      </c>
      <c r="C99733" s="14" t="s">
        <v>101</v>
      </c>
      <c r="D99733" s="14" t="s">
        <v>39</v>
      </c>
      <c r="E99733" s="15">
        <v>45464</v>
      </c>
      <c r="F99733" s="14" t="s">
        <v>15</v>
      </c>
      <c r="G99733" s="16">
        <v>0.50641936258176345</v>
      </c>
    </row>
    <row r="99734" spans="1:7" x14ac:dyDescent="0.3">
      <c r="A99734" s="13" t="s">
        <v>492</v>
      </c>
      <c r="B99734" s="14" t="s">
        <v>1</v>
      </c>
      <c r="C99734" s="14" t="s">
        <v>101</v>
      </c>
      <c r="D99734" s="14" t="s">
        <v>39</v>
      </c>
      <c r="E99734" s="15">
        <v>45465</v>
      </c>
      <c r="F99734" s="14" t="s">
        <v>15</v>
      </c>
      <c r="G99734" s="16">
        <v>0.50641936258176345</v>
      </c>
    </row>
    <row r="99735" spans="1:7" x14ac:dyDescent="0.3">
      <c r="A99735" s="13" t="s">
        <v>492</v>
      </c>
      <c r="B99735" s="14" t="s">
        <v>1</v>
      </c>
      <c r="C99735" s="14" t="s">
        <v>101</v>
      </c>
      <c r="D99735" s="14" t="s">
        <v>39</v>
      </c>
      <c r="E99735" s="15">
        <v>45466</v>
      </c>
      <c r="F99735" s="14" t="s">
        <v>15</v>
      </c>
      <c r="G99735" s="16">
        <v>0.50641936258176345</v>
      </c>
    </row>
    <row r="99736" spans="1:7" x14ac:dyDescent="0.3">
      <c r="A99736" s="13" t="s">
        <v>492</v>
      </c>
      <c r="B99736" s="14" t="s">
        <v>1</v>
      </c>
      <c r="C99736" s="14" t="s">
        <v>101</v>
      </c>
      <c r="D99736" s="14" t="s">
        <v>39</v>
      </c>
      <c r="E99736" s="15">
        <v>45467</v>
      </c>
      <c r="F99736" s="14" t="s">
        <v>15</v>
      </c>
      <c r="G99736" s="16">
        <v>0.50261063592060706</v>
      </c>
    </row>
    <row r="99737" spans="1:7" x14ac:dyDescent="0.3">
      <c r="A99737" s="13" t="s">
        <v>492</v>
      </c>
      <c r="B99737" s="14" t="s">
        <v>1</v>
      </c>
      <c r="C99737" s="14" t="s">
        <v>101</v>
      </c>
      <c r="D99737" s="14" t="s">
        <v>39</v>
      </c>
      <c r="E99737" s="15">
        <v>45468</v>
      </c>
      <c r="F99737" s="14" t="s">
        <v>15</v>
      </c>
      <c r="G99737" s="16">
        <v>0.49419758478623765</v>
      </c>
    </row>
    <row r="99738" spans="1:7" x14ac:dyDescent="0.3">
      <c r="A99738" s="13" t="s">
        <v>492</v>
      </c>
      <c r="B99738" s="14" t="s">
        <v>1</v>
      </c>
      <c r="C99738" s="14" t="s">
        <v>101</v>
      </c>
      <c r="D99738" s="14" t="s">
        <v>39</v>
      </c>
      <c r="E99738" s="15">
        <v>45469</v>
      </c>
      <c r="F99738" s="14" t="s">
        <v>15</v>
      </c>
      <c r="G99738" s="16">
        <v>0.49038472646277587</v>
      </c>
    </row>
    <row r="99739" spans="1:7" x14ac:dyDescent="0.3">
      <c r="A99739" s="13" t="s">
        <v>492</v>
      </c>
      <c r="B99739" s="14" t="s">
        <v>1</v>
      </c>
      <c r="C99739" s="14" t="s">
        <v>101</v>
      </c>
      <c r="D99739" s="14" t="s">
        <v>39</v>
      </c>
      <c r="E99739" s="15">
        <v>45470</v>
      </c>
      <c r="F99739" s="14" t="s">
        <v>15</v>
      </c>
      <c r="G99739" s="16">
        <v>0.48658508945869156</v>
      </c>
    </row>
    <row r="99740" spans="1:7" x14ac:dyDescent="0.3">
      <c r="A99740" s="13" t="s">
        <v>492</v>
      </c>
      <c r="B99740" s="14" t="s">
        <v>1</v>
      </c>
      <c r="C99740" s="14" t="s">
        <v>101</v>
      </c>
      <c r="D99740" s="14" t="s">
        <v>39</v>
      </c>
      <c r="E99740" s="15">
        <v>45471</v>
      </c>
      <c r="F99740" s="14" t="s">
        <v>15</v>
      </c>
      <c r="G99740" s="16">
        <v>0.49643811737679427</v>
      </c>
    </row>
    <row r="99741" spans="1:7" x14ac:dyDescent="0.3">
      <c r="A99741" s="13" t="s">
        <v>492</v>
      </c>
      <c r="B99741" s="14" t="s">
        <v>1</v>
      </c>
      <c r="C99741" s="14" t="s">
        <v>101</v>
      </c>
      <c r="D99741" s="14" t="s">
        <v>39</v>
      </c>
      <c r="E99741" s="15">
        <v>45472</v>
      </c>
      <c r="F99741" s="14" t="s">
        <v>15</v>
      </c>
      <c r="G99741" s="16">
        <v>0.49643811737679427</v>
      </c>
    </row>
    <row r="99742" spans="1:7" x14ac:dyDescent="0.3">
      <c r="A99742" s="13" t="s">
        <v>492</v>
      </c>
      <c r="B99742" s="14" t="s">
        <v>1</v>
      </c>
      <c r="C99742" s="14" t="s">
        <v>101</v>
      </c>
      <c r="D99742" s="14" t="s">
        <v>39</v>
      </c>
      <c r="E99742" s="15">
        <v>45473</v>
      </c>
      <c r="F99742" s="14" t="s">
        <v>15</v>
      </c>
      <c r="G99742" s="16">
        <v>0.49643811737679427</v>
      </c>
    </row>
    <row r="99743" spans="1:7" x14ac:dyDescent="0.3">
      <c r="A99743" s="13" t="s">
        <v>492</v>
      </c>
      <c r="B99743" s="14" t="s">
        <v>1</v>
      </c>
      <c r="C99743" s="14" t="s">
        <v>101</v>
      </c>
      <c r="D99743" s="14" t="s">
        <v>39</v>
      </c>
      <c r="E99743" s="15">
        <v>45474</v>
      </c>
      <c r="F99743" s="14" t="s">
        <v>15</v>
      </c>
      <c r="G99743" s="16">
        <v>0.49845806445203789</v>
      </c>
    </row>
    <row r="99744" spans="1:7" x14ac:dyDescent="0.3">
      <c r="A99744" s="13" t="s">
        <v>492</v>
      </c>
      <c r="B99744" s="14" t="s">
        <v>1</v>
      </c>
      <c r="C99744" s="14" t="s">
        <v>101</v>
      </c>
      <c r="D99744" s="14" t="s">
        <v>39</v>
      </c>
      <c r="E99744" s="15">
        <v>45475</v>
      </c>
      <c r="F99744" s="14" t="s">
        <v>15</v>
      </c>
      <c r="G99744" s="16">
        <v>0.49023809966941068</v>
      </c>
    </row>
    <row r="99745" spans="1:7" x14ac:dyDescent="0.3">
      <c r="A99745" s="13" t="s">
        <v>492</v>
      </c>
      <c r="B99745" s="14" t="s">
        <v>1</v>
      </c>
      <c r="C99745" s="14" t="s">
        <v>101</v>
      </c>
      <c r="D99745" s="14" t="s">
        <v>39</v>
      </c>
      <c r="E99745" s="15">
        <v>45476</v>
      </c>
      <c r="F99745" s="14" t="s">
        <v>15</v>
      </c>
      <c r="G99745" s="16">
        <v>0.48636739807367224</v>
      </c>
    </row>
    <row r="99746" spans="1:7" x14ac:dyDescent="0.3">
      <c r="A99746" s="13" t="s">
        <v>492</v>
      </c>
      <c r="B99746" s="14" t="s">
        <v>1</v>
      </c>
      <c r="C99746" s="14" t="s">
        <v>101</v>
      </c>
      <c r="D99746" s="14" t="s">
        <v>39</v>
      </c>
      <c r="E99746" s="15">
        <v>45477</v>
      </c>
      <c r="F99746" s="14" t="s">
        <v>15</v>
      </c>
      <c r="G99746" s="16">
        <v>0.48685394754528005</v>
      </c>
    </row>
    <row r="99747" spans="1:7" x14ac:dyDescent="0.3">
      <c r="A99747" s="13" t="s">
        <v>492</v>
      </c>
      <c r="B99747" s="14" t="s">
        <v>1</v>
      </c>
      <c r="C99747" s="14" t="s">
        <v>101</v>
      </c>
      <c r="D99747" s="14" t="s">
        <v>39</v>
      </c>
      <c r="E99747" s="15">
        <v>45478</v>
      </c>
      <c r="F99747" s="14" t="s">
        <v>15</v>
      </c>
      <c r="G99747" s="16">
        <v>0.48294578554463879</v>
      </c>
    </row>
    <row r="99748" spans="1:7" x14ac:dyDescent="0.3">
      <c r="A99748" s="13" t="s">
        <v>492</v>
      </c>
      <c r="B99748" s="14" t="s">
        <v>1</v>
      </c>
      <c r="C99748" s="14" t="s">
        <v>101</v>
      </c>
      <c r="D99748" s="14" t="s">
        <v>39</v>
      </c>
      <c r="E99748" s="15">
        <v>45479</v>
      </c>
      <c r="F99748" s="14" t="s">
        <v>15</v>
      </c>
      <c r="G99748" s="16">
        <v>0.48294578554463879</v>
      </c>
    </row>
    <row r="99749" spans="1:7" x14ac:dyDescent="0.3">
      <c r="A99749" s="13" t="s">
        <v>492</v>
      </c>
      <c r="B99749" s="14" t="s">
        <v>1</v>
      </c>
      <c r="C99749" s="14" t="s">
        <v>101</v>
      </c>
      <c r="D99749" s="14" t="s">
        <v>39</v>
      </c>
      <c r="E99749" s="15">
        <v>45480</v>
      </c>
      <c r="F99749" s="14" t="s">
        <v>15</v>
      </c>
      <c r="G99749" s="16">
        <v>0.48294578554463879</v>
      </c>
    </row>
    <row r="99750" spans="1:7" x14ac:dyDescent="0.3">
      <c r="A99750" s="13" t="s">
        <v>492</v>
      </c>
      <c r="B99750" s="14" t="s">
        <v>1</v>
      </c>
      <c r="C99750" s="14" t="s">
        <v>101</v>
      </c>
      <c r="D99750" s="14" t="s">
        <v>39</v>
      </c>
      <c r="E99750" s="15">
        <v>45481</v>
      </c>
      <c r="F99750" s="14" t="s">
        <v>15</v>
      </c>
      <c r="G99750" s="16">
        <v>0.48014518448601656</v>
      </c>
    </row>
    <row r="99751" spans="1:7" x14ac:dyDescent="0.3">
      <c r="A99751" s="13" t="s">
        <v>492</v>
      </c>
      <c r="B99751" s="14" t="s">
        <v>1</v>
      </c>
      <c r="C99751" s="14" t="s">
        <v>101</v>
      </c>
      <c r="D99751" s="14" t="s">
        <v>39</v>
      </c>
      <c r="E99751" s="15">
        <v>45482</v>
      </c>
      <c r="F99751" s="14" t="s">
        <v>15</v>
      </c>
      <c r="G99751" s="16">
        <v>0.47139306159844518</v>
      </c>
    </row>
    <row r="99752" spans="1:7" x14ac:dyDescent="0.3">
      <c r="A99752" s="13" t="s">
        <v>492</v>
      </c>
      <c r="B99752" s="14" t="s">
        <v>1</v>
      </c>
      <c r="C99752" s="14" t="s">
        <v>101</v>
      </c>
      <c r="D99752" s="14" t="s">
        <v>39</v>
      </c>
      <c r="E99752" s="15">
        <v>45483</v>
      </c>
      <c r="F99752" s="14" t="s">
        <v>15</v>
      </c>
      <c r="G99752" s="16">
        <v>0.467473881831656</v>
      </c>
    </row>
    <row r="99753" spans="1:7" x14ac:dyDescent="0.3">
      <c r="A99753" s="13" t="s">
        <v>492</v>
      </c>
      <c r="B99753" s="14" t="s">
        <v>1</v>
      </c>
      <c r="C99753" s="14" t="s">
        <v>101</v>
      </c>
      <c r="D99753" s="14" t="s">
        <v>39</v>
      </c>
      <c r="E99753" s="15">
        <v>45484</v>
      </c>
      <c r="F99753" s="14" t="s">
        <v>15</v>
      </c>
      <c r="G99753" s="16">
        <v>0.46356076183624823</v>
      </c>
    </row>
    <row r="99754" spans="1:7" x14ac:dyDescent="0.3">
      <c r="A99754" s="13" t="s">
        <v>492</v>
      </c>
      <c r="B99754" s="14" t="s">
        <v>1</v>
      </c>
      <c r="C99754" s="14" t="s">
        <v>101</v>
      </c>
      <c r="D99754" s="14" t="s">
        <v>39</v>
      </c>
      <c r="E99754" s="15">
        <v>45485</v>
      </c>
      <c r="F99754" s="14" t="s">
        <v>15</v>
      </c>
      <c r="G99754" s="16">
        <v>0.46782695598489771</v>
      </c>
    </row>
    <row r="99755" spans="1:7" x14ac:dyDescent="0.3">
      <c r="A99755" s="13" t="s">
        <v>492</v>
      </c>
      <c r="B99755" s="14" t="s">
        <v>1</v>
      </c>
      <c r="C99755" s="14" t="s">
        <v>101</v>
      </c>
      <c r="D99755" s="14" t="s">
        <v>39</v>
      </c>
      <c r="E99755" s="15">
        <v>45486</v>
      </c>
      <c r="F99755" s="14" t="s">
        <v>15</v>
      </c>
      <c r="G99755" s="16">
        <v>0.46782695598489771</v>
      </c>
    </row>
    <row r="99756" spans="1:7" x14ac:dyDescent="0.3">
      <c r="A99756" s="13" t="s">
        <v>492</v>
      </c>
      <c r="B99756" s="14" t="s">
        <v>1</v>
      </c>
      <c r="C99756" s="14" t="s">
        <v>101</v>
      </c>
      <c r="D99756" s="14" t="s">
        <v>39</v>
      </c>
      <c r="E99756" s="15">
        <v>45487</v>
      </c>
      <c r="F99756" s="14" t="s">
        <v>15</v>
      </c>
      <c r="G99756" s="16">
        <v>0.46782695598489771</v>
      </c>
    </row>
    <row r="99757" spans="1:7" x14ac:dyDescent="0.3">
      <c r="A99757" s="13" t="s">
        <v>492</v>
      </c>
      <c r="B99757" s="14" t="s">
        <v>1</v>
      </c>
      <c r="C99757" s="14" t="s">
        <v>101</v>
      </c>
      <c r="D99757" s="14" t="s">
        <v>39</v>
      </c>
      <c r="E99757" s="15">
        <v>45488</v>
      </c>
      <c r="F99757" s="14" t="s">
        <v>15</v>
      </c>
      <c r="G99757" s="16">
        <v>0.46868204973415323</v>
      </c>
    </row>
    <row r="99758" spans="1:7" x14ac:dyDescent="0.3">
      <c r="A99758" s="13" t="s">
        <v>492</v>
      </c>
      <c r="B99758" s="14" t="s">
        <v>1</v>
      </c>
      <c r="C99758" s="14" t="s">
        <v>101</v>
      </c>
      <c r="D99758" s="14" t="s">
        <v>39</v>
      </c>
      <c r="E99758" s="15">
        <v>45489</v>
      </c>
      <c r="F99758" s="14" t="s">
        <v>15</v>
      </c>
      <c r="G99758" s="16">
        <v>0.45975143903498561</v>
      </c>
    </row>
    <row r="99759" spans="1:7" x14ac:dyDescent="0.3">
      <c r="A99759" s="13" t="s">
        <v>492</v>
      </c>
      <c r="B99759" s="14" t="s">
        <v>1</v>
      </c>
      <c r="C99759" s="14" t="s">
        <v>101</v>
      </c>
      <c r="D99759" s="14" t="s">
        <v>39</v>
      </c>
      <c r="E99759" s="15">
        <v>45490</v>
      </c>
      <c r="F99759" s="14" t="s">
        <v>15</v>
      </c>
      <c r="G99759" s="16">
        <v>0.45578350565299192</v>
      </c>
    </row>
    <row r="99760" spans="1:7" x14ac:dyDescent="0.3">
      <c r="A99760" s="13" t="s">
        <v>492</v>
      </c>
      <c r="B99760" s="14" t="s">
        <v>1</v>
      </c>
      <c r="C99760" s="14" t="s">
        <v>101</v>
      </c>
      <c r="D99760" s="14" t="s">
        <v>39</v>
      </c>
      <c r="E99760" s="15">
        <v>45491</v>
      </c>
      <c r="F99760" s="14" t="s">
        <v>15</v>
      </c>
      <c r="G99760" s="16">
        <v>0.45178775241147479</v>
      </c>
    </row>
    <row r="99761" spans="1:7" x14ac:dyDescent="0.3">
      <c r="A99761" s="13" t="s">
        <v>492</v>
      </c>
      <c r="B99761" s="14" t="s">
        <v>1</v>
      </c>
      <c r="C99761" s="14" t="s">
        <v>101</v>
      </c>
      <c r="D99761" s="14" t="s">
        <v>39</v>
      </c>
      <c r="E99761" s="15">
        <v>45492</v>
      </c>
      <c r="F99761" s="14" t="s">
        <v>15</v>
      </c>
      <c r="G99761" s="16">
        <v>0.45536203084603527</v>
      </c>
    </row>
    <row r="99762" spans="1:7" x14ac:dyDescent="0.3">
      <c r="A99762" s="13" t="s">
        <v>492</v>
      </c>
      <c r="B99762" s="14" t="s">
        <v>1</v>
      </c>
      <c r="C99762" s="14" t="s">
        <v>101</v>
      </c>
      <c r="D99762" s="14" t="s">
        <v>39</v>
      </c>
      <c r="E99762" s="15">
        <v>45493</v>
      </c>
      <c r="F99762" s="14" t="s">
        <v>15</v>
      </c>
      <c r="G99762" s="16">
        <v>0.45536203084603527</v>
      </c>
    </row>
    <row r="99763" spans="1:7" x14ac:dyDescent="0.3">
      <c r="A99763" s="13" t="s">
        <v>492</v>
      </c>
      <c r="B99763" s="14" t="s">
        <v>1</v>
      </c>
      <c r="C99763" s="14" t="s">
        <v>101</v>
      </c>
      <c r="D99763" s="14" t="s">
        <v>39</v>
      </c>
      <c r="E99763" s="15">
        <v>45494</v>
      </c>
      <c r="F99763" s="14" t="s">
        <v>15</v>
      </c>
      <c r="G99763" s="16">
        <v>0.45536203084603527</v>
      </c>
    </row>
    <row r="99764" spans="1:7" x14ac:dyDescent="0.3">
      <c r="A99764" s="13" t="s">
        <v>492</v>
      </c>
      <c r="B99764" s="14" t="s">
        <v>1</v>
      </c>
      <c r="C99764" s="14" t="s">
        <v>101</v>
      </c>
      <c r="D99764" s="14" t="s">
        <v>39</v>
      </c>
      <c r="E99764" s="15">
        <v>45495</v>
      </c>
      <c r="F99764" s="14" t="s">
        <v>15</v>
      </c>
      <c r="G99764" s="16">
        <v>0.45138666047189169</v>
      </c>
    </row>
    <row r="99765" spans="1:7" x14ac:dyDescent="0.3">
      <c r="A99765" s="13" t="s">
        <v>492</v>
      </c>
      <c r="B99765" s="14" t="s">
        <v>1</v>
      </c>
      <c r="C99765" s="14" t="s">
        <v>101</v>
      </c>
      <c r="D99765" s="14" t="s">
        <v>39</v>
      </c>
      <c r="E99765" s="15">
        <v>45496</v>
      </c>
      <c r="F99765" s="14" t="s">
        <v>15</v>
      </c>
      <c r="G99765" s="16">
        <v>0.44251444393330802</v>
      </c>
    </row>
    <row r="99766" spans="1:7" x14ac:dyDescent="0.3">
      <c r="A99766" s="13" t="s">
        <v>492</v>
      </c>
      <c r="B99766" s="14" t="s">
        <v>1</v>
      </c>
      <c r="C99766" s="14" t="s">
        <v>101</v>
      </c>
      <c r="D99766" s="14" t="s">
        <v>39</v>
      </c>
      <c r="E99766" s="15">
        <v>45497</v>
      </c>
      <c r="F99766" s="14" t="s">
        <v>15</v>
      </c>
      <c r="G99766" s="16">
        <v>0.43853631911762753</v>
      </c>
    </row>
    <row r="99767" spans="1:7" x14ac:dyDescent="0.3">
      <c r="A99767" s="13" t="s">
        <v>492</v>
      </c>
      <c r="B99767" s="14" t="s">
        <v>1</v>
      </c>
      <c r="C99767" s="14" t="s">
        <v>101</v>
      </c>
      <c r="D99767" s="14" t="s">
        <v>39</v>
      </c>
      <c r="E99767" s="15">
        <v>45498</v>
      </c>
      <c r="F99767" s="14" t="s">
        <v>15</v>
      </c>
      <c r="G99767" s="16">
        <v>0.4345667330707117</v>
      </c>
    </row>
    <row r="99768" spans="1:7" x14ac:dyDescent="0.3">
      <c r="A99768" s="13" t="s">
        <v>492</v>
      </c>
      <c r="B99768" s="14" t="s">
        <v>1</v>
      </c>
      <c r="C99768" s="14" t="s">
        <v>101</v>
      </c>
      <c r="D99768" s="14" t="s">
        <v>39</v>
      </c>
      <c r="E99768" s="15">
        <v>45499</v>
      </c>
      <c r="F99768" s="14" t="s">
        <v>15</v>
      </c>
      <c r="G99768" s="16">
        <v>0.49288994415917659</v>
      </c>
    </row>
    <row r="99769" spans="1:7" x14ac:dyDescent="0.3">
      <c r="A99769" s="13" t="s">
        <v>492</v>
      </c>
      <c r="B99769" s="14" t="s">
        <v>1</v>
      </c>
      <c r="C99769" s="14" t="s">
        <v>101</v>
      </c>
      <c r="D99769" s="14" t="s">
        <v>39</v>
      </c>
      <c r="E99769" s="15">
        <v>45500</v>
      </c>
      <c r="F99769" s="14" t="s">
        <v>15</v>
      </c>
      <c r="G99769" s="16">
        <v>0.49288994415917659</v>
      </c>
    </row>
    <row r="99770" spans="1:7" x14ac:dyDescent="0.3">
      <c r="A99770" s="13" t="s">
        <v>492</v>
      </c>
      <c r="B99770" s="14" t="s">
        <v>1</v>
      </c>
      <c r="C99770" s="14" t="s">
        <v>101</v>
      </c>
      <c r="D99770" s="14" t="s">
        <v>39</v>
      </c>
      <c r="E99770" s="15">
        <v>45501</v>
      </c>
      <c r="F99770" s="14" t="s">
        <v>15</v>
      </c>
      <c r="G99770" s="16">
        <v>0.49288994415917659</v>
      </c>
    </row>
    <row r="99771" spans="1:7" x14ac:dyDescent="0.3">
      <c r="A99771" s="13" t="s">
        <v>492</v>
      </c>
      <c r="B99771" s="14" t="s">
        <v>1</v>
      </c>
      <c r="C99771" s="14" t="s">
        <v>101</v>
      </c>
      <c r="D99771" s="14" t="s">
        <v>39</v>
      </c>
      <c r="E99771" s="15">
        <v>45502</v>
      </c>
      <c r="F99771" s="14" t="s">
        <v>15</v>
      </c>
      <c r="G99771" s="16">
        <v>0.49630721942612932</v>
      </c>
    </row>
    <row r="99772" spans="1:7" x14ac:dyDescent="0.3">
      <c r="A99772" s="13" t="s">
        <v>492</v>
      </c>
      <c r="B99772" s="14" t="s">
        <v>1</v>
      </c>
      <c r="C99772" s="14" t="s">
        <v>101</v>
      </c>
      <c r="D99772" s="14" t="s">
        <v>39</v>
      </c>
      <c r="E99772" s="15">
        <v>45503</v>
      </c>
      <c r="F99772" s="14" t="s">
        <v>15</v>
      </c>
      <c r="G99772" s="16">
        <v>0.48867560335580068</v>
      </c>
    </row>
    <row r="99773" spans="1:7" x14ac:dyDescent="0.3">
      <c r="A99773" s="13" t="s">
        <v>492</v>
      </c>
      <c r="B99773" s="14" t="s">
        <v>1</v>
      </c>
      <c r="C99773" s="14" t="s">
        <v>101</v>
      </c>
      <c r="D99773" s="14" t="s">
        <v>39</v>
      </c>
      <c r="E99773" s="15">
        <v>45504</v>
      </c>
      <c r="F99773" s="14" t="s">
        <v>15</v>
      </c>
      <c r="G99773" s="16">
        <v>0.48470794541796075</v>
      </c>
    </row>
    <row r="99774" spans="1:7" x14ac:dyDescent="0.3">
      <c r="A99774" s="13" t="s">
        <v>492</v>
      </c>
      <c r="B99774" s="14" t="s">
        <v>1</v>
      </c>
      <c r="C99774" s="14" t="s">
        <v>101</v>
      </c>
      <c r="D99774" s="14" t="s">
        <v>39</v>
      </c>
      <c r="E99774" s="15">
        <v>45505</v>
      </c>
      <c r="F99774" s="14" t="s">
        <v>15</v>
      </c>
      <c r="G99774" s="16">
        <v>0.49057364376713358</v>
      </c>
    </row>
    <row r="99775" spans="1:7" x14ac:dyDescent="0.3">
      <c r="A99775" s="13" t="s">
        <v>492</v>
      </c>
      <c r="B99775" s="14" t="s">
        <v>1</v>
      </c>
      <c r="C99775" s="14" t="s">
        <v>101</v>
      </c>
      <c r="D99775" s="14" t="s">
        <v>39</v>
      </c>
      <c r="E99775" s="15">
        <v>45506</v>
      </c>
      <c r="F99775" s="14" t="s">
        <v>15</v>
      </c>
      <c r="G99775" s="16">
        <v>0.48701226595599795</v>
      </c>
    </row>
    <row r="99776" spans="1:7" x14ac:dyDescent="0.3">
      <c r="A99776" s="13" t="s">
        <v>492</v>
      </c>
      <c r="B99776" s="14" t="s">
        <v>1</v>
      </c>
      <c r="C99776" s="14" t="s">
        <v>101</v>
      </c>
      <c r="D99776" s="14" t="s">
        <v>39</v>
      </c>
      <c r="E99776" s="15">
        <v>45507</v>
      </c>
      <c r="F99776" s="14" t="s">
        <v>15</v>
      </c>
      <c r="G99776" s="16">
        <v>0.48701226595599795</v>
      </c>
    </row>
    <row r="99777" spans="1:7" x14ac:dyDescent="0.3">
      <c r="A99777" s="13" t="s">
        <v>492</v>
      </c>
      <c r="B99777" s="14" t="s">
        <v>1</v>
      </c>
      <c r="C99777" s="14" t="s">
        <v>101</v>
      </c>
      <c r="D99777" s="14" t="s">
        <v>39</v>
      </c>
      <c r="E99777" s="15">
        <v>45508</v>
      </c>
      <c r="F99777" s="14" t="s">
        <v>15</v>
      </c>
      <c r="G99777" s="16">
        <v>0.48701226595599795</v>
      </c>
    </row>
    <row r="99778" spans="1:7" x14ac:dyDescent="0.3">
      <c r="A99778" s="13" t="s">
        <v>492</v>
      </c>
      <c r="B99778" s="14" t="s">
        <v>1</v>
      </c>
      <c r="C99778" s="14" t="s">
        <v>101</v>
      </c>
      <c r="D99778" s="14" t="s">
        <v>39</v>
      </c>
      <c r="E99778" s="15">
        <v>45509</v>
      </c>
      <c r="F99778" s="14" t="s">
        <v>15</v>
      </c>
      <c r="G99778" s="16">
        <v>0.48701226595599795</v>
      </c>
    </row>
    <row r="99779" spans="1:7" x14ac:dyDescent="0.3">
      <c r="A99779" s="13" t="s">
        <v>492</v>
      </c>
      <c r="B99779" s="14" t="s">
        <v>1</v>
      </c>
      <c r="C99779" s="14" t="s">
        <v>101</v>
      </c>
      <c r="D99779" s="14" t="s">
        <v>39</v>
      </c>
      <c r="E99779" s="15">
        <v>45510</v>
      </c>
      <c r="F99779" s="14" t="s">
        <v>15</v>
      </c>
      <c r="G99779" s="16">
        <v>0.48305507489599847</v>
      </c>
    </row>
    <row r="99780" spans="1:7" x14ac:dyDescent="0.3">
      <c r="A99780" s="13" t="s">
        <v>492</v>
      </c>
      <c r="B99780" s="14" t="s">
        <v>1</v>
      </c>
      <c r="C99780" s="14" t="s">
        <v>101</v>
      </c>
      <c r="D99780" s="14" t="s">
        <v>39</v>
      </c>
      <c r="E99780" s="15">
        <v>45511</v>
      </c>
      <c r="F99780" s="14" t="s">
        <v>15</v>
      </c>
      <c r="G99780" s="16">
        <v>0.47241092611667657</v>
      </c>
    </row>
    <row r="99781" spans="1:7" x14ac:dyDescent="0.3">
      <c r="A99781" s="13" t="s">
        <v>492</v>
      </c>
      <c r="B99781" s="14" t="s">
        <v>1</v>
      </c>
      <c r="C99781" s="14" t="s">
        <v>101</v>
      </c>
      <c r="D99781" s="14" t="s">
        <v>39</v>
      </c>
      <c r="E99781" s="15">
        <v>45512</v>
      </c>
      <c r="F99781" s="14" t="s">
        <v>15</v>
      </c>
      <c r="G99781" s="16">
        <v>0.46851157832895363</v>
      </c>
    </row>
    <row r="99782" spans="1:7" x14ac:dyDescent="0.3">
      <c r="A99782" s="13" t="s">
        <v>492</v>
      </c>
      <c r="B99782" s="14" t="s">
        <v>1</v>
      </c>
      <c r="C99782" s="14" t="s">
        <v>101</v>
      </c>
      <c r="D99782" s="14" t="s">
        <v>39</v>
      </c>
      <c r="E99782" s="15">
        <v>45513</v>
      </c>
      <c r="F99782" s="14" t="s">
        <v>15</v>
      </c>
      <c r="G99782" s="16">
        <v>0.46460727254646417</v>
      </c>
    </row>
    <row r="99783" spans="1:7" x14ac:dyDescent="0.3">
      <c r="A99783" s="13" t="s">
        <v>492</v>
      </c>
      <c r="B99783" s="14" t="s">
        <v>1</v>
      </c>
      <c r="C99783" s="14" t="s">
        <v>101</v>
      </c>
      <c r="D99783" s="14" t="s">
        <v>39</v>
      </c>
      <c r="E99783" s="15">
        <v>45514</v>
      </c>
      <c r="F99783" s="14" t="s">
        <v>15</v>
      </c>
      <c r="G99783" s="16">
        <v>0.46460727254646417</v>
      </c>
    </row>
    <row r="99784" spans="1:7" x14ac:dyDescent="0.3">
      <c r="A99784" s="13" t="s">
        <v>492</v>
      </c>
      <c r="B99784" s="14" t="s">
        <v>1</v>
      </c>
      <c r="C99784" s="14" t="s">
        <v>101</v>
      </c>
      <c r="D99784" s="14" t="s">
        <v>39</v>
      </c>
      <c r="E99784" s="15">
        <v>45515</v>
      </c>
      <c r="F99784" s="14" t="s">
        <v>15</v>
      </c>
      <c r="G99784" s="16">
        <v>0.46460727254646417</v>
      </c>
    </row>
    <row r="99785" spans="1:7" x14ac:dyDescent="0.3">
      <c r="A99785" s="13" t="s">
        <v>492</v>
      </c>
      <c r="B99785" s="14" t="s">
        <v>1</v>
      </c>
      <c r="C99785" s="14" t="s">
        <v>101</v>
      </c>
      <c r="D99785" s="14" t="s">
        <v>39</v>
      </c>
      <c r="E99785" s="15">
        <v>45516</v>
      </c>
      <c r="F99785" s="14" t="s">
        <v>15</v>
      </c>
      <c r="G99785" s="16">
        <v>0.46067762590183448</v>
      </c>
    </row>
    <row r="99786" spans="1:7" x14ac:dyDescent="0.3">
      <c r="A99786" s="13" t="s">
        <v>492</v>
      </c>
      <c r="B99786" s="14" t="s">
        <v>1</v>
      </c>
      <c r="C99786" s="14" t="s">
        <v>101</v>
      </c>
      <c r="D99786" s="14" t="s">
        <v>39</v>
      </c>
      <c r="E99786" s="15">
        <v>45517</v>
      </c>
      <c r="F99786" s="14" t="s">
        <v>15</v>
      </c>
      <c r="G99786" s="16">
        <v>0.45188721627689904</v>
      </c>
    </row>
    <row r="99787" spans="1:7" x14ac:dyDescent="0.3">
      <c r="A99787" s="13" t="s">
        <v>492</v>
      </c>
      <c r="B99787" s="14" t="s">
        <v>1</v>
      </c>
      <c r="C99787" s="14" t="s">
        <v>101</v>
      </c>
      <c r="D99787" s="14" t="s">
        <v>39</v>
      </c>
      <c r="E99787" s="15">
        <v>45518</v>
      </c>
      <c r="F99787" s="14" t="s">
        <v>15</v>
      </c>
      <c r="G99787" s="16">
        <v>0.45878858464397576</v>
      </c>
    </row>
    <row r="99788" spans="1:7" x14ac:dyDescent="0.3">
      <c r="A99788" s="13" t="s">
        <v>492</v>
      </c>
      <c r="B99788" s="14" t="s">
        <v>1</v>
      </c>
      <c r="C99788" s="14" t="s">
        <v>101</v>
      </c>
      <c r="D99788" s="14" t="s">
        <v>39</v>
      </c>
      <c r="E99788" s="15">
        <v>45519</v>
      </c>
      <c r="F99788" s="14" t="s">
        <v>15</v>
      </c>
      <c r="G99788" s="16">
        <v>0.45483387258135954</v>
      </c>
    </row>
    <row r="99789" spans="1:7" x14ac:dyDescent="0.3">
      <c r="A99789" s="13" t="s">
        <v>492</v>
      </c>
      <c r="B99789" s="14" t="s">
        <v>1</v>
      </c>
      <c r="C99789" s="14" t="s">
        <v>101</v>
      </c>
      <c r="D99789" s="14" t="s">
        <v>39</v>
      </c>
      <c r="E99789" s="15">
        <v>45520</v>
      </c>
      <c r="F99789" s="14" t="s">
        <v>15</v>
      </c>
      <c r="G99789" s="16">
        <v>0.46854008876554126</v>
      </c>
    </row>
    <row r="99790" spans="1:7" x14ac:dyDescent="0.3">
      <c r="A99790" s="13" t="s">
        <v>492</v>
      </c>
      <c r="B99790" s="14" t="s">
        <v>1</v>
      </c>
      <c r="C99790" s="14" t="s">
        <v>101</v>
      </c>
      <c r="D99790" s="14" t="s">
        <v>39</v>
      </c>
      <c r="E99790" s="15">
        <v>45521</v>
      </c>
      <c r="F99790" s="14" t="s">
        <v>15</v>
      </c>
      <c r="G99790" s="16">
        <v>0.46854008876554126</v>
      </c>
    </row>
    <row r="99791" spans="1:7" x14ac:dyDescent="0.3">
      <c r="A99791" s="13" t="s">
        <v>492</v>
      </c>
      <c r="B99791" s="14" t="s">
        <v>1</v>
      </c>
      <c r="C99791" s="14" t="s">
        <v>101</v>
      </c>
      <c r="D99791" s="14" t="s">
        <v>39</v>
      </c>
      <c r="E99791" s="15">
        <v>45522</v>
      </c>
      <c r="F99791" s="14" t="s">
        <v>15</v>
      </c>
      <c r="G99791" s="16">
        <v>0.46854008876554126</v>
      </c>
    </row>
    <row r="99792" spans="1:7" x14ac:dyDescent="0.3">
      <c r="A99792" s="13" t="s">
        <v>492</v>
      </c>
      <c r="B99792" s="14" t="s">
        <v>1</v>
      </c>
      <c r="C99792" s="14" t="s">
        <v>101</v>
      </c>
      <c r="D99792" s="14" t="s">
        <v>39</v>
      </c>
      <c r="E99792" s="15">
        <v>45523</v>
      </c>
      <c r="F99792" s="14" t="s">
        <v>15</v>
      </c>
      <c r="G99792" s="16">
        <v>0.47130428594407642</v>
      </c>
    </row>
    <row r="99793" spans="1:7" x14ac:dyDescent="0.3">
      <c r="A99793" s="13" t="s">
        <v>492</v>
      </c>
      <c r="B99793" s="14" t="s">
        <v>1</v>
      </c>
      <c r="C99793" s="14" t="s">
        <v>101</v>
      </c>
      <c r="D99793" s="14" t="s">
        <v>39</v>
      </c>
      <c r="E99793" s="15">
        <v>45524</v>
      </c>
      <c r="F99793" s="14" t="s">
        <v>15</v>
      </c>
      <c r="G99793" s="16">
        <v>0.46233318495431525</v>
      </c>
    </row>
    <row r="99794" spans="1:7" x14ac:dyDescent="0.3">
      <c r="A99794" s="13" t="s">
        <v>492</v>
      </c>
      <c r="B99794" s="14" t="s">
        <v>1</v>
      </c>
      <c r="C99794" s="14" t="s">
        <v>101</v>
      </c>
      <c r="D99794" s="14" t="s">
        <v>39</v>
      </c>
      <c r="E99794" s="15">
        <v>45525</v>
      </c>
      <c r="F99794" s="14" t="s">
        <v>15</v>
      </c>
      <c r="G99794" s="16">
        <v>0.45789561929026673</v>
      </c>
    </row>
    <row r="99795" spans="1:7" x14ac:dyDescent="0.3">
      <c r="A99795" s="13" t="s">
        <v>492</v>
      </c>
      <c r="B99795" s="14" t="s">
        <v>1</v>
      </c>
      <c r="C99795" s="14" t="s">
        <v>101</v>
      </c>
      <c r="D99795" s="14" t="s">
        <v>39</v>
      </c>
      <c r="E99795" s="15">
        <v>45526</v>
      </c>
      <c r="F99795" s="14" t="s">
        <v>15</v>
      </c>
      <c r="G99795" s="16">
        <v>0.51039594096955943</v>
      </c>
    </row>
    <row r="99796" spans="1:7" x14ac:dyDescent="0.3">
      <c r="A99796" s="13" t="s">
        <v>492</v>
      </c>
      <c r="B99796" s="14" t="s">
        <v>1</v>
      </c>
      <c r="C99796" s="14" t="s">
        <v>101</v>
      </c>
      <c r="D99796" s="14" t="s">
        <v>39</v>
      </c>
      <c r="E99796" s="15">
        <v>45527</v>
      </c>
      <c r="F99796" s="14" t="s">
        <v>15</v>
      </c>
      <c r="G99796" s="16">
        <v>0.50636493087636891</v>
      </c>
    </row>
    <row r="99797" spans="1:7" x14ac:dyDescent="0.3">
      <c r="A99797" s="13" t="s">
        <v>492</v>
      </c>
      <c r="B99797" s="14" t="s">
        <v>1</v>
      </c>
      <c r="C99797" s="14" t="s">
        <v>101</v>
      </c>
      <c r="D99797" s="14" t="s">
        <v>39</v>
      </c>
      <c r="E99797" s="15">
        <v>45528</v>
      </c>
      <c r="F99797" s="14" t="s">
        <v>15</v>
      </c>
      <c r="G99797" s="16">
        <v>0.50636493087636891</v>
      </c>
    </row>
    <row r="99798" spans="1:7" x14ac:dyDescent="0.3">
      <c r="A99798" s="13" t="s">
        <v>492</v>
      </c>
      <c r="B99798" s="14" t="s">
        <v>1</v>
      </c>
      <c r="C99798" s="14" t="s">
        <v>101</v>
      </c>
      <c r="D99798" s="14" t="s">
        <v>39</v>
      </c>
      <c r="E99798" s="15">
        <v>45529</v>
      </c>
      <c r="F99798" s="14" t="s">
        <v>15</v>
      </c>
      <c r="G99798" s="16">
        <v>0.50636493087636891</v>
      </c>
    </row>
    <row r="99799" spans="1:7" x14ac:dyDescent="0.3">
      <c r="A99799" s="13" t="s">
        <v>492</v>
      </c>
      <c r="B99799" s="14" t="s">
        <v>1</v>
      </c>
      <c r="C99799" s="14" t="s">
        <v>101</v>
      </c>
      <c r="D99799" s="14" t="s">
        <v>39</v>
      </c>
      <c r="E99799" s="15">
        <v>45530</v>
      </c>
      <c r="F99799" s="14" t="s">
        <v>15</v>
      </c>
      <c r="G99799" s="16">
        <v>0.51118146244410667</v>
      </c>
    </row>
    <row r="99800" spans="1:7" x14ac:dyDescent="0.3">
      <c r="A99800" s="13" t="s">
        <v>492</v>
      </c>
      <c r="B99800" s="14" t="s">
        <v>1</v>
      </c>
      <c r="C99800" s="14" t="s">
        <v>101</v>
      </c>
      <c r="D99800" s="14" t="s">
        <v>39</v>
      </c>
      <c r="E99800" s="15">
        <v>45531</v>
      </c>
      <c r="F99800" s="14" t="s">
        <v>15</v>
      </c>
      <c r="G99800" s="16">
        <v>0.50203710708166949</v>
      </c>
    </row>
    <row r="99801" spans="1:7" x14ac:dyDescent="0.3">
      <c r="A99801" s="13" t="s">
        <v>492</v>
      </c>
      <c r="B99801" s="14" t="s">
        <v>1</v>
      </c>
      <c r="C99801" s="14" t="s">
        <v>101</v>
      </c>
      <c r="D99801" s="14" t="s">
        <v>39</v>
      </c>
      <c r="E99801" s="15">
        <v>45532</v>
      </c>
      <c r="F99801" s="14" t="s">
        <v>15</v>
      </c>
      <c r="G99801" s="16">
        <v>0.49798819311848863</v>
      </c>
    </row>
    <row r="99802" spans="1:7" x14ac:dyDescent="0.3">
      <c r="A99802" s="13" t="s">
        <v>492</v>
      </c>
      <c r="B99802" s="14" t="s">
        <v>1</v>
      </c>
      <c r="C99802" s="14" t="s">
        <v>101</v>
      </c>
      <c r="D99802" s="14" t="s">
        <v>39</v>
      </c>
      <c r="E99802" s="15">
        <v>45533</v>
      </c>
      <c r="F99802" s="14" t="s">
        <v>15</v>
      </c>
      <c r="G99802" s="16">
        <v>0.49393845282284665</v>
      </c>
    </row>
    <row r="99803" spans="1:7" x14ac:dyDescent="0.3">
      <c r="A99803" s="13" t="s">
        <v>492</v>
      </c>
      <c r="B99803" s="14" t="s">
        <v>1</v>
      </c>
      <c r="C99803" s="14" t="s">
        <v>101</v>
      </c>
      <c r="D99803" s="14" t="s">
        <v>39</v>
      </c>
      <c r="E99803" s="15">
        <v>45534</v>
      </c>
      <c r="F99803" s="14" t="s">
        <v>15</v>
      </c>
      <c r="G99803" s="16">
        <v>0.49599778841206904</v>
      </c>
    </row>
    <row r="99804" spans="1:7" x14ac:dyDescent="0.3">
      <c r="A99804" s="13" t="s">
        <v>492</v>
      </c>
      <c r="B99804" s="14" t="s">
        <v>1</v>
      </c>
      <c r="C99804" s="14" t="s">
        <v>101</v>
      </c>
      <c r="D99804" s="14" t="s">
        <v>39</v>
      </c>
      <c r="E99804" s="15">
        <v>45535</v>
      </c>
      <c r="F99804" s="14" t="s">
        <v>15</v>
      </c>
      <c r="G99804" s="16">
        <v>0.49599778841206904</v>
      </c>
    </row>
    <row r="99805" spans="1:7" x14ac:dyDescent="0.3">
      <c r="A99805" s="13" t="s">
        <v>492</v>
      </c>
      <c r="B99805" s="14" t="s">
        <v>1</v>
      </c>
      <c r="C99805" s="14" t="s">
        <v>101</v>
      </c>
      <c r="D99805" s="14" t="s">
        <v>39</v>
      </c>
      <c r="E99805" s="15">
        <v>45536</v>
      </c>
      <c r="F99805" s="14" t="s">
        <v>15</v>
      </c>
      <c r="G99805" s="16">
        <v>0.49599778841206904</v>
      </c>
    </row>
    <row r="99806" spans="1:7" x14ac:dyDescent="0.3">
      <c r="A99806" s="13" t="s">
        <v>492</v>
      </c>
      <c r="B99806" s="14" t="s">
        <v>1</v>
      </c>
      <c r="C99806" s="14" t="s">
        <v>101</v>
      </c>
      <c r="D99806" s="14" t="s">
        <v>39</v>
      </c>
      <c r="E99806" s="15">
        <v>45537</v>
      </c>
      <c r="F99806" s="14" t="s">
        <v>15</v>
      </c>
      <c r="G99806" s="16">
        <v>0.5539130667089075</v>
      </c>
    </row>
    <row r="99807" spans="1:7" x14ac:dyDescent="0.3">
      <c r="A99807" s="13" t="s">
        <v>492</v>
      </c>
      <c r="B99807" s="14" t="s">
        <v>1</v>
      </c>
      <c r="C99807" s="14" t="s">
        <v>101</v>
      </c>
      <c r="D99807" s="14" t="s">
        <v>39</v>
      </c>
      <c r="E99807" s="15">
        <v>45538</v>
      </c>
      <c r="F99807" s="14" t="s">
        <v>15</v>
      </c>
      <c r="G99807" s="16">
        <v>0.54530445022541263</v>
      </c>
    </row>
    <row r="99808" spans="1:7" x14ac:dyDescent="0.3">
      <c r="A99808" s="13" t="s">
        <v>492</v>
      </c>
      <c r="B99808" s="14" t="s">
        <v>1</v>
      </c>
      <c r="C99808" s="14" t="s">
        <v>101</v>
      </c>
      <c r="D99808" s="14" t="s">
        <v>39</v>
      </c>
      <c r="E99808" s="15">
        <v>45539</v>
      </c>
      <c r="F99808" s="14" t="s">
        <v>15</v>
      </c>
      <c r="G99808" s="16">
        <v>0.54122193207548064</v>
      </c>
    </row>
    <row r="99809" spans="1:7" x14ac:dyDescent="0.3">
      <c r="A99809" s="13" t="s">
        <v>492</v>
      </c>
      <c r="B99809" s="14" t="s">
        <v>1</v>
      </c>
      <c r="C99809" s="14" t="s">
        <v>101</v>
      </c>
      <c r="D99809" s="14" t="s">
        <v>39</v>
      </c>
      <c r="E99809" s="15">
        <v>45540</v>
      </c>
      <c r="F99809" s="14" t="s">
        <v>15</v>
      </c>
      <c r="G99809" s="16">
        <v>0.55130936296838018</v>
      </c>
    </row>
    <row r="99810" spans="1:7" x14ac:dyDescent="0.3">
      <c r="A99810" s="13" t="s">
        <v>492</v>
      </c>
      <c r="B99810" s="14" t="s">
        <v>1</v>
      </c>
      <c r="C99810" s="14" t="s">
        <v>101</v>
      </c>
      <c r="D99810" s="14" t="s">
        <v>39</v>
      </c>
      <c r="E99810" s="15">
        <v>45541</v>
      </c>
      <c r="F99810" s="14" t="s">
        <v>15</v>
      </c>
      <c r="G99810" s="16">
        <v>0.54721334805491706</v>
      </c>
    </row>
    <row r="99811" spans="1:7" x14ac:dyDescent="0.3">
      <c r="A99811" s="13" t="s">
        <v>492</v>
      </c>
      <c r="B99811" s="14" t="s">
        <v>1</v>
      </c>
      <c r="C99811" s="14" t="s">
        <v>101</v>
      </c>
      <c r="D99811" s="14" t="s">
        <v>39</v>
      </c>
      <c r="E99811" s="15">
        <v>45542</v>
      </c>
      <c r="F99811" s="14" t="s">
        <v>15</v>
      </c>
      <c r="G99811" s="16">
        <v>0.54721334805491706</v>
      </c>
    </row>
    <row r="99812" spans="1:7" x14ac:dyDescent="0.3">
      <c r="A99812" s="13" t="s">
        <v>492</v>
      </c>
      <c r="B99812" s="14" t="s">
        <v>1</v>
      </c>
      <c r="C99812" s="14" t="s">
        <v>101</v>
      </c>
      <c r="D99812" s="14" t="s">
        <v>39</v>
      </c>
      <c r="E99812" s="15">
        <v>45543</v>
      </c>
      <c r="F99812" s="14" t="s">
        <v>15</v>
      </c>
      <c r="G99812" s="16">
        <v>0.54721334805491706</v>
      </c>
    </row>
    <row r="99813" spans="1:7" x14ac:dyDescent="0.3">
      <c r="A99813" s="13" t="s">
        <v>492</v>
      </c>
      <c r="B99813" s="14" t="s">
        <v>1</v>
      </c>
      <c r="C99813" s="14" t="s">
        <v>101</v>
      </c>
      <c r="D99813" s="14" t="s">
        <v>39</v>
      </c>
      <c r="E99813" s="15">
        <v>45544</v>
      </c>
      <c r="F99813" s="14" t="s">
        <v>15</v>
      </c>
      <c r="G99813" s="16">
        <v>0.54941894448975304</v>
      </c>
    </row>
    <row r="99814" spans="1:7" x14ac:dyDescent="0.3">
      <c r="A99814" s="13" t="s">
        <v>492</v>
      </c>
      <c r="B99814" s="14" t="s">
        <v>1</v>
      </c>
      <c r="C99814" s="14" t="s">
        <v>101</v>
      </c>
      <c r="D99814" s="14" t="s">
        <v>39</v>
      </c>
      <c r="E99814" s="15">
        <v>45545</v>
      </c>
      <c r="F99814" s="14" t="s">
        <v>15</v>
      </c>
      <c r="G99814" s="16">
        <v>0.54021454230180965</v>
      </c>
    </row>
    <row r="99815" spans="1:7" x14ac:dyDescent="0.3">
      <c r="A99815" s="13" t="s">
        <v>492</v>
      </c>
      <c r="B99815" s="14" t="s">
        <v>1</v>
      </c>
      <c r="C99815" s="14" t="s">
        <v>101</v>
      </c>
      <c r="D99815" s="14" t="s">
        <v>39</v>
      </c>
      <c r="E99815" s="15">
        <v>45546</v>
      </c>
      <c r="F99815" s="14" t="s">
        <v>15</v>
      </c>
      <c r="G99815" s="16">
        <v>0.53613202415187766</v>
      </c>
    </row>
    <row r="99816" spans="1:7" x14ac:dyDescent="0.3">
      <c r="A99816" s="13" t="s">
        <v>492</v>
      </c>
      <c r="B99816" s="14" t="s">
        <v>1</v>
      </c>
      <c r="C99816" s="14" t="s">
        <v>101</v>
      </c>
      <c r="D99816" s="14" t="s">
        <v>39</v>
      </c>
      <c r="E99816" s="15">
        <v>45547</v>
      </c>
      <c r="F99816" s="14" t="s">
        <v>15</v>
      </c>
      <c r="G99816" s="16">
        <v>0.55923804752515194</v>
      </c>
    </row>
    <row r="99817" spans="1:7" x14ac:dyDescent="0.3">
      <c r="A99817" s="13" t="s">
        <v>492</v>
      </c>
      <c r="B99817" s="14" t="s">
        <v>1</v>
      </c>
      <c r="C99817" s="14" t="s">
        <v>101</v>
      </c>
      <c r="D99817" s="14" t="s">
        <v>39</v>
      </c>
      <c r="E99817" s="15">
        <v>45548</v>
      </c>
      <c r="F99817" s="14" t="s">
        <v>15</v>
      </c>
      <c r="G99817" s="16">
        <v>0.55252338504248333</v>
      </c>
    </row>
    <row r="99818" spans="1:7" x14ac:dyDescent="0.3">
      <c r="A99818" s="13" t="s">
        <v>492</v>
      </c>
      <c r="B99818" s="14" t="s">
        <v>1</v>
      </c>
      <c r="C99818" s="14" t="s">
        <v>101</v>
      </c>
      <c r="D99818" s="14" t="s">
        <v>39</v>
      </c>
      <c r="E99818" s="15">
        <v>45549</v>
      </c>
      <c r="F99818" s="14" t="s">
        <v>15</v>
      </c>
      <c r="G99818" s="16">
        <v>0.55252338504248333</v>
      </c>
    </row>
    <row r="99819" spans="1:7" x14ac:dyDescent="0.3">
      <c r="A99819" s="13" t="s">
        <v>492</v>
      </c>
      <c r="B99819" s="14" t="s">
        <v>1</v>
      </c>
      <c r="C99819" s="14" t="s">
        <v>101</v>
      </c>
      <c r="D99819" s="14" t="s">
        <v>39</v>
      </c>
      <c r="E99819" s="15">
        <v>45550</v>
      </c>
      <c r="F99819" s="14" t="s">
        <v>15</v>
      </c>
      <c r="G99819" s="16">
        <v>0.55252338504248333</v>
      </c>
    </row>
    <row r="99820" spans="1:7" x14ac:dyDescent="0.3">
      <c r="A99820" s="13" t="s">
        <v>492</v>
      </c>
      <c r="B99820" s="14" t="s">
        <v>1</v>
      </c>
      <c r="C99820" s="14" t="s">
        <v>101</v>
      </c>
      <c r="D99820" s="14" t="s">
        <v>39</v>
      </c>
      <c r="E99820" s="15">
        <v>45551</v>
      </c>
      <c r="F99820" s="14" t="s">
        <v>15</v>
      </c>
      <c r="G99820" s="16">
        <v>0.55797949793510737</v>
      </c>
    </row>
    <row r="99821" spans="1:7" x14ac:dyDescent="0.3">
      <c r="A99821" s="13" t="s">
        <v>492</v>
      </c>
      <c r="B99821" s="14" t="s">
        <v>1</v>
      </c>
      <c r="C99821" s="14" t="s">
        <v>101</v>
      </c>
      <c r="D99821" s="14" t="s">
        <v>39</v>
      </c>
      <c r="E99821" s="15">
        <v>45552</v>
      </c>
      <c r="F99821" s="14" t="s">
        <v>15</v>
      </c>
      <c r="G99821" s="16">
        <v>0.548593853494031</v>
      </c>
    </row>
    <row r="99822" spans="1:7" x14ac:dyDescent="0.3">
      <c r="A99822" s="13" t="s">
        <v>492</v>
      </c>
      <c r="B99822" s="14" t="s">
        <v>1</v>
      </c>
      <c r="C99822" s="14" t="s">
        <v>101</v>
      </c>
      <c r="D99822" s="14" t="s">
        <v>39</v>
      </c>
      <c r="E99822" s="15">
        <v>45553</v>
      </c>
      <c r="F99822" s="14" t="s">
        <v>15</v>
      </c>
      <c r="G99822" s="16">
        <v>0.55349109019880227</v>
      </c>
    </row>
    <row r="99823" spans="1:7" x14ac:dyDescent="0.3">
      <c r="A99823" s="13" t="s">
        <v>492</v>
      </c>
      <c r="B99823" s="14" t="s">
        <v>1</v>
      </c>
      <c r="C99823" s="14" t="s">
        <v>101</v>
      </c>
      <c r="D99823" s="14" t="s">
        <v>39</v>
      </c>
      <c r="E99823" s="15">
        <v>45554</v>
      </c>
      <c r="F99823" s="14" t="s">
        <v>15</v>
      </c>
      <c r="G99823" s="16">
        <v>0.54934852522336408</v>
      </c>
    </row>
    <row r="99824" spans="1:7" x14ac:dyDescent="0.3">
      <c r="A99824" s="13" t="s">
        <v>492</v>
      </c>
      <c r="B99824" s="14" t="s">
        <v>1</v>
      </c>
      <c r="C99824" s="14" t="s">
        <v>101</v>
      </c>
      <c r="D99824" s="14" t="s">
        <v>39</v>
      </c>
      <c r="E99824" s="15">
        <v>45555</v>
      </c>
      <c r="F99824" s="14" t="s">
        <v>15</v>
      </c>
      <c r="G99824" s="16">
        <v>0.55171387926734483</v>
      </c>
    </row>
    <row r="99825" spans="1:7" x14ac:dyDescent="0.3">
      <c r="A99825" s="13" t="s">
        <v>492</v>
      </c>
      <c r="B99825" s="14" t="s">
        <v>1</v>
      </c>
      <c r="C99825" s="14" t="s">
        <v>101</v>
      </c>
      <c r="D99825" s="14" t="s">
        <v>39</v>
      </c>
      <c r="E99825" s="15">
        <v>45556</v>
      </c>
      <c r="F99825" s="14" t="s">
        <v>15</v>
      </c>
      <c r="G99825" s="16">
        <v>0.55171387926734483</v>
      </c>
    </row>
    <row r="99826" spans="1:7" x14ac:dyDescent="0.3">
      <c r="A99826" s="13" t="s">
        <v>492</v>
      </c>
      <c r="B99826" s="14" t="s">
        <v>1</v>
      </c>
      <c r="C99826" s="14" t="s">
        <v>101</v>
      </c>
      <c r="D99826" s="14" t="s">
        <v>39</v>
      </c>
      <c r="E99826" s="15">
        <v>45557</v>
      </c>
      <c r="F99826" s="14" t="s">
        <v>15</v>
      </c>
      <c r="G99826" s="16">
        <v>0.55171387926734483</v>
      </c>
    </row>
    <row r="99827" spans="1:7" x14ac:dyDescent="0.3">
      <c r="A99827" s="13" t="s">
        <v>492</v>
      </c>
      <c r="B99827" s="14" t="s">
        <v>1</v>
      </c>
      <c r="C99827" s="14" t="s">
        <v>101</v>
      </c>
      <c r="D99827" s="14" t="s">
        <v>39</v>
      </c>
      <c r="E99827" s="15">
        <v>45558</v>
      </c>
      <c r="F99827" s="14" t="s">
        <v>15</v>
      </c>
      <c r="G99827" s="16">
        <v>0.54754266809992203</v>
      </c>
    </row>
    <row r="99828" spans="1:7" x14ac:dyDescent="0.3">
      <c r="A99828" s="13" t="s">
        <v>492</v>
      </c>
      <c r="B99828" s="14" t="s">
        <v>1</v>
      </c>
      <c r="C99828" s="14" t="s">
        <v>101</v>
      </c>
      <c r="D99828" s="14" t="s">
        <v>39</v>
      </c>
      <c r="E99828" s="15">
        <v>45559</v>
      </c>
      <c r="F99828" s="14" t="s">
        <v>15</v>
      </c>
      <c r="G99828" s="16">
        <v>0.53799120627831953</v>
      </c>
    </row>
    <row r="99829" spans="1:7" x14ac:dyDescent="0.3">
      <c r="A99829" s="13" t="s">
        <v>492</v>
      </c>
      <c r="B99829" s="14" t="s">
        <v>1</v>
      </c>
      <c r="C99829" s="14" t="s">
        <v>101</v>
      </c>
      <c r="D99829" s="14" t="s">
        <v>39</v>
      </c>
      <c r="E99829" s="15">
        <v>45560</v>
      </c>
      <c r="F99829" s="14" t="s">
        <v>15</v>
      </c>
      <c r="G99829" s="16">
        <v>0.54756190393888193</v>
      </c>
    </row>
    <row r="99830" spans="1:7" x14ac:dyDescent="0.3">
      <c r="A99830" s="13" t="s">
        <v>492</v>
      </c>
      <c r="B99830" s="14" t="s">
        <v>1</v>
      </c>
      <c r="C99830" s="14" t="s">
        <v>101</v>
      </c>
      <c r="D99830" s="14" t="s">
        <v>39</v>
      </c>
      <c r="E99830" s="15">
        <v>45561</v>
      </c>
      <c r="F99830" s="14" t="s">
        <v>15</v>
      </c>
      <c r="G99830" s="16">
        <v>0.54335929213793766</v>
      </c>
    </row>
    <row r="99831" spans="1:7" x14ac:dyDescent="0.3">
      <c r="A99831" s="13" t="s">
        <v>492</v>
      </c>
      <c r="B99831" s="14" t="s">
        <v>1</v>
      </c>
      <c r="C99831" s="14" t="s">
        <v>101</v>
      </c>
      <c r="D99831" s="14" t="s">
        <v>39</v>
      </c>
      <c r="E99831" s="15">
        <v>45562</v>
      </c>
      <c r="F99831" s="14" t="s">
        <v>15</v>
      </c>
      <c r="G99831" s="16">
        <v>0.53916274010837484</v>
      </c>
    </row>
    <row r="99832" spans="1:7" x14ac:dyDescent="0.3">
      <c r="A99832" s="13" t="s">
        <v>492</v>
      </c>
      <c r="B99832" s="14" t="s">
        <v>1</v>
      </c>
      <c r="C99832" s="14" t="s">
        <v>101</v>
      </c>
      <c r="D99832" s="14" t="s">
        <v>39</v>
      </c>
      <c r="E99832" s="15">
        <v>45563</v>
      </c>
      <c r="F99832" s="14" t="s">
        <v>15</v>
      </c>
      <c r="G99832" s="16">
        <v>0.53916274010837484</v>
      </c>
    </row>
    <row r="99833" spans="1:7" x14ac:dyDescent="0.3">
      <c r="A99833" s="13" t="s">
        <v>492</v>
      </c>
      <c r="B99833" s="14" t="s">
        <v>1</v>
      </c>
      <c r="C99833" s="14" t="s">
        <v>101</v>
      </c>
      <c r="D99833" s="14" t="s">
        <v>39</v>
      </c>
      <c r="E99833" s="15">
        <v>45564</v>
      </c>
      <c r="F99833" s="14" t="s">
        <v>15</v>
      </c>
      <c r="G99833" s="16">
        <v>0.53916274010837484</v>
      </c>
    </row>
    <row r="99834" spans="1:7" x14ac:dyDescent="0.3">
      <c r="A99834" s="13" t="s">
        <v>492</v>
      </c>
      <c r="B99834" s="14" t="s">
        <v>1</v>
      </c>
      <c r="C99834" s="14" t="s">
        <v>101</v>
      </c>
      <c r="D99834" s="14" t="s">
        <v>39</v>
      </c>
      <c r="E99834" s="15">
        <v>45565</v>
      </c>
      <c r="F99834" s="14" t="s">
        <v>15</v>
      </c>
      <c r="G99834" s="16">
        <v>0.63647589748522981</v>
      </c>
    </row>
    <row r="99835" spans="1:7" x14ac:dyDescent="0.3">
      <c r="A99835" s="13" t="s">
        <v>492</v>
      </c>
      <c r="B99835" s="14" t="s">
        <v>1</v>
      </c>
      <c r="C99835" s="14" t="s">
        <v>101</v>
      </c>
      <c r="D99835" s="14" t="s">
        <v>39</v>
      </c>
      <c r="E99835" s="15">
        <v>45566</v>
      </c>
      <c r="F99835" s="14" t="s">
        <v>15</v>
      </c>
      <c r="G99835" s="16">
        <v>0.6309762191645224</v>
      </c>
    </row>
    <row r="99836" spans="1:7" x14ac:dyDescent="0.3">
      <c r="A99836" s="13" t="s">
        <v>492</v>
      </c>
      <c r="B99836" s="14" t="s">
        <v>1</v>
      </c>
      <c r="C99836" s="14" t="s">
        <v>101</v>
      </c>
      <c r="D99836" s="14" t="s">
        <v>39</v>
      </c>
      <c r="E99836" s="15">
        <v>45567</v>
      </c>
      <c r="F99836" s="14" t="s">
        <v>15</v>
      </c>
      <c r="G99836" s="16">
        <v>0.62614449291653229</v>
      </c>
    </row>
    <row r="99837" spans="1:7" x14ac:dyDescent="0.3">
      <c r="A99837" s="13" t="s">
        <v>492</v>
      </c>
      <c r="B99837" s="14" t="s">
        <v>1</v>
      </c>
      <c r="C99837" s="14" t="s">
        <v>101</v>
      </c>
      <c r="D99837" s="14" t="s">
        <v>39</v>
      </c>
      <c r="E99837" s="15">
        <v>45568</v>
      </c>
      <c r="F99837" s="14" t="s">
        <v>15</v>
      </c>
      <c r="G99837" s="16">
        <v>0.61946701539461291</v>
      </c>
    </row>
    <row r="99838" spans="1:7" x14ac:dyDescent="0.3">
      <c r="A99838" s="13" t="s">
        <v>492</v>
      </c>
      <c r="B99838" s="14" t="s">
        <v>1</v>
      </c>
      <c r="C99838" s="14" t="s">
        <v>101</v>
      </c>
      <c r="D99838" s="14" t="s">
        <v>39</v>
      </c>
      <c r="E99838" s="15">
        <v>45569</v>
      </c>
      <c r="F99838" s="14" t="s">
        <v>15</v>
      </c>
      <c r="G99838" s="16">
        <v>0.61526192459628537</v>
      </c>
    </row>
    <row r="99839" spans="1:7" x14ac:dyDescent="0.3">
      <c r="A99839" s="13" t="s">
        <v>492</v>
      </c>
      <c r="B99839" s="14" t="s">
        <v>1</v>
      </c>
      <c r="C99839" s="14" t="s">
        <v>101</v>
      </c>
      <c r="D99839" s="14" t="s">
        <v>39</v>
      </c>
      <c r="E99839" s="15">
        <v>45570</v>
      </c>
      <c r="F99839" s="14" t="s">
        <v>15</v>
      </c>
      <c r="G99839" s="16">
        <v>0.61526192459628537</v>
      </c>
    </row>
    <row r="99840" spans="1:7" x14ac:dyDescent="0.3">
      <c r="A99840" s="13" t="s">
        <v>492</v>
      </c>
      <c r="B99840" s="14" t="s">
        <v>1</v>
      </c>
      <c r="C99840" s="14" t="s">
        <v>101</v>
      </c>
      <c r="D99840" s="14" t="s">
        <v>39</v>
      </c>
      <c r="E99840" s="15">
        <v>45571</v>
      </c>
      <c r="F99840" s="14" t="s">
        <v>15</v>
      </c>
      <c r="G99840" s="16">
        <v>0.61526192459628537</v>
      </c>
    </row>
    <row r="99841" spans="1:7" x14ac:dyDescent="0.3">
      <c r="A99841" s="13" t="s">
        <v>492</v>
      </c>
      <c r="B99841" s="14" t="s">
        <v>1</v>
      </c>
      <c r="C99841" s="14" t="s">
        <v>101</v>
      </c>
      <c r="D99841" s="14" t="s">
        <v>39</v>
      </c>
      <c r="E99841" s="15">
        <v>45572</v>
      </c>
      <c r="F99841" s="14" t="s">
        <v>15</v>
      </c>
      <c r="G99841" s="16">
        <v>0.61550277788279462</v>
      </c>
    </row>
    <row r="99842" spans="1:7" x14ac:dyDescent="0.3">
      <c r="A99842" s="13" t="s">
        <v>492</v>
      </c>
      <c r="B99842" s="14" t="s">
        <v>1</v>
      </c>
      <c r="C99842" s="14" t="s">
        <v>101</v>
      </c>
      <c r="D99842" s="14" t="s">
        <v>39</v>
      </c>
      <c r="E99842" s="15">
        <v>45573</v>
      </c>
      <c r="F99842" s="14" t="s">
        <v>15</v>
      </c>
      <c r="G99842" s="16">
        <v>0.60593892107427572</v>
      </c>
    </row>
    <row r="99843" spans="1:7" x14ac:dyDescent="0.3">
      <c r="A99843" s="13" t="s">
        <v>492</v>
      </c>
      <c r="B99843" s="14" t="s">
        <v>1</v>
      </c>
      <c r="C99843" s="14" t="s">
        <v>101</v>
      </c>
      <c r="D99843" s="14" t="s">
        <v>39</v>
      </c>
      <c r="E99843" s="15">
        <v>45574</v>
      </c>
      <c r="F99843" s="14" t="s">
        <v>15</v>
      </c>
      <c r="G99843" s="16">
        <v>0.60176578179777707</v>
      </c>
    </row>
    <row r="99844" spans="1:7" x14ac:dyDescent="0.3">
      <c r="A99844" s="13" t="s">
        <v>492</v>
      </c>
      <c r="B99844" s="14" t="s">
        <v>1</v>
      </c>
      <c r="C99844" s="14" t="s">
        <v>101</v>
      </c>
      <c r="D99844" s="14" t="s">
        <v>39</v>
      </c>
      <c r="E99844" s="15">
        <v>45575</v>
      </c>
      <c r="F99844" s="14" t="s">
        <v>15</v>
      </c>
      <c r="G99844" s="16">
        <v>0.59759098985635628</v>
      </c>
    </row>
    <row r="99845" spans="1:7" x14ac:dyDescent="0.3">
      <c r="A99845" s="13" t="s">
        <v>492</v>
      </c>
      <c r="B99845" s="14" t="s">
        <v>1</v>
      </c>
      <c r="C99845" s="14" t="s">
        <v>101</v>
      </c>
      <c r="D99845" s="14" t="s">
        <v>39</v>
      </c>
      <c r="E99845" s="15">
        <v>45576</v>
      </c>
      <c r="F99845" s="14" t="s">
        <v>15</v>
      </c>
      <c r="G99845" s="16">
        <v>0.6032831583886995</v>
      </c>
    </row>
    <row r="99846" spans="1:7" x14ac:dyDescent="0.3">
      <c r="A99846" s="13" t="s">
        <v>492</v>
      </c>
      <c r="B99846" s="14" t="s">
        <v>1</v>
      </c>
      <c r="C99846" s="14" t="s">
        <v>101</v>
      </c>
      <c r="D99846" s="14" t="s">
        <v>39</v>
      </c>
      <c r="E99846" s="15">
        <v>45577</v>
      </c>
      <c r="F99846" s="14" t="s">
        <v>15</v>
      </c>
      <c r="G99846" s="16">
        <v>0.6032831583886995</v>
      </c>
    </row>
    <row r="99847" spans="1:7" x14ac:dyDescent="0.3">
      <c r="A99847" s="13" t="s">
        <v>492</v>
      </c>
      <c r="B99847" s="14" t="s">
        <v>1</v>
      </c>
      <c r="C99847" s="14" t="s">
        <v>101</v>
      </c>
      <c r="D99847" s="14" t="s">
        <v>39</v>
      </c>
      <c r="E99847" s="15">
        <v>45578</v>
      </c>
      <c r="F99847" s="14" t="s">
        <v>15</v>
      </c>
      <c r="G99847" s="16">
        <v>0.6032831583886995</v>
      </c>
    </row>
    <row r="99848" spans="1:7" x14ac:dyDescent="0.3">
      <c r="A99848" s="13" t="s">
        <v>492</v>
      </c>
      <c r="B99848" s="14" t="s">
        <v>1</v>
      </c>
      <c r="C99848" s="14" t="s">
        <v>101</v>
      </c>
      <c r="D99848" s="14" t="s">
        <v>39</v>
      </c>
      <c r="E99848" s="15">
        <v>45579</v>
      </c>
      <c r="F99848" s="14" t="s">
        <v>15</v>
      </c>
      <c r="G99848" s="16">
        <v>0.60401457771294453</v>
      </c>
    </row>
    <row r="99849" spans="1:7" x14ac:dyDescent="0.3">
      <c r="A99849" s="13" t="s">
        <v>492</v>
      </c>
      <c r="B99849" s="14" t="s">
        <v>1</v>
      </c>
      <c r="C99849" s="14" t="s">
        <v>101</v>
      </c>
      <c r="D99849" s="14" t="s">
        <v>39</v>
      </c>
      <c r="E99849" s="15">
        <v>45580</v>
      </c>
      <c r="F99849" s="14" t="s">
        <v>15</v>
      </c>
      <c r="G99849" s="16">
        <v>0.59447413365748991</v>
      </c>
    </row>
    <row r="99850" spans="1:7" x14ac:dyDescent="0.3">
      <c r="A99850" s="13" t="s">
        <v>492</v>
      </c>
      <c r="B99850" s="14" t="s">
        <v>1</v>
      </c>
      <c r="C99850" s="14" t="s">
        <v>101</v>
      </c>
      <c r="D99850" s="14" t="s">
        <v>39</v>
      </c>
      <c r="E99850" s="15">
        <v>45581</v>
      </c>
      <c r="F99850" s="14" t="s">
        <v>15</v>
      </c>
      <c r="G99850" s="16">
        <v>0.59028694672915272</v>
      </c>
    </row>
    <row r="99851" spans="1:7" x14ac:dyDescent="0.3">
      <c r="A99851" s="13" t="s">
        <v>492</v>
      </c>
      <c r="B99851" s="14" t="s">
        <v>1</v>
      </c>
      <c r="C99851" s="14" t="s">
        <v>101</v>
      </c>
      <c r="D99851" s="14" t="s">
        <v>39</v>
      </c>
      <c r="E99851" s="15">
        <v>45582</v>
      </c>
      <c r="F99851" s="14" t="s">
        <v>15</v>
      </c>
      <c r="G99851" s="16">
        <v>0.58610719679296541</v>
      </c>
    </row>
    <row r="99852" spans="1:7" x14ac:dyDescent="0.3">
      <c r="A99852" s="13" t="s">
        <v>492</v>
      </c>
      <c r="B99852" s="14" t="s">
        <v>1</v>
      </c>
      <c r="C99852" s="14" t="s">
        <v>101</v>
      </c>
      <c r="D99852" s="14" t="s">
        <v>39</v>
      </c>
      <c r="E99852" s="15">
        <v>45583</v>
      </c>
      <c r="F99852" s="14" t="s">
        <v>15</v>
      </c>
      <c r="G99852" s="16">
        <v>0.58192662052431698</v>
      </c>
    </row>
    <row r="99853" spans="1:7" x14ac:dyDescent="0.3">
      <c r="A99853" s="13" t="s">
        <v>492</v>
      </c>
      <c r="B99853" s="14" t="s">
        <v>1</v>
      </c>
      <c r="C99853" s="14" t="s">
        <v>101</v>
      </c>
      <c r="D99853" s="14" t="s">
        <v>39</v>
      </c>
      <c r="E99853" s="15">
        <v>45584</v>
      </c>
      <c r="F99853" s="14" t="s">
        <v>15</v>
      </c>
      <c r="G99853" s="16">
        <v>0.58192662052431698</v>
      </c>
    </row>
    <row r="99854" spans="1:7" x14ac:dyDescent="0.3">
      <c r="A99854" s="13" t="s">
        <v>492</v>
      </c>
      <c r="B99854" s="14" t="s">
        <v>1</v>
      </c>
      <c r="C99854" s="14" t="s">
        <v>101</v>
      </c>
      <c r="D99854" s="14" t="s">
        <v>39</v>
      </c>
      <c r="E99854" s="15">
        <v>45585</v>
      </c>
      <c r="F99854" s="14" t="s">
        <v>15</v>
      </c>
      <c r="G99854" s="16">
        <v>0.58192662052431698</v>
      </c>
    </row>
    <row r="99855" spans="1:7" x14ac:dyDescent="0.3">
      <c r="A99855" s="13" t="s">
        <v>492</v>
      </c>
      <c r="B99855" s="14" t="s">
        <v>1</v>
      </c>
      <c r="C99855" s="14" t="s">
        <v>101</v>
      </c>
      <c r="D99855" s="14" t="s">
        <v>39</v>
      </c>
      <c r="E99855" s="15">
        <v>45586</v>
      </c>
      <c r="F99855" s="14" t="s">
        <v>15</v>
      </c>
      <c r="G99855" s="16">
        <v>0.57887261084429265</v>
      </c>
    </row>
    <row r="99856" spans="1:7" x14ac:dyDescent="0.3">
      <c r="A99856" s="13" t="s">
        <v>492</v>
      </c>
      <c r="B99856" s="14" t="s">
        <v>1</v>
      </c>
      <c r="C99856" s="14" t="s">
        <v>101</v>
      </c>
      <c r="D99856" s="14" t="s">
        <v>39</v>
      </c>
      <c r="E99856" s="15">
        <v>45587</v>
      </c>
      <c r="F99856" s="14" t="s">
        <v>15</v>
      </c>
      <c r="G99856" s="16">
        <v>0.56931261025392543</v>
      </c>
    </row>
    <row r="99857" spans="1:7" x14ac:dyDescent="0.3">
      <c r="A99857" s="13" t="s">
        <v>492</v>
      </c>
      <c r="B99857" s="14" t="s">
        <v>1</v>
      </c>
      <c r="C99857" s="14" t="s">
        <v>101</v>
      </c>
      <c r="D99857" s="14" t="s">
        <v>39</v>
      </c>
      <c r="E99857" s="15">
        <v>45588</v>
      </c>
      <c r="F99857" s="14" t="s">
        <v>15</v>
      </c>
      <c r="G99857" s="16">
        <v>0.56513836920081217</v>
      </c>
    </row>
    <row r="99858" spans="1:7" x14ac:dyDescent="0.3">
      <c r="A99858" s="13" t="s">
        <v>492</v>
      </c>
      <c r="B99858" s="14" t="s">
        <v>1</v>
      </c>
      <c r="C99858" s="14" t="s">
        <v>101</v>
      </c>
      <c r="D99858" s="14" t="s">
        <v>39</v>
      </c>
      <c r="E99858" s="15">
        <v>45589</v>
      </c>
      <c r="F99858" s="14" t="s">
        <v>15</v>
      </c>
      <c r="G99858" s="16">
        <v>0.56120183645234001</v>
      </c>
    </row>
    <row r="99859" spans="1:7" x14ac:dyDescent="0.3">
      <c r="A99859" s="13" t="s">
        <v>492</v>
      </c>
      <c r="B99859" s="14" t="s">
        <v>1</v>
      </c>
      <c r="C99859" s="14" t="s">
        <v>101</v>
      </c>
      <c r="D99859" s="14" t="s">
        <v>39</v>
      </c>
      <c r="E99859" s="15">
        <v>45590</v>
      </c>
      <c r="F99859" s="14" t="s">
        <v>15</v>
      </c>
      <c r="G99859" s="16">
        <v>0.55705844514444081</v>
      </c>
    </row>
    <row r="99860" spans="1:7" x14ac:dyDescent="0.3">
      <c r="A99860" s="13" t="s">
        <v>492</v>
      </c>
      <c r="B99860" s="14" t="s">
        <v>1</v>
      </c>
      <c r="C99860" s="14" t="s">
        <v>101</v>
      </c>
      <c r="D99860" s="14" t="s">
        <v>39</v>
      </c>
      <c r="E99860" s="15">
        <v>45591</v>
      </c>
      <c r="F99860" s="14" t="s">
        <v>15</v>
      </c>
      <c r="G99860" s="16">
        <v>0.55705844514444081</v>
      </c>
    </row>
    <row r="99861" spans="1:7" x14ac:dyDescent="0.3">
      <c r="A99861" s="13" t="s">
        <v>492</v>
      </c>
      <c r="B99861" s="14" t="s">
        <v>1</v>
      </c>
      <c r="C99861" s="14" t="s">
        <v>101</v>
      </c>
      <c r="D99861" s="14" t="s">
        <v>39</v>
      </c>
      <c r="E99861" s="15">
        <v>45592</v>
      </c>
      <c r="F99861" s="14" t="s">
        <v>15</v>
      </c>
      <c r="G99861" s="16">
        <v>0.55705844514444081</v>
      </c>
    </row>
    <row r="99862" spans="1:7" x14ac:dyDescent="0.3">
      <c r="A99862" s="13" t="s">
        <v>492</v>
      </c>
      <c r="B99862" s="14" t="s">
        <v>1</v>
      </c>
      <c r="C99862" s="14" t="s">
        <v>101</v>
      </c>
      <c r="D99862" s="14" t="s">
        <v>39</v>
      </c>
      <c r="E99862" s="15">
        <v>45593</v>
      </c>
      <c r="F99862" s="14" t="s">
        <v>15</v>
      </c>
      <c r="G99862" s="16">
        <v>0.55705844514444081</v>
      </c>
    </row>
    <row r="99863" spans="1:7" x14ac:dyDescent="0.3">
      <c r="A99863" s="13" t="s">
        <v>492</v>
      </c>
      <c r="B99863" s="14" t="s">
        <v>1</v>
      </c>
      <c r="C99863" s="14" t="s">
        <v>101</v>
      </c>
      <c r="D99863" s="14" t="s">
        <v>39</v>
      </c>
      <c r="E99863" s="15">
        <v>45594</v>
      </c>
      <c r="F99863" s="14" t="s">
        <v>15</v>
      </c>
      <c r="G99863" s="16">
        <v>0.5539851543736577</v>
      </c>
    </row>
    <row r="99864" spans="1:7" x14ac:dyDescent="0.3">
      <c r="A99864" s="13" t="s">
        <v>492</v>
      </c>
      <c r="B99864" s="14" t="s">
        <v>1</v>
      </c>
      <c r="C99864" s="14" t="s">
        <v>101</v>
      </c>
      <c r="D99864" s="14" t="s">
        <v>39</v>
      </c>
      <c r="E99864" s="15">
        <v>45595</v>
      </c>
      <c r="F99864" s="14" t="s">
        <v>15</v>
      </c>
      <c r="G99864" s="16">
        <v>0.54185360716436737</v>
      </c>
    </row>
    <row r="99865" spans="1:7" x14ac:dyDescent="0.3">
      <c r="A99865" s="13" t="s">
        <v>492</v>
      </c>
      <c r="B99865" s="14" t="s">
        <v>1</v>
      </c>
      <c r="C99865" s="14" t="s">
        <v>101</v>
      </c>
      <c r="D99865" s="14" t="s">
        <v>39</v>
      </c>
      <c r="E99865" s="15">
        <v>45596</v>
      </c>
      <c r="F99865" s="14" t="s">
        <v>15</v>
      </c>
      <c r="G99865" s="16">
        <v>0.53769479098386108</v>
      </c>
    </row>
    <row r="99866" spans="1:7" x14ac:dyDescent="0.3">
      <c r="A99866" s="13" t="s">
        <v>492</v>
      </c>
      <c r="B99866" s="14" t="s">
        <v>1</v>
      </c>
      <c r="C99866" s="14" t="s">
        <v>101</v>
      </c>
      <c r="D99866" s="14" t="s">
        <v>39</v>
      </c>
      <c r="E99866" s="15">
        <v>45597</v>
      </c>
      <c r="F99866" s="14" t="s">
        <v>15</v>
      </c>
      <c r="G99866" s="16">
        <v>0.54762384148838439</v>
      </c>
    </row>
    <row r="99867" spans="1:7" x14ac:dyDescent="0.3">
      <c r="A99867" s="13" t="s">
        <v>492</v>
      </c>
      <c r="B99867" s="14" t="s">
        <v>1</v>
      </c>
      <c r="C99867" s="14" t="s">
        <v>101</v>
      </c>
      <c r="D99867" s="14" t="s">
        <v>39</v>
      </c>
      <c r="E99867" s="15">
        <v>45598</v>
      </c>
      <c r="F99867" s="14" t="s">
        <v>15</v>
      </c>
      <c r="G99867" s="16">
        <v>0.54762384148838439</v>
      </c>
    </row>
    <row r="99868" spans="1:7" x14ac:dyDescent="0.3">
      <c r="A99868" s="13" t="s">
        <v>492</v>
      </c>
      <c r="B99868" s="14" t="s">
        <v>1</v>
      </c>
      <c r="C99868" s="14" t="s">
        <v>101</v>
      </c>
      <c r="D99868" s="14" t="s">
        <v>39</v>
      </c>
      <c r="E99868" s="15">
        <v>45599</v>
      </c>
      <c r="F99868" s="14" t="s">
        <v>15</v>
      </c>
      <c r="G99868" s="16">
        <v>0.54762384148838439</v>
      </c>
    </row>
    <row r="99869" spans="1:7" x14ac:dyDescent="0.3">
      <c r="A99869" s="13" t="s">
        <v>492</v>
      </c>
      <c r="B99869" s="14" t="s">
        <v>1</v>
      </c>
      <c r="C99869" s="14" t="s">
        <v>101</v>
      </c>
      <c r="D99869" s="14" t="s">
        <v>39</v>
      </c>
      <c r="E99869" s="15">
        <v>45600</v>
      </c>
      <c r="F99869" s="14" t="s">
        <v>15</v>
      </c>
      <c r="G99869" s="16">
        <v>0.54410736107430135</v>
      </c>
    </row>
    <row r="99870" spans="1:7" x14ac:dyDescent="0.3">
      <c r="A99870" s="13" t="s">
        <v>492</v>
      </c>
      <c r="B99870" s="14" t="s">
        <v>1</v>
      </c>
      <c r="C99870" s="14" t="s">
        <v>101</v>
      </c>
      <c r="D99870" s="14" t="s">
        <v>39</v>
      </c>
      <c r="E99870" s="15">
        <v>45601</v>
      </c>
      <c r="F99870" s="14" t="s">
        <v>15</v>
      </c>
      <c r="G99870" s="16">
        <v>0.53477294924581276</v>
      </c>
    </row>
    <row r="99871" spans="1:7" x14ac:dyDescent="0.3">
      <c r="A99871" s="13" t="s">
        <v>492</v>
      </c>
      <c r="B99871" s="14" t="s">
        <v>1</v>
      </c>
      <c r="C99871" s="14" t="s">
        <v>101</v>
      </c>
      <c r="D99871" s="14" t="s">
        <v>39</v>
      </c>
      <c r="E99871" s="15">
        <v>45602</v>
      </c>
      <c r="F99871" s="14" t="s">
        <v>15</v>
      </c>
      <c r="G99871" s="16">
        <v>0.53065847957405188</v>
      </c>
    </row>
    <row r="99872" spans="1:7" x14ac:dyDescent="0.3">
      <c r="A99872" s="13" t="s">
        <v>492</v>
      </c>
      <c r="B99872" s="14" t="s">
        <v>1</v>
      </c>
      <c r="C99872" s="14" t="s">
        <v>101</v>
      </c>
      <c r="D99872" s="14" t="s">
        <v>39</v>
      </c>
      <c r="E99872" s="15">
        <v>45603</v>
      </c>
      <c r="F99872" s="14" t="s">
        <v>15</v>
      </c>
      <c r="G99872" s="16">
        <v>0.52651343560123043</v>
      </c>
    </row>
    <row r="99873" spans="1:7" x14ac:dyDescent="0.3">
      <c r="A99873" s="13" t="s">
        <v>492</v>
      </c>
      <c r="B99873" s="14" t="s">
        <v>1</v>
      </c>
      <c r="C99873" s="14" t="s">
        <v>101</v>
      </c>
      <c r="D99873" s="14" t="s">
        <v>39</v>
      </c>
      <c r="E99873" s="15">
        <v>45604</v>
      </c>
      <c r="F99873" s="14" t="s">
        <v>15</v>
      </c>
      <c r="G99873" s="16">
        <v>0.52234442798703729</v>
      </c>
    </row>
    <row r="99874" spans="1:7" x14ac:dyDescent="0.3">
      <c r="A99874" s="13" t="s">
        <v>492</v>
      </c>
      <c r="B99874" s="14" t="s">
        <v>1</v>
      </c>
      <c r="C99874" s="14" t="s">
        <v>101</v>
      </c>
      <c r="D99874" s="14" t="s">
        <v>39</v>
      </c>
      <c r="E99874" s="15">
        <v>45605</v>
      </c>
      <c r="F99874" s="14" t="s">
        <v>15</v>
      </c>
      <c r="G99874" s="16">
        <v>0.52234442798703729</v>
      </c>
    </row>
    <row r="99875" spans="1:7" x14ac:dyDescent="0.3">
      <c r="A99875" s="13" t="s">
        <v>492</v>
      </c>
      <c r="B99875" s="14" t="s">
        <v>1</v>
      </c>
      <c r="C99875" s="14" t="s">
        <v>101</v>
      </c>
      <c r="D99875" s="14" t="s">
        <v>39</v>
      </c>
      <c r="E99875" s="15">
        <v>45606</v>
      </c>
      <c r="F99875" s="14" t="s">
        <v>15</v>
      </c>
      <c r="G99875" s="16">
        <v>0.52234442798703729</v>
      </c>
    </row>
    <row r="99876" spans="1:7" x14ac:dyDescent="0.3">
      <c r="A99876" s="13" t="s">
        <v>492</v>
      </c>
      <c r="B99876" s="14" t="s">
        <v>1</v>
      </c>
      <c r="C99876" s="14" t="s">
        <v>101</v>
      </c>
      <c r="D99876" s="14" t="s">
        <v>39</v>
      </c>
      <c r="E99876" s="15">
        <v>45607</v>
      </c>
      <c r="F99876" s="14" t="s">
        <v>15</v>
      </c>
      <c r="G99876" s="16">
        <v>0.51816495349500369</v>
      </c>
    </row>
    <row r="99877" spans="1:7" x14ac:dyDescent="0.3">
      <c r="A99877" s="13" t="s">
        <v>492</v>
      </c>
      <c r="B99877" s="14" t="s">
        <v>1</v>
      </c>
      <c r="C99877" s="14" t="s">
        <v>101</v>
      </c>
      <c r="D99877" s="14" t="s">
        <v>39</v>
      </c>
      <c r="E99877" s="15">
        <v>45608</v>
      </c>
      <c r="F99877" s="14" t="s">
        <v>15</v>
      </c>
      <c r="G99877" s="16">
        <v>0.50863387454077469</v>
      </c>
    </row>
    <row r="99878" spans="1:7" x14ac:dyDescent="0.3">
      <c r="A99878" s="13" t="s">
        <v>492</v>
      </c>
      <c r="B99878" s="14" t="s">
        <v>1</v>
      </c>
      <c r="C99878" s="14" t="s">
        <v>101</v>
      </c>
      <c r="D99878" s="14" t="s">
        <v>39</v>
      </c>
      <c r="E99878" s="15">
        <v>45609</v>
      </c>
      <c r="F99878" s="14" t="s">
        <v>15</v>
      </c>
      <c r="G99878" s="16">
        <v>0.52289042814404474</v>
      </c>
    </row>
    <row r="99879" spans="1:7" x14ac:dyDescent="0.3">
      <c r="A99879" s="13" t="s">
        <v>492</v>
      </c>
      <c r="B99879" s="14" t="s">
        <v>1</v>
      </c>
      <c r="C99879" s="14" t="s">
        <v>101</v>
      </c>
      <c r="D99879" s="14" t="s">
        <v>39</v>
      </c>
      <c r="E99879" s="15">
        <v>45610</v>
      </c>
      <c r="F99879" s="14" t="s">
        <v>15</v>
      </c>
      <c r="G99879" s="16">
        <v>0.52209974307495566</v>
      </c>
    </row>
    <row r="99880" spans="1:7" x14ac:dyDescent="0.3">
      <c r="A99880" s="13" t="s">
        <v>492</v>
      </c>
      <c r="B99880" s="14" t="s">
        <v>1</v>
      </c>
      <c r="C99880" s="14" t="s">
        <v>101</v>
      </c>
      <c r="D99880" s="14" t="s">
        <v>39</v>
      </c>
      <c r="E99880" s="15">
        <v>45611</v>
      </c>
      <c r="F99880" s="14" t="s">
        <v>15</v>
      </c>
      <c r="G99880" s="16">
        <v>0.51794753755413814</v>
      </c>
    </row>
    <row r="99881" spans="1:7" x14ac:dyDescent="0.3">
      <c r="A99881" s="13" t="s">
        <v>492</v>
      </c>
      <c r="B99881" s="14" t="s">
        <v>1</v>
      </c>
      <c r="C99881" s="14" t="s">
        <v>101</v>
      </c>
      <c r="D99881" s="14" t="s">
        <v>39</v>
      </c>
      <c r="E99881" s="15">
        <v>45612</v>
      </c>
      <c r="F99881" s="14" t="s">
        <v>15</v>
      </c>
      <c r="G99881" s="16">
        <v>0.51794753755413814</v>
      </c>
    </row>
    <row r="99882" spans="1:7" x14ac:dyDescent="0.3">
      <c r="A99882" s="13" t="s">
        <v>492</v>
      </c>
      <c r="B99882" s="14" t="s">
        <v>1</v>
      </c>
      <c r="C99882" s="14" t="s">
        <v>101</v>
      </c>
      <c r="D99882" s="14" t="s">
        <v>39</v>
      </c>
      <c r="E99882" s="15">
        <v>45613</v>
      </c>
      <c r="F99882" s="14" t="s">
        <v>15</v>
      </c>
      <c r="G99882" s="16">
        <v>0.51794753755413814</v>
      </c>
    </row>
    <row r="99883" spans="1:7" x14ac:dyDescent="0.3">
      <c r="A99883" s="13" t="s">
        <v>492</v>
      </c>
      <c r="B99883" s="14" t="s">
        <v>1</v>
      </c>
      <c r="C99883" s="14" t="s">
        <v>101</v>
      </c>
      <c r="D99883" s="14" t="s">
        <v>39</v>
      </c>
      <c r="E99883" s="15">
        <v>45614</v>
      </c>
      <c r="F99883" s="14" t="s">
        <v>15</v>
      </c>
      <c r="G99883" s="16">
        <v>0.55651809749262371</v>
      </c>
    </row>
    <row r="99884" spans="1:7" x14ac:dyDescent="0.3">
      <c r="A99884" s="13" t="s">
        <v>492</v>
      </c>
      <c r="B99884" s="14" t="s">
        <v>1</v>
      </c>
      <c r="C99884" s="14" t="s">
        <v>101</v>
      </c>
      <c r="D99884" s="14" t="s">
        <v>39</v>
      </c>
      <c r="E99884" s="15">
        <v>45615</v>
      </c>
      <c r="F99884" s="14" t="s">
        <v>15</v>
      </c>
      <c r="G99884" s="16">
        <v>0.54713851282292858</v>
      </c>
    </row>
    <row r="99885" spans="1:7" x14ac:dyDescent="0.3">
      <c r="A99885" s="13" t="s">
        <v>492</v>
      </c>
      <c r="B99885" s="14" t="s">
        <v>1</v>
      </c>
      <c r="C99885" s="14" t="s">
        <v>101</v>
      </c>
      <c r="D99885" s="14" t="s">
        <v>39</v>
      </c>
      <c r="E99885" s="15">
        <v>45616</v>
      </c>
      <c r="F99885" s="14" t="s">
        <v>15</v>
      </c>
      <c r="G99885" s="16">
        <v>0.54300173217471803</v>
      </c>
    </row>
    <row r="99886" spans="1:7" x14ac:dyDescent="0.3">
      <c r="A99886" s="13" t="s">
        <v>492</v>
      </c>
      <c r="B99886" s="14" t="s">
        <v>1</v>
      </c>
      <c r="C99886" s="14" t="s">
        <v>101</v>
      </c>
      <c r="D99886" s="14" t="s">
        <v>39</v>
      </c>
      <c r="E99886" s="15">
        <v>45617</v>
      </c>
      <c r="F99886" s="14" t="s">
        <v>15</v>
      </c>
      <c r="G99886" s="16">
        <v>0.53886219708497063</v>
      </c>
    </row>
    <row r="99887" spans="1:7" x14ac:dyDescent="0.3">
      <c r="A99887" s="13" t="s">
        <v>492</v>
      </c>
      <c r="B99887" s="14" t="s">
        <v>1</v>
      </c>
      <c r="C99887" s="14" t="s">
        <v>101</v>
      </c>
      <c r="D99887" s="14" t="s">
        <v>39</v>
      </c>
      <c r="E99887" s="15">
        <v>45618</v>
      </c>
      <c r="F99887" s="14" t="s">
        <v>15</v>
      </c>
      <c r="G99887" s="16">
        <v>0.53472954809906559</v>
      </c>
    </row>
    <row r="99888" spans="1:7" x14ac:dyDescent="0.3">
      <c r="A99888" s="13" t="s">
        <v>492</v>
      </c>
      <c r="B99888" s="14" t="s">
        <v>1</v>
      </c>
      <c r="C99888" s="14" t="s">
        <v>101</v>
      </c>
      <c r="D99888" s="14" t="s">
        <v>39</v>
      </c>
      <c r="E99888" s="15">
        <v>45619</v>
      </c>
      <c r="F99888" s="14" t="s">
        <v>15</v>
      </c>
      <c r="G99888" s="16">
        <v>0.53472954809906559</v>
      </c>
    </row>
    <row r="99889" spans="1:7" x14ac:dyDescent="0.3">
      <c r="A99889" s="13" t="s">
        <v>492</v>
      </c>
      <c r="B99889" s="14" t="s">
        <v>1</v>
      </c>
      <c r="C99889" s="14" t="s">
        <v>101</v>
      </c>
      <c r="D99889" s="14" t="s">
        <v>39</v>
      </c>
      <c r="E99889" s="15">
        <v>45620</v>
      </c>
      <c r="F99889" s="14" t="s">
        <v>15</v>
      </c>
      <c r="G99889" s="16">
        <v>0.53472954809906559</v>
      </c>
    </row>
    <row r="99890" spans="1:7" x14ac:dyDescent="0.3">
      <c r="A99890" s="13" t="s">
        <v>492</v>
      </c>
      <c r="B99890" s="14" t="s">
        <v>1</v>
      </c>
      <c r="C99890" s="14" t="s">
        <v>101</v>
      </c>
      <c r="D99890" s="14" t="s">
        <v>39</v>
      </c>
      <c r="E99890" s="15">
        <v>45621</v>
      </c>
      <c r="F99890" s="14" t="s">
        <v>15</v>
      </c>
      <c r="G99890" s="16">
        <v>0.54166975409181373</v>
      </c>
    </row>
    <row r="99891" spans="1:7" x14ac:dyDescent="0.3">
      <c r="A99891" s="13" t="s">
        <v>492</v>
      </c>
      <c r="B99891" s="14" t="s">
        <v>1</v>
      </c>
      <c r="C99891" s="14" t="s">
        <v>101</v>
      </c>
      <c r="D99891" s="14" t="s">
        <v>39</v>
      </c>
      <c r="E99891" s="15">
        <v>45622</v>
      </c>
      <c r="F99891" s="14" t="s">
        <v>15</v>
      </c>
      <c r="G99891" s="16">
        <v>0.53211966949097955</v>
      </c>
    </row>
    <row r="99892" spans="1:7" x14ac:dyDescent="0.3">
      <c r="A99892" s="13" t="s">
        <v>492</v>
      </c>
      <c r="B99892" s="14" t="s">
        <v>1</v>
      </c>
      <c r="C99892" s="14" t="s">
        <v>101</v>
      </c>
      <c r="D99892" s="14" t="s">
        <v>39</v>
      </c>
      <c r="E99892" s="15">
        <v>45623</v>
      </c>
      <c r="F99892" s="14" t="s">
        <v>15</v>
      </c>
      <c r="G99892" s="16">
        <v>0.5342676980976927</v>
      </c>
    </row>
    <row r="99893" spans="1:7" x14ac:dyDescent="0.3">
      <c r="A99893" s="13" t="s">
        <v>492</v>
      </c>
      <c r="B99893" s="14" t="s">
        <v>1</v>
      </c>
      <c r="C99893" s="14" t="s">
        <v>101</v>
      </c>
      <c r="D99893" s="14" t="s">
        <v>39</v>
      </c>
      <c r="E99893" s="15">
        <v>45624</v>
      </c>
      <c r="F99893" s="14" t="s">
        <v>15</v>
      </c>
      <c r="G99893" s="16">
        <v>0.52799870425570727</v>
      </c>
    </row>
    <row r="99894" spans="1:7" x14ac:dyDescent="0.3">
      <c r="A99894" s="13" t="s">
        <v>492</v>
      </c>
      <c r="B99894" s="14" t="s">
        <v>1</v>
      </c>
      <c r="C99894" s="14" t="s">
        <v>101</v>
      </c>
      <c r="D99894" s="14" t="s">
        <v>39</v>
      </c>
      <c r="E99894" s="15">
        <v>45625</v>
      </c>
      <c r="F99894" s="14" t="s">
        <v>15</v>
      </c>
      <c r="G99894" s="16">
        <v>0.5238203315402884</v>
      </c>
    </row>
    <row r="99895" spans="1:7" x14ac:dyDescent="0.3">
      <c r="A99895" s="13" t="s">
        <v>492</v>
      </c>
      <c r="B99895" s="14" t="s">
        <v>1</v>
      </c>
      <c r="C99895" s="14" t="s">
        <v>101</v>
      </c>
      <c r="D99895" s="14" t="s">
        <v>39</v>
      </c>
      <c r="E99895" s="15">
        <v>45626</v>
      </c>
      <c r="F99895" s="14" t="s">
        <v>15</v>
      </c>
      <c r="G99895" s="16">
        <v>0.5238203315402884</v>
      </c>
    </row>
    <row r="99896" spans="1:7" x14ac:dyDescent="0.3">
      <c r="A99896" s="13" t="s">
        <v>492</v>
      </c>
      <c r="B99896" s="14" t="s">
        <v>1</v>
      </c>
      <c r="C99896" s="14" t="s">
        <v>101</v>
      </c>
      <c r="D99896" s="14" t="s">
        <v>39</v>
      </c>
      <c r="E99896" s="15">
        <v>45627</v>
      </c>
      <c r="F99896" s="14" t="s">
        <v>15</v>
      </c>
      <c r="G99896" s="16">
        <v>0.5238203315402884</v>
      </c>
    </row>
    <row r="99897" spans="1:7" x14ac:dyDescent="0.3">
      <c r="A99897" s="13" t="s">
        <v>492</v>
      </c>
      <c r="B99897" s="14" t="s">
        <v>1</v>
      </c>
      <c r="C99897" s="14" t="s">
        <v>101</v>
      </c>
      <c r="D99897" s="14" t="s">
        <v>39</v>
      </c>
      <c r="E99897" s="15">
        <v>45628</v>
      </c>
      <c r="F99897" s="14" t="s">
        <v>15</v>
      </c>
      <c r="G99897" s="16">
        <v>0.56109354951485724</v>
      </c>
    </row>
    <row r="99898" spans="1:7" x14ac:dyDescent="0.3">
      <c r="A99898" s="13" t="s">
        <v>492</v>
      </c>
      <c r="B99898" s="14" t="s">
        <v>1</v>
      </c>
      <c r="C99898" s="14" t="s">
        <v>101</v>
      </c>
      <c r="D99898" s="14" t="s">
        <v>39</v>
      </c>
      <c r="E99898" s="15">
        <v>45629</v>
      </c>
      <c r="F99898" s="14" t="s">
        <v>15</v>
      </c>
      <c r="G99898" s="16">
        <v>0.55341400616178515</v>
      </c>
    </row>
    <row r="99899" spans="1:7" x14ac:dyDescent="0.3">
      <c r="A99899" s="13" t="s">
        <v>492</v>
      </c>
      <c r="B99899" s="14" t="s">
        <v>1</v>
      </c>
      <c r="C99899" s="14" t="s">
        <v>101</v>
      </c>
      <c r="D99899" s="14" t="s">
        <v>39</v>
      </c>
      <c r="E99899" s="15">
        <v>45630</v>
      </c>
      <c r="F99899" s="14" t="s">
        <v>15</v>
      </c>
      <c r="G99899" s="16">
        <v>0.56411071952266434</v>
      </c>
    </row>
    <row r="99900" spans="1:7" x14ac:dyDescent="0.3">
      <c r="A99900" s="13" t="s">
        <v>492</v>
      </c>
      <c r="B99900" s="14" t="s">
        <v>1</v>
      </c>
      <c r="C99900" s="14" t="s">
        <v>101</v>
      </c>
      <c r="D99900" s="14" t="s">
        <v>39</v>
      </c>
      <c r="E99900" s="15">
        <v>45631</v>
      </c>
      <c r="F99900" s="14" t="s">
        <v>15</v>
      </c>
      <c r="G99900" s="16">
        <v>0.55991774826709961</v>
      </c>
    </row>
    <row r="99901" spans="1:7" x14ac:dyDescent="0.3">
      <c r="A99901" s="13" t="s">
        <v>492</v>
      </c>
      <c r="B99901" s="14" t="s">
        <v>1</v>
      </c>
      <c r="C99901" s="14" t="s">
        <v>101</v>
      </c>
      <c r="D99901" s="14" t="s">
        <v>39</v>
      </c>
      <c r="E99901" s="15">
        <v>45632</v>
      </c>
      <c r="F99901" s="14" t="s">
        <v>15</v>
      </c>
      <c r="G99901" s="16">
        <v>0.5557217471258441</v>
      </c>
    </row>
    <row r="99902" spans="1:7" x14ac:dyDescent="0.3">
      <c r="A99902" s="13" t="s">
        <v>492</v>
      </c>
      <c r="B99902" s="14" t="s">
        <v>1</v>
      </c>
      <c r="C99902" s="14" t="s">
        <v>101</v>
      </c>
      <c r="D99902" s="14" t="s">
        <v>39</v>
      </c>
      <c r="E99902" s="15">
        <v>45633</v>
      </c>
      <c r="F99902" s="14" t="s">
        <v>15</v>
      </c>
      <c r="G99902" s="16">
        <v>0.5557217471258441</v>
      </c>
    </row>
    <row r="99903" spans="1:7" x14ac:dyDescent="0.3">
      <c r="A99903" s="13" t="s">
        <v>492</v>
      </c>
      <c r="B99903" s="14" t="s">
        <v>1</v>
      </c>
      <c r="C99903" s="14" t="s">
        <v>101</v>
      </c>
      <c r="D99903" s="14" t="s">
        <v>39</v>
      </c>
      <c r="E99903" s="15">
        <v>45634</v>
      </c>
      <c r="F99903" s="14" t="s">
        <v>15</v>
      </c>
      <c r="G99903" s="16">
        <v>0.5557217471258441</v>
      </c>
    </row>
    <row r="99904" spans="1:7" x14ac:dyDescent="0.3">
      <c r="A99904" s="13" t="s">
        <v>492</v>
      </c>
      <c r="B99904" s="14" t="s">
        <v>1</v>
      </c>
      <c r="C99904" s="14" t="s">
        <v>101</v>
      </c>
      <c r="D99904" s="14" t="s">
        <v>39</v>
      </c>
      <c r="E99904" s="15">
        <v>45635</v>
      </c>
      <c r="F99904" s="14" t="s">
        <v>15</v>
      </c>
      <c r="G99904" s="16">
        <v>0.56446859132269633</v>
      </c>
    </row>
    <row r="99905" spans="1:7" x14ac:dyDescent="0.3">
      <c r="A99905" s="13" t="s">
        <v>492</v>
      </c>
      <c r="B99905" s="14" t="s">
        <v>1</v>
      </c>
      <c r="C99905" s="14" t="s">
        <v>101</v>
      </c>
      <c r="D99905" s="14" t="s">
        <v>39</v>
      </c>
      <c r="E99905" s="15">
        <v>45636</v>
      </c>
      <c r="F99905" s="14" t="s">
        <v>15</v>
      </c>
      <c r="G99905" s="16">
        <v>0.55490335729340889</v>
      </c>
    </row>
    <row r="99906" spans="1:7" x14ac:dyDescent="0.3">
      <c r="A99906" s="13" t="s">
        <v>492</v>
      </c>
      <c r="B99906" s="14" t="s">
        <v>1</v>
      </c>
      <c r="C99906" s="14" t="s">
        <v>101</v>
      </c>
      <c r="D99906" s="14" t="s">
        <v>39</v>
      </c>
      <c r="E99906" s="15">
        <v>45637</v>
      </c>
      <c r="F99906" s="14" t="s">
        <v>15</v>
      </c>
      <c r="G99906" s="16">
        <v>0.55071782302999395</v>
      </c>
    </row>
    <row r="99907" spans="1:7" x14ac:dyDescent="0.3">
      <c r="A99907" s="13" t="s">
        <v>492</v>
      </c>
      <c r="B99907" s="14" t="s">
        <v>1</v>
      </c>
      <c r="C99907" s="14" t="s">
        <v>101</v>
      </c>
      <c r="D99907" s="14" t="s">
        <v>39</v>
      </c>
      <c r="E99907" s="15">
        <v>45638</v>
      </c>
      <c r="F99907" s="14" t="s">
        <v>15</v>
      </c>
      <c r="G99907" s="16">
        <v>0.55017972024984574</v>
      </c>
    </row>
    <row r="99908" spans="1:7" x14ac:dyDescent="0.3">
      <c r="A99908" s="13" t="s">
        <v>492</v>
      </c>
      <c r="B99908" s="14" t="s">
        <v>1</v>
      </c>
      <c r="C99908" s="14" t="s">
        <v>101</v>
      </c>
      <c r="D99908" s="14" t="s">
        <v>39</v>
      </c>
      <c r="E99908" s="15">
        <v>45639</v>
      </c>
      <c r="F99908" s="14" t="s">
        <v>15</v>
      </c>
      <c r="G99908" s="16">
        <v>0.54599997031365843</v>
      </c>
    </row>
    <row r="99909" spans="1:7" x14ac:dyDescent="0.3">
      <c r="A99909" s="13" t="s">
        <v>492</v>
      </c>
      <c r="B99909" s="14" t="s">
        <v>1</v>
      </c>
      <c r="C99909" s="14" t="s">
        <v>101</v>
      </c>
      <c r="D99909" s="14" t="s">
        <v>39</v>
      </c>
      <c r="E99909" s="15">
        <v>45640</v>
      </c>
      <c r="F99909" s="14" t="s">
        <v>15</v>
      </c>
      <c r="G99909" s="16">
        <v>0.54599997031365843</v>
      </c>
    </row>
    <row r="99910" spans="1:7" x14ac:dyDescent="0.3">
      <c r="A99910" s="13" t="s">
        <v>492</v>
      </c>
      <c r="B99910" s="14" t="s">
        <v>1</v>
      </c>
      <c r="C99910" s="14" t="s">
        <v>101</v>
      </c>
      <c r="D99910" s="14" t="s">
        <v>39</v>
      </c>
      <c r="E99910" s="15">
        <v>45641</v>
      </c>
      <c r="F99910" s="14" t="s">
        <v>15</v>
      </c>
      <c r="G99910" s="16">
        <v>0.54599997031365843</v>
      </c>
    </row>
    <row r="99911" spans="1:7" x14ac:dyDescent="0.3">
      <c r="A99911" s="13" t="s">
        <v>492</v>
      </c>
      <c r="B99911" s="14" t="s">
        <v>1</v>
      </c>
      <c r="C99911" s="14" t="s">
        <v>101</v>
      </c>
      <c r="D99911" s="14" t="s">
        <v>39</v>
      </c>
      <c r="E99911" s="15">
        <v>45642</v>
      </c>
      <c r="F99911" s="14" t="s">
        <v>15</v>
      </c>
      <c r="G99911" s="16">
        <v>0.5437910232971791</v>
      </c>
    </row>
    <row r="99912" spans="1:7" x14ac:dyDescent="0.3">
      <c r="A99912" s="13" t="s">
        <v>492</v>
      </c>
      <c r="B99912" s="14" t="s">
        <v>1</v>
      </c>
      <c r="C99912" s="14" t="s">
        <v>101</v>
      </c>
      <c r="D99912" s="14" t="s">
        <v>39</v>
      </c>
      <c r="E99912" s="15">
        <v>45643</v>
      </c>
      <c r="F99912" s="14" t="s">
        <v>15</v>
      </c>
      <c r="G99912" s="16">
        <v>0.53430263818677337</v>
      </c>
    </row>
    <row r="99913" spans="1:7" x14ac:dyDescent="0.3">
      <c r="A99913" s="13" t="s">
        <v>492</v>
      </c>
      <c r="B99913" s="14" t="s">
        <v>1</v>
      </c>
      <c r="C99913" s="14" t="s">
        <v>101</v>
      </c>
      <c r="D99913" s="14" t="s">
        <v>39</v>
      </c>
      <c r="E99913" s="15">
        <v>45644</v>
      </c>
      <c r="F99913" s="14" t="s">
        <v>15</v>
      </c>
      <c r="G99913" s="16">
        <v>0.53790198203932038</v>
      </c>
    </row>
    <row r="99914" spans="1:7" x14ac:dyDescent="0.3">
      <c r="A99914" s="13" t="s">
        <v>492</v>
      </c>
      <c r="B99914" s="14" t="s">
        <v>1</v>
      </c>
      <c r="C99914" s="14" t="s">
        <v>101</v>
      </c>
      <c r="D99914" s="14" t="s">
        <v>39</v>
      </c>
      <c r="E99914" s="15">
        <v>45645</v>
      </c>
      <c r="F99914" s="14" t="s">
        <v>15</v>
      </c>
      <c r="G99914" s="16">
        <v>0.53374592030035106</v>
      </c>
    </row>
    <row r="99915" spans="1:7" x14ac:dyDescent="0.3">
      <c r="A99915" s="13" t="s">
        <v>492</v>
      </c>
      <c r="B99915" s="14" t="s">
        <v>1</v>
      </c>
      <c r="C99915" s="14" t="s">
        <v>101</v>
      </c>
      <c r="D99915" s="14" t="s">
        <v>39</v>
      </c>
      <c r="E99915" s="15">
        <v>45646</v>
      </c>
      <c r="F99915" s="14" t="s">
        <v>15</v>
      </c>
      <c r="G99915" s="16">
        <v>0.53830683969345727</v>
      </c>
    </row>
    <row r="99916" spans="1:7" x14ac:dyDescent="0.3">
      <c r="A99916" s="13" t="s">
        <v>492</v>
      </c>
      <c r="B99916" s="14" t="s">
        <v>1</v>
      </c>
      <c r="C99916" s="14" t="s">
        <v>101</v>
      </c>
      <c r="D99916" s="14" t="s">
        <v>39</v>
      </c>
      <c r="E99916" s="15">
        <v>45647</v>
      </c>
      <c r="F99916" s="14" t="s">
        <v>15</v>
      </c>
      <c r="G99916" s="16">
        <v>0.53830683969345727</v>
      </c>
    </row>
    <row r="99917" spans="1:7" x14ac:dyDescent="0.3">
      <c r="A99917" s="13" t="s">
        <v>492</v>
      </c>
      <c r="B99917" s="14" t="s">
        <v>1</v>
      </c>
      <c r="C99917" s="14" t="s">
        <v>101</v>
      </c>
      <c r="D99917" s="14" t="s">
        <v>39</v>
      </c>
      <c r="E99917" s="15">
        <v>45648</v>
      </c>
      <c r="F99917" s="14" t="s">
        <v>15</v>
      </c>
      <c r="G99917" s="16">
        <v>0.53830683969345727</v>
      </c>
    </row>
    <row r="99918" spans="1:7" x14ac:dyDescent="0.3">
      <c r="A99918" s="13" t="s">
        <v>492</v>
      </c>
      <c r="B99918" s="14" t="s">
        <v>1</v>
      </c>
      <c r="C99918" s="14" t="s">
        <v>101</v>
      </c>
      <c r="D99918" s="14" t="s">
        <v>39</v>
      </c>
      <c r="E99918" s="15">
        <v>45649</v>
      </c>
      <c r="F99918" s="14" t="s">
        <v>15</v>
      </c>
      <c r="G99918" s="16">
        <v>0.53821660910722169</v>
      </c>
    </row>
    <row r="99919" spans="1:7" x14ac:dyDescent="0.3">
      <c r="A99919" s="13" t="s">
        <v>492</v>
      </c>
      <c r="B99919" s="14" t="s">
        <v>1</v>
      </c>
      <c r="C99919" s="14" t="s">
        <v>101</v>
      </c>
      <c r="D99919" s="14" t="s">
        <v>39</v>
      </c>
      <c r="E99919" s="15">
        <v>45650</v>
      </c>
      <c r="F99919" s="14" t="s">
        <v>15</v>
      </c>
      <c r="G99919" s="16">
        <v>0.53510475615492092</v>
      </c>
    </row>
    <row r="99920" spans="1:7" x14ac:dyDescent="0.3">
      <c r="A99920" s="13" t="s">
        <v>492</v>
      </c>
      <c r="B99920" s="14" t="s">
        <v>1</v>
      </c>
      <c r="C99920" s="14" t="s">
        <v>101</v>
      </c>
      <c r="D99920" s="14" t="s">
        <v>39</v>
      </c>
      <c r="E99920" s="15">
        <v>45651</v>
      </c>
      <c r="F99920" s="14" t="s">
        <v>15</v>
      </c>
      <c r="G99920" s="16">
        <v>0.53510475615492092</v>
      </c>
    </row>
    <row r="99921" spans="1:7" x14ac:dyDescent="0.3">
      <c r="A99921" s="13" t="s">
        <v>492</v>
      </c>
      <c r="B99921" s="14" t="s">
        <v>1</v>
      </c>
      <c r="C99921" s="14" t="s">
        <v>101</v>
      </c>
      <c r="D99921" s="14" t="s">
        <v>39</v>
      </c>
      <c r="E99921" s="15">
        <v>45652</v>
      </c>
      <c r="F99921" s="14" t="s">
        <v>15</v>
      </c>
      <c r="G99921" s="16">
        <v>0.53510475615492092</v>
      </c>
    </row>
    <row r="99922" spans="1:7" x14ac:dyDescent="0.3">
      <c r="A99922" s="13" t="s">
        <v>492</v>
      </c>
      <c r="B99922" s="14" t="s">
        <v>1</v>
      </c>
      <c r="C99922" s="14" t="s">
        <v>101</v>
      </c>
      <c r="D99922" s="14" t="s">
        <v>39</v>
      </c>
      <c r="E99922" s="15">
        <v>45653</v>
      </c>
      <c r="F99922" s="14" t="s">
        <v>15</v>
      </c>
      <c r="G99922" s="16">
        <v>0.53510475615492092</v>
      </c>
    </row>
    <row r="99923" spans="1:7" x14ac:dyDescent="0.3">
      <c r="A99923" s="13" t="s">
        <v>492</v>
      </c>
      <c r="B99923" s="14" t="s">
        <v>1</v>
      </c>
      <c r="C99923" s="14" t="s">
        <v>101</v>
      </c>
      <c r="D99923" s="14" t="s">
        <v>39</v>
      </c>
      <c r="E99923" s="15">
        <v>45654</v>
      </c>
      <c r="F99923" s="14" t="s">
        <v>15</v>
      </c>
      <c r="G99923" s="16">
        <v>0.53510475615492092</v>
      </c>
    </row>
    <row r="99924" spans="1:7" x14ac:dyDescent="0.3">
      <c r="A99924" s="13" t="s">
        <v>492</v>
      </c>
      <c r="B99924" s="14" t="s">
        <v>1</v>
      </c>
      <c r="C99924" s="14" t="s">
        <v>101</v>
      </c>
      <c r="D99924" s="14" t="s">
        <v>39</v>
      </c>
      <c r="E99924" s="15">
        <v>45655</v>
      </c>
      <c r="F99924" s="14" t="s">
        <v>15</v>
      </c>
      <c r="G99924" s="16">
        <v>0.53510475615492092</v>
      </c>
    </row>
    <row r="99925" spans="1:7" x14ac:dyDescent="0.3">
      <c r="A99925" s="13" t="s">
        <v>492</v>
      </c>
      <c r="B99925" s="14" t="s">
        <v>1</v>
      </c>
      <c r="C99925" s="14" t="s">
        <v>101</v>
      </c>
      <c r="D99925" s="14" t="s">
        <v>39</v>
      </c>
      <c r="E99925" s="15">
        <v>45656</v>
      </c>
      <c r="F99925" s="14" t="s">
        <v>15</v>
      </c>
      <c r="G99925" s="16">
        <v>0.53100819035315039</v>
      </c>
    </row>
    <row r="99926" spans="1:7" x14ac:dyDescent="0.3">
      <c r="A99926" s="13" t="s">
        <v>492</v>
      </c>
      <c r="B99926" s="14" t="s">
        <v>1</v>
      </c>
      <c r="C99926" s="14" t="s">
        <v>101</v>
      </c>
      <c r="D99926" s="14" t="s">
        <v>39</v>
      </c>
      <c r="E99926" s="15">
        <v>45657</v>
      </c>
      <c r="F99926" s="14" t="s">
        <v>15</v>
      </c>
      <c r="G99926" s="16">
        <v>0.53019051175699883</v>
      </c>
    </row>
    <row r="99927" spans="1:7" x14ac:dyDescent="0.3">
      <c r="A99927" s="13" t="s">
        <v>492</v>
      </c>
      <c r="B99927" s="14" t="s">
        <v>1</v>
      </c>
      <c r="C99927" s="14" t="s">
        <v>101</v>
      </c>
      <c r="D99927" s="14" t="s">
        <v>39</v>
      </c>
      <c r="E99927" s="15">
        <v>45658</v>
      </c>
      <c r="F99927" s="14" t="s">
        <v>15</v>
      </c>
      <c r="G99927" s="16">
        <v>0.53019051175699883</v>
      </c>
    </row>
    <row r="99928" spans="1:7" x14ac:dyDescent="0.3">
      <c r="A99928" s="13" t="s">
        <v>492</v>
      </c>
      <c r="B99928" s="14" t="s">
        <v>1</v>
      </c>
      <c r="C99928" s="14" t="s">
        <v>101</v>
      </c>
      <c r="D99928" s="14" t="s">
        <v>39</v>
      </c>
      <c r="E99928" s="15">
        <v>45659</v>
      </c>
      <c r="F99928" s="14" t="s">
        <v>15</v>
      </c>
      <c r="G99928" s="16">
        <v>0.53287427924265418</v>
      </c>
    </row>
    <row r="99929" spans="1:7" x14ac:dyDescent="0.3">
      <c r="A99929" s="13" t="s">
        <v>492</v>
      </c>
      <c r="B99929" s="14" t="s">
        <v>1</v>
      </c>
      <c r="C99929" s="14" t="s">
        <v>101</v>
      </c>
      <c r="D99929" s="14" t="s">
        <v>39</v>
      </c>
      <c r="E99929" s="15">
        <v>45660</v>
      </c>
      <c r="F99929" s="14" t="s">
        <v>15</v>
      </c>
      <c r="G99929" s="16">
        <v>0.52618936472858502</v>
      </c>
    </row>
    <row r="99930" spans="1:7" x14ac:dyDescent="0.3">
      <c r="A99930" s="13" t="s">
        <v>492</v>
      </c>
      <c r="B99930" s="14" t="s">
        <v>1</v>
      </c>
      <c r="C99930" s="14" t="s">
        <v>101</v>
      </c>
      <c r="D99930" s="14" t="s">
        <v>39</v>
      </c>
      <c r="E99930" s="15">
        <v>45661</v>
      </c>
      <c r="F99930" s="14" t="s">
        <v>15</v>
      </c>
      <c r="G99930" s="16">
        <v>0.52618936472858502</v>
      </c>
    </row>
    <row r="99931" spans="1:7" x14ac:dyDescent="0.3">
      <c r="A99931" s="13" t="s">
        <v>492</v>
      </c>
      <c r="B99931" s="14" t="s">
        <v>1</v>
      </c>
      <c r="C99931" s="14" t="s">
        <v>101</v>
      </c>
      <c r="D99931" s="14" t="s">
        <v>39</v>
      </c>
      <c r="E99931" s="15">
        <v>45662</v>
      </c>
      <c r="F99931" s="14" t="s">
        <v>15</v>
      </c>
      <c r="G99931" s="16">
        <v>0.52618936472858502</v>
      </c>
    </row>
    <row r="99932" spans="1:7" x14ac:dyDescent="0.3">
      <c r="A99932" s="13" t="s">
        <v>492</v>
      </c>
      <c r="B99932" s="14" t="s">
        <v>1</v>
      </c>
      <c r="C99932" s="14" t="s">
        <v>101</v>
      </c>
      <c r="D99932" s="14" t="s">
        <v>39</v>
      </c>
      <c r="E99932" s="15">
        <v>45663</v>
      </c>
      <c r="F99932" s="14" t="s">
        <v>15</v>
      </c>
      <c r="G99932" s="16">
        <v>0.52210849924357527</v>
      </c>
    </row>
    <row r="99933" spans="1:7" x14ac:dyDescent="0.3">
      <c r="A99933" s="13" t="s">
        <v>492</v>
      </c>
      <c r="B99933" s="14" t="s">
        <v>1</v>
      </c>
      <c r="C99933" s="14" t="s">
        <v>101</v>
      </c>
      <c r="D99933" s="14" t="s">
        <v>39</v>
      </c>
      <c r="E99933" s="15">
        <v>45664</v>
      </c>
      <c r="F99933" s="14" t="s">
        <v>15</v>
      </c>
      <c r="G99933" s="16">
        <v>0.50706688455046744</v>
      </c>
    </row>
    <row r="99934" spans="1:7" x14ac:dyDescent="0.3">
      <c r="A99934" s="13" t="s">
        <v>492</v>
      </c>
      <c r="B99934" s="14" t="s">
        <v>1</v>
      </c>
      <c r="C99934" s="14" t="s">
        <v>101</v>
      </c>
      <c r="D99934" s="14" t="s">
        <v>39</v>
      </c>
      <c r="E99934" s="15">
        <v>45665</v>
      </c>
      <c r="F99934" s="14" t="s">
        <v>15</v>
      </c>
      <c r="G99934" s="16">
        <v>0.50297114508115792</v>
      </c>
    </row>
    <row r="99935" spans="1:7" x14ac:dyDescent="0.3">
      <c r="A99935" s="13" t="s">
        <v>492</v>
      </c>
      <c r="B99935" s="14" t="s">
        <v>1</v>
      </c>
      <c r="C99935" s="14" t="s">
        <v>101</v>
      </c>
      <c r="D99935" s="14" t="s">
        <v>39</v>
      </c>
      <c r="E99935" s="15">
        <v>45666</v>
      </c>
      <c r="F99935" s="14" t="s">
        <v>15</v>
      </c>
      <c r="G99935" s="16">
        <v>0.49888394438061312</v>
      </c>
    </row>
    <row r="99936" spans="1:7" x14ac:dyDescent="0.3">
      <c r="A99936" s="13" t="s">
        <v>492</v>
      </c>
      <c r="B99936" s="14" t="s">
        <v>1</v>
      </c>
      <c r="C99936" s="14" t="s">
        <v>101</v>
      </c>
      <c r="D99936" s="14" t="s">
        <v>39</v>
      </c>
      <c r="E99936" s="15">
        <v>45667</v>
      </c>
      <c r="F99936" s="14" t="s">
        <v>15</v>
      </c>
      <c r="G99936" s="16">
        <v>0.50599437486034649</v>
      </c>
    </row>
    <row r="99937" spans="1:7" x14ac:dyDescent="0.3">
      <c r="A99937" s="13" t="s">
        <v>492</v>
      </c>
      <c r="B99937" s="14" t="s">
        <v>1</v>
      </c>
      <c r="C99937" s="14" t="s">
        <v>101</v>
      </c>
      <c r="D99937" s="14" t="s">
        <v>39</v>
      </c>
      <c r="E99937" s="15">
        <v>45668</v>
      </c>
      <c r="F99937" s="14" t="s">
        <v>15</v>
      </c>
      <c r="G99937" s="16">
        <v>0.50599437486034649</v>
      </c>
    </row>
    <row r="99938" spans="1:7" x14ac:dyDescent="0.3">
      <c r="A99938" s="13" t="s">
        <v>492</v>
      </c>
      <c r="B99938" s="14" t="s">
        <v>1</v>
      </c>
      <c r="C99938" s="14" t="s">
        <v>101</v>
      </c>
      <c r="D99938" s="14" t="s">
        <v>39</v>
      </c>
      <c r="E99938" s="15">
        <v>45669</v>
      </c>
      <c r="F99938" s="14" t="s">
        <v>15</v>
      </c>
      <c r="G99938" s="16">
        <v>0.50599437486034649</v>
      </c>
    </row>
    <row r="99939" spans="1:7" x14ac:dyDescent="0.3">
      <c r="A99939" s="13" t="s">
        <v>492</v>
      </c>
      <c r="B99939" s="14" t="s">
        <v>1</v>
      </c>
      <c r="C99939" s="14" t="s">
        <v>101</v>
      </c>
      <c r="D99939" s="14" t="s">
        <v>39</v>
      </c>
      <c r="E99939" s="15">
        <v>45670</v>
      </c>
      <c r="F99939" s="14" t="s">
        <v>15</v>
      </c>
      <c r="G99939" s="16">
        <v>0.50191075493379966</v>
      </c>
    </row>
    <row r="99940" spans="1:7" x14ac:dyDescent="0.3">
      <c r="A99940" s="13" t="s">
        <v>492</v>
      </c>
      <c r="B99940" s="14" t="s">
        <v>1</v>
      </c>
      <c r="C99940" s="14" t="s">
        <v>101</v>
      </c>
      <c r="D99940" s="14" t="s">
        <v>39</v>
      </c>
      <c r="E99940" s="15">
        <v>45671</v>
      </c>
      <c r="F99940" s="14" t="s">
        <v>15</v>
      </c>
      <c r="G99940" s="16">
        <v>0.4929542524841844</v>
      </c>
    </row>
    <row r="99941" spans="1:7" x14ac:dyDescent="0.3">
      <c r="A99941" s="13" t="s">
        <v>492</v>
      </c>
      <c r="B99941" s="14" t="s">
        <v>1</v>
      </c>
      <c r="C99941" s="14" t="s">
        <v>101</v>
      </c>
      <c r="D99941" s="14" t="s">
        <v>39</v>
      </c>
      <c r="E99941" s="15">
        <v>45672</v>
      </c>
      <c r="F99941" s="14" t="s">
        <v>15</v>
      </c>
      <c r="G99941" s="16">
        <v>0.4888937698665482</v>
      </c>
    </row>
    <row r="99942" spans="1:7" x14ac:dyDescent="0.3">
      <c r="A99942" s="13" t="s">
        <v>492</v>
      </c>
      <c r="B99942" s="14" t="s">
        <v>1</v>
      </c>
      <c r="C99942" s="14" t="s">
        <v>101</v>
      </c>
      <c r="D99942" s="14" t="s">
        <v>39</v>
      </c>
      <c r="E99942" s="15">
        <v>45673</v>
      </c>
      <c r="F99942" s="14" t="s">
        <v>15</v>
      </c>
      <c r="G99942" s="16">
        <v>0.48481951504122711</v>
      </c>
    </row>
    <row r="99943" spans="1:7" x14ac:dyDescent="0.3">
      <c r="A99943" s="13" t="s">
        <v>492</v>
      </c>
      <c r="B99943" s="14" t="s">
        <v>1</v>
      </c>
      <c r="C99943" s="14" t="s">
        <v>101</v>
      </c>
      <c r="D99943" s="14" t="s">
        <v>39</v>
      </c>
      <c r="E99943" s="15">
        <v>45674</v>
      </c>
      <c r="F99943" s="14" t="s">
        <v>15</v>
      </c>
      <c r="G99943" s="16">
        <v>0.48071881757715107</v>
      </c>
    </row>
    <row r="99944" spans="1:7" x14ac:dyDescent="0.3">
      <c r="A99944" s="13" t="s">
        <v>492</v>
      </c>
      <c r="B99944" s="14" t="s">
        <v>1</v>
      </c>
      <c r="C99944" s="14" t="s">
        <v>101</v>
      </c>
      <c r="D99944" s="14" t="s">
        <v>39</v>
      </c>
      <c r="E99944" s="15">
        <v>45675</v>
      </c>
      <c r="F99944" s="14" t="s">
        <v>15</v>
      </c>
      <c r="G99944" s="16">
        <v>0.48071881757715107</v>
      </c>
    </row>
    <row r="99945" spans="1:7" x14ac:dyDescent="0.3">
      <c r="A99945" s="13" t="s">
        <v>492</v>
      </c>
      <c r="B99945" s="14" t="s">
        <v>1</v>
      </c>
      <c r="C99945" s="14" t="s">
        <v>101</v>
      </c>
      <c r="D99945" s="14" t="s">
        <v>39</v>
      </c>
      <c r="E99945" s="15">
        <v>45676</v>
      </c>
      <c r="F99945" s="14" t="s">
        <v>15</v>
      </c>
      <c r="G99945" s="16">
        <v>0.48071881757715107</v>
      </c>
    </row>
    <row r="99946" spans="1:7" x14ac:dyDescent="0.3">
      <c r="A99946" s="13" t="s">
        <v>492</v>
      </c>
      <c r="B99946" s="14" t="s">
        <v>1</v>
      </c>
      <c r="C99946" s="14" t="s">
        <v>101</v>
      </c>
      <c r="D99946" s="14" t="s">
        <v>39</v>
      </c>
      <c r="E99946" s="15">
        <v>45677</v>
      </c>
      <c r="F99946" s="14" t="s">
        <v>15</v>
      </c>
      <c r="G99946" s="16">
        <v>0.48170447185525928</v>
      </c>
    </row>
    <row r="99947" spans="1:7" x14ac:dyDescent="0.3">
      <c r="A99947" s="13" t="s">
        <v>492</v>
      </c>
      <c r="B99947" s="14" t="s">
        <v>1</v>
      </c>
      <c r="C99947" s="14" t="s">
        <v>101</v>
      </c>
      <c r="D99947" s="14" t="s">
        <v>39</v>
      </c>
      <c r="E99947" s="15">
        <v>45678</v>
      </c>
      <c r="F99947" s="14" t="s">
        <v>15</v>
      </c>
      <c r="G99947" s="16">
        <v>0.47233810850494173</v>
      </c>
    </row>
    <row r="99948" spans="1:7" x14ac:dyDescent="0.3">
      <c r="A99948" s="13" t="s">
        <v>492</v>
      </c>
      <c r="B99948" s="14" t="s">
        <v>1</v>
      </c>
      <c r="C99948" s="14" t="s">
        <v>101</v>
      </c>
      <c r="D99948" s="14" t="s">
        <v>39</v>
      </c>
      <c r="E99948" s="15">
        <v>45679</v>
      </c>
      <c r="F99948" s="14" t="s">
        <v>15</v>
      </c>
      <c r="G99948" s="16">
        <v>0.47613053870923094</v>
      </c>
    </row>
    <row r="99949" spans="1:7" x14ac:dyDescent="0.3">
      <c r="A99949" s="13" t="s">
        <v>492</v>
      </c>
      <c r="B99949" s="14" t="s">
        <v>1</v>
      </c>
      <c r="C99949" s="14" t="s">
        <v>101</v>
      </c>
      <c r="D99949" s="14" t="s">
        <v>39</v>
      </c>
      <c r="E99949" s="15">
        <v>45680</v>
      </c>
      <c r="F99949" s="14" t="s">
        <v>15</v>
      </c>
      <c r="G99949" s="16">
        <v>0.47197750685595224</v>
      </c>
    </row>
    <row r="99950" spans="1:7" x14ac:dyDescent="0.3">
      <c r="A99950" s="13" t="s">
        <v>492</v>
      </c>
      <c r="B99950" s="14" t="s">
        <v>1</v>
      </c>
      <c r="C99950" s="14" t="s">
        <v>101</v>
      </c>
      <c r="D99950" s="14" t="s">
        <v>39</v>
      </c>
      <c r="E99950" s="15">
        <v>45681</v>
      </c>
      <c r="F99950" s="14" t="s">
        <v>15</v>
      </c>
      <c r="G99950" s="16">
        <v>0.46781979245206079</v>
      </c>
    </row>
    <row r="99951" spans="1:7" x14ac:dyDescent="0.3">
      <c r="A99951" s="13" t="s">
        <v>492</v>
      </c>
      <c r="B99951" s="14" t="s">
        <v>1</v>
      </c>
      <c r="C99951" s="14" t="s">
        <v>101</v>
      </c>
      <c r="D99951" s="14" t="s">
        <v>39</v>
      </c>
      <c r="E99951" s="15">
        <v>45682</v>
      </c>
      <c r="F99951" s="14" t="s">
        <v>15</v>
      </c>
      <c r="G99951" s="16">
        <v>0.46781979245206079</v>
      </c>
    </row>
    <row r="99952" spans="1:7" x14ac:dyDescent="0.3">
      <c r="A99952" s="13" t="s">
        <v>492</v>
      </c>
      <c r="B99952" s="14" t="s">
        <v>1</v>
      </c>
      <c r="C99952" s="14" t="s">
        <v>101</v>
      </c>
      <c r="D99952" s="14" t="s">
        <v>39</v>
      </c>
      <c r="E99952" s="15">
        <v>45683</v>
      </c>
      <c r="F99952" s="14" t="s">
        <v>15</v>
      </c>
      <c r="G99952" s="16">
        <v>0.46781979245206079</v>
      </c>
    </row>
    <row r="99953" spans="1:7" x14ac:dyDescent="0.3">
      <c r="A99953" s="13" t="s">
        <v>492</v>
      </c>
      <c r="B99953" s="14" t="s">
        <v>1</v>
      </c>
      <c r="C99953" s="14" t="s">
        <v>101</v>
      </c>
      <c r="D99953" s="14" t="s">
        <v>39</v>
      </c>
      <c r="E99953" s="15">
        <v>45684</v>
      </c>
      <c r="F99953" s="14" t="s">
        <v>15</v>
      </c>
      <c r="G99953" s="16">
        <v>0.46365629372094164</v>
      </c>
    </row>
    <row r="99954" spans="1:7" x14ac:dyDescent="0.3">
      <c r="A99954" s="13" t="s">
        <v>492</v>
      </c>
      <c r="B99954" s="14" t="s">
        <v>1</v>
      </c>
      <c r="C99954" s="14" t="s">
        <v>101</v>
      </c>
      <c r="D99954" s="14" t="s">
        <v>39</v>
      </c>
      <c r="E99954" s="15">
        <v>45685</v>
      </c>
      <c r="F99954" s="14" t="s">
        <v>15</v>
      </c>
      <c r="G99954" s="16">
        <v>0.4541555136236195</v>
      </c>
    </row>
    <row r="99955" spans="1:7" x14ac:dyDescent="0.3">
      <c r="A99955" s="13" t="s">
        <v>492</v>
      </c>
      <c r="B99955" s="14" t="s">
        <v>1</v>
      </c>
      <c r="C99955" s="14" t="s">
        <v>101</v>
      </c>
      <c r="D99955" s="14" t="s">
        <v>39</v>
      </c>
      <c r="E99955" s="15">
        <v>45686</v>
      </c>
      <c r="F99955" s="14" t="s">
        <v>15</v>
      </c>
      <c r="G99955" s="16">
        <v>0.44999284122496142</v>
      </c>
    </row>
    <row r="99956" spans="1:7" x14ac:dyDescent="0.3">
      <c r="A99956" s="13" t="s">
        <v>492</v>
      </c>
      <c r="B99956" s="14" t="s">
        <v>1</v>
      </c>
      <c r="C99956" s="14" t="s">
        <v>101</v>
      </c>
      <c r="D99956" s="14" t="s">
        <v>39</v>
      </c>
      <c r="E99956" s="15">
        <v>45687</v>
      </c>
      <c r="F99956" s="14" t="s">
        <v>15</v>
      </c>
      <c r="G99956" s="16">
        <v>0.4458329232678403</v>
      </c>
    </row>
    <row r="99957" spans="1:7" x14ac:dyDescent="0.3">
      <c r="A99957" s="13" t="s">
        <v>492</v>
      </c>
      <c r="B99957" s="14" t="s">
        <v>1</v>
      </c>
      <c r="C99957" s="14" t="s">
        <v>101</v>
      </c>
      <c r="D99957" s="14" t="s">
        <v>39</v>
      </c>
      <c r="E99957" s="15">
        <v>45688</v>
      </c>
      <c r="F99957" s="14" t="s">
        <v>15</v>
      </c>
      <c r="G99957" s="16">
        <v>0.44167796330548575</v>
      </c>
    </row>
    <row r="99958" spans="1:7" x14ac:dyDescent="0.3">
      <c r="A99958" s="13" t="s">
        <v>492</v>
      </c>
      <c r="B99958" s="14" t="s">
        <v>1</v>
      </c>
      <c r="C99958" s="14" t="s">
        <v>101</v>
      </c>
      <c r="D99958" s="14" t="s">
        <v>39</v>
      </c>
      <c r="E99958" s="15">
        <v>45689</v>
      </c>
      <c r="F99958" s="14" t="s">
        <v>15</v>
      </c>
      <c r="G99958" s="16">
        <v>0.44167796330548575</v>
      </c>
    </row>
    <row r="99959" spans="1:7" x14ac:dyDescent="0.3">
      <c r="A99959" s="13" t="s">
        <v>492</v>
      </c>
      <c r="B99959" s="14" t="s">
        <v>1</v>
      </c>
      <c r="C99959" s="14" t="s">
        <v>101</v>
      </c>
      <c r="D99959" s="14" t="s">
        <v>39</v>
      </c>
      <c r="E99959" s="15">
        <v>45690</v>
      </c>
      <c r="F99959" s="14" t="s">
        <v>15</v>
      </c>
      <c r="G99959" s="16">
        <v>0.44167796330548575</v>
      </c>
    </row>
    <row r="99960" spans="1:7" x14ac:dyDescent="0.3">
      <c r="A99960" s="13" t="s">
        <v>492</v>
      </c>
      <c r="B99960" s="14" t="s">
        <v>1</v>
      </c>
      <c r="C99960" s="14" t="s">
        <v>101</v>
      </c>
      <c r="D99960" s="14" t="s">
        <v>39</v>
      </c>
      <c r="E99960" s="15">
        <v>45691</v>
      </c>
      <c r="F99960" s="14" t="s">
        <v>15</v>
      </c>
      <c r="G99960" s="16">
        <v>0.44167796330548575</v>
      </c>
    </row>
    <row r="99961" spans="1:7" x14ac:dyDescent="0.3">
      <c r="A99961" s="13" t="s">
        <v>492</v>
      </c>
      <c r="B99961" s="14" t="s">
        <v>1</v>
      </c>
      <c r="C99961" s="14" t="s">
        <v>101</v>
      </c>
      <c r="D99961" s="14" t="s">
        <v>39</v>
      </c>
      <c r="E99961" s="15">
        <v>45692</v>
      </c>
      <c r="F99961" s="14" t="s">
        <v>15</v>
      </c>
      <c r="G99961" s="16">
        <v>0.43750399769652609</v>
      </c>
    </row>
    <row r="99962" spans="1:7" x14ac:dyDescent="0.3">
      <c r="A99962" s="13" t="s">
        <v>492</v>
      </c>
      <c r="B99962" s="14" t="s">
        <v>1</v>
      </c>
      <c r="C99962" s="14" t="s">
        <v>101</v>
      </c>
      <c r="D99962" s="14" t="s">
        <v>39</v>
      </c>
      <c r="E99962" s="15">
        <v>45693</v>
      </c>
      <c r="F99962" s="14" t="s">
        <v>15</v>
      </c>
      <c r="G99962" s="16">
        <v>0.42722233342347049</v>
      </c>
    </row>
    <row r="99963" spans="1:7" x14ac:dyDescent="0.3">
      <c r="A99963" s="13" t="s">
        <v>492</v>
      </c>
      <c r="B99963" s="14" t="s">
        <v>1</v>
      </c>
      <c r="C99963" s="14" t="s">
        <v>101</v>
      </c>
      <c r="D99963" s="14" t="s">
        <v>39</v>
      </c>
      <c r="E99963" s="15">
        <v>45694</v>
      </c>
      <c r="F99963" s="14" t="s">
        <v>15</v>
      </c>
      <c r="G99963" s="16">
        <v>0.42312659395416102</v>
      </c>
    </row>
    <row r="99964" spans="1:7" x14ac:dyDescent="0.3">
      <c r="A99964" s="13" t="s">
        <v>492</v>
      </c>
      <c r="B99964" s="14" t="s">
        <v>1</v>
      </c>
      <c r="C99964" s="14" t="s">
        <v>101</v>
      </c>
      <c r="D99964" s="14" t="s">
        <v>39</v>
      </c>
      <c r="E99964" s="15">
        <v>45695</v>
      </c>
      <c r="F99964" s="14" t="s">
        <v>15</v>
      </c>
      <c r="G99964" s="16">
        <v>0.4190305790406979</v>
      </c>
    </row>
    <row r="99965" spans="1:7" x14ac:dyDescent="0.3">
      <c r="A99965" s="13" t="s">
        <v>492</v>
      </c>
      <c r="B99965" s="14" t="s">
        <v>1</v>
      </c>
      <c r="C99965" s="14" t="s">
        <v>101</v>
      </c>
      <c r="D99965" s="14" t="s">
        <v>39</v>
      </c>
      <c r="E99965" s="15">
        <v>45696</v>
      </c>
      <c r="F99965" s="14" t="s">
        <v>15</v>
      </c>
      <c r="G99965" s="16">
        <v>0.4190305790406979</v>
      </c>
    </row>
    <row r="99966" spans="1:7" x14ac:dyDescent="0.3">
      <c r="A99966" s="13" t="s">
        <v>492</v>
      </c>
      <c r="B99966" s="14" t="s">
        <v>1</v>
      </c>
      <c r="C99966" s="14" t="s">
        <v>101</v>
      </c>
      <c r="D99966" s="14" t="s">
        <v>39</v>
      </c>
      <c r="E99966" s="15">
        <v>45697</v>
      </c>
      <c r="F99966" s="14" t="s">
        <v>15</v>
      </c>
      <c r="G99966" s="16">
        <v>0.4190305790406979</v>
      </c>
    </row>
    <row r="99967" spans="1:7" x14ac:dyDescent="0.3">
      <c r="A99967" s="13" t="s">
        <v>492</v>
      </c>
      <c r="B99967" s="14" t="s">
        <v>1</v>
      </c>
      <c r="C99967" s="14" t="s">
        <v>101</v>
      </c>
      <c r="D99967" s="14" t="s">
        <v>39</v>
      </c>
      <c r="E99967" s="15">
        <v>45698</v>
      </c>
      <c r="F99967" s="14" t="s">
        <v>15</v>
      </c>
      <c r="G99967" s="16">
        <v>0.43869299960444169</v>
      </c>
    </row>
    <row r="99968" spans="1:7" x14ac:dyDescent="0.3">
      <c r="A99968" s="13" t="s">
        <v>492</v>
      </c>
      <c r="B99968" s="14" t="s">
        <v>1</v>
      </c>
      <c r="C99968" s="14" t="s">
        <v>101</v>
      </c>
      <c r="D99968" s="14" t="s">
        <v>39</v>
      </c>
      <c r="E99968" s="15">
        <v>45699</v>
      </c>
      <c r="F99968" s="14" t="s">
        <v>15</v>
      </c>
      <c r="G99968" s="16">
        <v>0.45433173197096749</v>
      </c>
    </row>
    <row r="99969" spans="1:7" x14ac:dyDescent="0.3">
      <c r="A99969" s="13" t="s">
        <v>492</v>
      </c>
      <c r="B99969" s="14" t="s">
        <v>1</v>
      </c>
      <c r="C99969" s="14" t="s">
        <v>101</v>
      </c>
      <c r="D99969" s="14" t="s">
        <v>39</v>
      </c>
      <c r="E99969" s="15">
        <v>45700</v>
      </c>
      <c r="F99969" s="14" t="s">
        <v>15</v>
      </c>
      <c r="G99969" s="16">
        <v>0.45023874694319493</v>
      </c>
    </row>
    <row r="99970" spans="1:7" x14ac:dyDescent="0.3">
      <c r="A99970" s="13" t="s">
        <v>492</v>
      </c>
      <c r="B99970" s="14" t="s">
        <v>1</v>
      </c>
      <c r="C99970" s="14" t="s">
        <v>101</v>
      </c>
      <c r="D99970" s="14" t="s">
        <v>39</v>
      </c>
      <c r="E99970" s="15">
        <v>45701</v>
      </c>
      <c r="F99970" s="14" t="s">
        <v>15</v>
      </c>
      <c r="G99970" s="16">
        <v>0.44874264939648567</v>
      </c>
    </row>
    <row r="99971" spans="1:7" x14ac:dyDescent="0.3">
      <c r="A99971" s="13" t="s">
        <v>492</v>
      </c>
      <c r="B99971" s="14" t="s">
        <v>1</v>
      </c>
      <c r="C99971" s="14" t="s">
        <v>101</v>
      </c>
      <c r="D99971" s="14" t="s">
        <v>39</v>
      </c>
      <c r="E99971" s="15">
        <v>45702</v>
      </c>
      <c r="F99971" s="14" t="s">
        <v>15</v>
      </c>
      <c r="G99971" s="16">
        <v>0.44466453835301284</v>
      </c>
    </row>
    <row r="99972" spans="1:7" x14ac:dyDescent="0.3">
      <c r="A99972" s="13" t="s">
        <v>492</v>
      </c>
      <c r="B99972" s="14" t="s">
        <v>1</v>
      </c>
      <c r="C99972" s="14" t="s">
        <v>101</v>
      </c>
      <c r="D99972" s="14" t="s">
        <v>39</v>
      </c>
      <c r="E99972" s="15">
        <v>45703</v>
      </c>
      <c r="F99972" s="14" t="s">
        <v>15</v>
      </c>
      <c r="G99972" s="16">
        <v>0.44466453835301284</v>
      </c>
    </row>
    <row r="99973" spans="1:7" x14ac:dyDescent="0.3">
      <c r="A99973" s="13" t="s">
        <v>492</v>
      </c>
      <c r="B99973" s="14" t="s">
        <v>1</v>
      </c>
      <c r="C99973" s="14" t="s">
        <v>101</v>
      </c>
      <c r="D99973" s="14" t="s">
        <v>39</v>
      </c>
      <c r="E99973" s="15">
        <v>45704</v>
      </c>
      <c r="F99973" s="14" t="s">
        <v>15</v>
      </c>
      <c r="G99973" s="16">
        <v>0.44466453835301284</v>
      </c>
    </row>
    <row r="99974" spans="1:7" x14ac:dyDescent="0.3">
      <c r="A99974" s="13" t="s">
        <v>492</v>
      </c>
      <c r="B99974" s="14" t="s">
        <v>1</v>
      </c>
      <c r="C99974" s="14" t="s">
        <v>101</v>
      </c>
      <c r="D99974" s="14" t="s">
        <v>39</v>
      </c>
      <c r="E99974" s="15">
        <v>45705</v>
      </c>
      <c r="F99974" s="14" t="s">
        <v>15</v>
      </c>
      <c r="G99974" s="16">
        <v>0.47083818326601984</v>
      </c>
    </row>
    <row r="99975" spans="1:7" x14ac:dyDescent="0.3">
      <c r="A99975" s="13" t="s">
        <v>492</v>
      </c>
      <c r="B99975" s="14" t="s">
        <v>1</v>
      </c>
      <c r="C99975" s="14" t="s">
        <v>101</v>
      </c>
      <c r="D99975" s="14" t="s">
        <v>39</v>
      </c>
      <c r="E99975" s="15">
        <v>45706</v>
      </c>
      <c r="F99975" s="14" t="s">
        <v>15</v>
      </c>
      <c r="G99975" s="16">
        <v>0.46151809453352355</v>
      </c>
    </row>
    <row r="99976" spans="1:7" x14ac:dyDescent="0.3">
      <c r="A99976" s="13" t="s">
        <v>492</v>
      </c>
      <c r="B99976" s="14" t="s">
        <v>1</v>
      </c>
      <c r="C99976" s="14" t="s">
        <v>101</v>
      </c>
      <c r="D99976" s="14" t="s">
        <v>39</v>
      </c>
      <c r="E99976" s="15">
        <v>45707</v>
      </c>
      <c r="F99976" s="14" t="s">
        <v>15</v>
      </c>
      <c r="G99976" s="16">
        <v>0.46566199147793114</v>
      </c>
    </row>
    <row r="99977" spans="1:7" x14ac:dyDescent="0.3">
      <c r="A99977" s="13" t="s">
        <v>492</v>
      </c>
      <c r="B99977" s="14" t="s">
        <v>1</v>
      </c>
      <c r="C99977" s="14" t="s">
        <v>101</v>
      </c>
      <c r="D99977" s="14" t="s">
        <v>39</v>
      </c>
      <c r="E99977" s="15">
        <v>45708</v>
      </c>
      <c r="F99977" s="14" t="s">
        <v>15</v>
      </c>
      <c r="G99977" s="16">
        <v>0.46154173747894256</v>
      </c>
    </row>
    <row r="99978" spans="1:7" x14ac:dyDescent="0.3">
      <c r="A99978" s="13" t="s">
        <v>492</v>
      </c>
      <c r="B99978" s="14" t="s">
        <v>1</v>
      </c>
      <c r="C99978" s="14" t="s">
        <v>101</v>
      </c>
      <c r="D99978" s="14" t="s">
        <v>39</v>
      </c>
      <c r="E99978" s="15">
        <v>45709</v>
      </c>
      <c r="F99978" s="14" t="s">
        <v>15</v>
      </c>
      <c r="G99978" s="16">
        <v>0.45742699236302797</v>
      </c>
    </row>
    <row r="99979" spans="1:7" x14ac:dyDescent="0.3">
      <c r="A99979" s="13" t="s">
        <v>492</v>
      </c>
      <c r="B99979" s="14" t="s">
        <v>1</v>
      </c>
      <c r="C99979" s="14" t="s">
        <v>101</v>
      </c>
      <c r="D99979" s="14" t="s">
        <v>39</v>
      </c>
      <c r="E99979" s="15">
        <v>45710</v>
      </c>
      <c r="F99979" s="14" t="s">
        <v>15</v>
      </c>
      <c r="G99979" s="16">
        <v>0.45742699236302797</v>
      </c>
    </row>
    <row r="99980" spans="1:7" x14ac:dyDescent="0.3">
      <c r="A99980" s="13" t="s">
        <v>492</v>
      </c>
      <c r="B99980" s="14" t="s">
        <v>1</v>
      </c>
      <c r="C99980" s="14" t="s">
        <v>101</v>
      </c>
      <c r="D99980" s="14" t="s">
        <v>39</v>
      </c>
      <c r="E99980" s="15">
        <v>45711</v>
      </c>
      <c r="F99980" s="14" t="s">
        <v>15</v>
      </c>
      <c r="G99980" s="16">
        <v>0.45742699236302797</v>
      </c>
    </row>
    <row r="99981" spans="1:7" x14ac:dyDescent="0.3">
      <c r="A99981" s="13" t="s">
        <v>492</v>
      </c>
      <c r="B99981" s="14" t="s">
        <v>1</v>
      </c>
      <c r="C99981" s="14" t="s">
        <v>101</v>
      </c>
      <c r="D99981" s="14" t="s">
        <v>39</v>
      </c>
      <c r="E99981" s="15">
        <v>45712</v>
      </c>
      <c r="F99981" s="14" t="s">
        <v>15</v>
      </c>
      <c r="G99981" s="16">
        <v>0.46458893089950282</v>
      </c>
    </row>
    <row r="99982" spans="1:7" x14ac:dyDescent="0.3">
      <c r="A99982" s="13" t="s">
        <v>492</v>
      </c>
      <c r="B99982" s="14" t="s">
        <v>1</v>
      </c>
      <c r="C99982" s="14" t="s">
        <v>101</v>
      </c>
      <c r="D99982" s="14" t="s">
        <v>39</v>
      </c>
      <c r="E99982" s="15">
        <v>45713</v>
      </c>
      <c r="F99982" s="14" t="s">
        <v>15</v>
      </c>
      <c r="G99982" s="16">
        <v>0.45530575168360188</v>
      </c>
    </row>
    <row r="99983" spans="1:7" x14ac:dyDescent="0.3">
      <c r="A99983" s="13" t="s">
        <v>492</v>
      </c>
      <c r="B99983" s="14" t="s">
        <v>1</v>
      </c>
      <c r="C99983" s="14" t="s">
        <v>101</v>
      </c>
      <c r="D99983" s="14" t="s">
        <v>39</v>
      </c>
      <c r="E99983" s="15">
        <v>45714</v>
      </c>
      <c r="F99983" s="14" t="s">
        <v>15</v>
      </c>
      <c r="G99983" s="16">
        <v>0.45121497020905899</v>
      </c>
    </row>
    <row r="99984" spans="1:7" x14ac:dyDescent="0.3">
      <c r="A99984" s="13" t="s">
        <v>492</v>
      </c>
      <c r="B99984" s="14" t="s">
        <v>1</v>
      </c>
      <c r="C99984" s="14" t="s">
        <v>101</v>
      </c>
      <c r="D99984" s="14" t="s">
        <v>39</v>
      </c>
      <c r="E99984" s="15">
        <v>45715</v>
      </c>
      <c r="F99984" s="14" t="s">
        <v>15</v>
      </c>
      <c r="G99984" s="16">
        <v>0.45609044682568811</v>
      </c>
    </row>
    <row r="99985" spans="1:7" x14ac:dyDescent="0.3">
      <c r="A99985" s="13" t="s">
        <v>492</v>
      </c>
      <c r="B99985" s="14" t="s">
        <v>1</v>
      </c>
      <c r="C99985" s="14" t="s">
        <v>101</v>
      </c>
      <c r="D99985" s="14" t="s">
        <v>39</v>
      </c>
      <c r="E99985" s="15">
        <v>45716</v>
      </c>
      <c r="F99985" s="14" t="s">
        <v>15</v>
      </c>
      <c r="G99985" s="16">
        <v>0.45197597715392712</v>
      </c>
    </row>
    <row r="99986" spans="1:7" x14ac:dyDescent="0.3">
      <c r="A99986" s="13" t="s">
        <v>492</v>
      </c>
      <c r="B99986" s="14" t="s">
        <v>1</v>
      </c>
      <c r="C99986" s="14" t="s">
        <v>101</v>
      </c>
      <c r="D99986" s="14" t="s">
        <v>39</v>
      </c>
      <c r="E99986" s="15">
        <v>45717</v>
      </c>
      <c r="F99986" s="14" t="s">
        <v>15</v>
      </c>
      <c r="G99986" s="16">
        <v>0.45197597715392712</v>
      </c>
    </row>
    <row r="99987" spans="1:7" x14ac:dyDescent="0.3">
      <c r="A99987" s="13" t="s">
        <v>492</v>
      </c>
      <c r="B99987" s="14" t="s">
        <v>1</v>
      </c>
      <c r="C99987" s="14" t="s">
        <v>101</v>
      </c>
      <c r="D99987" s="14" t="s">
        <v>39</v>
      </c>
      <c r="E99987" s="15">
        <v>45718</v>
      </c>
      <c r="F99987" s="14" t="s">
        <v>15</v>
      </c>
      <c r="G99987" s="16">
        <v>0.45197597715392712</v>
      </c>
    </row>
    <row r="99988" spans="1:7" x14ac:dyDescent="0.3">
      <c r="A99988" s="13" t="s">
        <v>492</v>
      </c>
      <c r="B99988" s="14" t="s">
        <v>1</v>
      </c>
      <c r="C99988" s="14" t="s">
        <v>101</v>
      </c>
      <c r="D99988" s="14" t="s">
        <v>39</v>
      </c>
      <c r="E99988" s="15">
        <v>45719</v>
      </c>
      <c r="F99988" s="14" t="s">
        <v>15</v>
      </c>
      <c r="G99988" s="16">
        <v>0.49115884944608301</v>
      </c>
    </row>
    <row r="99989" spans="1:7" x14ac:dyDescent="0.3">
      <c r="A99989" s="13" t="s">
        <v>492</v>
      </c>
      <c r="B99989" s="14" t="s">
        <v>1</v>
      </c>
      <c r="C99989" s="14" t="s">
        <v>101</v>
      </c>
      <c r="D99989" s="14" t="s">
        <v>39</v>
      </c>
      <c r="E99989" s="15">
        <v>45720</v>
      </c>
      <c r="F99989" s="14" t="s">
        <v>15</v>
      </c>
      <c r="G99989" s="16">
        <v>0.48310525293228934</v>
      </c>
    </row>
    <row r="99990" spans="1:7" x14ac:dyDescent="0.3">
      <c r="A99990" s="13" t="s">
        <v>492</v>
      </c>
      <c r="B99990" s="14" t="s">
        <v>1</v>
      </c>
      <c r="C99990" s="14" t="s">
        <v>101</v>
      </c>
      <c r="D99990" s="14" t="s">
        <v>39</v>
      </c>
      <c r="E99990" s="15">
        <v>45721</v>
      </c>
      <c r="F99990" s="14" t="s">
        <v>15</v>
      </c>
      <c r="G99990" s="16">
        <v>0.47927201174145384</v>
      </c>
    </row>
    <row r="99991" spans="1:7" x14ac:dyDescent="0.3">
      <c r="A99991" s="13" t="s">
        <v>492</v>
      </c>
      <c r="B99991" s="14" t="s">
        <v>1</v>
      </c>
      <c r="C99991" s="14" t="s">
        <v>101</v>
      </c>
      <c r="D99991" s="14" t="s">
        <v>39</v>
      </c>
      <c r="E99991" s="15">
        <v>45722</v>
      </c>
      <c r="F99991" s="14" t="s">
        <v>15</v>
      </c>
      <c r="G99991" s="16">
        <v>0.47545997975045312</v>
      </c>
    </row>
    <row r="99992" spans="1:7" x14ac:dyDescent="0.3">
      <c r="A99992" s="13" t="s">
        <v>492</v>
      </c>
      <c r="B99992" s="14" t="s">
        <v>1</v>
      </c>
      <c r="C99992" s="14" t="s">
        <v>101</v>
      </c>
      <c r="D99992" s="14" t="s">
        <v>39</v>
      </c>
      <c r="E99992" s="15">
        <v>45723</v>
      </c>
      <c r="F99992" s="14" t="s">
        <v>15</v>
      </c>
      <c r="G99992" s="16">
        <v>0.47176831685461834</v>
      </c>
    </row>
    <row r="99993" spans="1:7" x14ac:dyDescent="0.3">
      <c r="A99993" s="13" t="s">
        <v>492</v>
      </c>
      <c r="B99993" s="14" t="s">
        <v>1</v>
      </c>
      <c r="C99993" s="14" t="s">
        <v>101</v>
      </c>
      <c r="D99993" s="14" t="s">
        <v>39</v>
      </c>
      <c r="E99993" s="15">
        <v>45724</v>
      </c>
      <c r="F99993" s="14" t="s">
        <v>15</v>
      </c>
      <c r="G99993" s="16">
        <v>0.47176831685461834</v>
      </c>
    </row>
    <row r="99994" spans="1:7" x14ac:dyDescent="0.3">
      <c r="A99994" s="13" t="s">
        <v>492</v>
      </c>
      <c r="B99994" s="14" t="s">
        <v>1</v>
      </c>
      <c r="C99994" s="14" t="s">
        <v>101</v>
      </c>
      <c r="D99994" s="14" t="s">
        <v>39</v>
      </c>
      <c r="E99994" s="15">
        <v>45725</v>
      </c>
      <c r="F99994" s="14" t="s">
        <v>15</v>
      </c>
      <c r="G99994" s="16">
        <v>0.47176831685461834</v>
      </c>
    </row>
    <row r="99995" spans="1:7" x14ac:dyDescent="0.3">
      <c r="A99995" s="13" t="s">
        <v>492</v>
      </c>
      <c r="B99995" s="14" t="s">
        <v>1</v>
      </c>
      <c r="C99995" s="14" t="s">
        <v>101</v>
      </c>
      <c r="D99995" s="14" t="s">
        <v>39</v>
      </c>
      <c r="E99995" s="15">
        <v>45726</v>
      </c>
      <c r="F99995" s="14" t="s">
        <v>15</v>
      </c>
      <c r="G99995" s="16">
        <v>0.47846200032980679</v>
      </c>
    </row>
    <row r="99996" spans="1:7" x14ac:dyDescent="0.3">
      <c r="A99996" s="13" t="s">
        <v>492</v>
      </c>
      <c r="B99996" s="14" t="s">
        <v>1</v>
      </c>
      <c r="C99996" s="14" t="s">
        <v>101</v>
      </c>
      <c r="D99996" s="14" t="s">
        <v>39</v>
      </c>
      <c r="E99996" s="15">
        <v>45727</v>
      </c>
      <c r="F99996" s="14" t="s">
        <v>15</v>
      </c>
      <c r="G99996" s="16">
        <v>0.46988478447983351</v>
      </c>
    </row>
    <row r="99997" spans="1:7" x14ac:dyDescent="0.3">
      <c r="A99997" s="13" t="s">
        <v>492</v>
      </c>
      <c r="B99997" s="14" t="s">
        <v>1</v>
      </c>
      <c r="C99997" s="14" t="s">
        <v>101</v>
      </c>
      <c r="D99997" s="14" t="s">
        <v>39</v>
      </c>
      <c r="E99997" s="15">
        <v>45728</v>
      </c>
      <c r="F99997" s="14" t="s">
        <v>15</v>
      </c>
      <c r="G99997" s="16">
        <v>0.46606035750191632</v>
      </c>
    </row>
    <row r="99998" spans="1:7" x14ac:dyDescent="0.3">
      <c r="A99998" s="13" t="s">
        <v>492</v>
      </c>
      <c r="B99998" s="14" t="s">
        <v>1</v>
      </c>
      <c r="C99998" s="14" t="s">
        <v>101</v>
      </c>
      <c r="D99998" s="14" t="s">
        <v>39</v>
      </c>
      <c r="E99998" s="15">
        <v>45729</v>
      </c>
      <c r="F99998" s="14" t="s">
        <v>15</v>
      </c>
      <c r="G99998" s="16">
        <v>0.4669865158428258</v>
      </c>
    </row>
    <row r="99999" spans="1:7" x14ac:dyDescent="0.3">
      <c r="A99999" s="13" t="s">
        <v>492</v>
      </c>
      <c r="B99999" s="14" t="s">
        <v>1</v>
      </c>
      <c r="C99999" s="14" t="s">
        <v>101</v>
      </c>
      <c r="D99999" s="14" t="s">
        <v>39</v>
      </c>
      <c r="E99999" s="15">
        <v>45730</v>
      </c>
      <c r="F99999" s="14" t="s">
        <v>15</v>
      </c>
      <c r="G99999" s="16">
        <v>0.47625126249337013</v>
      </c>
    </row>
    <row r="100000" spans="1:7" x14ac:dyDescent="0.3">
      <c r="A100000" s="13" t="s">
        <v>492</v>
      </c>
      <c r="B100000" s="14" t="s">
        <v>1</v>
      </c>
      <c r="C100000" s="14" t="s">
        <v>101</v>
      </c>
      <c r="D100000" s="14" t="s">
        <v>39</v>
      </c>
      <c r="E100000" s="15">
        <v>45731</v>
      </c>
      <c r="F100000" s="14" t="s">
        <v>15</v>
      </c>
      <c r="G100000" s="16">
        <v>0.47625126249337013</v>
      </c>
    </row>
    <row r="100001" spans="1:7" x14ac:dyDescent="0.3">
      <c r="A100001" s="13" t="s">
        <v>492</v>
      </c>
      <c r="B100001" s="14" t="s">
        <v>1</v>
      </c>
      <c r="C100001" s="14" t="s">
        <v>101</v>
      </c>
      <c r="D100001" s="14" t="s">
        <v>39</v>
      </c>
      <c r="E100001" s="15">
        <v>45732</v>
      </c>
      <c r="F100001" s="14" t="s">
        <v>15</v>
      </c>
      <c r="G100001" s="16">
        <v>0.47625126249337013</v>
      </c>
    </row>
    <row r="100002" spans="1:7" x14ac:dyDescent="0.3">
      <c r="A100002" s="13" t="s">
        <v>492</v>
      </c>
      <c r="B100002" s="14" t="s">
        <v>1</v>
      </c>
      <c r="C100002" s="14" t="s">
        <v>101</v>
      </c>
      <c r="D100002" s="14" t="s">
        <v>39</v>
      </c>
      <c r="E100002" s="15">
        <v>45733</v>
      </c>
      <c r="F100002" s="14" t="s">
        <v>15</v>
      </c>
      <c r="G100002" s="16">
        <v>0.47625126249337013</v>
      </c>
    </row>
    <row r="100003" spans="1:7" x14ac:dyDescent="0.3">
      <c r="A100003" s="13" t="s">
        <v>492</v>
      </c>
      <c r="B100003" s="14" t="s">
        <v>1</v>
      </c>
      <c r="C100003" s="14" t="s">
        <v>101</v>
      </c>
      <c r="D100003" s="14" t="s">
        <v>39</v>
      </c>
      <c r="E100003" s="15">
        <v>45734</v>
      </c>
      <c r="F100003" s="14" t="s">
        <v>15</v>
      </c>
      <c r="G100003" s="16">
        <v>0.4834823805596179</v>
      </c>
    </row>
    <row r="100004" spans="1:7" x14ac:dyDescent="0.3">
      <c r="A100004" s="13" t="s">
        <v>492</v>
      </c>
      <c r="B100004" s="14" t="s">
        <v>1</v>
      </c>
      <c r="C100004" s="14" t="s">
        <v>101</v>
      </c>
      <c r="D100004" s="14" t="s">
        <v>39</v>
      </c>
      <c r="E100004" s="15">
        <v>45735</v>
      </c>
      <c r="F100004" s="14" t="s">
        <v>15</v>
      </c>
      <c r="G100004" s="16">
        <v>0.49014841830759509</v>
      </c>
    </row>
    <row r="100005" spans="1:7" x14ac:dyDescent="0.3">
      <c r="A100005" s="13" t="s">
        <v>492</v>
      </c>
      <c r="B100005" s="14" t="s">
        <v>1</v>
      </c>
      <c r="C100005" s="14" t="s">
        <v>101</v>
      </c>
      <c r="D100005" s="14" t="s">
        <v>39</v>
      </c>
      <c r="E100005" s="15">
        <v>45736</v>
      </c>
      <c r="F100005" s="14" t="s">
        <v>15</v>
      </c>
      <c r="G100005" s="16">
        <v>0.48923811616666663</v>
      </c>
    </row>
    <row r="100006" spans="1:7" x14ac:dyDescent="0.3">
      <c r="A100006" s="13" t="s">
        <v>492</v>
      </c>
      <c r="B100006" s="14" t="s">
        <v>1</v>
      </c>
      <c r="C100006" s="14" t="s">
        <v>101</v>
      </c>
      <c r="D100006" s="14" t="s">
        <v>39</v>
      </c>
      <c r="E100006" s="15">
        <v>45737</v>
      </c>
      <c r="F100006" s="14" t="s">
        <v>15</v>
      </c>
      <c r="G100006" s="16">
        <v>0.48560359844249246</v>
      </c>
    </row>
    <row r="100007" spans="1:7" x14ac:dyDescent="0.3">
      <c r="A100007" s="13" t="s">
        <v>492</v>
      </c>
      <c r="B100007" s="14" t="s">
        <v>1</v>
      </c>
      <c r="C100007" s="14" t="s">
        <v>101</v>
      </c>
      <c r="D100007" s="14" t="s">
        <v>39</v>
      </c>
      <c r="E100007" s="15">
        <v>45738</v>
      </c>
      <c r="F100007" s="14" t="s">
        <v>15</v>
      </c>
      <c r="G100007" s="16">
        <v>0.48560359844249246</v>
      </c>
    </row>
    <row r="100008" spans="1:7" x14ac:dyDescent="0.3">
      <c r="A100008" s="13" t="s">
        <v>492</v>
      </c>
      <c r="B100008" s="14" t="s">
        <v>1</v>
      </c>
      <c r="C100008" s="14" t="s">
        <v>101</v>
      </c>
      <c r="D100008" s="14" t="s">
        <v>39</v>
      </c>
      <c r="E100008" s="15">
        <v>45739</v>
      </c>
      <c r="F100008" s="14" t="s">
        <v>15</v>
      </c>
      <c r="G100008" s="16">
        <v>0.48560359844249246</v>
      </c>
    </row>
    <row r="100009" spans="1:7" x14ac:dyDescent="0.3">
      <c r="A100009" s="13" t="s">
        <v>492</v>
      </c>
      <c r="B100009" s="14" t="s">
        <v>1</v>
      </c>
      <c r="C100009" s="14" t="s">
        <v>101</v>
      </c>
      <c r="D100009" s="14" t="s">
        <v>39</v>
      </c>
      <c r="E100009" s="15">
        <v>45740</v>
      </c>
      <c r="F100009" s="14" t="s">
        <v>15</v>
      </c>
      <c r="G100009" s="16">
        <v>0.48176670870210458</v>
      </c>
    </row>
    <row r="100010" spans="1:7" x14ac:dyDescent="0.3">
      <c r="A100010" s="13" t="s">
        <v>492</v>
      </c>
      <c r="B100010" s="14" t="s">
        <v>1</v>
      </c>
      <c r="C100010" s="14" t="s">
        <v>101</v>
      </c>
      <c r="D100010" s="14" t="s">
        <v>39</v>
      </c>
      <c r="E100010" s="15">
        <v>45741</v>
      </c>
      <c r="F100010" s="14" t="s">
        <v>15</v>
      </c>
      <c r="G100010" s="16">
        <v>0.47328637203182622</v>
      </c>
    </row>
    <row r="100011" spans="1:7" x14ac:dyDescent="0.3">
      <c r="A100011" s="13" t="s">
        <v>492</v>
      </c>
      <c r="B100011" s="14" t="s">
        <v>1</v>
      </c>
      <c r="C100011" s="14" t="s">
        <v>101</v>
      </c>
      <c r="D100011" s="14" t="s">
        <v>39</v>
      </c>
      <c r="E100011" s="15">
        <v>45742</v>
      </c>
      <c r="F100011" s="14" t="s">
        <v>15</v>
      </c>
      <c r="G100011" s="16">
        <v>0.47999924959364526</v>
      </c>
    </row>
    <row r="100012" spans="1:7" x14ac:dyDescent="0.3">
      <c r="A100012" s="13" t="s">
        <v>492</v>
      </c>
      <c r="B100012" s="14" t="s">
        <v>1</v>
      </c>
      <c r="C100012" s="14" t="s">
        <v>101</v>
      </c>
      <c r="D100012" s="14" t="s">
        <v>39</v>
      </c>
      <c r="E100012" s="15">
        <v>45743</v>
      </c>
      <c r="F100012" s="14" t="s">
        <v>15</v>
      </c>
      <c r="G100012" s="16">
        <v>0.47614854811327828</v>
      </c>
    </row>
    <row r="100013" spans="1:7" x14ac:dyDescent="0.3">
      <c r="A100013" s="13" t="s">
        <v>492</v>
      </c>
      <c r="B100013" s="14" t="s">
        <v>1</v>
      </c>
      <c r="C100013" s="14" t="s">
        <v>101</v>
      </c>
      <c r="D100013" s="14" t="s">
        <v>39</v>
      </c>
      <c r="E100013" s="15">
        <v>45744</v>
      </c>
      <c r="F100013" s="14" t="s">
        <v>15</v>
      </c>
      <c r="G100013" s="16">
        <v>0.47994864981561669</v>
      </c>
    </row>
    <row r="100014" spans="1:7" x14ac:dyDescent="0.3">
      <c r="A100014" s="13" t="s">
        <v>492</v>
      </c>
      <c r="B100014" s="14" t="s">
        <v>1</v>
      </c>
      <c r="C100014" s="14" t="s">
        <v>101</v>
      </c>
      <c r="D100014" s="14" t="s">
        <v>39</v>
      </c>
      <c r="E100014" s="15">
        <v>45745</v>
      </c>
      <c r="F100014" s="14" t="s">
        <v>15</v>
      </c>
      <c r="G100014" s="16">
        <v>0.47994864981561669</v>
      </c>
    </row>
    <row r="100015" spans="1:7" x14ac:dyDescent="0.3">
      <c r="A100015" s="13" t="s">
        <v>492</v>
      </c>
      <c r="B100015" s="14" t="s">
        <v>1</v>
      </c>
      <c r="C100015" s="14" t="s">
        <v>101</v>
      </c>
      <c r="D100015" s="14" t="s">
        <v>39</v>
      </c>
      <c r="E100015" s="15">
        <v>45746</v>
      </c>
      <c r="F100015" s="14" t="s">
        <v>15</v>
      </c>
      <c r="G100015" s="16">
        <v>0.47994864981561669</v>
      </c>
    </row>
    <row r="100016" spans="1:7" x14ac:dyDescent="0.3">
      <c r="A100016" s="13" t="s">
        <v>492</v>
      </c>
      <c r="B100016" s="14" t="s">
        <v>1</v>
      </c>
      <c r="C100016" s="14" t="s">
        <v>101</v>
      </c>
      <c r="D100016" s="14" t="s">
        <v>39</v>
      </c>
      <c r="E100016" s="15">
        <v>45747</v>
      </c>
      <c r="F100016" s="14" t="s">
        <v>15</v>
      </c>
      <c r="G100016" s="16">
        <v>0.48063150185574216</v>
      </c>
    </row>
    <row r="100017" spans="1:7" x14ac:dyDescent="0.3">
      <c r="A100017" s="13" t="s">
        <v>493</v>
      </c>
      <c r="B100017" s="14" t="s">
        <v>1</v>
      </c>
      <c r="C100017" s="14" t="s">
        <v>47</v>
      </c>
      <c r="D100017" s="14" t="s">
        <v>420</v>
      </c>
      <c r="E100017" s="15">
        <v>45383</v>
      </c>
      <c r="F100017" s="14" t="s">
        <v>61</v>
      </c>
      <c r="G100017" s="16">
        <v>0</v>
      </c>
    </row>
    <row r="100018" spans="1:7" x14ac:dyDescent="0.3">
      <c r="A100018" s="13" t="s">
        <v>493</v>
      </c>
      <c r="B100018" s="14" t="s">
        <v>1</v>
      </c>
      <c r="C100018" s="14" t="s">
        <v>47</v>
      </c>
      <c r="D100018" s="14" t="s">
        <v>420</v>
      </c>
      <c r="E100018" s="15">
        <v>45384</v>
      </c>
      <c r="F100018" s="14" t="s">
        <v>61</v>
      </c>
      <c r="G100018" s="16">
        <v>0</v>
      </c>
    </row>
    <row r="100019" spans="1:7" x14ac:dyDescent="0.3">
      <c r="A100019" s="13" t="s">
        <v>493</v>
      </c>
      <c r="B100019" s="14" t="s">
        <v>1</v>
      </c>
      <c r="C100019" s="14" t="s">
        <v>47</v>
      </c>
      <c r="D100019" s="14" t="s">
        <v>420</v>
      </c>
      <c r="E100019" s="15">
        <v>45385</v>
      </c>
      <c r="F100019" s="14" t="s">
        <v>61</v>
      </c>
      <c r="G100019" s="16">
        <v>0</v>
      </c>
    </row>
    <row r="100020" spans="1:7" x14ac:dyDescent="0.3">
      <c r="A100020" s="13" t="s">
        <v>493</v>
      </c>
      <c r="B100020" s="14" t="s">
        <v>1</v>
      </c>
      <c r="C100020" s="14" t="s">
        <v>47</v>
      </c>
      <c r="D100020" s="14" t="s">
        <v>420</v>
      </c>
      <c r="E100020" s="15">
        <v>45386</v>
      </c>
      <c r="F100020" s="14" t="s">
        <v>61</v>
      </c>
      <c r="G100020" s="16">
        <v>0</v>
      </c>
    </row>
    <row r="100021" spans="1:7" x14ac:dyDescent="0.3">
      <c r="A100021" s="13" t="s">
        <v>493</v>
      </c>
      <c r="B100021" s="14" t="s">
        <v>1</v>
      </c>
      <c r="C100021" s="14" t="s">
        <v>47</v>
      </c>
      <c r="D100021" s="14" t="s">
        <v>420</v>
      </c>
      <c r="E100021" s="15">
        <v>45387</v>
      </c>
      <c r="F100021" s="14" t="s">
        <v>61</v>
      </c>
      <c r="G100021" s="16">
        <v>0</v>
      </c>
    </row>
    <row r="100022" spans="1:7" x14ac:dyDescent="0.3">
      <c r="A100022" s="13" t="s">
        <v>493</v>
      </c>
      <c r="B100022" s="14" t="s">
        <v>1</v>
      </c>
      <c r="C100022" s="14" t="s">
        <v>47</v>
      </c>
      <c r="D100022" s="14" t="s">
        <v>420</v>
      </c>
      <c r="E100022" s="15">
        <v>45388</v>
      </c>
      <c r="F100022" s="14" t="s">
        <v>61</v>
      </c>
      <c r="G100022" s="16">
        <v>0</v>
      </c>
    </row>
    <row r="100023" spans="1:7" x14ac:dyDescent="0.3">
      <c r="A100023" s="13" t="s">
        <v>493</v>
      </c>
      <c r="B100023" s="14" t="s">
        <v>1</v>
      </c>
      <c r="C100023" s="14" t="s">
        <v>47</v>
      </c>
      <c r="D100023" s="14" t="s">
        <v>420</v>
      </c>
      <c r="E100023" s="15">
        <v>45389</v>
      </c>
      <c r="F100023" s="14" t="s">
        <v>61</v>
      </c>
      <c r="G100023" s="16">
        <v>0</v>
      </c>
    </row>
    <row r="100024" spans="1:7" x14ac:dyDescent="0.3">
      <c r="A100024" s="13" t="s">
        <v>493</v>
      </c>
      <c r="B100024" s="14" t="s">
        <v>1</v>
      </c>
      <c r="C100024" s="14" t="s">
        <v>47</v>
      </c>
      <c r="D100024" s="14" t="s">
        <v>420</v>
      </c>
      <c r="E100024" s="15">
        <v>45390</v>
      </c>
      <c r="F100024" s="14" t="s">
        <v>61</v>
      </c>
      <c r="G100024" s="16">
        <v>0</v>
      </c>
    </row>
    <row r="100025" spans="1:7" x14ac:dyDescent="0.3">
      <c r="A100025" s="13" t="s">
        <v>493</v>
      </c>
      <c r="B100025" s="14" t="s">
        <v>1</v>
      </c>
      <c r="C100025" s="14" t="s">
        <v>47</v>
      </c>
      <c r="D100025" s="14" t="s">
        <v>420</v>
      </c>
      <c r="E100025" s="15">
        <v>45391</v>
      </c>
      <c r="F100025" s="14" t="s">
        <v>61</v>
      </c>
      <c r="G100025" s="16">
        <v>0</v>
      </c>
    </row>
    <row r="100026" spans="1:7" x14ac:dyDescent="0.3">
      <c r="A100026" s="13" t="s">
        <v>493</v>
      </c>
      <c r="B100026" s="14" t="s">
        <v>1</v>
      </c>
      <c r="C100026" s="14" t="s">
        <v>47</v>
      </c>
      <c r="D100026" s="14" t="s">
        <v>420</v>
      </c>
      <c r="E100026" s="15">
        <v>45392</v>
      </c>
      <c r="F100026" s="14" t="s">
        <v>61</v>
      </c>
      <c r="G100026" s="16">
        <v>0</v>
      </c>
    </row>
    <row r="100027" spans="1:7" x14ac:dyDescent="0.3">
      <c r="A100027" s="13" t="s">
        <v>493</v>
      </c>
      <c r="B100027" s="14" t="s">
        <v>1</v>
      </c>
      <c r="C100027" s="14" t="s">
        <v>47</v>
      </c>
      <c r="D100027" s="14" t="s">
        <v>420</v>
      </c>
      <c r="E100027" s="15">
        <v>45393</v>
      </c>
      <c r="F100027" s="14" t="s">
        <v>61</v>
      </c>
      <c r="G100027" s="16">
        <v>0</v>
      </c>
    </row>
    <row r="100028" spans="1:7" x14ac:dyDescent="0.3">
      <c r="A100028" s="13" t="s">
        <v>493</v>
      </c>
      <c r="B100028" s="14" t="s">
        <v>1</v>
      </c>
      <c r="C100028" s="14" t="s">
        <v>47</v>
      </c>
      <c r="D100028" s="14" t="s">
        <v>420</v>
      </c>
      <c r="E100028" s="15">
        <v>45394</v>
      </c>
      <c r="F100028" s="14" t="s">
        <v>61</v>
      </c>
      <c r="G100028" s="16">
        <v>0</v>
      </c>
    </row>
    <row r="100029" spans="1:7" x14ac:dyDescent="0.3">
      <c r="A100029" s="13" t="s">
        <v>493</v>
      </c>
      <c r="B100029" s="14" t="s">
        <v>1</v>
      </c>
      <c r="C100029" s="14" t="s">
        <v>47</v>
      </c>
      <c r="D100029" s="14" t="s">
        <v>420</v>
      </c>
      <c r="E100029" s="15">
        <v>45395</v>
      </c>
      <c r="F100029" s="14" t="s">
        <v>61</v>
      </c>
      <c r="G100029" s="16">
        <v>0</v>
      </c>
    </row>
    <row r="100030" spans="1:7" x14ac:dyDescent="0.3">
      <c r="A100030" s="13" t="s">
        <v>493</v>
      </c>
      <c r="B100030" s="14" t="s">
        <v>1</v>
      </c>
      <c r="C100030" s="14" t="s">
        <v>47</v>
      </c>
      <c r="D100030" s="14" t="s">
        <v>420</v>
      </c>
      <c r="E100030" s="15">
        <v>45396</v>
      </c>
      <c r="F100030" s="14" t="s">
        <v>61</v>
      </c>
      <c r="G100030" s="16">
        <v>0</v>
      </c>
    </row>
    <row r="100031" spans="1:7" x14ac:dyDescent="0.3">
      <c r="A100031" s="13" t="s">
        <v>493</v>
      </c>
      <c r="B100031" s="14" t="s">
        <v>1</v>
      </c>
      <c r="C100031" s="14" t="s">
        <v>47</v>
      </c>
      <c r="D100031" s="14" t="s">
        <v>420</v>
      </c>
      <c r="E100031" s="15">
        <v>45397</v>
      </c>
      <c r="F100031" s="14" t="s">
        <v>61</v>
      </c>
      <c r="G100031" s="16">
        <v>0</v>
      </c>
    </row>
    <row r="100032" spans="1:7" x14ac:dyDescent="0.3">
      <c r="A100032" s="13" t="s">
        <v>493</v>
      </c>
      <c r="B100032" s="14" t="s">
        <v>1</v>
      </c>
      <c r="C100032" s="14" t="s">
        <v>47</v>
      </c>
      <c r="D100032" s="14" t="s">
        <v>420</v>
      </c>
      <c r="E100032" s="15">
        <v>45398</v>
      </c>
      <c r="F100032" s="14" t="s">
        <v>61</v>
      </c>
      <c r="G100032" s="16">
        <v>0</v>
      </c>
    </row>
    <row r="100033" spans="1:7" x14ac:dyDescent="0.3">
      <c r="A100033" s="13" t="s">
        <v>493</v>
      </c>
      <c r="B100033" s="14" t="s">
        <v>1</v>
      </c>
      <c r="C100033" s="14" t="s">
        <v>47</v>
      </c>
      <c r="D100033" s="14" t="s">
        <v>420</v>
      </c>
      <c r="E100033" s="15">
        <v>45399</v>
      </c>
      <c r="F100033" s="14" t="s">
        <v>61</v>
      </c>
      <c r="G100033" s="16">
        <v>0</v>
      </c>
    </row>
    <row r="100034" spans="1:7" x14ac:dyDescent="0.3">
      <c r="A100034" s="13" t="s">
        <v>493</v>
      </c>
      <c r="B100034" s="14" t="s">
        <v>1</v>
      </c>
      <c r="C100034" s="14" t="s">
        <v>47</v>
      </c>
      <c r="D100034" s="14" t="s">
        <v>420</v>
      </c>
      <c r="E100034" s="15">
        <v>45400</v>
      </c>
      <c r="F100034" s="14" t="s">
        <v>61</v>
      </c>
      <c r="G100034" s="16">
        <v>0</v>
      </c>
    </row>
    <row r="100035" spans="1:7" x14ac:dyDescent="0.3">
      <c r="A100035" s="13" t="s">
        <v>493</v>
      </c>
      <c r="B100035" s="14" t="s">
        <v>1</v>
      </c>
      <c r="C100035" s="14" t="s">
        <v>47</v>
      </c>
      <c r="D100035" s="14" t="s">
        <v>420</v>
      </c>
      <c r="E100035" s="15">
        <v>45401</v>
      </c>
      <c r="F100035" s="14" t="s">
        <v>61</v>
      </c>
      <c r="G100035" s="16">
        <v>0</v>
      </c>
    </row>
    <row r="100036" spans="1:7" x14ac:dyDescent="0.3">
      <c r="A100036" s="13" t="s">
        <v>493</v>
      </c>
      <c r="B100036" s="14" t="s">
        <v>1</v>
      </c>
      <c r="C100036" s="14" t="s">
        <v>47</v>
      </c>
      <c r="D100036" s="14" t="s">
        <v>420</v>
      </c>
      <c r="E100036" s="15">
        <v>45402</v>
      </c>
      <c r="F100036" s="14" t="s">
        <v>61</v>
      </c>
      <c r="G100036" s="16">
        <v>0</v>
      </c>
    </row>
    <row r="100037" spans="1:7" x14ac:dyDescent="0.3">
      <c r="A100037" s="13" t="s">
        <v>493</v>
      </c>
      <c r="B100037" s="14" t="s">
        <v>1</v>
      </c>
      <c r="C100037" s="14" t="s">
        <v>47</v>
      </c>
      <c r="D100037" s="14" t="s">
        <v>420</v>
      </c>
      <c r="E100037" s="15">
        <v>45403</v>
      </c>
      <c r="F100037" s="14" t="s">
        <v>61</v>
      </c>
      <c r="G100037" s="16">
        <v>0</v>
      </c>
    </row>
    <row r="100038" spans="1:7" x14ac:dyDescent="0.3">
      <c r="A100038" s="13" t="s">
        <v>493</v>
      </c>
      <c r="B100038" s="14" t="s">
        <v>1</v>
      </c>
      <c r="C100038" s="14" t="s">
        <v>47</v>
      </c>
      <c r="D100038" s="14" t="s">
        <v>420</v>
      </c>
      <c r="E100038" s="15">
        <v>45404</v>
      </c>
      <c r="F100038" s="14" t="s">
        <v>61</v>
      </c>
      <c r="G100038" s="16">
        <v>0</v>
      </c>
    </row>
    <row r="100039" spans="1:7" x14ac:dyDescent="0.3">
      <c r="A100039" s="13" t="s">
        <v>493</v>
      </c>
      <c r="B100039" s="14" t="s">
        <v>1</v>
      </c>
      <c r="C100039" s="14" t="s">
        <v>47</v>
      </c>
      <c r="D100039" s="14" t="s">
        <v>420</v>
      </c>
      <c r="E100039" s="15">
        <v>45405</v>
      </c>
      <c r="F100039" s="14" t="s">
        <v>61</v>
      </c>
      <c r="G100039" s="16">
        <v>0</v>
      </c>
    </row>
    <row r="100040" spans="1:7" x14ac:dyDescent="0.3">
      <c r="A100040" s="13" t="s">
        <v>493</v>
      </c>
      <c r="B100040" s="14" t="s">
        <v>1</v>
      </c>
      <c r="C100040" s="14" t="s">
        <v>47</v>
      </c>
      <c r="D100040" s="14" t="s">
        <v>420</v>
      </c>
      <c r="E100040" s="15">
        <v>45406</v>
      </c>
      <c r="F100040" s="14" t="s">
        <v>61</v>
      </c>
      <c r="G100040" s="16">
        <v>0</v>
      </c>
    </row>
    <row r="100041" spans="1:7" x14ac:dyDescent="0.3">
      <c r="A100041" s="13" t="s">
        <v>493</v>
      </c>
      <c r="B100041" s="14" t="s">
        <v>1</v>
      </c>
      <c r="C100041" s="14" t="s">
        <v>47</v>
      </c>
      <c r="D100041" s="14" t="s">
        <v>420</v>
      </c>
      <c r="E100041" s="15">
        <v>45407</v>
      </c>
      <c r="F100041" s="14" t="s">
        <v>61</v>
      </c>
      <c r="G100041" s="16">
        <v>0</v>
      </c>
    </row>
    <row r="100042" spans="1:7" x14ac:dyDescent="0.3">
      <c r="A100042" s="13" t="s">
        <v>493</v>
      </c>
      <c r="B100042" s="14" t="s">
        <v>1</v>
      </c>
      <c r="C100042" s="14" t="s">
        <v>47</v>
      </c>
      <c r="D100042" s="14" t="s">
        <v>420</v>
      </c>
      <c r="E100042" s="15">
        <v>45408</v>
      </c>
      <c r="F100042" s="14" t="s">
        <v>61</v>
      </c>
      <c r="G100042" s="16">
        <v>0</v>
      </c>
    </row>
    <row r="100043" spans="1:7" x14ac:dyDescent="0.3">
      <c r="A100043" s="13" t="s">
        <v>493</v>
      </c>
      <c r="B100043" s="14" t="s">
        <v>1</v>
      </c>
      <c r="C100043" s="14" t="s">
        <v>47</v>
      </c>
      <c r="D100043" s="14" t="s">
        <v>420</v>
      </c>
      <c r="E100043" s="15">
        <v>45409</v>
      </c>
      <c r="F100043" s="14" t="s">
        <v>61</v>
      </c>
      <c r="G100043" s="16">
        <v>0</v>
      </c>
    </row>
    <row r="100044" spans="1:7" x14ac:dyDescent="0.3">
      <c r="A100044" s="13" t="s">
        <v>493</v>
      </c>
      <c r="B100044" s="14" t="s">
        <v>1</v>
      </c>
      <c r="C100044" s="14" t="s">
        <v>47</v>
      </c>
      <c r="D100044" s="14" t="s">
        <v>420</v>
      </c>
      <c r="E100044" s="15">
        <v>45410</v>
      </c>
      <c r="F100044" s="14" t="s">
        <v>61</v>
      </c>
      <c r="G100044" s="16">
        <v>0</v>
      </c>
    </row>
    <row r="100045" spans="1:7" x14ac:dyDescent="0.3">
      <c r="A100045" s="13" t="s">
        <v>493</v>
      </c>
      <c r="B100045" s="14" t="s">
        <v>1</v>
      </c>
      <c r="C100045" s="14" t="s">
        <v>47</v>
      </c>
      <c r="D100045" s="14" t="s">
        <v>420</v>
      </c>
      <c r="E100045" s="15">
        <v>45411</v>
      </c>
      <c r="F100045" s="14" t="s">
        <v>61</v>
      </c>
      <c r="G100045" s="16">
        <v>0</v>
      </c>
    </row>
    <row r="100046" spans="1:7" x14ac:dyDescent="0.3">
      <c r="A100046" s="13" t="s">
        <v>493</v>
      </c>
      <c r="B100046" s="14" t="s">
        <v>1</v>
      </c>
      <c r="C100046" s="14" t="s">
        <v>47</v>
      </c>
      <c r="D100046" s="14" t="s">
        <v>420</v>
      </c>
      <c r="E100046" s="15">
        <v>45412</v>
      </c>
      <c r="F100046" s="14" t="s">
        <v>61</v>
      </c>
      <c r="G100046" s="16">
        <v>0</v>
      </c>
    </row>
    <row r="100047" spans="1:7" x14ac:dyDescent="0.3">
      <c r="A100047" s="13" t="s">
        <v>493</v>
      </c>
      <c r="B100047" s="14" t="s">
        <v>1</v>
      </c>
      <c r="C100047" s="14" t="s">
        <v>47</v>
      </c>
      <c r="D100047" s="14" t="s">
        <v>420</v>
      </c>
      <c r="E100047" s="15">
        <v>45413</v>
      </c>
      <c r="F100047" s="14" t="s">
        <v>61</v>
      </c>
      <c r="G100047" s="16">
        <v>2.7049809657867332E-4</v>
      </c>
    </row>
    <row r="100048" spans="1:7" x14ac:dyDescent="0.3">
      <c r="A100048" s="13" t="s">
        <v>493</v>
      </c>
      <c r="B100048" s="14" t="s">
        <v>1</v>
      </c>
      <c r="C100048" s="14" t="s">
        <v>47</v>
      </c>
      <c r="D100048" s="14" t="s">
        <v>420</v>
      </c>
      <c r="E100048" s="15">
        <v>45414</v>
      </c>
      <c r="F100048" s="14" t="s">
        <v>61</v>
      </c>
      <c r="G100048" s="16">
        <v>8.4034250804385059E-4</v>
      </c>
    </row>
    <row r="100049" spans="1:7" x14ac:dyDescent="0.3">
      <c r="A100049" s="13" t="s">
        <v>493</v>
      </c>
      <c r="B100049" s="14" t="s">
        <v>1</v>
      </c>
      <c r="C100049" s="14" t="s">
        <v>47</v>
      </c>
      <c r="D100049" s="14" t="s">
        <v>420</v>
      </c>
      <c r="E100049" s="15">
        <v>45415</v>
      </c>
      <c r="F100049" s="14" t="s">
        <v>61</v>
      </c>
      <c r="G100049" s="16">
        <v>1.1891057025415108E-3</v>
      </c>
    </row>
    <row r="100050" spans="1:7" x14ac:dyDescent="0.3">
      <c r="A100050" s="13" t="s">
        <v>493</v>
      </c>
      <c r="B100050" s="14" t="s">
        <v>1</v>
      </c>
      <c r="C100050" s="14" t="s">
        <v>47</v>
      </c>
      <c r="D100050" s="14" t="s">
        <v>420</v>
      </c>
      <c r="E100050" s="15">
        <v>45416</v>
      </c>
      <c r="F100050" s="14" t="s">
        <v>61</v>
      </c>
      <c r="G100050" s="16">
        <v>1.1891057025415108E-3</v>
      </c>
    </row>
    <row r="100051" spans="1:7" x14ac:dyDescent="0.3">
      <c r="A100051" s="13" t="s">
        <v>493</v>
      </c>
      <c r="B100051" s="14" t="s">
        <v>1</v>
      </c>
      <c r="C100051" s="14" t="s">
        <v>47</v>
      </c>
      <c r="D100051" s="14" t="s">
        <v>420</v>
      </c>
      <c r="E100051" s="15">
        <v>45417</v>
      </c>
      <c r="F100051" s="14" t="s">
        <v>61</v>
      </c>
      <c r="G100051" s="16">
        <v>1.1891057025415108E-3</v>
      </c>
    </row>
    <row r="100052" spans="1:7" x14ac:dyDescent="0.3">
      <c r="A100052" s="13" t="s">
        <v>493</v>
      </c>
      <c r="B100052" s="14" t="s">
        <v>1</v>
      </c>
      <c r="C100052" s="14" t="s">
        <v>47</v>
      </c>
      <c r="D100052" s="14" t="s">
        <v>420</v>
      </c>
      <c r="E100052" s="15">
        <v>45418</v>
      </c>
      <c r="F100052" s="14" t="s">
        <v>61</v>
      </c>
      <c r="G100052" s="16">
        <v>1.1891057025415108E-3</v>
      </c>
    </row>
    <row r="100053" spans="1:7" x14ac:dyDescent="0.3">
      <c r="A100053" s="13" t="s">
        <v>493</v>
      </c>
      <c r="B100053" s="14" t="s">
        <v>1</v>
      </c>
      <c r="C100053" s="14" t="s">
        <v>47</v>
      </c>
      <c r="D100053" s="14" t="s">
        <v>420</v>
      </c>
      <c r="E100053" s="15">
        <v>45419</v>
      </c>
      <c r="F100053" s="14" t="s">
        <v>61</v>
      </c>
      <c r="G100053" s="16">
        <v>0</v>
      </c>
    </row>
    <row r="100054" spans="1:7" x14ac:dyDescent="0.3">
      <c r="A100054" s="13" t="s">
        <v>493</v>
      </c>
      <c r="B100054" s="14" t="s">
        <v>1</v>
      </c>
      <c r="C100054" s="14" t="s">
        <v>47</v>
      </c>
      <c r="D100054" s="14" t="s">
        <v>420</v>
      </c>
      <c r="E100054" s="15">
        <v>45420</v>
      </c>
      <c r="F100054" s="14" t="s">
        <v>61</v>
      </c>
      <c r="G100054" s="16">
        <v>0</v>
      </c>
    </row>
    <row r="100055" spans="1:7" x14ac:dyDescent="0.3">
      <c r="A100055" s="13" t="s">
        <v>493</v>
      </c>
      <c r="B100055" s="14" t="s">
        <v>1</v>
      </c>
      <c r="C100055" s="14" t="s">
        <v>47</v>
      </c>
      <c r="D100055" s="14" t="s">
        <v>420</v>
      </c>
      <c r="E100055" s="15">
        <v>45421</v>
      </c>
      <c r="F100055" s="14" t="s">
        <v>61</v>
      </c>
      <c r="G100055" s="16">
        <v>0</v>
      </c>
    </row>
    <row r="100056" spans="1:7" x14ac:dyDescent="0.3">
      <c r="A100056" s="13" t="s">
        <v>493</v>
      </c>
      <c r="B100056" s="14" t="s">
        <v>1</v>
      </c>
      <c r="C100056" s="14" t="s">
        <v>47</v>
      </c>
      <c r="D100056" s="14" t="s">
        <v>420</v>
      </c>
      <c r="E100056" s="15">
        <v>45422</v>
      </c>
      <c r="F100056" s="14" t="s">
        <v>61</v>
      </c>
      <c r="G100056" s="16">
        <v>0</v>
      </c>
    </row>
    <row r="100057" spans="1:7" x14ac:dyDescent="0.3">
      <c r="A100057" s="13" t="s">
        <v>493</v>
      </c>
      <c r="B100057" s="14" t="s">
        <v>1</v>
      </c>
      <c r="C100057" s="14" t="s">
        <v>47</v>
      </c>
      <c r="D100057" s="14" t="s">
        <v>420</v>
      </c>
      <c r="E100057" s="15">
        <v>45423</v>
      </c>
      <c r="F100057" s="14" t="s">
        <v>61</v>
      </c>
      <c r="G100057" s="16">
        <v>0</v>
      </c>
    </row>
    <row r="100058" spans="1:7" x14ac:dyDescent="0.3">
      <c r="A100058" s="13" t="s">
        <v>493</v>
      </c>
      <c r="B100058" s="14" t="s">
        <v>1</v>
      </c>
      <c r="C100058" s="14" t="s">
        <v>47</v>
      </c>
      <c r="D100058" s="14" t="s">
        <v>420</v>
      </c>
      <c r="E100058" s="15">
        <v>45424</v>
      </c>
      <c r="F100058" s="14" t="s">
        <v>61</v>
      </c>
      <c r="G100058" s="16">
        <v>0</v>
      </c>
    </row>
    <row r="100059" spans="1:7" x14ac:dyDescent="0.3">
      <c r="A100059" s="13" t="s">
        <v>493</v>
      </c>
      <c r="B100059" s="14" t="s">
        <v>1</v>
      </c>
      <c r="C100059" s="14" t="s">
        <v>47</v>
      </c>
      <c r="D100059" s="14" t="s">
        <v>420</v>
      </c>
      <c r="E100059" s="15">
        <v>45425</v>
      </c>
      <c r="F100059" s="14" t="s">
        <v>61</v>
      </c>
      <c r="G100059" s="16">
        <v>0</v>
      </c>
    </row>
    <row r="100060" spans="1:7" x14ac:dyDescent="0.3">
      <c r="A100060" s="13" t="s">
        <v>493</v>
      </c>
      <c r="B100060" s="14" t="s">
        <v>1</v>
      </c>
      <c r="C100060" s="14" t="s">
        <v>47</v>
      </c>
      <c r="D100060" s="14" t="s">
        <v>420</v>
      </c>
      <c r="E100060" s="15">
        <v>45426</v>
      </c>
      <c r="F100060" s="14" t="s">
        <v>61</v>
      </c>
      <c r="G100060" s="16">
        <v>0</v>
      </c>
    </row>
    <row r="100061" spans="1:7" x14ac:dyDescent="0.3">
      <c r="A100061" s="13" t="s">
        <v>493</v>
      </c>
      <c r="B100061" s="14" t="s">
        <v>1</v>
      </c>
      <c r="C100061" s="14" t="s">
        <v>47</v>
      </c>
      <c r="D100061" s="14" t="s">
        <v>420</v>
      </c>
      <c r="E100061" s="15">
        <v>45427</v>
      </c>
      <c r="F100061" s="14" t="s">
        <v>61</v>
      </c>
      <c r="G100061" s="16">
        <v>0</v>
      </c>
    </row>
    <row r="100062" spans="1:7" x14ac:dyDescent="0.3">
      <c r="A100062" s="13" t="s">
        <v>493</v>
      </c>
      <c r="B100062" s="14" t="s">
        <v>1</v>
      </c>
      <c r="C100062" s="14" t="s">
        <v>47</v>
      </c>
      <c r="D100062" s="14" t="s">
        <v>420</v>
      </c>
      <c r="E100062" s="15">
        <v>45428</v>
      </c>
      <c r="F100062" s="14" t="s">
        <v>61</v>
      </c>
      <c r="G100062" s="16">
        <v>0</v>
      </c>
    </row>
    <row r="100063" spans="1:7" x14ac:dyDescent="0.3">
      <c r="A100063" s="13" t="s">
        <v>493</v>
      </c>
      <c r="B100063" s="14" t="s">
        <v>1</v>
      </c>
      <c r="C100063" s="14" t="s">
        <v>47</v>
      </c>
      <c r="D100063" s="14" t="s">
        <v>420</v>
      </c>
      <c r="E100063" s="15">
        <v>45429</v>
      </c>
      <c r="F100063" s="14" t="s">
        <v>61</v>
      </c>
      <c r="G100063" s="16">
        <v>1.2781017985026379E-3</v>
      </c>
    </row>
    <row r="100064" spans="1:7" x14ac:dyDescent="0.3">
      <c r="A100064" s="13" t="s">
        <v>493</v>
      </c>
      <c r="B100064" s="14" t="s">
        <v>1</v>
      </c>
      <c r="C100064" s="14" t="s">
        <v>47</v>
      </c>
      <c r="D100064" s="14" t="s">
        <v>420</v>
      </c>
      <c r="E100064" s="15">
        <v>45430</v>
      </c>
      <c r="F100064" s="14" t="s">
        <v>61</v>
      </c>
      <c r="G100064" s="16">
        <v>1.2781017985026379E-3</v>
      </c>
    </row>
    <row r="100065" spans="1:7" x14ac:dyDescent="0.3">
      <c r="A100065" s="13" t="s">
        <v>493</v>
      </c>
      <c r="B100065" s="14" t="s">
        <v>1</v>
      </c>
      <c r="C100065" s="14" t="s">
        <v>47</v>
      </c>
      <c r="D100065" s="14" t="s">
        <v>420</v>
      </c>
      <c r="E100065" s="15">
        <v>45431</v>
      </c>
      <c r="F100065" s="14" t="s">
        <v>61</v>
      </c>
      <c r="G100065" s="16">
        <v>1.2781017985026379E-3</v>
      </c>
    </row>
    <row r="100066" spans="1:7" x14ac:dyDescent="0.3">
      <c r="A100066" s="13" t="s">
        <v>493</v>
      </c>
      <c r="B100066" s="14" t="s">
        <v>1</v>
      </c>
      <c r="C100066" s="14" t="s">
        <v>47</v>
      </c>
      <c r="D100066" s="14" t="s">
        <v>420</v>
      </c>
      <c r="E100066" s="15">
        <v>45432</v>
      </c>
      <c r="F100066" s="14" t="s">
        <v>61</v>
      </c>
      <c r="G100066" s="16">
        <v>0</v>
      </c>
    </row>
    <row r="100067" spans="1:7" x14ac:dyDescent="0.3">
      <c r="A100067" s="13" t="s">
        <v>493</v>
      </c>
      <c r="B100067" s="14" t="s">
        <v>1</v>
      </c>
      <c r="C100067" s="14" t="s">
        <v>47</v>
      </c>
      <c r="D100067" s="14" t="s">
        <v>420</v>
      </c>
      <c r="E100067" s="15">
        <v>45433</v>
      </c>
      <c r="F100067" s="14" t="s">
        <v>61</v>
      </c>
      <c r="G100067" s="16">
        <v>4.9000879936419543E-3</v>
      </c>
    </row>
    <row r="100068" spans="1:7" x14ac:dyDescent="0.3">
      <c r="A100068" s="13" t="s">
        <v>493</v>
      </c>
      <c r="B100068" s="14" t="s">
        <v>1</v>
      </c>
      <c r="C100068" s="14" t="s">
        <v>47</v>
      </c>
      <c r="D100068" s="14" t="s">
        <v>420</v>
      </c>
      <c r="E100068" s="15">
        <v>45434</v>
      </c>
      <c r="F100068" s="14" t="s">
        <v>61</v>
      </c>
      <c r="G100068" s="16">
        <v>5.1115779664881726E-2</v>
      </c>
    </row>
    <row r="100069" spans="1:7" x14ac:dyDescent="0.3">
      <c r="A100069" s="13" t="s">
        <v>493</v>
      </c>
      <c r="B100069" s="14" t="s">
        <v>1</v>
      </c>
      <c r="C100069" s="14" t="s">
        <v>47</v>
      </c>
      <c r="D100069" s="14" t="s">
        <v>420</v>
      </c>
      <c r="E100069" s="15">
        <v>45435</v>
      </c>
      <c r="F100069" s="14" t="s">
        <v>61</v>
      </c>
      <c r="G100069" s="16">
        <v>4.8989583628832011E-2</v>
      </c>
    </row>
    <row r="100070" spans="1:7" x14ac:dyDescent="0.3">
      <c r="A100070" s="13" t="s">
        <v>493</v>
      </c>
      <c r="B100070" s="14" t="s">
        <v>1</v>
      </c>
      <c r="C100070" s="14" t="s">
        <v>47</v>
      </c>
      <c r="D100070" s="14" t="s">
        <v>420</v>
      </c>
      <c r="E100070" s="15">
        <v>45436</v>
      </c>
      <c r="F100070" s="14" t="s">
        <v>61</v>
      </c>
      <c r="G100070" s="16">
        <v>4.6658113445198775E-2</v>
      </c>
    </row>
    <row r="100071" spans="1:7" x14ac:dyDescent="0.3">
      <c r="A100071" s="13" t="s">
        <v>493</v>
      </c>
      <c r="B100071" s="14" t="s">
        <v>1</v>
      </c>
      <c r="C100071" s="14" t="s">
        <v>47</v>
      </c>
      <c r="D100071" s="14" t="s">
        <v>420</v>
      </c>
      <c r="E100071" s="15">
        <v>45437</v>
      </c>
      <c r="F100071" s="14" t="s">
        <v>61</v>
      </c>
      <c r="G100071" s="16">
        <v>4.6658113445198775E-2</v>
      </c>
    </row>
    <row r="100072" spans="1:7" x14ac:dyDescent="0.3">
      <c r="A100072" s="13" t="s">
        <v>493</v>
      </c>
      <c r="B100072" s="14" t="s">
        <v>1</v>
      </c>
      <c r="C100072" s="14" t="s">
        <v>47</v>
      </c>
      <c r="D100072" s="14" t="s">
        <v>420</v>
      </c>
      <c r="E100072" s="15">
        <v>45438</v>
      </c>
      <c r="F100072" s="14" t="s">
        <v>61</v>
      </c>
      <c r="G100072" s="16">
        <v>4.6658113445198775E-2</v>
      </c>
    </row>
    <row r="100073" spans="1:7" x14ac:dyDescent="0.3">
      <c r="A100073" s="13" t="s">
        <v>493</v>
      </c>
      <c r="B100073" s="14" t="s">
        <v>1</v>
      </c>
      <c r="C100073" s="14" t="s">
        <v>47</v>
      </c>
      <c r="D100073" s="14" t="s">
        <v>420</v>
      </c>
      <c r="E100073" s="15">
        <v>45439</v>
      </c>
      <c r="F100073" s="14" t="s">
        <v>61</v>
      </c>
      <c r="G100073" s="16">
        <v>4.6658113445198775E-2</v>
      </c>
    </row>
    <row r="100074" spans="1:7" x14ac:dyDescent="0.3">
      <c r="A100074" s="13" t="s">
        <v>493</v>
      </c>
      <c r="B100074" s="14" t="s">
        <v>1</v>
      </c>
      <c r="C100074" s="14" t="s">
        <v>47</v>
      </c>
      <c r="D100074" s="14" t="s">
        <v>420</v>
      </c>
      <c r="E100074" s="15">
        <v>45440</v>
      </c>
      <c r="F100074" s="14" t="s">
        <v>61</v>
      </c>
      <c r="G100074" s="16">
        <v>4.443886180818081E-2</v>
      </c>
    </row>
    <row r="100075" spans="1:7" x14ac:dyDescent="0.3">
      <c r="A100075" s="13" t="s">
        <v>493</v>
      </c>
      <c r="B100075" s="14" t="s">
        <v>1</v>
      </c>
      <c r="C100075" s="14" t="s">
        <v>47</v>
      </c>
      <c r="D100075" s="14" t="s">
        <v>420</v>
      </c>
      <c r="E100075" s="15">
        <v>45441</v>
      </c>
      <c r="F100075" s="14" t="s">
        <v>61</v>
      </c>
      <c r="G100075" s="16">
        <v>8.7361560190036394E-2</v>
      </c>
    </row>
    <row r="100076" spans="1:7" x14ac:dyDescent="0.3">
      <c r="A100076" s="13" t="s">
        <v>493</v>
      </c>
      <c r="B100076" s="14" t="s">
        <v>1</v>
      </c>
      <c r="C100076" s="14" t="s">
        <v>47</v>
      </c>
      <c r="D100076" s="14" t="s">
        <v>420</v>
      </c>
      <c r="E100076" s="15">
        <v>45442</v>
      </c>
      <c r="F100076" s="14" t="s">
        <v>61</v>
      </c>
      <c r="G100076" s="16">
        <v>0.10321842280604339</v>
      </c>
    </row>
    <row r="100077" spans="1:7" x14ac:dyDescent="0.3">
      <c r="A100077" s="13" t="s">
        <v>493</v>
      </c>
      <c r="B100077" s="14" t="s">
        <v>1</v>
      </c>
      <c r="C100077" s="14" t="s">
        <v>47</v>
      </c>
      <c r="D100077" s="14" t="s">
        <v>420</v>
      </c>
      <c r="E100077" s="15">
        <v>45443</v>
      </c>
      <c r="F100077" s="14" t="s">
        <v>61</v>
      </c>
      <c r="G100077" s="16">
        <v>0.10095439770485762</v>
      </c>
    </row>
    <row r="100078" spans="1:7" x14ac:dyDescent="0.3">
      <c r="A100078" s="13" t="s">
        <v>493</v>
      </c>
      <c r="B100078" s="14" t="s">
        <v>1</v>
      </c>
      <c r="C100078" s="14" t="s">
        <v>47</v>
      </c>
      <c r="D100078" s="14" t="s">
        <v>420</v>
      </c>
      <c r="E100078" s="15">
        <v>45444</v>
      </c>
      <c r="F100078" s="14" t="s">
        <v>61</v>
      </c>
      <c r="G100078" s="16">
        <v>0.10095439770485762</v>
      </c>
    </row>
    <row r="100079" spans="1:7" x14ac:dyDescent="0.3">
      <c r="A100079" s="13" t="s">
        <v>493</v>
      </c>
      <c r="B100079" s="14" t="s">
        <v>1</v>
      </c>
      <c r="C100079" s="14" t="s">
        <v>47</v>
      </c>
      <c r="D100079" s="14" t="s">
        <v>420</v>
      </c>
      <c r="E100079" s="15">
        <v>45445</v>
      </c>
      <c r="F100079" s="14" t="s">
        <v>61</v>
      </c>
      <c r="G100079" s="16">
        <v>0.10095439770485762</v>
      </c>
    </row>
    <row r="100080" spans="1:7" x14ac:dyDescent="0.3">
      <c r="A100080" s="13" t="s">
        <v>493</v>
      </c>
      <c r="B100080" s="14" t="s">
        <v>1</v>
      </c>
      <c r="C100080" s="14" t="s">
        <v>47</v>
      </c>
      <c r="D100080" s="14" t="s">
        <v>420</v>
      </c>
      <c r="E100080" s="15">
        <v>45446</v>
      </c>
      <c r="F100080" s="14" t="s">
        <v>61</v>
      </c>
      <c r="G100080" s="16">
        <v>0.10095439770485762</v>
      </c>
    </row>
    <row r="100081" spans="1:7" x14ac:dyDescent="0.3">
      <c r="A100081" s="13" t="s">
        <v>493</v>
      </c>
      <c r="B100081" s="14" t="s">
        <v>1</v>
      </c>
      <c r="C100081" s="14" t="s">
        <v>47</v>
      </c>
      <c r="D100081" s="14" t="s">
        <v>420</v>
      </c>
      <c r="E100081" s="15">
        <v>45447</v>
      </c>
      <c r="F100081" s="14" t="s">
        <v>61</v>
      </c>
      <c r="G100081" s="16">
        <v>0.12468932820647732</v>
      </c>
    </row>
    <row r="100082" spans="1:7" x14ac:dyDescent="0.3">
      <c r="A100082" s="13" t="s">
        <v>493</v>
      </c>
      <c r="B100082" s="14" t="s">
        <v>1</v>
      </c>
      <c r="C100082" s="14" t="s">
        <v>47</v>
      </c>
      <c r="D100082" s="14" t="s">
        <v>420</v>
      </c>
      <c r="E100082" s="15">
        <v>45448</v>
      </c>
      <c r="F100082" s="14" t="s">
        <v>61</v>
      </c>
      <c r="G100082" s="16">
        <v>0.14266789670290578</v>
      </c>
    </row>
    <row r="100083" spans="1:7" x14ac:dyDescent="0.3">
      <c r="A100083" s="13" t="s">
        <v>493</v>
      </c>
      <c r="B100083" s="14" t="s">
        <v>1</v>
      </c>
      <c r="C100083" s="14" t="s">
        <v>47</v>
      </c>
      <c r="D100083" s="14" t="s">
        <v>420</v>
      </c>
      <c r="E100083" s="15">
        <v>45449</v>
      </c>
      <c r="F100083" s="14" t="s">
        <v>61</v>
      </c>
      <c r="G100083" s="16">
        <v>0.14024380709304624</v>
      </c>
    </row>
    <row r="100084" spans="1:7" x14ac:dyDescent="0.3">
      <c r="A100084" s="13" t="s">
        <v>493</v>
      </c>
      <c r="B100084" s="14" t="s">
        <v>1</v>
      </c>
      <c r="C100084" s="14" t="s">
        <v>47</v>
      </c>
      <c r="D100084" s="14" t="s">
        <v>420</v>
      </c>
      <c r="E100084" s="15">
        <v>45450</v>
      </c>
      <c r="F100084" s="14" t="s">
        <v>61</v>
      </c>
      <c r="G100084" s="16">
        <v>0.13918516734640282</v>
      </c>
    </row>
    <row r="100085" spans="1:7" x14ac:dyDescent="0.3">
      <c r="A100085" s="13" t="s">
        <v>493</v>
      </c>
      <c r="B100085" s="14" t="s">
        <v>1</v>
      </c>
      <c r="C100085" s="14" t="s">
        <v>47</v>
      </c>
      <c r="D100085" s="14" t="s">
        <v>420</v>
      </c>
      <c r="E100085" s="15">
        <v>45451</v>
      </c>
      <c r="F100085" s="14" t="s">
        <v>61</v>
      </c>
      <c r="G100085" s="16">
        <v>0.13918516734640282</v>
      </c>
    </row>
    <row r="100086" spans="1:7" x14ac:dyDescent="0.3">
      <c r="A100086" s="13" t="s">
        <v>493</v>
      </c>
      <c r="B100086" s="14" t="s">
        <v>1</v>
      </c>
      <c r="C100086" s="14" t="s">
        <v>47</v>
      </c>
      <c r="D100086" s="14" t="s">
        <v>420</v>
      </c>
      <c r="E100086" s="15">
        <v>45452</v>
      </c>
      <c r="F100086" s="14" t="s">
        <v>61</v>
      </c>
      <c r="G100086" s="16">
        <v>0.13918516734640282</v>
      </c>
    </row>
    <row r="100087" spans="1:7" x14ac:dyDescent="0.3">
      <c r="A100087" s="13" t="s">
        <v>493</v>
      </c>
      <c r="B100087" s="14" t="s">
        <v>1</v>
      </c>
      <c r="C100087" s="14" t="s">
        <v>47</v>
      </c>
      <c r="D100087" s="14" t="s">
        <v>420</v>
      </c>
      <c r="E100087" s="15">
        <v>45453</v>
      </c>
      <c r="F100087" s="14" t="s">
        <v>61</v>
      </c>
      <c r="G100087" s="16">
        <v>0.13746422724077875</v>
      </c>
    </row>
    <row r="100088" spans="1:7" x14ac:dyDescent="0.3">
      <c r="A100088" s="13" t="s">
        <v>493</v>
      </c>
      <c r="B100088" s="14" t="s">
        <v>1</v>
      </c>
      <c r="C100088" s="14" t="s">
        <v>47</v>
      </c>
      <c r="D100088" s="14" t="s">
        <v>420</v>
      </c>
      <c r="E100088" s="15">
        <v>45454</v>
      </c>
      <c r="F100088" s="14" t="s">
        <v>61</v>
      </c>
      <c r="G100088" s="16">
        <v>0.1312421609656213</v>
      </c>
    </row>
    <row r="100089" spans="1:7" x14ac:dyDescent="0.3">
      <c r="A100089" s="13" t="s">
        <v>493</v>
      </c>
      <c r="B100089" s="14" t="s">
        <v>1</v>
      </c>
      <c r="C100089" s="14" t="s">
        <v>47</v>
      </c>
      <c r="D100089" s="14" t="s">
        <v>420</v>
      </c>
      <c r="E100089" s="15">
        <v>45455</v>
      </c>
      <c r="F100089" s="14" t="s">
        <v>61</v>
      </c>
      <c r="G100089" s="16">
        <v>0.12823875150044489</v>
      </c>
    </row>
    <row r="100090" spans="1:7" x14ac:dyDescent="0.3">
      <c r="A100090" s="13" t="s">
        <v>493</v>
      </c>
      <c r="B100090" s="14" t="s">
        <v>1</v>
      </c>
      <c r="C100090" s="14" t="s">
        <v>47</v>
      </c>
      <c r="D100090" s="14" t="s">
        <v>420</v>
      </c>
      <c r="E100090" s="15">
        <v>45456</v>
      </c>
      <c r="F100090" s="14" t="s">
        <v>61</v>
      </c>
      <c r="G100090" s="16">
        <v>0.15659845595020483</v>
      </c>
    </row>
    <row r="100091" spans="1:7" x14ac:dyDescent="0.3">
      <c r="A100091" s="13" t="s">
        <v>493</v>
      </c>
      <c r="B100091" s="14" t="s">
        <v>1</v>
      </c>
      <c r="C100091" s="14" t="s">
        <v>47</v>
      </c>
      <c r="D100091" s="14" t="s">
        <v>420</v>
      </c>
      <c r="E100091" s="15">
        <v>45457</v>
      </c>
      <c r="F100091" s="14" t="s">
        <v>61</v>
      </c>
      <c r="G100091" s="16">
        <v>0.16093750388711511</v>
      </c>
    </row>
    <row r="100092" spans="1:7" x14ac:dyDescent="0.3">
      <c r="A100092" s="13" t="s">
        <v>493</v>
      </c>
      <c r="B100092" s="14" t="s">
        <v>1</v>
      </c>
      <c r="C100092" s="14" t="s">
        <v>47</v>
      </c>
      <c r="D100092" s="14" t="s">
        <v>420</v>
      </c>
      <c r="E100092" s="15">
        <v>45458</v>
      </c>
      <c r="F100092" s="14" t="s">
        <v>61</v>
      </c>
      <c r="G100092" s="16">
        <v>0.16093750388711511</v>
      </c>
    </row>
    <row r="100093" spans="1:7" x14ac:dyDescent="0.3">
      <c r="A100093" s="13" t="s">
        <v>493</v>
      </c>
      <c r="B100093" s="14" t="s">
        <v>1</v>
      </c>
      <c r="C100093" s="14" t="s">
        <v>47</v>
      </c>
      <c r="D100093" s="14" t="s">
        <v>420</v>
      </c>
      <c r="E100093" s="15">
        <v>45459</v>
      </c>
      <c r="F100093" s="14" t="s">
        <v>61</v>
      </c>
      <c r="G100093" s="16">
        <v>0.16093750388711511</v>
      </c>
    </row>
    <row r="100094" spans="1:7" x14ac:dyDescent="0.3">
      <c r="A100094" s="13" t="s">
        <v>493</v>
      </c>
      <c r="B100094" s="14" t="s">
        <v>1</v>
      </c>
      <c r="C100094" s="14" t="s">
        <v>47</v>
      </c>
      <c r="D100094" s="14" t="s">
        <v>420</v>
      </c>
      <c r="E100094" s="15">
        <v>45460</v>
      </c>
      <c r="F100094" s="14" t="s">
        <v>61</v>
      </c>
      <c r="G100094" s="16">
        <v>0.15933002109604497</v>
      </c>
    </row>
    <row r="100095" spans="1:7" x14ac:dyDescent="0.3">
      <c r="A100095" s="13" t="s">
        <v>493</v>
      </c>
      <c r="B100095" s="14" t="s">
        <v>1</v>
      </c>
      <c r="C100095" s="14" t="s">
        <v>47</v>
      </c>
      <c r="D100095" s="14" t="s">
        <v>420</v>
      </c>
      <c r="E100095" s="15">
        <v>45461</v>
      </c>
      <c r="F100095" s="14" t="s">
        <v>61</v>
      </c>
      <c r="G100095" s="16">
        <v>0.15987660434606665</v>
      </c>
    </row>
    <row r="100096" spans="1:7" x14ac:dyDescent="0.3">
      <c r="A100096" s="13" t="s">
        <v>493</v>
      </c>
      <c r="B100096" s="14" t="s">
        <v>1</v>
      </c>
      <c r="C100096" s="14" t="s">
        <v>47</v>
      </c>
      <c r="D100096" s="14" t="s">
        <v>420</v>
      </c>
      <c r="E100096" s="15">
        <v>45462</v>
      </c>
      <c r="F100096" s="14" t="s">
        <v>61</v>
      </c>
      <c r="G100096" s="16">
        <v>0.15987660434606665</v>
      </c>
    </row>
    <row r="100097" spans="1:7" x14ac:dyDescent="0.3">
      <c r="A100097" s="13" t="s">
        <v>493</v>
      </c>
      <c r="B100097" s="14" t="s">
        <v>1</v>
      </c>
      <c r="C100097" s="14" t="s">
        <v>47</v>
      </c>
      <c r="D100097" s="14" t="s">
        <v>420</v>
      </c>
      <c r="E100097" s="15">
        <v>45463</v>
      </c>
      <c r="F100097" s="14" t="s">
        <v>61</v>
      </c>
      <c r="G100097" s="16">
        <v>0.19544407923717869</v>
      </c>
    </row>
    <row r="100098" spans="1:7" x14ac:dyDescent="0.3">
      <c r="A100098" s="13" t="s">
        <v>493</v>
      </c>
      <c r="B100098" s="14" t="s">
        <v>1</v>
      </c>
      <c r="C100098" s="14" t="s">
        <v>47</v>
      </c>
      <c r="D100098" s="14" t="s">
        <v>420</v>
      </c>
      <c r="E100098" s="15">
        <v>45464</v>
      </c>
      <c r="F100098" s="14" t="s">
        <v>61</v>
      </c>
      <c r="G100098" s="16">
        <v>0.1912404735275452</v>
      </c>
    </row>
    <row r="100099" spans="1:7" x14ac:dyDescent="0.3">
      <c r="A100099" s="13" t="s">
        <v>493</v>
      </c>
      <c r="B100099" s="14" t="s">
        <v>1</v>
      </c>
      <c r="C100099" s="14" t="s">
        <v>47</v>
      </c>
      <c r="D100099" s="14" t="s">
        <v>420</v>
      </c>
      <c r="E100099" s="15">
        <v>45465</v>
      </c>
      <c r="F100099" s="14" t="s">
        <v>61</v>
      </c>
      <c r="G100099" s="16">
        <v>0.1912404735275452</v>
      </c>
    </row>
    <row r="100100" spans="1:7" x14ac:dyDescent="0.3">
      <c r="A100100" s="13" t="s">
        <v>493</v>
      </c>
      <c r="B100100" s="14" t="s">
        <v>1</v>
      </c>
      <c r="C100100" s="14" t="s">
        <v>47</v>
      </c>
      <c r="D100100" s="14" t="s">
        <v>420</v>
      </c>
      <c r="E100100" s="15">
        <v>45466</v>
      </c>
      <c r="F100100" s="14" t="s">
        <v>61</v>
      </c>
      <c r="G100100" s="16">
        <v>0.1912404735275452</v>
      </c>
    </row>
    <row r="100101" spans="1:7" x14ac:dyDescent="0.3">
      <c r="A100101" s="13" t="s">
        <v>493</v>
      </c>
      <c r="B100101" s="14" t="s">
        <v>1</v>
      </c>
      <c r="C100101" s="14" t="s">
        <v>47</v>
      </c>
      <c r="D100101" s="14" t="s">
        <v>420</v>
      </c>
      <c r="E100101" s="15">
        <v>45467</v>
      </c>
      <c r="F100101" s="14" t="s">
        <v>61</v>
      </c>
      <c r="G100101" s="16">
        <v>0.19123503340928324</v>
      </c>
    </row>
    <row r="100102" spans="1:7" x14ac:dyDescent="0.3">
      <c r="A100102" s="13" t="s">
        <v>493</v>
      </c>
      <c r="B100102" s="14" t="s">
        <v>1</v>
      </c>
      <c r="C100102" s="14" t="s">
        <v>47</v>
      </c>
      <c r="D100102" s="14" t="s">
        <v>420</v>
      </c>
      <c r="E100102" s="15">
        <v>45468</v>
      </c>
      <c r="F100102" s="14" t="s">
        <v>61</v>
      </c>
      <c r="G100102" s="16">
        <v>0.18808327949797779</v>
      </c>
    </row>
    <row r="100103" spans="1:7" x14ac:dyDescent="0.3">
      <c r="A100103" s="13" t="s">
        <v>493</v>
      </c>
      <c r="B100103" s="14" t="s">
        <v>1</v>
      </c>
      <c r="C100103" s="14" t="s">
        <v>47</v>
      </c>
      <c r="D100103" s="14" t="s">
        <v>420</v>
      </c>
      <c r="E100103" s="15">
        <v>45469</v>
      </c>
      <c r="F100103" s="14" t="s">
        <v>61</v>
      </c>
      <c r="G100103" s="16">
        <v>0.18656933615749371</v>
      </c>
    </row>
    <row r="100104" spans="1:7" x14ac:dyDescent="0.3">
      <c r="A100104" s="13" t="s">
        <v>493</v>
      </c>
      <c r="B100104" s="14" t="s">
        <v>1</v>
      </c>
      <c r="C100104" s="14" t="s">
        <v>47</v>
      </c>
      <c r="D100104" s="14" t="s">
        <v>420</v>
      </c>
      <c r="E100104" s="15">
        <v>45470</v>
      </c>
      <c r="F100104" s="14" t="s">
        <v>61</v>
      </c>
      <c r="G100104" s="16">
        <v>0.18404767053213147</v>
      </c>
    </row>
    <row r="100105" spans="1:7" x14ac:dyDescent="0.3">
      <c r="A100105" s="13" t="s">
        <v>493</v>
      </c>
      <c r="B100105" s="14" t="s">
        <v>1</v>
      </c>
      <c r="C100105" s="14" t="s">
        <v>47</v>
      </c>
      <c r="D100105" s="14" t="s">
        <v>420</v>
      </c>
      <c r="E100105" s="15">
        <v>45471</v>
      </c>
      <c r="F100105" s="14" t="s">
        <v>61</v>
      </c>
      <c r="G100105" s="16">
        <v>0.18175770711216765</v>
      </c>
    </row>
    <row r="100106" spans="1:7" x14ac:dyDescent="0.3">
      <c r="A100106" s="13" t="s">
        <v>493</v>
      </c>
      <c r="B100106" s="14" t="s">
        <v>1</v>
      </c>
      <c r="C100106" s="14" t="s">
        <v>47</v>
      </c>
      <c r="D100106" s="14" t="s">
        <v>420</v>
      </c>
      <c r="E100106" s="15">
        <v>45472</v>
      </c>
      <c r="F100106" s="14" t="s">
        <v>61</v>
      </c>
      <c r="G100106" s="16">
        <v>0.18175770711216765</v>
      </c>
    </row>
    <row r="100107" spans="1:7" x14ac:dyDescent="0.3">
      <c r="A100107" s="13" t="s">
        <v>493</v>
      </c>
      <c r="B100107" s="14" t="s">
        <v>1</v>
      </c>
      <c r="C100107" s="14" t="s">
        <v>47</v>
      </c>
      <c r="D100107" s="14" t="s">
        <v>420</v>
      </c>
      <c r="E100107" s="15">
        <v>45473</v>
      </c>
      <c r="F100107" s="14" t="s">
        <v>61</v>
      </c>
      <c r="G100107" s="16">
        <v>0.18175770711216765</v>
      </c>
    </row>
    <row r="100108" spans="1:7" x14ac:dyDescent="0.3">
      <c r="A100108" s="13" t="s">
        <v>493</v>
      </c>
      <c r="B100108" s="14" t="s">
        <v>1</v>
      </c>
      <c r="C100108" s="14" t="s">
        <v>47</v>
      </c>
      <c r="D100108" s="14" t="s">
        <v>420</v>
      </c>
      <c r="E100108" s="15">
        <v>45474</v>
      </c>
      <c r="F100108" s="14" t="s">
        <v>61</v>
      </c>
      <c r="G100108" s="16">
        <v>0.18780238143627856</v>
      </c>
    </row>
    <row r="100109" spans="1:7" x14ac:dyDescent="0.3">
      <c r="A100109" s="13" t="s">
        <v>493</v>
      </c>
      <c r="B100109" s="14" t="s">
        <v>1</v>
      </c>
      <c r="C100109" s="14" t="s">
        <v>47</v>
      </c>
      <c r="D100109" s="14" t="s">
        <v>420</v>
      </c>
      <c r="E100109" s="15">
        <v>45475</v>
      </c>
      <c r="F100109" s="14" t="s">
        <v>61</v>
      </c>
      <c r="G100109" s="16">
        <v>0.18264061389116945</v>
      </c>
    </row>
    <row r="100110" spans="1:7" x14ac:dyDescent="0.3">
      <c r="A100110" s="13" t="s">
        <v>493</v>
      </c>
      <c r="B100110" s="14" t="s">
        <v>1</v>
      </c>
      <c r="C100110" s="14" t="s">
        <v>47</v>
      </c>
      <c r="D100110" s="14" t="s">
        <v>420</v>
      </c>
      <c r="E100110" s="15">
        <v>45476</v>
      </c>
      <c r="F100110" s="14" t="s">
        <v>61</v>
      </c>
      <c r="G100110" s="16">
        <v>0.1902898512759004</v>
      </c>
    </row>
    <row r="100111" spans="1:7" x14ac:dyDescent="0.3">
      <c r="A100111" s="13" t="s">
        <v>493</v>
      </c>
      <c r="B100111" s="14" t="s">
        <v>1</v>
      </c>
      <c r="C100111" s="14" t="s">
        <v>47</v>
      </c>
      <c r="D100111" s="14" t="s">
        <v>420</v>
      </c>
      <c r="E100111" s="15">
        <v>45477</v>
      </c>
      <c r="F100111" s="14" t="s">
        <v>61</v>
      </c>
      <c r="G100111" s="16">
        <v>0.1902898512759004</v>
      </c>
    </row>
    <row r="100112" spans="1:7" x14ac:dyDescent="0.3">
      <c r="A100112" s="13" t="s">
        <v>493</v>
      </c>
      <c r="B100112" s="14" t="s">
        <v>1</v>
      </c>
      <c r="C100112" s="14" t="s">
        <v>47</v>
      </c>
      <c r="D100112" s="14" t="s">
        <v>420</v>
      </c>
      <c r="E100112" s="15">
        <v>45478</v>
      </c>
      <c r="F100112" s="14" t="s">
        <v>61</v>
      </c>
      <c r="G100112" s="16">
        <v>0.18728501265272279</v>
      </c>
    </row>
    <row r="100113" spans="1:7" x14ac:dyDescent="0.3">
      <c r="A100113" s="13" t="s">
        <v>493</v>
      </c>
      <c r="B100113" s="14" t="s">
        <v>1</v>
      </c>
      <c r="C100113" s="14" t="s">
        <v>47</v>
      </c>
      <c r="D100113" s="14" t="s">
        <v>420</v>
      </c>
      <c r="E100113" s="15">
        <v>45479</v>
      </c>
      <c r="F100113" s="14" t="s">
        <v>61</v>
      </c>
      <c r="G100113" s="16">
        <v>0.18728501265272279</v>
      </c>
    </row>
    <row r="100114" spans="1:7" x14ac:dyDescent="0.3">
      <c r="A100114" s="13" t="s">
        <v>493</v>
      </c>
      <c r="B100114" s="14" t="s">
        <v>1</v>
      </c>
      <c r="C100114" s="14" t="s">
        <v>47</v>
      </c>
      <c r="D100114" s="14" t="s">
        <v>420</v>
      </c>
      <c r="E100114" s="15">
        <v>45480</v>
      </c>
      <c r="F100114" s="14" t="s">
        <v>61</v>
      </c>
      <c r="G100114" s="16">
        <v>0.18728501265272279</v>
      </c>
    </row>
    <row r="100115" spans="1:7" x14ac:dyDescent="0.3">
      <c r="A100115" s="13" t="s">
        <v>493</v>
      </c>
      <c r="B100115" s="14" t="s">
        <v>1</v>
      </c>
      <c r="C100115" s="14" t="s">
        <v>47</v>
      </c>
      <c r="D100115" s="14" t="s">
        <v>420</v>
      </c>
      <c r="E100115" s="15">
        <v>45481</v>
      </c>
      <c r="F100115" s="14" t="s">
        <v>61</v>
      </c>
      <c r="G100115" s="16">
        <v>0.1832617792010611</v>
      </c>
    </row>
    <row r="100116" spans="1:7" x14ac:dyDescent="0.3">
      <c r="A100116" s="13" t="s">
        <v>493</v>
      </c>
      <c r="B100116" s="14" t="s">
        <v>1</v>
      </c>
      <c r="C100116" s="14" t="s">
        <v>47</v>
      </c>
      <c r="D100116" s="14" t="s">
        <v>420</v>
      </c>
      <c r="E100116" s="15">
        <v>45482</v>
      </c>
      <c r="F100116" s="14" t="s">
        <v>61</v>
      </c>
      <c r="G100116" s="16">
        <v>0.17699348551827279</v>
      </c>
    </row>
    <row r="100117" spans="1:7" x14ac:dyDescent="0.3">
      <c r="A100117" s="13" t="s">
        <v>493</v>
      </c>
      <c r="B100117" s="14" t="s">
        <v>1</v>
      </c>
      <c r="C100117" s="14" t="s">
        <v>47</v>
      </c>
      <c r="D100117" s="14" t="s">
        <v>420</v>
      </c>
      <c r="E100117" s="15">
        <v>45483</v>
      </c>
      <c r="F100117" s="14" t="s">
        <v>61</v>
      </c>
      <c r="G100117" s="16">
        <v>0.17458005735574586</v>
      </c>
    </row>
    <row r="100118" spans="1:7" x14ac:dyDescent="0.3">
      <c r="A100118" s="13" t="s">
        <v>493</v>
      </c>
      <c r="B100118" s="14" t="s">
        <v>1</v>
      </c>
      <c r="C100118" s="14" t="s">
        <v>47</v>
      </c>
      <c r="D100118" s="14" t="s">
        <v>420</v>
      </c>
      <c r="E100118" s="15">
        <v>45484</v>
      </c>
      <c r="F100118" s="14" t="s">
        <v>61</v>
      </c>
      <c r="G100118" s="16">
        <v>0.17182065177601458</v>
      </c>
    </row>
    <row r="100119" spans="1:7" x14ac:dyDescent="0.3">
      <c r="A100119" s="13" t="s">
        <v>493</v>
      </c>
      <c r="B100119" s="14" t="s">
        <v>1</v>
      </c>
      <c r="C100119" s="14" t="s">
        <v>47</v>
      </c>
      <c r="D100119" s="14" t="s">
        <v>420</v>
      </c>
      <c r="E100119" s="15">
        <v>45485</v>
      </c>
      <c r="F100119" s="14" t="s">
        <v>61</v>
      </c>
      <c r="G100119" s="16">
        <v>0.16904356907235685</v>
      </c>
    </row>
    <row r="100120" spans="1:7" x14ac:dyDescent="0.3">
      <c r="A100120" s="13" t="s">
        <v>493</v>
      </c>
      <c r="B100120" s="14" t="s">
        <v>1</v>
      </c>
      <c r="C100120" s="14" t="s">
        <v>47</v>
      </c>
      <c r="D100120" s="14" t="s">
        <v>420</v>
      </c>
      <c r="E100120" s="15">
        <v>45486</v>
      </c>
      <c r="F100120" s="14" t="s">
        <v>61</v>
      </c>
      <c r="G100120" s="16">
        <v>0.16904356907235685</v>
      </c>
    </row>
    <row r="100121" spans="1:7" x14ac:dyDescent="0.3">
      <c r="A100121" s="13" t="s">
        <v>493</v>
      </c>
      <c r="B100121" s="14" t="s">
        <v>1</v>
      </c>
      <c r="C100121" s="14" t="s">
        <v>47</v>
      </c>
      <c r="D100121" s="14" t="s">
        <v>420</v>
      </c>
      <c r="E100121" s="15">
        <v>45487</v>
      </c>
      <c r="F100121" s="14" t="s">
        <v>61</v>
      </c>
      <c r="G100121" s="16">
        <v>0.16904356907235685</v>
      </c>
    </row>
    <row r="100122" spans="1:7" x14ac:dyDescent="0.3">
      <c r="A100122" s="13" t="s">
        <v>493</v>
      </c>
      <c r="B100122" s="14" t="s">
        <v>1</v>
      </c>
      <c r="C100122" s="14" t="s">
        <v>47</v>
      </c>
      <c r="D100122" s="14" t="s">
        <v>420</v>
      </c>
      <c r="E100122" s="15">
        <v>45488</v>
      </c>
      <c r="F100122" s="14" t="s">
        <v>61</v>
      </c>
      <c r="G100122" s="16">
        <v>0.17005653716411304</v>
      </c>
    </row>
    <row r="100123" spans="1:7" x14ac:dyDescent="0.3">
      <c r="A100123" s="13" t="s">
        <v>493</v>
      </c>
      <c r="B100123" s="14" t="s">
        <v>1</v>
      </c>
      <c r="C100123" s="14" t="s">
        <v>47</v>
      </c>
      <c r="D100123" s="14" t="s">
        <v>420</v>
      </c>
      <c r="E100123" s="15">
        <v>45489</v>
      </c>
      <c r="F100123" s="14" t="s">
        <v>61</v>
      </c>
      <c r="G100123" s="16">
        <v>0.1632731656888784</v>
      </c>
    </row>
    <row r="100124" spans="1:7" x14ac:dyDescent="0.3">
      <c r="A100124" s="13" t="s">
        <v>493</v>
      </c>
      <c r="B100124" s="14" t="s">
        <v>1</v>
      </c>
      <c r="C100124" s="14" t="s">
        <v>47</v>
      </c>
      <c r="D100124" s="14" t="s">
        <v>420</v>
      </c>
      <c r="E100124" s="15">
        <v>45490</v>
      </c>
      <c r="F100124" s="14" t="s">
        <v>61</v>
      </c>
      <c r="G100124" s="16">
        <v>0.16049088718588769</v>
      </c>
    </row>
    <row r="100125" spans="1:7" x14ac:dyDescent="0.3">
      <c r="A100125" s="13" t="s">
        <v>493</v>
      </c>
      <c r="B100125" s="14" t="s">
        <v>1</v>
      </c>
      <c r="C100125" s="14" t="s">
        <v>47</v>
      </c>
      <c r="D100125" s="14" t="s">
        <v>420</v>
      </c>
      <c r="E100125" s="15">
        <v>45491</v>
      </c>
      <c r="F100125" s="14" t="s">
        <v>61</v>
      </c>
      <c r="G100125" s="16">
        <v>0.15893055106479992</v>
      </c>
    </row>
    <row r="100126" spans="1:7" x14ac:dyDescent="0.3">
      <c r="A100126" s="13" t="s">
        <v>493</v>
      </c>
      <c r="B100126" s="14" t="s">
        <v>1</v>
      </c>
      <c r="C100126" s="14" t="s">
        <v>47</v>
      </c>
      <c r="D100126" s="14" t="s">
        <v>420</v>
      </c>
      <c r="E100126" s="15">
        <v>45492</v>
      </c>
      <c r="F100126" s="14" t="s">
        <v>61</v>
      </c>
      <c r="G100126" s="16">
        <v>0.15696056836075412</v>
      </c>
    </row>
    <row r="100127" spans="1:7" x14ac:dyDescent="0.3">
      <c r="A100127" s="13" t="s">
        <v>493</v>
      </c>
      <c r="B100127" s="14" t="s">
        <v>1</v>
      </c>
      <c r="C100127" s="14" t="s">
        <v>47</v>
      </c>
      <c r="D100127" s="14" t="s">
        <v>420</v>
      </c>
      <c r="E100127" s="15">
        <v>45493</v>
      </c>
      <c r="F100127" s="14" t="s">
        <v>61</v>
      </c>
      <c r="G100127" s="16">
        <v>0.15696056836075412</v>
      </c>
    </row>
    <row r="100128" spans="1:7" x14ac:dyDescent="0.3">
      <c r="A100128" s="13" t="s">
        <v>493</v>
      </c>
      <c r="B100128" s="14" t="s">
        <v>1</v>
      </c>
      <c r="C100128" s="14" t="s">
        <v>47</v>
      </c>
      <c r="D100128" s="14" t="s">
        <v>420</v>
      </c>
      <c r="E100128" s="15">
        <v>45494</v>
      </c>
      <c r="F100128" s="14" t="s">
        <v>61</v>
      </c>
      <c r="G100128" s="16">
        <v>0.15696056836075412</v>
      </c>
    </row>
    <row r="100129" spans="1:7" x14ac:dyDescent="0.3">
      <c r="A100129" s="13" t="s">
        <v>493</v>
      </c>
      <c r="B100129" s="14" t="s">
        <v>1</v>
      </c>
      <c r="C100129" s="14" t="s">
        <v>47</v>
      </c>
      <c r="D100129" s="14" t="s">
        <v>420</v>
      </c>
      <c r="E100129" s="15">
        <v>45495</v>
      </c>
      <c r="F100129" s="14" t="s">
        <v>61</v>
      </c>
      <c r="G100129" s="16">
        <v>0.1546378814871267</v>
      </c>
    </row>
    <row r="100130" spans="1:7" x14ac:dyDescent="0.3">
      <c r="A100130" s="13" t="s">
        <v>493</v>
      </c>
      <c r="B100130" s="14" t="s">
        <v>1</v>
      </c>
      <c r="C100130" s="14" t="s">
        <v>47</v>
      </c>
      <c r="D100130" s="14" t="s">
        <v>420</v>
      </c>
      <c r="E100130" s="15">
        <v>45496</v>
      </c>
      <c r="F100130" s="14" t="s">
        <v>61</v>
      </c>
      <c r="G100130" s="16">
        <v>0.14887302334849672</v>
      </c>
    </row>
    <row r="100131" spans="1:7" x14ac:dyDescent="0.3">
      <c r="A100131" s="13" t="s">
        <v>493</v>
      </c>
      <c r="B100131" s="14" t="s">
        <v>1</v>
      </c>
      <c r="C100131" s="14" t="s">
        <v>47</v>
      </c>
      <c r="D100131" s="14" t="s">
        <v>420</v>
      </c>
      <c r="E100131" s="15">
        <v>45497</v>
      </c>
      <c r="F100131" s="14" t="s">
        <v>61</v>
      </c>
      <c r="G100131" s="16">
        <v>0.14692242085094578</v>
      </c>
    </row>
    <row r="100132" spans="1:7" x14ac:dyDescent="0.3">
      <c r="A100132" s="13" t="s">
        <v>493</v>
      </c>
      <c r="B100132" s="14" t="s">
        <v>1</v>
      </c>
      <c r="C100132" s="14" t="s">
        <v>47</v>
      </c>
      <c r="D100132" s="14" t="s">
        <v>420</v>
      </c>
      <c r="E100132" s="15">
        <v>45498</v>
      </c>
      <c r="F100132" s="14" t="s">
        <v>61</v>
      </c>
      <c r="G100132" s="16">
        <v>0.14473592291794912</v>
      </c>
    </row>
    <row r="100133" spans="1:7" x14ac:dyDescent="0.3">
      <c r="A100133" s="13" t="s">
        <v>493</v>
      </c>
      <c r="B100133" s="14" t="s">
        <v>1</v>
      </c>
      <c r="C100133" s="14" t="s">
        <v>47</v>
      </c>
      <c r="D100133" s="14" t="s">
        <v>420</v>
      </c>
      <c r="E100133" s="15">
        <v>45499</v>
      </c>
      <c r="F100133" s="14" t="s">
        <v>61</v>
      </c>
      <c r="G100133" s="16">
        <v>0.14252556029296917</v>
      </c>
    </row>
    <row r="100134" spans="1:7" x14ac:dyDescent="0.3">
      <c r="A100134" s="13" t="s">
        <v>493</v>
      </c>
      <c r="B100134" s="14" t="s">
        <v>1</v>
      </c>
      <c r="C100134" s="14" t="s">
        <v>47</v>
      </c>
      <c r="D100134" s="14" t="s">
        <v>420</v>
      </c>
      <c r="E100134" s="15">
        <v>45500</v>
      </c>
      <c r="F100134" s="14" t="s">
        <v>61</v>
      </c>
      <c r="G100134" s="16">
        <v>0.14252556029296917</v>
      </c>
    </row>
    <row r="100135" spans="1:7" x14ac:dyDescent="0.3">
      <c r="A100135" s="13" t="s">
        <v>493</v>
      </c>
      <c r="B100135" s="14" t="s">
        <v>1</v>
      </c>
      <c r="C100135" s="14" t="s">
        <v>47</v>
      </c>
      <c r="D100135" s="14" t="s">
        <v>420</v>
      </c>
      <c r="E100135" s="15">
        <v>45501</v>
      </c>
      <c r="F100135" s="14" t="s">
        <v>61</v>
      </c>
      <c r="G100135" s="16">
        <v>0.14252556029296917</v>
      </c>
    </row>
    <row r="100136" spans="1:7" x14ac:dyDescent="0.3">
      <c r="A100136" s="13" t="s">
        <v>493</v>
      </c>
      <c r="B100136" s="14" t="s">
        <v>1</v>
      </c>
      <c r="C100136" s="14" t="s">
        <v>47</v>
      </c>
      <c r="D100136" s="14" t="s">
        <v>420</v>
      </c>
      <c r="E100136" s="15">
        <v>45502</v>
      </c>
      <c r="F100136" s="14" t="s">
        <v>61</v>
      </c>
      <c r="G100136" s="16">
        <v>0.14101134172529114</v>
      </c>
    </row>
    <row r="100137" spans="1:7" x14ac:dyDescent="0.3">
      <c r="A100137" s="13" t="s">
        <v>493</v>
      </c>
      <c r="B100137" s="14" t="s">
        <v>1</v>
      </c>
      <c r="C100137" s="14" t="s">
        <v>47</v>
      </c>
      <c r="D100137" s="14" t="s">
        <v>420</v>
      </c>
      <c r="E100137" s="15">
        <v>45503</v>
      </c>
      <c r="F100137" s="14" t="s">
        <v>61</v>
      </c>
      <c r="G100137" s="16">
        <v>0.13497096982427864</v>
      </c>
    </row>
    <row r="100138" spans="1:7" x14ac:dyDescent="0.3">
      <c r="A100138" s="13" t="s">
        <v>493</v>
      </c>
      <c r="B100138" s="14" t="s">
        <v>1</v>
      </c>
      <c r="C100138" s="14" t="s">
        <v>47</v>
      </c>
      <c r="D100138" s="14" t="s">
        <v>420</v>
      </c>
      <c r="E100138" s="15">
        <v>45504</v>
      </c>
      <c r="F100138" s="14" t="s">
        <v>61</v>
      </c>
      <c r="G100138" s="16">
        <v>0.13281284462932058</v>
      </c>
    </row>
    <row r="100139" spans="1:7" x14ac:dyDescent="0.3">
      <c r="A100139" s="13" t="s">
        <v>493</v>
      </c>
      <c r="B100139" s="14" t="s">
        <v>1</v>
      </c>
      <c r="C100139" s="14" t="s">
        <v>47</v>
      </c>
      <c r="D100139" s="14" t="s">
        <v>420</v>
      </c>
      <c r="E100139" s="15">
        <v>45505</v>
      </c>
      <c r="F100139" s="14" t="s">
        <v>61</v>
      </c>
      <c r="G100139" s="16">
        <v>0.13122976151800117</v>
      </c>
    </row>
    <row r="100140" spans="1:7" x14ac:dyDescent="0.3">
      <c r="A100140" s="13" t="s">
        <v>493</v>
      </c>
      <c r="B100140" s="14" t="s">
        <v>1</v>
      </c>
      <c r="C100140" s="14" t="s">
        <v>47</v>
      </c>
      <c r="D100140" s="14" t="s">
        <v>420</v>
      </c>
      <c r="E100140" s="15">
        <v>45506</v>
      </c>
      <c r="F100140" s="14" t="s">
        <v>61</v>
      </c>
      <c r="G100140" s="16">
        <v>0.12728221054475014</v>
      </c>
    </row>
    <row r="100141" spans="1:7" x14ac:dyDescent="0.3">
      <c r="A100141" s="13" t="s">
        <v>493</v>
      </c>
      <c r="B100141" s="14" t="s">
        <v>1</v>
      </c>
      <c r="C100141" s="14" t="s">
        <v>47</v>
      </c>
      <c r="D100141" s="14" t="s">
        <v>420</v>
      </c>
      <c r="E100141" s="15">
        <v>45507</v>
      </c>
      <c r="F100141" s="14" t="s">
        <v>61</v>
      </c>
      <c r="G100141" s="16">
        <v>0.12728221054475014</v>
      </c>
    </row>
    <row r="100142" spans="1:7" x14ac:dyDescent="0.3">
      <c r="A100142" s="13" t="s">
        <v>493</v>
      </c>
      <c r="B100142" s="14" t="s">
        <v>1</v>
      </c>
      <c r="C100142" s="14" t="s">
        <v>47</v>
      </c>
      <c r="D100142" s="14" t="s">
        <v>420</v>
      </c>
      <c r="E100142" s="15">
        <v>45508</v>
      </c>
      <c r="F100142" s="14" t="s">
        <v>61</v>
      </c>
      <c r="G100142" s="16">
        <v>0.12728221054475014</v>
      </c>
    </row>
    <row r="100143" spans="1:7" x14ac:dyDescent="0.3">
      <c r="A100143" s="13" t="s">
        <v>493</v>
      </c>
      <c r="B100143" s="14" t="s">
        <v>1</v>
      </c>
      <c r="C100143" s="14" t="s">
        <v>47</v>
      </c>
      <c r="D100143" s="14" t="s">
        <v>420</v>
      </c>
      <c r="E100143" s="15">
        <v>45509</v>
      </c>
      <c r="F100143" s="14" t="s">
        <v>61</v>
      </c>
      <c r="G100143" s="16">
        <v>0.12728221054475014</v>
      </c>
    </row>
    <row r="100144" spans="1:7" x14ac:dyDescent="0.3">
      <c r="A100144" s="13" t="s">
        <v>493</v>
      </c>
      <c r="B100144" s="14" t="s">
        <v>1</v>
      </c>
      <c r="C100144" s="14" t="s">
        <v>47</v>
      </c>
      <c r="D100144" s="14" t="s">
        <v>420</v>
      </c>
      <c r="E100144" s="15">
        <v>45510</v>
      </c>
      <c r="F100144" s="14" t="s">
        <v>61</v>
      </c>
      <c r="G100144" s="16">
        <v>0.12509057861622344</v>
      </c>
    </row>
    <row r="100145" spans="1:7" x14ac:dyDescent="0.3">
      <c r="A100145" s="13" t="s">
        <v>493</v>
      </c>
      <c r="B100145" s="14" t="s">
        <v>1</v>
      </c>
      <c r="C100145" s="14" t="s">
        <v>47</v>
      </c>
      <c r="D100145" s="14" t="s">
        <v>420</v>
      </c>
      <c r="E100145" s="15">
        <v>45511</v>
      </c>
      <c r="F100145" s="14" t="s">
        <v>61</v>
      </c>
      <c r="G100145" s="16">
        <v>0.11758503317510705</v>
      </c>
    </row>
    <row r="100146" spans="1:7" x14ac:dyDescent="0.3">
      <c r="A100146" s="13" t="s">
        <v>493</v>
      </c>
      <c r="B100146" s="14" t="s">
        <v>1</v>
      </c>
      <c r="C100146" s="14" t="s">
        <v>47</v>
      </c>
      <c r="D100146" s="14" t="s">
        <v>420</v>
      </c>
      <c r="E100146" s="15">
        <v>45512</v>
      </c>
      <c r="F100146" s="14" t="s">
        <v>61</v>
      </c>
      <c r="G100146" s="16">
        <v>0.11574227862631863</v>
      </c>
    </row>
    <row r="100147" spans="1:7" x14ac:dyDescent="0.3">
      <c r="A100147" s="13" t="s">
        <v>493</v>
      </c>
      <c r="B100147" s="14" t="s">
        <v>1</v>
      </c>
      <c r="C100147" s="14" t="s">
        <v>47</v>
      </c>
      <c r="D100147" s="14" t="s">
        <v>420</v>
      </c>
      <c r="E100147" s="15">
        <v>45513</v>
      </c>
      <c r="F100147" s="14" t="s">
        <v>61</v>
      </c>
      <c r="G100147" s="16">
        <v>0.11390686385224023</v>
      </c>
    </row>
    <row r="100148" spans="1:7" x14ac:dyDescent="0.3">
      <c r="A100148" s="13" t="s">
        <v>493</v>
      </c>
      <c r="B100148" s="14" t="s">
        <v>1</v>
      </c>
      <c r="C100148" s="14" t="s">
        <v>47</v>
      </c>
      <c r="D100148" s="14" t="s">
        <v>420</v>
      </c>
      <c r="E100148" s="15">
        <v>45514</v>
      </c>
      <c r="F100148" s="14" t="s">
        <v>61</v>
      </c>
      <c r="G100148" s="16">
        <v>0.11390686385224023</v>
      </c>
    </row>
    <row r="100149" spans="1:7" x14ac:dyDescent="0.3">
      <c r="A100149" s="13" t="s">
        <v>493</v>
      </c>
      <c r="B100149" s="14" t="s">
        <v>1</v>
      </c>
      <c r="C100149" s="14" t="s">
        <v>47</v>
      </c>
      <c r="D100149" s="14" t="s">
        <v>420</v>
      </c>
      <c r="E100149" s="15">
        <v>45515</v>
      </c>
      <c r="F100149" s="14" t="s">
        <v>61</v>
      </c>
      <c r="G100149" s="16">
        <v>0.11390686385224023</v>
      </c>
    </row>
    <row r="100150" spans="1:7" x14ac:dyDescent="0.3">
      <c r="A100150" s="13" t="s">
        <v>493</v>
      </c>
      <c r="B100150" s="14" t="s">
        <v>1</v>
      </c>
      <c r="C100150" s="14" t="s">
        <v>47</v>
      </c>
      <c r="D100150" s="14" t="s">
        <v>420</v>
      </c>
      <c r="E100150" s="15">
        <v>45516</v>
      </c>
      <c r="F100150" s="14" t="s">
        <v>61</v>
      </c>
      <c r="G100150" s="16">
        <v>0.11183630520112101</v>
      </c>
    </row>
    <row r="100151" spans="1:7" x14ac:dyDescent="0.3">
      <c r="A100151" s="13" t="s">
        <v>493</v>
      </c>
      <c r="B100151" s="14" t="s">
        <v>1</v>
      </c>
      <c r="C100151" s="14" t="s">
        <v>47</v>
      </c>
      <c r="D100151" s="14" t="s">
        <v>420</v>
      </c>
      <c r="E100151" s="15">
        <v>45517</v>
      </c>
      <c r="F100151" s="14" t="s">
        <v>61</v>
      </c>
      <c r="G100151" s="16">
        <v>0.10628748006359348</v>
      </c>
    </row>
    <row r="100152" spans="1:7" x14ac:dyDescent="0.3">
      <c r="A100152" s="13" t="s">
        <v>493</v>
      </c>
      <c r="B100152" s="14" t="s">
        <v>1</v>
      </c>
      <c r="C100152" s="14" t="s">
        <v>47</v>
      </c>
      <c r="D100152" s="14" t="s">
        <v>420</v>
      </c>
      <c r="E100152" s="15">
        <v>45518</v>
      </c>
      <c r="F100152" s="14" t="s">
        <v>61</v>
      </c>
      <c r="G100152" s="16">
        <v>0.10419024721420356</v>
      </c>
    </row>
    <row r="100153" spans="1:7" x14ac:dyDescent="0.3">
      <c r="A100153" s="13" t="s">
        <v>493</v>
      </c>
      <c r="B100153" s="14" t="s">
        <v>1</v>
      </c>
      <c r="C100153" s="14" t="s">
        <v>47</v>
      </c>
      <c r="D100153" s="14" t="s">
        <v>420</v>
      </c>
      <c r="E100153" s="15">
        <v>45519</v>
      </c>
      <c r="F100153" s="14" t="s">
        <v>61</v>
      </c>
      <c r="G100153" s="16">
        <v>0.10259132744555775</v>
      </c>
    </row>
    <row r="100154" spans="1:7" x14ac:dyDescent="0.3">
      <c r="A100154" s="13" t="s">
        <v>493</v>
      </c>
      <c r="B100154" s="14" t="s">
        <v>1</v>
      </c>
      <c r="C100154" s="14" t="s">
        <v>47</v>
      </c>
      <c r="D100154" s="14" t="s">
        <v>420</v>
      </c>
      <c r="E100154" s="15">
        <v>45520</v>
      </c>
      <c r="F100154" s="14" t="s">
        <v>61</v>
      </c>
      <c r="G100154" s="16">
        <v>0.10184042961909209</v>
      </c>
    </row>
    <row r="100155" spans="1:7" x14ac:dyDescent="0.3">
      <c r="A100155" s="13" t="s">
        <v>493</v>
      </c>
      <c r="B100155" s="14" t="s">
        <v>1</v>
      </c>
      <c r="C100155" s="14" t="s">
        <v>47</v>
      </c>
      <c r="D100155" s="14" t="s">
        <v>420</v>
      </c>
      <c r="E100155" s="15">
        <v>45521</v>
      </c>
      <c r="F100155" s="14" t="s">
        <v>61</v>
      </c>
      <c r="G100155" s="16">
        <v>0.10184042961909209</v>
      </c>
    </row>
    <row r="100156" spans="1:7" x14ac:dyDescent="0.3">
      <c r="A100156" s="13" t="s">
        <v>493</v>
      </c>
      <c r="B100156" s="14" t="s">
        <v>1</v>
      </c>
      <c r="C100156" s="14" t="s">
        <v>47</v>
      </c>
      <c r="D100156" s="14" t="s">
        <v>420</v>
      </c>
      <c r="E100156" s="15">
        <v>45522</v>
      </c>
      <c r="F100156" s="14" t="s">
        <v>61</v>
      </c>
      <c r="G100156" s="16">
        <v>0.10184042961909209</v>
      </c>
    </row>
    <row r="100157" spans="1:7" x14ac:dyDescent="0.3">
      <c r="A100157" s="13" t="s">
        <v>493</v>
      </c>
      <c r="B100157" s="14" t="s">
        <v>1</v>
      </c>
      <c r="C100157" s="14" t="s">
        <v>47</v>
      </c>
      <c r="D100157" s="14" t="s">
        <v>420</v>
      </c>
      <c r="E100157" s="15">
        <v>45523</v>
      </c>
      <c r="F100157" s="14" t="s">
        <v>61</v>
      </c>
      <c r="G100157" s="16">
        <v>9.928178806673249E-2</v>
      </c>
    </row>
    <row r="100158" spans="1:7" x14ac:dyDescent="0.3">
      <c r="A100158" s="13" t="s">
        <v>493</v>
      </c>
      <c r="B100158" s="14" t="s">
        <v>1</v>
      </c>
      <c r="C100158" s="14" t="s">
        <v>47</v>
      </c>
      <c r="D100158" s="14" t="s">
        <v>420</v>
      </c>
      <c r="E100158" s="15">
        <v>45524</v>
      </c>
      <c r="F100158" s="14" t="s">
        <v>61</v>
      </c>
      <c r="G100158" s="16">
        <v>9.2800630300870823E-2</v>
      </c>
    </row>
    <row r="100159" spans="1:7" x14ac:dyDescent="0.3">
      <c r="A100159" s="13" t="s">
        <v>493</v>
      </c>
      <c r="B100159" s="14" t="s">
        <v>1</v>
      </c>
      <c r="C100159" s="14" t="s">
        <v>47</v>
      </c>
      <c r="D100159" s="14" t="s">
        <v>420</v>
      </c>
      <c r="E100159" s="15">
        <v>45525</v>
      </c>
      <c r="F100159" s="14" t="s">
        <v>61</v>
      </c>
      <c r="G100159" s="16">
        <v>9.0574988858101724E-2</v>
      </c>
    </row>
    <row r="100160" spans="1:7" x14ac:dyDescent="0.3">
      <c r="A100160" s="13" t="s">
        <v>493</v>
      </c>
      <c r="B100160" s="14" t="s">
        <v>1</v>
      </c>
      <c r="C100160" s="14" t="s">
        <v>47</v>
      </c>
      <c r="D100160" s="14" t="s">
        <v>420</v>
      </c>
      <c r="E100160" s="15">
        <v>45526</v>
      </c>
      <c r="F100160" s="14" t="s">
        <v>61</v>
      </c>
      <c r="G100160" s="16">
        <v>8.8805094273666271E-2</v>
      </c>
    </row>
    <row r="100161" spans="1:7" x14ac:dyDescent="0.3">
      <c r="A100161" s="13" t="s">
        <v>493</v>
      </c>
      <c r="B100161" s="14" t="s">
        <v>1</v>
      </c>
      <c r="C100161" s="14" t="s">
        <v>47</v>
      </c>
      <c r="D100161" s="14" t="s">
        <v>420</v>
      </c>
      <c r="E100161" s="15">
        <v>45527</v>
      </c>
      <c r="F100161" s="14" t="s">
        <v>61</v>
      </c>
      <c r="G100161" s="16">
        <v>8.6076194707051509E-2</v>
      </c>
    </row>
    <row r="100162" spans="1:7" x14ac:dyDescent="0.3">
      <c r="A100162" s="13" t="s">
        <v>493</v>
      </c>
      <c r="B100162" s="14" t="s">
        <v>1</v>
      </c>
      <c r="C100162" s="14" t="s">
        <v>47</v>
      </c>
      <c r="D100162" s="14" t="s">
        <v>420</v>
      </c>
      <c r="E100162" s="15">
        <v>45528</v>
      </c>
      <c r="F100162" s="14" t="s">
        <v>61</v>
      </c>
      <c r="G100162" s="16">
        <v>8.6076194707051509E-2</v>
      </c>
    </row>
    <row r="100163" spans="1:7" x14ac:dyDescent="0.3">
      <c r="A100163" s="13" t="s">
        <v>493</v>
      </c>
      <c r="B100163" s="14" t="s">
        <v>1</v>
      </c>
      <c r="C100163" s="14" t="s">
        <v>47</v>
      </c>
      <c r="D100163" s="14" t="s">
        <v>420</v>
      </c>
      <c r="E100163" s="15">
        <v>45529</v>
      </c>
      <c r="F100163" s="14" t="s">
        <v>61</v>
      </c>
      <c r="G100163" s="16">
        <v>8.6076194707051509E-2</v>
      </c>
    </row>
    <row r="100164" spans="1:7" x14ac:dyDescent="0.3">
      <c r="A100164" s="13" t="s">
        <v>493</v>
      </c>
      <c r="B100164" s="14" t="s">
        <v>1</v>
      </c>
      <c r="C100164" s="14" t="s">
        <v>47</v>
      </c>
      <c r="D100164" s="14" t="s">
        <v>420</v>
      </c>
      <c r="E100164" s="15">
        <v>45530</v>
      </c>
      <c r="F100164" s="14" t="s">
        <v>61</v>
      </c>
      <c r="G100164" s="16">
        <v>8.6076194707051509E-2</v>
      </c>
    </row>
    <row r="100165" spans="1:7" x14ac:dyDescent="0.3">
      <c r="A100165" s="13" t="s">
        <v>493</v>
      </c>
      <c r="B100165" s="14" t="s">
        <v>1</v>
      </c>
      <c r="C100165" s="14" t="s">
        <v>47</v>
      </c>
      <c r="D100165" s="14" t="s">
        <v>420</v>
      </c>
      <c r="E100165" s="15">
        <v>45531</v>
      </c>
      <c r="F100165" s="14" t="s">
        <v>61</v>
      </c>
      <c r="G100165" s="16">
        <v>8.406648357148927E-2</v>
      </c>
    </row>
    <row r="100166" spans="1:7" x14ac:dyDescent="0.3">
      <c r="A100166" s="13" t="s">
        <v>493</v>
      </c>
      <c r="B100166" s="14" t="s">
        <v>1</v>
      </c>
      <c r="C100166" s="14" t="s">
        <v>47</v>
      </c>
      <c r="D100166" s="14" t="s">
        <v>420</v>
      </c>
      <c r="E100166" s="15">
        <v>45532</v>
      </c>
      <c r="F100166" s="14" t="s">
        <v>61</v>
      </c>
      <c r="G100166" s="16">
        <v>7.5945654030855653E-2</v>
      </c>
    </row>
    <row r="100167" spans="1:7" x14ac:dyDescent="0.3">
      <c r="A100167" s="13" t="s">
        <v>493</v>
      </c>
      <c r="B100167" s="14" t="s">
        <v>1</v>
      </c>
      <c r="C100167" s="14" t="s">
        <v>47</v>
      </c>
      <c r="D100167" s="14" t="s">
        <v>420</v>
      </c>
      <c r="E100167" s="15">
        <v>45533</v>
      </c>
      <c r="F100167" s="14" t="s">
        <v>61</v>
      </c>
      <c r="G100167" s="16">
        <v>7.4098336246171986E-2</v>
      </c>
    </row>
    <row r="100168" spans="1:7" x14ac:dyDescent="0.3">
      <c r="A100168" s="13" t="s">
        <v>493</v>
      </c>
      <c r="B100168" s="14" t="s">
        <v>1</v>
      </c>
      <c r="C100168" s="14" t="s">
        <v>47</v>
      </c>
      <c r="D100168" s="14" t="s">
        <v>420</v>
      </c>
      <c r="E100168" s="15">
        <v>45534</v>
      </c>
      <c r="F100168" s="14" t="s">
        <v>61</v>
      </c>
      <c r="G100168" s="16">
        <v>7.2173344186565014E-2</v>
      </c>
    </row>
    <row r="100169" spans="1:7" x14ac:dyDescent="0.3">
      <c r="A100169" s="13" t="s">
        <v>493</v>
      </c>
      <c r="B100169" s="14" t="s">
        <v>1</v>
      </c>
      <c r="C100169" s="14" t="s">
        <v>47</v>
      </c>
      <c r="D100169" s="14" t="s">
        <v>420</v>
      </c>
      <c r="E100169" s="15">
        <v>45535</v>
      </c>
      <c r="F100169" s="14" t="s">
        <v>61</v>
      </c>
      <c r="G100169" s="16">
        <v>7.2173344186565014E-2</v>
      </c>
    </row>
    <row r="100170" spans="1:7" x14ac:dyDescent="0.3">
      <c r="A100170" s="13" t="s">
        <v>493</v>
      </c>
      <c r="B100170" s="14" t="s">
        <v>1</v>
      </c>
      <c r="C100170" s="14" t="s">
        <v>47</v>
      </c>
      <c r="D100170" s="14" t="s">
        <v>420</v>
      </c>
      <c r="E100170" s="15">
        <v>45536</v>
      </c>
      <c r="F100170" s="14" t="s">
        <v>61</v>
      </c>
      <c r="G100170" s="16">
        <v>7.2173344186565014E-2</v>
      </c>
    </row>
    <row r="100171" spans="1:7" x14ac:dyDescent="0.3">
      <c r="A100171" s="13" t="s">
        <v>493</v>
      </c>
      <c r="B100171" s="14" t="s">
        <v>1</v>
      </c>
      <c r="C100171" s="14" t="s">
        <v>47</v>
      </c>
      <c r="D100171" s="14" t="s">
        <v>420</v>
      </c>
      <c r="E100171" s="15">
        <v>45537</v>
      </c>
      <c r="F100171" s="14" t="s">
        <v>61</v>
      </c>
      <c r="G100171" s="16">
        <v>7.2173344186565014E-2</v>
      </c>
    </row>
    <row r="100172" spans="1:7" x14ac:dyDescent="0.3">
      <c r="A100172" s="13" t="s">
        <v>493</v>
      </c>
      <c r="B100172" s="14" t="s">
        <v>1</v>
      </c>
      <c r="C100172" s="14" t="s">
        <v>47</v>
      </c>
      <c r="D100172" s="14" t="s">
        <v>420</v>
      </c>
      <c r="E100172" s="15">
        <v>45538</v>
      </c>
      <c r="F100172" s="14" t="s">
        <v>61</v>
      </c>
      <c r="G100172" s="16">
        <v>7.3278151417608656E-2</v>
      </c>
    </row>
    <row r="100173" spans="1:7" x14ac:dyDescent="0.3">
      <c r="A100173" s="13" t="s">
        <v>493</v>
      </c>
      <c r="B100173" s="14" t="s">
        <v>1</v>
      </c>
      <c r="C100173" s="14" t="s">
        <v>47</v>
      </c>
      <c r="D100173" s="14" t="s">
        <v>420</v>
      </c>
      <c r="E100173" s="15">
        <v>45539</v>
      </c>
      <c r="F100173" s="14" t="s">
        <v>61</v>
      </c>
      <c r="G100173" s="16">
        <v>6.8933294027597097E-2</v>
      </c>
    </row>
    <row r="100174" spans="1:7" x14ac:dyDescent="0.3">
      <c r="A100174" s="13" t="s">
        <v>493</v>
      </c>
      <c r="B100174" s="14" t="s">
        <v>1</v>
      </c>
      <c r="C100174" s="14" t="s">
        <v>47</v>
      </c>
      <c r="D100174" s="14" t="s">
        <v>420</v>
      </c>
      <c r="E100174" s="15">
        <v>45540</v>
      </c>
      <c r="F100174" s="14" t="s">
        <v>61</v>
      </c>
      <c r="G100174" s="16">
        <v>7.2959709778768644E-2</v>
      </c>
    </row>
    <row r="100175" spans="1:7" x14ac:dyDescent="0.3">
      <c r="A100175" s="13" t="s">
        <v>493</v>
      </c>
      <c r="B100175" s="14" t="s">
        <v>1</v>
      </c>
      <c r="C100175" s="14" t="s">
        <v>47</v>
      </c>
      <c r="D100175" s="14" t="s">
        <v>420</v>
      </c>
      <c r="E100175" s="15">
        <v>45541</v>
      </c>
      <c r="F100175" s="14" t="s">
        <v>61</v>
      </c>
      <c r="G100175" s="16">
        <v>7.1071942572352456E-2</v>
      </c>
    </row>
    <row r="100176" spans="1:7" x14ac:dyDescent="0.3">
      <c r="A100176" s="13" t="s">
        <v>493</v>
      </c>
      <c r="B100176" s="14" t="s">
        <v>1</v>
      </c>
      <c r="C100176" s="14" t="s">
        <v>47</v>
      </c>
      <c r="D100176" s="14" t="s">
        <v>420</v>
      </c>
      <c r="E100176" s="15">
        <v>45542</v>
      </c>
      <c r="F100176" s="14" t="s">
        <v>61</v>
      </c>
      <c r="G100176" s="16">
        <v>7.1071942572352456E-2</v>
      </c>
    </row>
    <row r="100177" spans="1:7" x14ac:dyDescent="0.3">
      <c r="A100177" s="13" t="s">
        <v>493</v>
      </c>
      <c r="B100177" s="14" t="s">
        <v>1</v>
      </c>
      <c r="C100177" s="14" t="s">
        <v>47</v>
      </c>
      <c r="D100177" s="14" t="s">
        <v>420</v>
      </c>
      <c r="E100177" s="15">
        <v>45543</v>
      </c>
      <c r="F100177" s="14" t="s">
        <v>61</v>
      </c>
      <c r="G100177" s="16">
        <v>7.1071942572352456E-2</v>
      </c>
    </row>
    <row r="100178" spans="1:7" x14ac:dyDescent="0.3">
      <c r="A100178" s="13" t="s">
        <v>493</v>
      </c>
      <c r="B100178" s="14" t="s">
        <v>1</v>
      </c>
      <c r="C100178" s="14" t="s">
        <v>47</v>
      </c>
      <c r="D100178" s="14" t="s">
        <v>420</v>
      </c>
      <c r="E100178" s="15">
        <v>45544</v>
      </c>
      <c r="F100178" s="14" t="s">
        <v>61</v>
      </c>
      <c r="G100178" s="16">
        <v>6.9368611130044583E-2</v>
      </c>
    </row>
    <row r="100179" spans="1:7" x14ac:dyDescent="0.3">
      <c r="A100179" s="13" t="s">
        <v>493</v>
      </c>
      <c r="B100179" s="14" t="s">
        <v>1</v>
      </c>
      <c r="C100179" s="14" t="s">
        <v>47</v>
      </c>
      <c r="D100179" s="14" t="s">
        <v>420</v>
      </c>
      <c r="E100179" s="15">
        <v>45545</v>
      </c>
      <c r="F100179" s="14" t="s">
        <v>61</v>
      </c>
      <c r="G100179" s="16">
        <v>6.3479360115573494E-2</v>
      </c>
    </row>
    <row r="100180" spans="1:7" x14ac:dyDescent="0.3">
      <c r="A100180" s="13" t="s">
        <v>493</v>
      </c>
      <c r="B100180" s="14" t="s">
        <v>1</v>
      </c>
      <c r="C100180" s="14" t="s">
        <v>47</v>
      </c>
      <c r="D100180" s="14" t="s">
        <v>420</v>
      </c>
      <c r="E100180" s="15">
        <v>45546</v>
      </c>
      <c r="F100180" s="14" t="s">
        <v>61</v>
      </c>
      <c r="G100180" s="16">
        <v>6.1528756987545036E-2</v>
      </c>
    </row>
    <row r="100181" spans="1:7" x14ac:dyDescent="0.3">
      <c r="A100181" s="13" t="s">
        <v>493</v>
      </c>
      <c r="B100181" s="14" t="s">
        <v>1</v>
      </c>
      <c r="C100181" s="14" t="s">
        <v>47</v>
      </c>
      <c r="D100181" s="14" t="s">
        <v>420</v>
      </c>
      <c r="E100181" s="15">
        <v>45547</v>
      </c>
      <c r="F100181" s="14" t="s">
        <v>61</v>
      </c>
      <c r="G100181" s="16">
        <v>6.3956568006766537E-2</v>
      </c>
    </row>
    <row r="100182" spans="1:7" x14ac:dyDescent="0.3">
      <c r="A100182" s="13" t="s">
        <v>493</v>
      </c>
      <c r="B100182" s="14" t="s">
        <v>1</v>
      </c>
      <c r="C100182" s="14" t="s">
        <v>47</v>
      </c>
      <c r="D100182" s="14" t="s">
        <v>420</v>
      </c>
      <c r="E100182" s="15">
        <v>45548</v>
      </c>
      <c r="F100182" s="14" t="s">
        <v>61</v>
      </c>
      <c r="G100182" s="16">
        <v>6.8155873647286827E-2</v>
      </c>
    </row>
    <row r="100183" spans="1:7" x14ac:dyDescent="0.3">
      <c r="A100183" s="13" t="s">
        <v>493</v>
      </c>
      <c r="B100183" s="14" t="s">
        <v>1</v>
      </c>
      <c r="C100183" s="14" t="s">
        <v>47</v>
      </c>
      <c r="D100183" s="14" t="s">
        <v>420</v>
      </c>
      <c r="E100183" s="15">
        <v>45549</v>
      </c>
      <c r="F100183" s="14" t="s">
        <v>61</v>
      </c>
      <c r="G100183" s="16">
        <v>6.8155873647286827E-2</v>
      </c>
    </row>
    <row r="100184" spans="1:7" x14ac:dyDescent="0.3">
      <c r="A100184" s="13" t="s">
        <v>493</v>
      </c>
      <c r="B100184" s="14" t="s">
        <v>1</v>
      </c>
      <c r="C100184" s="14" t="s">
        <v>47</v>
      </c>
      <c r="D100184" s="14" t="s">
        <v>420</v>
      </c>
      <c r="E100184" s="15">
        <v>45550</v>
      </c>
      <c r="F100184" s="14" t="s">
        <v>61</v>
      </c>
      <c r="G100184" s="16">
        <v>6.8155873647286827E-2</v>
      </c>
    </row>
    <row r="100185" spans="1:7" x14ac:dyDescent="0.3">
      <c r="A100185" s="13" t="s">
        <v>493</v>
      </c>
      <c r="B100185" s="14" t="s">
        <v>1</v>
      </c>
      <c r="C100185" s="14" t="s">
        <v>47</v>
      </c>
      <c r="D100185" s="14" t="s">
        <v>420</v>
      </c>
      <c r="E100185" s="15">
        <v>45551</v>
      </c>
      <c r="F100185" s="14" t="s">
        <v>61</v>
      </c>
      <c r="G100185" s="16">
        <v>6.5753847314881014E-2</v>
      </c>
    </row>
    <row r="100186" spans="1:7" x14ac:dyDescent="0.3">
      <c r="A100186" s="13" t="s">
        <v>493</v>
      </c>
      <c r="B100186" s="14" t="s">
        <v>1</v>
      </c>
      <c r="C100186" s="14" t="s">
        <v>47</v>
      </c>
      <c r="D100186" s="14" t="s">
        <v>420</v>
      </c>
      <c r="E100186" s="15">
        <v>45552</v>
      </c>
      <c r="F100186" s="14" t="s">
        <v>61</v>
      </c>
      <c r="G100186" s="16">
        <v>6.1288716846031474E-2</v>
      </c>
    </row>
    <row r="100187" spans="1:7" x14ac:dyDescent="0.3">
      <c r="A100187" s="13" t="s">
        <v>493</v>
      </c>
      <c r="B100187" s="14" t="s">
        <v>1</v>
      </c>
      <c r="C100187" s="14" t="s">
        <v>47</v>
      </c>
      <c r="D100187" s="14" t="s">
        <v>420</v>
      </c>
      <c r="E100187" s="15">
        <v>45553</v>
      </c>
      <c r="F100187" s="14" t="s">
        <v>61</v>
      </c>
      <c r="G100187" s="16">
        <v>5.9830431230563773E-2</v>
      </c>
    </row>
    <row r="100188" spans="1:7" x14ac:dyDescent="0.3">
      <c r="A100188" s="13" t="s">
        <v>493</v>
      </c>
      <c r="B100188" s="14" t="s">
        <v>1</v>
      </c>
      <c r="C100188" s="14" t="s">
        <v>47</v>
      </c>
      <c r="D100188" s="14" t="s">
        <v>420</v>
      </c>
      <c r="E100188" s="15">
        <v>45554</v>
      </c>
      <c r="F100188" s="14" t="s">
        <v>61</v>
      </c>
      <c r="G100188" s="16">
        <v>5.7508077605142517E-2</v>
      </c>
    </row>
    <row r="100189" spans="1:7" x14ac:dyDescent="0.3">
      <c r="A100189" s="13" t="s">
        <v>493</v>
      </c>
      <c r="B100189" s="14" t="s">
        <v>1</v>
      </c>
      <c r="C100189" s="14" t="s">
        <v>47</v>
      </c>
      <c r="D100189" s="14" t="s">
        <v>420</v>
      </c>
      <c r="E100189" s="15">
        <v>45555</v>
      </c>
      <c r="F100189" s="14" t="s">
        <v>61</v>
      </c>
      <c r="G100189" s="16">
        <v>6.6076733102152646E-2</v>
      </c>
    </row>
    <row r="100190" spans="1:7" x14ac:dyDescent="0.3">
      <c r="A100190" s="13" t="s">
        <v>493</v>
      </c>
      <c r="B100190" s="14" t="s">
        <v>1</v>
      </c>
      <c r="C100190" s="14" t="s">
        <v>47</v>
      </c>
      <c r="D100190" s="14" t="s">
        <v>420</v>
      </c>
      <c r="E100190" s="15">
        <v>45556</v>
      </c>
      <c r="F100190" s="14" t="s">
        <v>61</v>
      </c>
      <c r="G100190" s="16">
        <v>6.6076733102152646E-2</v>
      </c>
    </row>
    <row r="100191" spans="1:7" x14ac:dyDescent="0.3">
      <c r="A100191" s="13" t="s">
        <v>493</v>
      </c>
      <c r="B100191" s="14" t="s">
        <v>1</v>
      </c>
      <c r="C100191" s="14" t="s">
        <v>47</v>
      </c>
      <c r="D100191" s="14" t="s">
        <v>420</v>
      </c>
      <c r="E100191" s="15">
        <v>45557</v>
      </c>
      <c r="F100191" s="14" t="s">
        <v>61</v>
      </c>
      <c r="G100191" s="16">
        <v>6.6076733102152646E-2</v>
      </c>
    </row>
    <row r="100192" spans="1:7" x14ac:dyDescent="0.3">
      <c r="A100192" s="13" t="s">
        <v>493</v>
      </c>
      <c r="B100192" s="14" t="s">
        <v>1</v>
      </c>
      <c r="C100192" s="14" t="s">
        <v>47</v>
      </c>
      <c r="D100192" s="14" t="s">
        <v>420</v>
      </c>
      <c r="E100192" s="15">
        <v>45558</v>
      </c>
      <c r="F100192" s="14" t="s">
        <v>61</v>
      </c>
      <c r="G100192" s="16">
        <v>6.4220119143851451E-2</v>
      </c>
    </row>
    <row r="100193" spans="1:7" x14ac:dyDescent="0.3">
      <c r="A100193" s="13" t="s">
        <v>493</v>
      </c>
      <c r="B100193" s="14" t="s">
        <v>1</v>
      </c>
      <c r="C100193" s="14" t="s">
        <v>47</v>
      </c>
      <c r="D100193" s="14" t="s">
        <v>420</v>
      </c>
      <c r="E100193" s="15">
        <v>45559</v>
      </c>
      <c r="F100193" s="14" t="s">
        <v>61</v>
      </c>
      <c r="G100193" s="16">
        <v>6.4493479184867891E-2</v>
      </c>
    </row>
    <row r="100194" spans="1:7" x14ac:dyDescent="0.3">
      <c r="A100194" s="13" t="s">
        <v>493</v>
      </c>
      <c r="B100194" s="14" t="s">
        <v>1</v>
      </c>
      <c r="C100194" s="14" t="s">
        <v>47</v>
      </c>
      <c r="D100194" s="14" t="s">
        <v>420</v>
      </c>
      <c r="E100194" s="15">
        <v>45560</v>
      </c>
      <c r="F100194" s="14" t="s">
        <v>61</v>
      </c>
      <c r="G100194" s="16">
        <v>6.2608295122008967E-2</v>
      </c>
    </row>
    <row r="100195" spans="1:7" x14ac:dyDescent="0.3">
      <c r="A100195" s="13" t="s">
        <v>493</v>
      </c>
      <c r="B100195" s="14" t="s">
        <v>1</v>
      </c>
      <c r="C100195" s="14" t="s">
        <v>47</v>
      </c>
      <c r="D100195" s="14" t="s">
        <v>420</v>
      </c>
      <c r="E100195" s="15">
        <v>45561</v>
      </c>
      <c r="F100195" s="14" t="s">
        <v>61</v>
      </c>
      <c r="G100195" s="16">
        <v>6.0208960217420164E-2</v>
      </c>
    </row>
    <row r="100196" spans="1:7" x14ac:dyDescent="0.3">
      <c r="A100196" s="13" t="s">
        <v>493</v>
      </c>
      <c r="B100196" s="14" t="s">
        <v>1</v>
      </c>
      <c r="C100196" s="14" t="s">
        <v>47</v>
      </c>
      <c r="D100196" s="14" t="s">
        <v>420</v>
      </c>
      <c r="E100196" s="15">
        <v>45562</v>
      </c>
      <c r="F100196" s="14" t="s">
        <v>61</v>
      </c>
      <c r="G100196" s="16">
        <v>5.8098743910777843E-2</v>
      </c>
    </row>
    <row r="100197" spans="1:7" x14ac:dyDescent="0.3">
      <c r="A100197" s="13" t="s">
        <v>493</v>
      </c>
      <c r="B100197" s="14" t="s">
        <v>1</v>
      </c>
      <c r="C100197" s="14" t="s">
        <v>47</v>
      </c>
      <c r="D100197" s="14" t="s">
        <v>420</v>
      </c>
      <c r="E100197" s="15">
        <v>45563</v>
      </c>
      <c r="F100197" s="14" t="s">
        <v>61</v>
      </c>
      <c r="G100197" s="16">
        <v>5.8098743910777843E-2</v>
      </c>
    </row>
    <row r="100198" spans="1:7" x14ac:dyDescent="0.3">
      <c r="A100198" s="13" t="s">
        <v>493</v>
      </c>
      <c r="B100198" s="14" t="s">
        <v>1</v>
      </c>
      <c r="C100198" s="14" t="s">
        <v>47</v>
      </c>
      <c r="D100198" s="14" t="s">
        <v>420</v>
      </c>
      <c r="E100198" s="15">
        <v>45564</v>
      </c>
      <c r="F100198" s="14" t="s">
        <v>61</v>
      </c>
      <c r="G100198" s="16">
        <v>5.8098743910777843E-2</v>
      </c>
    </row>
    <row r="100199" spans="1:7" x14ac:dyDescent="0.3">
      <c r="A100199" s="13" t="s">
        <v>493</v>
      </c>
      <c r="B100199" s="14" t="s">
        <v>1</v>
      </c>
      <c r="C100199" s="14" t="s">
        <v>47</v>
      </c>
      <c r="D100199" s="14" t="s">
        <v>420</v>
      </c>
      <c r="E100199" s="15">
        <v>45565</v>
      </c>
      <c r="F100199" s="14" t="s">
        <v>61</v>
      </c>
      <c r="G100199" s="16">
        <v>6.4010380865239719E-2</v>
      </c>
    </row>
    <row r="100200" spans="1:7" x14ac:dyDescent="0.3">
      <c r="A100200" s="13" t="s">
        <v>493</v>
      </c>
      <c r="B100200" s="14" t="s">
        <v>1</v>
      </c>
      <c r="C100200" s="14" t="s">
        <v>47</v>
      </c>
      <c r="D100200" s="14" t="s">
        <v>420</v>
      </c>
      <c r="E100200" s="15">
        <v>45566</v>
      </c>
      <c r="F100200" s="14" t="s">
        <v>61</v>
      </c>
      <c r="G100200" s="16">
        <v>6.2172562340396184E-2</v>
      </c>
    </row>
    <row r="100201" spans="1:7" x14ac:dyDescent="0.3">
      <c r="A100201" s="13" t="s">
        <v>493</v>
      </c>
      <c r="B100201" s="14" t="s">
        <v>1</v>
      </c>
      <c r="C100201" s="14" t="s">
        <v>47</v>
      </c>
      <c r="D100201" s="14" t="s">
        <v>420</v>
      </c>
      <c r="E100201" s="15">
        <v>45567</v>
      </c>
      <c r="F100201" s="14" t="s">
        <v>61</v>
      </c>
      <c r="G100201" s="16">
        <v>6.4978419241142088E-2</v>
      </c>
    </row>
    <row r="100202" spans="1:7" x14ac:dyDescent="0.3">
      <c r="A100202" s="13" t="s">
        <v>493</v>
      </c>
      <c r="B100202" s="14" t="s">
        <v>1</v>
      </c>
      <c r="C100202" s="14" t="s">
        <v>47</v>
      </c>
      <c r="D100202" s="14" t="s">
        <v>420</v>
      </c>
      <c r="E100202" s="15">
        <v>45568</v>
      </c>
      <c r="F100202" s="14" t="s">
        <v>61</v>
      </c>
      <c r="G100202" s="16">
        <v>6.2856698333951799E-2</v>
      </c>
    </row>
    <row r="100203" spans="1:7" x14ac:dyDescent="0.3">
      <c r="A100203" s="13" t="s">
        <v>493</v>
      </c>
      <c r="B100203" s="14" t="s">
        <v>1</v>
      </c>
      <c r="C100203" s="14" t="s">
        <v>47</v>
      </c>
      <c r="D100203" s="14" t="s">
        <v>420</v>
      </c>
      <c r="E100203" s="15">
        <v>45569</v>
      </c>
      <c r="F100203" s="14" t="s">
        <v>61</v>
      </c>
      <c r="G100203" s="16">
        <v>6.0946646469403565E-2</v>
      </c>
    </row>
    <row r="100204" spans="1:7" x14ac:dyDescent="0.3">
      <c r="A100204" s="13" t="s">
        <v>493</v>
      </c>
      <c r="B100204" s="14" t="s">
        <v>1</v>
      </c>
      <c r="C100204" s="14" t="s">
        <v>47</v>
      </c>
      <c r="D100204" s="14" t="s">
        <v>420</v>
      </c>
      <c r="E100204" s="15">
        <v>45570</v>
      </c>
      <c r="F100204" s="14" t="s">
        <v>61</v>
      </c>
      <c r="G100204" s="16">
        <v>6.0946646469403565E-2</v>
      </c>
    </row>
    <row r="100205" spans="1:7" x14ac:dyDescent="0.3">
      <c r="A100205" s="13" t="s">
        <v>493</v>
      </c>
      <c r="B100205" s="14" t="s">
        <v>1</v>
      </c>
      <c r="C100205" s="14" t="s">
        <v>47</v>
      </c>
      <c r="D100205" s="14" t="s">
        <v>420</v>
      </c>
      <c r="E100205" s="15">
        <v>45571</v>
      </c>
      <c r="F100205" s="14" t="s">
        <v>61</v>
      </c>
      <c r="G100205" s="16">
        <v>6.0946646469403565E-2</v>
      </c>
    </row>
    <row r="100206" spans="1:7" x14ac:dyDescent="0.3">
      <c r="A100206" s="13" t="s">
        <v>493</v>
      </c>
      <c r="B100206" s="14" t="s">
        <v>1</v>
      </c>
      <c r="C100206" s="14" t="s">
        <v>47</v>
      </c>
      <c r="D100206" s="14" t="s">
        <v>420</v>
      </c>
      <c r="E100206" s="15">
        <v>45572</v>
      </c>
      <c r="F100206" s="14" t="s">
        <v>61</v>
      </c>
      <c r="G100206" s="16">
        <v>5.8745471828734491E-2</v>
      </c>
    </row>
    <row r="100207" spans="1:7" x14ac:dyDescent="0.3">
      <c r="A100207" s="13" t="s">
        <v>493</v>
      </c>
      <c r="B100207" s="14" t="s">
        <v>1</v>
      </c>
      <c r="C100207" s="14" t="s">
        <v>47</v>
      </c>
      <c r="D100207" s="14" t="s">
        <v>420</v>
      </c>
      <c r="E100207" s="15">
        <v>45573</v>
      </c>
      <c r="F100207" s="14" t="s">
        <v>61</v>
      </c>
      <c r="G100207" s="16">
        <v>5.2068948186299001E-2</v>
      </c>
    </row>
    <row r="100208" spans="1:7" x14ac:dyDescent="0.3">
      <c r="A100208" s="13" t="s">
        <v>493</v>
      </c>
      <c r="B100208" s="14" t="s">
        <v>1</v>
      </c>
      <c r="C100208" s="14" t="s">
        <v>47</v>
      </c>
      <c r="D100208" s="14" t="s">
        <v>420</v>
      </c>
      <c r="E100208" s="15">
        <v>45574</v>
      </c>
      <c r="F100208" s="14" t="s">
        <v>61</v>
      </c>
      <c r="G100208" s="16">
        <v>5.003781989231193E-2</v>
      </c>
    </row>
    <row r="100209" spans="1:7" x14ac:dyDescent="0.3">
      <c r="A100209" s="13" t="s">
        <v>493</v>
      </c>
      <c r="B100209" s="14" t="s">
        <v>1</v>
      </c>
      <c r="C100209" s="14" t="s">
        <v>47</v>
      </c>
      <c r="D100209" s="14" t="s">
        <v>420</v>
      </c>
      <c r="E100209" s="15">
        <v>45575</v>
      </c>
      <c r="F100209" s="14" t="s">
        <v>61</v>
      </c>
      <c r="G100209" s="16">
        <v>4.7814445419885207E-2</v>
      </c>
    </row>
    <row r="100210" spans="1:7" x14ac:dyDescent="0.3">
      <c r="A100210" s="13" t="s">
        <v>493</v>
      </c>
      <c r="B100210" s="14" t="s">
        <v>1</v>
      </c>
      <c r="C100210" s="14" t="s">
        <v>47</v>
      </c>
      <c r="D100210" s="14" t="s">
        <v>420</v>
      </c>
      <c r="E100210" s="15">
        <v>45576</v>
      </c>
      <c r="F100210" s="14" t="s">
        <v>61</v>
      </c>
      <c r="G100210" s="16">
        <v>4.556193457363527E-2</v>
      </c>
    </row>
    <row r="100211" spans="1:7" x14ac:dyDescent="0.3">
      <c r="A100211" s="13" t="s">
        <v>493</v>
      </c>
      <c r="B100211" s="14" t="s">
        <v>1</v>
      </c>
      <c r="C100211" s="14" t="s">
        <v>47</v>
      </c>
      <c r="D100211" s="14" t="s">
        <v>420</v>
      </c>
      <c r="E100211" s="15">
        <v>45577</v>
      </c>
      <c r="F100211" s="14" t="s">
        <v>61</v>
      </c>
      <c r="G100211" s="16">
        <v>4.556193457363527E-2</v>
      </c>
    </row>
    <row r="100212" spans="1:7" x14ac:dyDescent="0.3">
      <c r="A100212" s="13" t="s">
        <v>493</v>
      </c>
      <c r="B100212" s="14" t="s">
        <v>1</v>
      </c>
      <c r="C100212" s="14" t="s">
        <v>47</v>
      </c>
      <c r="D100212" s="14" t="s">
        <v>420</v>
      </c>
      <c r="E100212" s="15">
        <v>45578</v>
      </c>
      <c r="F100212" s="14" t="s">
        <v>61</v>
      </c>
      <c r="G100212" s="16">
        <v>4.556193457363527E-2</v>
      </c>
    </row>
    <row r="100213" spans="1:7" x14ac:dyDescent="0.3">
      <c r="A100213" s="13" t="s">
        <v>493</v>
      </c>
      <c r="B100213" s="14" t="s">
        <v>1</v>
      </c>
      <c r="C100213" s="14" t="s">
        <v>47</v>
      </c>
      <c r="D100213" s="14" t="s">
        <v>420</v>
      </c>
      <c r="E100213" s="15">
        <v>45579</v>
      </c>
      <c r="F100213" s="14" t="s">
        <v>61</v>
      </c>
      <c r="G100213" s="16">
        <v>4.556193457363527E-2</v>
      </c>
    </row>
    <row r="100214" spans="1:7" x14ac:dyDescent="0.3">
      <c r="A100214" s="13" t="s">
        <v>493</v>
      </c>
      <c r="B100214" s="14" t="s">
        <v>1</v>
      </c>
      <c r="C100214" s="14" t="s">
        <v>47</v>
      </c>
      <c r="D100214" s="14" t="s">
        <v>420</v>
      </c>
      <c r="E100214" s="15">
        <v>45580</v>
      </c>
      <c r="F100214" s="14" t="s">
        <v>61</v>
      </c>
      <c r="G100214" s="16">
        <v>4.6788637388757125E-2</v>
      </c>
    </row>
    <row r="100215" spans="1:7" x14ac:dyDescent="0.3">
      <c r="A100215" s="13" t="s">
        <v>493</v>
      </c>
      <c r="B100215" s="14" t="s">
        <v>1</v>
      </c>
      <c r="C100215" s="14" t="s">
        <v>47</v>
      </c>
      <c r="D100215" s="14" t="s">
        <v>420</v>
      </c>
      <c r="E100215" s="15">
        <v>45581</v>
      </c>
      <c r="F100215" s="14" t="s">
        <v>61</v>
      </c>
      <c r="G100215" s="16">
        <v>3.7894830107974585E-2</v>
      </c>
    </row>
    <row r="100216" spans="1:7" x14ac:dyDescent="0.3">
      <c r="A100216" s="13" t="s">
        <v>493</v>
      </c>
      <c r="B100216" s="14" t="s">
        <v>1</v>
      </c>
      <c r="C100216" s="14" t="s">
        <v>47</v>
      </c>
      <c r="D100216" s="14" t="s">
        <v>420</v>
      </c>
      <c r="E100216" s="15">
        <v>45582</v>
      </c>
      <c r="F100216" s="14" t="s">
        <v>61</v>
      </c>
      <c r="G100216" s="16">
        <v>3.5767887981254957E-2</v>
      </c>
    </row>
    <row r="100217" spans="1:7" x14ac:dyDescent="0.3">
      <c r="A100217" s="13" t="s">
        <v>493</v>
      </c>
      <c r="B100217" s="14" t="s">
        <v>1</v>
      </c>
      <c r="C100217" s="14" t="s">
        <v>47</v>
      </c>
      <c r="D100217" s="14" t="s">
        <v>420</v>
      </c>
      <c r="E100217" s="15">
        <v>45583</v>
      </c>
      <c r="F100217" s="14" t="s">
        <v>61</v>
      </c>
      <c r="G100217" s="16">
        <v>3.3417349320236878E-2</v>
      </c>
    </row>
    <row r="100218" spans="1:7" x14ac:dyDescent="0.3">
      <c r="A100218" s="13" t="s">
        <v>493</v>
      </c>
      <c r="B100218" s="14" t="s">
        <v>1</v>
      </c>
      <c r="C100218" s="14" t="s">
        <v>47</v>
      </c>
      <c r="D100218" s="14" t="s">
        <v>420</v>
      </c>
      <c r="E100218" s="15">
        <v>45584</v>
      </c>
      <c r="F100218" s="14" t="s">
        <v>61</v>
      </c>
      <c r="G100218" s="16">
        <v>3.3417349320236878E-2</v>
      </c>
    </row>
    <row r="100219" spans="1:7" x14ac:dyDescent="0.3">
      <c r="A100219" s="13" t="s">
        <v>493</v>
      </c>
      <c r="B100219" s="14" t="s">
        <v>1</v>
      </c>
      <c r="C100219" s="14" t="s">
        <v>47</v>
      </c>
      <c r="D100219" s="14" t="s">
        <v>420</v>
      </c>
      <c r="E100219" s="15">
        <v>45585</v>
      </c>
      <c r="F100219" s="14" t="s">
        <v>61</v>
      </c>
      <c r="G100219" s="16">
        <v>3.3417349320236878E-2</v>
      </c>
    </row>
    <row r="100220" spans="1:7" x14ac:dyDescent="0.3">
      <c r="A100220" s="13" t="s">
        <v>493</v>
      </c>
      <c r="B100220" s="14" t="s">
        <v>1</v>
      </c>
      <c r="C100220" s="14" t="s">
        <v>47</v>
      </c>
      <c r="D100220" s="14" t="s">
        <v>420</v>
      </c>
      <c r="E100220" s="15">
        <v>45586</v>
      </c>
      <c r="F100220" s="14" t="s">
        <v>61</v>
      </c>
      <c r="G100220" s="16">
        <v>3.4088030367409983E-2</v>
      </c>
    </row>
    <row r="100221" spans="1:7" x14ac:dyDescent="0.3">
      <c r="A100221" s="13" t="s">
        <v>493</v>
      </c>
      <c r="B100221" s="14" t="s">
        <v>1</v>
      </c>
      <c r="C100221" s="14" t="s">
        <v>47</v>
      </c>
      <c r="D100221" s="14" t="s">
        <v>420</v>
      </c>
      <c r="E100221" s="15">
        <v>45587</v>
      </c>
      <c r="F100221" s="14" t="s">
        <v>61</v>
      </c>
      <c r="G100221" s="16">
        <v>2.7377730777232438E-2</v>
      </c>
    </row>
    <row r="100222" spans="1:7" x14ac:dyDescent="0.3">
      <c r="A100222" s="13" t="s">
        <v>493</v>
      </c>
      <c r="B100222" s="14" t="s">
        <v>1</v>
      </c>
      <c r="C100222" s="14" t="s">
        <v>47</v>
      </c>
      <c r="D100222" s="14" t="s">
        <v>420</v>
      </c>
      <c r="E100222" s="15">
        <v>45588</v>
      </c>
      <c r="F100222" s="14" t="s">
        <v>61</v>
      </c>
      <c r="G100222" s="16">
        <v>2.5180398897601271E-2</v>
      </c>
    </row>
    <row r="100223" spans="1:7" x14ac:dyDescent="0.3">
      <c r="A100223" s="13" t="s">
        <v>493</v>
      </c>
      <c r="B100223" s="14" t="s">
        <v>1</v>
      </c>
      <c r="C100223" s="14" t="s">
        <v>47</v>
      </c>
      <c r="D100223" s="14" t="s">
        <v>420</v>
      </c>
      <c r="E100223" s="15">
        <v>45589</v>
      </c>
      <c r="F100223" s="14" t="s">
        <v>61</v>
      </c>
      <c r="G100223" s="16">
        <v>2.2863742325801153E-2</v>
      </c>
    </row>
    <row r="100224" spans="1:7" x14ac:dyDescent="0.3">
      <c r="A100224" s="13" t="s">
        <v>493</v>
      </c>
      <c r="B100224" s="14" t="s">
        <v>1</v>
      </c>
      <c r="C100224" s="14" t="s">
        <v>47</v>
      </c>
      <c r="D100224" s="14" t="s">
        <v>420</v>
      </c>
      <c r="E100224" s="15">
        <v>45590</v>
      </c>
      <c r="F100224" s="14" t="s">
        <v>61</v>
      </c>
      <c r="G100224" s="16">
        <v>2.0733487034225648E-2</v>
      </c>
    </row>
    <row r="100225" spans="1:7" x14ac:dyDescent="0.3">
      <c r="A100225" s="13" t="s">
        <v>493</v>
      </c>
      <c r="B100225" s="14" t="s">
        <v>1</v>
      </c>
      <c r="C100225" s="14" t="s">
        <v>47</v>
      </c>
      <c r="D100225" s="14" t="s">
        <v>420</v>
      </c>
      <c r="E100225" s="15">
        <v>45591</v>
      </c>
      <c r="F100225" s="14" t="s">
        <v>61</v>
      </c>
      <c r="G100225" s="16">
        <v>2.0733487034225648E-2</v>
      </c>
    </row>
    <row r="100226" spans="1:7" x14ac:dyDescent="0.3">
      <c r="A100226" s="13" t="s">
        <v>493</v>
      </c>
      <c r="B100226" s="14" t="s">
        <v>1</v>
      </c>
      <c r="C100226" s="14" t="s">
        <v>47</v>
      </c>
      <c r="D100226" s="14" t="s">
        <v>420</v>
      </c>
      <c r="E100226" s="15">
        <v>45592</v>
      </c>
      <c r="F100226" s="14" t="s">
        <v>61</v>
      </c>
      <c r="G100226" s="16">
        <v>2.0733487034225648E-2</v>
      </c>
    </row>
    <row r="100227" spans="1:7" x14ac:dyDescent="0.3">
      <c r="A100227" s="13" t="s">
        <v>493</v>
      </c>
      <c r="B100227" s="14" t="s">
        <v>1</v>
      </c>
      <c r="C100227" s="14" t="s">
        <v>47</v>
      </c>
      <c r="D100227" s="14" t="s">
        <v>420</v>
      </c>
      <c r="E100227" s="15">
        <v>45593</v>
      </c>
      <c r="F100227" s="14" t="s">
        <v>61</v>
      </c>
      <c r="G100227" s="16">
        <v>2.0733487034225648E-2</v>
      </c>
    </row>
    <row r="100228" spans="1:7" x14ac:dyDescent="0.3">
      <c r="A100228" s="13" t="s">
        <v>493</v>
      </c>
      <c r="B100228" s="14" t="s">
        <v>1</v>
      </c>
      <c r="C100228" s="14" t="s">
        <v>47</v>
      </c>
      <c r="D100228" s="14" t="s">
        <v>420</v>
      </c>
      <c r="E100228" s="15">
        <v>45594</v>
      </c>
      <c r="F100228" s="14" t="s">
        <v>61</v>
      </c>
      <c r="G100228" s="16">
        <v>2.2417025118895206E-2</v>
      </c>
    </row>
    <row r="100229" spans="1:7" x14ac:dyDescent="0.3">
      <c r="A100229" s="13" t="s">
        <v>493</v>
      </c>
      <c r="B100229" s="14" t="s">
        <v>1</v>
      </c>
      <c r="C100229" s="14" t="s">
        <v>47</v>
      </c>
      <c r="D100229" s="14" t="s">
        <v>420</v>
      </c>
      <c r="E100229" s="15">
        <v>45595</v>
      </c>
      <c r="F100229" s="14" t="s">
        <v>61</v>
      </c>
      <c r="G100229" s="16">
        <v>1.3433128559691155E-2</v>
      </c>
    </row>
    <row r="100230" spans="1:7" x14ac:dyDescent="0.3">
      <c r="A100230" s="13" t="s">
        <v>493</v>
      </c>
      <c r="B100230" s="14" t="s">
        <v>1</v>
      </c>
      <c r="C100230" s="14" t="s">
        <v>47</v>
      </c>
      <c r="D100230" s="14" t="s">
        <v>420</v>
      </c>
      <c r="E100230" s="15">
        <v>45596</v>
      </c>
      <c r="F100230" s="14" t="s">
        <v>61</v>
      </c>
      <c r="G100230" s="16">
        <v>1.1151390858994749E-2</v>
      </c>
    </row>
    <row r="100231" spans="1:7" x14ac:dyDescent="0.3">
      <c r="A100231" s="13" t="s">
        <v>493</v>
      </c>
      <c r="B100231" s="14" t="s">
        <v>1</v>
      </c>
      <c r="C100231" s="14" t="s">
        <v>47</v>
      </c>
      <c r="D100231" s="14" t="s">
        <v>420</v>
      </c>
      <c r="E100231" s="15">
        <v>45597</v>
      </c>
      <c r="F100231" s="14" t="s">
        <v>61</v>
      </c>
      <c r="G100231" s="16">
        <v>8.9510279547017658E-3</v>
      </c>
    </row>
    <row r="100232" spans="1:7" x14ac:dyDescent="0.3">
      <c r="A100232" s="13" t="s">
        <v>493</v>
      </c>
      <c r="B100232" s="14" t="s">
        <v>1</v>
      </c>
      <c r="C100232" s="14" t="s">
        <v>47</v>
      </c>
      <c r="D100232" s="14" t="s">
        <v>420</v>
      </c>
      <c r="E100232" s="15">
        <v>45598</v>
      </c>
      <c r="F100232" s="14" t="s">
        <v>61</v>
      </c>
      <c r="G100232" s="16">
        <v>8.9510279547017658E-3</v>
      </c>
    </row>
    <row r="100233" spans="1:7" x14ac:dyDescent="0.3">
      <c r="A100233" s="13" t="s">
        <v>493</v>
      </c>
      <c r="B100233" s="14" t="s">
        <v>1</v>
      </c>
      <c r="C100233" s="14" t="s">
        <v>47</v>
      </c>
      <c r="D100233" s="14" t="s">
        <v>420</v>
      </c>
      <c r="E100233" s="15">
        <v>45599</v>
      </c>
      <c r="F100233" s="14" t="s">
        <v>61</v>
      </c>
      <c r="G100233" s="16">
        <v>8.9510279547017658E-3</v>
      </c>
    </row>
    <row r="100234" spans="1:7" x14ac:dyDescent="0.3">
      <c r="A100234" s="13" t="s">
        <v>493</v>
      </c>
      <c r="B100234" s="14" t="s">
        <v>1</v>
      </c>
      <c r="C100234" s="14" t="s">
        <v>47</v>
      </c>
      <c r="D100234" s="14" t="s">
        <v>420</v>
      </c>
      <c r="E100234" s="15">
        <v>45600</v>
      </c>
      <c r="F100234" s="14" t="s">
        <v>61</v>
      </c>
      <c r="G100234" s="16">
        <v>9.328551169791038E-3</v>
      </c>
    </row>
    <row r="100235" spans="1:7" x14ac:dyDescent="0.3">
      <c r="A100235" s="13" t="s">
        <v>493</v>
      </c>
      <c r="B100235" s="14" t="s">
        <v>1</v>
      </c>
      <c r="C100235" s="14" t="s">
        <v>47</v>
      </c>
      <c r="D100235" s="14" t="s">
        <v>420</v>
      </c>
      <c r="E100235" s="15">
        <v>45601</v>
      </c>
      <c r="F100235" s="14" t="s">
        <v>61</v>
      </c>
      <c r="G100235" s="16">
        <v>2.7577161277324981E-3</v>
      </c>
    </row>
    <row r="100236" spans="1:7" x14ac:dyDescent="0.3">
      <c r="A100236" s="13" t="s">
        <v>493</v>
      </c>
      <c r="B100236" s="14" t="s">
        <v>1</v>
      </c>
      <c r="C100236" s="14" t="s">
        <v>47</v>
      </c>
      <c r="D100236" s="14" t="s">
        <v>420</v>
      </c>
      <c r="E100236" s="15">
        <v>45602</v>
      </c>
      <c r="F100236" s="14" t="s">
        <v>61</v>
      </c>
      <c r="G100236" s="16">
        <v>5.8083363876658238E-4</v>
      </c>
    </row>
    <row r="100237" spans="1:7" x14ac:dyDescent="0.3">
      <c r="A100237" s="13" t="s">
        <v>493</v>
      </c>
      <c r="B100237" s="14" t="s">
        <v>1</v>
      </c>
      <c r="C100237" s="14" t="s">
        <v>47</v>
      </c>
      <c r="D100237" s="14" t="s">
        <v>420</v>
      </c>
      <c r="E100237" s="15">
        <v>45603</v>
      </c>
      <c r="F100237" s="14" t="s">
        <v>61</v>
      </c>
      <c r="G100237" s="16">
        <v>0</v>
      </c>
    </row>
    <row r="100238" spans="1:7" x14ac:dyDescent="0.3">
      <c r="A100238" s="13" t="s">
        <v>493</v>
      </c>
      <c r="B100238" s="14" t="s">
        <v>1</v>
      </c>
      <c r="C100238" s="14" t="s">
        <v>47</v>
      </c>
      <c r="D100238" s="14" t="s">
        <v>420</v>
      </c>
      <c r="E100238" s="15">
        <v>45604</v>
      </c>
      <c r="F100238" s="14" t="s">
        <v>61</v>
      </c>
      <c r="G100238" s="16">
        <v>0</v>
      </c>
    </row>
    <row r="100239" spans="1:7" x14ac:dyDescent="0.3">
      <c r="A100239" s="13" t="s">
        <v>493</v>
      </c>
      <c r="B100239" s="14" t="s">
        <v>1</v>
      </c>
      <c r="C100239" s="14" t="s">
        <v>47</v>
      </c>
      <c r="D100239" s="14" t="s">
        <v>420</v>
      </c>
      <c r="E100239" s="15">
        <v>45605</v>
      </c>
      <c r="F100239" s="14" t="s">
        <v>61</v>
      </c>
      <c r="G100239" s="16">
        <v>0</v>
      </c>
    </row>
    <row r="100240" spans="1:7" x14ac:dyDescent="0.3">
      <c r="A100240" s="13" t="s">
        <v>493</v>
      </c>
      <c r="B100240" s="14" t="s">
        <v>1</v>
      </c>
      <c r="C100240" s="14" t="s">
        <v>47</v>
      </c>
      <c r="D100240" s="14" t="s">
        <v>420</v>
      </c>
      <c r="E100240" s="15">
        <v>45606</v>
      </c>
      <c r="F100240" s="14" t="s">
        <v>61</v>
      </c>
      <c r="G100240" s="16">
        <v>0</v>
      </c>
    </row>
    <row r="100241" spans="1:7" x14ac:dyDescent="0.3">
      <c r="A100241" s="13" t="s">
        <v>493</v>
      </c>
      <c r="B100241" s="14" t="s">
        <v>1</v>
      </c>
      <c r="C100241" s="14" t="s">
        <v>47</v>
      </c>
      <c r="D100241" s="14" t="s">
        <v>420</v>
      </c>
      <c r="E100241" s="15">
        <v>45607</v>
      </c>
      <c r="F100241" s="14" t="s">
        <v>61</v>
      </c>
      <c r="G100241" s="16">
        <v>0</v>
      </c>
    </row>
    <row r="100242" spans="1:7" x14ac:dyDescent="0.3">
      <c r="A100242" s="13" t="s">
        <v>493</v>
      </c>
      <c r="B100242" s="14" t="s">
        <v>1</v>
      </c>
      <c r="C100242" s="14" t="s">
        <v>47</v>
      </c>
      <c r="D100242" s="14" t="s">
        <v>420</v>
      </c>
      <c r="E100242" s="15">
        <v>45608</v>
      </c>
      <c r="F100242" s="14" t="s">
        <v>61</v>
      </c>
      <c r="G100242" s="16">
        <v>0</v>
      </c>
    </row>
    <row r="100243" spans="1:7" x14ac:dyDescent="0.3">
      <c r="A100243" s="13" t="s">
        <v>493</v>
      </c>
      <c r="B100243" s="14" t="s">
        <v>1</v>
      </c>
      <c r="C100243" s="14" t="s">
        <v>47</v>
      </c>
      <c r="D100243" s="14" t="s">
        <v>420</v>
      </c>
      <c r="E100243" s="15">
        <v>45609</v>
      </c>
      <c r="F100243" s="14" t="s">
        <v>61</v>
      </c>
      <c r="G100243" s="16">
        <v>0</v>
      </c>
    </row>
    <row r="100244" spans="1:7" x14ac:dyDescent="0.3">
      <c r="A100244" s="13" t="s">
        <v>493</v>
      </c>
      <c r="B100244" s="14" t="s">
        <v>1</v>
      </c>
      <c r="C100244" s="14" t="s">
        <v>47</v>
      </c>
      <c r="D100244" s="14" t="s">
        <v>420</v>
      </c>
      <c r="E100244" s="15">
        <v>45610</v>
      </c>
      <c r="F100244" s="14" t="s">
        <v>61</v>
      </c>
      <c r="G100244" s="16">
        <v>0</v>
      </c>
    </row>
    <row r="100245" spans="1:7" x14ac:dyDescent="0.3">
      <c r="A100245" s="13" t="s">
        <v>493</v>
      </c>
      <c r="B100245" s="14" t="s">
        <v>1</v>
      </c>
      <c r="C100245" s="14" t="s">
        <v>47</v>
      </c>
      <c r="D100245" s="14" t="s">
        <v>420</v>
      </c>
      <c r="E100245" s="15">
        <v>45611</v>
      </c>
      <c r="F100245" s="14" t="s">
        <v>61</v>
      </c>
      <c r="G100245" s="16">
        <v>0</v>
      </c>
    </row>
    <row r="100246" spans="1:7" x14ac:dyDescent="0.3">
      <c r="A100246" s="13" t="s">
        <v>493</v>
      </c>
      <c r="B100246" s="14" t="s">
        <v>1</v>
      </c>
      <c r="C100246" s="14" t="s">
        <v>47</v>
      </c>
      <c r="D100246" s="14" t="s">
        <v>420</v>
      </c>
      <c r="E100246" s="15">
        <v>45612</v>
      </c>
      <c r="F100246" s="14" t="s">
        <v>61</v>
      </c>
      <c r="G100246" s="16">
        <v>0</v>
      </c>
    </row>
    <row r="100247" spans="1:7" x14ac:dyDescent="0.3">
      <c r="A100247" s="13" t="s">
        <v>493</v>
      </c>
      <c r="B100247" s="14" t="s">
        <v>1</v>
      </c>
      <c r="C100247" s="14" t="s">
        <v>47</v>
      </c>
      <c r="D100247" s="14" t="s">
        <v>420</v>
      </c>
      <c r="E100247" s="15">
        <v>45613</v>
      </c>
      <c r="F100247" s="14" t="s">
        <v>61</v>
      </c>
      <c r="G100247" s="16">
        <v>0</v>
      </c>
    </row>
    <row r="100248" spans="1:7" x14ac:dyDescent="0.3">
      <c r="A100248" s="13" t="s">
        <v>493</v>
      </c>
      <c r="B100248" s="14" t="s">
        <v>1</v>
      </c>
      <c r="C100248" s="14" t="s">
        <v>47</v>
      </c>
      <c r="D100248" s="14" t="s">
        <v>420</v>
      </c>
      <c r="E100248" s="15">
        <v>45614</v>
      </c>
      <c r="F100248" s="14" t="s">
        <v>61</v>
      </c>
      <c r="G100248" s="16">
        <v>0</v>
      </c>
    </row>
    <row r="100249" spans="1:7" x14ac:dyDescent="0.3">
      <c r="A100249" s="13" t="s">
        <v>493</v>
      </c>
      <c r="B100249" s="14" t="s">
        <v>1</v>
      </c>
      <c r="C100249" s="14" t="s">
        <v>47</v>
      </c>
      <c r="D100249" s="14" t="s">
        <v>420</v>
      </c>
      <c r="E100249" s="15">
        <v>45615</v>
      </c>
      <c r="F100249" s="14" t="s">
        <v>61</v>
      </c>
      <c r="G100249" s="16">
        <v>0</v>
      </c>
    </row>
    <row r="100250" spans="1:7" x14ac:dyDescent="0.3">
      <c r="A100250" s="13" t="s">
        <v>493</v>
      </c>
      <c r="B100250" s="14" t="s">
        <v>1</v>
      </c>
      <c r="C100250" s="14" t="s">
        <v>47</v>
      </c>
      <c r="D100250" s="14" t="s">
        <v>420</v>
      </c>
      <c r="E100250" s="15">
        <v>45616</v>
      </c>
      <c r="F100250" s="14" t="s">
        <v>61</v>
      </c>
      <c r="G100250" s="16">
        <v>0</v>
      </c>
    </row>
    <row r="100251" spans="1:7" x14ac:dyDescent="0.3">
      <c r="A100251" s="13" t="s">
        <v>493</v>
      </c>
      <c r="B100251" s="14" t="s">
        <v>1</v>
      </c>
      <c r="C100251" s="14" t="s">
        <v>47</v>
      </c>
      <c r="D100251" s="14" t="s">
        <v>420</v>
      </c>
      <c r="E100251" s="15">
        <v>45617</v>
      </c>
      <c r="F100251" s="14" t="s">
        <v>61</v>
      </c>
      <c r="G100251" s="16">
        <v>0</v>
      </c>
    </row>
    <row r="100252" spans="1:7" x14ac:dyDescent="0.3">
      <c r="A100252" s="13" t="s">
        <v>493</v>
      </c>
      <c r="B100252" s="14" t="s">
        <v>1</v>
      </c>
      <c r="C100252" s="14" t="s">
        <v>47</v>
      </c>
      <c r="D100252" s="14" t="s">
        <v>420</v>
      </c>
      <c r="E100252" s="15">
        <v>45618</v>
      </c>
      <c r="F100252" s="14" t="s">
        <v>61</v>
      </c>
      <c r="G100252" s="16">
        <v>0</v>
      </c>
    </row>
    <row r="100253" spans="1:7" x14ac:dyDescent="0.3">
      <c r="A100253" s="13" t="s">
        <v>493</v>
      </c>
      <c r="B100253" s="14" t="s">
        <v>1</v>
      </c>
      <c r="C100253" s="14" t="s">
        <v>47</v>
      </c>
      <c r="D100253" s="14" t="s">
        <v>420</v>
      </c>
      <c r="E100253" s="15">
        <v>45619</v>
      </c>
      <c r="F100253" s="14" t="s">
        <v>61</v>
      </c>
      <c r="G100253" s="16">
        <v>0</v>
      </c>
    </row>
    <row r="100254" spans="1:7" x14ac:dyDescent="0.3">
      <c r="A100254" s="13" t="s">
        <v>493</v>
      </c>
      <c r="B100254" s="14" t="s">
        <v>1</v>
      </c>
      <c r="C100254" s="14" t="s">
        <v>47</v>
      </c>
      <c r="D100254" s="14" t="s">
        <v>420</v>
      </c>
      <c r="E100254" s="15">
        <v>45620</v>
      </c>
      <c r="F100254" s="14" t="s">
        <v>61</v>
      </c>
      <c r="G100254" s="16">
        <v>0</v>
      </c>
    </row>
    <row r="100255" spans="1:7" x14ac:dyDescent="0.3">
      <c r="A100255" s="13" t="s">
        <v>493</v>
      </c>
      <c r="B100255" s="14" t="s">
        <v>1</v>
      </c>
      <c r="C100255" s="14" t="s">
        <v>47</v>
      </c>
      <c r="D100255" s="14" t="s">
        <v>420</v>
      </c>
      <c r="E100255" s="15">
        <v>45621</v>
      </c>
      <c r="F100255" s="14" t="s">
        <v>61</v>
      </c>
      <c r="G100255" s="16">
        <v>0</v>
      </c>
    </row>
    <row r="100256" spans="1:7" x14ac:dyDescent="0.3">
      <c r="A100256" s="13" t="s">
        <v>493</v>
      </c>
      <c r="B100256" s="14" t="s">
        <v>1</v>
      </c>
      <c r="C100256" s="14" t="s">
        <v>47</v>
      </c>
      <c r="D100256" s="14" t="s">
        <v>420</v>
      </c>
      <c r="E100256" s="15">
        <v>45622</v>
      </c>
      <c r="F100256" s="14" t="s">
        <v>61</v>
      </c>
      <c r="G100256" s="16">
        <v>0</v>
      </c>
    </row>
    <row r="100257" spans="1:7" x14ac:dyDescent="0.3">
      <c r="A100257" s="13" t="s">
        <v>493</v>
      </c>
      <c r="B100257" s="14" t="s">
        <v>1</v>
      </c>
      <c r="C100257" s="14" t="s">
        <v>47</v>
      </c>
      <c r="D100257" s="14" t="s">
        <v>420</v>
      </c>
      <c r="E100257" s="15">
        <v>45623</v>
      </c>
      <c r="F100257" s="14" t="s">
        <v>61</v>
      </c>
      <c r="G100257" s="16">
        <v>0</v>
      </c>
    </row>
    <row r="100258" spans="1:7" x14ac:dyDescent="0.3">
      <c r="A100258" s="13" t="s">
        <v>493</v>
      </c>
      <c r="B100258" s="14" t="s">
        <v>1</v>
      </c>
      <c r="C100258" s="14" t="s">
        <v>47</v>
      </c>
      <c r="D100258" s="14" t="s">
        <v>420</v>
      </c>
      <c r="E100258" s="15">
        <v>45624</v>
      </c>
      <c r="F100258" s="14" t="s">
        <v>61</v>
      </c>
      <c r="G100258" s="16">
        <v>0</v>
      </c>
    </row>
    <row r="100259" spans="1:7" x14ac:dyDescent="0.3">
      <c r="A100259" s="13" t="s">
        <v>493</v>
      </c>
      <c r="B100259" s="14" t="s">
        <v>1</v>
      </c>
      <c r="C100259" s="14" t="s">
        <v>47</v>
      </c>
      <c r="D100259" s="14" t="s">
        <v>420</v>
      </c>
      <c r="E100259" s="15">
        <v>45625</v>
      </c>
      <c r="F100259" s="14" t="s">
        <v>61</v>
      </c>
      <c r="G100259" s="16">
        <v>0</v>
      </c>
    </row>
    <row r="100260" spans="1:7" x14ac:dyDescent="0.3">
      <c r="A100260" s="13" t="s">
        <v>493</v>
      </c>
      <c r="B100260" s="14" t="s">
        <v>1</v>
      </c>
      <c r="C100260" s="14" t="s">
        <v>47</v>
      </c>
      <c r="D100260" s="14" t="s">
        <v>420</v>
      </c>
      <c r="E100260" s="15">
        <v>45626</v>
      </c>
      <c r="F100260" s="14" t="s">
        <v>61</v>
      </c>
      <c r="G100260" s="16">
        <v>0</v>
      </c>
    </row>
    <row r="100261" spans="1:7" x14ac:dyDescent="0.3">
      <c r="A100261" s="13" t="s">
        <v>493</v>
      </c>
      <c r="B100261" s="14" t="s">
        <v>1</v>
      </c>
      <c r="C100261" s="14" t="s">
        <v>47</v>
      </c>
      <c r="D100261" s="14" t="s">
        <v>420</v>
      </c>
      <c r="E100261" s="15">
        <v>45627</v>
      </c>
      <c r="F100261" s="14" t="s">
        <v>61</v>
      </c>
      <c r="G100261" s="16">
        <v>0</v>
      </c>
    </row>
    <row r="100262" spans="1:7" x14ac:dyDescent="0.3">
      <c r="A100262" s="13" t="s">
        <v>493</v>
      </c>
      <c r="B100262" s="14" t="s">
        <v>1</v>
      </c>
      <c r="C100262" s="14" t="s">
        <v>47</v>
      </c>
      <c r="D100262" s="14" t="s">
        <v>420</v>
      </c>
      <c r="E100262" s="15">
        <v>45628</v>
      </c>
      <c r="F100262" s="14" t="s">
        <v>61</v>
      </c>
      <c r="G100262" s="16">
        <v>0</v>
      </c>
    </row>
    <row r="100263" spans="1:7" x14ac:dyDescent="0.3">
      <c r="A100263" s="13" t="s">
        <v>493</v>
      </c>
      <c r="B100263" s="14" t="s">
        <v>1</v>
      </c>
      <c r="C100263" s="14" t="s">
        <v>47</v>
      </c>
      <c r="D100263" s="14" t="s">
        <v>420</v>
      </c>
      <c r="E100263" s="15">
        <v>45629</v>
      </c>
      <c r="F100263" s="14" t="s">
        <v>61</v>
      </c>
      <c r="G100263" s="16">
        <v>0</v>
      </c>
    </row>
    <row r="100264" spans="1:7" x14ac:dyDescent="0.3">
      <c r="A100264" s="13" t="s">
        <v>493</v>
      </c>
      <c r="B100264" s="14" t="s">
        <v>1</v>
      </c>
      <c r="C100264" s="14" t="s">
        <v>47</v>
      </c>
      <c r="D100264" s="14" t="s">
        <v>420</v>
      </c>
      <c r="E100264" s="15">
        <v>45630</v>
      </c>
      <c r="F100264" s="14" t="s">
        <v>61</v>
      </c>
      <c r="G100264" s="16">
        <v>0</v>
      </c>
    </row>
    <row r="100265" spans="1:7" x14ac:dyDescent="0.3">
      <c r="A100265" s="13" t="s">
        <v>493</v>
      </c>
      <c r="B100265" s="14" t="s">
        <v>1</v>
      </c>
      <c r="C100265" s="14" t="s">
        <v>47</v>
      </c>
      <c r="D100265" s="14" t="s">
        <v>420</v>
      </c>
      <c r="E100265" s="15">
        <v>45631</v>
      </c>
      <c r="F100265" s="14" t="s">
        <v>61</v>
      </c>
      <c r="G100265" s="16">
        <v>0</v>
      </c>
    </row>
    <row r="100266" spans="1:7" x14ac:dyDescent="0.3">
      <c r="A100266" s="13" t="s">
        <v>493</v>
      </c>
      <c r="B100266" s="14" t="s">
        <v>1</v>
      </c>
      <c r="C100266" s="14" t="s">
        <v>47</v>
      </c>
      <c r="D100266" s="14" t="s">
        <v>420</v>
      </c>
      <c r="E100266" s="15">
        <v>45632</v>
      </c>
      <c r="F100266" s="14" t="s">
        <v>61</v>
      </c>
      <c r="G100266" s="16">
        <v>0</v>
      </c>
    </row>
    <row r="100267" spans="1:7" x14ac:dyDescent="0.3">
      <c r="A100267" s="13" t="s">
        <v>493</v>
      </c>
      <c r="B100267" s="14" t="s">
        <v>1</v>
      </c>
      <c r="C100267" s="14" t="s">
        <v>47</v>
      </c>
      <c r="D100267" s="14" t="s">
        <v>420</v>
      </c>
      <c r="E100267" s="15">
        <v>45633</v>
      </c>
      <c r="F100267" s="14" t="s">
        <v>61</v>
      </c>
      <c r="G100267" s="16">
        <v>0</v>
      </c>
    </row>
    <row r="100268" spans="1:7" x14ac:dyDescent="0.3">
      <c r="A100268" s="13" t="s">
        <v>493</v>
      </c>
      <c r="B100268" s="14" t="s">
        <v>1</v>
      </c>
      <c r="C100268" s="14" t="s">
        <v>47</v>
      </c>
      <c r="D100268" s="14" t="s">
        <v>420</v>
      </c>
      <c r="E100268" s="15">
        <v>45634</v>
      </c>
      <c r="F100268" s="14" t="s">
        <v>61</v>
      </c>
      <c r="G100268" s="16">
        <v>0</v>
      </c>
    </row>
    <row r="100269" spans="1:7" x14ac:dyDescent="0.3">
      <c r="A100269" s="13" t="s">
        <v>493</v>
      </c>
      <c r="B100269" s="14" t="s">
        <v>1</v>
      </c>
      <c r="C100269" s="14" t="s">
        <v>47</v>
      </c>
      <c r="D100269" s="14" t="s">
        <v>420</v>
      </c>
      <c r="E100269" s="15">
        <v>45635</v>
      </c>
      <c r="F100269" s="14" t="s">
        <v>61</v>
      </c>
      <c r="G100269" s="16">
        <v>0</v>
      </c>
    </row>
    <row r="100270" spans="1:7" x14ac:dyDescent="0.3">
      <c r="A100270" s="13" t="s">
        <v>493</v>
      </c>
      <c r="B100270" s="14" t="s">
        <v>1</v>
      </c>
      <c r="C100270" s="14" t="s">
        <v>47</v>
      </c>
      <c r="D100270" s="14" t="s">
        <v>420</v>
      </c>
      <c r="E100270" s="15">
        <v>45636</v>
      </c>
      <c r="F100270" s="14" t="s">
        <v>61</v>
      </c>
      <c r="G100270" s="16">
        <v>0</v>
      </c>
    </row>
    <row r="100271" spans="1:7" x14ac:dyDescent="0.3">
      <c r="A100271" s="13" t="s">
        <v>493</v>
      </c>
      <c r="B100271" s="14" t="s">
        <v>1</v>
      </c>
      <c r="C100271" s="14" t="s">
        <v>47</v>
      </c>
      <c r="D100271" s="14" t="s">
        <v>420</v>
      </c>
      <c r="E100271" s="15">
        <v>45637</v>
      </c>
      <c r="F100271" s="14" t="s">
        <v>61</v>
      </c>
      <c r="G100271" s="16">
        <v>0</v>
      </c>
    </row>
    <row r="100272" spans="1:7" x14ac:dyDescent="0.3">
      <c r="A100272" s="13" t="s">
        <v>493</v>
      </c>
      <c r="B100272" s="14" t="s">
        <v>1</v>
      </c>
      <c r="C100272" s="14" t="s">
        <v>47</v>
      </c>
      <c r="D100272" s="14" t="s">
        <v>420</v>
      </c>
      <c r="E100272" s="15">
        <v>45638</v>
      </c>
      <c r="F100272" s="14" t="s">
        <v>61</v>
      </c>
      <c r="G100272" s="16">
        <v>0</v>
      </c>
    </row>
    <row r="100273" spans="1:7" x14ac:dyDescent="0.3">
      <c r="A100273" s="13" t="s">
        <v>493</v>
      </c>
      <c r="B100273" s="14" t="s">
        <v>1</v>
      </c>
      <c r="C100273" s="14" t="s">
        <v>47</v>
      </c>
      <c r="D100273" s="14" t="s">
        <v>420</v>
      </c>
      <c r="E100273" s="15">
        <v>45639</v>
      </c>
      <c r="F100273" s="14" t="s">
        <v>61</v>
      </c>
      <c r="G100273" s="16">
        <v>0</v>
      </c>
    </row>
    <row r="100274" spans="1:7" x14ac:dyDescent="0.3">
      <c r="A100274" s="13" t="s">
        <v>493</v>
      </c>
      <c r="B100274" s="14" t="s">
        <v>1</v>
      </c>
      <c r="C100274" s="14" t="s">
        <v>47</v>
      </c>
      <c r="D100274" s="14" t="s">
        <v>420</v>
      </c>
      <c r="E100274" s="15">
        <v>45640</v>
      </c>
      <c r="F100274" s="14" t="s">
        <v>61</v>
      </c>
      <c r="G100274" s="16">
        <v>0</v>
      </c>
    </row>
    <row r="100275" spans="1:7" x14ac:dyDescent="0.3">
      <c r="A100275" s="13" t="s">
        <v>493</v>
      </c>
      <c r="B100275" s="14" t="s">
        <v>1</v>
      </c>
      <c r="C100275" s="14" t="s">
        <v>47</v>
      </c>
      <c r="D100275" s="14" t="s">
        <v>420</v>
      </c>
      <c r="E100275" s="15">
        <v>45641</v>
      </c>
      <c r="F100275" s="14" t="s">
        <v>61</v>
      </c>
      <c r="G100275" s="16">
        <v>0</v>
      </c>
    </row>
    <row r="100276" spans="1:7" x14ac:dyDescent="0.3">
      <c r="A100276" s="13" t="s">
        <v>493</v>
      </c>
      <c r="B100276" s="14" t="s">
        <v>1</v>
      </c>
      <c r="C100276" s="14" t="s">
        <v>47</v>
      </c>
      <c r="D100276" s="14" t="s">
        <v>420</v>
      </c>
      <c r="E100276" s="15">
        <v>45642</v>
      </c>
      <c r="F100276" s="14" t="s">
        <v>61</v>
      </c>
      <c r="G100276" s="16">
        <v>0</v>
      </c>
    </row>
    <row r="100277" spans="1:7" x14ac:dyDescent="0.3">
      <c r="A100277" s="13" t="s">
        <v>493</v>
      </c>
      <c r="B100277" s="14" t="s">
        <v>1</v>
      </c>
      <c r="C100277" s="14" t="s">
        <v>47</v>
      </c>
      <c r="D100277" s="14" t="s">
        <v>420</v>
      </c>
      <c r="E100277" s="15">
        <v>45643</v>
      </c>
      <c r="F100277" s="14" t="s">
        <v>61</v>
      </c>
      <c r="G100277" s="16">
        <v>0</v>
      </c>
    </row>
    <row r="100278" spans="1:7" x14ac:dyDescent="0.3">
      <c r="A100278" s="13" t="s">
        <v>493</v>
      </c>
      <c r="B100278" s="14" t="s">
        <v>1</v>
      </c>
      <c r="C100278" s="14" t="s">
        <v>47</v>
      </c>
      <c r="D100278" s="14" t="s">
        <v>420</v>
      </c>
      <c r="E100278" s="15">
        <v>45644</v>
      </c>
      <c r="F100278" s="14" t="s">
        <v>61</v>
      </c>
      <c r="G100278" s="16">
        <v>0</v>
      </c>
    </row>
    <row r="100279" spans="1:7" x14ac:dyDescent="0.3">
      <c r="A100279" s="13" t="s">
        <v>493</v>
      </c>
      <c r="B100279" s="14" t="s">
        <v>1</v>
      </c>
      <c r="C100279" s="14" t="s">
        <v>47</v>
      </c>
      <c r="D100279" s="14" t="s">
        <v>420</v>
      </c>
      <c r="E100279" s="15">
        <v>45645</v>
      </c>
      <c r="F100279" s="14" t="s">
        <v>61</v>
      </c>
      <c r="G100279" s="16">
        <v>0</v>
      </c>
    </row>
    <row r="100280" spans="1:7" x14ac:dyDescent="0.3">
      <c r="A100280" s="13" t="s">
        <v>493</v>
      </c>
      <c r="B100280" s="14" t="s">
        <v>1</v>
      </c>
      <c r="C100280" s="14" t="s">
        <v>47</v>
      </c>
      <c r="D100280" s="14" t="s">
        <v>420</v>
      </c>
      <c r="E100280" s="15">
        <v>45646</v>
      </c>
      <c r="F100280" s="14" t="s">
        <v>61</v>
      </c>
      <c r="G100280" s="16">
        <v>0</v>
      </c>
    </row>
    <row r="100281" spans="1:7" x14ac:dyDescent="0.3">
      <c r="A100281" s="13" t="s">
        <v>493</v>
      </c>
      <c r="B100281" s="14" t="s">
        <v>1</v>
      </c>
      <c r="C100281" s="14" t="s">
        <v>47</v>
      </c>
      <c r="D100281" s="14" t="s">
        <v>420</v>
      </c>
      <c r="E100281" s="15">
        <v>45647</v>
      </c>
      <c r="F100281" s="14" t="s">
        <v>61</v>
      </c>
      <c r="G100281" s="16">
        <v>0</v>
      </c>
    </row>
    <row r="100282" spans="1:7" x14ac:dyDescent="0.3">
      <c r="A100282" s="13" t="s">
        <v>493</v>
      </c>
      <c r="B100282" s="14" t="s">
        <v>1</v>
      </c>
      <c r="C100282" s="14" t="s">
        <v>47</v>
      </c>
      <c r="D100282" s="14" t="s">
        <v>420</v>
      </c>
      <c r="E100282" s="15">
        <v>45648</v>
      </c>
      <c r="F100282" s="14" t="s">
        <v>61</v>
      </c>
      <c r="G100282" s="16">
        <v>0</v>
      </c>
    </row>
    <row r="100283" spans="1:7" x14ac:dyDescent="0.3">
      <c r="A100283" s="13" t="s">
        <v>493</v>
      </c>
      <c r="B100283" s="14" t="s">
        <v>1</v>
      </c>
      <c r="C100283" s="14" t="s">
        <v>47</v>
      </c>
      <c r="D100283" s="14" t="s">
        <v>420</v>
      </c>
      <c r="E100283" s="15">
        <v>45649</v>
      </c>
      <c r="F100283" s="14" t="s">
        <v>61</v>
      </c>
      <c r="G100283" s="16">
        <v>0</v>
      </c>
    </row>
    <row r="100284" spans="1:7" x14ac:dyDescent="0.3">
      <c r="A100284" s="13" t="s">
        <v>493</v>
      </c>
      <c r="B100284" s="14" t="s">
        <v>1</v>
      </c>
      <c r="C100284" s="14" t="s">
        <v>47</v>
      </c>
      <c r="D100284" s="14" t="s">
        <v>420</v>
      </c>
      <c r="E100284" s="15">
        <v>45650</v>
      </c>
      <c r="F100284" s="14" t="s">
        <v>61</v>
      </c>
      <c r="G100284" s="16">
        <v>0</v>
      </c>
    </row>
    <row r="100285" spans="1:7" x14ac:dyDescent="0.3">
      <c r="A100285" s="13" t="s">
        <v>493</v>
      </c>
      <c r="B100285" s="14" t="s">
        <v>1</v>
      </c>
      <c r="C100285" s="14" t="s">
        <v>47</v>
      </c>
      <c r="D100285" s="14" t="s">
        <v>420</v>
      </c>
      <c r="E100285" s="15">
        <v>45651</v>
      </c>
      <c r="F100285" s="14" t="s">
        <v>61</v>
      </c>
      <c r="G100285" s="16">
        <v>0</v>
      </c>
    </row>
    <row r="100286" spans="1:7" x14ac:dyDescent="0.3">
      <c r="A100286" s="13" t="s">
        <v>493</v>
      </c>
      <c r="B100286" s="14" t="s">
        <v>1</v>
      </c>
      <c r="C100286" s="14" t="s">
        <v>47</v>
      </c>
      <c r="D100286" s="14" t="s">
        <v>420</v>
      </c>
      <c r="E100286" s="15">
        <v>45652</v>
      </c>
      <c r="F100286" s="14" t="s">
        <v>61</v>
      </c>
      <c r="G100286" s="16">
        <v>0</v>
      </c>
    </row>
    <row r="100287" spans="1:7" x14ac:dyDescent="0.3">
      <c r="A100287" s="13" t="s">
        <v>493</v>
      </c>
      <c r="B100287" s="14" t="s">
        <v>1</v>
      </c>
      <c r="C100287" s="14" t="s">
        <v>47</v>
      </c>
      <c r="D100287" s="14" t="s">
        <v>420</v>
      </c>
      <c r="E100287" s="15">
        <v>45653</v>
      </c>
      <c r="F100287" s="14" t="s">
        <v>61</v>
      </c>
      <c r="G100287" s="16">
        <v>0</v>
      </c>
    </row>
    <row r="100288" spans="1:7" x14ac:dyDescent="0.3">
      <c r="A100288" s="13" t="s">
        <v>493</v>
      </c>
      <c r="B100288" s="14" t="s">
        <v>1</v>
      </c>
      <c r="C100288" s="14" t="s">
        <v>47</v>
      </c>
      <c r="D100288" s="14" t="s">
        <v>420</v>
      </c>
      <c r="E100288" s="15">
        <v>45654</v>
      </c>
      <c r="F100288" s="14" t="s">
        <v>61</v>
      </c>
      <c r="G100288" s="16">
        <v>0</v>
      </c>
    </row>
    <row r="100289" spans="1:7" x14ac:dyDescent="0.3">
      <c r="A100289" s="13" t="s">
        <v>493</v>
      </c>
      <c r="B100289" s="14" t="s">
        <v>1</v>
      </c>
      <c r="C100289" s="14" t="s">
        <v>47</v>
      </c>
      <c r="D100289" s="14" t="s">
        <v>420</v>
      </c>
      <c r="E100289" s="15">
        <v>45655</v>
      </c>
      <c r="F100289" s="14" t="s">
        <v>61</v>
      </c>
      <c r="G100289" s="16">
        <v>0</v>
      </c>
    </row>
    <row r="100290" spans="1:7" x14ac:dyDescent="0.3">
      <c r="A100290" s="13" t="s">
        <v>493</v>
      </c>
      <c r="B100290" s="14" t="s">
        <v>1</v>
      </c>
      <c r="C100290" s="14" t="s">
        <v>47</v>
      </c>
      <c r="D100290" s="14" t="s">
        <v>420</v>
      </c>
      <c r="E100290" s="15">
        <v>45656</v>
      </c>
      <c r="F100290" s="14" t="s">
        <v>61</v>
      </c>
      <c r="G100290" s="16">
        <v>0</v>
      </c>
    </row>
    <row r="100291" spans="1:7" x14ac:dyDescent="0.3">
      <c r="A100291" s="13" t="s">
        <v>493</v>
      </c>
      <c r="B100291" s="14" t="s">
        <v>1</v>
      </c>
      <c r="C100291" s="14" t="s">
        <v>47</v>
      </c>
      <c r="D100291" s="14" t="s">
        <v>420</v>
      </c>
      <c r="E100291" s="15">
        <v>45657</v>
      </c>
      <c r="F100291" s="14" t="s">
        <v>61</v>
      </c>
      <c r="G100291" s="16">
        <v>0</v>
      </c>
    </row>
    <row r="100292" spans="1:7" x14ac:dyDescent="0.3">
      <c r="A100292" s="13" t="s">
        <v>493</v>
      </c>
      <c r="B100292" s="14" t="s">
        <v>1</v>
      </c>
      <c r="C100292" s="14" t="s">
        <v>47</v>
      </c>
      <c r="D100292" s="14" t="s">
        <v>420</v>
      </c>
      <c r="E100292" s="15">
        <v>45658</v>
      </c>
      <c r="F100292" s="14" t="s">
        <v>61</v>
      </c>
      <c r="G100292" s="16">
        <v>0</v>
      </c>
    </row>
    <row r="100293" spans="1:7" x14ac:dyDescent="0.3">
      <c r="A100293" s="13" t="s">
        <v>493</v>
      </c>
      <c r="B100293" s="14" t="s">
        <v>1</v>
      </c>
      <c r="C100293" s="14" t="s">
        <v>47</v>
      </c>
      <c r="D100293" s="14" t="s">
        <v>420</v>
      </c>
      <c r="E100293" s="15">
        <v>45659</v>
      </c>
      <c r="F100293" s="14" t="s">
        <v>61</v>
      </c>
      <c r="G100293" s="16">
        <v>0</v>
      </c>
    </row>
    <row r="100294" spans="1:7" x14ac:dyDescent="0.3">
      <c r="A100294" s="13" t="s">
        <v>493</v>
      </c>
      <c r="B100294" s="14" t="s">
        <v>1</v>
      </c>
      <c r="C100294" s="14" t="s">
        <v>47</v>
      </c>
      <c r="D100294" s="14" t="s">
        <v>420</v>
      </c>
      <c r="E100294" s="15">
        <v>45660</v>
      </c>
      <c r="F100294" s="14" t="s">
        <v>61</v>
      </c>
      <c r="G100294" s="16">
        <v>0</v>
      </c>
    </row>
    <row r="100295" spans="1:7" x14ac:dyDescent="0.3">
      <c r="A100295" s="13" t="s">
        <v>493</v>
      </c>
      <c r="B100295" s="14" t="s">
        <v>1</v>
      </c>
      <c r="C100295" s="14" t="s">
        <v>47</v>
      </c>
      <c r="D100295" s="14" t="s">
        <v>420</v>
      </c>
      <c r="E100295" s="15">
        <v>45661</v>
      </c>
      <c r="F100295" s="14" t="s">
        <v>61</v>
      </c>
      <c r="G100295" s="16">
        <v>0</v>
      </c>
    </row>
    <row r="100296" spans="1:7" x14ac:dyDescent="0.3">
      <c r="A100296" s="13" t="s">
        <v>493</v>
      </c>
      <c r="B100296" s="14" t="s">
        <v>1</v>
      </c>
      <c r="C100296" s="14" t="s">
        <v>47</v>
      </c>
      <c r="D100296" s="14" t="s">
        <v>420</v>
      </c>
      <c r="E100296" s="15">
        <v>45662</v>
      </c>
      <c r="F100296" s="14" t="s">
        <v>61</v>
      </c>
      <c r="G100296" s="16">
        <v>0</v>
      </c>
    </row>
    <row r="100297" spans="1:7" x14ac:dyDescent="0.3">
      <c r="A100297" s="13" t="s">
        <v>493</v>
      </c>
      <c r="B100297" s="14" t="s">
        <v>1</v>
      </c>
      <c r="C100297" s="14" t="s">
        <v>47</v>
      </c>
      <c r="D100297" s="14" t="s">
        <v>420</v>
      </c>
      <c r="E100297" s="15">
        <v>45663</v>
      </c>
      <c r="F100297" s="14" t="s">
        <v>61</v>
      </c>
      <c r="G100297" s="16">
        <v>0</v>
      </c>
    </row>
    <row r="100298" spans="1:7" x14ac:dyDescent="0.3">
      <c r="A100298" s="13" t="s">
        <v>493</v>
      </c>
      <c r="B100298" s="14" t="s">
        <v>1</v>
      </c>
      <c r="C100298" s="14" t="s">
        <v>47</v>
      </c>
      <c r="D100298" s="14" t="s">
        <v>420</v>
      </c>
      <c r="E100298" s="15">
        <v>45664</v>
      </c>
      <c r="F100298" s="14" t="s">
        <v>61</v>
      </c>
      <c r="G100298" s="16">
        <v>0</v>
      </c>
    </row>
    <row r="100299" spans="1:7" x14ac:dyDescent="0.3">
      <c r="A100299" s="13" t="s">
        <v>493</v>
      </c>
      <c r="B100299" s="14" t="s">
        <v>1</v>
      </c>
      <c r="C100299" s="14" t="s">
        <v>47</v>
      </c>
      <c r="D100299" s="14" t="s">
        <v>420</v>
      </c>
      <c r="E100299" s="15">
        <v>45665</v>
      </c>
      <c r="F100299" s="14" t="s">
        <v>61</v>
      </c>
      <c r="G100299" s="16">
        <v>0</v>
      </c>
    </row>
    <row r="100300" spans="1:7" x14ac:dyDescent="0.3">
      <c r="A100300" s="13" t="s">
        <v>493</v>
      </c>
      <c r="B100300" s="14" t="s">
        <v>1</v>
      </c>
      <c r="C100300" s="14" t="s">
        <v>47</v>
      </c>
      <c r="D100300" s="14" t="s">
        <v>420</v>
      </c>
      <c r="E100300" s="15">
        <v>45666</v>
      </c>
      <c r="F100300" s="14" t="s">
        <v>61</v>
      </c>
      <c r="G100300" s="16">
        <v>0</v>
      </c>
    </row>
    <row r="100301" spans="1:7" x14ac:dyDescent="0.3">
      <c r="A100301" s="13" t="s">
        <v>493</v>
      </c>
      <c r="B100301" s="14" t="s">
        <v>1</v>
      </c>
      <c r="C100301" s="14" t="s">
        <v>47</v>
      </c>
      <c r="D100301" s="14" t="s">
        <v>420</v>
      </c>
      <c r="E100301" s="15">
        <v>45667</v>
      </c>
      <c r="F100301" s="14" t="s">
        <v>61</v>
      </c>
      <c r="G100301" s="16">
        <v>0</v>
      </c>
    </row>
    <row r="100302" spans="1:7" x14ac:dyDescent="0.3">
      <c r="A100302" s="13" t="s">
        <v>493</v>
      </c>
      <c r="B100302" s="14" t="s">
        <v>1</v>
      </c>
      <c r="C100302" s="14" t="s">
        <v>47</v>
      </c>
      <c r="D100302" s="14" t="s">
        <v>420</v>
      </c>
      <c r="E100302" s="15">
        <v>45668</v>
      </c>
      <c r="F100302" s="14" t="s">
        <v>61</v>
      </c>
      <c r="G100302" s="16">
        <v>0</v>
      </c>
    </row>
    <row r="100303" spans="1:7" x14ac:dyDescent="0.3">
      <c r="A100303" s="13" t="s">
        <v>493</v>
      </c>
      <c r="B100303" s="14" t="s">
        <v>1</v>
      </c>
      <c r="C100303" s="14" t="s">
        <v>47</v>
      </c>
      <c r="D100303" s="14" t="s">
        <v>420</v>
      </c>
      <c r="E100303" s="15">
        <v>45669</v>
      </c>
      <c r="F100303" s="14" t="s">
        <v>61</v>
      </c>
      <c r="G100303" s="16">
        <v>0</v>
      </c>
    </row>
    <row r="100304" spans="1:7" x14ac:dyDescent="0.3">
      <c r="A100304" s="13" t="s">
        <v>493</v>
      </c>
      <c r="B100304" s="14" t="s">
        <v>1</v>
      </c>
      <c r="C100304" s="14" t="s">
        <v>47</v>
      </c>
      <c r="D100304" s="14" t="s">
        <v>420</v>
      </c>
      <c r="E100304" s="15">
        <v>45670</v>
      </c>
      <c r="F100304" s="14" t="s">
        <v>61</v>
      </c>
      <c r="G100304" s="16">
        <v>0</v>
      </c>
    </row>
    <row r="100305" spans="1:7" x14ac:dyDescent="0.3">
      <c r="A100305" s="13" t="s">
        <v>493</v>
      </c>
      <c r="B100305" s="14" t="s">
        <v>1</v>
      </c>
      <c r="C100305" s="14" t="s">
        <v>47</v>
      </c>
      <c r="D100305" s="14" t="s">
        <v>420</v>
      </c>
      <c r="E100305" s="15">
        <v>45671</v>
      </c>
      <c r="F100305" s="14" t="s">
        <v>61</v>
      </c>
      <c r="G100305" s="16">
        <v>0</v>
      </c>
    </row>
    <row r="100306" spans="1:7" x14ac:dyDescent="0.3">
      <c r="A100306" s="13" t="s">
        <v>493</v>
      </c>
      <c r="B100306" s="14" t="s">
        <v>1</v>
      </c>
      <c r="C100306" s="14" t="s">
        <v>47</v>
      </c>
      <c r="D100306" s="14" t="s">
        <v>420</v>
      </c>
      <c r="E100306" s="15">
        <v>45672</v>
      </c>
      <c r="F100306" s="14" t="s">
        <v>61</v>
      </c>
      <c r="G100306" s="16">
        <v>0</v>
      </c>
    </row>
    <row r="100307" spans="1:7" x14ac:dyDescent="0.3">
      <c r="A100307" s="13" t="s">
        <v>493</v>
      </c>
      <c r="B100307" s="14" t="s">
        <v>1</v>
      </c>
      <c r="C100307" s="14" t="s">
        <v>47</v>
      </c>
      <c r="D100307" s="14" t="s">
        <v>420</v>
      </c>
      <c r="E100307" s="15">
        <v>45673</v>
      </c>
      <c r="F100307" s="14" t="s">
        <v>61</v>
      </c>
      <c r="G100307" s="16">
        <v>0</v>
      </c>
    </row>
    <row r="100308" spans="1:7" x14ac:dyDescent="0.3">
      <c r="A100308" s="13" t="s">
        <v>493</v>
      </c>
      <c r="B100308" s="14" t="s">
        <v>1</v>
      </c>
      <c r="C100308" s="14" t="s">
        <v>47</v>
      </c>
      <c r="D100308" s="14" t="s">
        <v>420</v>
      </c>
      <c r="E100308" s="15">
        <v>45674</v>
      </c>
      <c r="F100308" s="14" t="s">
        <v>61</v>
      </c>
      <c r="G100308" s="16">
        <v>0</v>
      </c>
    </row>
    <row r="100309" spans="1:7" x14ac:dyDescent="0.3">
      <c r="A100309" s="13" t="s">
        <v>493</v>
      </c>
      <c r="B100309" s="14" t="s">
        <v>1</v>
      </c>
      <c r="C100309" s="14" t="s">
        <v>47</v>
      </c>
      <c r="D100309" s="14" t="s">
        <v>420</v>
      </c>
      <c r="E100309" s="15">
        <v>45675</v>
      </c>
      <c r="F100309" s="14" t="s">
        <v>61</v>
      </c>
      <c r="G100309" s="16">
        <v>0</v>
      </c>
    </row>
    <row r="100310" spans="1:7" x14ac:dyDescent="0.3">
      <c r="A100310" s="13" t="s">
        <v>493</v>
      </c>
      <c r="B100310" s="14" t="s">
        <v>1</v>
      </c>
      <c r="C100310" s="14" t="s">
        <v>47</v>
      </c>
      <c r="D100310" s="14" t="s">
        <v>420</v>
      </c>
      <c r="E100310" s="15">
        <v>45676</v>
      </c>
      <c r="F100310" s="14" t="s">
        <v>61</v>
      </c>
      <c r="G100310" s="16">
        <v>0</v>
      </c>
    </row>
    <row r="100311" spans="1:7" x14ac:dyDescent="0.3">
      <c r="A100311" s="13" t="s">
        <v>493</v>
      </c>
      <c r="B100311" s="14" t="s">
        <v>1</v>
      </c>
      <c r="C100311" s="14" t="s">
        <v>47</v>
      </c>
      <c r="D100311" s="14" t="s">
        <v>420</v>
      </c>
      <c r="E100311" s="15">
        <v>45677</v>
      </c>
      <c r="F100311" s="14" t="s">
        <v>61</v>
      </c>
      <c r="G100311" s="16">
        <v>0</v>
      </c>
    </row>
    <row r="100312" spans="1:7" x14ac:dyDescent="0.3">
      <c r="A100312" s="13" t="s">
        <v>493</v>
      </c>
      <c r="B100312" s="14" t="s">
        <v>1</v>
      </c>
      <c r="C100312" s="14" t="s">
        <v>47</v>
      </c>
      <c r="D100312" s="14" t="s">
        <v>420</v>
      </c>
      <c r="E100312" s="15">
        <v>45678</v>
      </c>
      <c r="F100312" s="14" t="s">
        <v>61</v>
      </c>
      <c r="G100312" s="16">
        <v>0</v>
      </c>
    </row>
    <row r="100313" spans="1:7" x14ac:dyDescent="0.3">
      <c r="A100313" s="13" t="s">
        <v>493</v>
      </c>
      <c r="B100313" s="14" t="s">
        <v>1</v>
      </c>
      <c r="C100313" s="14" t="s">
        <v>47</v>
      </c>
      <c r="D100313" s="14" t="s">
        <v>420</v>
      </c>
      <c r="E100313" s="15">
        <v>45679</v>
      </c>
      <c r="F100313" s="14" t="s">
        <v>61</v>
      </c>
      <c r="G100313" s="16">
        <v>0</v>
      </c>
    </row>
    <row r="100314" spans="1:7" x14ac:dyDescent="0.3">
      <c r="A100314" s="13" t="s">
        <v>493</v>
      </c>
      <c r="B100314" s="14" t="s">
        <v>1</v>
      </c>
      <c r="C100314" s="14" t="s">
        <v>47</v>
      </c>
      <c r="D100314" s="14" t="s">
        <v>420</v>
      </c>
      <c r="E100314" s="15">
        <v>45680</v>
      </c>
      <c r="F100314" s="14" t="s">
        <v>61</v>
      </c>
      <c r="G100314" s="16">
        <v>0</v>
      </c>
    </row>
    <row r="100315" spans="1:7" x14ac:dyDescent="0.3">
      <c r="A100315" s="13" t="s">
        <v>493</v>
      </c>
      <c r="B100315" s="14" t="s">
        <v>1</v>
      </c>
      <c r="C100315" s="14" t="s">
        <v>47</v>
      </c>
      <c r="D100315" s="14" t="s">
        <v>420</v>
      </c>
      <c r="E100315" s="15">
        <v>45681</v>
      </c>
      <c r="F100315" s="14" t="s">
        <v>61</v>
      </c>
      <c r="G100315" s="16">
        <v>0</v>
      </c>
    </row>
    <row r="100316" spans="1:7" x14ac:dyDescent="0.3">
      <c r="A100316" s="13" t="s">
        <v>493</v>
      </c>
      <c r="B100316" s="14" t="s">
        <v>1</v>
      </c>
      <c r="C100316" s="14" t="s">
        <v>47</v>
      </c>
      <c r="D100316" s="14" t="s">
        <v>420</v>
      </c>
      <c r="E100316" s="15">
        <v>45682</v>
      </c>
      <c r="F100316" s="14" t="s">
        <v>61</v>
      </c>
      <c r="G100316" s="16">
        <v>0</v>
      </c>
    </row>
    <row r="100317" spans="1:7" x14ac:dyDescent="0.3">
      <c r="A100317" s="13" t="s">
        <v>493</v>
      </c>
      <c r="B100317" s="14" t="s">
        <v>1</v>
      </c>
      <c r="C100317" s="14" t="s">
        <v>47</v>
      </c>
      <c r="D100317" s="14" t="s">
        <v>420</v>
      </c>
      <c r="E100317" s="15">
        <v>45683</v>
      </c>
      <c r="F100317" s="14" t="s">
        <v>61</v>
      </c>
      <c r="G100317" s="16">
        <v>0</v>
      </c>
    </row>
    <row r="100318" spans="1:7" x14ac:dyDescent="0.3">
      <c r="A100318" s="13" t="s">
        <v>493</v>
      </c>
      <c r="B100318" s="14" t="s">
        <v>1</v>
      </c>
      <c r="C100318" s="14" t="s">
        <v>47</v>
      </c>
      <c r="D100318" s="14" t="s">
        <v>420</v>
      </c>
      <c r="E100318" s="15">
        <v>45684</v>
      </c>
      <c r="F100318" s="14" t="s">
        <v>61</v>
      </c>
      <c r="G100318" s="16">
        <v>0</v>
      </c>
    </row>
    <row r="100319" spans="1:7" x14ac:dyDescent="0.3">
      <c r="A100319" s="13" t="s">
        <v>493</v>
      </c>
      <c r="B100319" s="14" t="s">
        <v>1</v>
      </c>
      <c r="C100319" s="14" t="s">
        <v>47</v>
      </c>
      <c r="D100319" s="14" t="s">
        <v>420</v>
      </c>
      <c r="E100319" s="15">
        <v>45685</v>
      </c>
      <c r="F100319" s="14" t="s">
        <v>61</v>
      </c>
      <c r="G100319" s="16">
        <v>0</v>
      </c>
    </row>
    <row r="100320" spans="1:7" x14ac:dyDescent="0.3">
      <c r="A100320" s="13" t="s">
        <v>493</v>
      </c>
      <c r="B100320" s="14" t="s">
        <v>1</v>
      </c>
      <c r="C100320" s="14" t="s">
        <v>47</v>
      </c>
      <c r="D100320" s="14" t="s">
        <v>420</v>
      </c>
      <c r="E100320" s="15">
        <v>45686</v>
      </c>
      <c r="F100320" s="14" t="s">
        <v>61</v>
      </c>
      <c r="G100320" s="16">
        <v>0</v>
      </c>
    </row>
    <row r="100321" spans="1:7" x14ac:dyDescent="0.3">
      <c r="A100321" s="13" t="s">
        <v>493</v>
      </c>
      <c r="B100321" s="14" t="s">
        <v>1</v>
      </c>
      <c r="C100321" s="14" t="s">
        <v>47</v>
      </c>
      <c r="D100321" s="14" t="s">
        <v>420</v>
      </c>
      <c r="E100321" s="15">
        <v>45687</v>
      </c>
      <c r="F100321" s="14" t="s">
        <v>61</v>
      </c>
      <c r="G100321" s="16">
        <v>0</v>
      </c>
    </row>
    <row r="100322" spans="1:7" x14ac:dyDescent="0.3">
      <c r="A100322" s="13" t="s">
        <v>493</v>
      </c>
      <c r="B100322" s="14" t="s">
        <v>1</v>
      </c>
      <c r="C100322" s="14" t="s">
        <v>47</v>
      </c>
      <c r="D100322" s="14" t="s">
        <v>420</v>
      </c>
      <c r="E100322" s="15">
        <v>45688</v>
      </c>
      <c r="F100322" s="14" t="s">
        <v>61</v>
      </c>
      <c r="G100322" s="16">
        <v>0</v>
      </c>
    </row>
    <row r="100323" spans="1:7" x14ac:dyDescent="0.3">
      <c r="A100323" s="13" t="s">
        <v>493</v>
      </c>
      <c r="B100323" s="14" t="s">
        <v>1</v>
      </c>
      <c r="C100323" s="14" t="s">
        <v>47</v>
      </c>
      <c r="D100323" s="14" t="s">
        <v>420</v>
      </c>
      <c r="E100323" s="15">
        <v>45689</v>
      </c>
      <c r="F100323" s="14" t="s">
        <v>61</v>
      </c>
      <c r="G100323" s="16">
        <v>0</v>
      </c>
    </row>
    <row r="100324" spans="1:7" x14ac:dyDescent="0.3">
      <c r="A100324" s="13" t="s">
        <v>493</v>
      </c>
      <c r="B100324" s="14" t="s">
        <v>1</v>
      </c>
      <c r="C100324" s="14" t="s">
        <v>47</v>
      </c>
      <c r="D100324" s="14" t="s">
        <v>420</v>
      </c>
      <c r="E100324" s="15">
        <v>45690</v>
      </c>
      <c r="F100324" s="14" t="s">
        <v>61</v>
      </c>
      <c r="G100324" s="16">
        <v>0</v>
      </c>
    </row>
    <row r="100325" spans="1:7" x14ac:dyDescent="0.3">
      <c r="A100325" s="13" t="s">
        <v>493</v>
      </c>
      <c r="B100325" s="14" t="s">
        <v>1</v>
      </c>
      <c r="C100325" s="14" t="s">
        <v>47</v>
      </c>
      <c r="D100325" s="14" t="s">
        <v>420</v>
      </c>
      <c r="E100325" s="15">
        <v>45691</v>
      </c>
      <c r="F100325" s="14" t="s">
        <v>61</v>
      </c>
      <c r="G100325" s="16">
        <v>0</v>
      </c>
    </row>
    <row r="100326" spans="1:7" x14ac:dyDescent="0.3">
      <c r="A100326" s="13" t="s">
        <v>493</v>
      </c>
      <c r="B100326" s="14" t="s">
        <v>1</v>
      </c>
      <c r="C100326" s="14" t="s">
        <v>47</v>
      </c>
      <c r="D100326" s="14" t="s">
        <v>420</v>
      </c>
      <c r="E100326" s="15">
        <v>45692</v>
      </c>
      <c r="F100326" s="14" t="s">
        <v>61</v>
      </c>
      <c r="G100326" s="16">
        <v>0</v>
      </c>
    </row>
    <row r="100327" spans="1:7" x14ac:dyDescent="0.3">
      <c r="A100327" s="13" t="s">
        <v>493</v>
      </c>
      <c r="B100327" s="14" t="s">
        <v>1</v>
      </c>
      <c r="C100327" s="14" t="s">
        <v>47</v>
      </c>
      <c r="D100327" s="14" t="s">
        <v>420</v>
      </c>
      <c r="E100327" s="15">
        <v>45693</v>
      </c>
      <c r="F100327" s="14" t="s">
        <v>61</v>
      </c>
      <c r="G100327" s="16">
        <v>0</v>
      </c>
    </row>
    <row r="100328" spans="1:7" x14ac:dyDescent="0.3">
      <c r="A100328" s="13" t="s">
        <v>493</v>
      </c>
      <c r="B100328" s="14" t="s">
        <v>1</v>
      </c>
      <c r="C100328" s="14" t="s">
        <v>47</v>
      </c>
      <c r="D100328" s="14" t="s">
        <v>420</v>
      </c>
      <c r="E100328" s="15">
        <v>45694</v>
      </c>
      <c r="F100328" s="14" t="s">
        <v>61</v>
      </c>
      <c r="G100328" s="16">
        <v>0</v>
      </c>
    </row>
    <row r="100329" spans="1:7" x14ac:dyDescent="0.3">
      <c r="A100329" s="13" t="s">
        <v>493</v>
      </c>
      <c r="B100329" s="14" t="s">
        <v>1</v>
      </c>
      <c r="C100329" s="14" t="s">
        <v>47</v>
      </c>
      <c r="D100329" s="14" t="s">
        <v>420</v>
      </c>
      <c r="E100329" s="15">
        <v>45695</v>
      </c>
      <c r="F100329" s="14" t="s">
        <v>61</v>
      </c>
      <c r="G100329" s="16">
        <v>0</v>
      </c>
    </row>
    <row r="100330" spans="1:7" x14ac:dyDescent="0.3">
      <c r="A100330" s="13" t="s">
        <v>493</v>
      </c>
      <c r="B100330" s="14" t="s">
        <v>1</v>
      </c>
      <c r="C100330" s="14" t="s">
        <v>47</v>
      </c>
      <c r="D100330" s="14" t="s">
        <v>420</v>
      </c>
      <c r="E100330" s="15">
        <v>45696</v>
      </c>
      <c r="F100330" s="14" t="s">
        <v>61</v>
      </c>
      <c r="G100330" s="16">
        <v>0</v>
      </c>
    </row>
    <row r="100331" spans="1:7" x14ac:dyDescent="0.3">
      <c r="A100331" s="13" t="s">
        <v>493</v>
      </c>
      <c r="B100331" s="14" t="s">
        <v>1</v>
      </c>
      <c r="C100331" s="14" t="s">
        <v>47</v>
      </c>
      <c r="D100331" s="14" t="s">
        <v>420</v>
      </c>
      <c r="E100331" s="15">
        <v>45697</v>
      </c>
      <c r="F100331" s="14" t="s">
        <v>61</v>
      </c>
      <c r="G100331" s="16">
        <v>0</v>
      </c>
    </row>
    <row r="100332" spans="1:7" x14ac:dyDescent="0.3">
      <c r="A100332" s="13" t="s">
        <v>493</v>
      </c>
      <c r="B100332" s="14" t="s">
        <v>1</v>
      </c>
      <c r="C100332" s="14" t="s">
        <v>47</v>
      </c>
      <c r="D100332" s="14" t="s">
        <v>420</v>
      </c>
      <c r="E100332" s="15">
        <v>45698</v>
      </c>
      <c r="F100332" s="14" t="s">
        <v>61</v>
      </c>
      <c r="G100332" s="16">
        <v>0</v>
      </c>
    </row>
    <row r="100333" spans="1:7" x14ac:dyDescent="0.3">
      <c r="A100333" s="13" t="s">
        <v>493</v>
      </c>
      <c r="B100333" s="14" t="s">
        <v>1</v>
      </c>
      <c r="C100333" s="14" t="s">
        <v>47</v>
      </c>
      <c r="D100333" s="14" t="s">
        <v>420</v>
      </c>
      <c r="E100333" s="15">
        <v>45699</v>
      </c>
      <c r="F100333" s="14" t="s">
        <v>61</v>
      </c>
      <c r="G100333" s="16">
        <v>0</v>
      </c>
    </row>
    <row r="100334" spans="1:7" x14ac:dyDescent="0.3">
      <c r="A100334" s="13" t="s">
        <v>493</v>
      </c>
      <c r="B100334" s="14" t="s">
        <v>1</v>
      </c>
      <c r="C100334" s="14" t="s">
        <v>47</v>
      </c>
      <c r="D100334" s="14" t="s">
        <v>420</v>
      </c>
      <c r="E100334" s="15">
        <v>45700</v>
      </c>
      <c r="F100334" s="14" t="s">
        <v>61</v>
      </c>
      <c r="G100334" s="16">
        <v>0</v>
      </c>
    </row>
    <row r="100335" spans="1:7" x14ac:dyDescent="0.3">
      <c r="A100335" s="13" t="s">
        <v>493</v>
      </c>
      <c r="B100335" s="14" t="s">
        <v>1</v>
      </c>
      <c r="C100335" s="14" t="s">
        <v>47</v>
      </c>
      <c r="D100335" s="14" t="s">
        <v>420</v>
      </c>
      <c r="E100335" s="15">
        <v>45701</v>
      </c>
      <c r="F100335" s="14" t="s">
        <v>61</v>
      </c>
      <c r="G100335" s="16">
        <v>0</v>
      </c>
    </row>
    <row r="100336" spans="1:7" x14ac:dyDescent="0.3">
      <c r="A100336" s="13" t="s">
        <v>493</v>
      </c>
      <c r="B100336" s="14" t="s">
        <v>1</v>
      </c>
      <c r="C100336" s="14" t="s">
        <v>47</v>
      </c>
      <c r="D100336" s="14" t="s">
        <v>420</v>
      </c>
      <c r="E100336" s="15">
        <v>45702</v>
      </c>
      <c r="F100336" s="14" t="s">
        <v>61</v>
      </c>
      <c r="G100336" s="16">
        <v>0</v>
      </c>
    </row>
    <row r="100337" spans="1:7" x14ac:dyDescent="0.3">
      <c r="A100337" s="13" t="s">
        <v>493</v>
      </c>
      <c r="B100337" s="14" t="s">
        <v>1</v>
      </c>
      <c r="C100337" s="14" t="s">
        <v>47</v>
      </c>
      <c r="D100337" s="14" t="s">
        <v>420</v>
      </c>
      <c r="E100337" s="15">
        <v>45703</v>
      </c>
      <c r="F100337" s="14" t="s">
        <v>61</v>
      </c>
      <c r="G100337" s="16">
        <v>0</v>
      </c>
    </row>
    <row r="100338" spans="1:7" x14ac:dyDescent="0.3">
      <c r="A100338" s="13" t="s">
        <v>493</v>
      </c>
      <c r="B100338" s="14" t="s">
        <v>1</v>
      </c>
      <c r="C100338" s="14" t="s">
        <v>47</v>
      </c>
      <c r="D100338" s="14" t="s">
        <v>420</v>
      </c>
      <c r="E100338" s="15">
        <v>45704</v>
      </c>
      <c r="F100338" s="14" t="s">
        <v>61</v>
      </c>
      <c r="G100338" s="16">
        <v>0</v>
      </c>
    </row>
    <row r="100339" spans="1:7" x14ac:dyDescent="0.3">
      <c r="A100339" s="13" t="s">
        <v>493</v>
      </c>
      <c r="B100339" s="14" t="s">
        <v>1</v>
      </c>
      <c r="C100339" s="14" t="s">
        <v>47</v>
      </c>
      <c r="D100339" s="14" t="s">
        <v>420</v>
      </c>
      <c r="E100339" s="15">
        <v>45705</v>
      </c>
      <c r="F100339" s="14" t="s">
        <v>61</v>
      </c>
      <c r="G100339" s="16">
        <v>0</v>
      </c>
    </row>
    <row r="100340" spans="1:7" x14ac:dyDescent="0.3">
      <c r="A100340" s="13" t="s">
        <v>493</v>
      </c>
      <c r="B100340" s="14" t="s">
        <v>1</v>
      </c>
      <c r="C100340" s="14" t="s">
        <v>47</v>
      </c>
      <c r="D100340" s="14" t="s">
        <v>420</v>
      </c>
      <c r="E100340" s="15">
        <v>45706</v>
      </c>
      <c r="F100340" s="14" t="s">
        <v>61</v>
      </c>
      <c r="G100340" s="16">
        <v>0</v>
      </c>
    </row>
    <row r="100341" spans="1:7" x14ac:dyDescent="0.3">
      <c r="A100341" s="13" t="s">
        <v>493</v>
      </c>
      <c r="B100341" s="14" t="s">
        <v>1</v>
      </c>
      <c r="C100341" s="14" t="s">
        <v>47</v>
      </c>
      <c r="D100341" s="14" t="s">
        <v>420</v>
      </c>
      <c r="E100341" s="15">
        <v>45707</v>
      </c>
      <c r="F100341" s="14" t="s">
        <v>61</v>
      </c>
      <c r="G100341" s="16">
        <v>0</v>
      </c>
    </row>
    <row r="100342" spans="1:7" x14ac:dyDescent="0.3">
      <c r="A100342" s="13" t="s">
        <v>493</v>
      </c>
      <c r="B100342" s="14" t="s">
        <v>1</v>
      </c>
      <c r="C100342" s="14" t="s">
        <v>47</v>
      </c>
      <c r="D100342" s="14" t="s">
        <v>420</v>
      </c>
      <c r="E100342" s="15">
        <v>45708</v>
      </c>
      <c r="F100342" s="14" t="s">
        <v>61</v>
      </c>
      <c r="G100342" s="16">
        <v>0</v>
      </c>
    </row>
    <row r="100343" spans="1:7" x14ac:dyDescent="0.3">
      <c r="A100343" s="13" t="s">
        <v>493</v>
      </c>
      <c r="B100343" s="14" t="s">
        <v>1</v>
      </c>
      <c r="C100343" s="14" t="s">
        <v>47</v>
      </c>
      <c r="D100343" s="14" t="s">
        <v>420</v>
      </c>
      <c r="E100343" s="15">
        <v>45709</v>
      </c>
      <c r="F100343" s="14" t="s">
        <v>61</v>
      </c>
      <c r="G100343" s="16">
        <v>0</v>
      </c>
    </row>
    <row r="100344" spans="1:7" x14ac:dyDescent="0.3">
      <c r="A100344" s="13" t="s">
        <v>493</v>
      </c>
      <c r="B100344" s="14" t="s">
        <v>1</v>
      </c>
      <c r="C100344" s="14" t="s">
        <v>47</v>
      </c>
      <c r="D100344" s="14" t="s">
        <v>420</v>
      </c>
      <c r="E100344" s="15">
        <v>45710</v>
      </c>
      <c r="F100344" s="14" t="s">
        <v>61</v>
      </c>
      <c r="G100344" s="16">
        <v>0</v>
      </c>
    </row>
    <row r="100345" spans="1:7" x14ac:dyDescent="0.3">
      <c r="A100345" s="13" t="s">
        <v>493</v>
      </c>
      <c r="B100345" s="14" t="s">
        <v>1</v>
      </c>
      <c r="C100345" s="14" t="s">
        <v>47</v>
      </c>
      <c r="D100345" s="14" t="s">
        <v>420</v>
      </c>
      <c r="E100345" s="15">
        <v>45711</v>
      </c>
      <c r="F100345" s="14" t="s">
        <v>61</v>
      </c>
      <c r="G100345" s="16">
        <v>0</v>
      </c>
    </row>
    <row r="100346" spans="1:7" x14ac:dyDescent="0.3">
      <c r="A100346" s="13" t="s">
        <v>493</v>
      </c>
      <c r="B100346" s="14" t="s">
        <v>1</v>
      </c>
      <c r="C100346" s="14" t="s">
        <v>47</v>
      </c>
      <c r="D100346" s="14" t="s">
        <v>420</v>
      </c>
      <c r="E100346" s="15">
        <v>45712</v>
      </c>
      <c r="F100346" s="14" t="s">
        <v>61</v>
      </c>
      <c r="G100346" s="16">
        <v>0</v>
      </c>
    </row>
    <row r="100347" spans="1:7" x14ac:dyDescent="0.3">
      <c r="A100347" s="13" t="s">
        <v>493</v>
      </c>
      <c r="B100347" s="14" t="s">
        <v>1</v>
      </c>
      <c r="C100347" s="14" t="s">
        <v>47</v>
      </c>
      <c r="D100347" s="14" t="s">
        <v>420</v>
      </c>
      <c r="E100347" s="15">
        <v>45713</v>
      </c>
      <c r="F100347" s="14" t="s">
        <v>61</v>
      </c>
      <c r="G100347" s="16">
        <v>0</v>
      </c>
    </row>
    <row r="100348" spans="1:7" x14ac:dyDescent="0.3">
      <c r="A100348" s="13" t="s">
        <v>493</v>
      </c>
      <c r="B100348" s="14" t="s">
        <v>1</v>
      </c>
      <c r="C100348" s="14" t="s">
        <v>47</v>
      </c>
      <c r="D100348" s="14" t="s">
        <v>420</v>
      </c>
      <c r="E100348" s="15">
        <v>45714</v>
      </c>
      <c r="F100348" s="14" t="s">
        <v>61</v>
      </c>
      <c r="G100348" s="16">
        <v>0</v>
      </c>
    </row>
    <row r="100349" spans="1:7" x14ac:dyDescent="0.3">
      <c r="A100349" s="13" t="s">
        <v>493</v>
      </c>
      <c r="B100349" s="14" t="s">
        <v>1</v>
      </c>
      <c r="C100349" s="14" t="s">
        <v>47</v>
      </c>
      <c r="D100349" s="14" t="s">
        <v>420</v>
      </c>
      <c r="E100349" s="15">
        <v>45715</v>
      </c>
      <c r="F100349" s="14" t="s">
        <v>61</v>
      </c>
      <c r="G100349" s="16">
        <v>0</v>
      </c>
    </row>
    <row r="100350" spans="1:7" x14ac:dyDescent="0.3">
      <c r="A100350" s="13" t="s">
        <v>493</v>
      </c>
      <c r="B100350" s="14" t="s">
        <v>1</v>
      </c>
      <c r="C100350" s="14" t="s">
        <v>47</v>
      </c>
      <c r="D100350" s="14" t="s">
        <v>420</v>
      </c>
      <c r="E100350" s="15">
        <v>45716</v>
      </c>
      <c r="F100350" s="14" t="s">
        <v>61</v>
      </c>
      <c r="G100350" s="16">
        <v>0</v>
      </c>
    </row>
    <row r="100351" spans="1:7" x14ac:dyDescent="0.3">
      <c r="A100351" s="13" t="s">
        <v>493</v>
      </c>
      <c r="B100351" s="14" t="s">
        <v>1</v>
      </c>
      <c r="C100351" s="14" t="s">
        <v>47</v>
      </c>
      <c r="D100351" s="14" t="s">
        <v>420</v>
      </c>
      <c r="E100351" s="15">
        <v>45717</v>
      </c>
      <c r="F100351" s="14" t="s">
        <v>61</v>
      </c>
      <c r="G100351" s="16">
        <v>0</v>
      </c>
    </row>
    <row r="100352" spans="1:7" x14ac:dyDescent="0.3">
      <c r="A100352" s="13" t="s">
        <v>493</v>
      </c>
      <c r="B100352" s="14" t="s">
        <v>1</v>
      </c>
      <c r="C100352" s="14" t="s">
        <v>47</v>
      </c>
      <c r="D100352" s="14" t="s">
        <v>420</v>
      </c>
      <c r="E100352" s="15">
        <v>45718</v>
      </c>
      <c r="F100352" s="14" t="s">
        <v>61</v>
      </c>
      <c r="G100352" s="16">
        <v>0</v>
      </c>
    </row>
    <row r="100353" spans="1:7" x14ac:dyDescent="0.3">
      <c r="A100353" s="13" t="s">
        <v>493</v>
      </c>
      <c r="B100353" s="14" t="s">
        <v>1</v>
      </c>
      <c r="C100353" s="14" t="s">
        <v>47</v>
      </c>
      <c r="D100353" s="14" t="s">
        <v>420</v>
      </c>
      <c r="E100353" s="15">
        <v>45719</v>
      </c>
      <c r="F100353" s="14" t="s">
        <v>61</v>
      </c>
      <c r="G100353" s="16">
        <v>0</v>
      </c>
    </row>
    <row r="100354" spans="1:7" x14ac:dyDescent="0.3">
      <c r="A100354" s="13" t="s">
        <v>493</v>
      </c>
      <c r="B100354" s="14" t="s">
        <v>1</v>
      </c>
      <c r="C100354" s="14" t="s">
        <v>47</v>
      </c>
      <c r="D100354" s="14" t="s">
        <v>420</v>
      </c>
      <c r="E100354" s="15">
        <v>45720</v>
      </c>
      <c r="F100354" s="14" t="s">
        <v>61</v>
      </c>
      <c r="G100354" s="16">
        <v>0</v>
      </c>
    </row>
    <row r="100355" spans="1:7" x14ac:dyDescent="0.3">
      <c r="A100355" s="13" t="s">
        <v>493</v>
      </c>
      <c r="B100355" s="14" t="s">
        <v>1</v>
      </c>
      <c r="C100355" s="14" t="s">
        <v>47</v>
      </c>
      <c r="D100355" s="14" t="s">
        <v>420</v>
      </c>
      <c r="E100355" s="15">
        <v>45721</v>
      </c>
      <c r="F100355" s="14" t="s">
        <v>61</v>
      </c>
      <c r="G100355" s="16">
        <v>0</v>
      </c>
    </row>
    <row r="100356" spans="1:7" x14ac:dyDescent="0.3">
      <c r="A100356" s="13" t="s">
        <v>493</v>
      </c>
      <c r="B100356" s="14" t="s">
        <v>1</v>
      </c>
      <c r="C100356" s="14" t="s">
        <v>47</v>
      </c>
      <c r="D100356" s="14" t="s">
        <v>420</v>
      </c>
      <c r="E100356" s="15">
        <v>45722</v>
      </c>
      <c r="F100356" s="14" t="s">
        <v>61</v>
      </c>
      <c r="G100356" s="16">
        <v>0</v>
      </c>
    </row>
    <row r="100357" spans="1:7" x14ac:dyDescent="0.3">
      <c r="A100357" s="13" t="s">
        <v>493</v>
      </c>
      <c r="B100357" s="14" t="s">
        <v>1</v>
      </c>
      <c r="C100357" s="14" t="s">
        <v>47</v>
      </c>
      <c r="D100357" s="14" t="s">
        <v>420</v>
      </c>
      <c r="E100357" s="15">
        <v>45723</v>
      </c>
      <c r="F100357" s="14" t="s">
        <v>61</v>
      </c>
      <c r="G100357" s="16">
        <v>0</v>
      </c>
    </row>
    <row r="100358" spans="1:7" x14ac:dyDescent="0.3">
      <c r="A100358" s="13" t="s">
        <v>493</v>
      </c>
      <c r="B100358" s="14" t="s">
        <v>1</v>
      </c>
      <c r="C100358" s="14" t="s">
        <v>47</v>
      </c>
      <c r="D100358" s="14" t="s">
        <v>420</v>
      </c>
      <c r="E100358" s="15">
        <v>45724</v>
      </c>
      <c r="F100358" s="14" t="s">
        <v>61</v>
      </c>
      <c r="G100358" s="16">
        <v>0</v>
      </c>
    </row>
    <row r="100359" spans="1:7" x14ac:dyDescent="0.3">
      <c r="A100359" s="13" t="s">
        <v>493</v>
      </c>
      <c r="B100359" s="14" t="s">
        <v>1</v>
      </c>
      <c r="C100359" s="14" t="s">
        <v>47</v>
      </c>
      <c r="D100359" s="14" t="s">
        <v>420</v>
      </c>
      <c r="E100359" s="15">
        <v>45725</v>
      </c>
      <c r="F100359" s="14" t="s">
        <v>61</v>
      </c>
      <c r="G100359" s="16">
        <v>0</v>
      </c>
    </row>
    <row r="100360" spans="1:7" x14ac:dyDescent="0.3">
      <c r="A100360" s="13" t="s">
        <v>493</v>
      </c>
      <c r="B100360" s="14" t="s">
        <v>1</v>
      </c>
      <c r="C100360" s="14" t="s">
        <v>47</v>
      </c>
      <c r="D100360" s="14" t="s">
        <v>420</v>
      </c>
      <c r="E100360" s="15">
        <v>45726</v>
      </c>
      <c r="F100360" s="14" t="s">
        <v>61</v>
      </c>
      <c r="G100360" s="16">
        <v>0</v>
      </c>
    </row>
    <row r="100361" spans="1:7" x14ac:dyDescent="0.3">
      <c r="A100361" s="13" t="s">
        <v>493</v>
      </c>
      <c r="B100361" s="14" t="s">
        <v>1</v>
      </c>
      <c r="C100361" s="14" t="s">
        <v>47</v>
      </c>
      <c r="D100361" s="14" t="s">
        <v>420</v>
      </c>
      <c r="E100361" s="15">
        <v>45727</v>
      </c>
      <c r="F100361" s="14" t="s">
        <v>61</v>
      </c>
      <c r="G100361" s="16">
        <v>0</v>
      </c>
    </row>
    <row r="100362" spans="1:7" x14ac:dyDescent="0.3">
      <c r="A100362" s="13" t="s">
        <v>493</v>
      </c>
      <c r="B100362" s="14" t="s">
        <v>1</v>
      </c>
      <c r="C100362" s="14" t="s">
        <v>47</v>
      </c>
      <c r="D100362" s="14" t="s">
        <v>420</v>
      </c>
      <c r="E100362" s="15">
        <v>45728</v>
      </c>
      <c r="F100362" s="14" t="s">
        <v>61</v>
      </c>
      <c r="G100362" s="16">
        <v>0</v>
      </c>
    </row>
    <row r="100363" spans="1:7" x14ac:dyDescent="0.3">
      <c r="A100363" s="13" t="s">
        <v>493</v>
      </c>
      <c r="B100363" s="14" t="s">
        <v>1</v>
      </c>
      <c r="C100363" s="14" t="s">
        <v>47</v>
      </c>
      <c r="D100363" s="14" t="s">
        <v>420</v>
      </c>
      <c r="E100363" s="15">
        <v>45729</v>
      </c>
      <c r="F100363" s="14" t="s">
        <v>61</v>
      </c>
      <c r="G100363" s="16">
        <v>0</v>
      </c>
    </row>
    <row r="100364" spans="1:7" x14ac:dyDescent="0.3">
      <c r="A100364" s="13" t="s">
        <v>493</v>
      </c>
      <c r="B100364" s="14" t="s">
        <v>1</v>
      </c>
      <c r="C100364" s="14" t="s">
        <v>47</v>
      </c>
      <c r="D100364" s="14" t="s">
        <v>420</v>
      </c>
      <c r="E100364" s="15">
        <v>45730</v>
      </c>
      <c r="F100364" s="14" t="s">
        <v>61</v>
      </c>
      <c r="G100364" s="16">
        <v>0</v>
      </c>
    </row>
    <row r="100365" spans="1:7" x14ac:dyDescent="0.3">
      <c r="A100365" s="13" t="s">
        <v>493</v>
      </c>
      <c r="B100365" s="14" t="s">
        <v>1</v>
      </c>
      <c r="C100365" s="14" t="s">
        <v>47</v>
      </c>
      <c r="D100365" s="14" t="s">
        <v>420</v>
      </c>
      <c r="E100365" s="15">
        <v>45731</v>
      </c>
      <c r="F100365" s="14" t="s">
        <v>61</v>
      </c>
      <c r="G100365" s="16">
        <v>0</v>
      </c>
    </row>
    <row r="100366" spans="1:7" x14ac:dyDescent="0.3">
      <c r="A100366" s="13" t="s">
        <v>493</v>
      </c>
      <c r="B100366" s="14" t="s">
        <v>1</v>
      </c>
      <c r="C100366" s="14" t="s">
        <v>47</v>
      </c>
      <c r="D100366" s="14" t="s">
        <v>420</v>
      </c>
      <c r="E100366" s="15">
        <v>45732</v>
      </c>
      <c r="F100366" s="14" t="s">
        <v>61</v>
      </c>
      <c r="G100366" s="16">
        <v>0</v>
      </c>
    </row>
    <row r="100367" spans="1:7" x14ac:dyDescent="0.3">
      <c r="A100367" s="13" t="s">
        <v>493</v>
      </c>
      <c r="B100367" s="14" t="s">
        <v>1</v>
      </c>
      <c r="C100367" s="14" t="s">
        <v>47</v>
      </c>
      <c r="D100367" s="14" t="s">
        <v>420</v>
      </c>
      <c r="E100367" s="15">
        <v>45733</v>
      </c>
      <c r="F100367" s="14" t="s">
        <v>61</v>
      </c>
      <c r="G100367" s="16">
        <v>0</v>
      </c>
    </row>
    <row r="100368" spans="1:7" x14ac:dyDescent="0.3">
      <c r="A100368" s="13" t="s">
        <v>493</v>
      </c>
      <c r="B100368" s="14" t="s">
        <v>1</v>
      </c>
      <c r="C100368" s="14" t="s">
        <v>47</v>
      </c>
      <c r="D100368" s="14" t="s">
        <v>420</v>
      </c>
      <c r="E100368" s="15">
        <v>45734</v>
      </c>
      <c r="F100368" s="14" t="s">
        <v>61</v>
      </c>
      <c r="G100368" s="16">
        <v>0</v>
      </c>
    </row>
    <row r="100369" spans="1:7" x14ac:dyDescent="0.3">
      <c r="A100369" s="13" t="s">
        <v>493</v>
      </c>
      <c r="B100369" s="14" t="s">
        <v>1</v>
      </c>
      <c r="C100369" s="14" t="s">
        <v>47</v>
      </c>
      <c r="D100369" s="14" t="s">
        <v>420</v>
      </c>
      <c r="E100369" s="15">
        <v>45735</v>
      </c>
      <c r="F100369" s="14" t="s">
        <v>61</v>
      </c>
      <c r="G100369" s="16">
        <v>0</v>
      </c>
    </row>
    <row r="100370" spans="1:7" x14ac:dyDescent="0.3">
      <c r="A100370" s="13" t="s">
        <v>493</v>
      </c>
      <c r="B100370" s="14" t="s">
        <v>1</v>
      </c>
      <c r="C100370" s="14" t="s">
        <v>47</v>
      </c>
      <c r="D100370" s="14" t="s">
        <v>420</v>
      </c>
      <c r="E100370" s="15">
        <v>45736</v>
      </c>
      <c r="F100370" s="14" t="s">
        <v>61</v>
      </c>
      <c r="G100370" s="16">
        <v>0</v>
      </c>
    </row>
    <row r="100371" spans="1:7" x14ac:dyDescent="0.3">
      <c r="A100371" s="13" t="s">
        <v>493</v>
      </c>
      <c r="B100371" s="14" t="s">
        <v>1</v>
      </c>
      <c r="C100371" s="14" t="s">
        <v>47</v>
      </c>
      <c r="D100371" s="14" t="s">
        <v>420</v>
      </c>
      <c r="E100371" s="15">
        <v>45737</v>
      </c>
      <c r="F100371" s="14" t="s">
        <v>61</v>
      </c>
      <c r="G100371" s="16">
        <v>0</v>
      </c>
    </row>
    <row r="100372" spans="1:7" x14ac:dyDescent="0.3">
      <c r="A100372" s="13" t="s">
        <v>493</v>
      </c>
      <c r="B100372" s="14" t="s">
        <v>1</v>
      </c>
      <c r="C100372" s="14" t="s">
        <v>47</v>
      </c>
      <c r="D100372" s="14" t="s">
        <v>420</v>
      </c>
      <c r="E100372" s="15">
        <v>45738</v>
      </c>
      <c r="F100372" s="14" t="s">
        <v>61</v>
      </c>
      <c r="G100372" s="16">
        <v>0</v>
      </c>
    </row>
    <row r="100373" spans="1:7" x14ac:dyDescent="0.3">
      <c r="A100373" s="13" t="s">
        <v>493</v>
      </c>
      <c r="B100373" s="14" t="s">
        <v>1</v>
      </c>
      <c r="C100373" s="14" t="s">
        <v>47</v>
      </c>
      <c r="D100373" s="14" t="s">
        <v>420</v>
      </c>
      <c r="E100373" s="15">
        <v>45739</v>
      </c>
      <c r="F100373" s="14" t="s">
        <v>61</v>
      </c>
      <c r="G100373" s="16">
        <v>0</v>
      </c>
    </row>
    <row r="100374" spans="1:7" x14ac:dyDescent="0.3">
      <c r="A100374" s="13" t="s">
        <v>493</v>
      </c>
      <c r="B100374" s="14" t="s">
        <v>1</v>
      </c>
      <c r="C100374" s="14" t="s">
        <v>47</v>
      </c>
      <c r="D100374" s="14" t="s">
        <v>420</v>
      </c>
      <c r="E100374" s="15">
        <v>45740</v>
      </c>
      <c r="F100374" s="14" t="s">
        <v>61</v>
      </c>
      <c r="G100374" s="16">
        <v>0</v>
      </c>
    </row>
    <row r="100375" spans="1:7" x14ac:dyDescent="0.3">
      <c r="A100375" s="13" t="s">
        <v>493</v>
      </c>
      <c r="B100375" s="14" t="s">
        <v>1</v>
      </c>
      <c r="C100375" s="14" t="s">
        <v>47</v>
      </c>
      <c r="D100375" s="14" t="s">
        <v>420</v>
      </c>
      <c r="E100375" s="15">
        <v>45741</v>
      </c>
      <c r="F100375" s="14" t="s">
        <v>61</v>
      </c>
      <c r="G100375" s="16">
        <v>0</v>
      </c>
    </row>
    <row r="100376" spans="1:7" x14ac:dyDescent="0.3">
      <c r="A100376" s="13" t="s">
        <v>493</v>
      </c>
      <c r="B100376" s="14" t="s">
        <v>1</v>
      </c>
      <c r="C100376" s="14" t="s">
        <v>47</v>
      </c>
      <c r="D100376" s="14" t="s">
        <v>420</v>
      </c>
      <c r="E100376" s="15">
        <v>45742</v>
      </c>
      <c r="F100376" s="14" t="s">
        <v>61</v>
      </c>
      <c r="G100376" s="16">
        <v>0</v>
      </c>
    </row>
    <row r="100377" spans="1:7" x14ac:dyDescent="0.3">
      <c r="A100377" s="13" t="s">
        <v>493</v>
      </c>
      <c r="B100377" s="14" t="s">
        <v>1</v>
      </c>
      <c r="C100377" s="14" t="s">
        <v>47</v>
      </c>
      <c r="D100377" s="14" t="s">
        <v>420</v>
      </c>
      <c r="E100377" s="15">
        <v>45743</v>
      </c>
      <c r="F100377" s="14" t="s">
        <v>61</v>
      </c>
      <c r="G100377" s="16">
        <v>0</v>
      </c>
    </row>
    <row r="100378" spans="1:7" x14ac:dyDescent="0.3">
      <c r="A100378" s="13" t="s">
        <v>493</v>
      </c>
      <c r="B100378" s="14" t="s">
        <v>1</v>
      </c>
      <c r="C100378" s="14" t="s">
        <v>47</v>
      </c>
      <c r="D100378" s="14" t="s">
        <v>420</v>
      </c>
      <c r="E100378" s="15">
        <v>45744</v>
      </c>
      <c r="F100378" s="14" t="s">
        <v>61</v>
      </c>
      <c r="G100378" s="16">
        <v>0</v>
      </c>
    </row>
    <row r="100379" spans="1:7" x14ac:dyDescent="0.3">
      <c r="A100379" s="13" t="s">
        <v>493</v>
      </c>
      <c r="B100379" s="14" t="s">
        <v>1</v>
      </c>
      <c r="C100379" s="14" t="s">
        <v>47</v>
      </c>
      <c r="D100379" s="14" t="s">
        <v>420</v>
      </c>
      <c r="E100379" s="15">
        <v>45745</v>
      </c>
      <c r="F100379" s="14" t="s">
        <v>61</v>
      </c>
      <c r="G100379" s="16">
        <v>0</v>
      </c>
    </row>
    <row r="100380" spans="1:7" x14ac:dyDescent="0.3">
      <c r="A100380" s="13" t="s">
        <v>493</v>
      </c>
      <c r="B100380" s="14" t="s">
        <v>1</v>
      </c>
      <c r="C100380" s="14" t="s">
        <v>47</v>
      </c>
      <c r="D100380" s="14" t="s">
        <v>420</v>
      </c>
      <c r="E100380" s="15">
        <v>45746</v>
      </c>
      <c r="F100380" s="14" t="s">
        <v>61</v>
      </c>
      <c r="G100380" s="16">
        <v>0</v>
      </c>
    </row>
    <row r="100381" spans="1:7" x14ac:dyDescent="0.3">
      <c r="A100381" s="13" t="s">
        <v>493</v>
      </c>
      <c r="B100381" s="14" t="s">
        <v>1</v>
      </c>
      <c r="C100381" s="14" t="s">
        <v>47</v>
      </c>
      <c r="D100381" s="14" t="s">
        <v>420</v>
      </c>
      <c r="E100381" s="15">
        <v>45747</v>
      </c>
      <c r="F100381" s="14" t="s">
        <v>61</v>
      </c>
      <c r="G100381" s="16">
        <v>0</v>
      </c>
    </row>
    <row r="100382" spans="1:7" x14ac:dyDescent="0.3">
      <c r="A100382" s="13" t="s">
        <v>494</v>
      </c>
      <c r="B100382" s="14" t="s">
        <v>1</v>
      </c>
      <c r="C100382" s="14" t="s">
        <v>41</v>
      </c>
      <c r="D100382" s="14" t="s">
        <v>495</v>
      </c>
      <c r="E100382" s="15">
        <v>45383</v>
      </c>
      <c r="F100382" s="14" t="s">
        <v>15</v>
      </c>
      <c r="G100382" s="16">
        <v>0</v>
      </c>
    </row>
    <row r="100383" spans="1:7" x14ac:dyDescent="0.3">
      <c r="A100383" s="13" t="s">
        <v>494</v>
      </c>
      <c r="B100383" s="14" t="s">
        <v>1</v>
      </c>
      <c r="C100383" s="14" t="s">
        <v>41</v>
      </c>
      <c r="D100383" s="14" t="s">
        <v>495</v>
      </c>
      <c r="E100383" s="15">
        <v>45384</v>
      </c>
      <c r="F100383" s="14" t="s">
        <v>15</v>
      </c>
      <c r="G100383" s="16">
        <v>0</v>
      </c>
    </row>
    <row r="100384" spans="1:7" x14ac:dyDescent="0.3">
      <c r="A100384" s="13" t="s">
        <v>494</v>
      </c>
      <c r="B100384" s="14" t="s">
        <v>1</v>
      </c>
      <c r="C100384" s="14" t="s">
        <v>41</v>
      </c>
      <c r="D100384" s="14" t="s">
        <v>495</v>
      </c>
      <c r="E100384" s="15">
        <v>45385</v>
      </c>
      <c r="F100384" s="14" t="s">
        <v>15</v>
      </c>
      <c r="G100384" s="16">
        <v>0</v>
      </c>
    </row>
    <row r="100385" spans="1:7" x14ac:dyDescent="0.3">
      <c r="A100385" s="13" t="s">
        <v>494</v>
      </c>
      <c r="B100385" s="14" t="s">
        <v>1</v>
      </c>
      <c r="C100385" s="14" t="s">
        <v>41</v>
      </c>
      <c r="D100385" s="14" t="s">
        <v>495</v>
      </c>
      <c r="E100385" s="15">
        <v>45386</v>
      </c>
      <c r="F100385" s="14" t="s">
        <v>15</v>
      </c>
      <c r="G100385" s="16">
        <v>0</v>
      </c>
    </row>
    <row r="100386" spans="1:7" x14ac:dyDescent="0.3">
      <c r="A100386" s="13" t="s">
        <v>494</v>
      </c>
      <c r="B100386" s="14" t="s">
        <v>1</v>
      </c>
      <c r="C100386" s="14" t="s">
        <v>41</v>
      </c>
      <c r="D100386" s="14" t="s">
        <v>495</v>
      </c>
      <c r="E100386" s="15">
        <v>45387</v>
      </c>
      <c r="F100386" s="14" t="s">
        <v>15</v>
      </c>
      <c r="G100386" s="16">
        <v>0</v>
      </c>
    </row>
    <row r="100387" spans="1:7" x14ac:dyDescent="0.3">
      <c r="A100387" s="13" t="s">
        <v>494</v>
      </c>
      <c r="B100387" s="14" t="s">
        <v>1</v>
      </c>
      <c r="C100387" s="14" t="s">
        <v>41</v>
      </c>
      <c r="D100387" s="14" t="s">
        <v>495</v>
      </c>
      <c r="E100387" s="15">
        <v>45388</v>
      </c>
      <c r="F100387" s="14" t="s">
        <v>15</v>
      </c>
      <c r="G100387" s="16">
        <v>0</v>
      </c>
    </row>
    <row r="100388" spans="1:7" x14ac:dyDescent="0.3">
      <c r="A100388" s="13" t="s">
        <v>494</v>
      </c>
      <c r="B100388" s="14" t="s">
        <v>1</v>
      </c>
      <c r="C100388" s="14" t="s">
        <v>41</v>
      </c>
      <c r="D100388" s="14" t="s">
        <v>495</v>
      </c>
      <c r="E100388" s="15">
        <v>45389</v>
      </c>
      <c r="F100388" s="14" t="s">
        <v>15</v>
      </c>
      <c r="G100388" s="16">
        <v>0</v>
      </c>
    </row>
    <row r="100389" spans="1:7" x14ac:dyDescent="0.3">
      <c r="A100389" s="13" t="s">
        <v>494</v>
      </c>
      <c r="B100389" s="14" t="s">
        <v>1</v>
      </c>
      <c r="C100389" s="14" t="s">
        <v>41</v>
      </c>
      <c r="D100389" s="14" t="s">
        <v>495</v>
      </c>
      <c r="E100389" s="15">
        <v>45390</v>
      </c>
      <c r="F100389" s="14" t="s">
        <v>15</v>
      </c>
      <c r="G100389" s="16">
        <v>0</v>
      </c>
    </row>
    <row r="100390" spans="1:7" x14ac:dyDescent="0.3">
      <c r="A100390" s="13" t="s">
        <v>494</v>
      </c>
      <c r="B100390" s="14" t="s">
        <v>1</v>
      </c>
      <c r="C100390" s="14" t="s">
        <v>41</v>
      </c>
      <c r="D100390" s="14" t="s">
        <v>495</v>
      </c>
      <c r="E100390" s="15">
        <v>45391</v>
      </c>
      <c r="F100390" s="14" t="s">
        <v>15</v>
      </c>
      <c r="G100390" s="16">
        <v>0</v>
      </c>
    </row>
    <row r="100391" spans="1:7" x14ac:dyDescent="0.3">
      <c r="A100391" s="13" t="s">
        <v>494</v>
      </c>
      <c r="B100391" s="14" t="s">
        <v>1</v>
      </c>
      <c r="C100391" s="14" t="s">
        <v>41</v>
      </c>
      <c r="D100391" s="14" t="s">
        <v>495</v>
      </c>
      <c r="E100391" s="15">
        <v>45392</v>
      </c>
      <c r="F100391" s="14" t="s">
        <v>15</v>
      </c>
      <c r="G100391" s="16">
        <v>0</v>
      </c>
    </row>
    <row r="100392" spans="1:7" x14ac:dyDescent="0.3">
      <c r="A100392" s="13" t="s">
        <v>494</v>
      </c>
      <c r="B100392" s="14" t="s">
        <v>1</v>
      </c>
      <c r="C100392" s="14" t="s">
        <v>41</v>
      </c>
      <c r="D100392" s="14" t="s">
        <v>495</v>
      </c>
      <c r="E100392" s="15">
        <v>45393</v>
      </c>
      <c r="F100392" s="14" t="s">
        <v>15</v>
      </c>
      <c r="G100392" s="16">
        <v>0</v>
      </c>
    </row>
    <row r="100393" spans="1:7" x14ac:dyDescent="0.3">
      <c r="A100393" s="13" t="s">
        <v>494</v>
      </c>
      <c r="B100393" s="14" t="s">
        <v>1</v>
      </c>
      <c r="C100393" s="14" t="s">
        <v>41</v>
      </c>
      <c r="D100393" s="14" t="s">
        <v>495</v>
      </c>
      <c r="E100393" s="15">
        <v>45394</v>
      </c>
      <c r="F100393" s="14" t="s">
        <v>15</v>
      </c>
      <c r="G100393" s="16">
        <v>0</v>
      </c>
    </row>
    <row r="100394" spans="1:7" x14ac:dyDescent="0.3">
      <c r="A100394" s="13" t="s">
        <v>494</v>
      </c>
      <c r="B100394" s="14" t="s">
        <v>1</v>
      </c>
      <c r="C100394" s="14" t="s">
        <v>41</v>
      </c>
      <c r="D100394" s="14" t="s">
        <v>495</v>
      </c>
      <c r="E100394" s="15">
        <v>45395</v>
      </c>
      <c r="F100394" s="14" t="s">
        <v>15</v>
      </c>
      <c r="G100394" s="16">
        <v>0</v>
      </c>
    </row>
    <row r="100395" spans="1:7" x14ac:dyDescent="0.3">
      <c r="A100395" s="13" t="s">
        <v>494</v>
      </c>
      <c r="B100395" s="14" t="s">
        <v>1</v>
      </c>
      <c r="C100395" s="14" t="s">
        <v>41</v>
      </c>
      <c r="D100395" s="14" t="s">
        <v>495</v>
      </c>
      <c r="E100395" s="15">
        <v>45396</v>
      </c>
      <c r="F100395" s="14" t="s">
        <v>15</v>
      </c>
      <c r="G100395" s="16">
        <v>0</v>
      </c>
    </row>
    <row r="100396" spans="1:7" x14ac:dyDescent="0.3">
      <c r="A100396" s="13" t="s">
        <v>494</v>
      </c>
      <c r="B100396" s="14" t="s">
        <v>1</v>
      </c>
      <c r="C100396" s="14" t="s">
        <v>41</v>
      </c>
      <c r="D100396" s="14" t="s">
        <v>495</v>
      </c>
      <c r="E100396" s="15">
        <v>45397</v>
      </c>
      <c r="F100396" s="14" t="s">
        <v>15</v>
      </c>
      <c r="G100396" s="16">
        <v>0</v>
      </c>
    </row>
    <row r="100397" spans="1:7" x14ac:dyDescent="0.3">
      <c r="A100397" s="13" t="s">
        <v>494</v>
      </c>
      <c r="B100397" s="14" t="s">
        <v>1</v>
      </c>
      <c r="C100397" s="14" t="s">
        <v>41</v>
      </c>
      <c r="D100397" s="14" t="s">
        <v>495</v>
      </c>
      <c r="E100397" s="15">
        <v>45398</v>
      </c>
      <c r="F100397" s="14" t="s">
        <v>15</v>
      </c>
      <c r="G100397" s="16">
        <v>0</v>
      </c>
    </row>
    <row r="100398" spans="1:7" x14ac:dyDescent="0.3">
      <c r="A100398" s="13" t="s">
        <v>494</v>
      </c>
      <c r="B100398" s="14" t="s">
        <v>1</v>
      </c>
      <c r="C100398" s="14" t="s">
        <v>41</v>
      </c>
      <c r="D100398" s="14" t="s">
        <v>495</v>
      </c>
      <c r="E100398" s="15">
        <v>45399</v>
      </c>
      <c r="F100398" s="14" t="s">
        <v>15</v>
      </c>
      <c r="G100398" s="16">
        <v>0</v>
      </c>
    </row>
    <row r="100399" spans="1:7" x14ac:dyDescent="0.3">
      <c r="A100399" s="13" t="s">
        <v>494</v>
      </c>
      <c r="B100399" s="14" t="s">
        <v>1</v>
      </c>
      <c r="C100399" s="14" t="s">
        <v>41</v>
      </c>
      <c r="D100399" s="14" t="s">
        <v>495</v>
      </c>
      <c r="E100399" s="15">
        <v>45400</v>
      </c>
      <c r="F100399" s="14" t="s">
        <v>15</v>
      </c>
      <c r="G100399" s="16">
        <v>0</v>
      </c>
    </row>
    <row r="100400" spans="1:7" x14ac:dyDescent="0.3">
      <c r="A100400" s="13" t="s">
        <v>494</v>
      </c>
      <c r="B100400" s="14" t="s">
        <v>1</v>
      </c>
      <c r="C100400" s="14" t="s">
        <v>41</v>
      </c>
      <c r="D100400" s="14" t="s">
        <v>495</v>
      </c>
      <c r="E100400" s="15">
        <v>45401</v>
      </c>
      <c r="F100400" s="14" t="s">
        <v>15</v>
      </c>
      <c r="G100400" s="16">
        <v>0</v>
      </c>
    </row>
    <row r="100401" spans="1:7" x14ac:dyDescent="0.3">
      <c r="A100401" s="13" t="s">
        <v>494</v>
      </c>
      <c r="B100401" s="14" t="s">
        <v>1</v>
      </c>
      <c r="C100401" s="14" t="s">
        <v>41</v>
      </c>
      <c r="D100401" s="14" t="s">
        <v>495</v>
      </c>
      <c r="E100401" s="15">
        <v>45402</v>
      </c>
      <c r="F100401" s="14" t="s">
        <v>15</v>
      </c>
      <c r="G100401" s="16">
        <v>0</v>
      </c>
    </row>
    <row r="100402" spans="1:7" x14ac:dyDescent="0.3">
      <c r="A100402" s="13" t="s">
        <v>494</v>
      </c>
      <c r="B100402" s="14" t="s">
        <v>1</v>
      </c>
      <c r="C100402" s="14" t="s">
        <v>41</v>
      </c>
      <c r="D100402" s="14" t="s">
        <v>495</v>
      </c>
      <c r="E100402" s="15">
        <v>45403</v>
      </c>
      <c r="F100402" s="14" t="s">
        <v>15</v>
      </c>
      <c r="G100402" s="16">
        <v>0</v>
      </c>
    </row>
    <row r="100403" spans="1:7" x14ac:dyDescent="0.3">
      <c r="A100403" s="13" t="s">
        <v>494</v>
      </c>
      <c r="B100403" s="14" t="s">
        <v>1</v>
      </c>
      <c r="C100403" s="14" t="s">
        <v>41</v>
      </c>
      <c r="D100403" s="14" t="s">
        <v>495</v>
      </c>
      <c r="E100403" s="15">
        <v>45404</v>
      </c>
      <c r="F100403" s="14" t="s">
        <v>15</v>
      </c>
      <c r="G100403" s="16">
        <v>0</v>
      </c>
    </row>
    <row r="100404" spans="1:7" x14ac:dyDescent="0.3">
      <c r="A100404" s="13" t="s">
        <v>494</v>
      </c>
      <c r="B100404" s="14" t="s">
        <v>1</v>
      </c>
      <c r="C100404" s="14" t="s">
        <v>41</v>
      </c>
      <c r="D100404" s="14" t="s">
        <v>495</v>
      </c>
      <c r="E100404" s="15">
        <v>45405</v>
      </c>
      <c r="F100404" s="14" t="s">
        <v>15</v>
      </c>
      <c r="G100404" s="16">
        <v>0</v>
      </c>
    </row>
    <row r="100405" spans="1:7" x14ac:dyDescent="0.3">
      <c r="A100405" s="13" t="s">
        <v>494</v>
      </c>
      <c r="B100405" s="14" t="s">
        <v>1</v>
      </c>
      <c r="C100405" s="14" t="s">
        <v>41</v>
      </c>
      <c r="D100405" s="14" t="s">
        <v>495</v>
      </c>
      <c r="E100405" s="15">
        <v>45406</v>
      </c>
      <c r="F100405" s="14" t="s">
        <v>15</v>
      </c>
      <c r="G100405" s="16">
        <v>0</v>
      </c>
    </row>
    <row r="100406" spans="1:7" x14ac:dyDescent="0.3">
      <c r="A100406" s="13" t="s">
        <v>494</v>
      </c>
      <c r="B100406" s="14" t="s">
        <v>1</v>
      </c>
      <c r="C100406" s="14" t="s">
        <v>41</v>
      </c>
      <c r="D100406" s="14" t="s">
        <v>495</v>
      </c>
      <c r="E100406" s="15">
        <v>45407</v>
      </c>
      <c r="F100406" s="14" t="s">
        <v>15</v>
      </c>
      <c r="G100406" s="16">
        <v>0</v>
      </c>
    </row>
    <row r="100407" spans="1:7" x14ac:dyDescent="0.3">
      <c r="A100407" s="13" t="s">
        <v>494</v>
      </c>
      <c r="B100407" s="14" t="s">
        <v>1</v>
      </c>
      <c r="C100407" s="14" t="s">
        <v>41</v>
      </c>
      <c r="D100407" s="14" t="s">
        <v>495</v>
      </c>
      <c r="E100407" s="15">
        <v>45408</v>
      </c>
      <c r="F100407" s="14" t="s">
        <v>15</v>
      </c>
      <c r="G100407" s="16">
        <v>0</v>
      </c>
    </row>
    <row r="100408" spans="1:7" x14ac:dyDescent="0.3">
      <c r="A100408" s="13" t="s">
        <v>494</v>
      </c>
      <c r="B100408" s="14" t="s">
        <v>1</v>
      </c>
      <c r="C100408" s="14" t="s">
        <v>41</v>
      </c>
      <c r="D100408" s="14" t="s">
        <v>495</v>
      </c>
      <c r="E100408" s="15">
        <v>45409</v>
      </c>
      <c r="F100408" s="14" t="s">
        <v>15</v>
      </c>
      <c r="G100408" s="16">
        <v>0</v>
      </c>
    </row>
    <row r="100409" spans="1:7" x14ac:dyDescent="0.3">
      <c r="A100409" s="13" t="s">
        <v>494</v>
      </c>
      <c r="B100409" s="14" t="s">
        <v>1</v>
      </c>
      <c r="C100409" s="14" t="s">
        <v>41</v>
      </c>
      <c r="D100409" s="14" t="s">
        <v>495</v>
      </c>
      <c r="E100409" s="15">
        <v>45410</v>
      </c>
      <c r="F100409" s="14" t="s">
        <v>15</v>
      </c>
      <c r="G100409" s="16">
        <v>0</v>
      </c>
    </row>
    <row r="100410" spans="1:7" x14ac:dyDescent="0.3">
      <c r="A100410" s="13" t="s">
        <v>494</v>
      </c>
      <c r="B100410" s="14" t="s">
        <v>1</v>
      </c>
      <c r="C100410" s="14" t="s">
        <v>41</v>
      </c>
      <c r="D100410" s="14" t="s">
        <v>495</v>
      </c>
      <c r="E100410" s="15">
        <v>45411</v>
      </c>
      <c r="F100410" s="14" t="s">
        <v>15</v>
      </c>
      <c r="G100410" s="16">
        <v>0</v>
      </c>
    </row>
    <row r="100411" spans="1:7" x14ac:dyDescent="0.3">
      <c r="A100411" s="13" t="s">
        <v>494</v>
      </c>
      <c r="B100411" s="14" t="s">
        <v>1</v>
      </c>
      <c r="C100411" s="14" t="s">
        <v>41</v>
      </c>
      <c r="D100411" s="14" t="s">
        <v>495</v>
      </c>
      <c r="E100411" s="15">
        <v>45412</v>
      </c>
      <c r="F100411" s="14" t="s">
        <v>15</v>
      </c>
      <c r="G100411" s="16">
        <v>0</v>
      </c>
    </row>
    <row r="100412" spans="1:7" x14ac:dyDescent="0.3">
      <c r="A100412" s="13" t="s">
        <v>494</v>
      </c>
      <c r="B100412" s="14" t="s">
        <v>1</v>
      </c>
      <c r="C100412" s="14" t="s">
        <v>41</v>
      </c>
      <c r="D100412" s="14" t="s">
        <v>495</v>
      </c>
      <c r="E100412" s="15">
        <v>45413</v>
      </c>
      <c r="F100412" s="14" t="s">
        <v>15</v>
      </c>
      <c r="G100412" s="16">
        <v>0</v>
      </c>
    </row>
    <row r="100413" spans="1:7" x14ac:dyDescent="0.3">
      <c r="A100413" s="13" t="s">
        <v>494</v>
      </c>
      <c r="B100413" s="14" t="s">
        <v>1</v>
      </c>
      <c r="C100413" s="14" t="s">
        <v>41</v>
      </c>
      <c r="D100413" s="14" t="s">
        <v>495</v>
      </c>
      <c r="E100413" s="15">
        <v>45414</v>
      </c>
      <c r="F100413" s="14" t="s">
        <v>15</v>
      </c>
      <c r="G100413" s="16">
        <v>0</v>
      </c>
    </row>
    <row r="100414" spans="1:7" x14ac:dyDescent="0.3">
      <c r="A100414" s="13" t="s">
        <v>494</v>
      </c>
      <c r="B100414" s="14" t="s">
        <v>1</v>
      </c>
      <c r="C100414" s="14" t="s">
        <v>41</v>
      </c>
      <c r="D100414" s="14" t="s">
        <v>495</v>
      </c>
      <c r="E100414" s="15">
        <v>45415</v>
      </c>
      <c r="F100414" s="14" t="s">
        <v>15</v>
      </c>
      <c r="G100414" s="16">
        <v>0</v>
      </c>
    </row>
    <row r="100415" spans="1:7" x14ac:dyDescent="0.3">
      <c r="A100415" s="13" t="s">
        <v>494</v>
      </c>
      <c r="B100415" s="14" t="s">
        <v>1</v>
      </c>
      <c r="C100415" s="14" t="s">
        <v>41</v>
      </c>
      <c r="D100415" s="14" t="s">
        <v>495</v>
      </c>
      <c r="E100415" s="15">
        <v>45416</v>
      </c>
      <c r="F100415" s="14" t="s">
        <v>15</v>
      </c>
      <c r="G100415" s="16">
        <v>0</v>
      </c>
    </row>
    <row r="100416" spans="1:7" x14ac:dyDescent="0.3">
      <c r="A100416" s="13" t="s">
        <v>494</v>
      </c>
      <c r="B100416" s="14" t="s">
        <v>1</v>
      </c>
      <c r="C100416" s="14" t="s">
        <v>41</v>
      </c>
      <c r="D100416" s="14" t="s">
        <v>495</v>
      </c>
      <c r="E100416" s="15">
        <v>45417</v>
      </c>
      <c r="F100416" s="14" t="s">
        <v>15</v>
      </c>
      <c r="G100416" s="16">
        <v>0</v>
      </c>
    </row>
    <row r="100417" spans="1:7" x14ac:dyDescent="0.3">
      <c r="A100417" s="13" t="s">
        <v>494</v>
      </c>
      <c r="B100417" s="14" t="s">
        <v>1</v>
      </c>
      <c r="C100417" s="14" t="s">
        <v>41</v>
      </c>
      <c r="D100417" s="14" t="s">
        <v>495</v>
      </c>
      <c r="E100417" s="15">
        <v>45418</v>
      </c>
      <c r="F100417" s="14" t="s">
        <v>15</v>
      </c>
      <c r="G100417" s="16">
        <v>0</v>
      </c>
    </row>
    <row r="100418" spans="1:7" x14ac:dyDescent="0.3">
      <c r="A100418" s="13" t="s">
        <v>494</v>
      </c>
      <c r="B100418" s="14" t="s">
        <v>1</v>
      </c>
      <c r="C100418" s="14" t="s">
        <v>41</v>
      </c>
      <c r="D100418" s="14" t="s">
        <v>495</v>
      </c>
      <c r="E100418" s="15">
        <v>45419</v>
      </c>
      <c r="F100418" s="14" t="s">
        <v>15</v>
      </c>
      <c r="G100418" s="16">
        <v>0</v>
      </c>
    </row>
    <row r="100419" spans="1:7" x14ac:dyDescent="0.3">
      <c r="A100419" s="13" t="s">
        <v>494</v>
      </c>
      <c r="B100419" s="14" t="s">
        <v>1</v>
      </c>
      <c r="C100419" s="14" t="s">
        <v>41</v>
      </c>
      <c r="D100419" s="14" t="s">
        <v>495</v>
      </c>
      <c r="E100419" s="15">
        <v>45420</v>
      </c>
      <c r="F100419" s="14" t="s">
        <v>15</v>
      </c>
      <c r="G100419" s="16">
        <v>0</v>
      </c>
    </row>
    <row r="100420" spans="1:7" x14ac:dyDescent="0.3">
      <c r="A100420" s="13" t="s">
        <v>494</v>
      </c>
      <c r="B100420" s="14" t="s">
        <v>1</v>
      </c>
      <c r="C100420" s="14" t="s">
        <v>41</v>
      </c>
      <c r="D100420" s="14" t="s">
        <v>495</v>
      </c>
      <c r="E100420" s="15">
        <v>45421</v>
      </c>
      <c r="F100420" s="14" t="s">
        <v>15</v>
      </c>
      <c r="G100420" s="16">
        <v>0</v>
      </c>
    </row>
    <row r="100421" spans="1:7" x14ac:dyDescent="0.3">
      <c r="A100421" s="13" t="s">
        <v>494</v>
      </c>
      <c r="B100421" s="14" t="s">
        <v>1</v>
      </c>
      <c r="C100421" s="14" t="s">
        <v>41</v>
      </c>
      <c r="D100421" s="14" t="s">
        <v>495</v>
      </c>
      <c r="E100421" s="15">
        <v>45422</v>
      </c>
      <c r="F100421" s="14" t="s">
        <v>15</v>
      </c>
      <c r="G100421" s="16">
        <v>0</v>
      </c>
    </row>
    <row r="100422" spans="1:7" x14ac:dyDescent="0.3">
      <c r="A100422" s="13" t="s">
        <v>494</v>
      </c>
      <c r="B100422" s="14" t="s">
        <v>1</v>
      </c>
      <c r="C100422" s="14" t="s">
        <v>41</v>
      </c>
      <c r="D100422" s="14" t="s">
        <v>495</v>
      </c>
      <c r="E100422" s="15">
        <v>45423</v>
      </c>
      <c r="F100422" s="14" t="s">
        <v>15</v>
      </c>
      <c r="G100422" s="16">
        <v>0</v>
      </c>
    </row>
    <row r="100423" spans="1:7" x14ac:dyDescent="0.3">
      <c r="A100423" s="13" t="s">
        <v>494</v>
      </c>
      <c r="B100423" s="14" t="s">
        <v>1</v>
      </c>
      <c r="C100423" s="14" t="s">
        <v>41</v>
      </c>
      <c r="D100423" s="14" t="s">
        <v>495</v>
      </c>
      <c r="E100423" s="15">
        <v>45424</v>
      </c>
      <c r="F100423" s="14" t="s">
        <v>15</v>
      </c>
      <c r="G100423" s="16">
        <v>0</v>
      </c>
    </row>
    <row r="100424" spans="1:7" x14ac:dyDescent="0.3">
      <c r="A100424" s="13" t="s">
        <v>494</v>
      </c>
      <c r="B100424" s="14" t="s">
        <v>1</v>
      </c>
      <c r="C100424" s="14" t="s">
        <v>41</v>
      </c>
      <c r="D100424" s="14" t="s">
        <v>495</v>
      </c>
      <c r="E100424" s="15">
        <v>45425</v>
      </c>
      <c r="F100424" s="14" t="s">
        <v>15</v>
      </c>
      <c r="G100424" s="16">
        <v>0</v>
      </c>
    </row>
    <row r="100425" spans="1:7" x14ac:dyDescent="0.3">
      <c r="A100425" s="13" t="s">
        <v>494</v>
      </c>
      <c r="B100425" s="14" t="s">
        <v>1</v>
      </c>
      <c r="C100425" s="14" t="s">
        <v>41</v>
      </c>
      <c r="D100425" s="14" t="s">
        <v>495</v>
      </c>
      <c r="E100425" s="15">
        <v>45426</v>
      </c>
      <c r="F100425" s="14" t="s">
        <v>15</v>
      </c>
      <c r="G100425" s="16">
        <v>0</v>
      </c>
    </row>
    <row r="100426" spans="1:7" x14ac:dyDescent="0.3">
      <c r="A100426" s="13" t="s">
        <v>494</v>
      </c>
      <c r="B100426" s="14" t="s">
        <v>1</v>
      </c>
      <c r="C100426" s="14" t="s">
        <v>41</v>
      </c>
      <c r="D100426" s="14" t="s">
        <v>495</v>
      </c>
      <c r="E100426" s="15">
        <v>45427</v>
      </c>
      <c r="F100426" s="14" t="s">
        <v>15</v>
      </c>
      <c r="G100426" s="16">
        <v>0</v>
      </c>
    </row>
    <row r="100427" spans="1:7" x14ac:dyDescent="0.3">
      <c r="A100427" s="13" t="s">
        <v>494</v>
      </c>
      <c r="B100427" s="14" t="s">
        <v>1</v>
      </c>
      <c r="C100427" s="14" t="s">
        <v>41</v>
      </c>
      <c r="D100427" s="14" t="s">
        <v>495</v>
      </c>
      <c r="E100427" s="15">
        <v>45428</v>
      </c>
      <c r="F100427" s="14" t="s">
        <v>15</v>
      </c>
      <c r="G100427" s="16">
        <v>0</v>
      </c>
    </row>
    <row r="100428" spans="1:7" x14ac:dyDescent="0.3">
      <c r="A100428" s="13" t="s">
        <v>494</v>
      </c>
      <c r="B100428" s="14" t="s">
        <v>1</v>
      </c>
      <c r="C100428" s="14" t="s">
        <v>41</v>
      </c>
      <c r="D100428" s="14" t="s">
        <v>495</v>
      </c>
      <c r="E100428" s="15">
        <v>45429</v>
      </c>
      <c r="F100428" s="14" t="s">
        <v>15</v>
      </c>
      <c r="G100428" s="16">
        <v>0</v>
      </c>
    </row>
    <row r="100429" spans="1:7" x14ac:dyDescent="0.3">
      <c r="A100429" s="13" t="s">
        <v>494</v>
      </c>
      <c r="B100429" s="14" t="s">
        <v>1</v>
      </c>
      <c r="C100429" s="14" t="s">
        <v>41</v>
      </c>
      <c r="D100429" s="14" t="s">
        <v>495</v>
      </c>
      <c r="E100429" s="15">
        <v>45430</v>
      </c>
      <c r="F100429" s="14" t="s">
        <v>15</v>
      </c>
      <c r="G100429" s="16">
        <v>0</v>
      </c>
    </row>
    <row r="100430" spans="1:7" x14ac:dyDescent="0.3">
      <c r="A100430" s="13" t="s">
        <v>494</v>
      </c>
      <c r="B100430" s="14" t="s">
        <v>1</v>
      </c>
      <c r="C100430" s="14" t="s">
        <v>41</v>
      </c>
      <c r="D100430" s="14" t="s">
        <v>495</v>
      </c>
      <c r="E100430" s="15">
        <v>45431</v>
      </c>
      <c r="F100430" s="14" t="s">
        <v>15</v>
      </c>
      <c r="G100430" s="16">
        <v>0</v>
      </c>
    </row>
    <row r="100431" spans="1:7" x14ac:dyDescent="0.3">
      <c r="A100431" s="13" t="s">
        <v>494</v>
      </c>
      <c r="B100431" s="14" t="s">
        <v>1</v>
      </c>
      <c r="C100431" s="14" t="s">
        <v>41</v>
      </c>
      <c r="D100431" s="14" t="s">
        <v>495</v>
      </c>
      <c r="E100431" s="15">
        <v>45432</v>
      </c>
      <c r="F100431" s="14" t="s">
        <v>15</v>
      </c>
      <c r="G100431" s="16">
        <v>0</v>
      </c>
    </row>
    <row r="100432" spans="1:7" x14ac:dyDescent="0.3">
      <c r="A100432" s="13" t="s">
        <v>494</v>
      </c>
      <c r="B100432" s="14" t="s">
        <v>1</v>
      </c>
      <c r="C100432" s="14" t="s">
        <v>41</v>
      </c>
      <c r="D100432" s="14" t="s">
        <v>495</v>
      </c>
      <c r="E100432" s="15">
        <v>45433</v>
      </c>
      <c r="F100432" s="14" t="s">
        <v>15</v>
      </c>
      <c r="G100432" s="16">
        <v>0</v>
      </c>
    </row>
    <row r="100433" spans="1:7" x14ac:dyDescent="0.3">
      <c r="A100433" s="13" t="s">
        <v>494</v>
      </c>
      <c r="B100433" s="14" t="s">
        <v>1</v>
      </c>
      <c r="C100433" s="14" t="s">
        <v>41</v>
      </c>
      <c r="D100433" s="14" t="s">
        <v>495</v>
      </c>
      <c r="E100433" s="15">
        <v>45434</v>
      </c>
      <c r="F100433" s="14" t="s">
        <v>15</v>
      </c>
      <c r="G100433" s="16">
        <v>0</v>
      </c>
    </row>
    <row r="100434" spans="1:7" x14ac:dyDescent="0.3">
      <c r="A100434" s="13" t="s">
        <v>494</v>
      </c>
      <c r="B100434" s="14" t="s">
        <v>1</v>
      </c>
      <c r="C100434" s="14" t="s">
        <v>41</v>
      </c>
      <c r="D100434" s="14" t="s">
        <v>495</v>
      </c>
      <c r="E100434" s="15">
        <v>45435</v>
      </c>
      <c r="F100434" s="14" t="s">
        <v>15</v>
      </c>
      <c r="G100434" s="16">
        <v>0</v>
      </c>
    </row>
    <row r="100435" spans="1:7" x14ac:dyDescent="0.3">
      <c r="A100435" s="13" t="s">
        <v>494</v>
      </c>
      <c r="B100435" s="14" t="s">
        <v>1</v>
      </c>
      <c r="C100435" s="14" t="s">
        <v>41</v>
      </c>
      <c r="D100435" s="14" t="s">
        <v>495</v>
      </c>
      <c r="E100435" s="15">
        <v>45436</v>
      </c>
      <c r="F100435" s="14" t="s">
        <v>15</v>
      </c>
      <c r="G100435" s="16">
        <v>0</v>
      </c>
    </row>
    <row r="100436" spans="1:7" x14ac:dyDescent="0.3">
      <c r="A100436" s="13" t="s">
        <v>494</v>
      </c>
      <c r="B100436" s="14" t="s">
        <v>1</v>
      </c>
      <c r="C100436" s="14" t="s">
        <v>41</v>
      </c>
      <c r="D100436" s="14" t="s">
        <v>495</v>
      </c>
      <c r="E100436" s="15">
        <v>45437</v>
      </c>
      <c r="F100436" s="14" t="s">
        <v>15</v>
      </c>
      <c r="G100436" s="16">
        <v>0</v>
      </c>
    </row>
    <row r="100437" spans="1:7" x14ac:dyDescent="0.3">
      <c r="A100437" s="13" t="s">
        <v>494</v>
      </c>
      <c r="B100437" s="14" t="s">
        <v>1</v>
      </c>
      <c r="C100437" s="14" t="s">
        <v>41</v>
      </c>
      <c r="D100437" s="14" t="s">
        <v>495</v>
      </c>
      <c r="E100437" s="15">
        <v>45438</v>
      </c>
      <c r="F100437" s="14" t="s">
        <v>15</v>
      </c>
      <c r="G100437" s="16">
        <v>0</v>
      </c>
    </row>
    <row r="100438" spans="1:7" x14ac:dyDescent="0.3">
      <c r="A100438" s="13" t="s">
        <v>494</v>
      </c>
      <c r="B100438" s="14" t="s">
        <v>1</v>
      </c>
      <c r="C100438" s="14" t="s">
        <v>41</v>
      </c>
      <c r="D100438" s="14" t="s">
        <v>495</v>
      </c>
      <c r="E100438" s="15">
        <v>45439</v>
      </c>
      <c r="F100438" s="14" t="s">
        <v>15</v>
      </c>
      <c r="G100438" s="16">
        <v>0</v>
      </c>
    </row>
    <row r="100439" spans="1:7" x14ac:dyDescent="0.3">
      <c r="A100439" s="13" t="s">
        <v>494</v>
      </c>
      <c r="B100439" s="14" t="s">
        <v>1</v>
      </c>
      <c r="C100439" s="14" t="s">
        <v>41</v>
      </c>
      <c r="D100439" s="14" t="s">
        <v>495</v>
      </c>
      <c r="E100439" s="15">
        <v>45440</v>
      </c>
      <c r="F100439" s="14" t="s">
        <v>15</v>
      </c>
      <c r="G100439" s="16">
        <v>0</v>
      </c>
    </row>
    <row r="100440" spans="1:7" x14ac:dyDescent="0.3">
      <c r="A100440" s="13" t="s">
        <v>494</v>
      </c>
      <c r="B100440" s="14" t="s">
        <v>1</v>
      </c>
      <c r="C100440" s="14" t="s">
        <v>41</v>
      </c>
      <c r="D100440" s="14" t="s">
        <v>495</v>
      </c>
      <c r="E100440" s="15">
        <v>45441</v>
      </c>
      <c r="F100440" s="14" t="s">
        <v>15</v>
      </c>
      <c r="G100440" s="16">
        <v>0</v>
      </c>
    </row>
    <row r="100441" spans="1:7" x14ac:dyDescent="0.3">
      <c r="A100441" s="13" t="s">
        <v>494</v>
      </c>
      <c r="B100441" s="14" t="s">
        <v>1</v>
      </c>
      <c r="C100441" s="14" t="s">
        <v>41</v>
      </c>
      <c r="D100441" s="14" t="s">
        <v>495</v>
      </c>
      <c r="E100441" s="15">
        <v>45442</v>
      </c>
      <c r="F100441" s="14" t="s">
        <v>15</v>
      </c>
      <c r="G100441" s="16">
        <v>0</v>
      </c>
    </row>
    <row r="100442" spans="1:7" x14ac:dyDescent="0.3">
      <c r="A100442" s="13" t="s">
        <v>494</v>
      </c>
      <c r="B100442" s="14" t="s">
        <v>1</v>
      </c>
      <c r="C100442" s="14" t="s">
        <v>41</v>
      </c>
      <c r="D100442" s="14" t="s">
        <v>495</v>
      </c>
      <c r="E100442" s="15">
        <v>45443</v>
      </c>
      <c r="F100442" s="14" t="s">
        <v>15</v>
      </c>
      <c r="G100442" s="16">
        <v>0</v>
      </c>
    </row>
    <row r="100443" spans="1:7" x14ac:dyDescent="0.3">
      <c r="A100443" s="13" t="s">
        <v>494</v>
      </c>
      <c r="B100443" s="14" t="s">
        <v>1</v>
      </c>
      <c r="C100443" s="14" t="s">
        <v>41</v>
      </c>
      <c r="D100443" s="14" t="s">
        <v>495</v>
      </c>
      <c r="E100443" s="15">
        <v>45444</v>
      </c>
      <c r="F100443" s="14" t="s">
        <v>15</v>
      </c>
      <c r="G100443" s="16">
        <v>0</v>
      </c>
    </row>
    <row r="100444" spans="1:7" x14ac:dyDescent="0.3">
      <c r="A100444" s="13" t="s">
        <v>494</v>
      </c>
      <c r="B100444" s="14" t="s">
        <v>1</v>
      </c>
      <c r="C100444" s="14" t="s">
        <v>41</v>
      </c>
      <c r="D100444" s="14" t="s">
        <v>495</v>
      </c>
      <c r="E100444" s="15">
        <v>45445</v>
      </c>
      <c r="F100444" s="14" t="s">
        <v>15</v>
      </c>
      <c r="G100444" s="16">
        <v>0</v>
      </c>
    </row>
    <row r="100445" spans="1:7" x14ac:dyDescent="0.3">
      <c r="A100445" s="13" t="s">
        <v>494</v>
      </c>
      <c r="B100445" s="14" t="s">
        <v>1</v>
      </c>
      <c r="C100445" s="14" t="s">
        <v>41</v>
      </c>
      <c r="D100445" s="14" t="s">
        <v>495</v>
      </c>
      <c r="E100445" s="15">
        <v>45446</v>
      </c>
      <c r="F100445" s="14" t="s">
        <v>15</v>
      </c>
      <c r="G100445" s="16">
        <v>0</v>
      </c>
    </row>
    <row r="100446" spans="1:7" x14ac:dyDescent="0.3">
      <c r="A100446" s="13" t="s">
        <v>494</v>
      </c>
      <c r="B100446" s="14" t="s">
        <v>1</v>
      </c>
      <c r="C100446" s="14" t="s">
        <v>41</v>
      </c>
      <c r="D100446" s="14" t="s">
        <v>495</v>
      </c>
      <c r="E100446" s="15">
        <v>45447</v>
      </c>
      <c r="F100446" s="14" t="s">
        <v>15</v>
      </c>
      <c r="G100446" s="16">
        <v>0</v>
      </c>
    </row>
    <row r="100447" spans="1:7" x14ac:dyDescent="0.3">
      <c r="A100447" s="13" t="s">
        <v>494</v>
      </c>
      <c r="B100447" s="14" t="s">
        <v>1</v>
      </c>
      <c r="C100447" s="14" t="s">
        <v>41</v>
      </c>
      <c r="D100447" s="14" t="s">
        <v>495</v>
      </c>
      <c r="E100447" s="15">
        <v>45448</v>
      </c>
      <c r="F100447" s="14" t="s">
        <v>15</v>
      </c>
      <c r="G100447" s="16">
        <v>0</v>
      </c>
    </row>
    <row r="100448" spans="1:7" x14ac:dyDescent="0.3">
      <c r="A100448" s="13" t="s">
        <v>494</v>
      </c>
      <c r="B100448" s="14" t="s">
        <v>1</v>
      </c>
      <c r="C100448" s="14" t="s">
        <v>41</v>
      </c>
      <c r="D100448" s="14" t="s">
        <v>495</v>
      </c>
      <c r="E100448" s="15">
        <v>45449</v>
      </c>
      <c r="F100448" s="14" t="s">
        <v>15</v>
      </c>
      <c r="G100448" s="16">
        <v>0</v>
      </c>
    </row>
    <row r="100449" spans="1:7" x14ac:dyDescent="0.3">
      <c r="A100449" s="13" t="s">
        <v>494</v>
      </c>
      <c r="B100449" s="14" t="s">
        <v>1</v>
      </c>
      <c r="C100449" s="14" t="s">
        <v>41</v>
      </c>
      <c r="D100449" s="14" t="s">
        <v>495</v>
      </c>
      <c r="E100449" s="15">
        <v>45450</v>
      </c>
      <c r="F100449" s="14" t="s">
        <v>15</v>
      </c>
      <c r="G100449" s="16">
        <v>0</v>
      </c>
    </row>
    <row r="100450" spans="1:7" x14ac:dyDescent="0.3">
      <c r="A100450" s="13" t="s">
        <v>494</v>
      </c>
      <c r="B100450" s="14" t="s">
        <v>1</v>
      </c>
      <c r="C100450" s="14" t="s">
        <v>41</v>
      </c>
      <c r="D100450" s="14" t="s">
        <v>495</v>
      </c>
      <c r="E100450" s="15">
        <v>45451</v>
      </c>
      <c r="F100450" s="14" t="s">
        <v>15</v>
      </c>
      <c r="G100450" s="16">
        <v>0</v>
      </c>
    </row>
    <row r="100451" spans="1:7" x14ac:dyDescent="0.3">
      <c r="A100451" s="13" t="s">
        <v>494</v>
      </c>
      <c r="B100451" s="14" t="s">
        <v>1</v>
      </c>
      <c r="C100451" s="14" t="s">
        <v>41</v>
      </c>
      <c r="D100451" s="14" t="s">
        <v>495</v>
      </c>
      <c r="E100451" s="15">
        <v>45452</v>
      </c>
      <c r="F100451" s="14" t="s">
        <v>15</v>
      </c>
      <c r="G100451" s="16">
        <v>0</v>
      </c>
    </row>
    <row r="100452" spans="1:7" x14ac:dyDescent="0.3">
      <c r="A100452" s="13" t="s">
        <v>494</v>
      </c>
      <c r="B100452" s="14" t="s">
        <v>1</v>
      </c>
      <c r="C100452" s="14" t="s">
        <v>41</v>
      </c>
      <c r="D100452" s="14" t="s">
        <v>495</v>
      </c>
      <c r="E100452" s="15">
        <v>45453</v>
      </c>
      <c r="F100452" s="14" t="s">
        <v>15</v>
      </c>
      <c r="G100452" s="16">
        <v>0</v>
      </c>
    </row>
    <row r="100453" spans="1:7" x14ac:dyDescent="0.3">
      <c r="A100453" s="13" t="s">
        <v>494</v>
      </c>
      <c r="B100453" s="14" t="s">
        <v>1</v>
      </c>
      <c r="C100453" s="14" t="s">
        <v>41</v>
      </c>
      <c r="D100453" s="14" t="s">
        <v>495</v>
      </c>
      <c r="E100453" s="15">
        <v>45454</v>
      </c>
      <c r="F100453" s="14" t="s">
        <v>15</v>
      </c>
      <c r="G100453" s="16">
        <v>0</v>
      </c>
    </row>
    <row r="100454" spans="1:7" x14ac:dyDescent="0.3">
      <c r="A100454" s="13" t="s">
        <v>494</v>
      </c>
      <c r="B100454" s="14" t="s">
        <v>1</v>
      </c>
      <c r="C100454" s="14" t="s">
        <v>41</v>
      </c>
      <c r="D100454" s="14" t="s">
        <v>495</v>
      </c>
      <c r="E100454" s="15">
        <v>45455</v>
      </c>
      <c r="F100454" s="14" t="s">
        <v>15</v>
      </c>
      <c r="G100454" s="16">
        <v>0</v>
      </c>
    </row>
    <row r="100455" spans="1:7" x14ac:dyDescent="0.3">
      <c r="A100455" s="13" t="s">
        <v>494</v>
      </c>
      <c r="B100455" s="14" t="s">
        <v>1</v>
      </c>
      <c r="C100455" s="14" t="s">
        <v>41</v>
      </c>
      <c r="D100455" s="14" t="s">
        <v>495</v>
      </c>
      <c r="E100455" s="15">
        <v>45456</v>
      </c>
      <c r="F100455" s="14" t="s">
        <v>15</v>
      </c>
      <c r="G100455" s="16">
        <v>0</v>
      </c>
    </row>
    <row r="100456" spans="1:7" x14ac:dyDescent="0.3">
      <c r="A100456" s="13" t="s">
        <v>494</v>
      </c>
      <c r="B100456" s="14" t="s">
        <v>1</v>
      </c>
      <c r="C100456" s="14" t="s">
        <v>41</v>
      </c>
      <c r="D100456" s="14" t="s">
        <v>495</v>
      </c>
      <c r="E100456" s="15">
        <v>45457</v>
      </c>
      <c r="F100456" s="14" t="s">
        <v>15</v>
      </c>
      <c r="G100456" s="16">
        <v>0</v>
      </c>
    </row>
    <row r="100457" spans="1:7" x14ac:dyDescent="0.3">
      <c r="A100457" s="13" t="s">
        <v>494</v>
      </c>
      <c r="B100457" s="14" t="s">
        <v>1</v>
      </c>
      <c r="C100457" s="14" t="s">
        <v>41</v>
      </c>
      <c r="D100457" s="14" t="s">
        <v>495</v>
      </c>
      <c r="E100457" s="15">
        <v>45458</v>
      </c>
      <c r="F100457" s="14" t="s">
        <v>15</v>
      </c>
      <c r="G100457" s="16">
        <v>0</v>
      </c>
    </row>
    <row r="100458" spans="1:7" x14ac:dyDescent="0.3">
      <c r="A100458" s="13" t="s">
        <v>494</v>
      </c>
      <c r="B100458" s="14" t="s">
        <v>1</v>
      </c>
      <c r="C100458" s="14" t="s">
        <v>41</v>
      </c>
      <c r="D100458" s="14" t="s">
        <v>495</v>
      </c>
      <c r="E100458" s="15">
        <v>45459</v>
      </c>
      <c r="F100458" s="14" t="s">
        <v>15</v>
      </c>
      <c r="G100458" s="16">
        <v>0</v>
      </c>
    </row>
    <row r="100459" spans="1:7" x14ac:dyDescent="0.3">
      <c r="A100459" s="13" t="s">
        <v>494</v>
      </c>
      <c r="B100459" s="14" t="s">
        <v>1</v>
      </c>
      <c r="C100459" s="14" t="s">
        <v>41</v>
      </c>
      <c r="D100459" s="14" t="s">
        <v>495</v>
      </c>
      <c r="E100459" s="15">
        <v>45460</v>
      </c>
      <c r="F100459" s="14" t="s">
        <v>15</v>
      </c>
      <c r="G100459" s="16">
        <v>0</v>
      </c>
    </row>
    <row r="100460" spans="1:7" x14ac:dyDescent="0.3">
      <c r="A100460" s="13" t="s">
        <v>494</v>
      </c>
      <c r="B100460" s="14" t="s">
        <v>1</v>
      </c>
      <c r="C100460" s="14" t="s">
        <v>41</v>
      </c>
      <c r="D100460" s="14" t="s">
        <v>495</v>
      </c>
      <c r="E100460" s="15">
        <v>45461</v>
      </c>
      <c r="F100460" s="14" t="s">
        <v>15</v>
      </c>
      <c r="G100460" s="16">
        <v>0</v>
      </c>
    </row>
    <row r="100461" spans="1:7" x14ac:dyDescent="0.3">
      <c r="A100461" s="13" t="s">
        <v>494</v>
      </c>
      <c r="B100461" s="14" t="s">
        <v>1</v>
      </c>
      <c r="C100461" s="14" t="s">
        <v>41</v>
      </c>
      <c r="D100461" s="14" t="s">
        <v>495</v>
      </c>
      <c r="E100461" s="15">
        <v>45462</v>
      </c>
      <c r="F100461" s="14" t="s">
        <v>15</v>
      </c>
      <c r="G100461" s="16">
        <v>0</v>
      </c>
    </row>
    <row r="100462" spans="1:7" x14ac:dyDescent="0.3">
      <c r="A100462" s="13" t="s">
        <v>494</v>
      </c>
      <c r="B100462" s="14" t="s">
        <v>1</v>
      </c>
      <c r="C100462" s="14" t="s">
        <v>41</v>
      </c>
      <c r="D100462" s="14" t="s">
        <v>495</v>
      </c>
      <c r="E100462" s="15">
        <v>45463</v>
      </c>
      <c r="F100462" s="14" t="s">
        <v>15</v>
      </c>
      <c r="G100462" s="16">
        <v>0</v>
      </c>
    </row>
    <row r="100463" spans="1:7" x14ac:dyDescent="0.3">
      <c r="A100463" s="13" t="s">
        <v>494</v>
      </c>
      <c r="B100463" s="14" t="s">
        <v>1</v>
      </c>
      <c r="C100463" s="14" t="s">
        <v>41</v>
      </c>
      <c r="D100463" s="14" t="s">
        <v>495</v>
      </c>
      <c r="E100463" s="15">
        <v>45464</v>
      </c>
      <c r="F100463" s="14" t="s">
        <v>15</v>
      </c>
      <c r="G100463" s="16">
        <v>0</v>
      </c>
    </row>
    <row r="100464" spans="1:7" x14ac:dyDescent="0.3">
      <c r="A100464" s="13" t="s">
        <v>494</v>
      </c>
      <c r="B100464" s="14" t="s">
        <v>1</v>
      </c>
      <c r="C100464" s="14" t="s">
        <v>41</v>
      </c>
      <c r="D100464" s="14" t="s">
        <v>495</v>
      </c>
      <c r="E100464" s="15">
        <v>45465</v>
      </c>
      <c r="F100464" s="14" t="s">
        <v>15</v>
      </c>
      <c r="G100464" s="16">
        <v>0</v>
      </c>
    </row>
    <row r="100465" spans="1:7" x14ac:dyDescent="0.3">
      <c r="A100465" s="13" t="s">
        <v>494</v>
      </c>
      <c r="B100465" s="14" t="s">
        <v>1</v>
      </c>
      <c r="C100465" s="14" t="s">
        <v>41</v>
      </c>
      <c r="D100465" s="14" t="s">
        <v>495</v>
      </c>
      <c r="E100465" s="15">
        <v>45466</v>
      </c>
      <c r="F100465" s="14" t="s">
        <v>15</v>
      </c>
      <c r="G100465" s="16">
        <v>0</v>
      </c>
    </row>
    <row r="100466" spans="1:7" x14ac:dyDescent="0.3">
      <c r="A100466" s="13" t="s">
        <v>494</v>
      </c>
      <c r="B100466" s="14" t="s">
        <v>1</v>
      </c>
      <c r="C100466" s="14" t="s">
        <v>41</v>
      </c>
      <c r="D100466" s="14" t="s">
        <v>495</v>
      </c>
      <c r="E100466" s="15">
        <v>45467</v>
      </c>
      <c r="F100466" s="14" t="s">
        <v>15</v>
      </c>
      <c r="G100466" s="16">
        <v>0</v>
      </c>
    </row>
    <row r="100467" spans="1:7" x14ac:dyDescent="0.3">
      <c r="A100467" s="13" t="s">
        <v>494</v>
      </c>
      <c r="B100467" s="14" t="s">
        <v>1</v>
      </c>
      <c r="C100467" s="14" t="s">
        <v>41</v>
      </c>
      <c r="D100467" s="14" t="s">
        <v>495</v>
      </c>
      <c r="E100467" s="15">
        <v>45468</v>
      </c>
      <c r="F100467" s="14" t="s">
        <v>15</v>
      </c>
      <c r="G100467" s="16">
        <v>0</v>
      </c>
    </row>
    <row r="100468" spans="1:7" x14ac:dyDescent="0.3">
      <c r="A100468" s="13" t="s">
        <v>494</v>
      </c>
      <c r="B100468" s="14" t="s">
        <v>1</v>
      </c>
      <c r="C100468" s="14" t="s">
        <v>41</v>
      </c>
      <c r="D100468" s="14" t="s">
        <v>495</v>
      </c>
      <c r="E100468" s="15">
        <v>45469</v>
      </c>
      <c r="F100468" s="14" t="s">
        <v>15</v>
      </c>
      <c r="G100468" s="16">
        <v>0</v>
      </c>
    </row>
    <row r="100469" spans="1:7" x14ac:dyDescent="0.3">
      <c r="A100469" s="13" t="s">
        <v>494</v>
      </c>
      <c r="B100469" s="14" t="s">
        <v>1</v>
      </c>
      <c r="C100469" s="14" t="s">
        <v>41</v>
      </c>
      <c r="D100469" s="14" t="s">
        <v>495</v>
      </c>
      <c r="E100469" s="15">
        <v>45470</v>
      </c>
      <c r="F100469" s="14" t="s">
        <v>15</v>
      </c>
      <c r="G100469" s="16">
        <v>0</v>
      </c>
    </row>
    <row r="100470" spans="1:7" x14ac:dyDescent="0.3">
      <c r="A100470" s="13" t="s">
        <v>494</v>
      </c>
      <c r="B100470" s="14" t="s">
        <v>1</v>
      </c>
      <c r="C100470" s="14" t="s">
        <v>41</v>
      </c>
      <c r="D100470" s="14" t="s">
        <v>495</v>
      </c>
      <c r="E100470" s="15">
        <v>45471</v>
      </c>
      <c r="F100470" s="14" t="s">
        <v>15</v>
      </c>
      <c r="G100470" s="16">
        <v>0</v>
      </c>
    </row>
    <row r="100471" spans="1:7" x14ac:dyDescent="0.3">
      <c r="A100471" s="13" t="s">
        <v>494</v>
      </c>
      <c r="B100471" s="14" t="s">
        <v>1</v>
      </c>
      <c r="C100471" s="14" t="s">
        <v>41</v>
      </c>
      <c r="D100471" s="14" t="s">
        <v>495</v>
      </c>
      <c r="E100471" s="15">
        <v>45472</v>
      </c>
      <c r="F100471" s="14" t="s">
        <v>15</v>
      </c>
      <c r="G100471" s="16">
        <v>0</v>
      </c>
    </row>
    <row r="100472" spans="1:7" x14ac:dyDescent="0.3">
      <c r="A100472" s="13" t="s">
        <v>494</v>
      </c>
      <c r="B100472" s="14" t="s">
        <v>1</v>
      </c>
      <c r="C100472" s="14" t="s">
        <v>41</v>
      </c>
      <c r="D100472" s="14" t="s">
        <v>495</v>
      </c>
      <c r="E100472" s="15">
        <v>45473</v>
      </c>
      <c r="F100472" s="14" t="s">
        <v>15</v>
      </c>
      <c r="G100472" s="16">
        <v>0</v>
      </c>
    </row>
    <row r="100473" spans="1:7" x14ac:dyDescent="0.3">
      <c r="A100473" s="13" t="s">
        <v>494</v>
      </c>
      <c r="B100473" s="14" t="s">
        <v>1</v>
      </c>
      <c r="C100473" s="14" t="s">
        <v>41</v>
      </c>
      <c r="D100473" s="14" t="s">
        <v>495</v>
      </c>
      <c r="E100473" s="15">
        <v>45474</v>
      </c>
      <c r="F100473" s="14" t="s">
        <v>15</v>
      </c>
      <c r="G100473" s="16">
        <v>0</v>
      </c>
    </row>
    <row r="100474" spans="1:7" x14ac:dyDescent="0.3">
      <c r="A100474" s="13" t="s">
        <v>494</v>
      </c>
      <c r="B100474" s="14" t="s">
        <v>1</v>
      </c>
      <c r="C100474" s="14" t="s">
        <v>41</v>
      </c>
      <c r="D100474" s="14" t="s">
        <v>495</v>
      </c>
      <c r="E100474" s="15">
        <v>45475</v>
      </c>
      <c r="F100474" s="14" t="s">
        <v>15</v>
      </c>
      <c r="G100474" s="16">
        <v>0</v>
      </c>
    </row>
    <row r="100475" spans="1:7" x14ac:dyDescent="0.3">
      <c r="A100475" s="13" t="s">
        <v>494</v>
      </c>
      <c r="B100475" s="14" t="s">
        <v>1</v>
      </c>
      <c r="C100475" s="14" t="s">
        <v>41</v>
      </c>
      <c r="D100475" s="14" t="s">
        <v>495</v>
      </c>
      <c r="E100475" s="15">
        <v>45476</v>
      </c>
      <c r="F100475" s="14" t="s">
        <v>15</v>
      </c>
      <c r="G100475" s="16">
        <v>0</v>
      </c>
    </row>
    <row r="100476" spans="1:7" x14ac:dyDescent="0.3">
      <c r="A100476" s="13" t="s">
        <v>494</v>
      </c>
      <c r="B100476" s="14" t="s">
        <v>1</v>
      </c>
      <c r="C100476" s="14" t="s">
        <v>41</v>
      </c>
      <c r="D100476" s="14" t="s">
        <v>495</v>
      </c>
      <c r="E100476" s="15">
        <v>45477</v>
      </c>
      <c r="F100476" s="14" t="s">
        <v>15</v>
      </c>
      <c r="G100476" s="16">
        <v>0</v>
      </c>
    </row>
    <row r="100477" spans="1:7" x14ac:dyDescent="0.3">
      <c r="A100477" s="13" t="s">
        <v>494</v>
      </c>
      <c r="B100477" s="14" t="s">
        <v>1</v>
      </c>
      <c r="C100477" s="14" t="s">
        <v>41</v>
      </c>
      <c r="D100477" s="14" t="s">
        <v>495</v>
      </c>
      <c r="E100477" s="15">
        <v>45478</v>
      </c>
      <c r="F100477" s="14" t="s">
        <v>15</v>
      </c>
      <c r="G100477" s="16">
        <v>0</v>
      </c>
    </row>
    <row r="100478" spans="1:7" x14ac:dyDescent="0.3">
      <c r="A100478" s="13" t="s">
        <v>494</v>
      </c>
      <c r="B100478" s="14" t="s">
        <v>1</v>
      </c>
      <c r="C100478" s="14" t="s">
        <v>41</v>
      </c>
      <c r="D100478" s="14" t="s">
        <v>495</v>
      </c>
      <c r="E100478" s="15">
        <v>45479</v>
      </c>
      <c r="F100478" s="14" t="s">
        <v>15</v>
      </c>
      <c r="G100478" s="16">
        <v>0</v>
      </c>
    </row>
    <row r="100479" spans="1:7" x14ac:dyDescent="0.3">
      <c r="A100479" s="13" t="s">
        <v>494</v>
      </c>
      <c r="B100479" s="14" t="s">
        <v>1</v>
      </c>
      <c r="C100479" s="14" t="s">
        <v>41</v>
      </c>
      <c r="D100479" s="14" t="s">
        <v>495</v>
      </c>
      <c r="E100479" s="15">
        <v>45480</v>
      </c>
      <c r="F100479" s="14" t="s">
        <v>15</v>
      </c>
      <c r="G100479" s="16">
        <v>0</v>
      </c>
    </row>
    <row r="100480" spans="1:7" x14ac:dyDescent="0.3">
      <c r="A100480" s="13" t="s">
        <v>494</v>
      </c>
      <c r="B100480" s="14" t="s">
        <v>1</v>
      </c>
      <c r="C100480" s="14" t="s">
        <v>41</v>
      </c>
      <c r="D100480" s="14" t="s">
        <v>495</v>
      </c>
      <c r="E100480" s="15">
        <v>45481</v>
      </c>
      <c r="F100480" s="14" t="s">
        <v>15</v>
      </c>
      <c r="G100480" s="16">
        <v>0</v>
      </c>
    </row>
    <row r="100481" spans="1:7" x14ac:dyDescent="0.3">
      <c r="A100481" s="13" t="s">
        <v>494</v>
      </c>
      <c r="B100481" s="14" t="s">
        <v>1</v>
      </c>
      <c r="C100481" s="14" t="s">
        <v>41</v>
      </c>
      <c r="D100481" s="14" t="s">
        <v>495</v>
      </c>
      <c r="E100481" s="15">
        <v>45482</v>
      </c>
      <c r="F100481" s="14" t="s">
        <v>15</v>
      </c>
      <c r="G100481" s="16">
        <v>0</v>
      </c>
    </row>
    <row r="100482" spans="1:7" x14ac:dyDescent="0.3">
      <c r="A100482" s="13" t="s">
        <v>494</v>
      </c>
      <c r="B100482" s="14" t="s">
        <v>1</v>
      </c>
      <c r="C100482" s="14" t="s">
        <v>41</v>
      </c>
      <c r="D100482" s="14" t="s">
        <v>495</v>
      </c>
      <c r="E100482" s="15">
        <v>45483</v>
      </c>
      <c r="F100482" s="14" t="s">
        <v>15</v>
      </c>
      <c r="G100482" s="16">
        <v>0</v>
      </c>
    </row>
    <row r="100483" spans="1:7" x14ac:dyDescent="0.3">
      <c r="A100483" s="13" t="s">
        <v>494</v>
      </c>
      <c r="B100483" s="14" t="s">
        <v>1</v>
      </c>
      <c r="C100483" s="14" t="s">
        <v>41</v>
      </c>
      <c r="D100483" s="14" t="s">
        <v>495</v>
      </c>
      <c r="E100483" s="15">
        <v>45484</v>
      </c>
      <c r="F100483" s="14" t="s">
        <v>15</v>
      </c>
      <c r="G100483" s="16">
        <v>0</v>
      </c>
    </row>
    <row r="100484" spans="1:7" x14ac:dyDescent="0.3">
      <c r="A100484" s="13" t="s">
        <v>494</v>
      </c>
      <c r="B100484" s="14" t="s">
        <v>1</v>
      </c>
      <c r="C100484" s="14" t="s">
        <v>41</v>
      </c>
      <c r="D100484" s="14" t="s">
        <v>495</v>
      </c>
      <c r="E100484" s="15">
        <v>45485</v>
      </c>
      <c r="F100484" s="14" t="s">
        <v>15</v>
      </c>
      <c r="G100484" s="16">
        <v>0</v>
      </c>
    </row>
    <row r="100485" spans="1:7" x14ac:dyDescent="0.3">
      <c r="A100485" s="13" t="s">
        <v>494</v>
      </c>
      <c r="B100485" s="14" t="s">
        <v>1</v>
      </c>
      <c r="C100485" s="14" t="s">
        <v>41</v>
      </c>
      <c r="D100485" s="14" t="s">
        <v>495</v>
      </c>
      <c r="E100485" s="15">
        <v>45486</v>
      </c>
      <c r="F100485" s="14" t="s">
        <v>15</v>
      </c>
      <c r="G100485" s="16">
        <v>0</v>
      </c>
    </row>
    <row r="100486" spans="1:7" x14ac:dyDescent="0.3">
      <c r="A100486" s="13" t="s">
        <v>494</v>
      </c>
      <c r="B100486" s="14" t="s">
        <v>1</v>
      </c>
      <c r="C100486" s="14" t="s">
        <v>41</v>
      </c>
      <c r="D100486" s="14" t="s">
        <v>495</v>
      </c>
      <c r="E100486" s="15">
        <v>45487</v>
      </c>
      <c r="F100486" s="14" t="s">
        <v>15</v>
      </c>
      <c r="G100486" s="16">
        <v>0</v>
      </c>
    </row>
    <row r="100487" spans="1:7" x14ac:dyDescent="0.3">
      <c r="A100487" s="13" t="s">
        <v>494</v>
      </c>
      <c r="B100487" s="14" t="s">
        <v>1</v>
      </c>
      <c r="C100487" s="14" t="s">
        <v>41</v>
      </c>
      <c r="D100487" s="14" t="s">
        <v>495</v>
      </c>
      <c r="E100487" s="15">
        <v>45488</v>
      </c>
      <c r="F100487" s="14" t="s">
        <v>15</v>
      </c>
      <c r="G100487" s="16">
        <v>0</v>
      </c>
    </row>
    <row r="100488" spans="1:7" x14ac:dyDescent="0.3">
      <c r="A100488" s="13" t="s">
        <v>494</v>
      </c>
      <c r="B100488" s="14" t="s">
        <v>1</v>
      </c>
      <c r="C100488" s="14" t="s">
        <v>41</v>
      </c>
      <c r="D100488" s="14" t="s">
        <v>495</v>
      </c>
      <c r="E100488" s="15">
        <v>45489</v>
      </c>
      <c r="F100488" s="14" t="s">
        <v>15</v>
      </c>
      <c r="G100488" s="16">
        <v>0</v>
      </c>
    </row>
    <row r="100489" spans="1:7" x14ac:dyDescent="0.3">
      <c r="A100489" s="13" t="s">
        <v>494</v>
      </c>
      <c r="B100489" s="14" t="s">
        <v>1</v>
      </c>
      <c r="C100489" s="14" t="s">
        <v>41</v>
      </c>
      <c r="D100489" s="14" t="s">
        <v>495</v>
      </c>
      <c r="E100489" s="15">
        <v>45490</v>
      </c>
      <c r="F100489" s="14" t="s">
        <v>15</v>
      </c>
      <c r="G100489" s="16">
        <v>0</v>
      </c>
    </row>
    <row r="100490" spans="1:7" x14ac:dyDescent="0.3">
      <c r="A100490" s="13" t="s">
        <v>494</v>
      </c>
      <c r="B100490" s="14" t="s">
        <v>1</v>
      </c>
      <c r="C100490" s="14" t="s">
        <v>41</v>
      </c>
      <c r="D100490" s="14" t="s">
        <v>495</v>
      </c>
      <c r="E100490" s="15">
        <v>45491</v>
      </c>
      <c r="F100490" s="14" t="s">
        <v>15</v>
      </c>
      <c r="G100490" s="16">
        <v>0</v>
      </c>
    </row>
    <row r="100491" spans="1:7" x14ac:dyDescent="0.3">
      <c r="A100491" s="13" t="s">
        <v>494</v>
      </c>
      <c r="B100491" s="14" t="s">
        <v>1</v>
      </c>
      <c r="C100491" s="14" t="s">
        <v>41</v>
      </c>
      <c r="D100491" s="14" t="s">
        <v>495</v>
      </c>
      <c r="E100491" s="15">
        <v>45492</v>
      </c>
      <c r="F100491" s="14" t="s">
        <v>15</v>
      </c>
      <c r="G100491" s="16">
        <v>0</v>
      </c>
    </row>
    <row r="100492" spans="1:7" x14ac:dyDescent="0.3">
      <c r="A100492" s="13" t="s">
        <v>494</v>
      </c>
      <c r="B100492" s="14" t="s">
        <v>1</v>
      </c>
      <c r="C100492" s="14" t="s">
        <v>41</v>
      </c>
      <c r="D100492" s="14" t="s">
        <v>495</v>
      </c>
      <c r="E100492" s="15">
        <v>45493</v>
      </c>
      <c r="F100492" s="14" t="s">
        <v>15</v>
      </c>
      <c r="G100492" s="16">
        <v>0</v>
      </c>
    </row>
    <row r="100493" spans="1:7" x14ac:dyDescent="0.3">
      <c r="A100493" s="13" t="s">
        <v>494</v>
      </c>
      <c r="B100493" s="14" t="s">
        <v>1</v>
      </c>
      <c r="C100493" s="14" t="s">
        <v>41</v>
      </c>
      <c r="D100493" s="14" t="s">
        <v>495</v>
      </c>
      <c r="E100493" s="15">
        <v>45494</v>
      </c>
      <c r="F100493" s="14" t="s">
        <v>15</v>
      </c>
      <c r="G100493" s="16">
        <v>0</v>
      </c>
    </row>
    <row r="100494" spans="1:7" x14ac:dyDescent="0.3">
      <c r="A100494" s="13" t="s">
        <v>494</v>
      </c>
      <c r="B100494" s="14" t="s">
        <v>1</v>
      </c>
      <c r="C100494" s="14" t="s">
        <v>41</v>
      </c>
      <c r="D100494" s="14" t="s">
        <v>495</v>
      </c>
      <c r="E100494" s="15">
        <v>45495</v>
      </c>
      <c r="F100494" s="14" t="s">
        <v>15</v>
      </c>
      <c r="G100494" s="16">
        <v>0</v>
      </c>
    </row>
    <row r="100495" spans="1:7" x14ac:dyDescent="0.3">
      <c r="A100495" s="13" t="s">
        <v>494</v>
      </c>
      <c r="B100495" s="14" t="s">
        <v>1</v>
      </c>
      <c r="C100495" s="14" t="s">
        <v>41</v>
      </c>
      <c r="D100495" s="14" t="s">
        <v>495</v>
      </c>
      <c r="E100495" s="15">
        <v>45496</v>
      </c>
      <c r="F100495" s="14" t="s">
        <v>15</v>
      </c>
      <c r="G100495" s="16">
        <v>0</v>
      </c>
    </row>
    <row r="100496" spans="1:7" x14ac:dyDescent="0.3">
      <c r="A100496" s="13" t="s">
        <v>494</v>
      </c>
      <c r="B100496" s="14" t="s">
        <v>1</v>
      </c>
      <c r="C100496" s="14" t="s">
        <v>41</v>
      </c>
      <c r="D100496" s="14" t="s">
        <v>495</v>
      </c>
      <c r="E100496" s="15">
        <v>45497</v>
      </c>
      <c r="F100496" s="14" t="s">
        <v>15</v>
      </c>
      <c r="G100496" s="16">
        <v>0</v>
      </c>
    </row>
    <row r="100497" spans="1:7" x14ac:dyDescent="0.3">
      <c r="A100497" s="13" t="s">
        <v>494</v>
      </c>
      <c r="B100497" s="14" t="s">
        <v>1</v>
      </c>
      <c r="C100497" s="14" t="s">
        <v>41</v>
      </c>
      <c r="D100497" s="14" t="s">
        <v>495</v>
      </c>
      <c r="E100497" s="15">
        <v>45498</v>
      </c>
      <c r="F100497" s="14" t="s">
        <v>15</v>
      </c>
      <c r="G100497" s="16">
        <v>0</v>
      </c>
    </row>
    <row r="100498" spans="1:7" x14ac:dyDescent="0.3">
      <c r="A100498" s="13" t="s">
        <v>494</v>
      </c>
      <c r="B100498" s="14" t="s">
        <v>1</v>
      </c>
      <c r="C100498" s="14" t="s">
        <v>41</v>
      </c>
      <c r="D100498" s="14" t="s">
        <v>495</v>
      </c>
      <c r="E100498" s="15">
        <v>45499</v>
      </c>
      <c r="F100498" s="14" t="s">
        <v>15</v>
      </c>
      <c r="G100498" s="16">
        <v>0</v>
      </c>
    </row>
    <row r="100499" spans="1:7" x14ac:dyDescent="0.3">
      <c r="A100499" s="13" t="s">
        <v>494</v>
      </c>
      <c r="B100499" s="14" t="s">
        <v>1</v>
      </c>
      <c r="C100499" s="14" t="s">
        <v>41</v>
      </c>
      <c r="D100499" s="14" t="s">
        <v>495</v>
      </c>
      <c r="E100499" s="15">
        <v>45500</v>
      </c>
      <c r="F100499" s="14" t="s">
        <v>15</v>
      </c>
      <c r="G100499" s="16">
        <v>0</v>
      </c>
    </row>
    <row r="100500" spans="1:7" x14ac:dyDescent="0.3">
      <c r="A100500" s="13" t="s">
        <v>494</v>
      </c>
      <c r="B100500" s="14" t="s">
        <v>1</v>
      </c>
      <c r="C100500" s="14" t="s">
        <v>41</v>
      </c>
      <c r="D100500" s="14" t="s">
        <v>495</v>
      </c>
      <c r="E100500" s="15">
        <v>45501</v>
      </c>
      <c r="F100500" s="14" t="s">
        <v>15</v>
      </c>
      <c r="G100500" s="16">
        <v>0</v>
      </c>
    </row>
    <row r="100501" spans="1:7" x14ac:dyDescent="0.3">
      <c r="A100501" s="13" t="s">
        <v>494</v>
      </c>
      <c r="B100501" s="14" t="s">
        <v>1</v>
      </c>
      <c r="C100501" s="14" t="s">
        <v>41</v>
      </c>
      <c r="D100501" s="14" t="s">
        <v>495</v>
      </c>
      <c r="E100501" s="15">
        <v>45502</v>
      </c>
      <c r="F100501" s="14" t="s">
        <v>15</v>
      </c>
      <c r="G100501" s="16">
        <v>0</v>
      </c>
    </row>
    <row r="100502" spans="1:7" x14ac:dyDescent="0.3">
      <c r="A100502" s="13" t="s">
        <v>494</v>
      </c>
      <c r="B100502" s="14" t="s">
        <v>1</v>
      </c>
      <c r="C100502" s="14" t="s">
        <v>41</v>
      </c>
      <c r="D100502" s="14" t="s">
        <v>495</v>
      </c>
      <c r="E100502" s="15">
        <v>45503</v>
      </c>
      <c r="F100502" s="14" t="s">
        <v>15</v>
      </c>
      <c r="G100502" s="16">
        <v>0</v>
      </c>
    </row>
    <row r="100503" spans="1:7" x14ac:dyDescent="0.3">
      <c r="A100503" s="13" t="s">
        <v>494</v>
      </c>
      <c r="B100503" s="14" t="s">
        <v>1</v>
      </c>
      <c r="C100503" s="14" t="s">
        <v>41</v>
      </c>
      <c r="D100503" s="14" t="s">
        <v>495</v>
      </c>
      <c r="E100503" s="15">
        <v>45504</v>
      </c>
      <c r="F100503" s="14" t="s">
        <v>15</v>
      </c>
      <c r="G100503" s="16">
        <v>0</v>
      </c>
    </row>
    <row r="100504" spans="1:7" x14ac:dyDescent="0.3">
      <c r="A100504" s="13" t="s">
        <v>494</v>
      </c>
      <c r="B100504" s="14" t="s">
        <v>1</v>
      </c>
      <c r="C100504" s="14" t="s">
        <v>41</v>
      </c>
      <c r="D100504" s="14" t="s">
        <v>495</v>
      </c>
      <c r="E100504" s="15">
        <v>45505</v>
      </c>
      <c r="F100504" s="14" t="s">
        <v>15</v>
      </c>
      <c r="G100504" s="16">
        <v>0</v>
      </c>
    </row>
    <row r="100505" spans="1:7" x14ac:dyDescent="0.3">
      <c r="A100505" s="13" t="s">
        <v>494</v>
      </c>
      <c r="B100505" s="14" t="s">
        <v>1</v>
      </c>
      <c r="C100505" s="14" t="s">
        <v>41</v>
      </c>
      <c r="D100505" s="14" t="s">
        <v>495</v>
      </c>
      <c r="E100505" s="15">
        <v>45506</v>
      </c>
      <c r="F100505" s="14" t="s">
        <v>15</v>
      </c>
      <c r="G100505" s="16">
        <v>0</v>
      </c>
    </row>
    <row r="100506" spans="1:7" x14ac:dyDescent="0.3">
      <c r="A100506" s="13" t="s">
        <v>494</v>
      </c>
      <c r="B100506" s="14" t="s">
        <v>1</v>
      </c>
      <c r="C100506" s="14" t="s">
        <v>41</v>
      </c>
      <c r="D100506" s="14" t="s">
        <v>495</v>
      </c>
      <c r="E100506" s="15">
        <v>45507</v>
      </c>
      <c r="F100506" s="14" t="s">
        <v>15</v>
      </c>
      <c r="G100506" s="16">
        <v>0</v>
      </c>
    </row>
    <row r="100507" spans="1:7" x14ac:dyDescent="0.3">
      <c r="A100507" s="13" t="s">
        <v>494</v>
      </c>
      <c r="B100507" s="14" t="s">
        <v>1</v>
      </c>
      <c r="C100507" s="14" t="s">
        <v>41</v>
      </c>
      <c r="D100507" s="14" t="s">
        <v>495</v>
      </c>
      <c r="E100507" s="15">
        <v>45508</v>
      </c>
      <c r="F100507" s="14" t="s">
        <v>15</v>
      </c>
      <c r="G100507" s="16">
        <v>0</v>
      </c>
    </row>
    <row r="100508" spans="1:7" x14ac:dyDescent="0.3">
      <c r="A100508" s="13" t="s">
        <v>494</v>
      </c>
      <c r="B100508" s="14" t="s">
        <v>1</v>
      </c>
      <c r="C100508" s="14" t="s">
        <v>41</v>
      </c>
      <c r="D100508" s="14" t="s">
        <v>495</v>
      </c>
      <c r="E100508" s="15">
        <v>45509</v>
      </c>
      <c r="F100508" s="14" t="s">
        <v>15</v>
      </c>
      <c r="G100508" s="16">
        <v>0</v>
      </c>
    </row>
    <row r="100509" spans="1:7" x14ac:dyDescent="0.3">
      <c r="A100509" s="13" t="s">
        <v>494</v>
      </c>
      <c r="B100509" s="14" t="s">
        <v>1</v>
      </c>
      <c r="C100509" s="14" t="s">
        <v>41</v>
      </c>
      <c r="D100509" s="14" t="s">
        <v>495</v>
      </c>
      <c r="E100509" s="15">
        <v>45510</v>
      </c>
      <c r="F100509" s="14" t="s">
        <v>15</v>
      </c>
      <c r="G100509" s="16">
        <v>0</v>
      </c>
    </row>
    <row r="100510" spans="1:7" x14ac:dyDescent="0.3">
      <c r="A100510" s="13" t="s">
        <v>494</v>
      </c>
      <c r="B100510" s="14" t="s">
        <v>1</v>
      </c>
      <c r="C100510" s="14" t="s">
        <v>41</v>
      </c>
      <c r="D100510" s="14" t="s">
        <v>495</v>
      </c>
      <c r="E100510" s="15">
        <v>45511</v>
      </c>
      <c r="F100510" s="14" t="s">
        <v>15</v>
      </c>
      <c r="G100510" s="16">
        <v>0</v>
      </c>
    </row>
    <row r="100511" spans="1:7" x14ac:dyDescent="0.3">
      <c r="A100511" s="13" t="s">
        <v>494</v>
      </c>
      <c r="B100511" s="14" t="s">
        <v>1</v>
      </c>
      <c r="C100511" s="14" t="s">
        <v>41</v>
      </c>
      <c r="D100511" s="14" t="s">
        <v>495</v>
      </c>
      <c r="E100511" s="15">
        <v>45512</v>
      </c>
      <c r="F100511" s="14" t="s">
        <v>15</v>
      </c>
      <c r="G100511" s="16">
        <v>0</v>
      </c>
    </row>
    <row r="100512" spans="1:7" x14ac:dyDescent="0.3">
      <c r="A100512" s="13" t="s">
        <v>494</v>
      </c>
      <c r="B100512" s="14" t="s">
        <v>1</v>
      </c>
      <c r="C100512" s="14" t="s">
        <v>41</v>
      </c>
      <c r="D100512" s="14" t="s">
        <v>495</v>
      </c>
      <c r="E100512" s="15">
        <v>45513</v>
      </c>
      <c r="F100512" s="14" t="s">
        <v>15</v>
      </c>
      <c r="G100512" s="16">
        <v>0</v>
      </c>
    </row>
    <row r="100513" spans="1:7" x14ac:dyDescent="0.3">
      <c r="A100513" s="13" t="s">
        <v>494</v>
      </c>
      <c r="B100513" s="14" t="s">
        <v>1</v>
      </c>
      <c r="C100513" s="14" t="s">
        <v>41</v>
      </c>
      <c r="D100513" s="14" t="s">
        <v>495</v>
      </c>
      <c r="E100513" s="15">
        <v>45514</v>
      </c>
      <c r="F100513" s="14" t="s">
        <v>15</v>
      </c>
      <c r="G100513" s="16">
        <v>0</v>
      </c>
    </row>
    <row r="100514" spans="1:7" x14ac:dyDescent="0.3">
      <c r="A100514" s="13" t="s">
        <v>494</v>
      </c>
      <c r="B100514" s="14" t="s">
        <v>1</v>
      </c>
      <c r="C100514" s="14" t="s">
        <v>41</v>
      </c>
      <c r="D100514" s="14" t="s">
        <v>495</v>
      </c>
      <c r="E100514" s="15">
        <v>45515</v>
      </c>
      <c r="F100514" s="14" t="s">
        <v>15</v>
      </c>
      <c r="G100514" s="16">
        <v>0</v>
      </c>
    </row>
    <row r="100515" spans="1:7" x14ac:dyDescent="0.3">
      <c r="A100515" s="13" t="s">
        <v>494</v>
      </c>
      <c r="B100515" s="14" t="s">
        <v>1</v>
      </c>
      <c r="C100515" s="14" t="s">
        <v>41</v>
      </c>
      <c r="D100515" s="14" t="s">
        <v>495</v>
      </c>
      <c r="E100515" s="15">
        <v>45516</v>
      </c>
      <c r="F100515" s="14" t="s">
        <v>15</v>
      </c>
      <c r="G100515" s="16">
        <v>0</v>
      </c>
    </row>
    <row r="100516" spans="1:7" x14ac:dyDescent="0.3">
      <c r="A100516" s="13" t="s">
        <v>494</v>
      </c>
      <c r="B100516" s="14" t="s">
        <v>1</v>
      </c>
      <c r="C100516" s="14" t="s">
        <v>41</v>
      </c>
      <c r="D100516" s="14" t="s">
        <v>495</v>
      </c>
      <c r="E100516" s="15">
        <v>45517</v>
      </c>
      <c r="F100516" s="14" t="s">
        <v>15</v>
      </c>
      <c r="G100516" s="16">
        <v>0</v>
      </c>
    </row>
    <row r="100517" spans="1:7" x14ac:dyDescent="0.3">
      <c r="A100517" s="13" t="s">
        <v>494</v>
      </c>
      <c r="B100517" s="14" t="s">
        <v>1</v>
      </c>
      <c r="C100517" s="14" t="s">
        <v>41</v>
      </c>
      <c r="D100517" s="14" t="s">
        <v>495</v>
      </c>
      <c r="E100517" s="15">
        <v>45518</v>
      </c>
      <c r="F100517" s="14" t="s">
        <v>15</v>
      </c>
      <c r="G100517" s="16">
        <v>0</v>
      </c>
    </row>
    <row r="100518" spans="1:7" x14ac:dyDescent="0.3">
      <c r="A100518" s="13" t="s">
        <v>494</v>
      </c>
      <c r="B100518" s="14" t="s">
        <v>1</v>
      </c>
      <c r="C100518" s="14" t="s">
        <v>41</v>
      </c>
      <c r="D100518" s="14" t="s">
        <v>495</v>
      </c>
      <c r="E100518" s="15">
        <v>45519</v>
      </c>
      <c r="F100518" s="14" t="s">
        <v>15</v>
      </c>
      <c r="G100518" s="16">
        <v>0</v>
      </c>
    </row>
    <row r="100519" spans="1:7" x14ac:dyDescent="0.3">
      <c r="A100519" s="13" t="s">
        <v>494</v>
      </c>
      <c r="B100519" s="14" t="s">
        <v>1</v>
      </c>
      <c r="C100519" s="14" t="s">
        <v>41</v>
      </c>
      <c r="D100519" s="14" t="s">
        <v>495</v>
      </c>
      <c r="E100519" s="15">
        <v>45520</v>
      </c>
      <c r="F100519" s="14" t="s">
        <v>15</v>
      </c>
      <c r="G100519" s="16">
        <v>0</v>
      </c>
    </row>
    <row r="100520" spans="1:7" x14ac:dyDescent="0.3">
      <c r="A100520" s="13" t="s">
        <v>494</v>
      </c>
      <c r="B100520" s="14" t="s">
        <v>1</v>
      </c>
      <c r="C100520" s="14" t="s">
        <v>41</v>
      </c>
      <c r="D100520" s="14" t="s">
        <v>495</v>
      </c>
      <c r="E100520" s="15">
        <v>45521</v>
      </c>
      <c r="F100520" s="14" t="s">
        <v>15</v>
      </c>
      <c r="G100520" s="16">
        <v>0</v>
      </c>
    </row>
    <row r="100521" spans="1:7" x14ac:dyDescent="0.3">
      <c r="A100521" s="13" t="s">
        <v>494</v>
      </c>
      <c r="B100521" s="14" t="s">
        <v>1</v>
      </c>
      <c r="C100521" s="14" t="s">
        <v>41</v>
      </c>
      <c r="D100521" s="14" t="s">
        <v>495</v>
      </c>
      <c r="E100521" s="15">
        <v>45522</v>
      </c>
      <c r="F100521" s="14" t="s">
        <v>15</v>
      </c>
      <c r="G100521" s="16">
        <v>0</v>
      </c>
    </row>
    <row r="100522" spans="1:7" x14ac:dyDescent="0.3">
      <c r="A100522" s="13" t="s">
        <v>494</v>
      </c>
      <c r="B100522" s="14" t="s">
        <v>1</v>
      </c>
      <c r="C100522" s="14" t="s">
        <v>41</v>
      </c>
      <c r="D100522" s="14" t="s">
        <v>495</v>
      </c>
      <c r="E100522" s="15">
        <v>45523</v>
      </c>
      <c r="F100522" s="14" t="s">
        <v>15</v>
      </c>
      <c r="G100522" s="16">
        <v>0</v>
      </c>
    </row>
    <row r="100523" spans="1:7" x14ac:dyDescent="0.3">
      <c r="A100523" s="13" t="s">
        <v>494</v>
      </c>
      <c r="B100523" s="14" t="s">
        <v>1</v>
      </c>
      <c r="C100523" s="14" t="s">
        <v>41</v>
      </c>
      <c r="D100523" s="14" t="s">
        <v>495</v>
      </c>
      <c r="E100523" s="15">
        <v>45524</v>
      </c>
      <c r="F100523" s="14" t="s">
        <v>15</v>
      </c>
      <c r="G100523" s="16">
        <v>0</v>
      </c>
    </row>
    <row r="100524" spans="1:7" x14ac:dyDescent="0.3">
      <c r="A100524" s="13" t="s">
        <v>494</v>
      </c>
      <c r="B100524" s="14" t="s">
        <v>1</v>
      </c>
      <c r="C100524" s="14" t="s">
        <v>41</v>
      </c>
      <c r="D100524" s="14" t="s">
        <v>495</v>
      </c>
      <c r="E100524" s="15">
        <v>45525</v>
      </c>
      <c r="F100524" s="14" t="s">
        <v>15</v>
      </c>
      <c r="G100524" s="16">
        <v>0</v>
      </c>
    </row>
    <row r="100525" spans="1:7" x14ac:dyDescent="0.3">
      <c r="A100525" s="13" t="s">
        <v>494</v>
      </c>
      <c r="B100525" s="14" t="s">
        <v>1</v>
      </c>
      <c r="C100525" s="14" t="s">
        <v>41</v>
      </c>
      <c r="D100525" s="14" t="s">
        <v>495</v>
      </c>
      <c r="E100525" s="15">
        <v>45526</v>
      </c>
      <c r="F100525" s="14" t="s">
        <v>15</v>
      </c>
      <c r="G100525" s="16">
        <v>0</v>
      </c>
    </row>
    <row r="100526" spans="1:7" x14ac:dyDescent="0.3">
      <c r="A100526" s="13" t="s">
        <v>494</v>
      </c>
      <c r="B100526" s="14" t="s">
        <v>1</v>
      </c>
      <c r="C100526" s="14" t="s">
        <v>41</v>
      </c>
      <c r="D100526" s="14" t="s">
        <v>495</v>
      </c>
      <c r="E100526" s="15">
        <v>45527</v>
      </c>
      <c r="F100526" s="14" t="s">
        <v>15</v>
      </c>
      <c r="G100526" s="16">
        <v>0</v>
      </c>
    </row>
    <row r="100527" spans="1:7" x14ac:dyDescent="0.3">
      <c r="A100527" s="13" t="s">
        <v>494</v>
      </c>
      <c r="B100527" s="14" t="s">
        <v>1</v>
      </c>
      <c r="C100527" s="14" t="s">
        <v>41</v>
      </c>
      <c r="D100527" s="14" t="s">
        <v>495</v>
      </c>
      <c r="E100527" s="15">
        <v>45528</v>
      </c>
      <c r="F100527" s="14" t="s">
        <v>15</v>
      </c>
      <c r="G100527" s="16">
        <v>0</v>
      </c>
    </row>
    <row r="100528" spans="1:7" x14ac:dyDescent="0.3">
      <c r="A100528" s="13" t="s">
        <v>494</v>
      </c>
      <c r="B100528" s="14" t="s">
        <v>1</v>
      </c>
      <c r="C100528" s="14" t="s">
        <v>41</v>
      </c>
      <c r="D100528" s="14" t="s">
        <v>495</v>
      </c>
      <c r="E100528" s="15">
        <v>45529</v>
      </c>
      <c r="F100528" s="14" t="s">
        <v>15</v>
      </c>
      <c r="G100528" s="16">
        <v>0</v>
      </c>
    </row>
    <row r="100529" spans="1:7" x14ac:dyDescent="0.3">
      <c r="A100529" s="13" t="s">
        <v>494</v>
      </c>
      <c r="B100529" s="14" t="s">
        <v>1</v>
      </c>
      <c r="C100529" s="14" t="s">
        <v>41</v>
      </c>
      <c r="D100529" s="14" t="s">
        <v>495</v>
      </c>
      <c r="E100529" s="15">
        <v>45530</v>
      </c>
      <c r="F100529" s="14" t="s">
        <v>15</v>
      </c>
      <c r="G100529" s="16">
        <v>0</v>
      </c>
    </row>
    <row r="100530" spans="1:7" x14ac:dyDescent="0.3">
      <c r="A100530" s="13" t="s">
        <v>494</v>
      </c>
      <c r="B100530" s="14" t="s">
        <v>1</v>
      </c>
      <c r="C100530" s="14" t="s">
        <v>41</v>
      </c>
      <c r="D100530" s="14" t="s">
        <v>495</v>
      </c>
      <c r="E100530" s="15">
        <v>45531</v>
      </c>
      <c r="F100530" s="14" t="s">
        <v>15</v>
      </c>
      <c r="G100530" s="16">
        <v>0</v>
      </c>
    </row>
    <row r="100531" spans="1:7" x14ac:dyDescent="0.3">
      <c r="A100531" s="13" t="s">
        <v>494</v>
      </c>
      <c r="B100531" s="14" t="s">
        <v>1</v>
      </c>
      <c r="C100531" s="14" t="s">
        <v>41</v>
      </c>
      <c r="D100531" s="14" t="s">
        <v>495</v>
      </c>
      <c r="E100531" s="15">
        <v>45532</v>
      </c>
      <c r="F100531" s="14" t="s">
        <v>15</v>
      </c>
      <c r="G100531" s="16">
        <v>0</v>
      </c>
    </row>
    <row r="100532" spans="1:7" x14ac:dyDescent="0.3">
      <c r="A100532" s="13" t="s">
        <v>494</v>
      </c>
      <c r="B100532" s="14" t="s">
        <v>1</v>
      </c>
      <c r="C100532" s="14" t="s">
        <v>41</v>
      </c>
      <c r="D100532" s="14" t="s">
        <v>495</v>
      </c>
      <c r="E100532" s="15">
        <v>45533</v>
      </c>
      <c r="F100532" s="14" t="s">
        <v>15</v>
      </c>
      <c r="G100532" s="16">
        <v>0</v>
      </c>
    </row>
    <row r="100533" spans="1:7" x14ac:dyDescent="0.3">
      <c r="A100533" s="13" t="s">
        <v>494</v>
      </c>
      <c r="B100533" s="14" t="s">
        <v>1</v>
      </c>
      <c r="C100533" s="14" t="s">
        <v>41</v>
      </c>
      <c r="D100533" s="14" t="s">
        <v>495</v>
      </c>
      <c r="E100533" s="15">
        <v>45534</v>
      </c>
      <c r="F100533" s="14" t="s">
        <v>15</v>
      </c>
      <c r="G100533" s="16">
        <v>0</v>
      </c>
    </row>
    <row r="100534" spans="1:7" x14ac:dyDescent="0.3">
      <c r="A100534" s="13" t="s">
        <v>494</v>
      </c>
      <c r="B100534" s="14" t="s">
        <v>1</v>
      </c>
      <c r="C100534" s="14" t="s">
        <v>41</v>
      </c>
      <c r="D100534" s="14" t="s">
        <v>495</v>
      </c>
      <c r="E100534" s="15">
        <v>45535</v>
      </c>
      <c r="F100534" s="14" t="s">
        <v>15</v>
      </c>
      <c r="G100534" s="16">
        <v>0</v>
      </c>
    </row>
    <row r="100535" spans="1:7" x14ac:dyDescent="0.3">
      <c r="A100535" s="13" t="s">
        <v>494</v>
      </c>
      <c r="B100535" s="14" t="s">
        <v>1</v>
      </c>
      <c r="C100535" s="14" t="s">
        <v>41</v>
      </c>
      <c r="D100535" s="14" t="s">
        <v>495</v>
      </c>
      <c r="E100535" s="15">
        <v>45536</v>
      </c>
      <c r="F100535" s="14" t="s">
        <v>15</v>
      </c>
      <c r="G100535" s="16">
        <v>0</v>
      </c>
    </row>
    <row r="100536" spans="1:7" x14ac:dyDescent="0.3">
      <c r="A100536" s="13" t="s">
        <v>494</v>
      </c>
      <c r="B100536" s="14" t="s">
        <v>1</v>
      </c>
      <c r="C100536" s="14" t="s">
        <v>41</v>
      </c>
      <c r="D100536" s="14" t="s">
        <v>495</v>
      </c>
      <c r="E100536" s="15">
        <v>45537</v>
      </c>
      <c r="F100536" s="14" t="s">
        <v>15</v>
      </c>
      <c r="G100536" s="16">
        <v>0</v>
      </c>
    </row>
    <row r="100537" spans="1:7" x14ac:dyDescent="0.3">
      <c r="A100537" s="13" t="s">
        <v>494</v>
      </c>
      <c r="B100537" s="14" t="s">
        <v>1</v>
      </c>
      <c r="C100537" s="14" t="s">
        <v>41</v>
      </c>
      <c r="D100537" s="14" t="s">
        <v>495</v>
      </c>
      <c r="E100537" s="15">
        <v>45538</v>
      </c>
      <c r="F100537" s="14" t="s">
        <v>15</v>
      </c>
      <c r="G100537" s="16">
        <v>0</v>
      </c>
    </row>
    <row r="100538" spans="1:7" x14ac:dyDescent="0.3">
      <c r="A100538" s="13" t="s">
        <v>494</v>
      </c>
      <c r="B100538" s="14" t="s">
        <v>1</v>
      </c>
      <c r="C100538" s="14" t="s">
        <v>41</v>
      </c>
      <c r="D100538" s="14" t="s">
        <v>495</v>
      </c>
      <c r="E100538" s="15">
        <v>45539</v>
      </c>
      <c r="F100538" s="14" t="s">
        <v>15</v>
      </c>
      <c r="G100538" s="16">
        <v>0</v>
      </c>
    </row>
    <row r="100539" spans="1:7" x14ac:dyDescent="0.3">
      <c r="A100539" s="13" t="s">
        <v>494</v>
      </c>
      <c r="B100539" s="14" t="s">
        <v>1</v>
      </c>
      <c r="C100539" s="14" t="s">
        <v>41</v>
      </c>
      <c r="D100539" s="14" t="s">
        <v>495</v>
      </c>
      <c r="E100539" s="15">
        <v>45540</v>
      </c>
      <c r="F100539" s="14" t="s">
        <v>15</v>
      </c>
      <c r="G100539" s="16">
        <v>0</v>
      </c>
    </row>
    <row r="100540" spans="1:7" x14ac:dyDescent="0.3">
      <c r="A100540" s="13" t="s">
        <v>494</v>
      </c>
      <c r="B100540" s="14" t="s">
        <v>1</v>
      </c>
      <c r="C100540" s="14" t="s">
        <v>41</v>
      </c>
      <c r="D100540" s="14" t="s">
        <v>495</v>
      </c>
      <c r="E100540" s="15">
        <v>45541</v>
      </c>
      <c r="F100540" s="14" t="s">
        <v>15</v>
      </c>
      <c r="G100540" s="16">
        <v>0</v>
      </c>
    </row>
    <row r="100541" spans="1:7" x14ac:dyDescent="0.3">
      <c r="A100541" s="13" t="s">
        <v>494</v>
      </c>
      <c r="B100541" s="14" t="s">
        <v>1</v>
      </c>
      <c r="C100541" s="14" t="s">
        <v>41</v>
      </c>
      <c r="D100541" s="14" t="s">
        <v>495</v>
      </c>
      <c r="E100541" s="15">
        <v>45542</v>
      </c>
      <c r="F100541" s="14" t="s">
        <v>15</v>
      </c>
      <c r="G100541" s="16">
        <v>0</v>
      </c>
    </row>
    <row r="100542" spans="1:7" x14ac:dyDescent="0.3">
      <c r="A100542" s="13" t="s">
        <v>494</v>
      </c>
      <c r="B100542" s="14" t="s">
        <v>1</v>
      </c>
      <c r="C100542" s="14" t="s">
        <v>41</v>
      </c>
      <c r="D100542" s="14" t="s">
        <v>495</v>
      </c>
      <c r="E100542" s="15">
        <v>45543</v>
      </c>
      <c r="F100542" s="14" t="s">
        <v>15</v>
      </c>
      <c r="G100542" s="16">
        <v>0</v>
      </c>
    </row>
    <row r="100543" spans="1:7" x14ac:dyDescent="0.3">
      <c r="A100543" s="13" t="s">
        <v>494</v>
      </c>
      <c r="B100543" s="14" t="s">
        <v>1</v>
      </c>
      <c r="C100543" s="14" t="s">
        <v>41</v>
      </c>
      <c r="D100543" s="14" t="s">
        <v>495</v>
      </c>
      <c r="E100543" s="15">
        <v>45544</v>
      </c>
      <c r="F100543" s="14" t="s">
        <v>15</v>
      </c>
      <c r="G100543" s="16">
        <v>0</v>
      </c>
    </row>
    <row r="100544" spans="1:7" x14ac:dyDescent="0.3">
      <c r="A100544" s="13" t="s">
        <v>494</v>
      </c>
      <c r="B100544" s="14" t="s">
        <v>1</v>
      </c>
      <c r="C100544" s="14" t="s">
        <v>41</v>
      </c>
      <c r="D100544" s="14" t="s">
        <v>495</v>
      </c>
      <c r="E100544" s="15">
        <v>45545</v>
      </c>
      <c r="F100544" s="14" t="s">
        <v>15</v>
      </c>
      <c r="G100544" s="16">
        <v>0</v>
      </c>
    </row>
    <row r="100545" spans="1:7" x14ac:dyDescent="0.3">
      <c r="A100545" s="13" t="s">
        <v>494</v>
      </c>
      <c r="B100545" s="14" t="s">
        <v>1</v>
      </c>
      <c r="C100545" s="14" t="s">
        <v>41</v>
      </c>
      <c r="D100545" s="14" t="s">
        <v>495</v>
      </c>
      <c r="E100545" s="15">
        <v>45546</v>
      </c>
      <c r="F100545" s="14" t="s">
        <v>15</v>
      </c>
      <c r="G100545" s="16">
        <v>0</v>
      </c>
    </row>
    <row r="100546" spans="1:7" x14ac:dyDescent="0.3">
      <c r="A100546" s="13" t="s">
        <v>494</v>
      </c>
      <c r="B100546" s="14" t="s">
        <v>1</v>
      </c>
      <c r="C100546" s="14" t="s">
        <v>41</v>
      </c>
      <c r="D100546" s="14" t="s">
        <v>495</v>
      </c>
      <c r="E100546" s="15">
        <v>45547</v>
      </c>
      <c r="F100546" s="14" t="s">
        <v>15</v>
      </c>
      <c r="G100546" s="16">
        <v>0</v>
      </c>
    </row>
    <row r="100547" spans="1:7" x14ac:dyDescent="0.3">
      <c r="A100547" s="13" t="s">
        <v>494</v>
      </c>
      <c r="B100547" s="14" t="s">
        <v>1</v>
      </c>
      <c r="C100547" s="14" t="s">
        <v>41</v>
      </c>
      <c r="D100547" s="14" t="s">
        <v>495</v>
      </c>
      <c r="E100547" s="15">
        <v>45548</v>
      </c>
      <c r="F100547" s="14" t="s">
        <v>15</v>
      </c>
      <c r="G100547" s="16">
        <v>0</v>
      </c>
    </row>
    <row r="100548" spans="1:7" x14ac:dyDescent="0.3">
      <c r="A100548" s="13" t="s">
        <v>494</v>
      </c>
      <c r="B100548" s="14" t="s">
        <v>1</v>
      </c>
      <c r="C100548" s="14" t="s">
        <v>41</v>
      </c>
      <c r="D100548" s="14" t="s">
        <v>495</v>
      </c>
      <c r="E100548" s="15">
        <v>45549</v>
      </c>
      <c r="F100548" s="14" t="s">
        <v>15</v>
      </c>
      <c r="G100548" s="16">
        <v>0</v>
      </c>
    </row>
    <row r="100549" spans="1:7" x14ac:dyDescent="0.3">
      <c r="A100549" s="13" t="s">
        <v>494</v>
      </c>
      <c r="B100549" s="14" t="s">
        <v>1</v>
      </c>
      <c r="C100549" s="14" t="s">
        <v>41</v>
      </c>
      <c r="D100549" s="14" t="s">
        <v>495</v>
      </c>
      <c r="E100549" s="15">
        <v>45550</v>
      </c>
      <c r="F100549" s="14" t="s">
        <v>15</v>
      </c>
      <c r="G100549" s="16">
        <v>0</v>
      </c>
    </row>
    <row r="100550" spans="1:7" x14ac:dyDescent="0.3">
      <c r="A100550" s="13" t="s">
        <v>494</v>
      </c>
      <c r="B100550" s="14" t="s">
        <v>1</v>
      </c>
      <c r="C100550" s="14" t="s">
        <v>41</v>
      </c>
      <c r="D100550" s="14" t="s">
        <v>495</v>
      </c>
      <c r="E100550" s="15">
        <v>45551</v>
      </c>
      <c r="F100550" s="14" t="s">
        <v>15</v>
      </c>
      <c r="G100550" s="16">
        <v>0</v>
      </c>
    </row>
    <row r="100551" spans="1:7" x14ac:dyDescent="0.3">
      <c r="A100551" s="13" t="s">
        <v>494</v>
      </c>
      <c r="B100551" s="14" t="s">
        <v>1</v>
      </c>
      <c r="C100551" s="14" t="s">
        <v>41</v>
      </c>
      <c r="D100551" s="14" t="s">
        <v>495</v>
      </c>
      <c r="E100551" s="15">
        <v>45552</v>
      </c>
      <c r="F100551" s="14" t="s">
        <v>15</v>
      </c>
      <c r="G100551" s="16">
        <v>0</v>
      </c>
    </row>
    <row r="100552" spans="1:7" x14ac:dyDescent="0.3">
      <c r="A100552" s="13" t="s">
        <v>494</v>
      </c>
      <c r="B100552" s="14" t="s">
        <v>1</v>
      </c>
      <c r="C100552" s="14" t="s">
        <v>41</v>
      </c>
      <c r="D100552" s="14" t="s">
        <v>495</v>
      </c>
      <c r="E100552" s="15">
        <v>45553</v>
      </c>
      <c r="F100552" s="14" t="s">
        <v>15</v>
      </c>
      <c r="G100552" s="16">
        <v>0</v>
      </c>
    </row>
    <row r="100553" spans="1:7" x14ac:dyDescent="0.3">
      <c r="A100553" s="13" t="s">
        <v>494</v>
      </c>
      <c r="B100553" s="14" t="s">
        <v>1</v>
      </c>
      <c r="C100553" s="14" t="s">
        <v>41</v>
      </c>
      <c r="D100553" s="14" t="s">
        <v>495</v>
      </c>
      <c r="E100553" s="15">
        <v>45554</v>
      </c>
      <c r="F100553" s="14" t="s">
        <v>15</v>
      </c>
      <c r="G100553" s="16">
        <v>0</v>
      </c>
    </row>
    <row r="100554" spans="1:7" x14ac:dyDescent="0.3">
      <c r="A100554" s="13" t="s">
        <v>494</v>
      </c>
      <c r="B100554" s="14" t="s">
        <v>1</v>
      </c>
      <c r="C100554" s="14" t="s">
        <v>41</v>
      </c>
      <c r="D100554" s="14" t="s">
        <v>495</v>
      </c>
      <c r="E100554" s="15">
        <v>45555</v>
      </c>
      <c r="F100554" s="14" t="s">
        <v>15</v>
      </c>
      <c r="G100554" s="16">
        <v>0</v>
      </c>
    </row>
    <row r="100555" spans="1:7" x14ac:dyDescent="0.3">
      <c r="A100555" s="13" t="s">
        <v>494</v>
      </c>
      <c r="B100555" s="14" t="s">
        <v>1</v>
      </c>
      <c r="C100555" s="14" t="s">
        <v>41</v>
      </c>
      <c r="D100555" s="14" t="s">
        <v>495</v>
      </c>
      <c r="E100555" s="15">
        <v>45556</v>
      </c>
      <c r="F100555" s="14" t="s">
        <v>15</v>
      </c>
      <c r="G100555" s="16">
        <v>0</v>
      </c>
    </row>
    <row r="100556" spans="1:7" x14ac:dyDescent="0.3">
      <c r="A100556" s="13" t="s">
        <v>494</v>
      </c>
      <c r="B100556" s="14" t="s">
        <v>1</v>
      </c>
      <c r="C100556" s="14" t="s">
        <v>41</v>
      </c>
      <c r="D100556" s="14" t="s">
        <v>495</v>
      </c>
      <c r="E100556" s="15">
        <v>45557</v>
      </c>
      <c r="F100556" s="14" t="s">
        <v>15</v>
      </c>
      <c r="G100556" s="16">
        <v>0</v>
      </c>
    </row>
    <row r="100557" spans="1:7" x14ac:dyDescent="0.3">
      <c r="A100557" s="13" t="s">
        <v>494</v>
      </c>
      <c r="B100557" s="14" t="s">
        <v>1</v>
      </c>
      <c r="C100557" s="14" t="s">
        <v>41</v>
      </c>
      <c r="D100557" s="14" t="s">
        <v>495</v>
      </c>
      <c r="E100557" s="15">
        <v>45558</v>
      </c>
      <c r="F100557" s="14" t="s">
        <v>15</v>
      </c>
      <c r="G100557" s="16">
        <v>0</v>
      </c>
    </row>
    <row r="100558" spans="1:7" x14ac:dyDescent="0.3">
      <c r="A100558" s="13" t="s">
        <v>494</v>
      </c>
      <c r="B100558" s="14" t="s">
        <v>1</v>
      </c>
      <c r="C100558" s="14" t="s">
        <v>41</v>
      </c>
      <c r="D100558" s="14" t="s">
        <v>495</v>
      </c>
      <c r="E100558" s="15">
        <v>45559</v>
      </c>
      <c r="F100558" s="14" t="s">
        <v>15</v>
      </c>
      <c r="G100558" s="16">
        <v>0</v>
      </c>
    </row>
    <row r="100559" spans="1:7" x14ac:dyDescent="0.3">
      <c r="A100559" s="13" t="s">
        <v>494</v>
      </c>
      <c r="B100559" s="14" t="s">
        <v>1</v>
      </c>
      <c r="C100559" s="14" t="s">
        <v>41</v>
      </c>
      <c r="D100559" s="14" t="s">
        <v>495</v>
      </c>
      <c r="E100559" s="15">
        <v>45560</v>
      </c>
      <c r="F100559" s="14" t="s">
        <v>15</v>
      </c>
      <c r="G100559" s="16">
        <v>0</v>
      </c>
    </row>
    <row r="100560" spans="1:7" x14ac:dyDescent="0.3">
      <c r="A100560" s="13" t="s">
        <v>494</v>
      </c>
      <c r="B100560" s="14" t="s">
        <v>1</v>
      </c>
      <c r="C100560" s="14" t="s">
        <v>41</v>
      </c>
      <c r="D100560" s="14" t="s">
        <v>495</v>
      </c>
      <c r="E100560" s="15">
        <v>45561</v>
      </c>
      <c r="F100560" s="14" t="s">
        <v>15</v>
      </c>
      <c r="G100560" s="16">
        <v>0</v>
      </c>
    </row>
    <row r="100561" spans="1:7" x14ac:dyDescent="0.3">
      <c r="A100561" s="13" t="s">
        <v>494</v>
      </c>
      <c r="B100561" s="14" t="s">
        <v>1</v>
      </c>
      <c r="C100561" s="14" t="s">
        <v>41</v>
      </c>
      <c r="D100561" s="14" t="s">
        <v>495</v>
      </c>
      <c r="E100561" s="15">
        <v>45562</v>
      </c>
      <c r="F100561" s="14" t="s">
        <v>15</v>
      </c>
      <c r="G100561" s="16">
        <v>0</v>
      </c>
    </row>
    <row r="100562" spans="1:7" x14ac:dyDescent="0.3">
      <c r="A100562" s="13" t="s">
        <v>494</v>
      </c>
      <c r="B100562" s="14" t="s">
        <v>1</v>
      </c>
      <c r="C100562" s="14" t="s">
        <v>41</v>
      </c>
      <c r="D100562" s="14" t="s">
        <v>495</v>
      </c>
      <c r="E100562" s="15">
        <v>45563</v>
      </c>
      <c r="F100562" s="14" t="s">
        <v>15</v>
      </c>
      <c r="G100562" s="16">
        <v>0</v>
      </c>
    </row>
    <row r="100563" spans="1:7" x14ac:dyDescent="0.3">
      <c r="A100563" s="13" t="s">
        <v>494</v>
      </c>
      <c r="B100563" s="14" t="s">
        <v>1</v>
      </c>
      <c r="C100563" s="14" t="s">
        <v>41</v>
      </c>
      <c r="D100563" s="14" t="s">
        <v>495</v>
      </c>
      <c r="E100563" s="15">
        <v>45564</v>
      </c>
      <c r="F100563" s="14" t="s">
        <v>15</v>
      </c>
      <c r="G100563" s="16">
        <v>0</v>
      </c>
    </row>
    <row r="100564" spans="1:7" x14ac:dyDescent="0.3">
      <c r="A100564" s="13" t="s">
        <v>494</v>
      </c>
      <c r="B100564" s="14" t="s">
        <v>1</v>
      </c>
      <c r="C100564" s="14" t="s">
        <v>41</v>
      </c>
      <c r="D100564" s="14" t="s">
        <v>495</v>
      </c>
      <c r="E100564" s="15">
        <v>45565</v>
      </c>
      <c r="F100564" s="14" t="s">
        <v>15</v>
      </c>
      <c r="G100564" s="16">
        <v>0.2368042581186309</v>
      </c>
    </row>
    <row r="100565" spans="1:7" x14ac:dyDescent="0.3">
      <c r="A100565" s="13" t="s">
        <v>494</v>
      </c>
      <c r="B100565" s="14" t="s">
        <v>1</v>
      </c>
      <c r="C100565" s="14" t="s">
        <v>41</v>
      </c>
      <c r="D100565" s="14" t="s">
        <v>495</v>
      </c>
      <c r="E100565" s="15">
        <v>45566</v>
      </c>
      <c r="F100565" s="14" t="s">
        <v>15</v>
      </c>
      <c r="G100565" s="16">
        <v>0.22505090295413574</v>
      </c>
    </row>
    <row r="100566" spans="1:7" x14ac:dyDescent="0.3">
      <c r="A100566" s="13" t="s">
        <v>494</v>
      </c>
      <c r="B100566" s="14" t="s">
        <v>1</v>
      </c>
      <c r="C100566" s="14" t="s">
        <v>41</v>
      </c>
      <c r="D100566" s="14" t="s">
        <v>495</v>
      </c>
      <c r="E100566" s="15">
        <v>45567</v>
      </c>
      <c r="F100566" s="14" t="s">
        <v>15</v>
      </c>
      <c r="G100566" s="16">
        <v>0.21683487577299201</v>
      </c>
    </row>
    <row r="100567" spans="1:7" x14ac:dyDescent="0.3">
      <c r="A100567" s="13" t="s">
        <v>494</v>
      </c>
      <c r="B100567" s="14" t="s">
        <v>1</v>
      </c>
      <c r="C100567" s="14" t="s">
        <v>41</v>
      </c>
      <c r="D100567" s="14" t="s">
        <v>495</v>
      </c>
      <c r="E100567" s="15">
        <v>45568</v>
      </c>
      <c r="F100567" s="14" t="s">
        <v>15</v>
      </c>
      <c r="G100567" s="16">
        <v>0.21230347595940366</v>
      </c>
    </row>
    <row r="100568" spans="1:7" x14ac:dyDescent="0.3">
      <c r="A100568" s="13" t="s">
        <v>494</v>
      </c>
      <c r="B100568" s="14" t="s">
        <v>1</v>
      </c>
      <c r="C100568" s="14" t="s">
        <v>41</v>
      </c>
      <c r="D100568" s="14" t="s">
        <v>495</v>
      </c>
      <c r="E100568" s="15">
        <v>45569</v>
      </c>
      <c r="F100568" s="14" t="s">
        <v>15</v>
      </c>
      <c r="G100568" s="16">
        <v>0.20598250934940596</v>
      </c>
    </row>
    <row r="100569" spans="1:7" x14ac:dyDescent="0.3">
      <c r="A100569" s="13" t="s">
        <v>494</v>
      </c>
      <c r="B100569" s="14" t="s">
        <v>1</v>
      </c>
      <c r="C100569" s="14" t="s">
        <v>41</v>
      </c>
      <c r="D100569" s="14" t="s">
        <v>495</v>
      </c>
      <c r="E100569" s="15">
        <v>45570</v>
      </c>
      <c r="F100569" s="14" t="s">
        <v>15</v>
      </c>
      <c r="G100569" s="16">
        <v>0.20598250934940596</v>
      </c>
    </row>
    <row r="100570" spans="1:7" x14ac:dyDescent="0.3">
      <c r="A100570" s="13" t="s">
        <v>494</v>
      </c>
      <c r="B100570" s="14" t="s">
        <v>1</v>
      </c>
      <c r="C100570" s="14" t="s">
        <v>41</v>
      </c>
      <c r="D100570" s="14" t="s">
        <v>495</v>
      </c>
      <c r="E100570" s="15">
        <v>45571</v>
      </c>
      <c r="F100570" s="14" t="s">
        <v>15</v>
      </c>
      <c r="G100570" s="16">
        <v>0.20598250934940596</v>
      </c>
    </row>
    <row r="100571" spans="1:7" x14ac:dyDescent="0.3">
      <c r="A100571" s="13" t="s">
        <v>494</v>
      </c>
      <c r="B100571" s="14" t="s">
        <v>1</v>
      </c>
      <c r="C100571" s="14" t="s">
        <v>41</v>
      </c>
      <c r="D100571" s="14" t="s">
        <v>495</v>
      </c>
      <c r="E100571" s="15">
        <v>45572</v>
      </c>
      <c r="F100571" s="14" t="s">
        <v>15</v>
      </c>
      <c r="G100571" s="16">
        <v>0.20287611656820703</v>
      </c>
    </row>
    <row r="100572" spans="1:7" x14ac:dyDescent="0.3">
      <c r="A100572" s="13" t="s">
        <v>494</v>
      </c>
      <c r="B100572" s="14" t="s">
        <v>1</v>
      </c>
      <c r="C100572" s="14" t="s">
        <v>41</v>
      </c>
      <c r="D100572" s="14" t="s">
        <v>495</v>
      </c>
      <c r="E100572" s="15">
        <v>45573</v>
      </c>
      <c r="F100572" s="14" t="s">
        <v>15</v>
      </c>
      <c r="G100572" s="16">
        <v>0.1912572820187651</v>
      </c>
    </row>
    <row r="100573" spans="1:7" x14ac:dyDescent="0.3">
      <c r="A100573" s="13" t="s">
        <v>494</v>
      </c>
      <c r="B100573" s="14" t="s">
        <v>1</v>
      </c>
      <c r="C100573" s="14" t="s">
        <v>41</v>
      </c>
      <c r="D100573" s="14" t="s">
        <v>495</v>
      </c>
      <c r="E100573" s="15">
        <v>45574</v>
      </c>
      <c r="F100573" s="14" t="s">
        <v>15</v>
      </c>
      <c r="G100573" s="16">
        <v>0.18583184268980329</v>
      </c>
    </row>
    <row r="100574" spans="1:7" x14ac:dyDescent="0.3">
      <c r="A100574" s="13" t="s">
        <v>494</v>
      </c>
      <c r="B100574" s="14" t="s">
        <v>1</v>
      </c>
      <c r="C100574" s="14" t="s">
        <v>41</v>
      </c>
      <c r="D100574" s="14" t="s">
        <v>495</v>
      </c>
      <c r="E100574" s="15">
        <v>45575</v>
      </c>
      <c r="F100574" s="14" t="s">
        <v>15</v>
      </c>
      <c r="G100574" s="16">
        <v>0.18283113945153939</v>
      </c>
    </row>
    <row r="100575" spans="1:7" x14ac:dyDescent="0.3">
      <c r="A100575" s="13" t="s">
        <v>494</v>
      </c>
      <c r="B100575" s="14" t="s">
        <v>1</v>
      </c>
      <c r="C100575" s="14" t="s">
        <v>41</v>
      </c>
      <c r="D100575" s="14" t="s">
        <v>495</v>
      </c>
      <c r="E100575" s="15">
        <v>45576</v>
      </c>
      <c r="F100575" s="14" t="s">
        <v>15</v>
      </c>
      <c r="G100575" s="16">
        <v>0.17818921527854953</v>
      </c>
    </row>
    <row r="100576" spans="1:7" x14ac:dyDescent="0.3">
      <c r="A100576" s="13" t="s">
        <v>494</v>
      </c>
      <c r="B100576" s="14" t="s">
        <v>1</v>
      </c>
      <c r="C100576" s="14" t="s">
        <v>41</v>
      </c>
      <c r="D100576" s="14" t="s">
        <v>495</v>
      </c>
      <c r="E100576" s="15">
        <v>45577</v>
      </c>
      <c r="F100576" s="14" t="s">
        <v>15</v>
      </c>
      <c r="G100576" s="16">
        <v>0.17818921527854953</v>
      </c>
    </row>
    <row r="100577" spans="1:7" x14ac:dyDescent="0.3">
      <c r="A100577" s="13" t="s">
        <v>494</v>
      </c>
      <c r="B100577" s="14" t="s">
        <v>1</v>
      </c>
      <c r="C100577" s="14" t="s">
        <v>41</v>
      </c>
      <c r="D100577" s="14" t="s">
        <v>495</v>
      </c>
      <c r="E100577" s="15">
        <v>45578</v>
      </c>
      <c r="F100577" s="14" t="s">
        <v>15</v>
      </c>
      <c r="G100577" s="16">
        <v>0.17818921527854953</v>
      </c>
    </row>
    <row r="100578" spans="1:7" x14ac:dyDescent="0.3">
      <c r="A100578" s="13" t="s">
        <v>494</v>
      </c>
      <c r="B100578" s="14" t="s">
        <v>1</v>
      </c>
      <c r="C100578" s="14" t="s">
        <v>41</v>
      </c>
      <c r="D100578" s="14" t="s">
        <v>495</v>
      </c>
      <c r="E100578" s="15">
        <v>45579</v>
      </c>
      <c r="F100578" s="14" t="s">
        <v>15</v>
      </c>
      <c r="G100578" s="16">
        <v>0.17818921527854953</v>
      </c>
    </row>
    <row r="100579" spans="1:7" x14ac:dyDescent="0.3">
      <c r="A100579" s="13" t="s">
        <v>494</v>
      </c>
      <c r="B100579" s="14" t="s">
        <v>1</v>
      </c>
      <c r="C100579" s="14" t="s">
        <v>41</v>
      </c>
      <c r="D100579" s="14" t="s">
        <v>495</v>
      </c>
      <c r="E100579" s="15">
        <v>45580</v>
      </c>
      <c r="F100579" s="14" t="s">
        <v>15</v>
      </c>
      <c r="G100579" s="16">
        <v>0.1741812537989261</v>
      </c>
    </row>
    <row r="100580" spans="1:7" x14ac:dyDescent="0.3">
      <c r="A100580" s="13" t="s">
        <v>494</v>
      </c>
      <c r="B100580" s="14" t="s">
        <v>1</v>
      </c>
      <c r="C100580" s="14" t="s">
        <v>41</v>
      </c>
      <c r="D100580" s="14" t="s">
        <v>495</v>
      </c>
      <c r="E100580" s="15">
        <v>45581</v>
      </c>
      <c r="F100580" s="14" t="s">
        <v>15</v>
      </c>
      <c r="G100580" s="16">
        <v>0.15795006155711064</v>
      </c>
    </row>
    <row r="100581" spans="1:7" x14ac:dyDescent="0.3">
      <c r="A100581" s="13" t="s">
        <v>494</v>
      </c>
      <c r="B100581" s="14" t="s">
        <v>1</v>
      </c>
      <c r="C100581" s="14" t="s">
        <v>41</v>
      </c>
      <c r="D100581" s="14" t="s">
        <v>495</v>
      </c>
      <c r="E100581" s="15">
        <v>45582</v>
      </c>
      <c r="F100581" s="14" t="s">
        <v>15</v>
      </c>
      <c r="G100581" s="16">
        <v>0.15340841262641663</v>
      </c>
    </row>
    <row r="100582" spans="1:7" x14ac:dyDescent="0.3">
      <c r="A100582" s="13" t="s">
        <v>494</v>
      </c>
      <c r="B100582" s="14" t="s">
        <v>1</v>
      </c>
      <c r="C100582" s="14" t="s">
        <v>41</v>
      </c>
      <c r="D100582" s="14" t="s">
        <v>495</v>
      </c>
      <c r="E100582" s="15">
        <v>45583</v>
      </c>
      <c r="F100582" s="14" t="s">
        <v>15</v>
      </c>
      <c r="G100582" s="16">
        <v>0.15014720714251872</v>
      </c>
    </row>
    <row r="100583" spans="1:7" x14ac:dyDescent="0.3">
      <c r="A100583" s="13" t="s">
        <v>494</v>
      </c>
      <c r="B100583" s="14" t="s">
        <v>1</v>
      </c>
      <c r="C100583" s="14" t="s">
        <v>41</v>
      </c>
      <c r="D100583" s="14" t="s">
        <v>495</v>
      </c>
      <c r="E100583" s="15">
        <v>45584</v>
      </c>
      <c r="F100583" s="14" t="s">
        <v>15</v>
      </c>
      <c r="G100583" s="16">
        <v>0.15014720714251872</v>
      </c>
    </row>
    <row r="100584" spans="1:7" x14ac:dyDescent="0.3">
      <c r="A100584" s="13" t="s">
        <v>494</v>
      </c>
      <c r="B100584" s="14" t="s">
        <v>1</v>
      </c>
      <c r="C100584" s="14" t="s">
        <v>41</v>
      </c>
      <c r="D100584" s="14" t="s">
        <v>495</v>
      </c>
      <c r="E100584" s="15">
        <v>45585</v>
      </c>
      <c r="F100584" s="14" t="s">
        <v>15</v>
      </c>
      <c r="G100584" s="16">
        <v>0.15014720714251872</v>
      </c>
    </row>
    <row r="100585" spans="1:7" x14ac:dyDescent="0.3">
      <c r="A100585" s="13" t="s">
        <v>494</v>
      </c>
      <c r="B100585" s="14" t="s">
        <v>1</v>
      </c>
      <c r="C100585" s="14" t="s">
        <v>41</v>
      </c>
      <c r="D100585" s="14" t="s">
        <v>495</v>
      </c>
      <c r="E100585" s="15">
        <v>45586</v>
      </c>
      <c r="F100585" s="14" t="s">
        <v>15</v>
      </c>
      <c r="G100585" s="16">
        <v>0.14497240092383382</v>
      </c>
    </row>
    <row r="100586" spans="1:7" x14ac:dyDescent="0.3">
      <c r="A100586" s="13" t="s">
        <v>494</v>
      </c>
      <c r="B100586" s="14" t="s">
        <v>1</v>
      </c>
      <c r="C100586" s="14" t="s">
        <v>41</v>
      </c>
      <c r="D100586" s="14" t="s">
        <v>495</v>
      </c>
      <c r="E100586" s="15">
        <v>45587</v>
      </c>
      <c r="F100586" s="14" t="s">
        <v>15</v>
      </c>
      <c r="G100586" s="16">
        <v>0.13308997796969579</v>
      </c>
    </row>
    <row r="100587" spans="1:7" x14ac:dyDescent="0.3">
      <c r="A100587" s="13" t="s">
        <v>494</v>
      </c>
      <c r="B100587" s="14" t="s">
        <v>1</v>
      </c>
      <c r="C100587" s="14" t="s">
        <v>41</v>
      </c>
      <c r="D100587" s="14" t="s">
        <v>495</v>
      </c>
      <c r="E100587" s="15">
        <v>45588</v>
      </c>
      <c r="F100587" s="14" t="s">
        <v>15</v>
      </c>
      <c r="G100587" s="16">
        <v>0.13936897373654106</v>
      </c>
    </row>
    <row r="100588" spans="1:7" x14ac:dyDescent="0.3">
      <c r="A100588" s="13" t="s">
        <v>494</v>
      </c>
      <c r="B100588" s="14" t="s">
        <v>1</v>
      </c>
      <c r="C100588" s="14" t="s">
        <v>41</v>
      </c>
      <c r="D100588" s="14" t="s">
        <v>495</v>
      </c>
      <c r="E100588" s="15">
        <v>45589</v>
      </c>
      <c r="F100588" s="14" t="s">
        <v>15</v>
      </c>
      <c r="G100588" s="16">
        <v>0.13637775946873257</v>
      </c>
    </row>
    <row r="100589" spans="1:7" x14ac:dyDescent="0.3">
      <c r="A100589" s="13" t="s">
        <v>494</v>
      </c>
      <c r="B100589" s="14" t="s">
        <v>1</v>
      </c>
      <c r="C100589" s="14" t="s">
        <v>41</v>
      </c>
      <c r="D100589" s="14" t="s">
        <v>495</v>
      </c>
      <c r="E100589" s="15">
        <v>45590</v>
      </c>
      <c r="F100589" s="14" t="s">
        <v>15</v>
      </c>
      <c r="G100589" s="16">
        <v>0.13210697982493833</v>
      </c>
    </row>
    <row r="100590" spans="1:7" x14ac:dyDescent="0.3">
      <c r="A100590" s="13" t="s">
        <v>494</v>
      </c>
      <c r="B100590" s="14" t="s">
        <v>1</v>
      </c>
      <c r="C100590" s="14" t="s">
        <v>41</v>
      </c>
      <c r="D100590" s="14" t="s">
        <v>495</v>
      </c>
      <c r="E100590" s="15">
        <v>45591</v>
      </c>
      <c r="F100590" s="14" t="s">
        <v>15</v>
      </c>
      <c r="G100590" s="16">
        <v>0.13210697982493833</v>
      </c>
    </row>
    <row r="100591" spans="1:7" x14ac:dyDescent="0.3">
      <c r="A100591" s="13" t="s">
        <v>494</v>
      </c>
      <c r="B100591" s="14" t="s">
        <v>1</v>
      </c>
      <c r="C100591" s="14" t="s">
        <v>41</v>
      </c>
      <c r="D100591" s="14" t="s">
        <v>495</v>
      </c>
      <c r="E100591" s="15">
        <v>45592</v>
      </c>
      <c r="F100591" s="14" t="s">
        <v>15</v>
      </c>
      <c r="G100591" s="16">
        <v>0.13210697982493833</v>
      </c>
    </row>
    <row r="100592" spans="1:7" x14ac:dyDescent="0.3">
      <c r="A100592" s="13" t="s">
        <v>494</v>
      </c>
      <c r="B100592" s="14" t="s">
        <v>1</v>
      </c>
      <c r="C100592" s="14" t="s">
        <v>41</v>
      </c>
      <c r="D100592" s="14" t="s">
        <v>495</v>
      </c>
      <c r="E100592" s="15">
        <v>45593</v>
      </c>
      <c r="F100592" s="14" t="s">
        <v>15</v>
      </c>
      <c r="G100592" s="16">
        <v>0.13210697982493833</v>
      </c>
    </row>
    <row r="100593" spans="1:7" x14ac:dyDescent="0.3">
      <c r="A100593" s="13" t="s">
        <v>494</v>
      </c>
      <c r="B100593" s="14" t="s">
        <v>1</v>
      </c>
      <c r="C100593" s="14" t="s">
        <v>41</v>
      </c>
      <c r="D100593" s="14" t="s">
        <v>495</v>
      </c>
      <c r="E100593" s="15">
        <v>45594</v>
      </c>
      <c r="F100593" s="14" t="s">
        <v>15</v>
      </c>
      <c r="G100593" s="16">
        <v>0.12874106911920807</v>
      </c>
    </row>
    <row r="100594" spans="1:7" x14ac:dyDescent="0.3">
      <c r="A100594" s="13" t="s">
        <v>494</v>
      </c>
      <c r="B100594" s="14" t="s">
        <v>1</v>
      </c>
      <c r="C100594" s="14" t="s">
        <v>41</v>
      </c>
      <c r="D100594" s="14" t="s">
        <v>495</v>
      </c>
      <c r="E100594" s="15">
        <v>45595</v>
      </c>
      <c r="F100594" s="14" t="s">
        <v>15</v>
      </c>
      <c r="G100594" s="16">
        <v>0.11418377718408008</v>
      </c>
    </row>
    <row r="100595" spans="1:7" x14ac:dyDescent="0.3">
      <c r="A100595" s="13" t="s">
        <v>494</v>
      </c>
      <c r="B100595" s="14" t="s">
        <v>1</v>
      </c>
      <c r="C100595" s="14" t="s">
        <v>41</v>
      </c>
      <c r="D100595" s="14" t="s">
        <v>495</v>
      </c>
      <c r="E100595" s="15">
        <v>45596</v>
      </c>
      <c r="F100595" s="14" t="s">
        <v>15</v>
      </c>
      <c r="G100595" s="16">
        <v>0.11533342277699636</v>
      </c>
    </row>
    <row r="100596" spans="1:7" x14ac:dyDescent="0.3">
      <c r="A100596" s="13" t="s">
        <v>494</v>
      </c>
      <c r="B100596" s="14" t="s">
        <v>1</v>
      </c>
      <c r="C100596" s="14" t="s">
        <v>41</v>
      </c>
      <c r="D100596" s="14" t="s">
        <v>495</v>
      </c>
      <c r="E100596" s="15">
        <v>45597</v>
      </c>
      <c r="F100596" s="14" t="s">
        <v>15</v>
      </c>
      <c r="G100596" s="16">
        <v>0.11154419154638105</v>
      </c>
    </row>
    <row r="100597" spans="1:7" x14ac:dyDescent="0.3">
      <c r="A100597" s="13" t="s">
        <v>494</v>
      </c>
      <c r="B100597" s="14" t="s">
        <v>1</v>
      </c>
      <c r="C100597" s="14" t="s">
        <v>41</v>
      </c>
      <c r="D100597" s="14" t="s">
        <v>495</v>
      </c>
      <c r="E100597" s="15">
        <v>45598</v>
      </c>
      <c r="F100597" s="14" t="s">
        <v>15</v>
      </c>
      <c r="G100597" s="16">
        <v>0.11154419154638105</v>
      </c>
    </row>
    <row r="100598" spans="1:7" x14ac:dyDescent="0.3">
      <c r="A100598" s="13" t="s">
        <v>494</v>
      </c>
      <c r="B100598" s="14" t="s">
        <v>1</v>
      </c>
      <c r="C100598" s="14" t="s">
        <v>41</v>
      </c>
      <c r="D100598" s="14" t="s">
        <v>495</v>
      </c>
      <c r="E100598" s="15">
        <v>45599</v>
      </c>
      <c r="F100598" s="14" t="s">
        <v>15</v>
      </c>
      <c r="G100598" s="16">
        <v>0.11154419154638105</v>
      </c>
    </row>
    <row r="100599" spans="1:7" x14ac:dyDescent="0.3">
      <c r="A100599" s="13" t="s">
        <v>494</v>
      </c>
      <c r="B100599" s="14" t="s">
        <v>1</v>
      </c>
      <c r="C100599" s="14" t="s">
        <v>41</v>
      </c>
      <c r="D100599" s="14" t="s">
        <v>495</v>
      </c>
      <c r="E100599" s="15">
        <v>45600</v>
      </c>
      <c r="F100599" s="14" t="s">
        <v>15</v>
      </c>
      <c r="G100599" s="16">
        <v>0.11154419154638105</v>
      </c>
    </row>
    <row r="100600" spans="1:7" x14ac:dyDescent="0.3">
      <c r="A100600" s="13" t="s">
        <v>494</v>
      </c>
      <c r="B100600" s="14" t="s">
        <v>1</v>
      </c>
      <c r="C100600" s="14" t="s">
        <v>41</v>
      </c>
      <c r="D100600" s="14" t="s">
        <v>495</v>
      </c>
      <c r="E100600" s="15">
        <v>45601</v>
      </c>
      <c r="F100600" s="14" t="s">
        <v>15</v>
      </c>
      <c r="G100600" s="16">
        <v>0.10862681663340673</v>
      </c>
    </row>
    <row r="100601" spans="1:7" x14ac:dyDescent="0.3">
      <c r="A100601" s="13" t="s">
        <v>494</v>
      </c>
      <c r="B100601" s="14" t="s">
        <v>1</v>
      </c>
      <c r="C100601" s="14" t="s">
        <v>41</v>
      </c>
      <c r="D100601" s="14" t="s">
        <v>495</v>
      </c>
      <c r="E100601" s="15">
        <v>45602</v>
      </c>
      <c r="F100601" s="14" t="s">
        <v>15</v>
      </c>
      <c r="G100601" s="16">
        <v>9.1346481357973283E-2</v>
      </c>
    </row>
    <row r="100602" spans="1:7" x14ac:dyDescent="0.3">
      <c r="A100602" s="13" t="s">
        <v>494</v>
      </c>
      <c r="B100602" s="14" t="s">
        <v>1</v>
      </c>
      <c r="C100602" s="14" t="s">
        <v>41</v>
      </c>
      <c r="D100602" s="14" t="s">
        <v>495</v>
      </c>
      <c r="E100602" s="15">
        <v>45603</v>
      </c>
      <c r="F100602" s="14" t="s">
        <v>15</v>
      </c>
      <c r="G100602" s="16">
        <v>8.8475164606546378E-2</v>
      </c>
    </row>
    <row r="100603" spans="1:7" x14ac:dyDescent="0.3">
      <c r="A100603" s="13" t="s">
        <v>494</v>
      </c>
      <c r="B100603" s="14" t="s">
        <v>1</v>
      </c>
      <c r="C100603" s="14" t="s">
        <v>41</v>
      </c>
      <c r="D100603" s="14" t="s">
        <v>495</v>
      </c>
      <c r="E100603" s="15">
        <v>45604</v>
      </c>
      <c r="F100603" s="14" t="s">
        <v>15</v>
      </c>
      <c r="G100603" s="16">
        <v>9.575309465701165E-2</v>
      </c>
    </row>
    <row r="100604" spans="1:7" x14ac:dyDescent="0.3">
      <c r="A100604" s="13" t="s">
        <v>494</v>
      </c>
      <c r="B100604" s="14" t="s">
        <v>1</v>
      </c>
      <c r="C100604" s="14" t="s">
        <v>41</v>
      </c>
      <c r="D100604" s="14" t="s">
        <v>495</v>
      </c>
      <c r="E100604" s="15">
        <v>45605</v>
      </c>
      <c r="F100604" s="14" t="s">
        <v>15</v>
      </c>
      <c r="G100604" s="16">
        <v>9.575309465701165E-2</v>
      </c>
    </row>
    <row r="100605" spans="1:7" x14ac:dyDescent="0.3">
      <c r="A100605" s="13" t="s">
        <v>494</v>
      </c>
      <c r="B100605" s="14" t="s">
        <v>1</v>
      </c>
      <c r="C100605" s="14" t="s">
        <v>41</v>
      </c>
      <c r="D100605" s="14" t="s">
        <v>495</v>
      </c>
      <c r="E100605" s="15">
        <v>45606</v>
      </c>
      <c r="F100605" s="14" t="s">
        <v>15</v>
      </c>
      <c r="G100605" s="16">
        <v>9.575309465701165E-2</v>
      </c>
    </row>
    <row r="100606" spans="1:7" x14ac:dyDescent="0.3">
      <c r="A100606" s="13" t="s">
        <v>494</v>
      </c>
      <c r="B100606" s="14" t="s">
        <v>1</v>
      </c>
      <c r="C100606" s="14" t="s">
        <v>41</v>
      </c>
      <c r="D100606" s="14" t="s">
        <v>495</v>
      </c>
      <c r="E100606" s="15">
        <v>45607</v>
      </c>
      <c r="F100606" s="14" t="s">
        <v>15</v>
      </c>
      <c r="G100606" s="16">
        <v>9.8594511590017073E-2</v>
      </c>
    </row>
    <row r="100607" spans="1:7" x14ac:dyDescent="0.3">
      <c r="A100607" s="13" t="s">
        <v>494</v>
      </c>
      <c r="B100607" s="14" t="s">
        <v>1</v>
      </c>
      <c r="C100607" s="14" t="s">
        <v>41</v>
      </c>
      <c r="D100607" s="14" t="s">
        <v>495</v>
      </c>
      <c r="E100607" s="15">
        <v>45608</v>
      </c>
      <c r="F100607" s="14" t="s">
        <v>15</v>
      </c>
      <c r="G100607" s="16">
        <v>8.6128603532276915E-2</v>
      </c>
    </row>
    <row r="100608" spans="1:7" x14ac:dyDescent="0.3">
      <c r="A100608" s="13" t="s">
        <v>494</v>
      </c>
      <c r="B100608" s="14" t="s">
        <v>1</v>
      </c>
      <c r="C100608" s="14" t="s">
        <v>41</v>
      </c>
      <c r="D100608" s="14" t="s">
        <v>495</v>
      </c>
      <c r="E100608" s="15">
        <v>45609</v>
      </c>
      <c r="F100608" s="14" t="s">
        <v>15</v>
      </c>
      <c r="G100608" s="16">
        <v>8.3313316366908668E-2</v>
      </c>
    </row>
    <row r="100609" spans="1:7" x14ac:dyDescent="0.3">
      <c r="A100609" s="13" t="s">
        <v>494</v>
      </c>
      <c r="B100609" s="14" t="s">
        <v>1</v>
      </c>
      <c r="C100609" s="14" t="s">
        <v>41</v>
      </c>
      <c r="D100609" s="14" t="s">
        <v>495</v>
      </c>
      <c r="E100609" s="15">
        <v>45610</v>
      </c>
      <c r="F100609" s="14" t="s">
        <v>15</v>
      </c>
      <c r="G100609" s="16">
        <v>7.8910660911701472E-2</v>
      </c>
    </row>
    <row r="100610" spans="1:7" x14ac:dyDescent="0.3">
      <c r="A100610" s="13" t="s">
        <v>494</v>
      </c>
      <c r="B100610" s="14" t="s">
        <v>1</v>
      </c>
      <c r="C100610" s="14" t="s">
        <v>41</v>
      </c>
      <c r="D100610" s="14" t="s">
        <v>495</v>
      </c>
      <c r="E100610" s="15">
        <v>45611</v>
      </c>
      <c r="F100610" s="14" t="s">
        <v>15</v>
      </c>
      <c r="G100610" s="16">
        <v>7.5904236433449623E-2</v>
      </c>
    </row>
    <row r="100611" spans="1:7" x14ac:dyDescent="0.3">
      <c r="A100611" s="13" t="s">
        <v>494</v>
      </c>
      <c r="B100611" s="14" t="s">
        <v>1</v>
      </c>
      <c r="C100611" s="14" t="s">
        <v>41</v>
      </c>
      <c r="D100611" s="14" t="s">
        <v>495</v>
      </c>
      <c r="E100611" s="15">
        <v>45612</v>
      </c>
      <c r="F100611" s="14" t="s">
        <v>15</v>
      </c>
      <c r="G100611" s="16">
        <v>7.5904236433449623E-2</v>
      </c>
    </row>
    <row r="100612" spans="1:7" x14ac:dyDescent="0.3">
      <c r="A100612" s="13" t="s">
        <v>494</v>
      </c>
      <c r="B100612" s="14" t="s">
        <v>1</v>
      </c>
      <c r="C100612" s="14" t="s">
        <v>41</v>
      </c>
      <c r="D100612" s="14" t="s">
        <v>495</v>
      </c>
      <c r="E100612" s="15">
        <v>45613</v>
      </c>
      <c r="F100612" s="14" t="s">
        <v>15</v>
      </c>
      <c r="G100612" s="16">
        <v>7.5904236433449623E-2</v>
      </c>
    </row>
    <row r="100613" spans="1:7" x14ac:dyDescent="0.3">
      <c r="A100613" s="13" t="s">
        <v>494</v>
      </c>
      <c r="B100613" s="14" t="s">
        <v>1</v>
      </c>
      <c r="C100613" s="14" t="s">
        <v>41</v>
      </c>
      <c r="D100613" s="14" t="s">
        <v>495</v>
      </c>
      <c r="E100613" s="15">
        <v>45614</v>
      </c>
      <c r="F100613" s="14" t="s">
        <v>15</v>
      </c>
      <c r="G100613" s="16">
        <v>7.9223757291395538E-2</v>
      </c>
    </row>
    <row r="100614" spans="1:7" x14ac:dyDescent="0.3">
      <c r="A100614" s="13" t="s">
        <v>494</v>
      </c>
      <c r="B100614" s="14" t="s">
        <v>1</v>
      </c>
      <c r="C100614" s="14" t="s">
        <v>41</v>
      </c>
      <c r="D100614" s="14" t="s">
        <v>495</v>
      </c>
      <c r="E100614" s="15">
        <v>45615</v>
      </c>
      <c r="F100614" s="14" t="s">
        <v>15</v>
      </c>
      <c r="G100614" s="16">
        <v>6.7199445527984347E-2</v>
      </c>
    </row>
    <row r="100615" spans="1:7" x14ac:dyDescent="0.3">
      <c r="A100615" s="13" t="s">
        <v>494</v>
      </c>
      <c r="B100615" s="14" t="s">
        <v>1</v>
      </c>
      <c r="C100615" s="14" t="s">
        <v>41</v>
      </c>
      <c r="D100615" s="14" t="s">
        <v>495</v>
      </c>
      <c r="E100615" s="15">
        <v>45616</v>
      </c>
      <c r="F100615" s="14" t="s">
        <v>15</v>
      </c>
      <c r="G100615" s="16">
        <v>6.3843850389247822E-2</v>
      </c>
    </row>
    <row r="100616" spans="1:7" x14ac:dyDescent="0.3">
      <c r="A100616" s="13" t="s">
        <v>494</v>
      </c>
      <c r="B100616" s="14" t="s">
        <v>1</v>
      </c>
      <c r="C100616" s="14" t="s">
        <v>41</v>
      </c>
      <c r="D100616" s="14" t="s">
        <v>495</v>
      </c>
      <c r="E100616" s="15">
        <v>45617</v>
      </c>
      <c r="F100616" s="14" t="s">
        <v>15</v>
      </c>
      <c r="G100616" s="16">
        <v>6.0224010529014792E-2</v>
      </c>
    </row>
    <row r="100617" spans="1:7" x14ac:dyDescent="0.3">
      <c r="A100617" s="13" t="s">
        <v>494</v>
      </c>
      <c r="B100617" s="14" t="s">
        <v>1</v>
      </c>
      <c r="C100617" s="14" t="s">
        <v>41</v>
      </c>
      <c r="D100617" s="14" t="s">
        <v>495</v>
      </c>
      <c r="E100617" s="15">
        <v>45618</v>
      </c>
      <c r="F100617" s="14" t="s">
        <v>15</v>
      </c>
      <c r="G100617" s="16">
        <v>5.6139629974074817E-2</v>
      </c>
    </row>
    <row r="100618" spans="1:7" x14ac:dyDescent="0.3">
      <c r="A100618" s="13" t="s">
        <v>494</v>
      </c>
      <c r="B100618" s="14" t="s">
        <v>1</v>
      </c>
      <c r="C100618" s="14" t="s">
        <v>41</v>
      </c>
      <c r="D100618" s="14" t="s">
        <v>495</v>
      </c>
      <c r="E100618" s="15">
        <v>45619</v>
      </c>
      <c r="F100618" s="14" t="s">
        <v>15</v>
      </c>
      <c r="G100618" s="16">
        <v>5.6139629974074817E-2</v>
      </c>
    </row>
    <row r="100619" spans="1:7" x14ac:dyDescent="0.3">
      <c r="A100619" s="13" t="s">
        <v>494</v>
      </c>
      <c r="B100619" s="14" t="s">
        <v>1</v>
      </c>
      <c r="C100619" s="14" t="s">
        <v>41</v>
      </c>
      <c r="D100619" s="14" t="s">
        <v>495</v>
      </c>
      <c r="E100619" s="15">
        <v>45620</v>
      </c>
      <c r="F100619" s="14" t="s">
        <v>15</v>
      </c>
      <c r="G100619" s="16">
        <v>5.6139629974074817E-2</v>
      </c>
    </row>
    <row r="100620" spans="1:7" x14ac:dyDescent="0.3">
      <c r="A100620" s="13" t="s">
        <v>494</v>
      </c>
      <c r="B100620" s="14" t="s">
        <v>1</v>
      </c>
      <c r="C100620" s="14" t="s">
        <v>41</v>
      </c>
      <c r="D100620" s="14" t="s">
        <v>495</v>
      </c>
      <c r="E100620" s="15">
        <v>45621</v>
      </c>
      <c r="F100620" s="14" t="s">
        <v>15</v>
      </c>
      <c r="G100620" s="16">
        <v>5.2380660058266588E-2</v>
      </c>
    </row>
    <row r="100621" spans="1:7" x14ac:dyDescent="0.3">
      <c r="A100621" s="13" t="s">
        <v>494</v>
      </c>
      <c r="B100621" s="14" t="s">
        <v>1</v>
      </c>
      <c r="C100621" s="14" t="s">
        <v>41</v>
      </c>
      <c r="D100621" s="14" t="s">
        <v>495</v>
      </c>
      <c r="E100621" s="15">
        <v>45622</v>
      </c>
      <c r="F100621" s="14" t="s">
        <v>15</v>
      </c>
      <c r="G100621" s="16">
        <v>4.0755158260555063E-2</v>
      </c>
    </row>
    <row r="100622" spans="1:7" x14ac:dyDescent="0.3">
      <c r="A100622" s="13" t="s">
        <v>494</v>
      </c>
      <c r="B100622" s="14" t="s">
        <v>1</v>
      </c>
      <c r="C100622" s="14" t="s">
        <v>41</v>
      </c>
      <c r="D100622" s="14" t="s">
        <v>495</v>
      </c>
      <c r="E100622" s="15">
        <v>45623</v>
      </c>
      <c r="F100622" s="14" t="s">
        <v>15</v>
      </c>
      <c r="G100622" s="16">
        <v>3.7198655295347147E-2</v>
      </c>
    </row>
    <row r="100623" spans="1:7" x14ac:dyDescent="0.3">
      <c r="A100623" s="13" t="s">
        <v>494</v>
      </c>
      <c r="B100623" s="14" t="s">
        <v>1</v>
      </c>
      <c r="C100623" s="14" t="s">
        <v>41</v>
      </c>
      <c r="D100623" s="14" t="s">
        <v>495</v>
      </c>
      <c r="E100623" s="15">
        <v>45624</v>
      </c>
      <c r="F100623" s="14" t="s">
        <v>15</v>
      </c>
      <c r="G100623" s="16">
        <v>3.3117496064600599E-2</v>
      </c>
    </row>
    <row r="100624" spans="1:7" x14ac:dyDescent="0.3">
      <c r="A100624" s="13" t="s">
        <v>494</v>
      </c>
      <c r="B100624" s="14" t="s">
        <v>1</v>
      </c>
      <c r="C100624" s="14" t="s">
        <v>41</v>
      </c>
      <c r="D100624" s="14" t="s">
        <v>495</v>
      </c>
      <c r="E100624" s="15">
        <v>45625</v>
      </c>
      <c r="F100624" s="14" t="s">
        <v>15</v>
      </c>
      <c r="G100624" s="16">
        <v>3.4527987865761264E-2</v>
      </c>
    </row>
    <row r="100625" spans="1:7" x14ac:dyDescent="0.3">
      <c r="A100625" s="13" t="s">
        <v>494</v>
      </c>
      <c r="B100625" s="14" t="s">
        <v>1</v>
      </c>
      <c r="C100625" s="14" t="s">
        <v>41</v>
      </c>
      <c r="D100625" s="14" t="s">
        <v>495</v>
      </c>
      <c r="E100625" s="15">
        <v>45626</v>
      </c>
      <c r="F100625" s="14" t="s">
        <v>15</v>
      </c>
      <c r="G100625" s="16">
        <v>3.4527987865761264E-2</v>
      </c>
    </row>
    <row r="100626" spans="1:7" x14ac:dyDescent="0.3">
      <c r="A100626" s="13" t="s">
        <v>494</v>
      </c>
      <c r="B100626" s="14" t="s">
        <v>1</v>
      </c>
      <c r="C100626" s="14" t="s">
        <v>41</v>
      </c>
      <c r="D100626" s="14" t="s">
        <v>495</v>
      </c>
      <c r="E100626" s="15">
        <v>45627</v>
      </c>
      <c r="F100626" s="14" t="s">
        <v>15</v>
      </c>
      <c r="G100626" s="16">
        <v>3.4527987865761264E-2</v>
      </c>
    </row>
    <row r="100627" spans="1:7" x14ac:dyDescent="0.3">
      <c r="A100627" s="13" t="s">
        <v>494</v>
      </c>
      <c r="B100627" s="14" t="s">
        <v>1</v>
      </c>
      <c r="C100627" s="14" t="s">
        <v>41</v>
      </c>
      <c r="D100627" s="14" t="s">
        <v>495</v>
      </c>
      <c r="E100627" s="15">
        <v>45628</v>
      </c>
      <c r="F100627" s="14" t="s">
        <v>15</v>
      </c>
      <c r="G100627" s="16">
        <v>3.0534651159816396E-2</v>
      </c>
    </row>
    <row r="100628" spans="1:7" x14ac:dyDescent="0.3">
      <c r="A100628" s="13" t="s">
        <v>494</v>
      </c>
      <c r="B100628" s="14" t="s">
        <v>1</v>
      </c>
      <c r="C100628" s="14" t="s">
        <v>41</v>
      </c>
      <c r="D100628" s="14" t="s">
        <v>495</v>
      </c>
      <c r="E100628" s="15">
        <v>45629</v>
      </c>
      <c r="F100628" s="14" t="s">
        <v>15</v>
      </c>
      <c r="G100628" s="16">
        <v>2.5859969647220232E-2</v>
      </c>
    </row>
    <row r="100629" spans="1:7" x14ac:dyDescent="0.3">
      <c r="A100629" s="13" t="s">
        <v>494</v>
      </c>
      <c r="B100629" s="14" t="s">
        <v>1</v>
      </c>
      <c r="C100629" s="14" t="s">
        <v>41</v>
      </c>
      <c r="D100629" s="14" t="s">
        <v>495</v>
      </c>
      <c r="E100629" s="15">
        <v>45630</v>
      </c>
      <c r="F100629" s="14" t="s">
        <v>15</v>
      </c>
      <c r="G100629" s="16">
        <v>2.1686441936950598E-2</v>
      </c>
    </row>
    <row r="100630" spans="1:7" x14ac:dyDescent="0.3">
      <c r="A100630" s="13" t="s">
        <v>494</v>
      </c>
      <c r="B100630" s="14" t="s">
        <v>1</v>
      </c>
      <c r="C100630" s="14" t="s">
        <v>41</v>
      </c>
      <c r="D100630" s="14" t="s">
        <v>495</v>
      </c>
      <c r="E100630" s="15">
        <v>45631</v>
      </c>
      <c r="F100630" s="14" t="s">
        <v>15</v>
      </c>
      <c r="G100630" s="16">
        <v>1.768525991948907E-2</v>
      </c>
    </row>
    <row r="100631" spans="1:7" x14ac:dyDescent="0.3">
      <c r="A100631" s="13" t="s">
        <v>494</v>
      </c>
      <c r="B100631" s="14" t="s">
        <v>1</v>
      </c>
      <c r="C100631" s="14" t="s">
        <v>41</v>
      </c>
      <c r="D100631" s="14" t="s">
        <v>495</v>
      </c>
      <c r="E100631" s="15">
        <v>45632</v>
      </c>
      <c r="F100631" s="14" t="s">
        <v>15</v>
      </c>
      <c r="G100631" s="16">
        <v>1.3551661327229587E-2</v>
      </c>
    </row>
    <row r="100632" spans="1:7" x14ac:dyDescent="0.3">
      <c r="A100632" s="13" t="s">
        <v>494</v>
      </c>
      <c r="B100632" s="14" t="s">
        <v>1</v>
      </c>
      <c r="C100632" s="14" t="s">
        <v>41</v>
      </c>
      <c r="D100632" s="14" t="s">
        <v>495</v>
      </c>
      <c r="E100632" s="15">
        <v>45633</v>
      </c>
      <c r="F100632" s="14" t="s">
        <v>15</v>
      </c>
      <c r="G100632" s="16">
        <v>1.3551661327229587E-2</v>
      </c>
    </row>
    <row r="100633" spans="1:7" x14ac:dyDescent="0.3">
      <c r="A100633" s="13" t="s">
        <v>494</v>
      </c>
      <c r="B100633" s="14" t="s">
        <v>1</v>
      </c>
      <c r="C100633" s="14" t="s">
        <v>41</v>
      </c>
      <c r="D100633" s="14" t="s">
        <v>495</v>
      </c>
      <c r="E100633" s="15">
        <v>45634</v>
      </c>
      <c r="F100633" s="14" t="s">
        <v>15</v>
      </c>
      <c r="G100633" s="16">
        <v>1.3551661327229587E-2</v>
      </c>
    </row>
    <row r="100634" spans="1:7" x14ac:dyDescent="0.3">
      <c r="A100634" s="13" t="s">
        <v>494</v>
      </c>
      <c r="B100634" s="14" t="s">
        <v>1</v>
      </c>
      <c r="C100634" s="14" t="s">
        <v>41</v>
      </c>
      <c r="D100634" s="14" t="s">
        <v>495</v>
      </c>
      <c r="E100634" s="15">
        <v>45635</v>
      </c>
      <c r="F100634" s="14" t="s">
        <v>15</v>
      </c>
      <c r="G100634" s="16">
        <v>9.4004677345657945E-3</v>
      </c>
    </row>
    <row r="100635" spans="1:7" x14ac:dyDescent="0.3">
      <c r="A100635" s="13" t="s">
        <v>494</v>
      </c>
      <c r="B100635" s="14" t="s">
        <v>1</v>
      </c>
      <c r="C100635" s="14" t="s">
        <v>41</v>
      </c>
      <c r="D100635" s="14" t="s">
        <v>495</v>
      </c>
      <c r="E100635" s="15">
        <v>45636</v>
      </c>
      <c r="F100635" s="14" t="s">
        <v>15</v>
      </c>
      <c r="G100635" s="16">
        <v>0</v>
      </c>
    </row>
    <row r="100636" spans="1:7" x14ac:dyDescent="0.3">
      <c r="A100636" s="13" t="s">
        <v>494</v>
      </c>
      <c r="B100636" s="14" t="s">
        <v>1</v>
      </c>
      <c r="C100636" s="14" t="s">
        <v>41</v>
      </c>
      <c r="D100636" s="14" t="s">
        <v>495</v>
      </c>
      <c r="E100636" s="15">
        <v>45637</v>
      </c>
      <c r="F100636" s="14" t="s">
        <v>15</v>
      </c>
      <c r="G100636" s="16">
        <v>0</v>
      </c>
    </row>
    <row r="100637" spans="1:7" x14ac:dyDescent="0.3">
      <c r="A100637" s="13" t="s">
        <v>494</v>
      </c>
      <c r="B100637" s="14" t="s">
        <v>1</v>
      </c>
      <c r="C100637" s="14" t="s">
        <v>41</v>
      </c>
      <c r="D100637" s="14" t="s">
        <v>495</v>
      </c>
      <c r="E100637" s="15">
        <v>45638</v>
      </c>
      <c r="F100637" s="14" t="s">
        <v>15</v>
      </c>
      <c r="G100637" s="16">
        <v>0</v>
      </c>
    </row>
    <row r="100638" spans="1:7" x14ac:dyDescent="0.3">
      <c r="A100638" s="13" t="s">
        <v>494</v>
      </c>
      <c r="B100638" s="14" t="s">
        <v>1</v>
      </c>
      <c r="C100638" s="14" t="s">
        <v>41</v>
      </c>
      <c r="D100638" s="14" t="s">
        <v>495</v>
      </c>
      <c r="E100638" s="15">
        <v>45639</v>
      </c>
      <c r="F100638" s="14" t="s">
        <v>15</v>
      </c>
      <c r="G100638" s="16">
        <v>0</v>
      </c>
    </row>
    <row r="100639" spans="1:7" x14ac:dyDescent="0.3">
      <c r="A100639" s="13" t="s">
        <v>494</v>
      </c>
      <c r="B100639" s="14" t="s">
        <v>1</v>
      </c>
      <c r="C100639" s="14" t="s">
        <v>41</v>
      </c>
      <c r="D100639" s="14" t="s">
        <v>495</v>
      </c>
      <c r="E100639" s="15">
        <v>45640</v>
      </c>
      <c r="F100639" s="14" t="s">
        <v>15</v>
      </c>
      <c r="G100639" s="16">
        <v>0</v>
      </c>
    </row>
    <row r="100640" spans="1:7" x14ac:dyDescent="0.3">
      <c r="A100640" s="13" t="s">
        <v>494</v>
      </c>
      <c r="B100640" s="14" t="s">
        <v>1</v>
      </c>
      <c r="C100640" s="14" t="s">
        <v>41</v>
      </c>
      <c r="D100640" s="14" t="s">
        <v>495</v>
      </c>
      <c r="E100640" s="15">
        <v>45641</v>
      </c>
      <c r="F100640" s="14" t="s">
        <v>15</v>
      </c>
      <c r="G100640" s="16">
        <v>0</v>
      </c>
    </row>
    <row r="100641" spans="1:7" x14ac:dyDescent="0.3">
      <c r="A100641" s="13" t="s">
        <v>494</v>
      </c>
      <c r="B100641" s="14" t="s">
        <v>1</v>
      </c>
      <c r="C100641" s="14" t="s">
        <v>41</v>
      </c>
      <c r="D100641" s="14" t="s">
        <v>495</v>
      </c>
      <c r="E100641" s="15">
        <v>45642</v>
      </c>
      <c r="F100641" s="14" t="s">
        <v>15</v>
      </c>
      <c r="G100641" s="16">
        <v>0</v>
      </c>
    </row>
    <row r="100642" spans="1:7" x14ac:dyDescent="0.3">
      <c r="A100642" s="13" t="s">
        <v>494</v>
      </c>
      <c r="B100642" s="14" t="s">
        <v>1</v>
      </c>
      <c r="C100642" s="14" t="s">
        <v>41</v>
      </c>
      <c r="D100642" s="14" t="s">
        <v>495</v>
      </c>
      <c r="E100642" s="15">
        <v>45643</v>
      </c>
      <c r="F100642" s="14" t="s">
        <v>15</v>
      </c>
      <c r="G100642" s="16">
        <v>0</v>
      </c>
    </row>
    <row r="100643" spans="1:7" x14ac:dyDescent="0.3">
      <c r="A100643" s="13" t="s">
        <v>494</v>
      </c>
      <c r="B100643" s="14" t="s">
        <v>1</v>
      </c>
      <c r="C100643" s="14" t="s">
        <v>41</v>
      </c>
      <c r="D100643" s="14" t="s">
        <v>495</v>
      </c>
      <c r="E100643" s="15">
        <v>45644</v>
      </c>
      <c r="F100643" s="14" t="s">
        <v>15</v>
      </c>
      <c r="G100643" s="16">
        <v>0</v>
      </c>
    </row>
    <row r="100644" spans="1:7" x14ac:dyDescent="0.3">
      <c r="A100644" s="13" t="s">
        <v>494</v>
      </c>
      <c r="B100644" s="14" t="s">
        <v>1</v>
      </c>
      <c r="C100644" s="14" t="s">
        <v>41</v>
      </c>
      <c r="D100644" s="14" t="s">
        <v>495</v>
      </c>
      <c r="E100644" s="15">
        <v>45645</v>
      </c>
      <c r="F100644" s="14" t="s">
        <v>15</v>
      </c>
      <c r="G100644" s="16">
        <v>0</v>
      </c>
    </row>
    <row r="100645" spans="1:7" x14ac:dyDescent="0.3">
      <c r="A100645" s="13" t="s">
        <v>494</v>
      </c>
      <c r="B100645" s="14" t="s">
        <v>1</v>
      </c>
      <c r="C100645" s="14" t="s">
        <v>41</v>
      </c>
      <c r="D100645" s="14" t="s">
        <v>495</v>
      </c>
      <c r="E100645" s="15">
        <v>45646</v>
      </c>
      <c r="F100645" s="14" t="s">
        <v>15</v>
      </c>
      <c r="G100645" s="16">
        <v>0</v>
      </c>
    </row>
    <row r="100646" spans="1:7" x14ac:dyDescent="0.3">
      <c r="A100646" s="13" t="s">
        <v>494</v>
      </c>
      <c r="B100646" s="14" t="s">
        <v>1</v>
      </c>
      <c r="C100646" s="14" t="s">
        <v>41</v>
      </c>
      <c r="D100646" s="14" t="s">
        <v>495</v>
      </c>
      <c r="E100646" s="15">
        <v>45647</v>
      </c>
      <c r="F100646" s="14" t="s">
        <v>15</v>
      </c>
      <c r="G100646" s="16">
        <v>0</v>
      </c>
    </row>
    <row r="100647" spans="1:7" x14ac:dyDescent="0.3">
      <c r="A100647" s="13" t="s">
        <v>494</v>
      </c>
      <c r="B100647" s="14" t="s">
        <v>1</v>
      </c>
      <c r="C100647" s="14" t="s">
        <v>41</v>
      </c>
      <c r="D100647" s="14" t="s">
        <v>495</v>
      </c>
      <c r="E100647" s="15">
        <v>45648</v>
      </c>
      <c r="F100647" s="14" t="s">
        <v>15</v>
      </c>
      <c r="G100647" s="16">
        <v>0</v>
      </c>
    </row>
    <row r="100648" spans="1:7" x14ac:dyDescent="0.3">
      <c r="A100648" s="13" t="s">
        <v>494</v>
      </c>
      <c r="B100648" s="14" t="s">
        <v>1</v>
      </c>
      <c r="C100648" s="14" t="s">
        <v>41</v>
      </c>
      <c r="D100648" s="14" t="s">
        <v>495</v>
      </c>
      <c r="E100648" s="15">
        <v>45649</v>
      </c>
      <c r="F100648" s="14" t="s">
        <v>15</v>
      </c>
      <c r="G100648" s="16">
        <v>0</v>
      </c>
    </row>
    <row r="100649" spans="1:7" x14ac:dyDescent="0.3">
      <c r="A100649" s="13" t="s">
        <v>494</v>
      </c>
      <c r="B100649" s="14" t="s">
        <v>1</v>
      </c>
      <c r="C100649" s="14" t="s">
        <v>41</v>
      </c>
      <c r="D100649" s="14" t="s">
        <v>495</v>
      </c>
      <c r="E100649" s="15">
        <v>45650</v>
      </c>
      <c r="F100649" s="14" t="s">
        <v>15</v>
      </c>
      <c r="G100649" s="16">
        <v>0</v>
      </c>
    </row>
    <row r="100650" spans="1:7" x14ac:dyDescent="0.3">
      <c r="A100650" s="13" t="s">
        <v>494</v>
      </c>
      <c r="B100650" s="14" t="s">
        <v>1</v>
      </c>
      <c r="C100650" s="14" t="s">
        <v>41</v>
      </c>
      <c r="D100650" s="14" t="s">
        <v>495</v>
      </c>
      <c r="E100650" s="15">
        <v>45651</v>
      </c>
      <c r="F100650" s="14" t="s">
        <v>15</v>
      </c>
      <c r="G100650" s="16">
        <v>0</v>
      </c>
    </row>
    <row r="100651" spans="1:7" x14ac:dyDescent="0.3">
      <c r="A100651" s="13" t="s">
        <v>494</v>
      </c>
      <c r="B100651" s="14" t="s">
        <v>1</v>
      </c>
      <c r="C100651" s="14" t="s">
        <v>41</v>
      </c>
      <c r="D100651" s="14" t="s">
        <v>495</v>
      </c>
      <c r="E100651" s="15">
        <v>45652</v>
      </c>
      <c r="F100651" s="14" t="s">
        <v>15</v>
      </c>
      <c r="G100651" s="16">
        <v>0</v>
      </c>
    </row>
    <row r="100652" spans="1:7" x14ac:dyDescent="0.3">
      <c r="A100652" s="13" t="s">
        <v>494</v>
      </c>
      <c r="B100652" s="14" t="s">
        <v>1</v>
      </c>
      <c r="C100652" s="14" t="s">
        <v>41</v>
      </c>
      <c r="D100652" s="14" t="s">
        <v>495</v>
      </c>
      <c r="E100652" s="15">
        <v>45653</v>
      </c>
      <c r="F100652" s="14" t="s">
        <v>15</v>
      </c>
      <c r="G100652" s="16">
        <v>0</v>
      </c>
    </row>
    <row r="100653" spans="1:7" x14ac:dyDescent="0.3">
      <c r="A100653" s="13" t="s">
        <v>494</v>
      </c>
      <c r="B100653" s="14" t="s">
        <v>1</v>
      </c>
      <c r="C100653" s="14" t="s">
        <v>41</v>
      </c>
      <c r="D100653" s="14" t="s">
        <v>495</v>
      </c>
      <c r="E100653" s="15">
        <v>45654</v>
      </c>
      <c r="F100653" s="14" t="s">
        <v>15</v>
      </c>
      <c r="G100653" s="16">
        <v>0</v>
      </c>
    </row>
    <row r="100654" spans="1:7" x14ac:dyDescent="0.3">
      <c r="A100654" s="13" t="s">
        <v>494</v>
      </c>
      <c r="B100654" s="14" t="s">
        <v>1</v>
      </c>
      <c r="C100654" s="14" t="s">
        <v>41</v>
      </c>
      <c r="D100654" s="14" t="s">
        <v>495</v>
      </c>
      <c r="E100654" s="15">
        <v>45655</v>
      </c>
      <c r="F100654" s="14" t="s">
        <v>15</v>
      </c>
      <c r="G100654" s="16">
        <v>0</v>
      </c>
    </row>
    <row r="100655" spans="1:7" x14ac:dyDescent="0.3">
      <c r="A100655" s="13" t="s">
        <v>494</v>
      </c>
      <c r="B100655" s="14" t="s">
        <v>1</v>
      </c>
      <c r="C100655" s="14" t="s">
        <v>41</v>
      </c>
      <c r="D100655" s="14" t="s">
        <v>495</v>
      </c>
      <c r="E100655" s="15">
        <v>45656</v>
      </c>
      <c r="F100655" s="14" t="s">
        <v>15</v>
      </c>
      <c r="G100655" s="16">
        <v>0</v>
      </c>
    </row>
    <row r="100656" spans="1:7" x14ac:dyDescent="0.3">
      <c r="A100656" s="13" t="s">
        <v>494</v>
      </c>
      <c r="B100656" s="14" t="s">
        <v>1</v>
      </c>
      <c r="C100656" s="14" t="s">
        <v>41</v>
      </c>
      <c r="D100656" s="14" t="s">
        <v>495</v>
      </c>
      <c r="E100656" s="15">
        <v>45657</v>
      </c>
      <c r="F100656" s="14" t="s">
        <v>15</v>
      </c>
      <c r="G100656" s="16">
        <v>0</v>
      </c>
    </row>
    <row r="100657" spans="1:7" x14ac:dyDescent="0.3">
      <c r="A100657" s="13" t="s">
        <v>494</v>
      </c>
      <c r="B100657" s="14" t="s">
        <v>1</v>
      </c>
      <c r="C100657" s="14" t="s">
        <v>41</v>
      </c>
      <c r="D100657" s="14" t="s">
        <v>495</v>
      </c>
      <c r="E100657" s="15">
        <v>45658</v>
      </c>
      <c r="F100657" s="14" t="s">
        <v>15</v>
      </c>
      <c r="G100657" s="16">
        <v>0</v>
      </c>
    </row>
    <row r="100658" spans="1:7" x14ac:dyDescent="0.3">
      <c r="A100658" s="13" t="s">
        <v>494</v>
      </c>
      <c r="B100658" s="14" t="s">
        <v>1</v>
      </c>
      <c r="C100658" s="14" t="s">
        <v>41</v>
      </c>
      <c r="D100658" s="14" t="s">
        <v>495</v>
      </c>
      <c r="E100658" s="15">
        <v>45659</v>
      </c>
      <c r="F100658" s="14" t="s">
        <v>15</v>
      </c>
      <c r="G100658" s="16">
        <v>0</v>
      </c>
    </row>
    <row r="100659" spans="1:7" x14ac:dyDescent="0.3">
      <c r="A100659" s="13" t="s">
        <v>494</v>
      </c>
      <c r="B100659" s="14" t="s">
        <v>1</v>
      </c>
      <c r="C100659" s="14" t="s">
        <v>41</v>
      </c>
      <c r="D100659" s="14" t="s">
        <v>495</v>
      </c>
      <c r="E100659" s="15">
        <v>45660</v>
      </c>
      <c r="F100659" s="14" t="s">
        <v>15</v>
      </c>
      <c r="G100659" s="16">
        <v>0</v>
      </c>
    </row>
    <row r="100660" spans="1:7" x14ac:dyDescent="0.3">
      <c r="A100660" s="13" t="s">
        <v>494</v>
      </c>
      <c r="B100660" s="14" t="s">
        <v>1</v>
      </c>
      <c r="C100660" s="14" t="s">
        <v>41</v>
      </c>
      <c r="D100660" s="14" t="s">
        <v>495</v>
      </c>
      <c r="E100660" s="15">
        <v>45661</v>
      </c>
      <c r="F100660" s="14" t="s">
        <v>15</v>
      </c>
      <c r="G100660" s="16">
        <v>0</v>
      </c>
    </row>
    <row r="100661" spans="1:7" x14ac:dyDescent="0.3">
      <c r="A100661" s="13" t="s">
        <v>494</v>
      </c>
      <c r="B100661" s="14" t="s">
        <v>1</v>
      </c>
      <c r="C100661" s="14" t="s">
        <v>41</v>
      </c>
      <c r="D100661" s="14" t="s">
        <v>495</v>
      </c>
      <c r="E100661" s="15">
        <v>45662</v>
      </c>
      <c r="F100661" s="14" t="s">
        <v>15</v>
      </c>
      <c r="G100661" s="16">
        <v>0</v>
      </c>
    </row>
    <row r="100662" spans="1:7" x14ac:dyDescent="0.3">
      <c r="A100662" s="13" t="s">
        <v>494</v>
      </c>
      <c r="B100662" s="14" t="s">
        <v>1</v>
      </c>
      <c r="C100662" s="14" t="s">
        <v>41</v>
      </c>
      <c r="D100662" s="14" t="s">
        <v>495</v>
      </c>
      <c r="E100662" s="15">
        <v>45663</v>
      </c>
      <c r="F100662" s="14" t="s">
        <v>15</v>
      </c>
      <c r="G100662" s="16">
        <v>2.6684942530059826E-2</v>
      </c>
    </row>
    <row r="100663" spans="1:7" x14ac:dyDescent="0.3">
      <c r="A100663" s="13" t="s">
        <v>494</v>
      </c>
      <c r="B100663" s="14" t="s">
        <v>1</v>
      </c>
      <c r="C100663" s="14" t="s">
        <v>41</v>
      </c>
      <c r="D100663" s="14" t="s">
        <v>495</v>
      </c>
      <c r="E100663" s="15">
        <v>45664</v>
      </c>
      <c r="F100663" s="14" t="s">
        <v>15</v>
      </c>
      <c r="G100663" s="16">
        <v>0</v>
      </c>
    </row>
    <row r="100664" spans="1:7" x14ac:dyDescent="0.3">
      <c r="A100664" s="13" t="s">
        <v>494</v>
      </c>
      <c r="B100664" s="14" t="s">
        <v>1</v>
      </c>
      <c r="C100664" s="14" t="s">
        <v>41</v>
      </c>
      <c r="D100664" s="14" t="s">
        <v>495</v>
      </c>
      <c r="E100664" s="15">
        <v>45665</v>
      </c>
      <c r="F100664" s="14" t="s">
        <v>15</v>
      </c>
      <c r="G100664" s="16">
        <v>0</v>
      </c>
    </row>
    <row r="100665" spans="1:7" x14ac:dyDescent="0.3">
      <c r="A100665" s="13" t="s">
        <v>494</v>
      </c>
      <c r="B100665" s="14" t="s">
        <v>1</v>
      </c>
      <c r="C100665" s="14" t="s">
        <v>41</v>
      </c>
      <c r="D100665" s="14" t="s">
        <v>495</v>
      </c>
      <c r="E100665" s="15">
        <v>45666</v>
      </c>
      <c r="F100665" s="14" t="s">
        <v>15</v>
      </c>
      <c r="G100665" s="16">
        <v>0</v>
      </c>
    </row>
    <row r="100666" spans="1:7" x14ac:dyDescent="0.3">
      <c r="A100666" s="13" t="s">
        <v>494</v>
      </c>
      <c r="B100666" s="14" t="s">
        <v>1</v>
      </c>
      <c r="C100666" s="14" t="s">
        <v>41</v>
      </c>
      <c r="D100666" s="14" t="s">
        <v>495</v>
      </c>
      <c r="E100666" s="15">
        <v>45667</v>
      </c>
      <c r="F100666" s="14" t="s">
        <v>15</v>
      </c>
      <c r="G100666" s="16">
        <v>0</v>
      </c>
    </row>
    <row r="100667" spans="1:7" x14ac:dyDescent="0.3">
      <c r="A100667" s="13" t="s">
        <v>494</v>
      </c>
      <c r="B100667" s="14" t="s">
        <v>1</v>
      </c>
      <c r="C100667" s="14" t="s">
        <v>41</v>
      </c>
      <c r="D100667" s="14" t="s">
        <v>495</v>
      </c>
      <c r="E100667" s="15">
        <v>45668</v>
      </c>
      <c r="F100667" s="14" t="s">
        <v>15</v>
      </c>
      <c r="G100667" s="16">
        <v>0</v>
      </c>
    </row>
    <row r="100668" spans="1:7" x14ac:dyDescent="0.3">
      <c r="A100668" s="13" t="s">
        <v>494</v>
      </c>
      <c r="B100668" s="14" t="s">
        <v>1</v>
      </c>
      <c r="C100668" s="14" t="s">
        <v>41</v>
      </c>
      <c r="D100668" s="14" t="s">
        <v>495</v>
      </c>
      <c r="E100668" s="15">
        <v>45669</v>
      </c>
      <c r="F100668" s="14" t="s">
        <v>15</v>
      </c>
      <c r="G100668" s="16">
        <v>0</v>
      </c>
    </row>
    <row r="100669" spans="1:7" x14ac:dyDescent="0.3">
      <c r="A100669" s="13" t="s">
        <v>494</v>
      </c>
      <c r="B100669" s="14" t="s">
        <v>1</v>
      </c>
      <c r="C100669" s="14" t="s">
        <v>41</v>
      </c>
      <c r="D100669" s="14" t="s">
        <v>495</v>
      </c>
      <c r="E100669" s="15">
        <v>45670</v>
      </c>
      <c r="F100669" s="14" t="s">
        <v>15</v>
      </c>
      <c r="G100669" s="16">
        <v>0</v>
      </c>
    </row>
    <row r="100670" spans="1:7" x14ac:dyDescent="0.3">
      <c r="A100670" s="13" t="s">
        <v>494</v>
      </c>
      <c r="B100670" s="14" t="s">
        <v>1</v>
      </c>
      <c r="C100670" s="14" t="s">
        <v>41</v>
      </c>
      <c r="D100670" s="14" t="s">
        <v>495</v>
      </c>
      <c r="E100670" s="15">
        <v>45671</v>
      </c>
      <c r="F100670" s="14" t="s">
        <v>15</v>
      </c>
      <c r="G100670" s="16">
        <v>0</v>
      </c>
    </row>
    <row r="100671" spans="1:7" x14ac:dyDescent="0.3">
      <c r="A100671" s="13" t="s">
        <v>494</v>
      </c>
      <c r="B100671" s="14" t="s">
        <v>1</v>
      </c>
      <c r="C100671" s="14" t="s">
        <v>41</v>
      </c>
      <c r="D100671" s="14" t="s">
        <v>495</v>
      </c>
      <c r="E100671" s="15">
        <v>45672</v>
      </c>
      <c r="F100671" s="14" t="s">
        <v>15</v>
      </c>
      <c r="G100671" s="16">
        <v>0</v>
      </c>
    </row>
    <row r="100672" spans="1:7" x14ac:dyDescent="0.3">
      <c r="A100672" s="13" t="s">
        <v>494</v>
      </c>
      <c r="B100672" s="14" t="s">
        <v>1</v>
      </c>
      <c r="C100672" s="14" t="s">
        <v>41</v>
      </c>
      <c r="D100672" s="14" t="s">
        <v>495</v>
      </c>
      <c r="E100672" s="15">
        <v>45673</v>
      </c>
      <c r="F100672" s="14" t="s">
        <v>15</v>
      </c>
      <c r="G100672" s="16">
        <v>0</v>
      </c>
    </row>
    <row r="100673" spans="1:7" x14ac:dyDescent="0.3">
      <c r="A100673" s="13" t="s">
        <v>494</v>
      </c>
      <c r="B100673" s="14" t="s">
        <v>1</v>
      </c>
      <c r="C100673" s="14" t="s">
        <v>41</v>
      </c>
      <c r="D100673" s="14" t="s">
        <v>495</v>
      </c>
      <c r="E100673" s="15">
        <v>45674</v>
      </c>
      <c r="F100673" s="14" t="s">
        <v>15</v>
      </c>
      <c r="G100673" s="16">
        <v>0</v>
      </c>
    </row>
    <row r="100674" spans="1:7" x14ac:dyDescent="0.3">
      <c r="A100674" s="13" t="s">
        <v>494</v>
      </c>
      <c r="B100674" s="14" t="s">
        <v>1</v>
      </c>
      <c r="C100674" s="14" t="s">
        <v>41</v>
      </c>
      <c r="D100674" s="14" t="s">
        <v>495</v>
      </c>
      <c r="E100674" s="15">
        <v>45675</v>
      </c>
      <c r="F100674" s="14" t="s">
        <v>15</v>
      </c>
      <c r="G100674" s="16">
        <v>0</v>
      </c>
    </row>
    <row r="100675" spans="1:7" x14ac:dyDescent="0.3">
      <c r="A100675" s="13" t="s">
        <v>494</v>
      </c>
      <c r="B100675" s="14" t="s">
        <v>1</v>
      </c>
      <c r="C100675" s="14" t="s">
        <v>41</v>
      </c>
      <c r="D100675" s="14" t="s">
        <v>495</v>
      </c>
      <c r="E100675" s="15">
        <v>45676</v>
      </c>
      <c r="F100675" s="14" t="s">
        <v>15</v>
      </c>
      <c r="G100675" s="16">
        <v>0</v>
      </c>
    </row>
    <row r="100676" spans="1:7" x14ac:dyDescent="0.3">
      <c r="A100676" s="13" t="s">
        <v>494</v>
      </c>
      <c r="B100676" s="14" t="s">
        <v>1</v>
      </c>
      <c r="C100676" s="14" t="s">
        <v>41</v>
      </c>
      <c r="D100676" s="14" t="s">
        <v>495</v>
      </c>
      <c r="E100676" s="15">
        <v>45677</v>
      </c>
      <c r="F100676" s="14" t="s">
        <v>15</v>
      </c>
      <c r="G100676" s="16">
        <v>0</v>
      </c>
    </row>
    <row r="100677" spans="1:7" x14ac:dyDescent="0.3">
      <c r="A100677" s="13" t="s">
        <v>494</v>
      </c>
      <c r="B100677" s="14" t="s">
        <v>1</v>
      </c>
      <c r="C100677" s="14" t="s">
        <v>41</v>
      </c>
      <c r="D100677" s="14" t="s">
        <v>495</v>
      </c>
      <c r="E100677" s="15">
        <v>45678</v>
      </c>
      <c r="F100677" s="14" t="s">
        <v>15</v>
      </c>
      <c r="G100677" s="16">
        <v>0</v>
      </c>
    </row>
    <row r="100678" spans="1:7" x14ac:dyDescent="0.3">
      <c r="A100678" s="13" t="s">
        <v>494</v>
      </c>
      <c r="B100678" s="14" t="s">
        <v>1</v>
      </c>
      <c r="C100678" s="14" t="s">
        <v>41</v>
      </c>
      <c r="D100678" s="14" t="s">
        <v>495</v>
      </c>
      <c r="E100678" s="15">
        <v>45679</v>
      </c>
      <c r="F100678" s="14" t="s">
        <v>15</v>
      </c>
      <c r="G100678" s="16">
        <v>0</v>
      </c>
    </row>
    <row r="100679" spans="1:7" x14ac:dyDescent="0.3">
      <c r="A100679" s="13" t="s">
        <v>494</v>
      </c>
      <c r="B100679" s="14" t="s">
        <v>1</v>
      </c>
      <c r="C100679" s="14" t="s">
        <v>41</v>
      </c>
      <c r="D100679" s="14" t="s">
        <v>495</v>
      </c>
      <c r="E100679" s="15">
        <v>45680</v>
      </c>
      <c r="F100679" s="14" t="s">
        <v>15</v>
      </c>
      <c r="G100679" s="16">
        <v>0</v>
      </c>
    </row>
    <row r="100680" spans="1:7" x14ac:dyDescent="0.3">
      <c r="A100680" s="13" t="s">
        <v>494</v>
      </c>
      <c r="B100680" s="14" t="s">
        <v>1</v>
      </c>
      <c r="C100680" s="14" t="s">
        <v>41</v>
      </c>
      <c r="D100680" s="14" t="s">
        <v>495</v>
      </c>
      <c r="E100680" s="15">
        <v>45681</v>
      </c>
      <c r="F100680" s="14" t="s">
        <v>15</v>
      </c>
      <c r="G100680" s="16">
        <v>0</v>
      </c>
    </row>
    <row r="100681" spans="1:7" x14ac:dyDescent="0.3">
      <c r="A100681" s="13" t="s">
        <v>494</v>
      </c>
      <c r="B100681" s="14" t="s">
        <v>1</v>
      </c>
      <c r="C100681" s="14" t="s">
        <v>41</v>
      </c>
      <c r="D100681" s="14" t="s">
        <v>495</v>
      </c>
      <c r="E100681" s="15">
        <v>45682</v>
      </c>
      <c r="F100681" s="14" t="s">
        <v>15</v>
      </c>
      <c r="G100681" s="16">
        <v>0</v>
      </c>
    </row>
    <row r="100682" spans="1:7" x14ac:dyDescent="0.3">
      <c r="A100682" s="13" t="s">
        <v>494</v>
      </c>
      <c r="B100682" s="14" t="s">
        <v>1</v>
      </c>
      <c r="C100682" s="14" t="s">
        <v>41</v>
      </c>
      <c r="D100682" s="14" t="s">
        <v>495</v>
      </c>
      <c r="E100682" s="15">
        <v>45683</v>
      </c>
      <c r="F100682" s="14" t="s">
        <v>15</v>
      </c>
      <c r="G100682" s="16">
        <v>0</v>
      </c>
    </row>
    <row r="100683" spans="1:7" x14ac:dyDescent="0.3">
      <c r="A100683" s="13" t="s">
        <v>494</v>
      </c>
      <c r="B100683" s="14" t="s">
        <v>1</v>
      </c>
      <c r="C100683" s="14" t="s">
        <v>41</v>
      </c>
      <c r="D100683" s="14" t="s">
        <v>495</v>
      </c>
      <c r="E100683" s="15">
        <v>45684</v>
      </c>
      <c r="F100683" s="14" t="s">
        <v>15</v>
      </c>
      <c r="G100683" s="16">
        <v>0</v>
      </c>
    </row>
    <row r="100684" spans="1:7" x14ac:dyDescent="0.3">
      <c r="A100684" s="13" t="s">
        <v>494</v>
      </c>
      <c r="B100684" s="14" t="s">
        <v>1</v>
      </c>
      <c r="C100684" s="14" t="s">
        <v>41</v>
      </c>
      <c r="D100684" s="14" t="s">
        <v>495</v>
      </c>
      <c r="E100684" s="15">
        <v>45685</v>
      </c>
      <c r="F100684" s="14" t="s">
        <v>15</v>
      </c>
      <c r="G100684" s="16">
        <v>0</v>
      </c>
    </row>
    <row r="100685" spans="1:7" x14ac:dyDescent="0.3">
      <c r="A100685" s="13" t="s">
        <v>494</v>
      </c>
      <c r="B100685" s="14" t="s">
        <v>1</v>
      </c>
      <c r="C100685" s="14" t="s">
        <v>41</v>
      </c>
      <c r="D100685" s="14" t="s">
        <v>495</v>
      </c>
      <c r="E100685" s="15">
        <v>45686</v>
      </c>
      <c r="F100685" s="14" t="s">
        <v>15</v>
      </c>
      <c r="G100685" s="16">
        <v>0</v>
      </c>
    </row>
    <row r="100686" spans="1:7" x14ac:dyDescent="0.3">
      <c r="A100686" s="13" t="s">
        <v>494</v>
      </c>
      <c r="B100686" s="14" t="s">
        <v>1</v>
      </c>
      <c r="C100686" s="14" t="s">
        <v>41</v>
      </c>
      <c r="D100686" s="14" t="s">
        <v>495</v>
      </c>
      <c r="E100686" s="15">
        <v>45687</v>
      </c>
      <c r="F100686" s="14" t="s">
        <v>15</v>
      </c>
      <c r="G100686" s="16">
        <v>0</v>
      </c>
    </row>
    <row r="100687" spans="1:7" x14ac:dyDescent="0.3">
      <c r="A100687" s="13" t="s">
        <v>494</v>
      </c>
      <c r="B100687" s="14" t="s">
        <v>1</v>
      </c>
      <c r="C100687" s="14" t="s">
        <v>41</v>
      </c>
      <c r="D100687" s="14" t="s">
        <v>495</v>
      </c>
      <c r="E100687" s="15">
        <v>45688</v>
      </c>
      <c r="F100687" s="14" t="s">
        <v>15</v>
      </c>
      <c r="G100687" s="16">
        <v>0</v>
      </c>
    </row>
    <row r="100688" spans="1:7" x14ac:dyDescent="0.3">
      <c r="A100688" s="13" t="s">
        <v>494</v>
      </c>
      <c r="B100688" s="14" t="s">
        <v>1</v>
      </c>
      <c r="C100688" s="14" t="s">
        <v>41</v>
      </c>
      <c r="D100688" s="14" t="s">
        <v>495</v>
      </c>
      <c r="E100688" s="15">
        <v>45689</v>
      </c>
      <c r="F100688" s="14" t="s">
        <v>15</v>
      </c>
      <c r="G100688" s="16">
        <v>0</v>
      </c>
    </row>
    <row r="100689" spans="1:7" x14ac:dyDescent="0.3">
      <c r="A100689" s="13" t="s">
        <v>494</v>
      </c>
      <c r="B100689" s="14" t="s">
        <v>1</v>
      </c>
      <c r="C100689" s="14" t="s">
        <v>41</v>
      </c>
      <c r="D100689" s="14" t="s">
        <v>495</v>
      </c>
      <c r="E100689" s="15">
        <v>45690</v>
      </c>
      <c r="F100689" s="14" t="s">
        <v>15</v>
      </c>
      <c r="G100689" s="16">
        <v>0</v>
      </c>
    </row>
    <row r="100690" spans="1:7" x14ac:dyDescent="0.3">
      <c r="A100690" s="13" t="s">
        <v>494</v>
      </c>
      <c r="B100690" s="14" t="s">
        <v>1</v>
      </c>
      <c r="C100690" s="14" t="s">
        <v>41</v>
      </c>
      <c r="D100690" s="14" t="s">
        <v>495</v>
      </c>
      <c r="E100690" s="15">
        <v>45691</v>
      </c>
      <c r="F100690" s="14" t="s">
        <v>15</v>
      </c>
      <c r="G100690" s="16">
        <v>0</v>
      </c>
    </row>
    <row r="100691" spans="1:7" x14ac:dyDescent="0.3">
      <c r="A100691" s="13" t="s">
        <v>494</v>
      </c>
      <c r="B100691" s="14" t="s">
        <v>1</v>
      </c>
      <c r="C100691" s="14" t="s">
        <v>41</v>
      </c>
      <c r="D100691" s="14" t="s">
        <v>495</v>
      </c>
      <c r="E100691" s="15">
        <v>45692</v>
      </c>
      <c r="F100691" s="14" t="s">
        <v>15</v>
      </c>
      <c r="G100691" s="16">
        <v>0</v>
      </c>
    </row>
    <row r="100692" spans="1:7" x14ac:dyDescent="0.3">
      <c r="A100692" s="13" t="s">
        <v>494</v>
      </c>
      <c r="B100692" s="14" t="s">
        <v>1</v>
      </c>
      <c r="C100692" s="14" t="s">
        <v>41</v>
      </c>
      <c r="D100692" s="14" t="s">
        <v>495</v>
      </c>
      <c r="E100692" s="15">
        <v>45693</v>
      </c>
      <c r="F100692" s="14" t="s">
        <v>15</v>
      </c>
      <c r="G100692" s="16">
        <v>0</v>
      </c>
    </row>
    <row r="100693" spans="1:7" x14ac:dyDescent="0.3">
      <c r="A100693" s="13" t="s">
        <v>494</v>
      </c>
      <c r="B100693" s="14" t="s">
        <v>1</v>
      </c>
      <c r="C100693" s="14" t="s">
        <v>41</v>
      </c>
      <c r="D100693" s="14" t="s">
        <v>495</v>
      </c>
      <c r="E100693" s="15">
        <v>45694</v>
      </c>
      <c r="F100693" s="14" t="s">
        <v>15</v>
      </c>
      <c r="G100693" s="16">
        <v>0</v>
      </c>
    </row>
    <row r="100694" spans="1:7" x14ac:dyDescent="0.3">
      <c r="A100694" s="13" t="s">
        <v>494</v>
      </c>
      <c r="B100694" s="14" t="s">
        <v>1</v>
      </c>
      <c r="C100694" s="14" t="s">
        <v>41</v>
      </c>
      <c r="D100694" s="14" t="s">
        <v>495</v>
      </c>
      <c r="E100694" s="15">
        <v>45695</v>
      </c>
      <c r="F100694" s="14" t="s">
        <v>15</v>
      </c>
      <c r="G100694" s="16">
        <v>0</v>
      </c>
    </row>
    <row r="100695" spans="1:7" x14ac:dyDescent="0.3">
      <c r="A100695" s="13" t="s">
        <v>494</v>
      </c>
      <c r="B100695" s="14" t="s">
        <v>1</v>
      </c>
      <c r="C100695" s="14" t="s">
        <v>41</v>
      </c>
      <c r="D100695" s="14" t="s">
        <v>495</v>
      </c>
      <c r="E100695" s="15">
        <v>45696</v>
      </c>
      <c r="F100695" s="14" t="s">
        <v>15</v>
      </c>
      <c r="G100695" s="16">
        <v>0</v>
      </c>
    </row>
    <row r="100696" spans="1:7" x14ac:dyDescent="0.3">
      <c r="A100696" s="13" t="s">
        <v>494</v>
      </c>
      <c r="B100696" s="14" t="s">
        <v>1</v>
      </c>
      <c r="C100696" s="14" t="s">
        <v>41</v>
      </c>
      <c r="D100696" s="14" t="s">
        <v>495</v>
      </c>
      <c r="E100696" s="15">
        <v>45697</v>
      </c>
      <c r="F100696" s="14" t="s">
        <v>15</v>
      </c>
      <c r="G100696" s="16">
        <v>0</v>
      </c>
    </row>
    <row r="100697" spans="1:7" x14ac:dyDescent="0.3">
      <c r="A100697" s="13" t="s">
        <v>494</v>
      </c>
      <c r="B100697" s="14" t="s">
        <v>1</v>
      </c>
      <c r="C100697" s="14" t="s">
        <v>41</v>
      </c>
      <c r="D100697" s="14" t="s">
        <v>495</v>
      </c>
      <c r="E100697" s="15">
        <v>45698</v>
      </c>
      <c r="F100697" s="14" t="s">
        <v>15</v>
      </c>
      <c r="G100697" s="16">
        <v>0</v>
      </c>
    </row>
    <row r="100698" spans="1:7" x14ac:dyDescent="0.3">
      <c r="A100698" s="13" t="s">
        <v>494</v>
      </c>
      <c r="B100698" s="14" t="s">
        <v>1</v>
      </c>
      <c r="C100698" s="14" t="s">
        <v>41</v>
      </c>
      <c r="D100698" s="14" t="s">
        <v>495</v>
      </c>
      <c r="E100698" s="15">
        <v>45699</v>
      </c>
      <c r="F100698" s="14" t="s">
        <v>15</v>
      </c>
      <c r="G100698" s="16">
        <v>0</v>
      </c>
    </row>
    <row r="100699" spans="1:7" x14ac:dyDescent="0.3">
      <c r="A100699" s="13" t="s">
        <v>494</v>
      </c>
      <c r="B100699" s="14" t="s">
        <v>1</v>
      </c>
      <c r="C100699" s="14" t="s">
        <v>41</v>
      </c>
      <c r="D100699" s="14" t="s">
        <v>495</v>
      </c>
      <c r="E100699" s="15">
        <v>45700</v>
      </c>
      <c r="F100699" s="14" t="s">
        <v>15</v>
      </c>
      <c r="G100699" s="16">
        <v>0</v>
      </c>
    </row>
    <row r="100700" spans="1:7" x14ac:dyDescent="0.3">
      <c r="A100700" s="13" t="s">
        <v>494</v>
      </c>
      <c r="B100700" s="14" t="s">
        <v>1</v>
      </c>
      <c r="C100700" s="14" t="s">
        <v>41</v>
      </c>
      <c r="D100700" s="14" t="s">
        <v>495</v>
      </c>
      <c r="E100700" s="15">
        <v>45701</v>
      </c>
      <c r="F100700" s="14" t="s">
        <v>15</v>
      </c>
      <c r="G100700" s="16">
        <v>0</v>
      </c>
    </row>
    <row r="100701" spans="1:7" x14ac:dyDescent="0.3">
      <c r="A100701" s="13" t="s">
        <v>494</v>
      </c>
      <c r="B100701" s="14" t="s">
        <v>1</v>
      </c>
      <c r="C100701" s="14" t="s">
        <v>41</v>
      </c>
      <c r="D100701" s="14" t="s">
        <v>495</v>
      </c>
      <c r="E100701" s="15">
        <v>45702</v>
      </c>
      <c r="F100701" s="14" t="s">
        <v>15</v>
      </c>
      <c r="G100701" s="16">
        <v>0</v>
      </c>
    </row>
    <row r="100702" spans="1:7" x14ac:dyDescent="0.3">
      <c r="A100702" s="13" t="s">
        <v>494</v>
      </c>
      <c r="B100702" s="14" t="s">
        <v>1</v>
      </c>
      <c r="C100702" s="14" t="s">
        <v>41</v>
      </c>
      <c r="D100702" s="14" t="s">
        <v>495</v>
      </c>
      <c r="E100702" s="15">
        <v>45703</v>
      </c>
      <c r="F100702" s="14" t="s">
        <v>15</v>
      </c>
      <c r="G100702" s="16">
        <v>0</v>
      </c>
    </row>
    <row r="100703" spans="1:7" x14ac:dyDescent="0.3">
      <c r="A100703" s="13" t="s">
        <v>494</v>
      </c>
      <c r="B100703" s="14" t="s">
        <v>1</v>
      </c>
      <c r="C100703" s="14" t="s">
        <v>41</v>
      </c>
      <c r="D100703" s="14" t="s">
        <v>495</v>
      </c>
      <c r="E100703" s="15">
        <v>45704</v>
      </c>
      <c r="F100703" s="14" t="s">
        <v>15</v>
      </c>
      <c r="G100703" s="16">
        <v>0</v>
      </c>
    </row>
    <row r="100704" spans="1:7" x14ac:dyDescent="0.3">
      <c r="A100704" s="13" t="s">
        <v>494</v>
      </c>
      <c r="B100704" s="14" t="s">
        <v>1</v>
      </c>
      <c r="C100704" s="14" t="s">
        <v>41</v>
      </c>
      <c r="D100704" s="14" t="s">
        <v>495</v>
      </c>
      <c r="E100704" s="15">
        <v>45705</v>
      </c>
      <c r="F100704" s="14" t="s">
        <v>15</v>
      </c>
      <c r="G100704" s="16">
        <v>0</v>
      </c>
    </row>
    <row r="100705" spans="1:7" x14ac:dyDescent="0.3">
      <c r="A100705" s="13" t="s">
        <v>494</v>
      </c>
      <c r="B100705" s="14" t="s">
        <v>1</v>
      </c>
      <c r="C100705" s="14" t="s">
        <v>41</v>
      </c>
      <c r="D100705" s="14" t="s">
        <v>495</v>
      </c>
      <c r="E100705" s="15">
        <v>45706</v>
      </c>
      <c r="F100705" s="14" t="s">
        <v>15</v>
      </c>
      <c r="G100705" s="16">
        <v>0</v>
      </c>
    </row>
    <row r="100706" spans="1:7" x14ac:dyDescent="0.3">
      <c r="A100706" s="13" t="s">
        <v>494</v>
      </c>
      <c r="B100706" s="14" t="s">
        <v>1</v>
      </c>
      <c r="C100706" s="14" t="s">
        <v>41</v>
      </c>
      <c r="D100706" s="14" t="s">
        <v>495</v>
      </c>
      <c r="E100706" s="15">
        <v>45707</v>
      </c>
      <c r="F100706" s="14" t="s">
        <v>15</v>
      </c>
      <c r="G100706" s="16">
        <v>0</v>
      </c>
    </row>
    <row r="100707" spans="1:7" x14ac:dyDescent="0.3">
      <c r="A100707" s="13" t="s">
        <v>494</v>
      </c>
      <c r="B100707" s="14" t="s">
        <v>1</v>
      </c>
      <c r="C100707" s="14" t="s">
        <v>41</v>
      </c>
      <c r="D100707" s="14" t="s">
        <v>495</v>
      </c>
      <c r="E100707" s="15">
        <v>45708</v>
      </c>
      <c r="F100707" s="14" t="s">
        <v>15</v>
      </c>
      <c r="G100707" s="16">
        <v>0</v>
      </c>
    </row>
    <row r="100708" spans="1:7" x14ac:dyDescent="0.3">
      <c r="A100708" s="13" t="s">
        <v>494</v>
      </c>
      <c r="B100708" s="14" t="s">
        <v>1</v>
      </c>
      <c r="C100708" s="14" t="s">
        <v>41</v>
      </c>
      <c r="D100708" s="14" t="s">
        <v>495</v>
      </c>
      <c r="E100708" s="15">
        <v>45709</v>
      </c>
      <c r="F100708" s="14" t="s">
        <v>15</v>
      </c>
      <c r="G100708" s="16">
        <v>0</v>
      </c>
    </row>
    <row r="100709" spans="1:7" x14ac:dyDescent="0.3">
      <c r="A100709" s="13" t="s">
        <v>494</v>
      </c>
      <c r="B100709" s="14" t="s">
        <v>1</v>
      </c>
      <c r="C100709" s="14" t="s">
        <v>41</v>
      </c>
      <c r="D100709" s="14" t="s">
        <v>495</v>
      </c>
      <c r="E100709" s="15">
        <v>45710</v>
      </c>
      <c r="F100709" s="14" t="s">
        <v>15</v>
      </c>
      <c r="G100709" s="16">
        <v>0</v>
      </c>
    </row>
    <row r="100710" spans="1:7" x14ac:dyDescent="0.3">
      <c r="A100710" s="13" t="s">
        <v>494</v>
      </c>
      <c r="B100710" s="14" t="s">
        <v>1</v>
      </c>
      <c r="C100710" s="14" t="s">
        <v>41</v>
      </c>
      <c r="D100710" s="14" t="s">
        <v>495</v>
      </c>
      <c r="E100710" s="15">
        <v>45711</v>
      </c>
      <c r="F100710" s="14" t="s">
        <v>15</v>
      </c>
      <c r="G100710" s="16">
        <v>0</v>
      </c>
    </row>
    <row r="100711" spans="1:7" x14ac:dyDescent="0.3">
      <c r="A100711" s="13" t="s">
        <v>494</v>
      </c>
      <c r="B100711" s="14" t="s">
        <v>1</v>
      </c>
      <c r="C100711" s="14" t="s">
        <v>41</v>
      </c>
      <c r="D100711" s="14" t="s">
        <v>495</v>
      </c>
      <c r="E100711" s="15">
        <v>45712</v>
      </c>
      <c r="F100711" s="14" t="s">
        <v>15</v>
      </c>
      <c r="G100711" s="16">
        <v>0</v>
      </c>
    </row>
    <row r="100712" spans="1:7" x14ac:dyDescent="0.3">
      <c r="A100712" s="13" t="s">
        <v>494</v>
      </c>
      <c r="B100712" s="14" t="s">
        <v>1</v>
      </c>
      <c r="C100712" s="14" t="s">
        <v>41</v>
      </c>
      <c r="D100712" s="14" t="s">
        <v>495</v>
      </c>
      <c r="E100712" s="15">
        <v>45713</v>
      </c>
      <c r="F100712" s="14" t="s">
        <v>15</v>
      </c>
      <c r="G100712" s="16">
        <v>0</v>
      </c>
    </row>
    <row r="100713" spans="1:7" x14ac:dyDescent="0.3">
      <c r="A100713" s="13" t="s">
        <v>494</v>
      </c>
      <c r="B100713" s="14" t="s">
        <v>1</v>
      </c>
      <c r="C100713" s="14" t="s">
        <v>41</v>
      </c>
      <c r="D100713" s="14" t="s">
        <v>495</v>
      </c>
      <c r="E100713" s="15">
        <v>45714</v>
      </c>
      <c r="F100713" s="14" t="s">
        <v>15</v>
      </c>
      <c r="G100713" s="16">
        <v>0</v>
      </c>
    </row>
    <row r="100714" spans="1:7" x14ac:dyDescent="0.3">
      <c r="A100714" s="13" t="s">
        <v>494</v>
      </c>
      <c r="B100714" s="14" t="s">
        <v>1</v>
      </c>
      <c r="C100714" s="14" t="s">
        <v>41</v>
      </c>
      <c r="D100714" s="14" t="s">
        <v>495</v>
      </c>
      <c r="E100714" s="15">
        <v>45715</v>
      </c>
      <c r="F100714" s="14" t="s">
        <v>15</v>
      </c>
      <c r="G100714" s="16">
        <v>0</v>
      </c>
    </row>
    <row r="100715" spans="1:7" x14ac:dyDescent="0.3">
      <c r="A100715" s="13" t="s">
        <v>494</v>
      </c>
      <c r="B100715" s="14" t="s">
        <v>1</v>
      </c>
      <c r="C100715" s="14" t="s">
        <v>41</v>
      </c>
      <c r="D100715" s="14" t="s">
        <v>495</v>
      </c>
      <c r="E100715" s="15">
        <v>45716</v>
      </c>
      <c r="F100715" s="14" t="s">
        <v>15</v>
      </c>
      <c r="G100715" s="16">
        <v>0</v>
      </c>
    </row>
    <row r="100716" spans="1:7" x14ac:dyDescent="0.3">
      <c r="A100716" s="13" t="s">
        <v>494</v>
      </c>
      <c r="B100716" s="14" t="s">
        <v>1</v>
      </c>
      <c r="C100716" s="14" t="s">
        <v>41</v>
      </c>
      <c r="D100716" s="14" t="s">
        <v>495</v>
      </c>
      <c r="E100716" s="15">
        <v>45717</v>
      </c>
      <c r="F100716" s="14" t="s">
        <v>15</v>
      </c>
      <c r="G100716" s="16">
        <v>0</v>
      </c>
    </row>
    <row r="100717" spans="1:7" x14ac:dyDescent="0.3">
      <c r="A100717" s="13" t="s">
        <v>494</v>
      </c>
      <c r="B100717" s="14" t="s">
        <v>1</v>
      </c>
      <c r="C100717" s="14" t="s">
        <v>41</v>
      </c>
      <c r="D100717" s="14" t="s">
        <v>495</v>
      </c>
      <c r="E100717" s="15">
        <v>45718</v>
      </c>
      <c r="F100717" s="14" t="s">
        <v>15</v>
      </c>
      <c r="G100717" s="16">
        <v>0</v>
      </c>
    </row>
    <row r="100718" spans="1:7" x14ac:dyDescent="0.3">
      <c r="A100718" s="13" t="s">
        <v>494</v>
      </c>
      <c r="B100718" s="14" t="s">
        <v>1</v>
      </c>
      <c r="C100718" s="14" t="s">
        <v>41</v>
      </c>
      <c r="D100718" s="14" t="s">
        <v>495</v>
      </c>
      <c r="E100718" s="15">
        <v>45719</v>
      </c>
      <c r="F100718" s="14" t="s">
        <v>15</v>
      </c>
      <c r="G100718" s="16">
        <v>0</v>
      </c>
    </row>
    <row r="100719" spans="1:7" x14ac:dyDescent="0.3">
      <c r="A100719" s="13" t="s">
        <v>494</v>
      </c>
      <c r="B100719" s="14" t="s">
        <v>1</v>
      </c>
      <c r="C100719" s="14" t="s">
        <v>41</v>
      </c>
      <c r="D100719" s="14" t="s">
        <v>495</v>
      </c>
      <c r="E100719" s="15">
        <v>45720</v>
      </c>
      <c r="F100719" s="14" t="s">
        <v>15</v>
      </c>
      <c r="G100719" s="16">
        <v>0</v>
      </c>
    </row>
    <row r="100720" spans="1:7" x14ac:dyDescent="0.3">
      <c r="A100720" s="13" t="s">
        <v>494</v>
      </c>
      <c r="B100720" s="14" t="s">
        <v>1</v>
      </c>
      <c r="C100720" s="14" t="s">
        <v>41</v>
      </c>
      <c r="D100720" s="14" t="s">
        <v>495</v>
      </c>
      <c r="E100720" s="15">
        <v>45721</v>
      </c>
      <c r="F100720" s="14" t="s">
        <v>15</v>
      </c>
      <c r="G100720" s="16">
        <v>0</v>
      </c>
    </row>
    <row r="100721" spans="1:7" x14ac:dyDescent="0.3">
      <c r="A100721" s="13" t="s">
        <v>494</v>
      </c>
      <c r="B100721" s="14" t="s">
        <v>1</v>
      </c>
      <c r="C100721" s="14" t="s">
        <v>41</v>
      </c>
      <c r="D100721" s="14" t="s">
        <v>495</v>
      </c>
      <c r="E100721" s="15">
        <v>45722</v>
      </c>
      <c r="F100721" s="14" t="s">
        <v>15</v>
      </c>
      <c r="G100721" s="16">
        <v>0</v>
      </c>
    </row>
    <row r="100722" spans="1:7" x14ac:dyDescent="0.3">
      <c r="A100722" s="13" t="s">
        <v>494</v>
      </c>
      <c r="B100722" s="14" t="s">
        <v>1</v>
      </c>
      <c r="C100722" s="14" t="s">
        <v>41</v>
      </c>
      <c r="D100722" s="14" t="s">
        <v>495</v>
      </c>
      <c r="E100722" s="15">
        <v>45723</v>
      </c>
      <c r="F100722" s="14" t="s">
        <v>15</v>
      </c>
      <c r="G100722" s="16">
        <v>0</v>
      </c>
    </row>
    <row r="100723" spans="1:7" x14ac:dyDescent="0.3">
      <c r="A100723" s="13" t="s">
        <v>494</v>
      </c>
      <c r="B100723" s="14" t="s">
        <v>1</v>
      </c>
      <c r="C100723" s="14" t="s">
        <v>41</v>
      </c>
      <c r="D100723" s="14" t="s">
        <v>495</v>
      </c>
      <c r="E100723" s="15">
        <v>45724</v>
      </c>
      <c r="F100723" s="14" t="s">
        <v>15</v>
      </c>
      <c r="G100723" s="16">
        <v>0</v>
      </c>
    </row>
    <row r="100724" spans="1:7" x14ac:dyDescent="0.3">
      <c r="A100724" s="13" t="s">
        <v>494</v>
      </c>
      <c r="B100724" s="14" t="s">
        <v>1</v>
      </c>
      <c r="C100724" s="14" t="s">
        <v>41</v>
      </c>
      <c r="D100724" s="14" t="s">
        <v>495</v>
      </c>
      <c r="E100724" s="15">
        <v>45725</v>
      </c>
      <c r="F100724" s="14" t="s">
        <v>15</v>
      </c>
      <c r="G100724" s="16">
        <v>0</v>
      </c>
    </row>
    <row r="100725" spans="1:7" x14ac:dyDescent="0.3">
      <c r="A100725" s="13" t="s">
        <v>494</v>
      </c>
      <c r="B100725" s="14" t="s">
        <v>1</v>
      </c>
      <c r="C100725" s="14" t="s">
        <v>41</v>
      </c>
      <c r="D100725" s="14" t="s">
        <v>495</v>
      </c>
      <c r="E100725" s="15">
        <v>45726</v>
      </c>
      <c r="F100725" s="14" t="s">
        <v>15</v>
      </c>
      <c r="G100725" s="16">
        <v>0</v>
      </c>
    </row>
    <row r="100726" spans="1:7" x14ac:dyDescent="0.3">
      <c r="A100726" s="13" t="s">
        <v>494</v>
      </c>
      <c r="B100726" s="14" t="s">
        <v>1</v>
      </c>
      <c r="C100726" s="14" t="s">
        <v>41</v>
      </c>
      <c r="D100726" s="14" t="s">
        <v>495</v>
      </c>
      <c r="E100726" s="15">
        <v>45727</v>
      </c>
      <c r="F100726" s="14" t="s">
        <v>15</v>
      </c>
      <c r="G100726" s="16">
        <v>0</v>
      </c>
    </row>
    <row r="100727" spans="1:7" x14ac:dyDescent="0.3">
      <c r="A100727" s="13" t="s">
        <v>494</v>
      </c>
      <c r="B100727" s="14" t="s">
        <v>1</v>
      </c>
      <c r="C100727" s="14" t="s">
        <v>41</v>
      </c>
      <c r="D100727" s="14" t="s">
        <v>495</v>
      </c>
      <c r="E100727" s="15">
        <v>45728</v>
      </c>
      <c r="F100727" s="14" t="s">
        <v>15</v>
      </c>
      <c r="G100727" s="16">
        <v>0</v>
      </c>
    </row>
    <row r="100728" spans="1:7" x14ac:dyDescent="0.3">
      <c r="A100728" s="13" t="s">
        <v>494</v>
      </c>
      <c r="B100728" s="14" t="s">
        <v>1</v>
      </c>
      <c r="C100728" s="14" t="s">
        <v>41</v>
      </c>
      <c r="D100728" s="14" t="s">
        <v>495</v>
      </c>
      <c r="E100728" s="15">
        <v>45729</v>
      </c>
      <c r="F100728" s="14" t="s">
        <v>15</v>
      </c>
      <c r="G100728" s="16">
        <v>0</v>
      </c>
    </row>
    <row r="100729" spans="1:7" x14ac:dyDescent="0.3">
      <c r="A100729" s="13" t="s">
        <v>494</v>
      </c>
      <c r="B100729" s="14" t="s">
        <v>1</v>
      </c>
      <c r="C100729" s="14" t="s">
        <v>41</v>
      </c>
      <c r="D100729" s="14" t="s">
        <v>495</v>
      </c>
      <c r="E100729" s="15">
        <v>45730</v>
      </c>
      <c r="F100729" s="14" t="s">
        <v>15</v>
      </c>
      <c r="G100729" s="16">
        <v>0</v>
      </c>
    </row>
    <row r="100730" spans="1:7" x14ac:dyDescent="0.3">
      <c r="A100730" s="13" t="s">
        <v>494</v>
      </c>
      <c r="B100730" s="14" t="s">
        <v>1</v>
      </c>
      <c r="C100730" s="14" t="s">
        <v>41</v>
      </c>
      <c r="D100730" s="14" t="s">
        <v>495</v>
      </c>
      <c r="E100730" s="15">
        <v>45731</v>
      </c>
      <c r="F100730" s="14" t="s">
        <v>15</v>
      </c>
      <c r="G100730" s="16">
        <v>0</v>
      </c>
    </row>
    <row r="100731" spans="1:7" x14ac:dyDescent="0.3">
      <c r="A100731" s="13" t="s">
        <v>494</v>
      </c>
      <c r="B100731" s="14" t="s">
        <v>1</v>
      </c>
      <c r="C100731" s="14" t="s">
        <v>41</v>
      </c>
      <c r="D100731" s="14" t="s">
        <v>495</v>
      </c>
      <c r="E100731" s="15">
        <v>45732</v>
      </c>
      <c r="F100731" s="14" t="s">
        <v>15</v>
      </c>
      <c r="G100731" s="16">
        <v>0</v>
      </c>
    </row>
    <row r="100732" spans="1:7" x14ac:dyDescent="0.3">
      <c r="A100732" s="13" t="s">
        <v>494</v>
      </c>
      <c r="B100732" s="14" t="s">
        <v>1</v>
      </c>
      <c r="C100732" s="14" t="s">
        <v>41</v>
      </c>
      <c r="D100732" s="14" t="s">
        <v>495</v>
      </c>
      <c r="E100732" s="15">
        <v>45733</v>
      </c>
      <c r="F100732" s="14" t="s">
        <v>15</v>
      </c>
      <c r="G100732" s="16">
        <v>0</v>
      </c>
    </row>
    <row r="100733" spans="1:7" x14ac:dyDescent="0.3">
      <c r="A100733" s="13" t="s">
        <v>494</v>
      </c>
      <c r="B100733" s="14" t="s">
        <v>1</v>
      </c>
      <c r="C100733" s="14" t="s">
        <v>41</v>
      </c>
      <c r="D100733" s="14" t="s">
        <v>495</v>
      </c>
      <c r="E100733" s="15">
        <v>45734</v>
      </c>
      <c r="F100733" s="14" t="s">
        <v>15</v>
      </c>
      <c r="G100733" s="16">
        <v>0</v>
      </c>
    </row>
    <row r="100734" spans="1:7" x14ac:dyDescent="0.3">
      <c r="A100734" s="13" t="s">
        <v>494</v>
      </c>
      <c r="B100734" s="14" t="s">
        <v>1</v>
      </c>
      <c r="C100734" s="14" t="s">
        <v>41</v>
      </c>
      <c r="D100734" s="14" t="s">
        <v>495</v>
      </c>
      <c r="E100734" s="15">
        <v>45735</v>
      </c>
      <c r="F100734" s="14" t="s">
        <v>15</v>
      </c>
      <c r="G100734" s="16">
        <v>0</v>
      </c>
    </row>
    <row r="100735" spans="1:7" x14ac:dyDescent="0.3">
      <c r="A100735" s="13" t="s">
        <v>494</v>
      </c>
      <c r="B100735" s="14" t="s">
        <v>1</v>
      </c>
      <c r="C100735" s="14" t="s">
        <v>41</v>
      </c>
      <c r="D100735" s="14" t="s">
        <v>495</v>
      </c>
      <c r="E100735" s="15">
        <v>45736</v>
      </c>
      <c r="F100735" s="14" t="s">
        <v>15</v>
      </c>
      <c r="G100735" s="16">
        <v>0</v>
      </c>
    </row>
    <row r="100736" spans="1:7" x14ac:dyDescent="0.3">
      <c r="A100736" s="13" t="s">
        <v>494</v>
      </c>
      <c r="B100736" s="14" t="s">
        <v>1</v>
      </c>
      <c r="C100736" s="14" t="s">
        <v>41</v>
      </c>
      <c r="D100736" s="14" t="s">
        <v>495</v>
      </c>
      <c r="E100736" s="15">
        <v>45737</v>
      </c>
      <c r="F100736" s="14" t="s">
        <v>15</v>
      </c>
      <c r="G100736" s="16">
        <v>0</v>
      </c>
    </row>
    <row r="100737" spans="1:7" x14ac:dyDescent="0.3">
      <c r="A100737" s="13" t="s">
        <v>494</v>
      </c>
      <c r="B100737" s="14" t="s">
        <v>1</v>
      </c>
      <c r="C100737" s="14" t="s">
        <v>41</v>
      </c>
      <c r="D100737" s="14" t="s">
        <v>495</v>
      </c>
      <c r="E100737" s="15">
        <v>45738</v>
      </c>
      <c r="F100737" s="14" t="s">
        <v>15</v>
      </c>
      <c r="G100737" s="16">
        <v>0</v>
      </c>
    </row>
    <row r="100738" spans="1:7" x14ac:dyDescent="0.3">
      <c r="A100738" s="13" t="s">
        <v>494</v>
      </c>
      <c r="B100738" s="14" t="s">
        <v>1</v>
      </c>
      <c r="C100738" s="14" t="s">
        <v>41</v>
      </c>
      <c r="D100738" s="14" t="s">
        <v>495</v>
      </c>
      <c r="E100738" s="15">
        <v>45739</v>
      </c>
      <c r="F100738" s="14" t="s">
        <v>15</v>
      </c>
      <c r="G100738" s="16">
        <v>0</v>
      </c>
    </row>
    <row r="100739" spans="1:7" x14ac:dyDescent="0.3">
      <c r="A100739" s="13" t="s">
        <v>494</v>
      </c>
      <c r="B100739" s="14" t="s">
        <v>1</v>
      </c>
      <c r="C100739" s="14" t="s">
        <v>41</v>
      </c>
      <c r="D100739" s="14" t="s">
        <v>495</v>
      </c>
      <c r="E100739" s="15">
        <v>45740</v>
      </c>
      <c r="F100739" s="14" t="s">
        <v>15</v>
      </c>
      <c r="G100739" s="16">
        <v>0</v>
      </c>
    </row>
    <row r="100740" spans="1:7" x14ac:dyDescent="0.3">
      <c r="A100740" s="13" t="s">
        <v>494</v>
      </c>
      <c r="B100740" s="14" t="s">
        <v>1</v>
      </c>
      <c r="C100740" s="14" t="s">
        <v>41</v>
      </c>
      <c r="D100740" s="14" t="s">
        <v>495</v>
      </c>
      <c r="E100740" s="15">
        <v>45741</v>
      </c>
      <c r="F100740" s="14" t="s">
        <v>15</v>
      </c>
      <c r="G100740" s="16">
        <v>0</v>
      </c>
    </row>
    <row r="100741" spans="1:7" x14ac:dyDescent="0.3">
      <c r="A100741" s="13" t="s">
        <v>494</v>
      </c>
      <c r="B100741" s="14" t="s">
        <v>1</v>
      </c>
      <c r="C100741" s="14" t="s">
        <v>41</v>
      </c>
      <c r="D100741" s="14" t="s">
        <v>495</v>
      </c>
      <c r="E100741" s="15">
        <v>45742</v>
      </c>
      <c r="F100741" s="14" t="s">
        <v>15</v>
      </c>
      <c r="G100741" s="16">
        <v>0</v>
      </c>
    </row>
    <row r="100742" spans="1:7" x14ac:dyDescent="0.3">
      <c r="A100742" s="13" t="s">
        <v>494</v>
      </c>
      <c r="B100742" s="14" t="s">
        <v>1</v>
      </c>
      <c r="C100742" s="14" t="s">
        <v>41</v>
      </c>
      <c r="D100742" s="14" t="s">
        <v>495</v>
      </c>
      <c r="E100742" s="15">
        <v>45743</v>
      </c>
      <c r="F100742" s="14" t="s">
        <v>15</v>
      </c>
      <c r="G100742" s="16">
        <v>0</v>
      </c>
    </row>
    <row r="100743" spans="1:7" x14ac:dyDescent="0.3">
      <c r="A100743" s="13" t="s">
        <v>494</v>
      </c>
      <c r="B100743" s="14" t="s">
        <v>1</v>
      </c>
      <c r="C100743" s="14" t="s">
        <v>41</v>
      </c>
      <c r="D100743" s="14" t="s">
        <v>495</v>
      </c>
      <c r="E100743" s="15">
        <v>45744</v>
      </c>
      <c r="F100743" s="14" t="s">
        <v>15</v>
      </c>
      <c r="G100743" s="16">
        <v>0</v>
      </c>
    </row>
    <row r="100744" spans="1:7" x14ac:dyDescent="0.3">
      <c r="A100744" s="13" t="s">
        <v>494</v>
      </c>
      <c r="B100744" s="14" t="s">
        <v>1</v>
      </c>
      <c r="C100744" s="14" t="s">
        <v>41</v>
      </c>
      <c r="D100744" s="14" t="s">
        <v>495</v>
      </c>
      <c r="E100744" s="15">
        <v>45745</v>
      </c>
      <c r="F100744" s="14" t="s">
        <v>15</v>
      </c>
      <c r="G100744" s="16">
        <v>0</v>
      </c>
    </row>
    <row r="100745" spans="1:7" x14ac:dyDescent="0.3">
      <c r="A100745" s="13" t="s">
        <v>494</v>
      </c>
      <c r="B100745" s="14" t="s">
        <v>1</v>
      </c>
      <c r="C100745" s="14" t="s">
        <v>41</v>
      </c>
      <c r="D100745" s="14" t="s">
        <v>495</v>
      </c>
      <c r="E100745" s="15">
        <v>45746</v>
      </c>
      <c r="F100745" s="14" t="s">
        <v>15</v>
      </c>
      <c r="G100745" s="16">
        <v>0</v>
      </c>
    </row>
    <row r="100746" spans="1:7" x14ac:dyDescent="0.3">
      <c r="A100746" s="13" t="s">
        <v>494</v>
      </c>
      <c r="B100746" s="14" t="s">
        <v>1</v>
      </c>
      <c r="C100746" s="14" t="s">
        <v>41</v>
      </c>
      <c r="D100746" s="14" t="s">
        <v>495</v>
      </c>
      <c r="E100746" s="15">
        <v>45747</v>
      </c>
      <c r="F100746" s="14" t="s">
        <v>15</v>
      </c>
      <c r="G100746" s="16">
        <v>0.60870049501868762</v>
      </c>
    </row>
    <row r="100747" spans="1:7" x14ac:dyDescent="0.3">
      <c r="A100747" s="13" t="s">
        <v>496</v>
      </c>
      <c r="B100747" s="14" t="s">
        <v>1</v>
      </c>
      <c r="C100747" s="14" t="s">
        <v>200</v>
      </c>
      <c r="D100747" s="14" t="s">
        <v>74</v>
      </c>
      <c r="E100747" s="15">
        <v>45383</v>
      </c>
      <c r="F100747" s="14" t="s">
        <v>25</v>
      </c>
      <c r="G100747" s="16">
        <v>0</v>
      </c>
    </row>
    <row r="100748" spans="1:7" x14ac:dyDescent="0.3">
      <c r="A100748" s="13" t="s">
        <v>496</v>
      </c>
      <c r="B100748" s="14" t="s">
        <v>1</v>
      </c>
      <c r="C100748" s="14" t="s">
        <v>200</v>
      </c>
      <c r="D100748" s="14" t="s">
        <v>74</v>
      </c>
      <c r="E100748" s="15">
        <v>45384</v>
      </c>
      <c r="F100748" s="14" t="s">
        <v>25</v>
      </c>
      <c r="G100748" s="16">
        <v>0</v>
      </c>
    </row>
    <row r="100749" spans="1:7" x14ac:dyDescent="0.3">
      <c r="A100749" s="13" t="s">
        <v>496</v>
      </c>
      <c r="B100749" s="14" t="s">
        <v>1</v>
      </c>
      <c r="C100749" s="14" t="s">
        <v>200</v>
      </c>
      <c r="D100749" s="14" t="s">
        <v>74</v>
      </c>
      <c r="E100749" s="15">
        <v>45385</v>
      </c>
      <c r="F100749" s="14" t="s">
        <v>25</v>
      </c>
      <c r="G100749" s="16">
        <v>3.8680025780942699E-2</v>
      </c>
    </row>
    <row r="100750" spans="1:7" x14ac:dyDescent="0.3">
      <c r="A100750" s="13" t="s">
        <v>496</v>
      </c>
      <c r="B100750" s="14" t="s">
        <v>1</v>
      </c>
      <c r="C100750" s="14" t="s">
        <v>200</v>
      </c>
      <c r="D100750" s="14" t="s">
        <v>74</v>
      </c>
      <c r="E100750" s="15">
        <v>45386</v>
      </c>
      <c r="F100750" s="14" t="s">
        <v>25</v>
      </c>
      <c r="G100750" s="16">
        <v>4.9079367035631788E-2</v>
      </c>
    </row>
    <row r="100751" spans="1:7" x14ac:dyDescent="0.3">
      <c r="A100751" s="13" t="s">
        <v>496</v>
      </c>
      <c r="B100751" s="14" t="s">
        <v>1</v>
      </c>
      <c r="C100751" s="14" t="s">
        <v>200</v>
      </c>
      <c r="D100751" s="14" t="s">
        <v>74</v>
      </c>
      <c r="E100751" s="15">
        <v>45387</v>
      </c>
      <c r="F100751" s="14" t="s">
        <v>25</v>
      </c>
      <c r="G100751" s="16">
        <v>5.7430259738447183E-2</v>
      </c>
    </row>
    <row r="100752" spans="1:7" x14ac:dyDescent="0.3">
      <c r="A100752" s="13" t="s">
        <v>496</v>
      </c>
      <c r="B100752" s="14" t="s">
        <v>1</v>
      </c>
      <c r="C100752" s="14" t="s">
        <v>200</v>
      </c>
      <c r="D100752" s="14" t="s">
        <v>74</v>
      </c>
      <c r="E100752" s="15">
        <v>45388</v>
      </c>
      <c r="F100752" s="14" t="s">
        <v>25</v>
      </c>
      <c r="G100752" s="16">
        <v>5.7430259738447183E-2</v>
      </c>
    </row>
    <row r="100753" spans="1:7" x14ac:dyDescent="0.3">
      <c r="A100753" s="13" t="s">
        <v>496</v>
      </c>
      <c r="B100753" s="14" t="s">
        <v>1</v>
      </c>
      <c r="C100753" s="14" t="s">
        <v>200</v>
      </c>
      <c r="D100753" s="14" t="s">
        <v>74</v>
      </c>
      <c r="E100753" s="15">
        <v>45389</v>
      </c>
      <c r="F100753" s="14" t="s">
        <v>25</v>
      </c>
      <c r="G100753" s="16">
        <v>5.7430259738447183E-2</v>
      </c>
    </row>
    <row r="100754" spans="1:7" x14ac:dyDescent="0.3">
      <c r="A100754" s="13" t="s">
        <v>496</v>
      </c>
      <c r="B100754" s="14" t="s">
        <v>1</v>
      </c>
      <c r="C100754" s="14" t="s">
        <v>200</v>
      </c>
      <c r="D100754" s="14" t="s">
        <v>74</v>
      </c>
      <c r="E100754" s="15">
        <v>45390</v>
      </c>
      <c r="F100754" s="14" t="s">
        <v>25</v>
      </c>
      <c r="G100754" s="16">
        <v>5.8533935344899188E-2</v>
      </c>
    </row>
    <row r="100755" spans="1:7" x14ac:dyDescent="0.3">
      <c r="A100755" s="13" t="s">
        <v>496</v>
      </c>
      <c r="B100755" s="14" t="s">
        <v>1</v>
      </c>
      <c r="C100755" s="14" t="s">
        <v>200</v>
      </c>
      <c r="D100755" s="14" t="s">
        <v>74</v>
      </c>
      <c r="E100755" s="15">
        <v>45391</v>
      </c>
      <c r="F100755" s="14" t="s">
        <v>25</v>
      </c>
      <c r="G100755" s="16">
        <v>8.0928559405650038E-2</v>
      </c>
    </row>
    <row r="100756" spans="1:7" x14ac:dyDescent="0.3">
      <c r="A100756" s="13" t="s">
        <v>496</v>
      </c>
      <c r="B100756" s="14" t="s">
        <v>1</v>
      </c>
      <c r="C100756" s="14" t="s">
        <v>200</v>
      </c>
      <c r="D100756" s="14" t="s">
        <v>74</v>
      </c>
      <c r="E100756" s="15">
        <v>45392</v>
      </c>
      <c r="F100756" s="14" t="s">
        <v>25</v>
      </c>
      <c r="G100756" s="16">
        <v>0.10105562310744302</v>
      </c>
    </row>
    <row r="100757" spans="1:7" x14ac:dyDescent="0.3">
      <c r="A100757" s="13" t="s">
        <v>496</v>
      </c>
      <c r="B100757" s="14" t="s">
        <v>1</v>
      </c>
      <c r="C100757" s="14" t="s">
        <v>200</v>
      </c>
      <c r="D100757" s="14" t="s">
        <v>74</v>
      </c>
      <c r="E100757" s="15">
        <v>45393</v>
      </c>
      <c r="F100757" s="14" t="s">
        <v>25</v>
      </c>
      <c r="G100757" s="16">
        <v>0.12659098335414598</v>
      </c>
    </row>
    <row r="100758" spans="1:7" x14ac:dyDescent="0.3">
      <c r="A100758" s="13" t="s">
        <v>496</v>
      </c>
      <c r="B100758" s="14" t="s">
        <v>1</v>
      </c>
      <c r="C100758" s="14" t="s">
        <v>200</v>
      </c>
      <c r="D100758" s="14" t="s">
        <v>74</v>
      </c>
      <c r="E100758" s="15">
        <v>45394</v>
      </c>
      <c r="F100758" s="14" t="s">
        <v>25</v>
      </c>
      <c r="G100758" s="16">
        <v>0.13295732959822013</v>
      </c>
    </row>
    <row r="100759" spans="1:7" x14ac:dyDescent="0.3">
      <c r="A100759" s="13" t="s">
        <v>496</v>
      </c>
      <c r="B100759" s="14" t="s">
        <v>1</v>
      </c>
      <c r="C100759" s="14" t="s">
        <v>200</v>
      </c>
      <c r="D100759" s="14" t="s">
        <v>74</v>
      </c>
      <c r="E100759" s="15">
        <v>45395</v>
      </c>
      <c r="F100759" s="14" t="s">
        <v>25</v>
      </c>
      <c r="G100759" s="16">
        <v>0.13295732959822013</v>
      </c>
    </row>
    <row r="100760" spans="1:7" x14ac:dyDescent="0.3">
      <c r="A100760" s="13" t="s">
        <v>496</v>
      </c>
      <c r="B100760" s="14" t="s">
        <v>1</v>
      </c>
      <c r="C100760" s="14" t="s">
        <v>200</v>
      </c>
      <c r="D100760" s="14" t="s">
        <v>74</v>
      </c>
      <c r="E100760" s="15">
        <v>45396</v>
      </c>
      <c r="F100760" s="14" t="s">
        <v>25</v>
      </c>
      <c r="G100760" s="16">
        <v>0.13295732959822013</v>
      </c>
    </row>
    <row r="100761" spans="1:7" x14ac:dyDescent="0.3">
      <c r="A100761" s="13" t="s">
        <v>496</v>
      </c>
      <c r="B100761" s="14" t="s">
        <v>1</v>
      </c>
      <c r="C100761" s="14" t="s">
        <v>200</v>
      </c>
      <c r="D100761" s="14" t="s">
        <v>74</v>
      </c>
      <c r="E100761" s="15">
        <v>45397</v>
      </c>
      <c r="F100761" s="14" t="s">
        <v>25</v>
      </c>
      <c r="G100761" s="16">
        <v>0.14119988132130279</v>
      </c>
    </row>
    <row r="100762" spans="1:7" x14ac:dyDescent="0.3">
      <c r="A100762" s="13" t="s">
        <v>496</v>
      </c>
      <c r="B100762" s="14" t="s">
        <v>1</v>
      </c>
      <c r="C100762" s="14" t="s">
        <v>200</v>
      </c>
      <c r="D100762" s="14" t="s">
        <v>74</v>
      </c>
      <c r="E100762" s="15">
        <v>45398</v>
      </c>
      <c r="F100762" s="14" t="s">
        <v>25</v>
      </c>
      <c r="G100762" s="16">
        <v>0.16732761252841047</v>
      </c>
    </row>
    <row r="100763" spans="1:7" x14ac:dyDescent="0.3">
      <c r="A100763" s="13" t="s">
        <v>496</v>
      </c>
      <c r="B100763" s="14" t="s">
        <v>1</v>
      </c>
      <c r="C100763" s="14" t="s">
        <v>200</v>
      </c>
      <c r="D100763" s="14" t="s">
        <v>74</v>
      </c>
      <c r="E100763" s="15">
        <v>45399</v>
      </c>
      <c r="F100763" s="14" t="s">
        <v>25</v>
      </c>
      <c r="G100763" s="16">
        <v>0.17507655129556968</v>
      </c>
    </row>
    <row r="100764" spans="1:7" x14ac:dyDescent="0.3">
      <c r="A100764" s="13" t="s">
        <v>496</v>
      </c>
      <c r="B100764" s="14" t="s">
        <v>1</v>
      </c>
      <c r="C100764" s="14" t="s">
        <v>200</v>
      </c>
      <c r="D100764" s="14" t="s">
        <v>74</v>
      </c>
      <c r="E100764" s="15">
        <v>45400</v>
      </c>
      <c r="F100764" s="14" t="s">
        <v>25</v>
      </c>
      <c r="G100764" s="16">
        <v>0.18339798648260885</v>
      </c>
    </row>
    <row r="100765" spans="1:7" x14ac:dyDescent="0.3">
      <c r="A100765" s="13" t="s">
        <v>496</v>
      </c>
      <c r="B100765" s="14" t="s">
        <v>1</v>
      </c>
      <c r="C100765" s="14" t="s">
        <v>200</v>
      </c>
      <c r="D100765" s="14" t="s">
        <v>74</v>
      </c>
      <c r="E100765" s="15">
        <v>45401</v>
      </c>
      <c r="F100765" s="14" t="s">
        <v>25</v>
      </c>
      <c r="G100765" s="16">
        <v>0.17924466327110475</v>
      </c>
    </row>
    <row r="100766" spans="1:7" x14ac:dyDescent="0.3">
      <c r="A100766" s="13" t="s">
        <v>496</v>
      </c>
      <c r="B100766" s="14" t="s">
        <v>1</v>
      </c>
      <c r="C100766" s="14" t="s">
        <v>200</v>
      </c>
      <c r="D100766" s="14" t="s">
        <v>74</v>
      </c>
      <c r="E100766" s="15">
        <v>45402</v>
      </c>
      <c r="F100766" s="14" t="s">
        <v>25</v>
      </c>
      <c r="G100766" s="16">
        <v>0.17924466327110475</v>
      </c>
    </row>
    <row r="100767" spans="1:7" x14ac:dyDescent="0.3">
      <c r="A100767" s="13" t="s">
        <v>496</v>
      </c>
      <c r="B100767" s="14" t="s">
        <v>1</v>
      </c>
      <c r="C100767" s="14" t="s">
        <v>200</v>
      </c>
      <c r="D100767" s="14" t="s">
        <v>74</v>
      </c>
      <c r="E100767" s="15">
        <v>45403</v>
      </c>
      <c r="F100767" s="14" t="s">
        <v>25</v>
      </c>
      <c r="G100767" s="16">
        <v>0.17924466327110475</v>
      </c>
    </row>
    <row r="100768" spans="1:7" x14ac:dyDescent="0.3">
      <c r="A100768" s="13" t="s">
        <v>496</v>
      </c>
      <c r="B100768" s="14" t="s">
        <v>1</v>
      </c>
      <c r="C100768" s="14" t="s">
        <v>200</v>
      </c>
      <c r="D100768" s="14" t="s">
        <v>74</v>
      </c>
      <c r="E100768" s="15">
        <v>45404</v>
      </c>
      <c r="F100768" s="14" t="s">
        <v>25</v>
      </c>
      <c r="G100768" s="16">
        <v>0.1759978742791512</v>
      </c>
    </row>
    <row r="100769" spans="1:7" x14ac:dyDescent="0.3">
      <c r="A100769" s="13" t="s">
        <v>496</v>
      </c>
      <c r="B100769" s="14" t="s">
        <v>1</v>
      </c>
      <c r="C100769" s="14" t="s">
        <v>200</v>
      </c>
      <c r="D100769" s="14" t="s">
        <v>74</v>
      </c>
      <c r="E100769" s="15">
        <v>45405</v>
      </c>
      <c r="F100769" s="14" t="s">
        <v>25</v>
      </c>
      <c r="G100769" s="16">
        <v>0.20217353790302608</v>
      </c>
    </row>
    <row r="100770" spans="1:7" x14ac:dyDescent="0.3">
      <c r="A100770" s="13" t="s">
        <v>496</v>
      </c>
      <c r="B100770" s="14" t="s">
        <v>1</v>
      </c>
      <c r="C100770" s="14" t="s">
        <v>200</v>
      </c>
      <c r="D100770" s="14" t="s">
        <v>74</v>
      </c>
      <c r="E100770" s="15">
        <v>45406</v>
      </c>
      <c r="F100770" s="14" t="s">
        <v>25</v>
      </c>
      <c r="G100770" s="16">
        <v>0.21266058675381799</v>
      </c>
    </row>
    <row r="100771" spans="1:7" x14ac:dyDescent="0.3">
      <c r="A100771" s="13" t="s">
        <v>496</v>
      </c>
      <c r="B100771" s="14" t="s">
        <v>1</v>
      </c>
      <c r="C100771" s="14" t="s">
        <v>200</v>
      </c>
      <c r="D100771" s="14" t="s">
        <v>74</v>
      </c>
      <c r="E100771" s="15">
        <v>45407</v>
      </c>
      <c r="F100771" s="14" t="s">
        <v>25</v>
      </c>
      <c r="G100771" s="16">
        <v>0.21935580660819368</v>
      </c>
    </row>
    <row r="100772" spans="1:7" x14ac:dyDescent="0.3">
      <c r="A100772" s="13" t="s">
        <v>496</v>
      </c>
      <c r="B100772" s="14" t="s">
        <v>1</v>
      </c>
      <c r="C100772" s="14" t="s">
        <v>200</v>
      </c>
      <c r="D100772" s="14" t="s">
        <v>74</v>
      </c>
      <c r="E100772" s="15">
        <v>45408</v>
      </c>
      <c r="F100772" s="14" t="s">
        <v>25</v>
      </c>
      <c r="G100772" s="16">
        <v>0.2274075391744515</v>
      </c>
    </row>
    <row r="100773" spans="1:7" x14ac:dyDescent="0.3">
      <c r="A100773" s="13" t="s">
        <v>496</v>
      </c>
      <c r="B100773" s="14" t="s">
        <v>1</v>
      </c>
      <c r="C100773" s="14" t="s">
        <v>200</v>
      </c>
      <c r="D100773" s="14" t="s">
        <v>74</v>
      </c>
      <c r="E100773" s="15">
        <v>45409</v>
      </c>
      <c r="F100773" s="14" t="s">
        <v>25</v>
      </c>
      <c r="G100773" s="16">
        <v>0.2274075391744515</v>
      </c>
    </row>
    <row r="100774" spans="1:7" x14ac:dyDescent="0.3">
      <c r="A100774" s="13" t="s">
        <v>496</v>
      </c>
      <c r="B100774" s="14" t="s">
        <v>1</v>
      </c>
      <c r="C100774" s="14" t="s">
        <v>200</v>
      </c>
      <c r="D100774" s="14" t="s">
        <v>74</v>
      </c>
      <c r="E100774" s="15">
        <v>45410</v>
      </c>
      <c r="F100774" s="14" t="s">
        <v>25</v>
      </c>
      <c r="G100774" s="16">
        <v>0.2274075391744515</v>
      </c>
    </row>
    <row r="100775" spans="1:7" x14ac:dyDescent="0.3">
      <c r="A100775" s="13" t="s">
        <v>496</v>
      </c>
      <c r="B100775" s="14" t="s">
        <v>1</v>
      </c>
      <c r="C100775" s="14" t="s">
        <v>200</v>
      </c>
      <c r="D100775" s="14" t="s">
        <v>74</v>
      </c>
      <c r="E100775" s="15">
        <v>45411</v>
      </c>
      <c r="F100775" s="14" t="s">
        <v>25</v>
      </c>
      <c r="G100775" s="16">
        <v>0.23418278026829173</v>
      </c>
    </row>
    <row r="100776" spans="1:7" x14ac:dyDescent="0.3">
      <c r="A100776" s="13" t="s">
        <v>496</v>
      </c>
      <c r="B100776" s="14" t="s">
        <v>1</v>
      </c>
      <c r="C100776" s="14" t="s">
        <v>200</v>
      </c>
      <c r="D100776" s="14" t="s">
        <v>74</v>
      </c>
      <c r="E100776" s="15">
        <v>45412</v>
      </c>
      <c r="F100776" s="14" t="s">
        <v>25</v>
      </c>
      <c r="G100776" s="16">
        <v>0.25834949963584614</v>
      </c>
    </row>
    <row r="100777" spans="1:7" x14ac:dyDescent="0.3">
      <c r="A100777" s="13" t="s">
        <v>496</v>
      </c>
      <c r="B100777" s="14" t="s">
        <v>1</v>
      </c>
      <c r="C100777" s="14" t="s">
        <v>200</v>
      </c>
      <c r="D100777" s="14" t="s">
        <v>74</v>
      </c>
      <c r="E100777" s="15">
        <v>45413</v>
      </c>
      <c r="F100777" s="14" t="s">
        <v>25</v>
      </c>
      <c r="G100777" s="16">
        <v>0.26382433669775762</v>
      </c>
    </row>
    <row r="100778" spans="1:7" x14ac:dyDescent="0.3">
      <c r="A100778" s="13" t="s">
        <v>496</v>
      </c>
      <c r="B100778" s="14" t="s">
        <v>1</v>
      </c>
      <c r="C100778" s="14" t="s">
        <v>200</v>
      </c>
      <c r="D100778" s="14" t="s">
        <v>74</v>
      </c>
      <c r="E100778" s="15">
        <v>45414</v>
      </c>
      <c r="F100778" s="14" t="s">
        <v>25</v>
      </c>
      <c r="G100778" s="16">
        <v>0.27243919069194417</v>
      </c>
    </row>
    <row r="100779" spans="1:7" x14ac:dyDescent="0.3">
      <c r="A100779" s="13" t="s">
        <v>496</v>
      </c>
      <c r="B100779" s="14" t="s">
        <v>1</v>
      </c>
      <c r="C100779" s="14" t="s">
        <v>200</v>
      </c>
      <c r="D100779" s="14" t="s">
        <v>74</v>
      </c>
      <c r="E100779" s="15">
        <v>45415</v>
      </c>
      <c r="F100779" s="14" t="s">
        <v>25</v>
      </c>
      <c r="G100779" s="16">
        <v>0.27800222416444698</v>
      </c>
    </row>
    <row r="100780" spans="1:7" x14ac:dyDescent="0.3">
      <c r="A100780" s="13" t="s">
        <v>496</v>
      </c>
      <c r="B100780" s="14" t="s">
        <v>1</v>
      </c>
      <c r="C100780" s="14" t="s">
        <v>200</v>
      </c>
      <c r="D100780" s="14" t="s">
        <v>74</v>
      </c>
      <c r="E100780" s="15">
        <v>45416</v>
      </c>
      <c r="F100780" s="14" t="s">
        <v>25</v>
      </c>
      <c r="G100780" s="16">
        <v>0.27800222416444698</v>
      </c>
    </row>
    <row r="100781" spans="1:7" x14ac:dyDescent="0.3">
      <c r="A100781" s="13" t="s">
        <v>496</v>
      </c>
      <c r="B100781" s="14" t="s">
        <v>1</v>
      </c>
      <c r="C100781" s="14" t="s">
        <v>200</v>
      </c>
      <c r="D100781" s="14" t="s">
        <v>74</v>
      </c>
      <c r="E100781" s="15">
        <v>45417</v>
      </c>
      <c r="F100781" s="14" t="s">
        <v>25</v>
      </c>
      <c r="G100781" s="16">
        <v>0.27800222416444698</v>
      </c>
    </row>
    <row r="100782" spans="1:7" x14ac:dyDescent="0.3">
      <c r="A100782" s="13" t="s">
        <v>496</v>
      </c>
      <c r="B100782" s="14" t="s">
        <v>1</v>
      </c>
      <c r="C100782" s="14" t="s">
        <v>200</v>
      </c>
      <c r="D100782" s="14" t="s">
        <v>74</v>
      </c>
      <c r="E100782" s="15">
        <v>45418</v>
      </c>
      <c r="F100782" s="14" t="s">
        <v>25</v>
      </c>
      <c r="G100782" s="16">
        <v>0.27800222416444698</v>
      </c>
    </row>
    <row r="100783" spans="1:7" x14ac:dyDescent="0.3">
      <c r="A100783" s="13" t="s">
        <v>496</v>
      </c>
      <c r="B100783" s="14" t="s">
        <v>1</v>
      </c>
      <c r="C100783" s="14" t="s">
        <v>200</v>
      </c>
      <c r="D100783" s="14" t="s">
        <v>74</v>
      </c>
      <c r="E100783" s="15">
        <v>45419</v>
      </c>
      <c r="F100783" s="14" t="s">
        <v>25</v>
      </c>
      <c r="G100783" s="16">
        <v>0.2841975082695094</v>
      </c>
    </row>
    <row r="100784" spans="1:7" x14ac:dyDescent="0.3">
      <c r="A100784" s="13" t="s">
        <v>496</v>
      </c>
      <c r="B100784" s="14" t="s">
        <v>1</v>
      </c>
      <c r="C100784" s="14" t="s">
        <v>200</v>
      </c>
      <c r="D100784" s="14" t="s">
        <v>74</v>
      </c>
      <c r="E100784" s="15">
        <v>45420</v>
      </c>
      <c r="F100784" s="14" t="s">
        <v>25</v>
      </c>
      <c r="G100784" s="16">
        <v>0.31025758041074702</v>
      </c>
    </row>
    <row r="100785" spans="1:7" x14ac:dyDescent="0.3">
      <c r="A100785" s="13" t="s">
        <v>496</v>
      </c>
      <c r="B100785" s="14" t="s">
        <v>1</v>
      </c>
      <c r="C100785" s="14" t="s">
        <v>200</v>
      </c>
      <c r="D100785" s="14" t="s">
        <v>74</v>
      </c>
      <c r="E100785" s="15">
        <v>45421</v>
      </c>
      <c r="F100785" s="14" t="s">
        <v>25</v>
      </c>
      <c r="G100785" s="16">
        <v>0.31719977093521018</v>
      </c>
    </row>
    <row r="100786" spans="1:7" x14ac:dyDescent="0.3">
      <c r="A100786" s="13" t="s">
        <v>496</v>
      </c>
      <c r="B100786" s="14" t="s">
        <v>1</v>
      </c>
      <c r="C100786" s="14" t="s">
        <v>200</v>
      </c>
      <c r="D100786" s="14" t="s">
        <v>74</v>
      </c>
      <c r="E100786" s="15">
        <v>45422</v>
      </c>
      <c r="F100786" s="14" t="s">
        <v>25</v>
      </c>
      <c r="G100786" s="16">
        <v>0.32424382056626044</v>
      </c>
    </row>
    <row r="100787" spans="1:7" x14ac:dyDescent="0.3">
      <c r="A100787" s="13" t="s">
        <v>496</v>
      </c>
      <c r="B100787" s="14" t="s">
        <v>1</v>
      </c>
      <c r="C100787" s="14" t="s">
        <v>200</v>
      </c>
      <c r="D100787" s="14" t="s">
        <v>74</v>
      </c>
      <c r="E100787" s="15">
        <v>45423</v>
      </c>
      <c r="F100787" s="14" t="s">
        <v>25</v>
      </c>
      <c r="G100787" s="16">
        <v>0.32424382056626044</v>
      </c>
    </row>
    <row r="100788" spans="1:7" x14ac:dyDescent="0.3">
      <c r="A100788" s="13" t="s">
        <v>496</v>
      </c>
      <c r="B100788" s="14" t="s">
        <v>1</v>
      </c>
      <c r="C100788" s="14" t="s">
        <v>200</v>
      </c>
      <c r="D100788" s="14" t="s">
        <v>74</v>
      </c>
      <c r="E100788" s="15">
        <v>45424</v>
      </c>
      <c r="F100788" s="14" t="s">
        <v>25</v>
      </c>
      <c r="G100788" s="16">
        <v>0.32424382056626044</v>
      </c>
    </row>
    <row r="100789" spans="1:7" x14ac:dyDescent="0.3">
      <c r="A100789" s="13" t="s">
        <v>496</v>
      </c>
      <c r="B100789" s="14" t="s">
        <v>1</v>
      </c>
      <c r="C100789" s="14" t="s">
        <v>200</v>
      </c>
      <c r="D100789" s="14" t="s">
        <v>74</v>
      </c>
      <c r="E100789" s="15">
        <v>45425</v>
      </c>
      <c r="F100789" s="14" t="s">
        <v>25</v>
      </c>
      <c r="G100789" s="16">
        <v>0.33045035356885744</v>
      </c>
    </row>
    <row r="100790" spans="1:7" x14ac:dyDescent="0.3">
      <c r="A100790" s="13" t="s">
        <v>496</v>
      </c>
      <c r="B100790" s="14" t="s">
        <v>1</v>
      </c>
      <c r="C100790" s="14" t="s">
        <v>200</v>
      </c>
      <c r="D100790" s="14" t="s">
        <v>74</v>
      </c>
      <c r="E100790" s="15">
        <v>45426</v>
      </c>
      <c r="F100790" s="14" t="s">
        <v>25</v>
      </c>
      <c r="G100790" s="16">
        <v>0.35569268904072238</v>
      </c>
    </row>
    <row r="100791" spans="1:7" x14ac:dyDescent="0.3">
      <c r="A100791" s="13" t="s">
        <v>496</v>
      </c>
      <c r="B100791" s="14" t="s">
        <v>1</v>
      </c>
      <c r="C100791" s="14" t="s">
        <v>200</v>
      </c>
      <c r="D100791" s="14" t="s">
        <v>74</v>
      </c>
      <c r="E100791" s="15">
        <v>45427</v>
      </c>
      <c r="F100791" s="14" t="s">
        <v>25</v>
      </c>
      <c r="G100791" s="16">
        <v>0.36114148895039822</v>
      </c>
    </row>
    <row r="100792" spans="1:7" x14ac:dyDescent="0.3">
      <c r="A100792" s="13" t="s">
        <v>496</v>
      </c>
      <c r="B100792" s="14" t="s">
        <v>1</v>
      </c>
      <c r="C100792" s="14" t="s">
        <v>200</v>
      </c>
      <c r="D100792" s="14" t="s">
        <v>74</v>
      </c>
      <c r="E100792" s="15">
        <v>45428</v>
      </c>
      <c r="F100792" s="14" t="s">
        <v>25</v>
      </c>
      <c r="G100792" s="16">
        <v>0.37101750504465886</v>
      </c>
    </row>
    <row r="100793" spans="1:7" x14ac:dyDescent="0.3">
      <c r="A100793" s="13" t="s">
        <v>496</v>
      </c>
      <c r="B100793" s="14" t="s">
        <v>1</v>
      </c>
      <c r="C100793" s="14" t="s">
        <v>200</v>
      </c>
      <c r="D100793" s="14" t="s">
        <v>74</v>
      </c>
      <c r="E100793" s="15">
        <v>45429</v>
      </c>
      <c r="F100793" s="14" t="s">
        <v>25</v>
      </c>
      <c r="G100793" s="16">
        <v>0.37984547210283892</v>
      </c>
    </row>
    <row r="100794" spans="1:7" x14ac:dyDescent="0.3">
      <c r="A100794" s="13" t="s">
        <v>496</v>
      </c>
      <c r="B100794" s="14" t="s">
        <v>1</v>
      </c>
      <c r="C100794" s="14" t="s">
        <v>200</v>
      </c>
      <c r="D100794" s="14" t="s">
        <v>74</v>
      </c>
      <c r="E100794" s="15">
        <v>45430</v>
      </c>
      <c r="F100794" s="14" t="s">
        <v>25</v>
      </c>
      <c r="G100794" s="16">
        <v>0.37984547210283892</v>
      </c>
    </row>
    <row r="100795" spans="1:7" x14ac:dyDescent="0.3">
      <c r="A100795" s="13" t="s">
        <v>496</v>
      </c>
      <c r="B100795" s="14" t="s">
        <v>1</v>
      </c>
      <c r="C100795" s="14" t="s">
        <v>200</v>
      </c>
      <c r="D100795" s="14" t="s">
        <v>74</v>
      </c>
      <c r="E100795" s="15">
        <v>45431</v>
      </c>
      <c r="F100795" s="14" t="s">
        <v>25</v>
      </c>
      <c r="G100795" s="16">
        <v>0.37984547210283892</v>
      </c>
    </row>
    <row r="100796" spans="1:7" x14ac:dyDescent="0.3">
      <c r="A100796" s="13" t="s">
        <v>496</v>
      </c>
      <c r="B100796" s="14" t="s">
        <v>1</v>
      </c>
      <c r="C100796" s="14" t="s">
        <v>200</v>
      </c>
      <c r="D100796" s="14" t="s">
        <v>74</v>
      </c>
      <c r="E100796" s="15">
        <v>45432</v>
      </c>
      <c r="F100796" s="14" t="s">
        <v>25</v>
      </c>
      <c r="G100796" s="16">
        <v>0.38577518610081291</v>
      </c>
    </row>
    <row r="100797" spans="1:7" x14ac:dyDescent="0.3">
      <c r="A100797" s="13" t="s">
        <v>496</v>
      </c>
      <c r="B100797" s="14" t="s">
        <v>1</v>
      </c>
      <c r="C100797" s="14" t="s">
        <v>200</v>
      </c>
      <c r="D100797" s="14" t="s">
        <v>74</v>
      </c>
      <c r="E100797" s="15">
        <v>45433</v>
      </c>
      <c r="F100797" s="14" t="s">
        <v>25</v>
      </c>
      <c r="G100797" s="16">
        <v>0.409075525011245</v>
      </c>
    </row>
    <row r="100798" spans="1:7" x14ac:dyDescent="0.3">
      <c r="A100798" s="13" t="s">
        <v>496</v>
      </c>
      <c r="B100798" s="14" t="s">
        <v>1</v>
      </c>
      <c r="C100798" s="14" t="s">
        <v>200</v>
      </c>
      <c r="D100798" s="14" t="s">
        <v>74</v>
      </c>
      <c r="E100798" s="15">
        <v>45434</v>
      </c>
      <c r="F100798" s="14" t="s">
        <v>25</v>
      </c>
      <c r="G100798" s="16">
        <v>0.41959584642736947</v>
      </c>
    </row>
    <row r="100799" spans="1:7" x14ac:dyDescent="0.3">
      <c r="A100799" s="13" t="s">
        <v>496</v>
      </c>
      <c r="B100799" s="14" t="s">
        <v>1</v>
      </c>
      <c r="C100799" s="14" t="s">
        <v>200</v>
      </c>
      <c r="D100799" s="14" t="s">
        <v>74</v>
      </c>
      <c r="E100799" s="15">
        <v>45435</v>
      </c>
      <c r="F100799" s="14" t="s">
        <v>25</v>
      </c>
      <c r="G100799" s="16">
        <v>0.42645671895641296</v>
      </c>
    </row>
    <row r="100800" spans="1:7" x14ac:dyDescent="0.3">
      <c r="A100800" s="13" t="s">
        <v>496</v>
      </c>
      <c r="B100800" s="14" t="s">
        <v>1</v>
      </c>
      <c r="C100800" s="14" t="s">
        <v>200</v>
      </c>
      <c r="D100800" s="14" t="s">
        <v>74</v>
      </c>
      <c r="E100800" s="15">
        <v>45436</v>
      </c>
      <c r="F100800" s="14" t="s">
        <v>25</v>
      </c>
      <c r="G100800" s="16">
        <v>0.43396722203779209</v>
      </c>
    </row>
    <row r="100801" spans="1:7" x14ac:dyDescent="0.3">
      <c r="A100801" s="13" t="s">
        <v>496</v>
      </c>
      <c r="B100801" s="14" t="s">
        <v>1</v>
      </c>
      <c r="C100801" s="14" t="s">
        <v>200</v>
      </c>
      <c r="D100801" s="14" t="s">
        <v>74</v>
      </c>
      <c r="E100801" s="15">
        <v>45437</v>
      </c>
      <c r="F100801" s="14" t="s">
        <v>25</v>
      </c>
      <c r="G100801" s="16">
        <v>0.43396722203779209</v>
      </c>
    </row>
    <row r="100802" spans="1:7" x14ac:dyDescent="0.3">
      <c r="A100802" s="13" t="s">
        <v>496</v>
      </c>
      <c r="B100802" s="14" t="s">
        <v>1</v>
      </c>
      <c r="C100802" s="14" t="s">
        <v>200</v>
      </c>
      <c r="D100802" s="14" t="s">
        <v>74</v>
      </c>
      <c r="E100802" s="15">
        <v>45438</v>
      </c>
      <c r="F100802" s="14" t="s">
        <v>25</v>
      </c>
      <c r="G100802" s="16">
        <v>0.43396722203779209</v>
      </c>
    </row>
    <row r="100803" spans="1:7" x14ac:dyDescent="0.3">
      <c r="A100803" s="13" t="s">
        <v>496</v>
      </c>
      <c r="B100803" s="14" t="s">
        <v>1</v>
      </c>
      <c r="C100803" s="14" t="s">
        <v>200</v>
      </c>
      <c r="D100803" s="14" t="s">
        <v>74</v>
      </c>
      <c r="E100803" s="15">
        <v>45439</v>
      </c>
      <c r="F100803" s="14" t="s">
        <v>25</v>
      </c>
      <c r="G100803" s="16">
        <v>0.43396722203779209</v>
      </c>
    </row>
    <row r="100804" spans="1:7" x14ac:dyDescent="0.3">
      <c r="A100804" s="13" t="s">
        <v>496</v>
      </c>
      <c r="B100804" s="14" t="s">
        <v>1</v>
      </c>
      <c r="C100804" s="14" t="s">
        <v>200</v>
      </c>
      <c r="D100804" s="14" t="s">
        <v>74</v>
      </c>
      <c r="E100804" s="15">
        <v>45440</v>
      </c>
      <c r="F100804" s="14" t="s">
        <v>25</v>
      </c>
      <c r="G100804" s="16">
        <v>0.44020123040400067</v>
      </c>
    </row>
    <row r="100805" spans="1:7" x14ac:dyDescent="0.3">
      <c r="A100805" s="13" t="s">
        <v>496</v>
      </c>
      <c r="B100805" s="14" t="s">
        <v>1</v>
      </c>
      <c r="C100805" s="14" t="s">
        <v>200</v>
      </c>
      <c r="D100805" s="14" t="s">
        <v>74</v>
      </c>
      <c r="E100805" s="15">
        <v>45441</v>
      </c>
      <c r="F100805" s="14" t="s">
        <v>25</v>
      </c>
      <c r="G100805" s="16">
        <v>0.45625555405790252</v>
      </c>
    </row>
    <row r="100806" spans="1:7" x14ac:dyDescent="0.3">
      <c r="A100806" s="13" t="s">
        <v>496</v>
      </c>
      <c r="B100806" s="14" t="s">
        <v>1</v>
      </c>
      <c r="C100806" s="14" t="s">
        <v>200</v>
      </c>
      <c r="D100806" s="14" t="s">
        <v>74</v>
      </c>
      <c r="E100806" s="15">
        <v>45442</v>
      </c>
      <c r="F100806" s="14" t="s">
        <v>25</v>
      </c>
      <c r="G100806" s="16">
        <v>0.45436561239241324</v>
      </c>
    </row>
    <row r="100807" spans="1:7" x14ac:dyDescent="0.3">
      <c r="A100807" s="13" t="s">
        <v>496</v>
      </c>
      <c r="B100807" s="14" t="s">
        <v>1</v>
      </c>
      <c r="C100807" s="14" t="s">
        <v>200</v>
      </c>
      <c r="D100807" s="14" t="s">
        <v>74</v>
      </c>
      <c r="E100807" s="15">
        <v>45443</v>
      </c>
      <c r="F100807" s="14" t="s">
        <v>25</v>
      </c>
      <c r="G100807" s="16">
        <v>0.46016297139425444</v>
      </c>
    </row>
    <row r="100808" spans="1:7" x14ac:dyDescent="0.3">
      <c r="A100808" s="13" t="s">
        <v>496</v>
      </c>
      <c r="B100808" s="14" t="s">
        <v>1</v>
      </c>
      <c r="C100808" s="14" t="s">
        <v>200</v>
      </c>
      <c r="D100808" s="14" t="s">
        <v>74</v>
      </c>
      <c r="E100808" s="15">
        <v>45444</v>
      </c>
      <c r="F100808" s="14" t="s">
        <v>25</v>
      </c>
      <c r="G100808" s="16">
        <v>0.46016297139425444</v>
      </c>
    </row>
    <row r="100809" spans="1:7" x14ac:dyDescent="0.3">
      <c r="A100809" s="13" t="s">
        <v>496</v>
      </c>
      <c r="B100809" s="14" t="s">
        <v>1</v>
      </c>
      <c r="C100809" s="14" t="s">
        <v>200</v>
      </c>
      <c r="D100809" s="14" t="s">
        <v>74</v>
      </c>
      <c r="E100809" s="15">
        <v>45445</v>
      </c>
      <c r="F100809" s="14" t="s">
        <v>25</v>
      </c>
      <c r="G100809" s="16">
        <v>0.46016297139425444</v>
      </c>
    </row>
    <row r="100810" spans="1:7" x14ac:dyDescent="0.3">
      <c r="A100810" s="13" t="s">
        <v>496</v>
      </c>
      <c r="B100810" s="14" t="s">
        <v>1</v>
      </c>
      <c r="C100810" s="14" t="s">
        <v>200</v>
      </c>
      <c r="D100810" s="14" t="s">
        <v>74</v>
      </c>
      <c r="E100810" s="15">
        <v>45446</v>
      </c>
      <c r="F100810" s="14" t="s">
        <v>25</v>
      </c>
      <c r="G100810" s="16">
        <v>0.46016297139425444</v>
      </c>
    </row>
    <row r="100811" spans="1:7" x14ac:dyDescent="0.3">
      <c r="A100811" s="13" t="s">
        <v>496</v>
      </c>
      <c r="B100811" s="14" t="s">
        <v>1</v>
      </c>
      <c r="C100811" s="14" t="s">
        <v>200</v>
      </c>
      <c r="D100811" s="14" t="s">
        <v>74</v>
      </c>
      <c r="E100811" s="15">
        <v>45447</v>
      </c>
      <c r="F100811" s="14" t="s">
        <v>25</v>
      </c>
      <c r="G100811" s="16">
        <v>0.46226466551773226</v>
      </c>
    </row>
    <row r="100812" spans="1:7" x14ac:dyDescent="0.3">
      <c r="A100812" s="13" t="s">
        <v>496</v>
      </c>
      <c r="B100812" s="14" t="s">
        <v>1</v>
      </c>
      <c r="C100812" s="14" t="s">
        <v>200</v>
      </c>
      <c r="D100812" s="14" t="s">
        <v>74</v>
      </c>
      <c r="E100812" s="15">
        <v>45448</v>
      </c>
      <c r="F100812" s="14" t="s">
        <v>25</v>
      </c>
      <c r="G100812" s="16">
        <v>0.49121190133758896</v>
      </c>
    </row>
    <row r="100813" spans="1:7" x14ac:dyDescent="0.3">
      <c r="A100813" s="13" t="s">
        <v>496</v>
      </c>
      <c r="B100813" s="14" t="s">
        <v>1</v>
      </c>
      <c r="C100813" s="14" t="s">
        <v>200</v>
      </c>
      <c r="D100813" s="14" t="s">
        <v>74</v>
      </c>
      <c r="E100813" s="15">
        <v>45449</v>
      </c>
      <c r="F100813" s="14" t="s">
        <v>25</v>
      </c>
      <c r="G100813" s="16">
        <v>0.49584153000945663</v>
      </c>
    </row>
    <row r="100814" spans="1:7" x14ac:dyDescent="0.3">
      <c r="A100814" s="13" t="s">
        <v>496</v>
      </c>
      <c r="B100814" s="14" t="s">
        <v>1</v>
      </c>
      <c r="C100814" s="14" t="s">
        <v>200</v>
      </c>
      <c r="D100814" s="14" t="s">
        <v>74</v>
      </c>
      <c r="E100814" s="15">
        <v>45450</v>
      </c>
      <c r="F100814" s="14" t="s">
        <v>25</v>
      </c>
      <c r="G100814" s="16">
        <v>0.50658112556042434</v>
      </c>
    </row>
    <row r="100815" spans="1:7" x14ac:dyDescent="0.3">
      <c r="A100815" s="13" t="s">
        <v>496</v>
      </c>
      <c r="B100815" s="14" t="s">
        <v>1</v>
      </c>
      <c r="C100815" s="14" t="s">
        <v>200</v>
      </c>
      <c r="D100815" s="14" t="s">
        <v>74</v>
      </c>
      <c r="E100815" s="15">
        <v>45451</v>
      </c>
      <c r="F100815" s="14" t="s">
        <v>25</v>
      </c>
      <c r="G100815" s="16">
        <v>0.50658112556042434</v>
      </c>
    </row>
    <row r="100816" spans="1:7" x14ac:dyDescent="0.3">
      <c r="A100816" s="13" t="s">
        <v>496</v>
      </c>
      <c r="B100816" s="14" t="s">
        <v>1</v>
      </c>
      <c r="C100816" s="14" t="s">
        <v>200</v>
      </c>
      <c r="D100816" s="14" t="s">
        <v>74</v>
      </c>
      <c r="E100816" s="15">
        <v>45452</v>
      </c>
      <c r="F100816" s="14" t="s">
        <v>25</v>
      </c>
      <c r="G100816" s="16">
        <v>0.50658112556042434</v>
      </c>
    </row>
    <row r="100817" spans="1:7" x14ac:dyDescent="0.3">
      <c r="A100817" s="13" t="s">
        <v>496</v>
      </c>
      <c r="B100817" s="14" t="s">
        <v>1</v>
      </c>
      <c r="C100817" s="14" t="s">
        <v>200</v>
      </c>
      <c r="D100817" s="14" t="s">
        <v>74</v>
      </c>
      <c r="E100817" s="15">
        <v>45453</v>
      </c>
      <c r="F100817" s="14" t="s">
        <v>25</v>
      </c>
      <c r="G100817" s="16">
        <v>0.51409466831663453</v>
      </c>
    </row>
    <row r="100818" spans="1:7" x14ac:dyDescent="0.3">
      <c r="A100818" s="13" t="s">
        <v>496</v>
      </c>
      <c r="B100818" s="14" t="s">
        <v>1</v>
      </c>
      <c r="C100818" s="14" t="s">
        <v>200</v>
      </c>
      <c r="D100818" s="14" t="s">
        <v>74</v>
      </c>
      <c r="E100818" s="15">
        <v>45454</v>
      </c>
      <c r="F100818" s="14" t="s">
        <v>25</v>
      </c>
      <c r="G100818" s="16">
        <v>0.53493187376004359</v>
      </c>
    </row>
    <row r="100819" spans="1:7" x14ac:dyDescent="0.3">
      <c r="A100819" s="13" t="s">
        <v>496</v>
      </c>
      <c r="B100819" s="14" t="s">
        <v>1</v>
      </c>
      <c r="C100819" s="14" t="s">
        <v>200</v>
      </c>
      <c r="D100819" s="14" t="s">
        <v>74</v>
      </c>
      <c r="E100819" s="15">
        <v>45455</v>
      </c>
      <c r="F100819" s="14" t="s">
        <v>25</v>
      </c>
      <c r="G100819" s="16">
        <v>0.54204934251267922</v>
      </c>
    </row>
    <row r="100820" spans="1:7" x14ac:dyDescent="0.3">
      <c r="A100820" s="13" t="s">
        <v>496</v>
      </c>
      <c r="B100820" s="14" t="s">
        <v>1</v>
      </c>
      <c r="C100820" s="14" t="s">
        <v>200</v>
      </c>
      <c r="D100820" s="14" t="s">
        <v>74</v>
      </c>
      <c r="E100820" s="15">
        <v>45456</v>
      </c>
      <c r="F100820" s="14" t="s">
        <v>25</v>
      </c>
      <c r="G100820" s="16">
        <v>0.54696760925194488</v>
      </c>
    </row>
    <row r="100821" spans="1:7" x14ac:dyDescent="0.3">
      <c r="A100821" s="13" t="s">
        <v>496</v>
      </c>
      <c r="B100821" s="14" t="s">
        <v>1</v>
      </c>
      <c r="C100821" s="14" t="s">
        <v>200</v>
      </c>
      <c r="D100821" s="14" t="s">
        <v>74</v>
      </c>
      <c r="E100821" s="15">
        <v>45457</v>
      </c>
      <c r="F100821" s="14" t="s">
        <v>25</v>
      </c>
      <c r="G100821" s="16">
        <v>0.55166664783864805</v>
      </c>
    </row>
    <row r="100822" spans="1:7" x14ac:dyDescent="0.3">
      <c r="A100822" s="13" t="s">
        <v>496</v>
      </c>
      <c r="B100822" s="14" t="s">
        <v>1</v>
      </c>
      <c r="C100822" s="14" t="s">
        <v>200</v>
      </c>
      <c r="D100822" s="14" t="s">
        <v>74</v>
      </c>
      <c r="E100822" s="15">
        <v>45458</v>
      </c>
      <c r="F100822" s="14" t="s">
        <v>25</v>
      </c>
      <c r="G100822" s="16">
        <v>0.55166664783864805</v>
      </c>
    </row>
    <row r="100823" spans="1:7" x14ac:dyDescent="0.3">
      <c r="A100823" s="13" t="s">
        <v>496</v>
      </c>
      <c r="B100823" s="14" t="s">
        <v>1</v>
      </c>
      <c r="C100823" s="14" t="s">
        <v>200</v>
      </c>
      <c r="D100823" s="14" t="s">
        <v>74</v>
      </c>
      <c r="E100823" s="15">
        <v>45459</v>
      </c>
      <c r="F100823" s="14" t="s">
        <v>25</v>
      </c>
      <c r="G100823" s="16">
        <v>0.55166664783864805</v>
      </c>
    </row>
    <row r="100824" spans="1:7" x14ac:dyDescent="0.3">
      <c r="A100824" s="13" t="s">
        <v>496</v>
      </c>
      <c r="B100824" s="14" t="s">
        <v>1</v>
      </c>
      <c r="C100824" s="14" t="s">
        <v>200</v>
      </c>
      <c r="D100824" s="14" t="s">
        <v>74</v>
      </c>
      <c r="E100824" s="15">
        <v>45460</v>
      </c>
      <c r="F100824" s="14" t="s">
        <v>25</v>
      </c>
      <c r="G100824" s="16">
        <v>0.56678164608370663</v>
      </c>
    </row>
    <row r="100825" spans="1:7" x14ac:dyDescent="0.3">
      <c r="A100825" s="13" t="s">
        <v>496</v>
      </c>
      <c r="B100825" s="14" t="s">
        <v>1</v>
      </c>
      <c r="C100825" s="14" t="s">
        <v>200</v>
      </c>
      <c r="D100825" s="14" t="s">
        <v>74</v>
      </c>
      <c r="E100825" s="15">
        <v>45461</v>
      </c>
      <c r="F100825" s="14" t="s">
        <v>25</v>
      </c>
      <c r="G100825" s="16">
        <v>0.58244367939498087</v>
      </c>
    </row>
    <row r="100826" spans="1:7" x14ac:dyDescent="0.3">
      <c r="A100826" s="13" t="s">
        <v>496</v>
      </c>
      <c r="B100826" s="14" t="s">
        <v>1</v>
      </c>
      <c r="C100826" s="14" t="s">
        <v>200</v>
      </c>
      <c r="D100826" s="14" t="s">
        <v>74</v>
      </c>
      <c r="E100826" s="15">
        <v>45462</v>
      </c>
      <c r="F100826" s="14" t="s">
        <v>25</v>
      </c>
      <c r="G100826" s="16">
        <v>0.58244367939498087</v>
      </c>
    </row>
    <row r="100827" spans="1:7" x14ac:dyDescent="0.3">
      <c r="A100827" s="13" t="s">
        <v>496</v>
      </c>
      <c r="B100827" s="14" t="s">
        <v>1</v>
      </c>
      <c r="C100827" s="14" t="s">
        <v>200</v>
      </c>
      <c r="D100827" s="14" t="s">
        <v>74</v>
      </c>
      <c r="E100827" s="15">
        <v>45463</v>
      </c>
      <c r="F100827" s="14" t="s">
        <v>25</v>
      </c>
      <c r="G100827" s="16">
        <v>0.59365268827495865</v>
      </c>
    </row>
    <row r="100828" spans="1:7" x14ac:dyDescent="0.3">
      <c r="A100828" s="13" t="s">
        <v>496</v>
      </c>
      <c r="B100828" s="14" t="s">
        <v>1</v>
      </c>
      <c r="C100828" s="14" t="s">
        <v>200</v>
      </c>
      <c r="D100828" s="14" t="s">
        <v>74</v>
      </c>
      <c r="E100828" s="15">
        <v>45464</v>
      </c>
      <c r="F100828" s="14" t="s">
        <v>25</v>
      </c>
      <c r="G100828" s="16">
        <v>0.60842985168674812</v>
      </c>
    </row>
    <row r="100829" spans="1:7" x14ac:dyDescent="0.3">
      <c r="A100829" s="13" t="s">
        <v>496</v>
      </c>
      <c r="B100829" s="14" t="s">
        <v>1</v>
      </c>
      <c r="C100829" s="14" t="s">
        <v>200</v>
      </c>
      <c r="D100829" s="14" t="s">
        <v>74</v>
      </c>
      <c r="E100829" s="15">
        <v>45465</v>
      </c>
      <c r="F100829" s="14" t="s">
        <v>25</v>
      </c>
      <c r="G100829" s="16">
        <v>0.60842985168674812</v>
      </c>
    </row>
    <row r="100830" spans="1:7" x14ac:dyDescent="0.3">
      <c r="A100830" s="13" t="s">
        <v>496</v>
      </c>
      <c r="B100830" s="14" t="s">
        <v>1</v>
      </c>
      <c r="C100830" s="14" t="s">
        <v>200</v>
      </c>
      <c r="D100830" s="14" t="s">
        <v>74</v>
      </c>
      <c r="E100830" s="15">
        <v>45466</v>
      </c>
      <c r="F100830" s="14" t="s">
        <v>25</v>
      </c>
      <c r="G100830" s="16">
        <v>0.60842985168674812</v>
      </c>
    </row>
    <row r="100831" spans="1:7" x14ac:dyDescent="0.3">
      <c r="A100831" s="13" t="s">
        <v>496</v>
      </c>
      <c r="B100831" s="14" t="s">
        <v>1</v>
      </c>
      <c r="C100831" s="14" t="s">
        <v>200</v>
      </c>
      <c r="D100831" s="14" t="s">
        <v>74</v>
      </c>
      <c r="E100831" s="15">
        <v>45467</v>
      </c>
      <c r="F100831" s="14" t="s">
        <v>25</v>
      </c>
      <c r="G100831" s="16">
        <v>0.6151861358282773</v>
      </c>
    </row>
    <row r="100832" spans="1:7" x14ac:dyDescent="0.3">
      <c r="A100832" s="13" t="s">
        <v>496</v>
      </c>
      <c r="B100832" s="14" t="s">
        <v>1</v>
      </c>
      <c r="C100832" s="14" t="s">
        <v>200</v>
      </c>
      <c r="D100832" s="14" t="s">
        <v>74</v>
      </c>
      <c r="E100832" s="15">
        <v>45468</v>
      </c>
      <c r="F100832" s="14" t="s">
        <v>25</v>
      </c>
      <c r="G100832" s="16">
        <v>0.63715439417000042</v>
      </c>
    </row>
    <row r="100833" spans="1:7" x14ac:dyDescent="0.3">
      <c r="A100833" s="13" t="s">
        <v>496</v>
      </c>
      <c r="B100833" s="14" t="s">
        <v>1</v>
      </c>
      <c r="C100833" s="14" t="s">
        <v>200</v>
      </c>
      <c r="D100833" s="14" t="s">
        <v>74</v>
      </c>
      <c r="E100833" s="15">
        <v>45469</v>
      </c>
      <c r="F100833" s="14" t="s">
        <v>25</v>
      </c>
      <c r="G100833" s="16">
        <v>0.64614345225764591</v>
      </c>
    </row>
    <row r="100834" spans="1:7" x14ac:dyDescent="0.3">
      <c r="A100834" s="13" t="s">
        <v>496</v>
      </c>
      <c r="B100834" s="14" t="s">
        <v>1</v>
      </c>
      <c r="C100834" s="14" t="s">
        <v>200</v>
      </c>
      <c r="D100834" s="14" t="s">
        <v>74</v>
      </c>
      <c r="E100834" s="15">
        <v>45470</v>
      </c>
      <c r="F100834" s="14" t="s">
        <v>25</v>
      </c>
      <c r="G100834" s="16">
        <v>0.65525190930083166</v>
      </c>
    </row>
    <row r="100835" spans="1:7" x14ac:dyDescent="0.3">
      <c r="A100835" s="13" t="s">
        <v>496</v>
      </c>
      <c r="B100835" s="14" t="s">
        <v>1</v>
      </c>
      <c r="C100835" s="14" t="s">
        <v>200</v>
      </c>
      <c r="D100835" s="14" t="s">
        <v>74</v>
      </c>
      <c r="E100835" s="15">
        <v>45471</v>
      </c>
      <c r="F100835" s="14" t="s">
        <v>25</v>
      </c>
      <c r="G100835" s="16">
        <v>0.66057614234710726</v>
      </c>
    </row>
    <row r="100836" spans="1:7" x14ac:dyDescent="0.3">
      <c r="A100836" s="13" t="s">
        <v>496</v>
      </c>
      <c r="B100836" s="14" t="s">
        <v>1</v>
      </c>
      <c r="C100836" s="14" t="s">
        <v>200</v>
      </c>
      <c r="D100836" s="14" t="s">
        <v>74</v>
      </c>
      <c r="E100836" s="15">
        <v>45472</v>
      </c>
      <c r="F100836" s="14" t="s">
        <v>25</v>
      </c>
      <c r="G100836" s="16">
        <v>0.66057614234710726</v>
      </c>
    </row>
    <row r="100837" spans="1:7" x14ac:dyDescent="0.3">
      <c r="A100837" s="13" t="s">
        <v>496</v>
      </c>
      <c r="B100837" s="14" t="s">
        <v>1</v>
      </c>
      <c r="C100837" s="14" t="s">
        <v>200</v>
      </c>
      <c r="D100837" s="14" t="s">
        <v>74</v>
      </c>
      <c r="E100837" s="15">
        <v>45473</v>
      </c>
      <c r="F100837" s="14" t="s">
        <v>25</v>
      </c>
      <c r="G100837" s="16">
        <v>0.66057614234710726</v>
      </c>
    </row>
    <row r="100838" spans="1:7" x14ac:dyDescent="0.3">
      <c r="A100838" s="13" t="s">
        <v>496</v>
      </c>
      <c r="B100838" s="14" t="s">
        <v>1</v>
      </c>
      <c r="C100838" s="14" t="s">
        <v>200</v>
      </c>
      <c r="D100838" s="14" t="s">
        <v>74</v>
      </c>
      <c r="E100838" s="15">
        <v>45474</v>
      </c>
      <c r="F100838" s="14" t="s">
        <v>25</v>
      </c>
      <c r="G100838" s="16">
        <v>0.67053403525283761</v>
      </c>
    </row>
    <row r="100839" spans="1:7" x14ac:dyDescent="0.3">
      <c r="A100839" s="13" t="s">
        <v>496</v>
      </c>
      <c r="B100839" s="14" t="s">
        <v>1</v>
      </c>
      <c r="C100839" s="14" t="s">
        <v>200</v>
      </c>
      <c r="D100839" s="14" t="s">
        <v>74</v>
      </c>
      <c r="E100839" s="15">
        <v>45475</v>
      </c>
      <c r="F100839" s="14" t="s">
        <v>25</v>
      </c>
      <c r="G100839" s="16">
        <v>0.69377023108758962</v>
      </c>
    </row>
    <row r="100840" spans="1:7" x14ac:dyDescent="0.3">
      <c r="A100840" s="13" t="s">
        <v>496</v>
      </c>
      <c r="B100840" s="14" t="s">
        <v>1</v>
      </c>
      <c r="C100840" s="14" t="s">
        <v>200</v>
      </c>
      <c r="D100840" s="14" t="s">
        <v>74</v>
      </c>
      <c r="E100840" s="15">
        <v>45476</v>
      </c>
      <c r="F100840" s="14" t="s">
        <v>25</v>
      </c>
      <c r="G100840" s="16">
        <v>0.69830544022987606</v>
      </c>
    </row>
    <row r="100841" spans="1:7" x14ac:dyDescent="0.3">
      <c r="A100841" s="13" t="s">
        <v>496</v>
      </c>
      <c r="B100841" s="14" t="s">
        <v>1</v>
      </c>
      <c r="C100841" s="14" t="s">
        <v>200</v>
      </c>
      <c r="D100841" s="14" t="s">
        <v>74</v>
      </c>
      <c r="E100841" s="15">
        <v>45477</v>
      </c>
      <c r="F100841" s="14" t="s">
        <v>25</v>
      </c>
      <c r="G100841" s="16">
        <v>0.69830544022987606</v>
      </c>
    </row>
    <row r="100842" spans="1:7" x14ac:dyDescent="0.3">
      <c r="A100842" s="13" t="s">
        <v>496</v>
      </c>
      <c r="B100842" s="14" t="s">
        <v>1</v>
      </c>
      <c r="C100842" s="14" t="s">
        <v>200</v>
      </c>
      <c r="D100842" s="14" t="s">
        <v>74</v>
      </c>
      <c r="E100842" s="15">
        <v>45478</v>
      </c>
      <c r="F100842" s="14" t="s">
        <v>25</v>
      </c>
      <c r="G100842" s="16">
        <v>0.7010140586028144</v>
      </c>
    </row>
    <row r="100843" spans="1:7" x14ac:dyDescent="0.3">
      <c r="A100843" s="13" t="s">
        <v>496</v>
      </c>
      <c r="B100843" s="14" t="s">
        <v>1</v>
      </c>
      <c r="C100843" s="14" t="s">
        <v>200</v>
      </c>
      <c r="D100843" s="14" t="s">
        <v>74</v>
      </c>
      <c r="E100843" s="15">
        <v>45479</v>
      </c>
      <c r="F100843" s="14" t="s">
        <v>25</v>
      </c>
      <c r="G100843" s="16">
        <v>0.7010140586028144</v>
      </c>
    </row>
    <row r="100844" spans="1:7" x14ac:dyDescent="0.3">
      <c r="A100844" s="13" t="s">
        <v>496</v>
      </c>
      <c r="B100844" s="14" t="s">
        <v>1</v>
      </c>
      <c r="C100844" s="14" t="s">
        <v>200</v>
      </c>
      <c r="D100844" s="14" t="s">
        <v>74</v>
      </c>
      <c r="E100844" s="15">
        <v>45480</v>
      </c>
      <c r="F100844" s="14" t="s">
        <v>25</v>
      </c>
      <c r="G100844" s="16">
        <v>0.7010140586028144</v>
      </c>
    </row>
    <row r="100845" spans="1:7" x14ac:dyDescent="0.3">
      <c r="A100845" s="13" t="s">
        <v>496</v>
      </c>
      <c r="B100845" s="14" t="s">
        <v>1</v>
      </c>
      <c r="C100845" s="14" t="s">
        <v>200</v>
      </c>
      <c r="D100845" s="14" t="s">
        <v>74</v>
      </c>
      <c r="E100845" s="15">
        <v>45481</v>
      </c>
      <c r="F100845" s="14" t="s">
        <v>25</v>
      </c>
      <c r="G100845" s="16">
        <v>0.71412970920832353</v>
      </c>
    </row>
    <row r="100846" spans="1:7" x14ac:dyDescent="0.3">
      <c r="A100846" s="13" t="s">
        <v>496</v>
      </c>
      <c r="B100846" s="14" t="s">
        <v>1</v>
      </c>
      <c r="C100846" s="14" t="s">
        <v>200</v>
      </c>
      <c r="D100846" s="14" t="s">
        <v>74</v>
      </c>
      <c r="E100846" s="15">
        <v>45482</v>
      </c>
      <c r="F100846" s="14" t="s">
        <v>25</v>
      </c>
      <c r="G100846" s="16">
        <v>0.73560431396820425</v>
      </c>
    </row>
    <row r="100847" spans="1:7" x14ac:dyDescent="0.3">
      <c r="A100847" s="13" t="s">
        <v>496</v>
      </c>
      <c r="B100847" s="14" t="s">
        <v>1</v>
      </c>
      <c r="C100847" s="14" t="s">
        <v>200</v>
      </c>
      <c r="D100847" s="14" t="s">
        <v>74</v>
      </c>
      <c r="E100847" s="15">
        <v>45483</v>
      </c>
      <c r="F100847" s="14" t="s">
        <v>25</v>
      </c>
      <c r="G100847" s="16">
        <v>0.74438881326645179</v>
      </c>
    </row>
    <row r="100848" spans="1:7" x14ac:dyDescent="0.3">
      <c r="A100848" s="13" t="s">
        <v>496</v>
      </c>
      <c r="B100848" s="14" t="s">
        <v>1</v>
      </c>
      <c r="C100848" s="14" t="s">
        <v>200</v>
      </c>
      <c r="D100848" s="14" t="s">
        <v>74</v>
      </c>
      <c r="E100848" s="15">
        <v>45484</v>
      </c>
      <c r="F100848" s="14" t="s">
        <v>25</v>
      </c>
      <c r="G100848" s="16">
        <v>0.74753800596113107</v>
      </c>
    </row>
    <row r="100849" spans="1:7" x14ac:dyDescent="0.3">
      <c r="A100849" s="13" t="s">
        <v>496</v>
      </c>
      <c r="B100849" s="14" t="s">
        <v>1</v>
      </c>
      <c r="C100849" s="14" t="s">
        <v>200</v>
      </c>
      <c r="D100849" s="14" t="s">
        <v>74</v>
      </c>
      <c r="E100849" s="15">
        <v>45485</v>
      </c>
      <c r="F100849" s="14" t="s">
        <v>25</v>
      </c>
      <c r="G100849" s="16">
        <v>0.75249630468930029</v>
      </c>
    </row>
    <row r="100850" spans="1:7" x14ac:dyDescent="0.3">
      <c r="A100850" s="13" t="s">
        <v>496</v>
      </c>
      <c r="B100850" s="14" t="s">
        <v>1</v>
      </c>
      <c r="C100850" s="14" t="s">
        <v>200</v>
      </c>
      <c r="D100850" s="14" t="s">
        <v>74</v>
      </c>
      <c r="E100850" s="15">
        <v>45486</v>
      </c>
      <c r="F100850" s="14" t="s">
        <v>25</v>
      </c>
      <c r="G100850" s="16">
        <v>0.75249630468930029</v>
      </c>
    </row>
    <row r="100851" spans="1:7" x14ac:dyDescent="0.3">
      <c r="A100851" s="13" t="s">
        <v>496</v>
      </c>
      <c r="B100851" s="14" t="s">
        <v>1</v>
      </c>
      <c r="C100851" s="14" t="s">
        <v>200</v>
      </c>
      <c r="D100851" s="14" t="s">
        <v>74</v>
      </c>
      <c r="E100851" s="15">
        <v>45487</v>
      </c>
      <c r="F100851" s="14" t="s">
        <v>25</v>
      </c>
      <c r="G100851" s="16">
        <v>0.75249630468930029</v>
      </c>
    </row>
    <row r="100852" spans="1:7" x14ac:dyDescent="0.3">
      <c r="A100852" s="13" t="s">
        <v>496</v>
      </c>
      <c r="B100852" s="14" t="s">
        <v>1</v>
      </c>
      <c r="C100852" s="14" t="s">
        <v>200</v>
      </c>
      <c r="D100852" s="14" t="s">
        <v>74</v>
      </c>
      <c r="E100852" s="15">
        <v>45488</v>
      </c>
      <c r="F100852" s="14" t="s">
        <v>25</v>
      </c>
      <c r="G100852" s="16">
        <v>0.75586111406929524</v>
      </c>
    </row>
    <row r="100853" spans="1:7" x14ac:dyDescent="0.3">
      <c r="A100853" s="13" t="s">
        <v>496</v>
      </c>
      <c r="B100853" s="14" t="s">
        <v>1</v>
      </c>
      <c r="C100853" s="14" t="s">
        <v>200</v>
      </c>
      <c r="D100853" s="14" t="s">
        <v>74</v>
      </c>
      <c r="E100853" s="15">
        <v>45489</v>
      </c>
      <c r="F100853" s="14" t="s">
        <v>25</v>
      </c>
      <c r="G100853" s="16">
        <v>0.7754528471747556</v>
      </c>
    </row>
    <row r="100854" spans="1:7" x14ac:dyDescent="0.3">
      <c r="A100854" s="13" t="s">
        <v>496</v>
      </c>
      <c r="B100854" s="14" t="s">
        <v>1</v>
      </c>
      <c r="C100854" s="14" t="s">
        <v>200</v>
      </c>
      <c r="D100854" s="14" t="s">
        <v>74</v>
      </c>
      <c r="E100854" s="15">
        <v>45490</v>
      </c>
      <c r="F100854" s="14" t="s">
        <v>25</v>
      </c>
      <c r="G100854" s="16">
        <v>0.76363125978157576</v>
      </c>
    </row>
    <row r="100855" spans="1:7" x14ac:dyDescent="0.3">
      <c r="A100855" s="13" t="s">
        <v>496</v>
      </c>
      <c r="B100855" s="14" t="s">
        <v>1</v>
      </c>
      <c r="C100855" s="14" t="s">
        <v>200</v>
      </c>
      <c r="D100855" s="14" t="s">
        <v>74</v>
      </c>
      <c r="E100855" s="15">
        <v>45491</v>
      </c>
      <c r="F100855" s="14" t="s">
        <v>25</v>
      </c>
      <c r="G100855" s="16">
        <v>0.77456493715202479</v>
      </c>
    </row>
    <row r="100856" spans="1:7" x14ac:dyDescent="0.3">
      <c r="A100856" s="13" t="s">
        <v>496</v>
      </c>
      <c r="B100856" s="14" t="s">
        <v>1</v>
      </c>
      <c r="C100856" s="14" t="s">
        <v>200</v>
      </c>
      <c r="D100856" s="14" t="s">
        <v>74</v>
      </c>
      <c r="E100856" s="15">
        <v>45492</v>
      </c>
      <c r="F100856" s="14" t="s">
        <v>25</v>
      </c>
      <c r="G100856" s="16">
        <v>0.7834919858608308</v>
      </c>
    </row>
    <row r="100857" spans="1:7" x14ac:dyDescent="0.3">
      <c r="A100857" s="13" t="s">
        <v>496</v>
      </c>
      <c r="B100857" s="14" t="s">
        <v>1</v>
      </c>
      <c r="C100857" s="14" t="s">
        <v>200</v>
      </c>
      <c r="D100857" s="14" t="s">
        <v>74</v>
      </c>
      <c r="E100857" s="15">
        <v>45493</v>
      </c>
      <c r="F100857" s="14" t="s">
        <v>25</v>
      </c>
      <c r="G100857" s="16">
        <v>0.7834919858608308</v>
      </c>
    </row>
    <row r="100858" spans="1:7" x14ac:dyDescent="0.3">
      <c r="A100858" s="13" t="s">
        <v>496</v>
      </c>
      <c r="B100858" s="14" t="s">
        <v>1</v>
      </c>
      <c r="C100858" s="14" t="s">
        <v>200</v>
      </c>
      <c r="D100858" s="14" t="s">
        <v>74</v>
      </c>
      <c r="E100858" s="15">
        <v>45494</v>
      </c>
      <c r="F100858" s="14" t="s">
        <v>25</v>
      </c>
      <c r="G100858" s="16">
        <v>0.7834919858608308</v>
      </c>
    </row>
    <row r="100859" spans="1:7" x14ac:dyDescent="0.3">
      <c r="A100859" s="13" t="s">
        <v>496</v>
      </c>
      <c r="B100859" s="14" t="s">
        <v>1</v>
      </c>
      <c r="C100859" s="14" t="s">
        <v>200</v>
      </c>
      <c r="D100859" s="14" t="s">
        <v>74</v>
      </c>
      <c r="E100859" s="15">
        <v>45495</v>
      </c>
      <c r="F100859" s="14" t="s">
        <v>25</v>
      </c>
      <c r="G100859" s="16">
        <v>0.79108669654428343</v>
      </c>
    </row>
    <row r="100860" spans="1:7" x14ac:dyDescent="0.3">
      <c r="A100860" s="13" t="s">
        <v>496</v>
      </c>
      <c r="B100860" s="14" t="s">
        <v>1</v>
      </c>
      <c r="C100860" s="14" t="s">
        <v>200</v>
      </c>
      <c r="D100860" s="14" t="s">
        <v>74</v>
      </c>
      <c r="E100860" s="15">
        <v>45496</v>
      </c>
      <c r="F100860" s="14" t="s">
        <v>25</v>
      </c>
      <c r="G100860" s="16">
        <v>0.8139679065142803</v>
      </c>
    </row>
    <row r="100861" spans="1:7" x14ac:dyDescent="0.3">
      <c r="A100861" s="13" t="s">
        <v>496</v>
      </c>
      <c r="B100861" s="14" t="s">
        <v>1</v>
      </c>
      <c r="C100861" s="14" t="s">
        <v>200</v>
      </c>
      <c r="D100861" s="14" t="s">
        <v>74</v>
      </c>
      <c r="E100861" s="15">
        <v>45497</v>
      </c>
      <c r="F100861" s="14" t="s">
        <v>25</v>
      </c>
      <c r="G100861" s="16">
        <v>0.81554137816968508</v>
      </c>
    </row>
    <row r="100862" spans="1:7" x14ac:dyDescent="0.3">
      <c r="A100862" s="13" t="s">
        <v>496</v>
      </c>
      <c r="B100862" s="14" t="s">
        <v>1</v>
      </c>
      <c r="C100862" s="14" t="s">
        <v>200</v>
      </c>
      <c r="D100862" s="14" t="s">
        <v>74</v>
      </c>
      <c r="E100862" s="15">
        <v>45498</v>
      </c>
      <c r="F100862" s="14" t="s">
        <v>25</v>
      </c>
      <c r="G100862" s="16">
        <v>0.81915935670015971</v>
      </c>
    </row>
    <row r="100863" spans="1:7" x14ac:dyDescent="0.3">
      <c r="A100863" s="13" t="s">
        <v>496</v>
      </c>
      <c r="B100863" s="14" t="s">
        <v>1</v>
      </c>
      <c r="C100863" s="14" t="s">
        <v>200</v>
      </c>
      <c r="D100863" s="14" t="s">
        <v>74</v>
      </c>
      <c r="E100863" s="15">
        <v>45499</v>
      </c>
      <c r="F100863" s="14" t="s">
        <v>25</v>
      </c>
      <c r="G100863" s="16">
        <v>0.82821744153562005</v>
      </c>
    </row>
    <row r="100864" spans="1:7" x14ac:dyDescent="0.3">
      <c r="A100864" s="13" t="s">
        <v>496</v>
      </c>
      <c r="B100864" s="14" t="s">
        <v>1</v>
      </c>
      <c r="C100864" s="14" t="s">
        <v>200</v>
      </c>
      <c r="D100864" s="14" t="s">
        <v>74</v>
      </c>
      <c r="E100864" s="15">
        <v>45500</v>
      </c>
      <c r="F100864" s="14" t="s">
        <v>25</v>
      </c>
      <c r="G100864" s="16">
        <v>0.82821744153562005</v>
      </c>
    </row>
    <row r="100865" spans="1:7" x14ac:dyDescent="0.3">
      <c r="A100865" s="13" t="s">
        <v>496</v>
      </c>
      <c r="B100865" s="14" t="s">
        <v>1</v>
      </c>
      <c r="C100865" s="14" t="s">
        <v>200</v>
      </c>
      <c r="D100865" s="14" t="s">
        <v>74</v>
      </c>
      <c r="E100865" s="15">
        <v>45501</v>
      </c>
      <c r="F100865" s="14" t="s">
        <v>25</v>
      </c>
      <c r="G100865" s="16">
        <v>0.82821744153562005</v>
      </c>
    </row>
    <row r="100866" spans="1:7" x14ac:dyDescent="0.3">
      <c r="A100866" s="13" t="s">
        <v>496</v>
      </c>
      <c r="B100866" s="14" t="s">
        <v>1</v>
      </c>
      <c r="C100866" s="14" t="s">
        <v>200</v>
      </c>
      <c r="D100866" s="14" t="s">
        <v>74</v>
      </c>
      <c r="E100866" s="15">
        <v>45502</v>
      </c>
      <c r="F100866" s="14" t="s">
        <v>25</v>
      </c>
      <c r="G100866" s="16">
        <v>0.84192787893386922</v>
      </c>
    </row>
    <row r="100867" spans="1:7" x14ac:dyDescent="0.3">
      <c r="A100867" s="13" t="s">
        <v>496</v>
      </c>
      <c r="B100867" s="14" t="s">
        <v>1</v>
      </c>
      <c r="C100867" s="14" t="s">
        <v>200</v>
      </c>
      <c r="D100867" s="14" t="s">
        <v>74</v>
      </c>
      <c r="E100867" s="15">
        <v>45503</v>
      </c>
      <c r="F100867" s="14" t="s">
        <v>25</v>
      </c>
      <c r="G100867" s="16">
        <v>0.8584900058642192</v>
      </c>
    </row>
    <row r="100868" spans="1:7" x14ac:dyDescent="0.3">
      <c r="A100868" s="13" t="s">
        <v>496</v>
      </c>
      <c r="B100868" s="14" t="s">
        <v>1</v>
      </c>
      <c r="C100868" s="14" t="s">
        <v>200</v>
      </c>
      <c r="D100868" s="14" t="s">
        <v>74</v>
      </c>
      <c r="E100868" s="15">
        <v>45504</v>
      </c>
      <c r="F100868" s="14" t="s">
        <v>25</v>
      </c>
      <c r="G100868" s="16">
        <v>0.86099890362908382</v>
      </c>
    </row>
    <row r="100869" spans="1:7" x14ac:dyDescent="0.3">
      <c r="A100869" s="13" t="s">
        <v>496</v>
      </c>
      <c r="B100869" s="14" t="s">
        <v>1</v>
      </c>
      <c r="C100869" s="14" t="s">
        <v>200</v>
      </c>
      <c r="D100869" s="14" t="s">
        <v>74</v>
      </c>
      <c r="E100869" s="15">
        <v>45505</v>
      </c>
      <c r="F100869" s="14" t="s">
        <v>25</v>
      </c>
      <c r="G100869" s="16">
        <v>0.86355275441372081</v>
      </c>
    </row>
    <row r="100870" spans="1:7" x14ac:dyDescent="0.3">
      <c r="A100870" s="13" t="s">
        <v>496</v>
      </c>
      <c r="B100870" s="14" t="s">
        <v>1</v>
      </c>
      <c r="C100870" s="14" t="s">
        <v>200</v>
      </c>
      <c r="D100870" s="14" t="s">
        <v>74</v>
      </c>
      <c r="E100870" s="15">
        <v>45506</v>
      </c>
      <c r="F100870" s="14" t="s">
        <v>25</v>
      </c>
      <c r="G100870" s="16">
        <v>0.86238215332454293</v>
      </c>
    </row>
    <row r="100871" spans="1:7" x14ac:dyDescent="0.3">
      <c r="A100871" s="13" t="s">
        <v>496</v>
      </c>
      <c r="B100871" s="14" t="s">
        <v>1</v>
      </c>
      <c r="C100871" s="14" t="s">
        <v>200</v>
      </c>
      <c r="D100871" s="14" t="s">
        <v>74</v>
      </c>
      <c r="E100871" s="15">
        <v>45507</v>
      </c>
      <c r="F100871" s="14" t="s">
        <v>25</v>
      </c>
      <c r="G100871" s="16">
        <v>0.86238215332454293</v>
      </c>
    </row>
    <row r="100872" spans="1:7" x14ac:dyDescent="0.3">
      <c r="A100872" s="13" t="s">
        <v>496</v>
      </c>
      <c r="B100872" s="14" t="s">
        <v>1</v>
      </c>
      <c r="C100872" s="14" t="s">
        <v>200</v>
      </c>
      <c r="D100872" s="14" t="s">
        <v>74</v>
      </c>
      <c r="E100872" s="15">
        <v>45508</v>
      </c>
      <c r="F100872" s="14" t="s">
        <v>25</v>
      </c>
      <c r="G100872" s="16">
        <v>0.86238215332454293</v>
      </c>
    </row>
    <row r="100873" spans="1:7" x14ac:dyDescent="0.3">
      <c r="A100873" s="13" t="s">
        <v>496</v>
      </c>
      <c r="B100873" s="14" t="s">
        <v>1</v>
      </c>
      <c r="C100873" s="14" t="s">
        <v>200</v>
      </c>
      <c r="D100873" s="14" t="s">
        <v>74</v>
      </c>
      <c r="E100873" s="15">
        <v>45509</v>
      </c>
      <c r="F100873" s="14" t="s">
        <v>25</v>
      </c>
      <c r="G100873" s="16">
        <v>0.86238215332454293</v>
      </c>
    </row>
    <row r="100874" spans="1:7" x14ac:dyDescent="0.3">
      <c r="A100874" s="13" t="s">
        <v>496</v>
      </c>
      <c r="B100874" s="14" t="s">
        <v>1</v>
      </c>
      <c r="C100874" s="14" t="s">
        <v>200</v>
      </c>
      <c r="D100874" s="14" t="s">
        <v>74</v>
      </c>
      <c r="E100874" s="15">
        <v>45510</v>
      </c>
      <c r="F100874" s="14" t="s">
        <v>25</v>
      </c>
      <c r="G100874" s="16">
        <v>0.86971446064702262</v>
      </c>
    </row>
    <row r="100875" spans="1:7" x14ac:dyDescent="0.3">
      <c r="A100875" s="13" t="s">
        <v>496</v>
      </c>
      <c r="B100875" s="14" t="s">
        <v>1</v>
      </c>
      <c r="C100875" s="14" t="s">
        <v>200</v>
      </c>
      <c r="D100875" s="14" t="s">
        <v>74</v>
      </c>
      <c r="E100875" s="15">
        <v>45511</v>
      </c>
      <c r="F100875" s="14" t="s">
        <v>25</v>
      </c>
      <c r="G100875" s="16">
        <v>0.90795112835868952</v>
      </c>
    </row>
    <row r="100876" spans="1:7" x14ac:dyDescent="0.3">
      <c r="A100876" s="13" t="s">
        <v>496</v>
      </c>
      <c r="B100876" s="14" t="s">
        <v>1</v>
      </c>
      <c r="C100876" s="14" t="s">
        <v>200</v>
      </c>
      <c r="D100876" s="14" t="s">
        <v>74</v>
      </c>
      <c r="E100876" s="15">
        <v>45512</v>
      </c>
      <c r="F100876" s="14" t="s">
        <v>25</v>
      </c>
      <c r="G100876" s="16">
        <v>0.91959761525420813</v>
      </c>
    </row>
    <row r="100877" spans="1:7" x14ac:dyDescent="0.3">
      <c r="A100877" s="13" t="s">
        <v>496</v>
      </c>
      <c r="B100877" s="14" t="s">
        <v>1</v>
      </c>
      <c r="C100877" s="14" t="s">
        <v>200</v>
      </c>
      <c r="D100877" s="14" t="s">
        <v>74</v>
      </c>
      <c r="E100877" s="15">
        <v>45513</v>
      </c>
      <c r="F100877" s="14" t="s">
        <v>25</v>
      </c>
      <c r="G100877" s="16">
        <v>0.9245235989831706</v>
      </c>
    </row>
    <row r="100878" spans="1:7" x14ac:dyDescent="0.3">
      <c r="A100878" s="13" t="s">
        <v>496</v>
      </c>
      <c r="B100878" s="14" t="s">
        <v>1</v>
      </c>
      <c r="C100878" s="14" t="s">
        <v>200</v>
      </c>
      <c r="D100878" s="14" t="s">
        <v>74</v>
      </c>
      <c r="E100878" s="15">
        <v>45514</v>
      </c>
      <c r="F100878" s="14" t="s">
        <v>25</v>
      </c>
      <c r="G100878" s="16">
        <v>0.9245235989831706</v>
      </c>
    </row>
    <row r="100879" spans="1:7" x14ac:dyDescent="0.3">
      <c r="A100879" s="13" t="s">
        <v>496</v>
      </c>
      <c r="B100879" s="14" t="s">
        <v>1</v>
      </c>
      <c r="C100879" s="14" t="s">
        <v>200</v>
      </c>
      <c r="D100879" s="14" t="s">
        <v>74</v>
      </c>
      <c r="E100879" s="15">
        <v>45515</v>
      </c>
      <c r="F100879" s="14" t="s">
        <v>25</v>
      </c>
      <c r="G100879" s="16">
        <v>0.9245235989831706</v>
      </c>
    </row>
    <row r="100880" spans="1:7" x14ac:dyDescent="0.3">
      <c r="A100880" s="13" t="s">
        <v>496</v>
      </c>
      <c r="B100880" s="14" t="s">
        <v>1</v>
      </c>
      <c r="C100880" s="14" t="s">
        <v>200</v>
      </c>
      <c r="D100880" s="14" t="s">
        <v>74</v>
      </c>
      <c r="E100880" s="15">
        <v>45516</v>
      </c>
      <c r="F100880" s="14" t="s">
        <v>25</v>
      </c>
      <c r="G100880" s="16">
        <v>0.92955328691817207</v>
      </c>
    </row>
    <row r="100881" spans="1:7" x14ac:dyDescent="0.3">
      <c r="A100881" s="13" t="s">
        <v>496</v>
      </c>
      <c r="B100881" s="14" t="s">
        <v>1</v>
      </c>
      <c r="C100881" s="14" t="s">
        <v>200</v>
      </c>
      <c r="D100881" s="14" t="s">
        <v>74</v>
      </c>
      <c r="E100881" s="15">
        <v>45517</v>
      </c>
      <c r="F100881" s="14" t="s">
        <v>25</v>
      </c>
      <c r="G100881" s="16">
        <v>0.94768326020145399</v>
      </c>
    </row>
    <row r="100882" spans="1:7" x14ac:dyDescent="0.3">
      <c r="A100882" s="13" t="s">
        <v>496</v>
      </c>
      <c r="B100882" s="14" t="s">
        <v>1</v>
      </c>
      <c r="C100882" s="14" t="s">
        <v>200</v>
      </c>
      <c r="D100882" s="14" t="s">
        <v>74</v>
      </c>
      <c r="E100882" s="15">
        <v>45518</v>
      </c>
      <c r="F100882" s="14" t="s">
        <v>25</v>
      </c>
      <c r="G100882" s="16">
        <v>0.95545888482847718</v>
      </c>
    </row>
    <row r="100883" spans="1:7" x14ac:dyDescent="0.3">
      <c r="A100883" s="13" t="s">
        <v>496</v>
      </c>
      <c r="B100883" s="14" t="s">
        <v>1</v>
      </c>
      <c r="C100883" s="14" t="s">
        <v>200</v>
      </c>
      <c r="D100883" s="14" t="s">
        <v>74</v>
      </c>
      <c r="E100883" s="15">
        <v>45519</v>
      </c>
      <c r="F100883" s="14" t="s">
        <v>25</v>
      </c>
      <c r="G100883" s="16">
        <v>0.97037766207267284</v>
      </c>
    </row>
    <row r="100884" spans="1:7" x14ac:dyDescent="0.3">
      <c r="A100884" s="13" t="s">
        <v>496</v>
      </c>
      <c r="B100884" s="14" t="s">
        <v>1</v>
      </c>
      <c r="C100884" s="14" t="s">
        <v>200</v>
      </c>
      <c r="D100884" s="14" t="s">
        <v>74</v>
      </c>
      <c r="E100884" s="15">
        <v>45520</v>
      </c>
      <c r="F100884" s="14" t="s">
        <v>25</v>
      </c>
      <c r="G100884" s="16">
        <v>0.96962333231837716</v>
      </c>
    </row>
    <row r="100885" spans="1:7" x14ac:dyDescent="0.3">
      <c r="A100885" s="13" t="s">
        <v>496</v>
      </c>
      <c r="B100885" s="14" t="s">
        <v>1</v>
      </c>
      <c r="C100885" s="14" t="s">
        <v>200</v>
      </c>
      <c r="D100885" s="14" t="s">
        <v>74</v>
      </c>
      <c r="E100885" s="15">
        <v>45521</v>
      </c>
      <c r="F100885" s="14" t="s">
        <v>25</v>
      </c>
      <c r="G100885" s="16">
        <v>0.96962333231837716</v>
      </c>
    </row>
    <row r="100886" spans="1:7" x14ac:dyDescent="0.3">
      <c r="A100886" s="13" t="s">
        <v>496</v>
      </c>
      <c r="B100886" s="14" t="s">
        <v>1</v>
      </c>
      <c r="C100886" s="14" t="s">
        <v>200</v>
      </c>
      <c r="D100886" s="14" t="s">
        <v>74</v>
      </c>
      <c r="E100886" s="15">
        <v>45522</v>
      </c>
      <c r="F100886" s="14" t="s">
        <v>25</v>
      </c>
      <c r="G100886" s="16">
        <v>0.96962333231837716</v>
      </c>
    </row>
    <row r="100887" spans="1:7" x14ac:dyDescent="0.3">
      <c r="A100887" s="13" t="s">
        <v>496</v>
      </c>
      <c r="B100887" s="14" t="s">
        <v>1</v>
      </c>
      <c r="C100887" s="14" t="s">
        <v>200</v>
      </c>
      <c r="D100887" s="14" t="s">
        <v>74</v>
      </c>
      <c r="E100887" s="15">
        <v>45523</v>
      </c>
      <c r="F100887" s="14" t="s">
        <v>25</v>
      </c>
      <c r="G100887" s="16">
        <v>0.97226156435701405</v>
      </c>
    </row>
    <row r="100888" spans="1:7" x14ac:dyDescent="0.3">
      <c r="A100888" s="13" t="s">
        <v>496</v>
      </c>
      <c r="B100888" s="14" t="s">
        <v>1</v>
      </c>
      <c r="C100888" s="14" t="s">
        <v>200</v>
      </c>
      <c r="D100888" s="14" t="s">
        <v>74</v>
      </c>
      <c r="E100888" s="15">
        <v>45524</v>
      </c>
      <c r="F100888" s="14" t="s">
        <v>25</v>
      </c>
      <c r="G100888" s="16">
        <v>0.98063696509756149</v>
      </c>
    </row>
    <row r="100889" spans="1:7" x14ac:dyDescent="0.3">
      <c r="A100889" s="13" t="s">
        <v>496</v>
      </c>
      <c r="B100889" s="14" t="s">
        <v>1</v>
      </c>
      <c r="C100889" s="14" t="s">
        <v>200</v>
      </c>
      <c r="D100889" s="14" t="s">
        <v>74</v>
      </c>
      <c r="E100889" s="15">
        <v>45525</v>
      </c>
      <c r="F100889" s="14" t="s">
        <v>25</v>
      </c>
      <c r="G100889" s="16">
        <v>0.98335172932363812</v>
      </c>
    </row>
    <row r="100890" spans="1:7" x14ac:dyDescent="0.3">
      <c r="A100890" s="13" t="s">
        <v>496</v>
      </c>
      <c r="B100890" s="14" t="s">
        <v>1</v>
      </c>
      <c r="C100890" s="14" t="s">
        <v>200</v>
      </c>
      <c r="D100890" s="14" t="s">
        <v>74</v>
      </c>
      <c r="E100890" s="15">
        <v>45526</v>
      </c>
      <c r="F100890" s="14" t="s">
        <v>25</v>
      </c>
      <c r="G100890" s="16">
        <v>0.99361475974906843</v>
      </c>
    </row>
    <row r="100891" spans="1:7" x14ac:dyDescent="0.3">
      <c r="A100891" s="13" t="s">
        <v>496</v>
      </c>
      <c r="B100891" s="14" t="s">
        <v>1</v>
      </c>
      <c r="C100891" s="14" t="s">
        <v>200</v>
      </c>
      <c r="D100891" s="14" t="s">
        <v>74</v>
      </c>
      <c r="E100891" s="15">
        <v>45527</v>
      </c>
      <c r="F100891" s="14" t="s">
        <v>25</v>
      </c>
      <c r="G100891" s="16">
        <v>0.99297517325998785</v>
      </c>
    </row>
    <row r="100892" spans="1:7" x14ac:dyDescent="0.3">
      <c r="A100892" s="13" t="s">
        <v>496</v>
      </c>
      <c r="B100892" s="14" t="s">
        <v>1</v>
      </c>
      <c r="C100892" s="14" t="s">
        <v>200</v>
      </c>
      <c r="D100892" s="14" t="s">
        <v>74</v>
      </c>
      <c r="E100892" s="15">
        <v>45528</v>
      </c>
      <c r="F100892" s="14" t="s">
        <v>25</v>
      </c>
      <c r="G100892" s="16">
        <v>0.99297517325998785</v>
      </c>
    </row>
    <row r="100893" spans="1:7" x14ac:dyDescent="0.3">
      <c r="A100893" s="13" t="s">
        <v>496</v>
      </c>
      <c r="B100893" s="14" t="s">
        <v>1</v>
      </c>
      <c r="C100893" s="14" t="s">
        <v>200</v>
      </c>
      <c r="D100893" s="14" t="s">
        <v>74</v>
      </c>
      <c r="E100893" s="15">
        <v>45529</v>
      </c>
      <c r="F100893" s="14" t="s">
        <v>25</v>
      </c>
      <c r="G100893" s="16">
        <v>0.99297517325998785</v>
      </c>
    </row>
    <row r="100894" spans="1:7" x14ac:dyDescent="0.3">
      <c r="A100894" s="13" t="s">
        <v>496</v>
      </c>
      <c r="B100894" s="14" t="s">
        <v>1</v>
      </c>
      <c r="C100894" s="14" t="s">
        <v>200</v>
      </c>
      <c r="D100894" s="14" t="s">
        <v>74</v>
      </c>
      <c r="E100894" s="15">
        <v>45530</v>
      </c>
      <c r="F100894" s="14" t="s">
        <v>25</v>
      </c>
      <c r="G100894" s="16">
        <v>1.0064008246249265</v>
      </c>
    </row>
    <row r="100895" spans="1:7" x14ac:dyDescent="0.3">
      <c r="A100895" s="13" t="s">
        <v>496</v>
      </c>
      <c r="B100895" s="14" t="s">
        <v>1</v>
      </c>
      <c r="C100895" s="14" t="s">
        <v>200</v>
      </c>
      <c r="D100895" s="14" t="s">
        <v>74</v>
      </c>
      <c r="E100895" s="15">
        <v>45531</v>
      </c>
      <c r="F100895" s="14" t="s">
        <v>25</v>
      </c>
      <c r="G100895" s="16">
        <v>1.017986791361525</v>
      </c>
    </row>
    <row r="100896" spans="1:7" x14ac:dyDescent="0.3">
      <c r="A100896" s="13" t="s">
        <v>496</v>
      </c>
      <c r="B100896" s="14" t="s">
        <v>1</v>
      </c>
      <c r="C100896" s="14" t="s">
        <v>200</v>
      </c>
      <c r="D100896" s="14" t="s">
        <v>74</v>
      </c>
      <c r="E100896" s="15">
        <v>45532</v>
      </c>
      <c r="F100896" s="14" t="s">
        <v>25</v>
      </c>
      <c r="G100896" s="16">
        <v>1.0245729489230913</v>
      </c>
    </row>
    <row r="100897" spans="1:7" x14ac:dyDescent="0.3">
      <c r="A100897" s="13" t="s">
        <v>496</v>
      </c>
      <c r="B100897" s="14" t="s">
        <v>1</v>
      </c>
      <c r="C100897" s="14" t="s">
        <v>200</v>
      </c>
      <c r="D100897" s="14" t="s">
        <v>74</v>
      </c>
      <c r="E100897" s="15">
        <v>45533</v>
      </c>
      <c r="F100897" s="14" t="s">
        <v>25</v>
      </c>
      <c r="G100897" s="16">
        <v>1.0362061400715075</v>
      </c>
    </row>
    <row r="100898" spans="1:7" x14ac:dyDescent="0.3">
      <c r="A100898" s="13" t="s">
        <v>496</v>
      </c>
      <c r="B100898" s="14" t="s">
        <v>1</v>
      </c>
      <c r="C100898" s="14" t="s">
        <v>200</v>
      </c>
      <c r="D100898" s="14" t="s">
        <v>74</v>
      </c>
      <c r="E100898" s="15">
        <v>45534</v>
      </c>
      <c r="F100898" s="14" t="s">
        <v>25</v>
      </c>
      <c r="G100898" s="16">
        <v>1.0492772387044074</v>
      </c>
    </row>
    <row r="100899" spans="1:7" x14ac:dyDescent="0.3">
      <c r="A100899" s="13" t="s">
        <v>496</v>
      </c>
      <c r="B100899" s="14" t="s">
        <v>1</v>
      </c>
      <c r="C100899" s="14" t="s">
        <v>200</v>
      </c>
      <c r="D100899" s="14" t="s">
        <v>74</v>
      </c>
      <c r="E100899" s="15">
        <v>45535</v>
      </c>
      <c r="F100899" s="14" t="s">
        <v>25</v>
      </c>
      <c r="G100899" s="16">
        <v>1.0492772387044074</v>
      </c>
    </row>
    <row r="100900" spans="1:7" x14ac:dyDescent="0.3">
      <c r="A100900" s="13" t="s">
        <v>496</v>
      </c>
      <c r="B100900" s="14" t="s">
        <v>1</v>
      </c>
      <c r="C100900" s="14" t="s">
        <v>200</v>
      </c>
      <c r="D100900" s="14" t="s">
        <v>74</v>
      </c>
      <c r="E100900" s="15">
        <v>45536</v>
      </c>
      <c r="F100900" s="14" t="s">
        <v>25</v>
      </c>
      <c r="G100900" s="16">
        <v>1.0492772387044074</v>
      </c>
    </row>
    <row r="100901" spans="1:7" x14ac:dyDescent="0.3">
      <c r="A100901" s="13" t="s">
        <v>496</v>
      </c>
      <c r="B100901" s="14" t="s">
        <v>1</v>
      </c>
      <c r="C100901" s="14" t="s">
        <v>200</v>
      </c>
      <c r="D100901" s="14" t="s">
        <v>74</v>
      </c>
      <c r="E100901" s="15">
        <v>45537</v>
      </c>
      <c r="F100901" s="14" t="s">
        <v>25</v>
      </c>
      <c r="G100901" s="16">
        <v>1.0492772387044074</v>
      </c>
    </row>
    <row r="100902" spans="1:7" x14ac:dyDescent="0.3">
      <c r="A100902" s="13" t="s">
        <v>496</v>
      </c>
      <c r="B100902" s="14" t="s">
        <v>1</v>
      </c>
      <c r="C100902" s="14" t="s">
        <v>200</v>
      </c>
      <c r="D100902" s="14" t="s">
        <v>74</v>
      </c>
      <c r="E100902" s="15">
        <v>45538</v>
      </c>
      <c r="F100902" s="14" t="s">
        <v>25</v>
      </c>
      <c r="G100902" s="16">
        <v>1.0560620910031895</v>
      </c>
    </row>
    <row r="100903" spans="1:7" x14ac:dyDescent="0.3">
      <c r="A100903" s="13" t="s">
        <v>496</v>
      </c>
      <c r="B100903" s="14" t="s">
        <v>1</v>
      </c>
      <c r="C100903" s="14" t="s">
        <v>200</v>
      </c>
      <c r="D100903" s="14" t="s">
        <v>74</v>
      </c>
      <c r="E100903" s="15">
        <v>45539</v>
      </c>
      <c r="F100903" s="14" t="s">
        <v>25</v>
      </c>
      <c r="G100903" s="16">
        <v>1.0722809048667867</v>
      </c>
    </row>
    <row r="100904" spans="1:7" x14ac:dyDescent="0.3">
      <c r="A100904" s="13" t="s">
        <v>496</v>
      </c>
      <c r="B100904" s="14" t="s">
        <v>1</v>
      </c>
      <c r="C100904" s="14" t="s">
        <v>200</v>
      </c>
      <c r="D100904" s="14" t="s">
        <v>74</v>
      </c>
      <c r="E100904" s="15">
        <v>45540</v>
      </c>
      <c r="F100904" s="14" t="s">
        <v>25</v>
      </c>
      <c r="G100904" s="16">
        <v>1.0755102702931758</v>
      </c>
    </row>
    <row r="100905" spans="1:7" x14ac:dyDescent="0.3">
      <c r="A100905" s="13" t="s">
        <v>496</v>
      </c>
      <c r="B100905" s="14" t="s">
        <v>1</v>
      </c>
      <c r="C100905" s="14" t="s">
        <v>200</v>
      </c>
      <c r="D100905" s="14" t="s">
        <v>74</v>
      </c>
      <c r="E100905" s="15">
        <v>45541</v>
      </c>
      <c r="F100905" s="14" t="s">
        <v>25</v>
      </c>
      <c r="G100905" s="16">
        <v>1.0806856327121988</v>
      </c>
    </row>
    <row r="100906" spans="1:7" x14ac:dyDescent="0.3">
      <c r="A100906" s="13" t="s">
        <v>496</v>
      </c>
      <c r="B100906" s="14" t="s">
        <v>1</v>
      </c>
      <c r="C100906" s="14" t="s">
        <v>200</v>
      </c>
      <c r="D100906" s="14" t="s">
        <v>74</v>
      </c>
      <c r="E100906" s="15">
        <v>45542</v>
      </c>
      <c r="F100906" s="14" t="s">
        <v>25</v>
      </c>
      <c r="G100906" s="16">
        <v>1.0806856327121988</v>
      </c>
    </row>
    <row r="100907" spans="1:7" x14ac:dyDescent="0.3">
      <c r="A100907" s="13" t="s">
        <v>496</v>
      </c>
      <c r="B100907" s="14" t="s">
        <v>1</v>
      </c>
      <c r="C100907" s="14" t="s">
        <v>200</v>
      </c>
      <c r="D100907" s="14" t="s">
        <v>74</v>
      </c>
      <c r="E100907" s="15">
        <v>45543</v>
      </c>
      <c r="F100907" s="14" t="s">
        <v>25</v>
      </c>
      <c r="G100907" s="16">
        <v>1.0806856327121988</v>
      </c>
    </row>
    <row r="100908" spans="1:7" x14ac:dyDescent="0.3">
      <c r="A100908" s="13" t="s">
        <v>496</v>
      </c>
      <c r="B100908" s="14" t="s">
        <v>1</v>
      </c>
      <c r="C100908" s="14" t="s">
        <v>200</v>
      </c>
      <c r="D100908" s="14" t="s">
        <v>74</v>
      </c>
      <c r="E100908" s="15">
        <v>45544</v>
      </c>
      <c r="F100908" s="14" t="s">
        <v>25</v>
      </c>
      <c r="G100908" s="16">
        <v>1.0976390306660699</v>
      </c>
    </row>
    <row r="100909" spans="1:7" x14ac:dyDescent="0.3">
      <c r="A100909" s="13" t="s">
        <v>496</v>
      </c>
      <c r="B100909" s="14" t="s">
        <v>1</v>
      </c>
      <c r="C100909" s="14" t="s">
        <v>200</v>
      </c>
      <c r="D100909" s="14" t="s">
        <v>74</v>
      </c>
      <c r="E100909" s="15">
        <v>45545</v>
      </c>
      <c r="F100909" s="14" t="s">
        <v>25</v>
      </c>
      <c r="G100909" s="16">
        <v>1.1116749261797643</v>
      </c>
    </row>
    <row r="100910" spans="1:7" x14ac:dyDescent="0.3">
      <c r="A100910" s="13" t="s">
        <v>496</v>
      </c>
      <c r="B100910" s="14" t="s">
        <v>1</v>
      </c>
      <c r="C100910" s="14" t="s">
        <v>200</v>
      </c>
      <c r="D100910" s="14" t="s">
        <v>74</v>
      </c>
      <c r="E100910" s="15">
        <v>45546</v>
      </c>
      <c r="F100910" s="14" t="s">
        <v>25</v>
      </c>
      <c r="G100910" s="16">
        <v>1.1262681539607613</v>
      </c>
    </row>
    <row r="100911" spans="1:7" x14ac:dyDescent="0.3">
      <c r="A100911" s="13" t="s">
        <v>496</v>
      </c>
      <c r="B100911" s="14" t="s">
        <v>1</v>
      </c>
      <c r="C100911" s="14" t="s">
        <v>200</v>
      </c>
      <c r="D100911" s="14" t="s">
        <v>74</v>
      </c>
      <c r="E100911" s="15">
        <v>45547</v>
      </c>
      <c r="F100911" s="14" t="s">
        <v>25</v>
      </c>
      <c r="G100911" s="16">
        <v>1.1311188054261421</v>
      </c>
    </row>
    <row r="100912" spans="1:7" x14ac:dyDescent="0.3">
      <c r="A100912" s="13" t="s">
        <v>496</v>
      </c>
      <c r="B100912" s="14" t="s">
        <v>1</v>
      </c>
      <c r="C100912" s="14" t="s">
        <v>200</v>
      </c>
      <c r="D100912" s="14" t="s">
        <v>74</v>
      </c>
      <c r="E100912" s="15">
        <v>45548</v>
      </c>
      <c r="F100912" s="14" t="s">
        <v>25</v>
      </c>
      <c r="G100912" s="16">
        <v>1.1341125663729557</v>
      </c>
    </row>
    <row r="100913" spans="1:7" x14ac:dyDescent="0.3">
      <c r="A100913" s="13" t="s">
        <v>496</v>
      </c>
      <c r="B100913" s="14" t="s">
        <v>1</v>
      </c>
      <c r="C100913" s="14" t="s">
        <v>200</v>
      </c>
      <c r="D100913" s="14" t="s">
        <v>74</v>
      </c>
      <c r="E100913" s="15">
        <v>45549</v>
      </c>
      <c r="F100913" s="14" t="s">
        <v>25</v>
      </c>
      <c r="G100913" s="16">
        <v>1.1341125663729557</v>
      </c>
    </row>
    <row r="100914" spans="1:7" x14ac:dyDescent="0.3">
      <c r="A100914" s="13" t="s">
        <v>496</v>
      </c>
      <c r="B100914" s="14" t="s">
        <v>1</v>
      </c>
      <c r="C100914" s="14" t="s">
        <v>200</v>
      </c>
      <c r="D100914" s="14" t="s">
        <v>74</v>
      </c>
      <c r="E100914" s="15">
        <v>45550</v>
      </c>
      <c r="F100914" s="14" t="s">
        <v>25</v>
      </c>
      <c r="G100914" s="16">
        <v>1.1341125663729557</v>
      </c>
    </row>
    <row r="100915" spans="1:7" x14ac:dyDescent="0.3">
      <c r="A100915" s="13" t="s">
        <v>496</v>
      </c>
      <c r="B100915" s="14" t="s">
        <v>1</v>
      </c>
      <c r="C100915" s="14" t="s">
        <v>200</v>
      </c>
      <c r="D100915" s="14" t="s">
        <v>74</v>
      </c>
      <c r="E100915" s="15">
        <v>45551</v>
      </c>
      <c r="F100915" s="14" t="s">
        <v>25</v>
      </c>
      <c r="G100915" s="16">
        <v>1.1345542247385381</v>
      </c>
    </row>
    <row r="100916" spans="1:7" x14ac:dyDescent="0.3">
      <c r="A100916" s="13" t="s">
        <v>496</v>
      </c>
      <c r="B100916" s="14" t="s">
        <v>1</v>
      </c>
      <c r="C100916" s="14" t="s">
        <v>200</v>
      </c>
      <c r="D100916" s="14" t="s">
        <v>74</v>
      </c>
      <c r="E100916" s="15">
        <v>45552</v>
      </c>
      <c r="F100916" s="14" t="s">
        <v>25</v>
      </c>
      <c r="G100916" s="16">
        <v>1.1538048796134399</v>
      </c>
    </row>
    <row r="100917" spans="1:7" x14ac:dyDescent="0.3">
      <c r="A100917" s="13" t="s">
        <v>496</v>
      </c>
      <c r="B100917" s="14" t="s">
        <v>1</v>
      </c>
      <c r="C100917" s="14" t="s">
        <v>200</v>
      </c>
      <c r="D100917" s="14" t="s">
        <v>74</v>
      </c>
      <c r="E100917" s="15">
        <v>45553</v>
      </c>
      <c r="F100917" s="14" t="s">
        <v>25</v>
      </c>
      <c r="G100917" s="16">
        <v>1.1589394523105336</v>
      </c>
    </row>
    <row r="100918" spans="1:7" x14ac:dyDescent="0.3">
      <c r="A100918" s="13" t="s">
        <v>496</v>
      </c>
      <c r="B100918" s="14" t="s">
        <v>1</v>
      </c>
      <c r="C100918" s="14" t="s">
        <v>200</v>
      </c>
      <c r="D100918" s="14" t="s">
        <v>74</v>
      </c>
      <c r="E100918" s="15">
        <v>45554</v>
      </c>
      <c r="F100918" s="14" t="s">
        <v>25</v>
      </c>
      <c r="G100918" s="16">
        <v>1.1672911696648394</v>
      </c>
    </row>
    <row r="100919" spans="1:7" x14ac:dyDescent="0.3">
      <c r="A100919" s="13" t="s">
        <v>496</v>
      </c>
      <c r="B100919" s="14" t="s">
        <v>1</v>
      </c>
      <c r="C100919" s="14" t="s">
        <v>200</v>
      </c>
      <c r="D100919" s="14" t="s">
        <v>74</v>
      </c>
      <c r="E100919" s="15">
        <v>45555</v>
      </c>
      <c r="F100919" s="14" t="s">
        <v>25</v>
      </c>
      <c r="G100919" s="16">
        <v>1.1783280012318695</v>
      </c>
    </row>
    <row r="100920" spans="1:7" x14ac:dyDescent="0.3">
      <c r="A100920" s="13" t="s">
        <v>496</v>
      </c>
      <c r="B100920" s="14" t="s">
        <v>1</v>
      </c>
      <c r="C100920" s="14" t="s">
        <v>200</v>
      </c>
      <c r="D100920" s="14" t="s">
        <v>74</v>
      </c>
      <c r="E100920" s="15">
        <v>45556</v>
      </c>
      <c r="F100920" s="14" t="s">
        <v>25</v>
      </c>
      <c r="G100920" s="16">
        <v>1.1783280012318695</v>
      </c>
    </row>
    <row r="100921" spans="1:7" x14ac:dyDescent="0.3">
      <c r="A100921" s="13" t="s">
        <v>496</v>
      </c>
      <c r="B100921" s="14" t="s">
        <v>1</v>
      </c>
      <c r="C100921" s="14" t="s">
        <v>200</v>
      </c>
      <c r="D100921" s="14" t="s">
        <v>74</v>
      </c>
      <c r="E100921" s="15">
        <v>45557</v>
      </c>
      <c r="F100921" s="14" t="s">
        <v>25</v>
      </c>
      <c r="G100921" s="16">
        <v>1.1783280012318695</v>
      </c>
    </row>
    <row r="100922" spans="1:7" x14ac:dyDescent="0.3">
      <c r="A100922" s="13" t="s">
        <v>496</v>
      </c>
      <c r="B100922" s="14" t="s">
        <v>1</v>
      </c>
      <c r="C100922" s="14" t="s">
        <v>200</v>
      </c>
      <c r="D100922" s="14" t="s">
        <v>74</v>
      </c>
      <c r="E100922" s="15">
        <v>45558</v>
      </c>
      <c r="F100922" s="14" t="s">
        <v>25</v>
      </c>
      <c r="G100922" s="16">
        <v>1.1813916984154516</v>
      </c>
    </row>
    <row r="100923" spans="1:7" x14ac:dyDescent="0.3">
      <c r="A100923" s="13" t="s">
        <v>496</v>
      </c>
      <c r="B100923" s="14" t="s">
        <v>1</v>
      </c>
      <c r="C100923" s="14" t="s">
        <v>200</v>
      </c>
      <c r="D100923" s="14" t="s">
        <v>74</v>
      </c>
      <c r="E100923" s="15">
        <v>45559</v>
      </c>
      <c r="F100923" s="14" t="s">
        <v>25</v>
      </c>
      <c r="G100923" s="16">
        <v>1.1943032258890411</v>
      </c>
    </row>
    <row r="100924" spans="1:7" x14ac:dyDescent="0.3">
      <c r="A100924" s="13" t="s">
        <v>496</v>
      </c>
      <c r="B100924" s="14" t="s">
        <v>1</v>
      </c>
      <c r="C100924" s="14" t="s">
        <v>200</v>
      </c>
      <c r="D100924" s="14" t="s">
        <v>74</v>
      </c>
      <c r="E100924" s="15">
        <v>45560</v>
      </c>
      <c r="F100924" s="14" t="s">
        <v>25</v>
      </c>
      <c r="G100924" s="16">
        <v>1.2106012360952159</v>
      </c>
    </row>
    <row r="100925" spans="1:7" x14ac:dyDescent="0.3">
      <c r="A100925" s="13" t="s">
        <v>496</v>
      </c>
      <c r="B100925" s="14" t="s">
        <v>1</v>
      </c>
      <c r="C100925" s="14" t="s">
        <v>200</v>
      </c>
      <c r="D100925" s="14" t="s">
        <v>74</v>
      </c>
      <c r="E100925" s="15">
        <v>45561</v>
      </c>
      <c r="F100925" s="14" t="s">
        <v>25</v>
      </c>
      <c r="G100925" s="16">
        <v>1.2109137971500097</v>
      </c>
    </row>
    <row r="100926" spans="1:7" x14ac:dyDescent="0.3">
      <c r="A100926" s="13" t="s">
        <v>496</v>
      </c>
      <c r="B100926" s="14" t="s">
        <v>1</v>
      </c>
      <c r="C100926" s="14" t="s">
        <v>200</v>
      </c>
      <c r="D100926" s="14" t="s">
        <v>74</v>
      </c>
      <c r="E100926" s="15">
        <v>45562</v>
      </c>
      <c r="F100926" s="14" t="s">
        <v>25</v>
      </c>
      <c r="G100926" s="16">
        <v>1.2092168264106196</v>
      </c>
    </row>
    <row r="100927" spans="1:7" x14ac:dyDescent="0.3">
      <c r="A100927" s="13" t="s">
        <v>496</v>
      </c>
      <c r="B100927" s="14" t="s">
        <v>1</v>
      </c>
      <c r="C100927" s="14" t="s">
        <v>200</v>
      </c>
      <c r="D100927" s="14" t="s">
        <v>74</v>
      </c>
      <c r="E100927" s="15">
        <v>45563</v>
      </c>
      <c r="F100927" s="14" t="s">
        <v>25</v>
      </c>
      <c r="G100927" s="16">
        <v>1.2092168264106196</v>
      </c>
    </row>
    <row r="100928" spans="1:7" x14ac:dyDescent="0.3">
      <c r="A100928" s="13" t="s">
        <v>496</v>
      </c>
      <c r="B100928" s="14" t="s">
        <v>1</v>
      </c>
      <c r="C100928" s="14" t="s">
        <v>200</v>
      </c>
      <c r="D100928" s="14" t="s">
        <v>74</v>
      </c>
      <c r="E100928" s="15">
        <v>45564</v>
      </c>
      <c r="F100928" s="14" t="s">
        <v>25</v>
      </c>
      <c r="G100928" s="16">
        <v>1.2092168264106196</v>
      </c>
    </row>
    <row r="100929" spans="1:7" x14ac:dyDescent="0.3">
      <c r="A100929" s="13" t="s">
        <v>496</v>
      </c>
      <c r="B100929" s="14" t="s">
        <v>1</v>
      </c>
      <c r="C100929" s="14" t="s">
        <v>200</v>
      </c>
      <c r="D100929" s="14" t="s">
        <v>74</v>
      </c>
      <c r="E100929" s="15">
        <v>45565</v>
      </c>
      <c r="F100929" s="14" t="s">
        <v>25</v>
      </c>
      <c r="G100929" s="16">
        <v>1.2235812664082273</v>
      </c>
    </row>
    <row r="100930" spans="1:7" x14ac:dyDescent="0.3">
      <c r="A100930" s="13" t="s">
        <v>496</v>
      </c>
      <c r="B100930" s="14" t="s">
        <v>1</v>
      </c>
      <c r="C100930" s="14" t="s">
        <v>200</v>
      </c>
      <c r="D100930" s="14" t="s">
        <v>74</v>
      </c>
      <c r="E100930" s="15">
        <v>45566</v>
      </c>
      <c r="F100930" s="14" t="s">
        <v>25</v>
      </c>
      <c r="G100930" s="16">
        <v>1.235103840291077</v>
      </c>
    </row>
    <row r="100931" spans="1:7" x14ac:dyDescent="0.3">
      <c r="A100931" s="13" t="s">
        <v>496</v>
      </c>
      <c r="B100931" s="14" t="s">
        <v>1</v>
      </c>
      <c r="C100931" s="14" t="s">
        <v>200</v>
      </c>
      <c r="D100931" s="14" t="s">
        <v>74</v>
      </c>
      <c r="E100931" s="15">
        <v>45567</v>
      </c>
      <c r="F100931" s="14" t="s">
        <v>25</v>
      </c>
      <c r="G100931" s="16">
        <v>1.2489919401381402</v>
      </c>
    </row>
    <row r="100932" spans="1:7" x14ac:dyDescent="0.3">
      <c r="A100932" s="13" t="s">
        <v>496</v>
      </c>
      <c r="B100932" s="14" t="s">
        <v>1</v>
      </c>
      <c r="C100932" s="14" t="s">
        <v>200</v>
      </c>
      <c r="D100932" s="14" t="s">
        <v>74</v>
      </c>
      <c r="E100932" s="15">
        <v>45568</v>
      </c>
      <c r="F100932" s="14" t="s">
        <v>25</v>
      </c>
      <c r="G100932" s="16">
        <v>1.2598820313118089</v>
      </c>
    </row>
    <row r="100933" spans="1:7" x14ac:dyDescent="0.3">
      <c r="A100933" s="13" t="s">
        <v>496</v>
      </c>
      <c r="B100933" s="14" t="s">
        <v>1</v>
      </c>
      <c r="C100933" s="14" t="s">
        <v>200</v>
      </c>
      <c r="D100933" s="14" t="s">
        <v>74</v>
      </c>
      <c r="E100933" s="15">
        <v>45569</v>
      </c>
      <c r="F100933" s="14" t="s">
        <v>25</v>
      </c>
      <c r="G100933" s="16">
        <v>1.2737142194016056</v>
      </c>
    </row>
    <row r="100934" spans="1:7" x14ac:dyDescent="0.3">
      <c r="A100934" s="13" t="s">
        <v>496</v>
      </c>
      <c r="B100934" s="14" t="s">
        <v>1</v>
      </c>
      <c r="C100934" s="14" t="s">
        <v>200</v>
      </c>
      <c r="D100934" s="14" t="s">
        <v>74</v>
      </c>
      <c r="E100934" s="15">
        <v>45570</v>
      </c>
      <c r="F100934" s="14" t="s">
        <v>25</v>
      </c>
      <c r="G100934" s="16">
        <v>1.2737142194016056</v>
      </c>
    </row>
    <row r="100935" spans="1:7" x14ac:dyDescent="0.3">
      <c r="A100935" s="13" t="s">
        <v>496</v>
      </c>
      <c r="B100935" s="14" t="s">
        <v>1</v>
      </c>
      <c r="C100935" s="14" t="s">
        <v>200</v>
      </c>
      <c r="D100935" s="14" t="s">
        <v>74</v>
      </c>
      <c r="E100935" s="15">
        <v>45571</v>
      </c>
      <c r="F100935" s="14" t="s">
        <v>25</v>
      </c>
      <c r="G100935" s="16">
        <v>1.2737142194016056</v>
      </c>
    </row>
    <row r="100936" spans="1:7" x14ac:dyDescent="0.3">
      <c r="A100936" s="13" t="s">
        <v>496</v>
      </c>
      <c r="B100936" s="14" t="s">
        <v>1</v>
      </c>
      <c r="C100936" s="14" t="s">
        <v>200</v>
      </c>
      <c r="D100936" s="14" t="s">
        <v>74</v>
      </c>
      <c r="E100936" s="15">
        <v>45572</v>
      </c>
      <c r="F100936" s="14" t="s">
        <v>25</v>
      </c>
      <c r="G100936" s="16">
        <v>1.2807877694289449</v>
      </c>
    </row>
    <row r="100937" spans="1:7" x14ac:dyDescent="0.3">
      <c r="A100937" s="13" t="s">
        <v>496</v>
      </c>
      <c r="B100937" s="14" t="s">
        <v>1</v>
      </c>
      <c r="C100937" s="14" t="s">
        <v>200</v>
      </c>
      <c r="D100937" s="14" t="s">
        <v>74</v>
      </c>
      <c r="E100937" s="15">
        <v>45573</v>
      </c>
      <c r="F100937" s="14" t="s">
        <v>25</v>
      </c>
      <c r="G100937" s="16">
        <v>1.3018738536115215</v>
      </c>
    </row>
    <row r="100938" spans="1:7" x14ac:dyDescent="0.3">
      <c r="A100938" s="13" t="s">
        <v>496</v>
      </c>
      <c r="B100938" s="14" t="s">
        <v>1</v>
      </c>
      <c r="C100938" s="14" t="s">
        <v>200</v>
      </c>
      <c r="D100938" s="14" t="s">
        <v>74</v>
      </c>
      <c r="E100938" s="15">
        <v>45574</v>
      </c>
      <c r="F100938" s="14" t="s">
        <v>25</v>
      </c>
      <c r="G100938" s="16">
        <v>1.3135863618095096</v>
      </c>
    </row>
    <row r="100939" spans="1:7" x14ac:dyDescent="0.3">
      <c r="A100939" s="13" t="s">
        <v>496</v>
      </c>
      <c r="B100939" s="14" t="s">
        <v>1</v>
      </c>
      <c r="C100939" s="14" t="s">
        <v>200</v>
      </c>
      <c r="D100939" s="14" t="s">
        <v>74</v>
      </c>
      <c r="E100939" s="15">
        <v>45575</v>
      </c>
      <c r="F100939" s="14" t="s">
        <v>25</v>
      </c>
      <c r="G100939" s="16">
        <v>1.3119526994293107</v>
      </c>
    </row>
    <row r="100940" spans="1:7" x14ac:dyDescent="0.3">
      <c r="A100940" s="13" t="s">
        <v>496</v>
      </c>
      <c r="B100940" s="14" t="s">
        <v>1</v>
      </c>
      <c r="C100940" s="14" t="s">
        <v>200</v>
      </c>
      <c r="D100940" s="14" t="s">
        <v>74</v>
      </c>
      <c r="E100940" s="15">
        <v>45576</v>
      </c>
      <c r="F100940" s="14" t="s">
        <v>25</v>
      </c>
      <c r="G100940" s="16">
        <v>1.318946606589581</v>
      </c>
    </row>
    <row r="100941" spans="1:7" x14ac:dyDescent="0.3">
      <c r="A100941" s="13" t="s">
        <v>496</v>
      </c>
      <c r="B100941" s="14" t="s">
        <v>1</v>
      </c>
      <c r="C100941" s="14" t="s">
        <v>200</v>
      </c>
      <c r="D100941" s="14" t="s">
        <v>74</v>
      </c>
      <c r="E100941" s="15">
        <v>45577</v>
      </c>
      <c r="F100941" s="14" t="s">
        <v>25</v>
      </c>
      <c r="G100941" s="16">
        <v>1.318946606589581</v>
      </c>
    </row>
    <row r="100942" spans="1:7" x14ac:dyDescent="0.3">
      <c r="A100942" s="13" t="s">
        <v>496</v>
      </c>
      <c r="B100942" s="14" t="s">
        <v>1</v>
      </c>
      <c r="C100942" s="14" t="s">
        <v>200</v>
      </c>
      <c r="D100942" s="14" t="s">
        <v>74</v>
      </c>
      <c r="E100942" s="15">
        <v>45578</v>
      </c>
      <c r="F100942" s="14" t="s">
        <v>25</v>
      </c>
      <c r="G100942" s="16">
        <v>1.318946606589581</v>
      </c>
    </row>
    <row r="100943" spans="1:7" x14ac:dyDescent="0.3">
      <c r="A100943" s="13" t="s">
        <v>496</v>
      </c>
      <c r="B100943" s="14" t="s">
        <v>1</v>
      </c>
      <c r="C100943" s="14" t="s">
        <v>200</v>
      </c>
      <c r="D100943" s="14" t="s">
        <v>74</v>
      </c>
      <c r="E100943" s="15">
        <v>45579</v>
      </c>
      <c r="F100943" s="14" t="s">
        <v>25</v>
      </c>
      <c r="G100943" s="16">
        <v>1.318946606589581</v>
      </c>
    </row>
    <row r="100944" spans="1:7" x14ac:dyDescent="0.3">
      <c r="A100944" s="13" t="s">
        <v>496</v>
      </c>
      <c r="B100944" s="14" t="s">
        <v>1</v>
      </c>
      <c r="C100944" s="14" t="s">
        <v>200</v>
      </c>
      <c r="D100944" s="14" t="s">
        <v>74</v>
      </c>
      <c r="E100944" s="15">
        <v>45580</v>
      </c>
      <c r="F100944" s="14" t="s">
        <v>25</v>
      </c>
      <c r="G100944" s="16">
        <v>1.3319732649857512</v>
      </c>
    </row>
    <row r="100945" spans="1:7" x14ac:dyDescent="0.3">
      <c r="A100945" s="13" t="s">
        <v>496</v>
      </c>
      <c r="B100945" s="14" t="s">
        <v>1</v>
      </c>
      <c r="C100945" s="14" t="s">
        <v>200</v>
      </c>
      <c r="D100945" s="14" t="s">
        <v>74</v>
      </c>
      <c r="E100945" s="15">
        <v>45581</v>
      </c>
      <c r="F100945" s="14" t="s">
        <v>25</v>
      </c>
      <c r="G100945" s="16">
        <v>1.3617364580413887</v>
      </c>
    </row>
    <row r="100946" spans="1:7" x14ac:dyDescent="0.3">
      <c r="A100946" s="13" t="s">
        <v>496</v>
      </c>
      <c r="B100946" s="14" t="s">
        <v>1</v>
      </c>
      <c r="C100946" s="14" t="s">
        <v>200</v>
      </c>
      <c r="D100946" s="14" t="s">
        <v>74</v>
      </c>
      <c r="E100946" s="15">
        <v>45582</v>
      </c>
      <c r="F100946" s="14" t="s">
        <v>25</v>
      </c>
      <c r="G100946" s="16">
        <v>1.3705380464190517</v>
      </c>
    </row>
    <row r="100947" spans="1:7" x14ac:dyDescent="0.3">
      <c r="A100947" s="13" t="s">
        <v>496</v>
      </c>
      <c r="B100947" s="14" t="s">
        <v>1</v>
      </c>
      <c r="C100947" s="14" t="s">
        <v>200</v>
      </c>
      <c r="D100947" s="14" t="s">
        <v>74</v>
      </c>
      <c r="E100947" s="15">
        <v>45583</v>
      </c>
      <c r="F100947" s="14" t="s">
        <v>25</v>
      </c>
      <c r="G100947" s="16">
        <v>1.3822809548376491</v>
      </c>
    </row>
    <row r="100948" spans="1:7" x14ac:dyDescent="0.3">
      <c r="A100948" s="13" t="s">
        <v>496</v>
      </c>
      <c r="B100948" s="14" t="s">
        <v>1</v>
      </c>
      <c r="C100948" s="14" t="s">
        <v>200</v>
      </c>
      <c r="D100948" s="14" t="s">
        <v>74</v>
      </c>
      <c r="E100948" s="15">
        <v>45584</v>
      </c>
      <c r="F100948" s="14" t="s">
        <v>25</v>
      </c>
      <c r="G100948" s="16">
        <v>1.3822809548376491</v>
      </c>
    </row>
    <row r="100949" spans="1:7" x14ac:dyDescent="0.3">
      <c r="A100949" s="13" t="s">
        <v>496</v>
      </c>
      <c r="B100949" s="14" t="s">
        <v>1</v>
      </c>
      <c r="C100949" s="14" t="s">
        <v>200</v>
      </c>
      <c r="D100949" s="14" t="s">
        <v>74</v>
      </c>
      <c r="E100949" s="15">
        <v>45585</v>
      </c>
      <c r="F100949" s="14" t="s">
        <v>25</v>
      </c>
      <c r="G100949" s="16">
        <v>1.3822809548376491</v>
      </c>
    </row>
    <row r="100950" spans="1:7" x14ac:dyDescent="0.3">
      <c r="A100950" s="13" t="s">
        <v>496</v>
      </c>
      <c r="B100950" s="14" t="s">
        <v>1</v>
      </c>
      <c r="C100950" s="14" t="s">
        <v>200</v>
      </c>
      <c r="D100950" s="14" t="s">
        <v>74</v>
      </c>
      <c r="E100950" s="15">
        <v>45586</v>
      </c>
      <c r="F100950" s="14" t="s">
        <v>25</v>
      </c>
      <c r="G100950" s="16">
        <v>1.3958152992565187</v>
      </c>
    </row>
    <row r="100951" spans="1:7" x14ac:dyDescent="0.3">
      <c r="A100951" s="13" t="s">
        <v>496</v>
      </c>
      <c r="B100951" s="14" t="s">
        <v>1</v>
      </c>
      <c r="C100951" s="14" t="s">
        <v>200</v>
      </c>
      <c r="D100951" s="14" t="s">
        <v>74</v>
      </c>
      <c r="E100951" s="15">
        <v>45587</v>
      </c>
      <c r="F100951" s="14" t="s">
        <v>25</v>
      </c>
      <c r="G100951" s="16">
        <v>1.4134781820377291</v>
      </c>
    </row>
    <row r="100952" spans="1:7" x14ac:dyDescent="0.3">
      <c r="A100952" s="13" t="s">
        <v>496</v>
      </c>
      <c r="B100952" s="14" t="s">
        <v>1</v>
      </c>
      <c r="C100952" s="14" t="s">
        <v>200</v>
      </c>
      <c r="D100952" s="14" t="s">
        <v>74</v>
      </c>
      <c r="E100952" s="15">
        <v>45588</v>
      </c>
      <c r="F100952" s="14" t="s">
        <v>25</v>
      </c>
      <c r="G100952" s="16">
        <v>1.4217751884739076</v>
      </c>
    </row>
    <row r="100953" spans="1:7" x14ac:dyDescent="0.3">
      <c r="A100953" s="13" t="s">
        <v>496</v>
      </c>
      <c r="B100953" s="14" t="s">
        <v>1</v>
      </c>
      <c r="C100953" s="14" t="s">
        <v>200</v>
      </c>
      <c r="D100953" s="14" t="s">
        <v>74</v>
      </c>
      <c r="E100953" s="15">
        <v>45589</v>
      </c>
      <c r="F100953" s="14" t="s">
        <v>25</v>
      </c>
      <c r="G100953" s="16">
        <v>1.4271195452723715</v>
      </c>
    </row>
    <row r="100954" spans="1:7" x14ac:dyDescent="0.3">
      <c r="A100954" s="13" t="s">
        <v>496</v>
      </c>
      <c r="B100954" s="14" t="s">
        <v>1</v>
      </c>
      <c r="C100954" s="14" t="s">
        <v>200</v>
      </c>
      <c r="D100954" s="14" t="s">
        <v>74</v>
      </c>
      <c r="E100954" s="15">
        <v>45590</v>
      </c>
      <c r="F100954" s="14" t="s">
        <v>25</v>
      </c>
      <c r="G100954" s="16">
        <v>1.4350356359547101</v>
      </c>
    </row>
    <row r="100955" spans="1:7" x14ac:dyDescent="0.3">
      <c r="A100955" s="13" t="s">
        <v>496</v>
      </c>
      <c r="B100955" s="14" t="s">
        <v>1</v>
      </c>
      <c r="C100955" s="14" t="s">
        <v>200</v>
      </c>
      <c r="D100955" s="14" t="s">
        <v>74</v>
      </c>
      <c r="E100955" s="15">
        <v>45591</v>
      </c>
      <c r="F100955" s="14" t="s">
        <v>25</v>
      </c>
      <c r="G100955" s="16">
        <v>1.4350356359547101</v>
      </c>
    </row>
    <row r="100956" spans="1:7" x14ac:dyDescent="0.3">
      <c r="A100956" s="13" t="s">
        <v>496</v>
      </c>
      <c r="B100956" s="14" t="s">
        <v>1</v>
      </c>
      <c r="C100956" s="14" t="s">
        <v>200</v>
      </c>
      <c r="D100956" s="14" t="s">
        <v>74</v>
      </c>
      <c r="E100956" s="15">
        <v>45592</v>
      </c>
      <c r="F100956" s="14" t="s">
        <v>25</v>
      </c>
      <c r="G100956" s="16">
        <v>1.4350356359547101</v>
      </c>
    </row>
    <row r="100957" spans="1:7" x14ac:dyDescent="0.3">
      <c r="A100957" s="13" t="s">
        <v>496</v>
      </c>
      <c r="B100957" s="14" t="s">
        <v>1</v>
      </c>
      <c r="C100957" s="14" t="s">
        <v>200</v>
      </c>
      <c r="D100957" s="14" t="s">
        <v>74</v>
      </c>
      <c r="E100957" s="15">
        <v>45593</v>
      </c>
      <c r="F100957" s="14" t="s">
        <v>25</v>
      </c>
      <c r="G100957" s="16">
        <v>1.4350356359547101</v>
      </c>
    </row>
    <row r="100958" spans="1:7" x14ac:dyDescent="0.3">
      <c r="A100958" s="13" t="s">
        <v>496</v>
      </c>
      <c r="B100958" s="14" t="s">
        <v>1</v>
      </c>
      <c r="C100958" s="14" t="s">
        <v>200</v>
      </c>
      <c r="D100958" s="14" t="s">
        <v>74</v>
      </c>
      <c r="E100958" s="15">
        <v>45594</v>
      </c>
      <c r="F100958" s="14" t="s">
        <v>25</v>
      </c>
      <c r="G100958" s="16">
        <v>1.4427060739182656</v>
      </c>
    </row>
    <row r="100959" spans="1:7" x14ac:dyDescent="0.3">
      <c r="A100959" s="13" t="s">
        <v>496</v>
      </c>
      <c r="B100959" s="14" t="s">
        <v>1</v>
      </c>
      <c r="C100959" s="14" t="s">
        <v>200</v>
      </c>
      <c r="D100959" s="14" t="s">
        <v>74</v>
      </c>
      <c r="E100959" s="15">
        <v>45595</v>
      </c>
      <c r="F100959" s="14" t="s">
        <v>25</v>
      </c>
      <c r="G100959" s="16">
        <v>1.4678365573210694</v>
      </c>
    </row>
    <row r="100960" spans="1:7" x14ac:dyDescent="0.3">
      <c r="A100960" s="13" t="s">
        <v>496</v>
      </c>
      <c r="B100960" s="14" t="s">
        <v>1</v>
      </c>
      <c r="C100960" s="14" t="s">
        <v>200</v>
      </c>
      <c r="D100960" s="14" t="s">
        <v>74</v>
      </c>
      <c r="E100960" s="15">
        <v>45596</v>
      </c>
      <c r="F100960" s="14" t="s">
        <v>25</v>
      </c>
      <c r="G100960" s="16">
        <v>1.4690984532069038</v>
      </c>
    </row>
    <row r="100961" spans="1:7" x14ac:dyDescent="0.3">
      <c r="A100961" s="13" t="s">
        <v>496</v>
      </c>
      <c r="B100961" s="14" t="s">
        <v>1</v>
      </c>
      <c r="C100961" s="14" t="s">
        <v>200</v>
      </c>
      <c r="D100961" s="14" t="s">
        <v>74</v>
      </c>
      <c r="E100961" s="15">
        <v>45597</v>
      </c>
      <c r="F100961" s="14" t="s">
        <v>25</v>
      </c>
      <c r="G100961" s="16">
        <v>1.4857293983188404</v>
      </c>
    </row>
    <row r="100962" spans="1:7" x14ac:dyDescent="0.3">
      <c r="A100962" s="13" t="s">
        <v>496</v>
      </c>
      <c r="B100962" s="14" t="s">
        <v>1</v>
      </c>
      <c r="C100962" s="14" t="s">
        <v>200</v>
      </c>
      <c r="D100962" s="14" t="s">
        <v>74</v>
      </c>
      <c r="E100962" s="15">
        <v>45598</v>
      </c>
      <c r="F100962" s="14" t="s">
        <v>25</v>
      </c>
      <c r="G100962" s="16">
        <v>1.4857293983188404</v>
      </c>
    </row>
    <row r="100963" spans="1:7" x14ac:dyDescent="0.3">
      <c r="A100963" s="13" t="s">
        <v>496</v>
      </c>
      <c r="B100963" s="14" t="s">
        <v>1</v>
      </c>
      <c r="C100963" s="14" t="s">
        <v>200</v>
      </c>
      <c r="D100963" s="14" t="s">
        <v>74</v>
      </c>
      <c r="E100963" s="15">
        <v>45599</v>
      </c>
      <c r="F100963" s="14" t="s">
        <v>25</v>
      </c>
      <c r="G100963" s="16">
        <v>1.4857293983188404</v>
      </c>
    </row>
    <row r="100964" spans="1:7" x14ac:dyDescent="0.3">
      <c r="A100964" s="13" t="s">
        <v>496</v>
      </c>
      <c r="B100964" s="14" t="s">
        <v>1</v>
      </c>
      <c r="C100964" s="14" t="s">
        <v>200</v>
      </c>
      <c r="D100964" s="14" t="s">
        <v>74</v>
      </c>
      <c r="E100964" s="15">
        <v>45600</v>
      </c>
      <c r="F100964" s="14" t="s">
        <v>25</v>
      </c>
      <c r="G100964" s="16">
        <v>1.4840238014298701</v>
      </c>
    </row>
    <row r="100965" spans="1:7" x14ac:dyDescent="0.3">
      <c r="A100965" s="13" t="s">
        <v>496</v>
      </c>
      <c r="B100965" s="14" t="s">
        <v>1</v>
      </c>
      <c r="C100965" s="14" t="s">
        <v>200</v>
      </c>
      <c r="D100965" s="14" t="s">
        <v>74</v>
      </c>
      <c r="E100965" s="15">
        <v>45601</v>
      </c>
      <c r="F100965" s="14" t="s">
        <v>25</v>
      </c>
      <c r="G100965" s="16">
        <v>1.5091012402634394</v>
      </c>
    </row>
    <row r="100966" spans="1:7" x14ac:dyDescent="0.3">
      <c r="A100966" s="13" t="s">
        <v>496</v>
      </c>
      <c r="B100966" s="14" t="s">
        <v>1</v>
      </c>
      <c r="C100966" s="14" t="s">
        <v>200</v>
      </c>
      <c r="D100966" s="14" t="s">
        <v>74</v>
      </c>
      <c r="E100966" s="15">
        <v>45602</v>
      </c>
      <c r="F100966" s="14" t="s">
        <v>25</v>
      </c>
      <c r="G100966" s="16">
        <v>1.5386303567174662</v>
      </c>
    </row>
    <row r="100967" spans="1:7" x14ac:dyDescent="0.3">
      <c r="A100967" s="13" t="s">
        <v>496</v>
      </c>
      <c r="B100967" s="14" t="s">
        <v>1</v>
      </c>
      <c r="C100967" s="14" t="s">
        <v>200</v>
      </c>
      <c r="D100967" s="14" t="s">
        <v>74</v>
      </c>
      <c r="E100967" s="15">
        <v>45603</v>
      </c>
      <c r="F100967" s="14" t="s">
        <v>25</v>
      </c>
      <c r="G100967" s="16">
        <v>1.5317549348810875</v>
      </c>
    </row>
    <row r="100968" spans="1:7" x14ac:dyDescent="0.3">
      <c r="A100968" s="13" t="s">
        <v>496</v>
      </c>
      <c r="B100968" s="14" t="s">
        <v>1</v>
      </c>
      <c r="C100968" s="14" t="s">
        <v>200</v>
      </c>
      <c r="D100968" s="14" t="s">
        <v>74</v>
      </c>
      <c r="E100968" s="15">
        <v>45604</v>
      </c>
      <c r="F100968" s="14" t="s">
        <v>25</v>
      </c>
      <c r="G100968" s="16">
        <v>1.5448093632792887</v>
      </c>
    </row>
    <row r="100969" spans="1:7" x14ac:dyDescent="0.3">
      <c r="A100969" s="13" t="s">
        <v>496</v>
      </c>
      <c r="B100969" s="14" t="s">
        <v>1</v>
      </c>
      <c r="C100969" s="14" t="s">
        <v>200</v>
      </c>
      <c r="D100969" s="14" t="s">
        <v>74</v>
      </c>
      <c r="E100969" s="15">
        <v>45605</v>
      </c>
      <c r="F100969" s="14" t="s">
        <v>25</v>
      </c>
      <c r="G100969" s="16">
        <v>1.5448093632792887</v>
      </c>
    </row>
    <row r="100970" spans="1:7" x14ac:dyDescent="0.3">
      <c r="A100970" s="13" t="s">
        <v>496</v>
      </c>
      <c r="B100970" s="14" t="s">
        <v>1</v>
      </c>
      <c r="C100970" s="14" t="s">
        <v>200</v>
      </c>
      <c r="D100970" s="14" t="s">
        <v>74</v>
      </c>
      <c r="E100970" s="15">
        <v>45606</v>
      </c>
      <c r="F100970" s="14" t="s">
        <v>25</v>
      </c>
      <c r="G100970" s="16">
        <v>1.5448093632792887</v>
      </c>
    </row>
    <row r="100971" spans="1:7" x14ac:dyDescent="0.3">
      <c r="A100971" s="13" t="s">
        <v>496</v>
      </c>
      <c r="B100971" s="14" t="s">
        <v>1</v>
      </c>
      <c r="C100971" s="14" t="s">
        <v>200</v>
      </c>
      <c r="D100971" s="14" t="s">
        <v>74</v>
      </c>
      <c r="E100971" s="15">
        <v>45607</v>
      </c>
      <c r="F100971" s="14" t="s">
        <v>25</v>
      </c>
      <c r="G100971" s="16">
        <v>1.5448093632792887</v>
      </c>
    </row>
    <row r="100972" spans="1:7" x14ac:dyDescent="0.3">
      <c r="A100972" s="13" t="s">
        <v>496</v>
      </c>
      <c r="B100972" s="14" t="s">
        <v>1</v>
      </c>
      <c r="C100972" s="14" t="s">
        <v>200</v>
      </c>
      <c r="D100972" s="14" t="s">
        <v>74</v>
      </c>
      <c r="E100972" s="15">
        <v>45608</v>
      </c>
      <c r="F100972" s="14" t="s">
        <v>25</v>
      </c>
      <c r="G100972" s="16">
        <v>1.5634660361666686</v>
      </c>
    </row>
    <row r="100973" spans="1:7" x14ac:dyDescent="0.3">
      <c r="A100973" s="13" t="s">
        <v>496</v>
      </c>
      <c r="B100973" s="14" t="s">
        <v>1</v>
      </c>
      <c r="C100973" s="14" t="s">
        <v>200</v>
      </c>
      <c r="D100973" s="14" t="s">
        <v>74</v>
      </c>
      <c r="E100973" s="15">
        <v>45609</v>
      </c>
      <c r="F100973" s="14" t="s">
        <v>25</v>
      </c>
      <c r="G100973" s="16">
        <v>1.5901658778311858</v>
      </c>
    </row>
    <row r="100974" spans="1:7" x14ac:dyDescent="0.3">
      <c r="A100974" s="13" t="s">
        <v>496</v>
      </c>
      <c r="B100974" s="14" t="s">
        <v>1</v>
      </c>
      <c r="C100974" s="14" t="s">
        <v>200</v>
      </c>
      <c r="D100974" s="14" t="s">
        <v>74</v>
      </c>
      <c r="E100974" s="15">
        <v>45610</v>
      </c>
      <c r="F100974" s="14" t="s">
        <v>25</v>
      </c>
      <c r="G100974" s="16">
        <v>1.6041035885365693</v>
      </c>
    </row>
    <row r="100975" spans="1:7" x14ac:dyDescent="0.3">
      <c r="A100975" s="13" t="s">
        <v>496</v>
      </c>
      <c r="B100975" s="14" t="s">
        <v>1</v>
      </c>
      <c r="C100975" s="14" t="s">
        <v>200</v>
      </c>
      <c r="D100975" s="14" t="s">
        <v>74</v>
      </c>
      <c r="E100975" s="15">
        <v>45611</v>
      </c>
      <c r="F100975" s="14" t="s">
        <v>25</v>
      </c>
      <c r="G100975" s="16">
        <v>1.6078821560191003</v>
      </c>
    </row>
    <row r="100976" spans="1:7" x14ac:dyDescent="0.3">
      <c r="A100976" s="13" t="s">
        <v>496</v>
      </c>
      <c r="B100976" s="14" t="s">
        <v>1</v>
      </c>
      <c r="C100976" s="14" t="s">
        <v>200</v>
      </c>
      <c r="D100976" s="14" t="s">
        <v>74</v>
      </c>
      <c r="E100976" s="15">
        <v>45612</v>
      </c>
      <c r="F100976" s="14" t="s">
        <v>25</v>
      </c>
      <c r="G100976" s="16">
        <v>1.6078821560191003</v>
      </c>
    </row>
    <row r="100977" spans="1:7" x14ac:dyDescent="0.3">
      <c r="A100977" s="13" t="s">
        <v>496</v>
      </c>
      <c r="B100977" s="14" t="s">
        <v>1</v>
      </c>
      <c r="C100977" s="14" t="s">
        <v>200</v>
      </c>
      <c r="D100977" s="14" t="s">
        <v>74</v>
      </c>
      <c r="E100977" s="15">
        <v>45613</v>
      </c>
      <c r="F100977" s="14" t="s">
        <v>25</v>
      </c>
      <c r="G100977" s="16">
        <v>1.6078821560191003</v>
      </c>
    </row>
    <row r="100978" spans="1:7" x14ac:dyDescent="0.3">
      <c r="A100978" s="13" t="s">
        <v>496</v>
      </c>
      <c r="B100978" s="14" t="s">
        <v>1</v>
      </c>
      <c r="C100978" s="14" t="s">
        <v>200</v>
      </c>
      <c r="D100978" s="14" t="s">
        <v>74</v>
      </c>
      <c r="E100978" s="15">
        <v>45614</v>
      </c>
      <c r="F100978" s="14" t="s">
        <v>25</v>
      </c>
      <c r="G100978" s="16">
        <v>1.6049006143479463</v>
      </c>
    </row>
    <row r="100979" spans="1:7" x14ac:dyDescent="0.3">
      <c r="A100979" s="13" t="s">
        <v>496</v>
      </c>
      <c r="B100979" s="14" t="s">
        <v>1</v>
      </c>
      <c r="C100979" s="14" t="s">
        <v>200</v>
      </c>
      <c r="D100979" s="14" t="s">
        <v>74</v>
      </c>
      <c r="E100979" s="15">
        <v>45615</v>
      </c>
      <c r="F100979" s="14" t="s">
        <v>25</v>
      </c>
      <c r="G100979" s="16">
        <v>1.6219877778694016</v>
      </c>
    </row>
    <row r="100980" spans="1:7" x14ac:dyDescent="0.3">
      <c r="A100980" s="13" t="s">
        <v>496</v>
      </c>
      <c r="B100980" s="14" t="s">
        <v>1</v>
      </c>
      <c r="C100980" s="14" t="s">
        <v>200</v>
      </c>
      <c r="D100980" s="14" t="s">
        <v>74</v>
      </c>
      <c r="E100980" s="15">
        <v>45616</v>
      </c>
      <c r="F100980" s="14" t="s">
        <v>25</v>
      </c>
      <c r="G100980" s="16">
        <v>1.6340226292023794</v>
      </c>
    </row>
    <row r="100981" spans="1:7" x14ac:dyDescent="0.3">
      <c r="A100981" s="13" t="s">
        <v>496</v>
      </c>
      <c r="B100981" s="14" t="s">
        <v>1</v>
      </c>
      <c r="C100981" s="14" t="s">
        <v>200</v>
      </c>
      <c r="D100981" s="14" t="s">
        <v>74</v>
      </c>
      <c r="E100981" s="15">
        <v>45617</v>
      </c>
      <c r="F100981" s="14" t="s">
        <v>25</v>
      </c>
      <c r="G100981" s="16">
        <v>1.645340584905691</v>
      </c>
    </row>
    <row r="100982" spans="1:7" x14ac:dyDescent="0.3">
      <c r="A100982" s="13" t="s">
        <v>496</v>
      </c>
      <c r="B100982" s="14" t="s">
        <v>1</v>
      </c>
      <c r="C100982" s="14" t="s">
        <v>200</v>
      </c>
      <c r="D100982" s="14" t="s">
        <v>74</v>
      </c>
      <c r="E100982" s="15">
        <v>45618</v>
      </c>
      <c r="F100982" s="14" t="s">
        <v>25</v>
      </c>
      <c r="G100982" s="16">
        <v>1.6682703786586648</v>
      </c>
    </row>
    <row r="100983" spans="1:7" x14ac:dyDescent="0.3">
      <c r="A100983" s="13" t="s">
        <v>496</v>
      </c>
      <c r="B100983" s="14" t="s">
        <v>1</v>
      </c>
      <c r="C100983" s="14" t="s">
        <v>200</v>
      </c>
      <c r="D100983" s="14" t="s">
        <v>74</v>
      </c>
      <c r="E100983" s="15">
        <v>45619</v>
      </c>
      <c r="F100983" s="14" t="s">
        <v>25</v>
      </c>
      <c r="G100983" s="16">
        <v>1.6682703786586648</v>
      </c>
    </row>
    <row r="100984" spans="1:7" x14ac:dyDescent="0.3">
      <c r="A100984" s="13" t="s">
        <v>496</v>
      </c>
      <c r="B100984" s="14" t="s">
        <v>1</v>
      </c>
      <c r="C100984" s="14" t="s">
        <v>200</v>
      </c>
      <c r="D100984" s="14" t="s">
        <v>74</v>
      </c>
      <c r="E100984" s="15">
        <v>45620</v>
      </c>
      <c r="F100984" s="14" t="s">
        <v>25</v>
      </c>
      <c r="G100984" s="16">
        <v>1.6682703786586648</v>
      </c>
    </row>
    <row r="100985" spans="1:7" x14ac:dyDescent="0.3">
      <c r="A100985" s="13" t="s">
        <v>496</v>
      </c>
      <c r="B100985" s="14" t="s">
        <v>1</v>
      </c>
      <c r="C100985" s="14" t="s">
        <v>200</v>
      </c>
      <c r="D100985" s="14" t="s">
        <v>74</v>
      </c>
      <c r="E100985" s="15">
        <v>45621</v>
      </c>
      <c r="F100985" s="14" t="s">
        <v>25</v>
      </c>
      <c r="G100985" s="16">
        <v>1.6588329507623933</v>
      </c>
    </row>
    <row r="100986" spans="1:7" x14ac:dyDescent="0.3">
      <c r="A100986" s="13" t="s">
        <v>496</v>
      </c>
      <c r="B100986" s="14" t="s">
        <v>1</v>
      </c>
      <c r="C100986" s="14" t="s">
        <v>200</v>
      </c>
      <c r="D100986" s="14" t="s">
        <v>74</v>
      </c>
      <c r="E100986" s="15">
        <v>45622</v>
      </c>
      <c r="F100986" s="14" t="s">
        <v>25</v>
      </c>
      <c r="G100986" s="16">
        <v>1.680789345908003</v>
      </c>
    </row>
    <row r="100987" spans="1:7" x14ac:dyDescent="0.3">
      <c r="A100987" s="13" t="s">
        <v>496</v>
      </c>
      <c r="B100987" s="14" t="s">
        <v>1</v>
      </c>
      <c r="C100987" s="14" t="s">
        <v>200</v>
      </c>
      <c r="D100987" s="14" t="s">
        <v>74</v>
      </c>
      <c r="E100987" s="15">
        <v>45623</v>
      </c>
      <c r="F100987" s="14" t="s">
        <v>25</v>
      </c>
      <c r="G100987" s="16">
        <v>1.6787996212650285</v>
      </c>
    </row>
    <row r="100988" spans="1:7" x14ac:dyDescent="0.3">
      <c r="A100988" s="13" t="s">
        <v>496</v>
      </c>
      <c r="B100988" s="14" t="s">
        <v>1</v>
      </c>
      <c r="C100988" s="14" t="s">
        <v>200</v>
      </c>
      <c r="D100988" s="14" t="s">
        <v>74</v>
      </c>
      <c r="E100988" s="15">
        <v>45624</v>
      </c>
      <c r="F100988" s="14" t="s">
        <v>25</v>
      </c>
      <c r="G100988" s="16">
        <v>1.6787996212650285</v>
      </c>
    </row>
    <row r="100989" spans="1:7" x14ac:dyDescent="0.3">
      <c r="A100989" s="13" t="s">
        <v>496</v>
      </c>
      <c r="B100989" s="14" t="s">
        <v>1</v>
      </c>
      <c r="C100989" s="14" t="s">
        <v>200</v>
      </c>
      <c r="D100989" s="14" t="s">
        <v>74</v>
      </c>
      <c r="E100989" s="15">
        <v>45625</v>
      </c>
      <c r="F100989" s="14" t="s">
        <v>25</v>
      </c>
      <c r="G100989" s="16">
        <v>1.6856736814730133</v>
      </c>
    </row>
    <row r="100990" spans="1:7" x14ac:dyDescent="0.3">
      <c r="A100990" s="13" t="s">
        <v>496</v>
      </c>
      <c r="B100990" s="14" t="s">
        <v>1</v>
      </c>
      <c r="C100990" s="14" t="s">
        <v>200</v>
      </c>
      <c r="D100990" s="14" t="s">
        <v>74</v>
      </c>
      <c r="E100990" s="15">
        <v>45626</v>
      </c>
      <c r="F100990" s="14" t="s">
        <v>25</v>
      </c>
      <c r="G100990" s="16">
        <v>1.6856736814730133</v>
      </c>
    </row>
    <row r="100991" spans="1:7" x14ac:dyDescent="0.3">
      <c r="A100991" s="13" t="s">
        <v>496</v>
      </c>
      <c r="B100991" s="14" t="s">
        <v>1</v>
      </c>
      <c r="C100991" s="14" t="s">
        <v>200</v>
      </c>
      <c r="D100991" s="14" t="s">
        <v>74</v>
      </c>
      <c r="E100991" s="15">
        <v>45627</v>
      </c>
      <c r="F100991" s="14" t="s">
        <v>25</v>
      </c>
      <c r="G100991" s="16">
        <v>1.6856736814730133</v>
      </c>
    </row>
    <row r="100992" spans="1:7" x14ac:dyDescent="0.3">
      <c r="A100992" s="13" t="s">
        <v>496</v>
      </c>
      <c r="B100992" s="14" t="s">
        <v>1</v>
      </c>
      <c r="C100992" s="14" t="s">
        <v>200</v>
      </c>
      <c r="D100992" s="14" t="s">
        <v>74</v>
      </c>
      <c r="E100992" s="15">
        <v>45628</v>
      </c>
      <c r="F100992" s="14" t="s">
        <v>25</v>
      </c>
      <c r="G100992" s="16">
        <v>1.7104205486114785</v>
      </c>
    </row>
    <row r="100993" spans="1:7" x14ac:dyDescent="0.3">
      <c r="A100993" s="13" t="s">
        <v>496</v>
      </c>
      <c r="B100993" s="14" t="s">
        <v>1</v>
      </c>
      <c r="C100993" s="14" t="s">
        <v>200</v>
      </c>
      <c r="D100993" s="14" t="s">
        <v>74</v>
      </c>
      <c r="E100993" s="15">
        <v>45629</v>
      </c>
      <c r="F100993" s="14" t="s">
        <v>25</v>
      </c>
      <c r="G100993" s="16">
        <v>1.7290380002467927</v>
      </c>
    </row>
    <row r="100994" spans="1:7" x14ac:dyDescent="0.3">
      <c r="A100994" s="13" t="s">
        <v>496</v>
      </c>
      <c r="B100994" s="14" t="s">
        <v>1</v>
      </c>
      <c r="C100994" s="14" t="s">
        <v>200</v>
      </c>
      <c r="D100994" s="14" t="s">
        <v>74</v>
      </c>
      <c r="E100994" s="15">
        <v>45630</v>
      </c>
      <c r="F100994" s="14" t="s">
        <v>25</v>
      </c>
      <c r="G100994" s="16">
        <v>1.730203911186454</v>
      </c>
    </row>
    <row r="100995" spans="1:7" x14ac:dyDescent="0.3">
      <c r="A100995" s="13" t="s">
        <v>496</v>
      </c>
      <c r="B100995" s="14" t="s">
        <v>1</v>
      </c>
      <c r="C100995" s="14" t="s">
        <v>200</v>
      </c>
      <c r="D100995" s="14" t="s">
        <v>74</v>
      </c>
      <c r="E100995" s="15">
        <v>45631</v>
      </c>
      <c r="F100995" s="14" t="s">
        <v>25</v>
      </c>
      <c r="G100995" s="16">
        <v>1.7234324023386962</v>
      </c>
    </row>
    <row r="100996" spans="1:7" x14ac:dyDescent="0.3">
      <c r="A100996" s="13" t="s">
        <v>496</v>
      </c>
      <c r="B100996" s="14" t="s">
        <v>1</v>
      </c>
      <c r="C100996" s="14" t="s">
        <v>200</v>
      </c>
      <c r="D100996" s="14" t="s">
        <v>74</v>
      </c>
      <c r="E100996" s="15">
        <v>45632</v>
      </c>
      <c r="F100996" s="14" t="s">
        <v>25</v>
      </c>
      <c r="G100996" s="16">
        <v>1.7300313158228451</v>
      </c>
    </row>
    <row r="100997" spans="1:7" x14ac:dyDescent="0.3">
      <c r="A100997" s="13" t="s">
        <v>496</v>
      </c>
      <c r="B100997" s="14" t="s">
        <v>1</v>
      </c>
      <c r="C100997" s="14" t="s">
        <v>200</v>
      </c>
      <c r="D100997" s="14" t="s">
        <v>74</v>
      </c>
      <c r="E100997" s="15">
        <v>45633</v>
      </c>
      <c r="F100997" s="14" t="s">
        <v>25</v>
      </c>
      <c r="G100997" s="16">
        <v>1.7300313158228451</v>
      </c>
    </row>
    <row r="100998" spans="1:7" x14ac:dyDescent="0.3">
      <c r="A100998" s="13" t="s">
        <v>496</v>
      </c>
      <c r="B100998" s="14" t="s">
        <v>1</v>
      </c>
      <c r="C100998" s="14" t="s">
        <v>200</v>
      </c>
      <c r="D100998" s="14" t="s">
        <v>74</v>
      </c>
      <c r="E100998" s="15">
        <v>45634</v>
      </c>
      <c r="F100998" s="14" t="s">
        <v>25</v>
      </c>
      <c r="G100998" s="16">
        <v>1.7300313158228451</v>
      </c>
    </row>
    <row r="100999" spans="1:7" x14ac:dyDescent="0.3">
      <c r="A100999" s="13" t="s">
        <v>496</v>
      </c>
      <c r="B100999" s="14" t="s">
        <v>1</v>
      </c>
      <c r="C100999" s="14" t="s">
        <v>200</v>
      </c>
      <c r="D100999" s="14" t="s">
        <v>74</v>
      </c>
      <c r="E100999" s="15">
        <v>45635</v>
      </c>
      <c r="F100999" s="14" t="s">
        <v>25</v>
      </c>
      <c r="G100999" s="16">
        <v>1.7369472980729257</v>
      </c>
    </row>
    <row r="101000" spans="1:7" x14ac:dyDescent="0.3">
      <c r="A101000" s="13" t="s">
        <v>496</v>
      </c>
      <c r="B101000" s="14" t="s">
        <v>1</v>
      </c>
      <c r="C101000" s="14" t="s">
        <v>200</v>
      </c>
      <c r="D101000" s="14" t="s">
        <v>74</v>
      </c>
      <c r="E101000" s="15">
        <v>45636</v>
      </c>
      <c r="F101000" s="14" t="s">
        <v>25</v>
      </c>
      <c r="G101000" s="16">
        <v>1.7667900672251244</v>
      </c>
    </row>
    <row r="101001" spans="1:7" x14ac:dyDescent="0.3">
      <c r="A101001" s="13" t="s">
        <v>496</v>
      </c>
      <c r="B101001" s="14" t="s">
        <v>1</v>
      </c>
      <c r="C101001" s="14" t="s">
        <v>200</v>
      </c>
      <c r="D101001" s="14" t="s">
        <v>74</v>
      </c>
      <c r="E101001" s="15">
        <v>45637</v>
      </c>
      <c r="F101001" s="14" t="s">
        <v>25</v>
      </c>
      <c r="G101001" s="16">
        <v>1.7768262410234472</v>
      </c>
    </row>
    <row r="101002" spans="1:7" x14ac:dyDescent="0.3">
      <c r="A101002" s="13" t="s">
        <v>496</v>
      </c>
      <c r="B101002" s="14" t="s">
        <v>1</v>
      </c>
      <c r="C101002" s="14" t="s">
        <v>200</v>
      </c>
      <c r="D101002" s="14" t="s">
        <v>74</v>
      </c>
      <c r="E101002" s="15">
        <v>45638</v>
      </c>
      <c r="F101002" s="14" t="s">
        <v>25</v>
      </c>
      <c r="G101002" s="16">
        <v>1.799400872212733</v>
      </c>
    </row>
    <row r="101003" spans="1:7" x14ac:dyDescent="0.3">
      <c r="A101003" s="13" t="s">
        <v>496</v>
      </c>
      <c r="B101003" s="14" t="s">
        <v>1</v>
      </c>
      <c r="C101003" s="14" t="s">
        <v>200</v>
      </c>
      <c r="D101003" s="14" t="s">
        <v>74</v>
      </c>
      <c r="E101003" s="15">
        <v>45639</v>
      </c>
      <c r="F101003" s="14" t="s">
        <v>25</v>
      </c>
      <c r="G101003" s="16">
        <v>1.8085621874464866</v>
      </c>
    </row>
    <row r="101004" spans="1:7" x14ac:dyDescent="0.3">
      <c r="A101004" s="13" t="s">
        <v>496</v>
      </c>
      <c r="B101004" s="14" t="s">
        <v>1</v>
      </c>
      <c r="C101004" s="14" t="s">
        <v>200</v>
      </c>
      <c r="D101004" s="14" t="s">
        <v>74</v>
      </c>
      <c r="E101004" s="15">
        <v>45640</v>
      </c>
      <c r="F101004" s="14" t="s">
        <v>25</v>
      </c>
      <c r="G101004" s="16">
        <v>1.8085621874464866</v>
      </c>
    </row>
    <row r="101005" spans="1:7" x14ac:dyDescent="0.3">
      <c r="A101005" s="13" t="s">
        <v>496</v>
      </c>
      <c r="B101005" s="14" t="s">
        <v>1</v>
      </c>
      <c r="C101005" s="14" t="s">
        <v>200</v>
      </c>
      <c r="D101005" s="14" t="s">
        <v>74</v>
      </c>
      <c r="E101005" s="15">
        <v>45641</v>
      </c>
      <c r="F101005" s="14" t="s">
        <v>25</v>
      </c>
      <c r="G101005" s="16">
        <v>1.8085621874464866</v>
      </c>
    </row>
    <row r="101006" spans="1:7" x14ac:dyDescent="0.3">
      <c r="A101006" s="13" t="s">
        <v>496</v>
      </c>
      <c r="B101006" s="14" t="s">
        <v>1</v>
      </c>
      <c r="C101006" s="14" t="s">
        <v>200</v>
      </c>
      <c r="D101006" s="14" t="s">
        <v>74</v>
      </c>
      <c r="E101006" s="15">
        <v>45642</v>
      </c>
      <c r="F101006" s="14" t="s">
        <v>25</v>
      </c>
      <c r="G101006" s="16">
        <v>1.8183538107788313</v>
      </c>
    </row>
    <row r="101007" spans="1:7" x14ac:dyDescent="0.3">
      <c r="A101007" s="13" t="s">
        <v>496</v>
      </c>
      <c r="B101007" s="14" t="s">
        <v>1</v>
      </c>
      <c r="C101007" s="14" t="s">
        <v>200</v>
      </c>
      <c r="D101007" s="14" t="s">
        <v>74</v>
      </c>
      <c r="E101007" s="15">
        <v>45643</v>
      </c>
      <c r="F101007" s="14" t="s">
        <v>25</v>
      </c>
      <c r="G101007" s="16">
        <v>1.8348997873000703</v>
      </c>
    </row>
    <row r="101008" spans="1:7" x14ac:dyDescent="0.3">
      <c r="A101008" s="13" t="s">
        <v>496</v>
      </c>
      <c r="B101008" s="14" t="s">
        <v>1</v>
      </c>
      <c r="C101008" s="14" t="s">
        <v>200</v>
      </c>
      <c r="D101008" s="14" t="s">
        <v>74</v>
      </c>
      <c r="E101008" s="15">
        <v>45644</v>
      </c>
      <c r="F101008" s="14" t="s">
        <v>25</v>
      </c>
      <c r="G101008" s="16">
        <v>1.8583382536021393</v>
      </c>
    </row>
    <row r="101009" spans="1:7" x14ac:dyDescent="0.3">
      <c r="A101009" s="13" t="s">
        <v>496</v>
      </c>
      <c r="B101009" s="14" t="s">
        <v>1</v>
      </c>
      <c r="C101009" s="14" t="s">
        <v>200</v>
      </c>
      <c r="D101009" s="14" t="s">
        <v>74</v>
      </c>
      <c r="E101009" s="15">
        <v>45645</v>
      </c>
      <c r="F101009" s="14" t="s">
        <v>25</v>
      </c>
      <c r="G101009" s="16">
        <v>1.8628439157728769</v>
      </c>
    </row>
    <row r="101010" spans="1:7" x14ac:dyDescent="0.3">
      <c r="A101010" s="13" t="s">
        <v>496</v>
      </c>
      <c r="B101010" s="14" t="s">
        <v>1</v>
      </c>
      <c r="C101010" s="14" t="s">
        <v>200</v>
      </c>
      <c r="D101010" s="14" t="s">
        <v>74</v>
      </c>
      <c r="E101010" s="15">
        <v>45646</v>
      </c>
      <c r="F101010" s="14" t="s">
        <v>25</v>
      </c>
      <c r="G101010" s="16">
        <v>1.8611790629653127</v>
      </c>
    </row>
    <row r="101011" spans="1:7" x14ac:dyDescent="0.3">
      <c r="A101011" s="13" t="s">
        <v>496</v>
      </c>
      <c r="B101011" s="14" t="s">
        <v>1</v>
      </c>
      <c r="C101011" s="14" t="s">
        <v>200</v>
      </c>
      <c r="D101011" s="14" t="s">
        <v>74</v>
      </c>
      <c r="E101011" s="15">
        <v>45647</v>
      </c>
      <c r="F101011" s="14" t="s">
        <v>25</v>
      </c>
      <c r="G101011" s="16">
        <v>1.8611790629653127</v>
      </c>
    </row>
    <row r="101012" spans="1:7" x14ac:dyDescent="0.3">
      <c r="A101012" s="13" t="s">
        <v>496</v>
      </c>
      <c r="B101012" s="14" t="s">
        <v>1</v>
      </c>
      <c r="C101012" s="14" t="s">
        <v>200</v>
      </c>
      <c r="D101012" s="14" t="s">
        <v>74</v>
      </c>
      <c r="E101012" s="15">
        <v>45648</v>
      </c>
      <c r="F101012" s="14" t="s">
        <v>25</v>
      </c>
      <c r="G101012" s="16">
        <v>1.8611790629653127</v>
      </c>
    </row>
    <row r="101013" spans="1:7" x14ac:dyDescent="0.3">
      <c r="A101013" s="13" t="s">
        <v>496</v>
      </c>
      <c r="B101013" s="14" t="s">
        <v>1</v>
      </c>
      <c r="C101013" s="14" t="s">
        <v>200</v>
      </c>
      <c r="D101013" s="14" t="s">
        <v>74</v>
      </c>
      <c r="E101013" s="15">
        <v>45649</v>
      </c>
      <c r="F101013" s="14" t="s">
        <v>25</v>
      </c>
      <c r="G101013" s="16">
        <v>1.8800419231761769</v>
      </c>
    </row>
    <row r="101014" spans="1:7" x14ac:dyDescent="0.3">
      <c r="A101014" s="13" t="s">
        <v>496</v>
      </c>
      <c r="B101014" s="14" t="s">
        <v>1</v>
      </c>
      <c r="C101014" s="14" t="s">
        <v>200</v>
      </c>
      <c r="D101014" s="14" t="s">
        <v>74</v>
      </c>
      <c r="E101014" s="15">
        <v>45650</v>
      </c>
      <c r="F101014" s="14" t="s">
        <v>25</v>
      </c>
      <c r="G101014" s="16">
        <v>1.9037371099285014</v>
      </c>
    </row>
    <row r="101015" spans="1:7" x14ac:dyDescent="0.3">
      <c r="A101015" s="13" t="s">
        <v>496</v>
      </c>
      <c r="B101015" s="14" t="s">
        <v>1</v>
      </c>
      <c r="C101015" s="14" t="s">
        <v>200</v>
      </c>
      <c r="D101015" s="14" t="s">
        <v>74</v>
      </c>
      <c r="E101015" s="15">
        <v>45651</v>
      </c>
      <c r="F101015" s="14" t="s">
        <v>25</v>
      </c>
      <c r="G101015" s="16">
        <v>1.9037371099285014</v>
      </c>
    </row>
    <row r="101016" spans="1:7" x14ac:dyDescent="0.3">
      <c r="A101016" s="13" t="s">
        <v>496</v>
      </c>
      <c r="B101016" s="14" t="s">
        <v>1</v>
      </c>
      <c r="C101016" s="14" t="s">
        <v>200</v>
      </c>
      <c r="D101016" s="14" t="s">
        <v>74</v>
      </c>
      <c r="E101016" s="15">
        <v>45652</v>
      </c>
      <c r="F101016" s="14" t="s">
        <v>25</v>
      </c>
      <c r="G101016" s="16">
        <v>1.9037371099285014</v>
      </c>
    </row>
    <row r="101017" spans="1:7" x14ac:dyDescent="0.3">
      <c r="A101017" s="13" t="s">
        <v>496</v>
      </c>
      <c r="B101017" s="14" t="s">
        <v>1</v>
      </c>
      <c r="C101017" s="14" t="s">
        <v>200</v>
      </c>
      <c r="D101017" s="14" t="s">
        <v>74</v>
      </c>
      <c r="E101017" s="15">
        <v>45653</v>
      </c>
      <c r="F101017" s="14" t="s">
        <v>25</v>
      </c>
      <c r="G101017" s="16">
        <v>1.9037371099285014</v>
      </c>
    </row>
    <row r="101018" spans="1:7" x14ac:dyDescent="0.3">
      <c r="A101018" s="13" t="s">
        <v>496</v>
      </c>
      <c r="B101018" s="14" t="s">
        <v>1</v>
      </c>
      <c r="C101018" s="14" t="s">
        <v>200</v>
      </c>
      <c r="D101018" s="14" t="s">
        <v>74</v>
      </c>
      <c r="E101018" s="15">
        <v>45654</v>
      </c>
      <c r="F101018" s="14" t="s">
        <v>25</v>
      </c>
      <c r="G101018" s="16">
        <v>1.9037371099285014</v>
      </c>
    </row>
    <row r="101019" spans="1:7" x14ac:dyDescent="0.3">
      <c r="A101019" s="13" t="s">
        <v>496</v>
      </c>
      <c r="B101019" s="14" t="s">
        <v>1</v>
      </c>
      <c r="C101019" s="14" t="s">
        <v>200</v>
      </c>
      <c r="D101019" s="14" t="s">
        <v>74</v>
      </c>
      <c r="E101019" s="15">
        <v>45655</v>
      </c>
      <c r="F101019" s="14" t="s">
        <v>25</v>
      </c>
      <c r="G101019" s="16">
        <v>1.9037371099285014</v>
      </c>
    </row>
    <row r="101020" spans="1:7" x14ac:dyDescent="0.3">
      <c r="A101020" s="13" t="s">
        <v>496</v>
      </c>
      <c r="B101020" s="14" t="s">
        <v>1</v>
      </c>
      <c r="C101020" s="14" t="s">
        <v>200</v>
      </c>
      <c r="D101020" s="14" t="s">
        <v>74</v>
      </c>
      <c r="E101020" s="15">
        <v>45656</v>
      </c>
      <c r="F101020" s="14" t="s">
        <v>25</v>
      </c>
      <c r="G101020" s="16">
        <v>1.9174655664022524</v>
      </c>
    </row>
    <row r="101021" spans="1:7" x14ac:dyDescent="0.3">
      <c r="A101021" s="13" t="s">
        <v>496</v>
      </c>
      <c r="B101021" s="14" t="s">
        <v>1</v>
      </c>
      <c r="C101021" s="14" t="s">
        <v>200</v>
      </c>
      <c r="D101021" s="14" t="s">
        <v>74</v>
      </c>
      <c r="E101021" s="15">
        <v>45657</v>
      </c>
      <c r="F101021" s="14" t="s">
        <v>25</v>
      </c>
      <c r="G101021" s="16">
        <v>1.9682884490633354</v>
      </c>
    </row>
    <row r="101022" spans="1:7" x14ac:dyDescent="0.3">
      <c r="A101022" s="13" t="s">
        <v>496</v>
      </c>
      <c r="B101022" s="14" t="s">
        <v>1</v>
      </c>
      <c r="C101022" s="14" t="s">
        <v>200</v>
      </c>
      <c r="D101022" s="14" t="s">
        <v>74</v>
      </c>
      <c r="E101022" s="15">
        <v>45658</v>
      </c>
      <c r="F101022" s="14" t="s">
        <v>25</v>
      </c>
      <c r="G101022" s="16">
        <v>1.9682884490633354</v>
      </c>
    </row>
    <row r="101023" spans="1:7" x14ac:dyDescent="0.3">
      <c r="A101023" s="13" t="s">
        <v>496</v>
      </c>
      <c r="B101023" s="14" t="s">
        <v>1</v>
      </c>
      <c r="C101023" s="14" t="s">
        <v>200</v>
      </c>
      <c r="D101023" s="14" t="s">
        <v>74</v>
      </c>
      <c r="E101023" s="15">
        <v>45659</v>
      </c>
      <c r="F101023" s="14" t="s">
        <v>25</v>
      </c>
      <c r="G101023" s="16">
        <v>1.9865580408799484</v>
      </c>
    </row>
    <row r="101024" spans="1:7" x14ac:dyDescent="0.3">
      <c r="A101024" s="13" t="s">
        <v>496</v>
      </c>
      <c r="B101024" s="14" t="s">
        <v>1</v>
      </c>
      <c r="C101024" s="14" t="s">
        <v>200</v>
      </c>
      <c r="D101024" s="14" t="s">
        <v>74</v>
      </c>
      <c r="E101024" s="15">
        <v>45660</v>
      </c>
      <c r="F101024" s="14" t="s">
        <v>25</v>
      </c>
      <c r="G101024" s="16">
        <v>1.9875063754868194</v>
      </c>
    </row>
    <row r="101025" spans="1:7" x14ac:dyDescent="0.3">
      <c r="A101025" s="13" t="s">
        <v>496</v>
      </c>
      <c r="B101025" s="14" t="s">
        <v>1</v>
      </c>
      <c r="C101025" s="14" t="s">
        <v>200</v>
      </c>
      <c r="D101025" s="14" t="s">
        <v>74</v>
      </c>
      <c r="E101025" s="15">
        <v>45661</v>
      </c>
      <c r="F101025" s="14" t="s">
        <v>25</v>
      </c>
      <c r="G101025" s="16">
        <v>1.9875063754868194</v>
      </c>
    </row>
    <row r="101026" spans="1:7" x14ac:dyDescent="0.3">
      <c r="A101026" s="13" t="s">
        <v>496</v>
      </c>
      <c r="B101026" s="14" t="s">
        <v>1</v>
      </c>
      <c r="C101026" s="14" t="s">
        <v>200</v>
      </c>
      <c r="D101026" s="14" t="s">
        <v>74</v>
      </c>
      <c r="E101026" s="15">
        <v>45662</v>
      </c>
      <c r="F101026" s="14" t="s">
        <v>25</v>
      </c>
      <c r="G101026" s="16">
        <v>1.9875063754868194</v>
      </c>
    </row>
    <row r="101027" spans="1:7" x14ac:dyDescent="0.3">
      <c r="A101027" s="13" t="s">
        <v>496</v>
      </c>
      <c r="B101027" s="14" t="s">
        <v>1</v>
      </c>
      <c r="C101027" s="14" t="s">
        <v>200</v>
      </c>
      <c r="D101027" s="14" t="s">
        <v>74</v>
      </c>
      <c r="E101027" s="15">
        <v>45663</v>
      </c>
      <c r="F101027" s="14" t="s">
        <v>25</v>
      </c>
      <c r="G101027" s="16">
        <v>1.9861735989686731</v>
      </c>
    </row>
    <row r="101028" spans="1:7" x14ac:dyDescent="0.3">
      <c r="A101028" s="13" t="s">
        <v>496</v>
      </c>
      <c r="B101028" s="14" t="s">
        <v>1</v>
      </c>
      <c r="C101028" s="14" t="s">
        <v>200</v>
      </c>
      <c r="D101028" s="14" t="s">
        <v>74</v>
      </c>
      <c r="E101028" s="15">
        <v>45664</v>
      </c>
      <c r="F101028" s="14" t="s">
        <v>25</v>
      </c>
      <c r="G101028" s="16">
        <v>2.0176722449543441</v>
      </c>
    </row>
    <row r="101029" spans="1:7" x14ac:dyDescent="0.3">
      <c r="A101029" s="13" t="s">
        <v>496</v>
      </c>
      <c r="B101029" s="14" t="s">
        <v>1</v>
      </c>
      <c r="C101029" s="14" t="s">
        <v>200</v>
      </c>
      <c r="D101029" s="14" t="s">
        <v>74</v>
      </c>
      <c r="E101029" s="15">
        <v>45665</v>
      </c>
      <c r="F101029" s="14" t="s">
        <v>25</v>
      </c>
      <c r="G101029" s="16">
        <v>2.0274489331522689</v>
      </c>
    </row>
    <row r="101030" spans="1:7" x14ac:dyDescent="0.3">
      <c r="A101030" s="13" t="s">
        <v>496</v>
      </c>
      <c r="B101030" s="14" t="s">
        <v>1</v>
      </c>
      <c r="C101030" s="14" t="s">
        <v>200</v>
      </c>
      <c r="D101030" s="14" t="s">
        <v>74</v>
      </c>
      <c r="E101030" s="15">
        <v>45666</v>
      </c>
      <c r="F101030" s="14" t="s">
        <v>25</v>
      </c>
      <c r="G101030" s="16">
        <v>2.0274489331522689</v>
      </c>
    </row>
    <row r="101031" spans="1:7" x14ac:dyDescent="0.3">
      <c r="A101031" s="13" t="s">
        <v>496</v>
      </c>
      <c r="B101031" s="14" t="s">
        <v>1</v>
      </c>
      <c r="C101031" s="14" t="s">
        <v>200</v>
      </c>
      <c r="D101031" s="14" t="s">
        <v>74</v>
      </c>
      <c r="E101031" s="15">
        <v>45667</v>
      </c>
      <c r="F101031" s="14" t="s">
        <v>25</v>
      </c>
      <c r="G101031" s="16">
        <v>2.0524103945481857</v>
      </c>
    </row>
    <row r="101032" spans="1:7" x14ac:dyDescent="0.3">
      <c r="A101032" s="13" t="s">
        <v>496</v>
      </c>
      <c r="B101032" s="14" t="s">
        <v>1</v>
      </c>
      <c r="C101032" s="14" t="s">
        <v>200</v>
      </c>
      <c r="D101032" s="14" t="s">
        <v>74</v>
      </c>
      <c r="E101032" s="15">
        <v>45668</v>
      </c>
      <c r="F101032" s="14" t="s">
        <v>25</v>
      </c>
      <c r="G101032" s="16">
        <v>2.0524103945481857</v>
      </c>
    </row>
    <row r="101033" spans="1:7" x14ac:dyDescent="0.3">
      <c r="A101033" s="13" t="s">
        <v>496</v>
      </c>
      <c r="B101033" s="14" t="s">
        <v>1</v>
      </c>
      <c r="C101033" s="14" t="s">
        <v>200</v>
      </c>
      <c r="D101033" s="14" t="s">
        <v>74</v>
      </c>
      <c r="E101033" s="15">
        <v>45669</v>
      </c>
      <c r="F101033" s="14" t="s">
        <v>25</v>
      </c>
      <c r="G101033" s="16">
        <v>2.0524103945481857</v>
      </c>
    </row>
    <row r="101034" spans="1:7" x14ac:dyDescent="0.3">
      <c r="A101034" s="13" t="s">
        <v>496</v>
      </c>
      <c r="B101034" s="14" t="s">
        <v>1</v>
      </c>
      <c r="C101034" s="14" t="s">
        <v>200</v>
      </c>
      <c r="D101034" s="14" t="s">
        <v>74</v>
      </c>
      <c r="E101034" s="15">
        <v>45670</v>
      </c>
      <c r="F101034" s="14" t="s">
        <v>25</v>
      </c>
      <c r="G101034" s="16">
        <v>2.0643983339830667</v>
      </c>
    </row>
    <row r="101035" spans="1:7" x14ac:dyDescent="0.3">
      <c r="A101035" s="13" t="s">
        <v>496</v>
      </c>
      <c r="B101035" s="14" t="s">
        <v>1</v>
      </c>
      <c r="C101035" s="14" t="s">
        <v>200</v>
      </c>
      <c r="D101035" s="14" t="s">
        <v>74</v>
      </c>
      <c r="E101035" s="15">
        <v>45671</v>
      </c>
      <c r="F101035" s="14" t="s">
        <v>25</v>
      </c>
      <c r="G101035" s="16">
        <v>2.0718963859916828</v>
      </c>
    </row>
    <row r="101036" spans="1:7" x14ac:dyDescent="0.3">
      <c r="A101036" s="13" t="s">
        <v>496</v>
      </c>
      <c r="B101036" s="14" t="s">
        <v>1</v>
      </c>
      <c r="C101036" s="14" t="s">
        <v>200</v>
      </c>
      <c r="D101036" s="14" t="s">
        <v>74</v>
      </c>
      <c r="E101036" s="15">
        <v>45672</v>
      </c>
      <c r="F101036" s="14" t="s">
        <v>25</v>
      </c>
      <c r="G101036" s="16">
        <v>2.0796803112171807</v>
      </c>
    </row>
    <row r="101037" spans="1:7" x14ac:dyDescent="0.3">
      <c r="A101037" s="13" t="s">
        <v>496</v>
      </c>
      <c r="B101037" s="14" t="s">
        <v>1</v>
      </c>
      <c r="C101037" s="14" t="s">
        <v>200</v>
      </c>
      <c r="D101037" s="14" t="s">
        <v>74</v>
      </c>
      <c r="E101037" s="15">
        <v>45673</v>
      </c>
      <c r="F101037" s="14" t="s">
        <v>25</v>
      </c>
      <c r="G101037" s="16">
        <v>2.0798439824721195</v>
      </c>
    </row>
    <row r="101038" spans="1:7" x14ac:dyDescent="0.3">
      <c r="A101038" s="13" t="s">
        <v>496</v>
      </c>
      <c r="B101038" s="14" t="s">
        <v>1</v>
      </c>
      <c r="C101038" s="14" t="s">
        <v>200</v>
      </c>
      <c r="D101038" s="14" t="s">
        <v>74</v>
      </c>
      <c r="E101038" s="15">
        <v>45674</v>
      </c>
      <c r="F101038" s="14" t="s">
        <v>25</v>
      </c>
      <c r="G101038" s="16">
        <v>2.0955084562531288</v>
      </c>
    </row>
    <row r="101039" spans="1:7" x14ac:dyDescent="0.3">
      <c r="A101039" s="13" t="s">
        <v>496</v>
      </c>
      <c r="B101039" s="14" t="s">
        <v>1</v>
      </c>
      <c r="C101039" s="14" t="s">
        <v>200</v>
      </c>
      <c r="D101039" s="14" t="s">
        <v>74</v>
      </c>
      <c r="E101039" s="15">
        <v>45675</v>
      </c>
      <c r="F101039" s="14" t="s">
        <v>25</v>
      </c>
      <c r="G101039" s="16">
        <v>2.0955084562531288</v>
      </c>
    </row>
    <row r="101040" spans="1:7" x14ac:dyDescent="0.3">
      <c r="A101040" s="13" t="s">
        <v>496</v>
      </c>
      <c r="B101040" s="14" t="s">
        <v>1</v>
      </c>
      <c r="C101040" s="14" t="s">
        <v>200</v>
      </c>
      <c r="D101040" s="14" t="s">
        <v>74</v>
      </c>
      <c r="E101040" s="15">
        <v>45676</v>
      </c>
      <c r="F101040" s="14" t="s">
        <v>25</v>
      </c>
      <c r="G101040" s="16">
        <v>2.0955084562531288</v>
      </c>
    </row>
    <row r="101041" spans="1:7" x14ac:dyDescent="0.3">
      <c r="A101041" s="13" t="s">
        <v>496</v>
      </c>
      <c r="B101041" s="14" t="s">
        <v>1</v>
      </c>
      <c r="C101041" s="14" t="s">
        <v>200</v>
      </c>
      <c r="D101041" s="14" t="s">
        <v>74</v>
      </c>
      <c r="E101041" s="15">
        <v>45677</v>
      </c>
      <c r="F101041" s="14" t="s">
        <v>25</v>
      </c>
      <c r="G101041" s="16">
        <v>2.0955084562531288</v>
      </c>
    </row>
    <row r="101042" spans="1:7" x14ac:dyDescent="0.3">
      <c r="A101042" s="13" t="s">
        <v>496</v>
      </c>
      <c r="B101042" s="14" t="s">
        <v>1</v>
      </c>
      <c r="C101042" s="14" t="s">
        <v>200</v>
      </c>
      <c r="D101042" s="14" t="s">
        <v>74</v>
      </c>
      <c r="E101042" s="15">
        <v>45678</v>
      </c>
      <c r="F101042" s="14" t="s">
        <v>25</v>
      </c>
      <c r="G101042" s="16">
        <v>2.0815820747648925</v>
      </c>
    </row>
    <row r="101043" spans="1:7" x14ac:dyDescent="0.3">
      <c r="A101043" s="13" t="s">
        <v>496</v>
      </c>
      <c r="B101043" s="14" t="s">
        <v>1</v>
      </c>
      <c r="C101043" s="14" t="s">
        <v>200</v>
      </c>
      <c r="D101043" s="14" t="s">
        <v>74</v>
      </c>
      <c r="E101043" s="15">
        <v>45679</v>
      </c>
      <c r="F101043" s="14" t="s">
        <v>25</v>
      </c>
      <c r="G101043" s="16">
        <v>2.1057949836003278</v>
      </c>
    </row>
    <row r="101044" spans="1:7" x14ac:dyDescent="0.3">
      <c r="A101044" s="13" t="s">
        <v>496</v>
      </c>
      <c r="B101044" s="14" t="s">
        <v>1</v>
      </c>
      <c r="C101044" s="14" t="s">
        <v>200</v>
      </c>
      <c r="D101044" s="14" t="s">
        <v>74</v>
      </c>
      <c r="E101044" s="15">
        <v>45680</v>
      </c>
      <c r="F101044" s="14" t="s">
        <v>25</v>
      </c>
      <c r="G101044" s="16">
        <v>2.1129751163454236</v>
      </c>
    </row>
    <row r="101045" spans="1:7" x14ac:dyDescent="0.3">
      <c r="A101045" s="13" t="s">
        <v>496</v>
      </c>
      <c r="B101045" s="14" t="s">
        <v>1</v>
      </c>
      <c r="C101045" s="14" t="s">
        <v>200</v>
      </c>
      <c r="D101045" s="14" t="s">
        <v>74</v>
      </c>
      <c r="E101045" s="15">
        <v>45681</v>
      </c>
      <c r="F101045" s="14" t="s">
        <v>25</v>
      </c>
      <c r="G101045" s="16">
        <v>2.1154131850799232</v>
      </c>
    </row>
    <row r="101046" spans="1:7" x14ac:dyDescent="0.3">
      <c r="A101046" s="13" t="s">
        <v>496</v>
      </c>
      <c r="B101046" s="14" t="s">
        <v>1</v>
      </c>
      <c r="C101046" s="14" t="s">
        <v>200</v>
      </c>
      <c r="D101046" s="14" t="s">
        <v>74</v>
      </c>
      <c r="E101046" s="15">
        <v>45682</v>
      </c>
      <c r="F101046" s="14" t="s">
        <v>25</v>
      </c>
      <c r="G101046" s="16">
        <v>2.1154131850799232</v>
      </c>
    </row>
    <row r="101047" spans="1:7" x14ac:dyDescent="0.3">
      <c r="A101047" s="13" t="s">
        <v>496</v>
      </c>
      <c r="B101047" s="14" t="s">
        <v>1</v>
      </c>
      <c r="C101047" s="14" t="s">
        <v>200</v>
      </c>
      <c r="D101047" s="14" t="s">
        <v>74</v>
      </c>
      <c r="E101047" s="15">
        <v>45683</v>
      </c>
      <c r="F101047" s="14" t="s">
        <v>25</v>
      </c>
      <c r="G101047" s="16">
        <v>2.1154131850799232</v>
      </c>
    </row>
    <row r="101048" spans="1:7" x14ac:dyDescent="0.3">
      <c r="A101048" s="13" t="s">
        <v>496</v>
      </c>
      <c r="B101048" s="14" t="s">
        <v>1</v>
      </c>
      <c r="C101048" s="14" t="s">
        <v>200</v>
      </c>
      <c r="D101048" s="14" t="s">
        <v>74</v>
      </c>
      <c r="E101048" s="15">
        <v>45684</v>
      </c>
      <c r="F101048" s="14" t="s">
        <v>25</v>
      </c>
      <c r="G101048" s="16">
        <v>2.1110794050838182</v>
      </c>
    </row>
    <row r="101049" spans="1:7" x14ac:dyDescent="0.3">
      <c r="A101049" s="13" t="s">
        <v>496</v>
      </c>
      <c r="B101049" s="14" t="s">
        <v>1</v>
      </c>
      <c r="C101049" s="14" t="s">
        <v>200</v>
      </c>
      <c r="D101049" s="14" t="s">
        <v>74</v>
      </c>
      <c r="E101049" s="15">
        <v>45685</v>
      </c>
      <c r="F101049" s="14" t="s">
        <v>25</v>
      </c>
      <c r="G101049" s="16">
        <v>2.1339965802563046</v>
      </c>
    </row>
    <row r="101050" spans="1:7" x14ac:dyDescent="0.3">
      <c r="A101050" s="13" t="s">
        <v>496</v>
      </c>
      <c r="B101050" s="14" t="s">
        <v>1</v>
      </c>
      <c r="C101050" s="14" t="s">
        <v>200</v>
      </c>
      <c r="D101050" s="14" t="s">
        <v>74</v>
      </c>
      <c r="E101050" s="15">
        <v>45686</v>
      </c>
      <c r="F101050" s="14" t="s">
        <v>25</v>
      </c>
      <c r="G101050" s="16">
        <v>2.1464776203788789</v>
      </c>
    </row>
    <row r="101051" spans="1:7" x14ac:dyDescent="0.3">
      <c r="A101051" s="13" t="s">
        <v>496</v>
      </c>
      <c r="B101051" s="14" t="s">
        <v>1</v>
      </c>
      <c r="C101051" s="14" t="s">
        <v>200</v>
      </c>
      <c r="D101051" s="14" t="s">
        <v>74</v>
      </c>
      <c r="E101051" s="15">
        <v>45687</v>
      </c>
      <c r="F101051" s="14" t="s">
        <v>25</v>
      </c>
      <c r="G101051" s="16">
        <v>2.1578685445692907</v>
      </c>
    </row>
    <row r="101052" spans="1:7" x14ac:dyDescent="0.3">
      <c r="A101052" s="13" t="s">
        <v>496</v>
      </c>
      <c r="B101052" s="14" t="s">
        <v>1</v>
      </c>
      <c r="C101052" s="14" t="s">
        <v>200</v>
      </c>
      <c r="D101052" s="14" t="s">
        <v>74</v>
      </c>
      <c r="E101052" s="15">
        <v>45688</v>
      </c>
      <c r="F101052" s="14" t="s">
        <v>25</v>
      </c>
      <c r="G101052" s="16">
        <v>2.1671430155385942</v>
      </c>
    </row>
    <row r="101053" spans="1:7" x14ac:dyDescent="0.3">
      <c r="A101053" s="13" t="s">
        <v>496</v>
      </c>
      <c r="B101053" s="14" t="s">
        <v>1</v>
      </c>
      <c r="C101053" s="14" t="s">
        <v>200</v>
      </c>
      <c r="D101053" s="14" t="s">
        <v>74</v>
      </c>
      <c r="E101053" s="15">
        <v>45689</v>
      </c>
      <c r="F101053" s="14" t="s">
        <v>25</v>
      </c>
      <c r="G101053" s="16">
        <v>2.1671430155385942</v>
      </c>
    </row>
    <row r="101054" spans="1:7" x14ac:dyDescent="0.3">
      <c r="A101054" s="13" t="s">
        <v>496</v>
      </c>
      <c r="B101054" s="14" t="s">
        <v>1</v>
      </c>
      <c r="C101054" s="14" t="s">
        <v>200</v>
      </c>
      <c r="D101054" s="14" t="s">
        <v>74</v>
      </c>
      <c r="E101054" s="15">
        <v>45690</v>
      </c>
      <c r="F101054" s="14" t="s">
        <v>25</v>
      </c>
      <c r="G101054" s="16">
        <v>2.1671430155385942</v>
      </c>
    </row>
    <row r="101055" spans="1:7" x14ac:dyDescent="0.3">
      <c r="A101055" s="13" t="s">
        <v>496</v>
      </c>
      <c r="B101055" s="14" t="s">
        <v>1</v>
      </c>
      <c r="C101055" s="14" t="s">
        <v>200</v>
      </c>
      <c r="D101055" s="14" t="s">
        <v>74</v>
      </c>
      <c r="E101055" s="15">
        <v>45691</v>
      </c>
      <c r="F101055" s="14" t="s">
        <v>25</v>
      </c>
      <c r="G101055" s="16">
        <v>2.1671430155385942</v>
      </c>
    </row>
    <row r="101056" spans="1:7" x14ac:dyDescent="0.3">
      <c r="A101056" s="13" t="s">
        <v>496</v>
      </c>
      <c r="B101056" s="14" t="s">
        <v>1</v>
      </c>
      <c r="C101056" s="14" t="s">
        <v>200</v>
      </c>
      <c r="D101056" s="14" t="s">
        <v>74</v>
      </c>
      <c r="E101056" s="15">
        <v>45692</v>
      </c>
      <c r="F101056" s="14" t="s">
        <v>25</v>
      </c>
      <c r="G101056" s="16">
        <v>2.1601521770084151</v>
      </c>
    </row>
    <row r="101057" spans="1:7" x14ac:dyDescent="0.3">
      <c r="A101057" s="13" t="s">
        <v>496</v>
      </c>
      <c r="B101057" s="14" t="s">
        <v>1</v>
      </c>
      <c r="C101057" s="14" t="s">
        <v>200</v>
      </c>
      <c r="D101057" s="14" t="s">
        <v>74</v>
      </c>
      <c r="E101057" s="15">
        <v>45693</v>
      </c>
      <c r="F101057" s="14" t="s">
        <v>25</v>
      </c>
      <c r="G101057" s="16">
        <v>2.1770796888408284</v>
      </c>
    </row>
    <row r="101058" spans="1:7" x14ac:dyDescent="0.3">
      <c r="A101058" s="13" t="s">
        <v>496</v>
      </c>
      <c r="B101058" s="14" t="s">
        <v>1</v>
      </c>
      <c r="C101058" s="14" t="s">
        <v>200</v>
      </c>
      <c r="D101058" s="14" t="s">
        <v>74</v>
      </c>
      <c r="E101058" s="15">
        <v>45694</v>
      </c>
      <c r="F101058" s="14" t="s">
        <v>25</v>
      </c>
      <c r="G101058" s="16">
        <v>2.1912922576900637</v>
      </c>
    </row>
    <row r="101059" spans="1:7" x14ac:dyDescent="0.3">
      <c r="A101059" s="13" t="s">
        <v>496</v>
      </c>
      <c r="B101059" s="14" t="s">
        <v>1</v>
      </c>
      <c r="C101059" s="14" t="s">
        <v>200</v>
      </c>
      <c r="D101059" s="14" t="s">
        <v>74</v>
      </c>
      <c r="E101059" s="15">
        <v>45695</v>
      </c>
      <c r="F101059" s="14" t="s">
        <v>25</v>
      </c>
      <c r="G101059" s="16">
        <v>2.208922040840871</v>
      </c>
    </row>
    <row r="101060" spans="1:7" x14ac:dyDescent="0.3">
      <c r="A101060" s="13" t="s">
        <v>496</v>
      </c>
      <c r="B101060" s="14" t="s">
        <v>1</v>
      </c>
      <c r="C101060" s="14" t="s">
        <v>200</v>
      </c>
      <c r="D101060" s="14" t="s">
        <v>74</v>
      </c>
      <c r="E101060" s="15">
        <v>45696</v>
      </c>
      <c r="F101060" s="14" t="s">
        <v>25</v>
      </c>
      <c r="G101060" s="16">
        <v>2.208922040840871</v>
      </c>
    </row>
    <row r="101061" spans="1:7" x14ac:dyDescent="0.3">
      <c r="A101061" s="13" t="s">
        <v>496</v>
      </c>
      <c r="B101061" s="14" t="s">
        <v>1</v>
      </c>
      <c r="C101061" s="14" t="s">
        <v>200</v>
      </c>
      <c r="D101061" s="14" t="s">
        <v>74</v>
      </c>
      <c r="E101061" s="15">
        <v>45697</v>
      </c>
      <c r="F101061" s="14" t="s">
        <v>25</v>
      </c>
      <c r="G101061" s="16">
        <v>2.208922040840871</v>
      </c>
    </row>
    <row r="101062" spans="1:7" x14ac:dyDescent="0.3">
      <c r="A101062" s="13" t="s">
        <v>496</v>
      </c>
      <c r="B101062" s="14" t="s">
        <v>1</v>
      </c>
      <c r="C101062" s="14" t="s">
        <v>200</v>
      </c>
      <c r="D101062" s="14" t="s">
        <v>74</v>
      </c>
      <c r="E101062" s="15">
        <v>45698</v>
      </c>
      <c r="F101062" s="14" t="s">
        <v>25</v>
      </c>
      <c r="G101062" s="16">
        <v>2.2194002005433235</v>
      </c>
    </row>
    <row r="101063" spans="1:7" x14ac:dyDescent="0.3">
      <c r="A101063" s="13" t="s">
        <v>496</v>
      </c>
      <c r="B101063" s="14" t="s">
        <v>1</v>
      </c>
      <c r="C101063" s="14" t="s">
        <v>200</v>
      </c>
      <c r="D101063" s="14" t="s">
        <v>74</v>
      </c>
      <c r="E101063" s="15">
        <v>45699</v>
      </c>
      <c r="F101063" s="14" t="s">
        <v>25</v>
      </c>
      <c r="G101063" s="16">
        <v>2.2441454726542767</v>
      </c>
    </row>
    <row r="101064" spans="1:7" x14ac:dyDescent="0.3">
      <c r="A101064" s="13" t="s">
        <v>496</v>
      </c>
      <c r="B101064" s="14" t="s">
        <v>1</v>
      </c>
      <c r="C101064" s="14" t="s">
        <v>200</v>
      </c>
      <c r="D101064" s="14" t="s">
        <v>74</v>
      </c>
      <c r="E101064" s="15">
        <v>45700</v>
      </c>
      <c r="F101064" s="14" t="s">
        <v>25</v>
      </c>
      <c r="G101064" s="16">
        <v>2.2525682058507841</v>
      </c>
    </row>
    <row r="101065" spans="1:7" x14ac:dyDescent="0.3">
      <c r="A101065" s="13" t="s">
        <v>496</v>
      </c>
      <c r="B101065" s="14" t="s">
        <v>1</v>
      </c>
      <c r="C101065" s="14" t="s">
        <v>200</v>
      </c>
      <c r="D101065" s="14" t="s">
        <v>74</v>
      </c>
      <c r="E101065" s="15">
        <v>45701</v>
      </c>
      <c r="F101065" s="14" t="s">
        <v>25</v>
      </c>
      <c r="G101065" s="16">
        <v>2.2351339839207847</v>
      </c>
    </row>
    <row r="101066" spans="1:7" x14ac:dyDescent="0.3">
      <c r="A101066" s="13" t="s">
        <v>496</v>
      </c>
      <c r="B101066" s="14" t="s">
        <v>1</v>
      </c>
      <c r="C101066" s="14" t="s">
        <v>200</v>
      </c>
      <c r="D101066" s="14" t="s">
        <v>74</v>
      </c>
      <c r="E101066" s="15">
        <v>45702</v>
      </c>
      <c r="F101066" s="14" t="s">
        <v>25</v>
      </c>
      <c r="G101066" s="16">
        <v>2.2318963440566577</v>
      </c>
    </row>
    <row r="101067" spans="1:7" x14ac:dyDescent="0.3">
      <c r="A101067" s="13" t="s">
        <v>496</v>
      </c>
      <c r="B101067" s="14" t="s">
        <v>1</v>
      </c>
      <c r="C101067" s="14" t="s">
        <v>200</v>
      </c>
      <c r="D101067" s="14" t="s">
        <v>74</v>
      </c>
      <c r="E101067" s="15">
        <v>45703</v>
      </c>
      <c r="F101067" s="14" t="s">
        <v>25</v>
      </c>
      <c r="G101067" s="16">
        <v>2.2318963440566577</v>
      </c>
    </row>
    <row r="101068" spans="1:7" x14ac:dyDescent="0.3">
      <c r="A101068" s="13" t="s">
        <v>496</v>
      </c>
      <c r="B101068" s="14" t="s">
        <v>1</v>
      </c>
      <c r="C101068" s="14" t="s">
        <v>200</v>
      </c>
      <c r="D101068" s="14" t="s">
        <v>74</v>
      </c>
      <c r="E101068" s="15">
        <v>45704</v>
      </c>
      <c r="F101068" s="14" t="s">
        <v>25</v>
      </c>
      <c r="G101068" s="16">
        <v>2.2318963440566577</v>
      </c>
    </row>
    <row r="101069" spans="1:7" x14ac:dyDescent="0.3">
      <c r="A101069" s="13" t="s">
        <v>496</v>
      </c>
      <c r="B101069" s="14" t="s">
        <v>1</v>
      </c>
      <c r="C101069" s="14" t="s">
        <v>200</v>
      </c>
      <c r="D101069" s="14" t="s">
        <v>74</v>
      </c>
      <c r="E101069" s="15">
        <v>45705</v>
      </c>
      <c r="F101069" s="14" t="s">
        <v>25</v>
      </c>
      <c r="G101069" s="16">
        <v>2.2318963440566577</v>
      </c>
    </row>
    <row r="101070" spans="1:7" x14ac:dyDescent="0.3">
      <c r="A101070" s="13" t="s">
        <v>496</v>
      </c>
      <c r="B101070" s="14" t="s">
        <v>1</v>
      </c>
      <c r="C101070" s="14" t="s">
        <v>200</v>
      </c>
      <c r="D101070" s="14" t="s">
        <v>74</v>
      </c>
      <c r="E101070" s="15">
        <v>45706</v>
      </c>
      <c r="F101070" s="14" t="s">
        <v>25</v>
      </c>
      <c r="G101070" s="16">
        <v>2.2484726683051339</v>
      </c>
    </row>
    <row r="101071" spans="1:7" x14ac:dyDescent="0.3">
      <c r="A101071" s="13" t="s">
        <v>496</v>
      </c>
      <c r="B101071" s="14" t="s">
        <v>1</v>
      </c>
      <c r="C101071" s="14" t="s">
        <v>200</v>
      </c>
      <c r="D101071" s="14" t="s">
        <v>74</v>
      </c>
      <c r="E101071" s="15">
        <v>45707</v>
      </c>
      <c r="F101071" s="14" t="s">
        <v>25</v>
      </c>
      <c r="G101071" s="16">
        <v>2.2771528408280357</v>
      </c>
    </row>
    <row r="101072" spans="1:7" x14ac:dyDescent="0.3">
      <c r="A101072" s="13" t="s">
        <v>496</v>
      </c>
      <c r="B101072" s="14" t="s">
        <v>1</v>
      </c>
      <c r="C101072" s="14" t="s">
        <v>200</v>
      </c>
      <c r="D101072" s="14" t="s">
        <v>74</v>
      </c>
      <c r="E101072" s="15">
        <v>45708</v>
      </c>
      <c r="F101072" s="14" t="s">
        <v>25</v>
      </c>
      <c r="G101072" s="16">
        <v>2.2673146905139316</v>
      </c>
    </row>
    <row r="101073" spans="1:7" x14ac:dyDescent="0.3">
      <c r="A101073" s="13" t="s">
        <v>496</v>
      </c>
      <c r="B101073" s="14" t="s">
        <v>1</v>
      </c>
      <c r="C101073" s="14" t="s">
        <v>200</v>
      </c>
      <c r="D101073" s="14" t="s">
        <v>74</v>
      </c>
      <c r="E101073" s="15">
        <v>45709</v>
      </c>
      <c r="F101073" s="14" t="s">
        <v>25</v>
      </c>
      <c r="G101073" s="16">
        <v>2.274332140620448</v>
      </c>
    </row>
    <row r="101074" spans="1:7" x14ac:dyDescent="0.3">
      <c r="A101074" s="13" t="s">
        <v>496</v>
      </c>
      <c r="B101074" s="14" t="s">
        <v>1</v>
      </c>
      <c r="C101074" s="14" t="s">
        <v>200</v>
      </c>
      <c r="D101074" s="14" t="s">
        <v>74</v>
      </c>
      <c r="E101074" s="15">
        <v>45710</v>
      </c>
      <c r="F101074" s="14" t="s">
        <v>25</v>
      </c>
      <c r="G101074" s="16">
        <v>2.274332140620448</v>
      </c>
    </row>
    <row r="101075" spans="1:7" x14ac:dyDescent="0.3">
      <c r="A101075" s="13" t="s">
        <v>496</v>
      </c>
      <c r="B101075" s="14" t="s">
        <v>1</v>
      </c>
      <c r="C101075" s="14" t="s">
        <v>200</v>
      </c>
      <c r="D101075" s="14" t="s">
        <v>74</v>
      </c>
      <c r="E101075" s="15">
        <v>45711</v>
      </c>
      <c r="F101075" s="14" t="s">
        <v>25</v>
      </c>
      <c r="G101075" s="16">
        <v>2.274332140620448</v>
      </c>
    </row>
    <row r="101076" spans="1:7" x14ac:dyDescent="0.3">
      <c r="A101076" s="13" t="s">
        <v>496</v>
      </c>
      <c r="B101076" s="14" t="s">
        <v>1</v>
      </c>
      <c r="C101076" s="14" t="s">
        <v>200</v>
      </c>
      <c r="D101076" s="14" t="s">
        <v>74</v>
      </c>
      <c r="E101076" s="15">
        <v>45712</v>
      </c>
      <c r="F101076" s="14" t="s">
        <v>25</v>
      </c>
      <c r="G101076" s="16">
        <v>2.2796171718801914</v>
      </c>
    </row>
    <row r="101077" spans="1:7" x14ac:dyDescent="0.3">
      <c r="A101077" s="13" t="s">
        <v>496</v>
      </c>
      <c r="B101077" s="14" t="s">
        <v>1</v>
      </c>
      <c r="C101077" s="14" t="s">
        <v>200</v>
      </c>
      <c r="D101077" s="14" t="s">
        <v>74</v>
      </c>
      <c r="E101077" s="15">
        <v>45713</v>
      </c>
      <c r="F101077" s="14" t="s">
        <v>25</v>
      </c>
      <c r="G101077" s="16">
        <v>2.2892900234901643</v>
      </c>
    </row>
    <row r="101078" spans="1:7" x14ac:dyDescent="0.3">
      <c r="A101078" s="13" t="s">
        <v>496</v>
      </c>
      <c r="B101078" s="14" t="s">
        <v>1</v>
      </c>
      <c r="C101078" s="14" t="s">
        <v>200</v>
      </c>
      <c r="D101078" s="14" t="s">
        <v>74</v>
      </c>
      <c r="E101078" s="15">
        <v>45714</v>
      </c>
      <c r="F101078" s="14" t="s">
        <v>25</v>
      </c>
      <c r="G101078" s="16">
        <v>2.3007367260339269</v>
      </c>
    </row>
    <row r="101079" spans="1:7" x14ac:dyDescent="0.3">
      <c r="A101079" s="13" t="s">
        <v>496</v>
      </c>
      <c r="B101079" s="14" t="s">
        <v>1</v>
      </c>
      <c r="C101079" s="14" t="s">
        <v>200</v>
      </c>
      <c r="D101079" s="14" t="s">
        <v>74</v>
      </c>
      <c r="E101079" s="15">
        <v>45715</v>
      </c>
      <c r="F101079" s="14" t="s">
        <v>25</v>
      </c>
      <c r="G101079" s="16">
        <v>2.3199602818351392</v>
      </c>
    </row>
    <row r="101080" spans="1:7" x14ac:dyDescent="0.3">
      <c r="A101080" s="13" t="s">
        <v>496</v>
      </c>
      <c r="B101080" s="14" t="s">
        <v>1</v>
      </c>
      <c r="C101080" s="14" t="s">
        <v>200</v>
      </c>
      <c r="D101080" s="14" t="s">
        <v>74</v>
      </c>
      <c r="E101080" s="15">
        <v>45716</v>
      </c>
      <c r="F101080" s="14" t="s">
        <v>25</v>
      </c>
      <c r="G101080" s="16">
        <v>2.3368884642586916</v>
      </c>
    </row>
    <row r="101081" spans="1:7" x14ac:dyDescent="0.3">
      <c r="A101081" s="13" t="s">
        <v>496</v>
      </c>
      <c r="B101081" s="14" t="s">
        <v>1</v>
      </c>
      <c r="C101081" s="14" t="s">
        <v>200</v>
      </c>
      <c r="D101081" s="14" t="s">
        <v>74</v>
      </c>
      <c r="E101081" s="15">
        <v>45717</v>
      </c>
      <c r="F101081" s="14" t="s">
        <v>25</v>
      </c>
      <c r="G101081" s="16">
        <v>2.3368884642586916</v>
      </c>
    </row>
    <row r="101082" spans="1:7" x14ac:dyDescent="0.3">
      <c r="A101082" s="13" t="s">
        <v>496</v>
      </c>
      <c r="B101082" s="14" t="s">
        <v>1</v>
      </c>
      <c r="C101082" s="14" t="s">
        <v>200</v>
      </c>
      <c r="D101082" s="14" t="s">
        <v>74</v>
      </c>
      <c r="E101082" s="15">
        <v>45718</v>
      </c>
      <c r="F101082" s="14" t="s">
        <v>25</v>
      </c>
      <c r="G101082" s="16">
        <v>2.3368884642586916</v>
      </c>
    </row>
    <row r="101083" spans="1:7" x14ac:dyDescent="0.3">
      <c r="A101083" s="13" t="s">
        <v>496</v>
      </c>
      <c r="B101083" s="14" t="s">
        <v>1</v>
      </c>
      <c r="C101083" s="14" t="s">
        <v>200</v>
      </c>
      <c r="D101083" s="14" t="s">
        <v>74</v>
      </c>
      <c r="E101083" s="15">
        <v>45719</v>
      </c>
      <c r="F101083" s="14" t="s">
        <v>25</v>
      </c>
      <c r="G101083" s="16">
        <v>2.3299457702597208</v>
      </c>
    </row>
    <row r="101084" spans="1:7" x14ac:dyDescent="0.3">
      <c r="A101084" s="13" t="s">
        <v>496</v>
      </c>
      <c r="B101084" s="14" t="s">
        <v>1</v>
      </c>
      <c r="C101084" s="14" t="s">
        <v>200</v>
      </c>
      <c r="D101084" s="14" t="s">
        <v>74</v>
      </c>
      <c r="E101084" s="15">
        <v>45720</v>
      </c>
      <c r="F101084" s="14" t="s">
        <v>25</v>
      </c>
      <c r="G101084" s="16">
        <v>2.3312766339220583</v>
      </c>
    </row>
    <row r="101085" spans="1:7" x14ac:dyDescent="0.3">
      <c r="A101085" s="13" t="s">
        <v>496</v>
      </c>
      <c r="B101085" s="14" t="s">
        <v>1</v>
      </c>
      <c r="C101085" s="14" t="s">
        <v>200</v>
      </c>
      <c r="D101085" s="14" t="s">
        <v>74</v>
      </c>
      <c r="E101085" s="15">
        <v>45721</v>
      </c>
      <c r="F101085" s="14" t="s">
        <v>25</v>
      </c>
      <c r="G101085" s="16">
        <v>2.340618836148797</v>
      </c>
    </row>
    <row r="101086" spans="1:7" x14ac:dyDescent="0.3">
      <c r="A101086" s="13" t="s">
        <v>496</v>
      </c>
      <c r="B101086" s="14" t="s">
        <v>1</v>
      </c>
      <c r="C101086" s="14" t="s">
        <v>200</v>
      </c>
      <c r="D101086" s="14" t="s">
        <v>74</v>
      </c>
      <c r="E101086" s="15">
        <v>45722</v>
      </c>
      <c r="F101086" s="14" t="s">
        <v>25</v>
      </c>
      <c r="G101086" s="16">
        <v>2.3285205111864404</v>
      </c>
    </row>
    <row r="101087" spans="1:7" x14ac:dyDescent="0.3">
      <c r="A101087" s="13" t="s">
        <v>496</v>
      </c>
      <c r="B101087" s="14" t="s">
        <v>1</v>
      </c>
      <c r="C101087" s="14" t="s">
        <v>200</v>
      </c>
      <c r="D101087" s="14" t="s">
        <v>74</v>
      </c>
      <c r="E101087" s="15">
        <v>45723</v>
      </c>
      <c r="F101087" s="14" t="s">
        <v>25</v>
      </c>
      <c r="G101087" s="16">
        <v>2.3249454711396838</v>
      </c>
    </row>
    <row r="101088" spans="1:7" x14ac:dyDescent="0.3">
      <c r="A101088" s="13" t="s">
        <v>496</v>
      </c>
      <c r="B101088" s="14" t="s">
        <v>1</v>
      </c>
      <c r="C101088" s="14" t="s">
        <v>200</v>
      </c>
      <c r="D101088" s="14" t="s">
        <v>74</v>
      </c>
      <c r="E101088" s="15">
        <v>45724</v>
      </c>
      <c r="F101088" s="14" t="s">
        <v>25</v>
      </c>
      <c r="G101088" s="16">
        <v>2.3249454711396838</v>
      </c>
    </row>
    <row r="101089" spans="1:7" x14ac:dyDescent="0.3">
      <c r="A101089" s="13" t="s">
        <v>496</v>
      </c>
      <c r="B101089" s="14" t="s">
        <v>1</v>
      </c>
      <c r="C101089" s="14" t="s">
        <v>200</v>
      </c>
      <c r="D101089" s="14" t="s">
        <v>74</v>
      </c>
      <c r="E101089" s="15">
        <v>45725</v>
      </c>
      <c r="F101089" s="14" t="s">
        <v>25</v>
      </c>
      <c r="G101089" s="16">
        <v>2.3249454711396838</v>
      </c>
    </row>
    <row r="101090" spans="1:7" x14ac:dyDescent="0.3">
      <c r="A101090" s="13" t="s">
        <v>496</v>
      </c>
      <c r="B101090" s="14" t="s">
        <v>1</v>
      </c>
      <c r="C101090" s="14" t="s">
        <v>200</v>
      </c>
      <c r="D101090" s="14" t="s">
        <v>74</v>
      </c>
      <c r="E101090" s="15">
        <v>45726</v>
      </c>
      <c r="F101090" s="14" t="s">
        <v>25</v>
      </c>
      <c r="G101090" s="16">
        <v>2.3351749983526955</v>
      </c>
    </row>
    <row r="101091" spans="1:7" x14ac:dyDescent="0.3">
      <c r="A101091" s="13" t="s">
        <v>496</v>
      </c>
      <c r="B101091" s="14" t="s">
        <v>1</v>
      </c>
      <c r="C101091" s="14" t="s">
        <v>200</v>
      </c>
      <c r="D101091" s="14" t="s">
        <v>74</v>
      </c>
      <c r="E101091" s="15">
        <v>45727</v>
      </c>
      <c r="F101091" s="14" t="s">
        <v>25</v>
      </c>
      <c r="G101091" s="16">
        <v>2.3603339603171758</v>
      </c>
    </row>
    <row r="101092" spans="1:7" x14ac:dyDescent="0.3">
      <c r="A101092" s="13" t="s">
        <v>496</v>
      </c>
      <c r="B101092" s="14" t="s">
        <v>1</v>
      </c>
      <c r="C101092" s="14" t="s">
        <v>200</v>
      </c>
      <c r="D101092" s="14" t="s">
        <v>74</v>
      </c>
      <c r="E101092" s="15">
        <v>45728</v>
      </c>
      <c r="F101092" s="14" t="s">
        <v>25</v>
      </c>
      <c r="G101092" s="16">
        <v>2.3665720574319624</v>
      </c>
    </row>
    <row r="101093" spans="1:7" x14ac:dyDescent="0.3">
      <c r="A101093" s="13" t="s">
        <v>496</v>
      </c>
      <c r="B101093" s="14" t="s">
        <v>1</v>
      </c>
      <c r="C101093" s="14" t="s">
        <v>200</v>
      </c>
      <c r="D101093" s="14" t="s">
        <v>74</v>
      </c>
      <c r="E101093" s="15">
        <v>45729</v>
      </c>
      <c r="F101093" s="14" t="s">
        <v>25</v>
      </c>
      <c r="G101093" s="16">
        <v>2.3742016418781349</v>
      </c>
    </row>
    <row r="101094" spans="1:7" x14ac:dyDescent="0.3">
      <c r="A101094" s="13" t="s">
        <v>496</v>
      </c>
      <c r="B101094" s="14" t="s">
        <v>1</v>
      </c>
      <c r="C101094" s="14" t="s">
        <v>200</v>
      </c>
      <c r="D101094" s="14" t="s">
        <v>74</v>
      </c>
      <c r="E101094" s="15">
        <v>45730</v>
      </c>
      <c r="F101094" s="14" t="s">
        <v>25</v>
      </c>
      <c r="G101094" s="16">
        <v>2.3894516640541026</v>
      </c>
    </row>
    <row r="101095" spans="1:7" x14ac:dyDescent="0.3">
      <c r="A101095" s="13" t="s">
        <v>496</v>
      </c>
      <c r="B101095" s="14" t="s">
        <v>1</v>
      </c>
      <c r="C101095" s="14" t="s">
        <v>200</v>
      </c>
      <c r="D101095" s="14" t="s">
        <v>74</v>
      </c>
      <c r="E101095" s="15">
        <v>45731</v>
      </c>
      <c r="F101095" s="14" t="s">
        <v>25</v>
      </c>
      <c r="G101095" s="16">
        <v>2.3894516640541026</v>
      </c>
    </row>
    <row r="101096" spans="1:7" x14ac:dyDescent="0.3">
      <c r="A101096" s="13" t="s">
        <v>496</v>
      </c>
      <c r="B101096" s="14" t="s">
        <v>1</v>
      </c>
      <c r="C101096" s="14" t="s">
        <v>200</v>
      </c>
      <c r="D101096" s="14" t="s">
        <v>74</v>
      </c>
      <c r="E101096" s="15">
        <v>45732</v>
      </c>
      <c r="F101096" s="14" t="s">
        <v>25</v>
      </c>
      <c r="G101096" s="16">
        <v>2.3894516640541026</v>
      </c>
    </row>
    <row r="101097" spans="1:7" x14ac:dyDescent="0.3">
      <c r="A101097" s="13" t="s">
        <v>496</v>
      </c>
      <c r="B101097" s="14" t="s">
        <v>1</v>
      </c>
      <c r="C101097" s="14" t="s">
        <v>200</v>
      </c>
      <c r="D101097" s="14" t="s">
        <v>74</v>
      </c>
      <c r="E101097" s="15">
        <v>45733</v>
      </c>
      <c r="F101097" s="14" t="s">
        <v>25</v>
      </c>
      <c r="G101097" s="16">
        <v>2.3894516640541026</v>
      </c>
    </row>
    <row r="101098" spans="1:7" x14ac:dyDescent="0.3">
      <c r="A101098" s="13" t="s">
        <v>496</v>
      </c>
      <c r="B101098" s="14" t="s">
        <v>1</v>
      </c>
      <c r="C101098" s="14" t="s">
        <v>200</v>
      </c>
      <c r="D101098" s="14" t="s">
        <v>74</v>
      </c>
      <c r="E101098" s="15">
        <v>45734</v>
      </c>
      <c r="F101098" s="14" t="s">
        <v>25</v>
      </c>
      <c r="G101098" s="16">
        <v>2.3729129747649695</v>
      </c>
    </row>
    <row r="101099" spans="1:7" x14ac:dyDescent="0.3">
      <c r="A101099" s="13" t="s">
        <v>496</v>
      </c>
      <c r="B101099" s="14" t="s">
        <v>1</v>
      </c>
      <c r="C101099" s="14" t="s">
        <v>200</v>
      </c>
      <c r="D101099" s="14" t="s">
        <v>74</v>
      </c>
      <c r="E101099" s="15">
        <v>45735</v>
      </c>
      <c r="F101099" s="14" t="s">
        <v>25</v>
      </c>
      <c r="G101099" s="16">
        <v>2.3995152564299107</v>
      </c>
    </row>
    <row r="101100" spans="1:7" x14ac:dyDescent="0.3">
      <c r="A101100" s="13" t="s">
        <v>496</v>
      </c>
      <c r="B101100" s="14" t="s">
        <v>1</v>
      </c>
      <c r="C101100" s="14" t="s">
        <v>200</v>
      </c>
      <c r="D101100" s="14" t="s">
        <v>74</v>
      </c>
      <c r="E101100" s="15">
        <v>45736</v>
      </c>
      <c r="F101100" s="14" t="s">
        <v>25</v>
      </c>
      <c r="G101100" s="16">
        <v>2.4197329610835911</v>
      </c>
    </row>
    <row r="101101" spans="1:7" x14ac:dyDescent="0.3">
      <c r="A101101" s="13" t="s">
        <v>496</v>
      </c>
      <c r="B101101" s="14" t="s">
        <v>1</v>
      </c>
      <c r="C101101" s="14" t="s">
        <v>200</v>
      </c>
      <c r="D101101" s="14" t="s">
        <v>74</v>
      </c>
      <c r="E101101" s="15">
        <v>45737</v>
      </c>
      <c r="F101101" s="14" t="s">
        <v>25</v>
      </c>
      <c r="G101101" s="16">
        <v>2.4255541037445516</v>
      </c>
    </row>
    <row r="101102" spans="1:7" x14ac:dyDescent="0.3">
      <c r="A101102" s="13" t="s">
        <v>496</v>
      </c>
      <c r="B101102" s="14" t="s">
        <v>1</v>
      </c>
      <c r="C101102" s="14" t="s">
        <v>200</v>
      </c>
      <c r="D101102" s="14" t="s">
        <v>74</v>
      </c>
      <c r="E101102" s="15">
        <v>45738</v>
      </c>
      <c r="F101102" s="14" t="s">
        <v>25</v>
      </c>
      <c r="G101102" s="16">
        <v>2.4255541037445516</v>
      </c>
    </row>
    <row r="101103" spans="1:7" x14ac:dyDescent="0.3">
      <c r="A101103" s="13" t="s">
        <v>496</v>
      </c>
      <c r="B101103" s="14" t="s">
        <v>1</v>
      </c>
      <c r="C101103" s="14" t="s">
        <v>200</v>
      </c>
      <c r="D101103" s="14" t="s">
        <v>74</v>
      </c>
      <c r="E101103" s="15">
        <v>45739</v>
      </c>
      <c r="F101103" s="14" t="s">
        <v>25</v>
      </c>
      <c r="G101103" s="16">
        <v>2.4255541037445516</v>
      </c>
    </row>
    <row r="101104" spans="1:7" x14ac:dyDescent="0.3">
      <c r="A101104" s="13" t="s">
        <v>496</v>
      </c>
      <c r="B101104" s="14" t="s">
        <v>1</v>
      </c>
      <c r="C101104" s="14" t="s">
        <v>200</v>
      </c>
      <c r="D101104" s="14" t="s">
        <v>74</v>
      </c>
      <c r="E101104" s="15">
        <v>45740</v>
      </c>
      <c r="F101104" s="14" t="s">
        <v>25</v>
      </c>
      <c r="G101104" s="16">
        <v>2.4314329238454286</v>
      </c>
    </row>
    <row r="101105" spans="1:7" x14ac:dyDescent="0.3">
      <c r="A101105" s="13" t="s">
        <v>496</v>
      </c>
      <c r="B101105" s="14" t="s">
        <v>1</v>
      </c>
      <c r="C101105" s="14" t="s">
        <v>200</v>
      </c>
      <c r="D101105" s="14" t="s">
        <v>74</v>
      </c>
      <c r="E101105" s="15">
        <v>45741</v>
      </c>
      <c r="F101105" s="14" t="s">
        <v>25</v>
      </c>
      <c r="G101105" s="16">
        <v>2.4499862944093329</v>
      </c>
    </row>
    <row r="101106" spans="1:7" x14ac:dyDescent="0.3">
      <c r="A101106" s="13" t="s">
        <v>496</v>
      </c>
      <c r="B101106" s="14" t="s">
        <v>1</v>
      </c>
      <c r="C101106" s="14" t="s">
        <v>200</v>
      </c>
      <c r="D101106" s="14" t="s">
        <v>74</v>
      </c>
      <c r="E101106" s="15">
        <v>45742</v>
      </c>
      <c r="F101106" s="14" t="s">
        <v>25</v>
      </c>
      <c r="G101106" s="16">
        <v>2.4590267763589857</v>
      </c>
    </row>
    <row r="101107" spans="1:7" x14ac:dyDescent="0.3">
      <c r="A101107" s="13" t="s">
        <v>496</v>
      </c>
      <c r="B101107" s="14" t="s">
        <v>1</v>
      </c>
      <c r="C101107" s="14" t="s">
        <v>200</v>
      </c>
      <c r="D101107" s="14" t="s">
        <v>74</v>
      </c>
      <c r="E101107" s="15">
        <v>45743</v>
      </c>
      <c r="F101107" s="14" t="s">
        <v>25</v>
      </c>
      <c r="G101107" s="16">
        <v>2.4591746317004417</v>
      </c>
    </row>
    <row r="101108" spans="1:7" x14ac:dyDescent="0.3">
      <c r="A101108" s="13" t="s">
        <v>496</v>
      </c>
      <c r="B101108" s="14" t="s">
        <v>1</v>
      </c>
      <c r="C101108" s="14" t="s">
        <v>200</v>
      </c>
      <c r="D101108" s="14" t="s">
        <v>74</v>
      </c>
      <c r="E101108" s="15">
        <v>45744</v>
      </c>
      <c r="F101108" s="14" t="s">
        <v>25</v>
      </c>
      <c r="G101108" s="16">
        <v>2.4627040611017184</v>
      </c>
    </row>
    <row r="101109" spans="1:7" x14ac:dyDescent="0.3">
      <c r="A101109" s="13" t="s">
        <v>496</v>
      </c>
      <c r="B101109" s="14" t="s">
        <v>1</v>
      </c>
      <c r="C101109" s="14" t="s">
        <v>200</v>
      </c>
      <c r="D101109" s="14" t="s">
        <v>74</v>
      </c>
      <c r="E101109" s="15">
        <v>45745</v>
      </c>
      <c r="F101109" s="14" t="s">
        <v>25</v>
      </c>
      <c r="G101109" s="16">
        <v>2.4627040611017184</v>
      </c>
    </row>
    <row r="101110" spans="1:7" x14ac:dyDescent="0.3">
      <c r="A101110" s="13" t="s">
        <v>496</v>
      </c>
      <c r="B101110" s="14" t="s">
        <v>1</v>
      </c>
      <c r="C101110" s="14" t="s">
        <v>200</v>
      </c>
      <c r="D101110" s="14" t="s">
        <v>74</v>
      </c>
      <c r="E101110" s="15">
        <v>45746</v>
      </c>
      <c r="F101110" s="14" t="s">
        <v>25</v>
      </c>
      <c r="G101110" s="16">
        <v>2.4627040611017184</v>
      </c>
    </row>
    <row r="101111" spans="1:7" x14ac:dyDescent="0.3">
      <c r="A101111" s="13" t="s">
        <v>496</v>
      </c>
      <c r="B101111" s="14" t="s">
        <v>1</v>
      </c>
      <c r="C101111" s="14" t="s">
        <v>200</v>
      </c>
      <c r="D101111" s="14" t="s">
        <v>74</v>
      </c>
      <c r="E101111" s="15">
        <v>45747</v>
      </c>
      <c r="F101111" s="14" t="s">
        <v>25</v>
      </c>
      <c r="G101111" s="16">
        <v>2.4798053922888057</v>
      </c>
    </row>
    <row r="101112" spans="1:7" x14ac:dyDescent="0.3">
      <c r="A101112" s="13" t="s">
        <v>497</v>
      </c>
      <c r="B101112" s="14" t="s">
        <v>1</v>
      </c>
      <c r="C101112" s="14" t="s">
        <v>109</v>
      </c>
      <c r="D101112" s="14" t="s">
        <v>498</v>
      </c>
      <c r="E101112" s="15">
        <v>45383</v>
      </c>
      <c r="F101112" s="14" t="s">
        <v>25</v>
      </c>
      <c r="G101112" s="16">
        <v>0</v>
      </c>
    </row>
    <row r="101113" spans="1:7" x14ac:dyDescent="0.3">
      <c r="A101113" s="13" t="s">
        <v>497</v>
      </c>
      <c r="B101113" s="14" t="s">
        <v>1</v>
      </c>
      <c r="C101113" s="14" t="s">
        <v>109</v>
      </c>
      <c r="D101113" s="14" t="s">
        <v>498</v>
      </c>
      <c r="E101113" s="15">
        <v>45384</v>
      </c>
      <c r="F101113" s="14" t="s">
        <v>25</v>
      </c>
      <c r="G101113" s="16">
        <v>0</v>
      </c>
    </row>
    <row r="101114" spans="1:7" x14ac:dyDescent="0.3">
      <c r="A101114" s="13" t="s">
        <v>497</v>
      </c>
      <c r="B101114" s="14" t="s">
        <v>1</v>
      </c>
      <c r="C101114" s="14" t="s">
        <v>109</v>
      </c>
      <c r="D101114" s="14" t="s">
        <v>498</v>
      </c>
      <c r="E101114" s="15">
        <v>45385</v>
      </c>
      <c r="F101114" s="14" t="s">
        <v>25</v>
      </c>
      <c r="G101114" s="16">
        <v>0</v>
      </c>
    </row>
    <row r="101115" spans="1:7" x14ac:dyDescent="0.3">
      <c r="A101115" s="13" t="s">
        <v>497</v>
      </c>
      <c r="B101115" s="14" t="s">
        <v>1</v>
      </c>
      <c r="C101115" s="14" t="s">
        <v>109</v>
      </c>
      <c r="D101115" s="14" t="s">
        <v>498</v>
      </c>
      <c r="E101115" s="15">
        <v>45386</v>
      </c>
      <c r="F101115" s="14" t="s">
        <v>25</v>
      </c>
      <c r="G101115" s="16">
        <v>0</v>
      </c>
    </row>
    <row r="101116" spans="1:7" x14ac:dyDescent="0.3">
      <c r="A101116" s="13" t="s">
        <v>497</v>
      </c>
      <c r="B101116" s="14" t="s">
        <v>1</v>
      </c>
      <c r="C101116" s="14" t="s">
        <v>109</v>
      </c>
      <c r="D101116" s="14" t="s">
        <v>498</v>
      </c>
      <c r="E101116" s="15">
        <v>45387</v>
      </c>
      <c r="F101116" s="14" t="s">
        <v>25</v>
      </c>
      <c r="G101116" s="16">
        <v>0</v>
      </c>
    </row>
    <row r="101117" spans="1:7" x14ac:dyDescent="0.3">
      <c r="A101117" s="13" t="s">
        <v>497</v>
      </c>
      <c r="B101117" s="14" t="s">
        <v>1</v>
      </c>
      <c r="C101117" s="14" t="s">
        <v>109</v>
      </c>
      <c r="D101117" s="14" t="s">
        <v>498</v>
      </c>
      <c r="E101117" s="15">
        <v>45388</v>
      </c>
      <c r="F101117" s="14" t="s">
        <v>25</v>
      </c>
      <c r="G101117" s="16">
        <v>0</v>
      </c>
    </row>
    <row r="101118" spans="1:7" x14ac:dyDescent="0.3">
      <c r="A101118" s="13" t="s">
        <v>497</v>
      </c>
      <c r="B101118" s="14" t="s">
        <v>1</v>
      </c>
      <c r="C101118" s="14" t="s">
        <v>109</v>
      </c>
      <c r="D101118" s="14" t="s">
        <v>498</v>
      </c>
      <c r="E101118" s="15">
        <v>45389</v>
      </c>
      <c r="F101118" s="14" t="s">
        <v>25</v>
      </c>
      <c r="G101118" s="16">
        <v>0</v>
      </c>
    </row>
    <row r="101119" spans="1:7" x14ac:dyDescent="0.3">
      <c r="A101119" s="13" t="s">
        <v>497</v>
      </c>
      <c r="B101119" s="14" t="s">
        <v>1</v>
      </c>
      <c r="C101119" s="14" t="s">
        <v>109</v>
      </c>
      <c r="D101119" s="14" t="s">
        <v>498</v>
      </c>
      <c r="E101119" s="15">
        <v>45390</v>
      </c>
      <c r="F101119" s="14" t="s">
        <v>25</v>
      </c>
      <c r="G101119" s="16">
        <v>0</v>
      </c>
    </row>
    <row r="101120" spans="1:7" x14ac:dyDescent="0.3">
      <c r="A101120" s="13" t="s">
        <v>497</v>
      </c>
      <c r="B101120" s="14" t="s">
        <v>1</v>
      </c>
      <c r="C101120" s="14" t="s">
        <v>109</v>
      </c>
      <c r="D101120" s="14" t="s">
        <v>498</v>
      </c>
      <c r="E101120" s="15">
        <v>45391</v>
      </c>
      <c r="F101120" s="14" t="s">
        <v>25</v>
      </c>
      <c r="G101120" s="16">
        <v>0</v>
      </c>
    </row>
    <row r="101121" spans="1:7" x14ac:dyDescent="0.3">
      <c r="A101121" s="13" t="s">
        <v>497</v>
      </c>
      <c r="B101121" s="14" t="s">
        <v>1</v>
      </c>
      <c r="C101121" s="14" t="s">
        <v>109</v>
      </c>
      <c r="D101121" s="14" t="s">
        <v>498</v>
      </c>
      <c r="E101121" s="15">
        <v>45392</v>
      </c>
      <c r="F101121" s="14" t="s">
        <v>25</v>
      </c>
      <c r="G101121" s="16">
        <v>0</v>
      </c>
    </row>
    <row r="101122" spans="1:7" x14ac:dyDescent="0.3">
      <c r="A101122" s="13" t="s">
        <v>497</v>
      </c>
      <c r="B101122" s="14" t="s">
        <v>1</v>
      </c>
      <c r="C101122" s="14" t="s">
        <v>109</v>
      </c>
      <c r="D101122" s="14" t="s">
        <v>498</v>
      </c>
      <c r="E101122" s="15">
        <v>45393</v>
      </c>
      <c r="F101122" s="14" t="s">
        <v>25</v>
      </c>
      <c r="G101122" s="16">
        <v>0</v>
      </c>
    </row>
    <row r="101123" spans="1:7" x14ac:dyDescent="0.3">
      <c r="A101123" s="13" t="s">
        <v>497</v>
      </c>
      <c r="B101123" s="14" t="s">
        <v>1</v>
      </c>
      <c r="C101123" s="14" t="s">
        <v>109</v>
      </c>
      <c r="D101123" s="14" t="s">
        <v>498</v>
      </c>
      <c r="E101123" s="15">
        <v>45394</v>
      </c>
      <c r="F101123" s="14" t="s">
        <v>25</v>
      </c>
      <c r="G101123" s="16">
        <v>0</v>
      </c>
    </row>
    <row r="101124" spans="1:7" x14ac:dyDescent="0.3">
      <c r="A101124" s="13" t="s">
        <v>497</v>
      </c>
      <c r="B101124" s="14" t="s">
        <v>1</v>
      </c>
      <c r="C101124" s="14" t="s">
        <v>109</v>
      </c>
      <c r="D101124" s="14" t="s">
        <v>498</v>
      </c>
      <c r="E101124" s="15">
        <v>45395</v>
      </c>
      <c r="F101124" s="14" t="s">
        <v>25</v>
      </c>
      <c r="G101124" s="16">
        <v>0</v>
      </c>
    </row>
    <row r="101125" spans="1:7" x14ac:dyDescent="0.3">
      <c r="A101125" s="13" t="s">
        <v>497</v>
      </c>
      <c r="B101125" s="14" t="s">
        <v>1</v>
      </c>
      <c r="C101125" s="14" t="s">
        <v>109</v>
      </c>
      <c r="D101125" s="14" t="s">
        <v>498</v>
      </c>
      <c r="E101125" s="15">
        <v>45396</v>
      </c>
      <c r="F101125" s="14" t="s">
        <v>25</v>
      </c>
      <c r="G101125" s="16">
        <v>0</v>
      </c>
    </row>
    <row r="101126" spans="1:7" x14ac:dyDescent="0.3">
      <c r="A101126" s="13" t="s">
        <v>497</v>
      </c>
      <c r="B101126" s="14" t="s">
        <v>1</v>
      </c>
      <c r="C101126" s="14" t="s">
        <v>109</v>
      </c>
      <c r="D101126" s="14" t="s">
        <v>498</v>
      </c>
      <c r="E101126" s="15">
        <v>45397</v>
      </c>
      <c r="F101126" s="14" t="s">
        <v>25</v>
      </c>
      <c r="G101126" s="16">
        <v>4.4772215876069214E-3</v>
      </c>
    </row>
    <row r="101127" spans="1:7" x14ac:dyDescent="0.3">
      <c r="A101127" s="13" t="s">
        <v>497</v>
      </c>
      <c r="B101127" s="14" t="s">
        <v>1</v>
      </c>
      <c r="C101127" s="14" t="s">
        <v>109</v>
      </c>
      <c r="D101127" s="14" t="s">
        <v>498</v>
      </c>
      <c r="E101127" s="15">
        <v>45398</v>
      </c>
      <c r="F101127" s="14" t="s">
        <v>25</v>
      </c>
      <c r="G101127" s="16">
        <v>0</v>
      </c>
    </row>
    <row r="101128" spans="1:7" x14ac:dyDescent="0.3">
      <c r="A101128" s="13" t="s">
        <v>497</v>
      </c>
      <c r="B101128" s="14" t="s">
        <v>1</v>
      </c>
      <c r="C101128" s="14" t="s">
        <v>109</v>
      </c>
      <c r="D101128" s="14" t="s">
        <v>498</v>
      </c>
      <c r="E101128" s="15">
        <v>45399</v>
      </c>
      <c r="F101128" s="14" t="s">
        <v>25</v>
      </c>
      <c r="G101128" s="16">
        <v>0</v>
      </c>
    </row>
    <row r="101129" spans="1:7" x14ac:dyDescent="0.3">
      <c r="A101129" s="13" t="s">
        <v>497</v>
      </c>
      <c r="B101129" s="14" t="s">
        <v>1</v>
      </c>
      <c r="C101129" s="14" t="s">
        <v>109</v>
      </c>
      <c r="D101129" s="14" t="s">
        <v>498</v>
      </c>
      <c r="E101129" s="15">
        <v>45400</v>
      </c>
      <c r="F101129" s="14" t="s">
        <v>25</v>
      </c>
      <c r="G101129" s="16">
        <v>0</v>
      </c>
    </row>
    <row r="101130" spans="1:7" x14ac:dyDescent="0.3">
      <c r="A101130" s="13" t="s">
        <v>497</v>
      </c>
      <c r="B101130" s="14" t="s">
        <v>1</v>
      </c>
      <c r="C101130" s="14" t="s">
        <v>109</v>
      </c>
      <c r="D101130" s="14" t="s">
        <v>498</v>
      </c>
      <c r="E101130" s="15">
        <v>45401</v>
      </c>
      <c r="F101130" s="14" t="s">
        <v>25</v>
      </c>
      <c r="G101130" s="16">
        <v>0</v>
      </c>
    </row>
    <row r="101131" spans="1:7" x14ac:dyDescent="0.3">
      <c r="A101131" s="13" t="s">
        <v>497</v>
      </c>
      <c r="B101131" s="14" t="s">
        <v>1</v>
      </c>
      <c r="C101131" s="14" t="s">
        <v>109</v>
      </c>
      <c r="D101131" s="14" t="s">
        <v>498</v>
      </c>
      <c r="E101131" s="15">
        <v>45402</v>
      </c>
      <c r="F101131" s="14" t="s">
        <v>25</v>
      </c>
      <c r="G101131" s="16">
        <v>0</v>
      </c>
    </row>
    <row r="101132" spans="1:7" x14ac:dyDescent="0.3">
      <c r="A101132" s="13" t="s">
        <v>497</v>
      </c>
      <c r="B101132" s="14" t="s">
        <v>1</v>
      </c>
      <c r="C101132" s="14" t="s">
        <v>109</v>
      </c>
      <c r="D101132" s="14" t="s">
        <v>498</v>
      </c>
      <c r="E101132" s="15">
        <v>45403</v>
      </c>
      <c r="F101132" s="14" t="s">
        <v>25</v>
      </c>
      <c r="G101132" s="16">
        <v>0</v>
      </c>
    </row>
    <row r="101133" spans="1:7" x14ac:dyDescent="0.3">
      <c r="A101133" s="13" t="s">
        <v>497</v>
      </c>
      <c r="B101133" s="14" t="s">
        <v>1</v>
      </c>
      <c r="C101133" s="14" t="s">
        <v>109</v>
      </c>
      <c r="D101133" s="14" t="s">
        <v>498</v>
      </c>
      <c r="E101133" s="15">
        <v>45404</v>
      </c>
      <c r="F101133" s="14" t="s">
        <v>25</v>
      </c>
      <c r="G101133" s="16">
        <v>0</v>
      </c>
    </row>
    <row r="101134" spans="1:7" x14ac:dyDescent="0.3">
      <c r="A101134" s="13" t="s">
        <v>497</v>
      </c>
      <c r="B101134" s="14" t="s">
        <v>1</v>
      </c>
      <c r="C101134" s="14" t="s">
        <v>109</v>
      </c>
      <c r="D101134" s="14" t="s">
        <v>498</v>
      </c>
      <c r="E101134" s="15">
        <v>45405</v>
      </c>
      <c r="F101134" s="14" t="s">
        <v>25</v>
      </c>
      <c r="G101134" s="16">
        <v>0</v>
      </c>
    </row>
    <row r="101135" spans="1:7" x14ac:dyDescent="0.3">
      <c r="A101135" s="13" t="s">
        <v>497</v>
      </c>
      <c r="B101135" s="14" t="s">
        <v>1</v>
      </c>
      <c r="C101135" s="14" t="s">
        <v>109</v>
      </c>
      <c r="D101135" s="14" t="s">
        <v>498</v>
      </c>
      <c r="E101135" s="15">
        <v>45406</v>
      </c>
      <c r="F101135" s="14" t="s">
        <v>25</v>
      </c>
      <c r="G101135" s="16">
        <v>0</v>
      </c>
    </row>
    <row r="101136" spans="1:7" x14ac:dyDescent="0.3">
      <c r="A101136" s="13" t="s">
        <v>497</v>
      </c>
      <c r="B101136" s="14" t="s">
        <v>1</v>
      </c>
      <c r="C101136" s="14" t="s">
        <v>109</v>
      </c>
      <c r="D101136" s="14" t="s">
        <v>498</v>
      </c>
      <c r="E101136" s="15">
        <v>45407</v>
      </c>
      <c r="F101136" s="14" t="s">
        <v>25</v>
      </c>
      <c r="G101136" s="16">
        <v>0</v>
      </c>
    </row>
    <row r="101137" spans="1:7" x14ac:dyDescent="0.3">
      <c r="A101137" s="13" t="s">
        <v>497</v>
      </c>
      <c r="B101137" s="14" t="s">
        <v>1</v>
      </c>
      <c r="C101137" s="14" t="s">
        <v>109</v>
      </c>
      <c r="D101137" s="14" t="s">
        <v>498</v>
      </c>
      <c r="E101137" s="15">
        <v>45408</v>
      </c>
      <c r="F101137" s="14" t="s">
        <v>25</v>
      </c>
      <c r="G101137" s="16">
        <v>0</v>
      </c>
    </row>
    <row r="101138" spans="1:7" x14ac:dyDescent="0.3">
      <c r="A101138" s="13" t="s">
        <v>497</v>
      </c>
      <c r="B101138" s="14" t="s">
        <v>1</v>
      </c>
      <c r="C101138" s="14" t="s">
        <v>109</v>
      </c>
      <c r="D101138" s="14" t="s">
        <v>498</v>
      </c>
      <c r="E101138" s="15">
        <v>45409</v>
      </c>
      <c r="F101138" s="14" t="s">
        <v>25</v>
      </c>
      <c r="G101138" s="16">
        <v>0</v>
      </c>
    </row>
    <row r="101139" spans="1:7" x14ac:dyDescent="0.3">
      <c r="A101139" s="13" t="s">
        <v>497</v>
      </c>
      <c r="B101139" s="14" t="s">
        <v>1</v>
      </c>
      <c r="C101139" s="14" t="s">
        <v>109</v>
      </c>
      <c r="D101139" s="14" t="s">
        <v>498</v>
      </c>
      <c r="E101139" s="15">
        <v>45410</v>
      </c>
      <c r="F101139" s="14" t="s">
        <v>25</v>
      </c>
      <c r="G101139" s="16">
        <v>0</v>
      </c>
    </row>
    <row r="101140" spans="1:7" x14ac:dyDescent="0.3">
      <c r="A101140" s="13" t="s">
        <v>497</v>
      </c>
      <c r="B101140" s="14" t="s">
        <v>1</v>
      </c>
      <c r="C101140" s="14" t="s">
        <v>109</v>
      </c>
      <c r="D101140" s="14" t="s">
        <v>498</v>
      </c>
      <c r="E101140" s="15">
        <v>45411</v>
      </c>
      <c r="F101140" s="14" t="s">
        <v>25</v>
      </c>
      <c r="G101140" s="16">
        <v>0</v>
      </c>
    </row>
    <row r="101141" spans="1:7" x14ac:dyDescent="0.3">
      <c r="A101141" s="13" t="s">
        <v>497</v>
      </c>
      <c r="B101141" s="14" t="s">
        <v>1</v>
      </c>
      <c r="C101141" s="14" t="s">
        <v>109</v>
      </c>
      <c r="D101141" s="14" t="s">
        <v>498</v>
      </c>
      <c r="E101141" s="15">
        <v>45412</v>
      </c>
      <c r="F101141" s="14" t="s">
        <v>25</v>
      </c>
      <c r="G101141" s="16">
        <v>0</v>
      </c>
    </row>
    <row r="101142" spans="1:7" x14ac:dyDescent="0.3">
      <c r="A101142" s="13" t="s">
        <v>497</v>
      </c>
      <c r="B101142" s="14" t="s">
        <v>1</v>
      </c>
      <c r="C101142" s="14" t="s">
        <v>109</v>
      </c>
      <c r="D101142" s="14" t="s">
        <v>498</v>
      </c>
      <c r="E101142" s="15">
        <v>45413</v>
      </c>
      <c r="F101142" s="14" t="s">
        <v>25</v>
      </c>
      <c r="G101142" s="16">
        <v>0</v>
      </c>
    </row>
    <row r="101143" spans="1:7" x14ac:dyDescent="0.3">
      <c r="A101143" s="13" t="s">
        <v>497</v>
      </c>
      <c r="B101143" s="14" t="s">
        <v>1</v>
      </c>
      <c r="C101143" s="14" t="s">
        <v>109</v>
      </c>
      <c r="D101143" s="14" t="s">
        <v>498</v>
      </c>
      <c r="E101143" s="15">
        <v>45414</v>
      </c>
      <c r="F101143" s="14" t="s">
        <v>25</v>
      </c>
      <c r="G101143" s="16">
        <v>0</v>
      </c>
    </row>
    <row r="101144" spans="1:7" x14ac:dyDescent="0.3">
      <c r="A101144" s="13" t="s">
        <v>497</v>
      </c>
      <c r="B101144" s="14" t="s">
        <v>1</v>
      </c>
      <c r="C101144" s="14" t="s">
        <v>109</v>
      </c>
      <c r="D101144" s="14" t="s">
        <v>498</v>
      </c>
      <c r="E101144" s="15">
        <v>45415</v>
      </c>
      <c r="F101144" s="14" t="s">
        <v>25</v>
      </c>
      <c r="G101144" s="16">
        <v>0</v>
      </c>
    </row>
    <row r="101145" spans="1:7" x14ac:dyDescent="0.3">
      <c r="A101145" s="13" t="s">
        <v>497</v>
      </c>
      <c r="B101145" s="14" t="s">
        <v>1</v>
      </c>
      <c r="C101145" s="14" t="s">
        <v>109</v>
      </c>
      <c r="D101145" s="14" t="s">
        <v>498</v>
      </c>
      <c r="E101145" s="15">
        <v>45416</v>
      </c>
      <c r="F101145" s="14" t="s">
        <v>25</v>
      </c>
      <c r="G101145" s="16">
        <v>0</v>
      </c>
    </row>
    <row r="101146" spans="1:7" x14ac:dyDescent="0.3">
      <c r="A101146" s="13" t="s">
        <v>497</v>
      </c>
      <c r="B101146" s="14" t="s">
        <v>1</v>
      </c>
      <c r="C101146" s="14" t="s">
        <v>109</v>
      </c>
      <c r="D101146" s="14" t="s">
        <v>498</v>
      </c>
      <c r="E101146" s="15">
        <v>45417</v>
      </c>
      <c r="F101146" s="14" t="s">
        <v>25</v>
      </c>
      <c r="G101146" s="16">
        <v>0</v>
      </c>
    </row>
    <row r="101147" spans="1:7" x14ac:dyDescent="0.3">
      <c r="A101147" s="13" t="s">
        <v>497</v>
      </c>
      <c r="B101147" s="14" t="s">
        <v>1</v>
      </c>
      <c r="C101147" s="14" t="s">
        <v>109</v>
      </c>
      <c r="D101147" s="14" t="s">
        <v>498</v>
      </c>
      <c r="E101147" s="15">
        <v>45418</v>
      </c>
      <c r="F101147" s="14" t="s">
        <v>25</v>
      </c>
      <c r="G101147" s="16">
        <v>0</v>
      </c>
    </row>
    <row r="101148" spans="1:7" x14ac:dyDescent="0.3">
      <c r="A101148" s="13" t="s">
        <v>497</v>
      </c>
      <c r="B101148" s="14" t="s">
        <v>1</v>
      </c>
      <c r="C101148" s="14" t="s">
        <v>109</v>
      </c>
      <c r="D101148" s="14" t="s">
        <v>498</v>
      </c>
      <c r="E101148" s="15">
        <v>45419</v>
      </c>
      <c r="F101148" s="14" t="s">
        <v>25</v>
      </c>
      <c r="G101148" s="16">
        <v>0</v>
      </c>
    </row>
    <row r="101149" spans="1:7" x14ac:dyDescent="0.3">
      <c r="A101149" s="13" t="s">
        <v>497</v>
      </c>
      <c r="B101149" s="14" t="s">
        <v>1</v>
      </c>
      <c r="C101149" s="14" t="s">
        <v>109</v>
      </c>
      <c r="D101149" s="14" t="s">
        <v>498</v>
      </c>
      <c r="E101149" s="15">
        <v>45420</v>
      </c>
      <c r="F101149" s="14" t="s">
        <v>25</v>
      </c>
      <c r="G101149" s="16">
        <v>7.2653778992965738E-3</v>
      </c>
    </row>
    <row r="101150" spans="1:7" x14ac:dyDescent="0.3">
      <c r="A101150" s="13" t="s">
        <v>497</v>
      </c>
      <c r="B101150" s="14" t="s">
        <v>1</v>
      </c>
      <c r="C101150" s="14" t="s">
        <v>109</v>
      </c>
      <c r="D101150" s="14" t="s">
        <v>498</v>
      </c>
      <c r="E101150" s="15">
        <v>45421</v>
      </c>
      <c r="F101150" s="14" t="s">
        <v>25</v>
      </c>
      <c r="G101150" s="16">
        <v>5.24470427491443E-3</v>
      </c>
    </row>
    <row r="101151" spans="1:7" x14ac:dyDescent="0.3">
      <c r="A101151" s="13" t="s">
        <v>497</v>
      </c>
      <c r="B101151" s="14" t="s">
        <v>1</v>
      </c>
      <c r="C101151" s="14" t="s">
        <v>109</v>
      </c>
      <c r="D101151" s="14" t="s">
        <v>498</v>
      </c>
      <c r="E101151" s="15">
        <v>45422</v>
      </c>
      <c r="F101151" s="14" t="s">
        <v>25</v>
      </c>
      <c r="G101151" s="16">
        <v>3.270262096274369E-3</v>
      </c>
    </row>
    <row r="101152" spans="1:7" x14ac:dyDescent="0.3">
      <c r="A101152" s="13" t="s">
        <v>497</v>
      </c>
      <c r="B101152" s="14" t="s">
        <v>1</v>
      </c>
      <c r="C101152" s="14" t="s">
        <v>109</v>
      </c>
      <c r="D101152" s="14" t="s">
        <v>498</v>
      </c>
      <c r="E101152" s="15">
        <v>45423</v>
      </c>
      <c r="F101152" s="14" t="s">
        <v>25</v>
      </c>
      <c r="G101152" s="16">
        <v>3.270262096274369E-3</v>
      </c>
    </row>
    <row r="101153" spans="1:7" x14ac:dyDescent="0.3">
      <c r="A101153" s="13" t="s">
        <v>497</v>
      </c>
      <c r="B101153" s="14" t="s">
        <v>1</v>
      </c>
      <c r="C101153" s="14" t="s">
        <v>109</v>
      </c>
      <c r="D101153" s="14" t="s">
        <v>498</v>
      </c>
      <c r="E101153" s="15">
        <v>45424</v>
      </c>
      <c r="F101153" s="14" t="s">
        <v>25</v>
      </c>
      <c r="G101153" s="16">
        <v>3.270262096274369E-3</v>
      </c>
    </row>
    <row r="101154" spans="1:7" x14ac:dyDescent="0.3">
      <c r="A101154" s="13" t="s">
        <v>497</v>
      </c>
      <c r="B101154" s="14" t="s">
        <v>1</v>
      </c>
      <c r="C101154" s="14" t="s">
        <v>109</v>
      </c>
      <c r="D101154" s="14" t="s">
        <v>498</v>
      </c>
      <c r="E101154" s="15">
        <v>45425</v>
      </c>
      <c r="F101154" s="14" t="s">
        <v>25</v>
      </c>
      <c r="G101154" s="16">
        <v>1.5180634660200875E-2</v>
      </c>
    </row>
    <row r="101155" spans="1:7" x14ac:dyDescent="0.3">
      <c r="A101155" s="13" t="s">
        <v>497</v>
      </c>
      <c r="B101155" s="14" t="s">
        <v>1</v>
      </c>
      <c r="C101155" s="14" t="s">
        <v>109</v>
      </c>
      <c r="D101155" s="14" t="s">
        <v>498</v>
      </c>
      <c r="E101155" s="15">
        <v>45426</v>
      </c>
      <c r="F101155" s="14" t="s">
        <v>25</v>
      </c>
      <c r="G101155" s="16">
        <v>1.6741783054543744E-2</v>
      </c>
    </row>
    <row r="101156" spans="1:7" x14ac:dyDescent="0.3">
      <c r="A101156" s="13" t="s">
        <v>497</v>
      </c>
      <c r="B101156" s="14" t="s">
        <v>1</v>
      </c>
      <c r="C101156" s="14" t="s">
        <v>109</v>
      </c>
      <c r="D101156" s="14" t="s">
        <v>498</v>
      </c>
      <c r="E101156" s="15">
        <v>45427</v>
      </c>
      <c r="F101156" s="14" t="s">
        <v>25</v>
      </c>
      <c r="G101156" s="16">
        <v>1.7078492107459015E-2</v>
      </c>
    </row>
    <row r="101157" spans="1:7" x14ac:dyDescent="0.3">
      <c r="A101157" s="13" t="s">
        <v>497</v>
      </c>
      <c r="B101157" s="14" t="s">
        <v>1</v>
      </c>
      <c r="C101157" s="14" t="s">
        <v>109</v>
      </c>
      <c r="D101157" s="14" t="s">
        <v>498</v>
      </c>
      <c r="E101157" s="15">
        <v>45428</v>
      </c>
      <c r="F101157" s="14" t="s">
        <v>25</v>
      </c>
      <c r="G101157" s="16">
        <v>2.6546384208608005E-2</v>
      </c>
    </row>
    <row r="101158" spans="1:7" x14ac:dyDescent="0.3">
      <c r="A101158" s="13" t="s">
        <v>497</v>
      </c>
      <c r="B101158" s="14" t="s">
        <v>1</v>
      </c>
      <c r="C101158" s="14" t="s">
        <v>109</v>
      </c>
      <c r="D101158" s="14" t="s">
        <v>498</v>
      </c>
      <c r="E101158" s="15">
        <v>45429</v>
      </c>
      <c r="F101158" s="14" t="s">
        <v>25</v>
      </c>
      <c r="G101158" s="16">
        <v>2.4179236555632339E-2</v>
      </c>
    </row>
    <row r="101159" spans="1:7" x14ac:dyDescent="0.3">
      <c r="A101159" s="13" t="s">
        <v>497</v>
      </c>
      <c r="B101159" s="14" t="s">
        <v>1</v>
      </c>
      <c r="C101159" s="14" t="s">
        <v>109</v>
      </c>
      <c r="D101159" s="14" t="s">
        <v>498</v>
      </c>
      <c r="E101159" s="15">
        <v>45430</v>
      </c>
      <c r="F101159" s="14" t="s">
        <v>25</v>
      </c>
      <c r="G101159" s="16">
        <v>2.4179236555632339E-2</v>
      </c>
    </row>
    <row r="101160" spans="1:7" x14ac:dyDescent="0.3">
      <c r="A101160" s="13" t="s">
        <v>497</v>
      </c>
      <c r="B101160" s="14" t="s">
        <v>1</v>
      </c>
      <c r="C101160" s="14" t="s">
        <v>109</v>
      </c>
      <c r="D101160" s="14" t="s">
        <v>498</v>
      </c>
      <c r="E101160" s="15">
        <v>45431</v>
      </c>
      <c r="F101160" s="14" t="s">
        <v>25</v>
      </c>
      <c r="G101160" s="16">
        <v>2.4179236555632339E-2</v>
      </c>
    </row>
    <row r="101161" spans="1:7" x14ac:dyDescent="0.3">
      <c r="A101161" s="13" t="s">
        <v>497</v>
      </c>
      <c r="B101161" s="14" t="s">
        <v>1</v>
      </c>
      <c r="C101161" s="14" t="s">
        <v>109</v>
      </c>
      <c r="D101161" s="14" t="s">
        <v>498</v>
      </c>
      <c r="E101161" s="15">
        <v>45432</v>
      </c>
      <c r="F101161" s="14" t="s">
        <v>25</v>
      </c>
      <c r="G101161" s="16">
        <v>2.2144754950965823E-2</v>
      </c>
    </row>
    <row r="101162" spans="1:7" x14ac:dyDescent="0.3">
      <c r="A101162" s="13" t="s">
        <v>497</v>
      </c>
      <c r="B101162" s="14" t="s">
        <v>1</v>
      </c>
      <c r="C101162" s="14" t="s">
        <v>109</v>
      </c>
      <c r="D101162" s="14" t="s">
        <v>498</v>
      </c>
      <c r="E101162" s="15">
        <v>45433</v>
      </c>
      <c r="F101162" s="14" t="s">
        <v>25</v>
      </c>
      <c r="G101162" s="16">
        <v>1.5912375381944101E-2</v>
      </c>
    </row>
    <row r="101163" spans="1:7" x14ac:dyDescent="0.3">
      <c r="A101163" s="13" t="s">
        <v>497</v>
      </c>
      <c r="B101163" s="14" t="s">
        <v>1</v>
      </c>
      <c r="C101163" s="14" t="s">
        <v>109</v>
      </c>
      <c r="D101163" s="14" t="s">
        <v>498</v>
      </c>
      <c r="E101163" s="15">
        <v>45434</v>
      </c>
      <c r="F101163" s="14" t="s">
        <v>25</v>
      </c>
      <c r="G101163" s="16">
        <v>1.3904733801044964E-2</v>
      </c>
    </row>
    <row r="101164" spans="1:7" x14ac:dyDescent="0.3">
      <c r="A101164" s="13" t="s">
        <v>497</v>
      </c>
      <c r="B101164" s="14" t="s">
        <v>1</v>
      </c>
      <c r="C101164" s="14" t="s">
        <v>109</v>
      </c>
      <c r="D101164" s="14" t="s">
        <v>498</v>
      </c>
      <c r="E101164" s="15">
        <v>45435</v>
      </c>
      <c r="F101164" s="14" t="s">
        <v>25</v>
      </c>
      <c r="G101164" s="16">
        <v>1.1801719344081672E-2</v>
      </c>
    </row>
    <row r="101165" spans="1:7" x14ac:dyDescent="0.3">
      <c r="A101165" s="13" t="s">
        <v>497</v>
      </c>
      <c r="B101165" s="14" t="s">
        <v>1</v>
      </c>
      <c r="C101165" s="14" t="s">
        <v>109</v>
      </c>
      <c r="D101165" s="14" t="s">
        <v>498</v>
      </c>
      <c r="E101165" s="15">
        <v>45436</v>
      </c>
      <c r="F101165" s="14" t="s">
        <v>25</v>
      </c>
      <c r="G101165" s="16">
        <v>3.7167761993597642E-2</v>
      </c>
    </row>
    <row r="101166" spans="1:7" x14ac:dyDescent="0.3">
      <c r="A101166" s="13" t="s">
        <v>497</v>
      </c>
      <c r="B101166" s="14" t="s">
        <v>1</v>
      </c>
      <c r="C101166" s="14" t="s">
        <v>109</v>
      </c>
      <c r="D101166" s="14" t="s">
        <v>498</v>
      </c>
      <c r="E101166" s="15">
        <v>45437</v>
      </c>
      <c r="F101166" s="14" t="s">
        <v>25</v>
      </c>
      <c r="G101166" s="16">
        <v>3.7167761993597642E-2</v>
      </c>
    </row>
    <row r="101167" spans="1:7" x14ac:dyDescent="0.3">
      <c r="A101167" s="13" t="s">
        <v>497</v>
      </c>
      <c r="B101167" s="14" t="s">
        <v>1</v>
      </c>
      <c r="C101167" s="14" t="s">
        <v>109</v>
      </c>
      <c r="D101167" s="14" t="s">
        <v>498</v>
      </c>
      <c r="E101167" s="15">
        <v>45438</v>
      </c>
      <c r="F101167" s="14" t="s">
        <v>25</v>
      </c>
      <c r="G101167" s="16">
        <v>3.7167761993597642E-2</v>
      </c>
    </row>
    <row r="101168" spans="1:7" x14ac:dyDescent="0.3">
      <c r="A101168" s="13" t="s">
        <v>497</v>
      </c>
      <c r="B101168" s="14" t="s">
        <v>1</v>
      </c>
      <c r="C101168" s="14" t="s">
        <v>109</v>
      </c>
      <c r="D101168" s="14" t="s">
        <v>498</v>
      </c>
      <c r="E101168" s="15">
        <v>45439</v>
      </c>
      <c r="F101168" s="14" t="s">
        <v>25</v>
      </c>
      <c r="G101168" s="16">
        <v>3.8460171203601887E-2</v>
      </c>
    </row>
    <row r="101169" spans="1:7" x14ac:dyDescent="0.3">
      <c r="A101169" s="13" t="s">
        <v>497</v>
      </c>
      <c r="B101169" s="14" t="s">
        <v>1</v>
      </c>
      <c r="C101169" s="14" t="s">
        <v>109</v>
      </c>
      <c r="D101169" s="14" t="s">
        <v>498</v>
      </c>
      <c r="E101169" s="15">
        <v>45440</v>
      </c>
      <c r="F101169" s="14" t="s">
        <v>25</v>
      </c>
      <c r="G101169" s="16">
        <v>3.1999965845557463E-2</v>
      </c>
    </row>
    <row r="101170" spans="1:7" x14ac:dyDescent="0.3">
      <c r="A101170" s="13" t="s">
        <v>497</v>
      </c>
      <c r="B101170" s="14" t="s">
        <v>1</v>
      </c>
      <c r="C101170" s="14" t="s">
        <v>109</v>
      </c>
      <c r="D101170" s="14" t="s">
        <v>498</v>
      </c>
      <c r="E101170" s="15">
        <v>45441</v>
      </c>
      <c r="F101170" s="14" t="s">
        <v>25</v>
      </c>
      <c r="G101170" s="16">
        <v>3.0745992253487439E-2</v>
      </c>
    </row>
    <row r="101171" spans="1:7" x14ac:dyDescent="0.3">
      <c r="A101171" s="13" t="s">
        <v>497</v>
      </c>
      <c r="B101171" s="14" t="s">
        <v>1</v>
      </c>
      <c r="C101171" s="14" t="s">
        <v>109</v>
      </c>
      <c r="D101171" s="14" t="s">
        <v>498</v>
      </c>
      <c r="E101171" s="15">
        <v>45442</v>
      </c>
      <c r="F101171" s="14" t="s">
        <v>25</v>
      </c>
      <c r="G101171" s="16">
        <v>3.490348220015476E-2</v>
      </c>
    </row>
    <row r="101172" spans="1:7" x14ac:dyDescent="0.3">
      <c r="A101172" s="13" t="s">
        <v>497</v>
      </c>
      <c r="B101172" s="14" t="s">
        <v>1</v>
      </c>
      <c r="C101172" s="14" t="s">
        <v>109</v>
      </c>
      <c r="D101172" s="14" t="s">
        <v>498</v>
      </c>
      <c r="E101172" s="15">
        <v>45443</v>
      </c>
      <c r="F101172" s="14" t="s">
        <v>25</v>
      </c>
      <c r="G101172" s="16">
        <v>3.2798226573797662E-2</v>
      </c>
    </row>
    <row r="101173" spans="1:7" x14ac:dyDescent="0.3">
      <c r="A101173" s="13" t="s">
        <v>497</v>
      </c>
      <c r="B101173" s="14" t="s">
        <v>1</v>
      </c>
      <c r="C101173" s="14" t="s">
        <v>109</v>
      </c>
      <c r="D101173" s="14" t="s">
        <v>498</v>
      </c>
      <c r="E101173" s="15">
        <v>45444</v>
      </c>
      <c r="F101173" s="14" t="s">
        <v>25</v>
      </c>
      <c r="G101173" s="16">
        <v>3.2798226573797662E-2</v>
      </c>
    </row>
    <row r="101174" spans="1:7" x14ac:dyDescent="0.3">
      <c r="A101174" s="13" t="s">
        <v>497</v>
      </c>
      <c r="B101174" s="14" t="s">
        <v>1</v>
      </c>
      <c r="C101174" s="14" t="s">
        <v>109</v>
      </c>
      <c r="D101174" s="14" t="s">
        <v>498</v>
      </c>
      <c r="E101174" s="15">
        <v>45445</v>
      </c>
      <c r="F101174" s="14" t="s">
        <v>25</v>
      </c>
      <c r="G101174" s="16">
        <v>3.2798226573797662E-2</v>
      </c>
    </row>
    <row r="101175" spans="1:7" x14ac:dyDescent="0.3">
      <c r="A101175" s="13" t="s">
        <v>497</v>
      </c>
      <c r="B101175" s="14" t="s">
        <v>1</v>
      </c>
      <c r="C101175" s="14" t="s">
        <v>109</v>
      </c>
      <c r="D101175" s="14" t="s">
        <v>498</v>
      </c>
      <c r="E101175" s="15">
        <v>45446</v>
      </c>
      <c r="F101175" s="14" t="s">
        <v>25</v>
      </c>
      <c r="G101175" s="16">
        <v>3.2798226573797662E-2</v>
      </c>
    </row>
    <row r="101176" spans="1:7" x14ac:dyDescent="0.3">
      <c r="A101176" s="13" t="s">
        <v>497</v>
      </c>
      <c r="B101176" s="14" t="s">
        <v>1</v>
      </c>
      <c r="C101176" s="14" t="s">
        <v>109</v>
      </c>
      <c r="D101176" s="14" t="s">
        <v>498</v>
      </c>
      <c r="E101176" s="15">
        <v>45447</v>
      </c>
      <c r="F101176" s="14" t="s">
        <v>25</v>
      </c>
      <c r="G101176" s="16">
        <v>2.989684512950001E-2</v>
      </c>
    </row>
    <row r="101177" spans="1:7" x14ac:dyDescent="0.3">
      <c r="A101177" s="13" t="s">
        <v>497</v>
      </c>
      <c r="B101177" s="14" t="s">
        <v>1</v>
      </c>
      <c r="C101177" s="14" t="s">
        <v>109</v>
      </c>
      <c r="D101177" s="14" t="s">
        <v>498</v>
      </c>
      <c r="E101177" s="15">
        <v>45448</v>
      </c>
      <c r="F101177" s="14" t="s">
        <v>25</v>
      </c>
      <c r="G101177" s="16">
        <v>2.6022897555068827E-2</v>
      </c>
    </row>
    <row r="101178" spans="1:7" x14ac:dyDescent="0.3">
      <c r="A101178" s="13" t="s">
        <v>497</v>
      </c>
      <c r="B101178" s="14" t="s">
        <v>1</v>
      </c>
      <c r="C101178" s="14" t="s">
        <v>109</v>
      </c>
      <c r="D101178" s="14" t="s">
        <v>498</v>
      </c>
      <c r="E101178" s="15">
        <v>45449</v>
      </c>
      <c r="F101178" s="14" t="s">
        <v>25</v>
      </c>
      <c r="G101178" s="16">
        <v>2.3903374421446751E-2</v>
      </c>
    </row>
    <row r="101179" spans="1:7" x14ac:dyDescent="0.3">
      <c r="A101179" s="13" t="s">
        <v>497</v>
      </c>
      <c r="B101179" s="14" t="s">
        <v>1</v>
      </c>
      <c r="C101179" s="14" t="s">
        <v>109</v>
      </c>
      <c r="D101179" s="14" t="s">
        <v>498</v>
      </c>
      <c r="E101179" s="15">
        <v>45450</v>
      </c>
      <c r="F101179" s="14" t="s">
        <v>25</v>
      </c>
      <c r="G101179" s="16">
        <v>5.3141244968120331E-2</v>
      </c>
    </row>
    <row r="101180" spans="1:7" x14ac:dyDescent="0.3">
      <c r="A101180" s="13" t="s">
        <v>497</v>
      </c>
      <c r="B101180" s="14" t="s">
        <v>1</v>
      </c>
      <c r="C101180" s="14" t="s">
        <v>109</v>
      </c>
      <c r="D101180" s="14" t="s">
        <v>498</v>
      </c>
      <c r="E101180" s="15">
        <v>45451</v>
      </c>
      <c r="F101180" s="14" t="s">
        <v>25</v>
      </c>
      <c r="G101180" s="16">
        <v>5.3141244968120331E-2</v>
      </c>
    </row>
    <row r="101181" spans="1:7" x14ac:dyDescent="0.3">
      <c r="A101181" s="13" t="s">
        <v>497</v>
      </c>
      <c r="B101181" s="14" t="s">
        <v>1</v>
      </c>
      <c r="C101181" s="14" t="s">
        <v>109</v>
      </c>
      <c r="D101181" s="14" t="s">
        <v>498</v>
      </c>
      <c r="E101181" s="15">
        <v>45452</v>
      </c>
      <c r="F101181" s="14" t="s">
        <v>25</v>
      </c>
      <c r="G101181" s="16">
        <v>5.3141244968120331E-2</v>
      </c>
    </row>
    <row r="101182" spans="1:7" x14ac:dyDescent="0.3">
      <c r="A101182" s="13" t="s">
        <v>497</v>
      </c>
      <c r="B101182" s="14" t="s">
        <v>1</v>
      </c>
      <c r="C101182" s="14" t="s">
        <v>109</v>
      </c>
      <c r="D101182" s="14" t="s">
        <v>498</v>
      </c>
      <c r="E101182" s="15">
        <v>45453</v>
      </c>
      <c r="F101182" s="14" t="s">
        <v>25</v>
      </c>
      <c r="G101182" s="16">
        <v>5.109380021721014E-2</v>
      </c>
    </row>
    <row r="101183" spans="1:7" x14ac:dyDescent="0.3">
      <c r="A101183" s="13" t="s">
        <v>497</v>
      </c>
      <c r="B101183" s="14" t="s">
        <v>1</v>
      </c>
      <c r="C101183" s="14" t="s">
        <v>109</v>
      </c>
      <c r="D101183" s="14" t="s">
        <v>498</v>
      </c>
      <c r="E101183" s="15">
        <v>45454</v>
      </c>
      <c r="F101183" s="14" t="s">
        <v>25</v>
      </c>
      <c r="G101183" s="16">
        <v>4.6766921967484165E-2</v>
      </c>
    </row>
    <row r="101184" spans="1:7" x14ac:dyDescent="0.3">
      <c r="A101184" s="13" t="s">
        <v>497</v>
      </c>
      <c r="B101184" s="14" t="s">
        <v>1</v>
      </c>
      <c r="C101184" s="14" t="s">
        <v>109</v>
      </c>
      <c r="D101184" s="14" t="s">
        <v>498</v>
      </c>
      <c r="E101184" s="15">
        <v>45455</v>
      </c>
      <c r="F101184" s="14" t="s">
        <v>25</v>
      </c>
      <c r="G101184" s="16">
        <v>6.1084129996889773E-2</v>
      </c>
    </row>
    <row r="101185" spans="1:7" x14ac:dyDescent="0.3">
      <c r="A101185" s="13" t="s">
        <v>497</v>
      </c>
      <c r="B101185" s="14" t="s">
        <v>1</v>
      </c>
      <c r="C101185" s="14" t="s">
        <v>109</v>
      </c>
      <c r="D101185" s="14" t="s">
        <v>498</v>
      </c>
      <c r="E101185" s="15">
        <v>45456</v>
      </c>
      <c r="F101185" s="14" t="s">
        <v>25</v>
      </c>
      <c r="G101185" s="16">
        <v>5.8991639260992275E-2</v>
      </c>
    </row>
    <row r="101186" spans="1:7" x14ac:dyDescent="0.3">
      <c r="A101186" s="13" t="s">
        <v>497</v>
      </c>
      <c r="B101186" s="14" t="s">
        <v>1</v>
      </c>
      <c r="C101186" s="14" t="s">
        <v>109</v>
      </c>
      <c r="D101186" s="14" t="s">
        <v>498</v>
      </c>
      <c r="E101186" s="15">
        <v>45457</v>
      </c>
      <c r="F101186" s="14" t="s">
        <v>25</v>
      </c>
      <c r="G101186" s="16">
        <v>5.6639739286515854E-2</v>
      </c>
    </row>
    <row r="101187" spans="1:7" x14ac:dyDescent="0.3">
      <c r="A101187" s="13" t="s">
        <v>497</v>
      </c>
      <c r="B101187" s="14" t="s">
        <v>1</v>
      </c>
      <c r="C101187" s="14" t="s">
        <v>109</v>
      </c>
      <c r="D101187" s="14" t="s">
        <v>498</v>
      </c>
      <c r="E101187" s="15">
        <v>45458</v>
      </c>
      <c r="F101187" s="14" t="s">
        <v>25</v>
      </c>
      <c r="G101187" s="16">
        <v>5.6639739286515854E-2</v>
      </c>
    </row>
    <row r="101188" spans="1:7" x14ac:dyDescent="0.3">
      <c r="A101188" s="13" t="s">
        <v>497</v>
      </c>
      <c r="B101188" s="14" t="s">
        <v>1</v>
      </c>
      <c r="C101188" s="14" t="s">
        <v>109</v>
      </c>
      <c r="D101188" s="14" t="s">
        <v>498</v>
      </c>
      <c r="E101188" s="15">
        <v>45459</v>
      </c>
      <c r="F101188" s="14" t="s">
        <v>25</v>
      </c>
      <c r="G101188" s="16">
        <v>5.6639739286515854E-2</v>
      </c>
    </row>
    <row r="101189" spans="1:7" x14ac:dyDescent="0.3">
      <c r="A101189" s="13" t="s">
        <v>497</v>
      </c>
      <c r="B101189" s="14" t="s">
        <v>1</v>
      </c>
      <c r="C101189" s="14" t="s">
        <v>109</v>
      </c>
      <c r="D101189" s="14" t="s">
        <v>498</v>
      </c>
      <c r="E101189" s="15">
        <v>45460</v>
      </c>
      <c r="F101189" s="14" t="s">
        <v>25</v>
      </c>
      <c r="G101189" s="16">
        <v>5.447646312738149E-2</v>
      </c>
    </row>
    <row r="101190" spans="1:7" x14ac:dyDescent="0.3">
      <c r="A101190" s="13" t="s">
        <v>497</v>
      </c>
      <c r="B101190" s="14" t="s">
        <v>1</v>
      </c>
      <c r="C101190" s="14" t="s">
        <v>109</v>
      </c>
      <c r="D101190" s="14" t="s">
        <v>498</v>
      </c>
      <c r="E101190" s="15">
        <v>45461</v>
      </c>
      <c r="F101190" s="14" t="s">
        <v>25</v>
      </c>
      <c r="G101190" s="16">
        <v>4.8008156652399693E-2</v>
      </c>
    </row>
    <row r="101191" spans="1:7" x14ac:dyDescent="0.3">
      <c r="A101191" s="13" t="s">
        <v>497</v>
      </c>
      <c r="B101191" s="14" t="s">
        <v>1</v>
      </c>
      <c r="C101191" s="14" t="s">
        <v>109</v>
      </c>
      <c r="D101191" s="14" t="s">
        <v>498</v>
      </c>
      <c r="E101191" s="15">
        <v>45462</v>
      </c>
      <c r="F101191" s="14" t="s">
        <v>25</v>
      </c>
      <c r="G101191" s="16">
        <v>4.5913331190006838E-2</v>
      </c>
    </row>
    <row r="101192" spans="1:7" x14ac:dyDescent="0.3">
      <c r="A101192" s="13" t="s">
        <v>497</v>
      </c>
      <c r="B101192" s="14" t="s">
        <v>1</v>
      </c>
      <c r="C101192" s="14" t="s">
        <v>109</v>
      </c>
      <c r="D101192" s="14" t="s">
        <v>498</v>
      </c>
      <c r="E101192" s="15">
        <v>45463</v>
      </c>
      <c r="F101192" s="14" t="s">
        <v>25</v>
      </c>
      <c r="G101192" s="16">
        <v>4.4126232928511561E-2</v>
      </c>
    </row>
    <row r="101193" spans="1:7" x14ac:dyDescent="0.3">
      <c r="A101193" s="13" t="s">
        <v>497</v>
      </c>
      <c r="B101193" s="14" t="s">
        <v>1</v>
      </c>
      <c r="C101193" s="14" t="s">
        <v>109</v>
      </c>
      <c r="D101193" s="14" t="s">
        <v>498</v>
      </c>
      <c r="E101193" s="15">
        <v>45464</v>
      </c>
      <c r="F101193" s="14" t="s">
        <v>25</v>
      </c>
      <c r="G101193" s="16">
        <v>4.2103331714246836E-2</v>
      </c>
    </row>
    <row r="101194" spans="1:7" x14ac:dyDescent="0.3">
      <c r="A101194" s="13" t="s">
        <v>497</v>
      </c>
      <c r="B101194" s="14" t="s">
        <v>1</v>
      </c>
      <c r="C101194" s="14" t="s">
        <v>109</v>
      </c>
      <c r="D101194" s="14" t="s">
        <v>498</v>
      </c>
      <c r="E101194" s="15">
        <v>45465</v>
      </c>
      <c r="F101194" s="14" t="s">
        <v>25</v>
      </c>
      <c r="G101194" s="16">
        <v>4.2103331714246836E-2</v>
      </c>
    </row>
    <row r="101195" spans="1:7" x14ac:dyDescent="0.3">
      <c r="A101195" s="13" t="s">
        <v>497</v>
      </c>
      <c r="B101195" s="14" t="s">
        <v>1</v>
      </c>
      <c r="C101195" s="14" t="s">
        <v>109</v>
      </c>
      <c r="D101195" s="14" t="s">
        <v>498</v>
      </c>
      <c r="E101195" s="15">
        <v>45466</v>
      </c>
      <c r="F101195" s="14" t="s">
        <v>25</v>
      </c>
      <c r="G101195" s="16">
        <v>4.2103331714246836E-2</v>
      </c>
    </row>
    <row r="101196" spans="1:7" x14ac:dyDescent="0.3">
      <c r="A101196" s="13" t="s">
        <v>497</v>
      </c>
      <c r="B101196" s="14" t="s">
        <v>1</v>
      </c>
      <c r="C101196" s="14" t="s">
        <v>109</v>
      </c>
      <c r="D101196" s="14" t="s">
        <v>498</v>
      </c>
      <c r="E101196" s="15">
        <v>45467</v>
      </c>
      <c r="F101196" s="14" t="s">
        <v>25</v>
      </c>
      <c r="G101196" s="16">
        <v>3.9906977848686E-2</v>
      </c>
    </row>
    <row r="101197" spans="1:7" x14ac:dyDescent="0.3">
      <c r="A101197" s="13" t="s">
        <v>497</v>
      </c>
      <c r="B101197" s="14" t="s">
        <v>1</v>
      </c>
      <c r="C101197" s="14" t="s">
        <v>109</v>
      </c>
      <c r="D101197" s="14" t="s">
        <v>498</v>
      </c>
      <c r="E101197" s="15">
        <v>45468</v>
      </c>
      <c r="F101197" s="14" t="s">
        <v>25</v>
      </c>
      <c r="G101197" s="16">
        <v>3.388454300731996E-2</v>
      </c>
    </row>
    <row r="101198" spans="1:7" x14ac:dyDescent="0.3">
      <c r="A101198" s="13" t="s">
        <v>497</v>
      </c>
      <c r="B101198" s="14" t="s">
        <v>1</v>
      </c>
      <c r="C101198" s="14" t="s">
        <v>109</v>
      </c>
      <c r="D101198" s="14" t="s">
        <v>498</v>
      </c>
      <c r="E101198" s="15">
        <v>45469</v>
      </c>
      <c r="F101198" s="14" t="s">
        <v>25</v>
      </c>
      <c r="G101198" s="16">
        <v>3.3067449093659912E-2</v>
      </c>
    </row>
    <row r="101199" spans="1:7" x14ac:dyDescent="0.3">
      <c r="A101199" s="13" t="s">
        <v>497</v>
      </c>
      <c r="B101199" s="14" t="s">
        <v>1</v>
      </c>
      <c r="C101199" s="14" t="s">
        <v>109</v>
      </c>
      <c r="D101199" s="14" t="s">
        <v>498</v>
      </c>
      <c r="E101199" s="15">
        <v>45470</v>
      </c>
      <c r="F101199" s="14" t="s">
        <v>25</v>
      </c>
      <c r="G101199" s="16">
        <v>3.7009784737508718E-2</v>
      </c>
    </row>
    <row r="101200" spans="1:7" x14ac:dyDescent="0.3">
      <c r="A101200" s="13" t="s">
        <v>497</v>
      </c>
      <c r="B101200" s="14" t="s">
        <v>1</v>
      </c>
      <c r="C101200" s="14" t="s">
        <v>109</v>
      </c>
      <c r="D101200" s="14" t="s">
        <v>498</v>
      </c>
      <c r="E101200" s="15">
        <v>45471</v>
      </c>
      <c r="F101200" s="14" t="s">
        <v>25</v>
      </c>
      <c r="G101200" s="16">
        <v>6.9236857385185507E-2</v>
      </c>
    </row>
    <row r="101201" spans="1:7" x14ac:dyDescent="0.3">
      <c r="A101201" s="13" t="s">
        <v>497</v>
      </c>
      <c r="B101201" s="14" t="s">
        <v>1</v>
      </c>
      <c r="C101201" s="14" t="s">
        <v>109</v>
      </c>
      <c r="D101201" s="14" t="s">
        <v>498</v>
      </c>
      <c r="E101201" s="15">
        <v>45472</v>
      </c>
      <c r="F101201" s="14" t="s">
        <v>25</v>
      </c>
      <c r="G101201" s="16">
        <v>6.9236857385185507E-2</v>
      </c>
    </row>
    <row r="101202" spans="1:7" x14ac:dyDescent="0.3">
      <c r="A101202" s="13" t="s">
        <v>497</v>
      </c>
      <c r="B101202" s="14" t="s">
        <v>1</v>
      </c>
      <c r="C101202" s="14" t="s">
        <v>109</v>
      </c>
      <c r="D101202" s="14" t="s">
        <v>498</v>
      </c>
      <c r="E101202" s="15">
        <v>45473</v>
      </c>
      <c r="F101202" s="14" t="s">
        <v>25</v>
      </c>
      <c r="G101202" s="16">
        <v>6.9236857385185507E-2</v>
      </c>
    </row>
    <row r="101203" spans="1:7" x14ac:dyDescent="0.3">
      <c r="A101203" s="13" t="s">
        <v>497</v>
      </c>
      <c r="B101203" s="14" t="s">
        <v>1</v>
      </c>
      <c r="C101203" s="14" t="s">
        <v>109</v>
      </c>
      <c r="D101203" s="14" t="s">
        <v>498</v>
      </c>
      <c r="E101203" s="15">
        <v>45474</v>
      </c>
      <c r="F101203" s="14" t="s">
        <v>25</v>
      </c>
      <c r="G101203" s="16">
        <v>6.9243012032291551E-2</v>
      </c>
    </row>
    <row r="101204" spans="1:7" x14ac:dyDescent="0.3">
      <c r="A101204" s="13" t="s">
        <v>497</v>
      </c>
      <c r="B101204" s="14" t="s">
        <v>1</v>
      </c>
      <c r="C101204" s="14" t="s">
        <v>109</v>
      </c>
      <c r="D101204" s="14" t="s">
        <v>498</v>
      </c>
      <c r="E101204" s="15">
        <v>45475</v>
      </c>
      <c r="F101204" s="14" t="s">
        <v>25</v>
      </c>
      <c r="G101204" s="16">
        <v>6.4891640159142644E-2</v>
      </c>
    </row>
    <row r="101205" spans="1:7" x14ac:dyDescent="0.3">
      <c r="A101205" s="13" t="s">
        <v>497</v>
      </c>
      <c r="B101205" s="14" t="s">
        <v>1</v>
      </c>
      <c r="C101205" s="14" t="s">
        <v>109</v>
      </c>
      <c r="D101205" s="14" t="s">
        <v>498</v>
      </c>
      <c r="E101205" s="15">
        <v>45476</v>
      </c>
      <c r="F101205" s="14" t="s">
        <v>25</v>
      </c>
      <c r="G101205" s="16">
        <v>6.2556296425573366E-2</v>
      </c>
    </row>
    <row r="101206" spans="1:7" x14ac:dyDescent="0.3">
      <c r="A101206" s="13" t="s">
        <v>497</v>
      </c>
      <c r="B101206" s="14" t="s">
        <v>1</v>
      </c>
      <c r="C101206" s="14" t="s">
        <v>109</v>
      </c>
      <c r="D101206" s="14" t="s">
        <v>498</v>
      </c>
      <c r="E101206" s="15">
        <v>45477</v>
      </c>
      <c r="F101206" s="14" t="s">
        <v>25</v>
      </c>
      <c r="G101206" s="16">
        <v>6.0269983521727778E-2</v>
      </c>
    </row>
    <row r="101207" spans="1:7" x14ac:dyDescent="0.3">
      <c r="A101207" s="13" t="s">
        <v>497</v>
      </c>
      <c r="B101207" s="14" t="s">
        <v>1</v>
      </c>
      <c r="C101207" s="14" t="s">
        <v>109</v>
      </c>
      <c r="D101207" s="14" t="s">
        <v>498</v>
      </c>
      <c r="E101207" s="15">
        <v>45478</v>
      </c>
      <c r="F101207" s="14" t="s">
        <v>25</v>
      </c>
      <c r="G101207" s="16">
        <v>6.1740198644908054E-2</v>
      </c>
    </row>
    <row r="101208" spans="1:7" x14ac:dyDescent="0.3">
      <c r="A101208" s="13" t="s">
        <v>497</v>
      </c>
      <c r="B101208" s="14" t="s">
        <v>1</v>
      </c>
      <c r="C101208" s="14" t="s">
        <v>109</v>
      </c>
      <c r="D101208" s="14" t="s">
        <v>498</v>
      </c>
      <c r="E101208" s="15">
        <v>45479</v>
      </c>
      <c r="F101208" s="14" t="s">
        <v>25</v>
      </c>
      <c r="G101208" s="16">
        <v>6.1740198644908054E-2</v>
      </c>
    </row>
    <row r="101209" spans="1:7" x14ac:dyDescent="0.3">
      <c r="A101209" s="13" t="s">
        <v>497</v>
      </c>
      <c r="B101209" s="14" t="s">
        <v>1</v>
      </c>
      <c r="C101209" s="14" t="s">
        <v>109</v>
      </c>
      <c r="D101209" s="14" t="s">
        <v>498</v>
      </c>
      <c r="E101209" s="15">
        <v>45480</v>
      </c>
      <c r="F101209" s="14" t="s">
        <v>25</v>
      </c>
      <c r="G101209" s="16">
        <v>6.1740198644908054E-2</v>
      </c>
    </row>
    <row r="101210" spans="1:7" x14ac:dyDescent="0.3">
      <c r="A101210" s="13" t="s">
        <v>497</v>
      </c>
      <c r="B101210" s="14" t="s">
        <v>1</v>
      </c>
      <c r="C101210" s="14" t="s">
        <v>109</v>
      </c>
      <c r="D101210" s="14" t="s">
        <v>498</v>
      </c>
      <c r="E101210" s="15">
        <v>45481</v>
      </c>
      <c r="F101210" s="14" t="s">
        <v>25</v>
      </c>
      <c r="G101210" s="16">
        <v>6.7557598092894092E-2</v>
      </c>
    </row>
    <row r="101211" spans="1:7" x14ac:dyDescent="0.3">
      <c r="A101211" s="13" t="s">
        <v>497</v>
      </c>
      <c r="B101211" s="14" t="s">
        <v>1</v>
      </c>
      <c r="C101211" s="14" t="s">
        <v>109</v>
      </c>
      <c r="D101211" s="14" t="s">
        <v>498</v>
      </c>
      <c r="E101211" s="15">
        <v>45482</v>
      </c>
      <c r="F101211" s="14" t="s">
        <v>25</v>
      </c>
      <c r="G101211" s="16">
        <v>6.0893914162002516E-2</v>
      </c>
    </row>
    <row r="101212" spans="1:7" x14ac:dyDescent="0.3">
      <c r="A101212" s="13" t="s">
        <v>497</v>
      </c>
      <c r="B101212" s="14" t="s">
        <v>1</v>
      </c>
      <c r="C101212" s="14" t="s">
        <v>109</v>
      </c>
      <c r="D101212" s="14" t="s">
        <v>498</v>
      </c>
      <c r="E101212" s="15">
        <v>45483</v>
      </c>
      <c r="F101212" s="14" t="s">
        <v>25</v>
      </c>
      <c r="G101212" s="16">
        <v>5.8785831528620533E-2</v>
      </c>
    </row>
    <row r="101213" spans="1:7" x14ac:dyDescent="0.3">
      <c r="A101213" s="13" t="s">
        <v>497</v>
      </c>
      <c r="B101213" s="14" t="s">
        <v>1</v>
      </c>
      <c r="C101213" s="14" t="s">
        <v>109</v>
      </c>
      <c r="D101213" s="14" t="s">
        <v>498</v>
      </c>
      <c r="E101213" s="15">
        <v>45484</v>
      </c>
      <c r="F101213" s="14" t="s">
        <v>25</v>
      </c>
      <c r="G101213" s="16">
        <v>5.6367476232907339E-2</v>
      </c>
    </row>
    <row r="101214" spans="1:7" x14ac:dyDescent="0.3">
      <c r="A101214" s="13" t="s">
        <v>497</v>
      </c>
      <c r="B101214" s="14" t="s">
        <v>1</v>
      </c>
      <c r="C101214" s="14" t="s">
        <v>109</v>
      </c>
      <c r="D101214" s="14" t="s">
        <v>498</v>
      </c>
      <c r="E101214" s="15">
        <v>45485</v>
      </c>
      <c r="F101214" s="14" t="s">
        <v>25</v>
      </c>
      <c r="G101214" s="16">
        <v>5.3983942780552713E-2</v>
      </c>
    </row>
    <row r="101215" spans="1:7" x14ac:dyDescent="0.3">
      <c r="A101215" s="13" t="s">
        <v>497</v>
      </c>
      <c r="B101215" s="14" t="s">
        <v>1</v>
      </c>
      <c r="C101215" s="14" t="s">
        <v>109</v>
      </c>
      <c r="D101215" s="14" t="s">
        <v>498</v>
      </c>
      <c r="E101215" s="15">
        <v>45486</v>
      </c>
      <c r="F101215" s="14" t="s">
        <v>25</v>
      </c>
      <c r="G101215" s="16">
        <v>5.3983942780552713E-2</v>
      </c>
    </row>
    <row r="101216" spans="1:7" x14ac:dyDescent="0.3">
      <c r="A101216" s="13" t="s">
        <v>497</v>
      </c>
      <c r="B101216" s="14" t="s">
        <v>1</v>
      </c>
      <c r="C101216" s="14" t="s">
        <v>109</v>
      </c>
      <c r="D101216" s="14" t="s">
        <v>498</v>
      </c>
      <c r="E101216" s="15">
        <v>45487</v>
      </c>
      <c r="F101216" s="14" t="s">
        <v>25</v>
      </c>
      <c r="G101216" s="16">
        <v>5.3983942780552713E-2</v>
      </c>
    </row>
    <row r="101217" spans="1:7" x14ac:dyDescent="0.3">
      <c r="A101217" s="13" t="s">
        <v>497</v>
      </c>
      <c r="B101217" s="14" t="s">
        <v>1</v>
      </c>
      <c r="C101217" s="14" t="s">
        <v>109</v>
      </c>
      <c r="D101217" s="14" t="s">
        <v>498</v>
      </c>
      <c r="E101217" s="15">
        <v>45488</v>
      </c>
      <c r="F101217" s="14" t="s">
        <v>25</v>
      </c>
      <c r="G101217" s="16">
        <v>5.2762153117057342E-2</v>
      </c>
    </row>
    <row r="101218" spans="1:7" x14ac:dyDescent="0.3">
      <c r="A101218" s="13" t="s">
        <v>497</v>
      </c>
      <c r="B101218" s="14" t="s">
        <v>1</v>
      </c>
      <c r="C101218" s="14" t="s">
        <v>109</v>
      </c>
      <c r="D101218" s="14" t="s">
        <v>498</v>
      </c>
      <c r="E101218" s="15">
        <v>45489</v>
      </c>
      <c r="F101218" s="14" t="s">
        <v>25</v>
      </c>
      <c r="G101218" s="16">
        <v>4.5956978707344699E-2</v>
      </c>
    </row>
    <row r="101219" spans="1:7" x14ac:dyDescent="0.3">
      <c r="A101219" s="13" t="s">
        <v>497</v>
      </c>
      <c r="B101219" s="14" t="s">
        <v>1</v>
      </c>
      <c r="C101219" s="14" t="s">
        <v>109</v>
      </c>
      <c r="D101219" s="14" t="s">
        <v>498</v>
      </c>
      <c r="E101219" s="15">
        <v>45490</v>
      </c>
      <c r="F101219" s="14" t="s">
        <v>25</v>
      </c>
      <c r="G101219" s="16">
        <v>4.3220443588241286E-2</v>
      </c>
    </row>
    <row r="101220" spans="1:7" x14ac:dyDescent="0.3">
      <c r="A101220" s="13" t="s">
        <v>497</v>
      </c>
      <c r="B101220" s="14" t="s">
        <v>1</v>
      </c>
      <c r="C101220" s="14" t="s">
        <v>109</v>
      </c>
      <c r="D101220" s="14" t="s">
        <v>498</v>
      </c>
      <c r="E101220" s="15">
        <v>45491</v>
      </c>
      <c r="F101220" s="14" t="s">
        <v>25</v>
      </c>
      <c r="G101220" s="16">
        <v>4.1208258896579815E-2</v>
      </c>
    </row>
    <row r="101221" spans="1:7" x14ac:dyDescent="0.3">
      <c r="A101221" s="13" t="s">
        <v>497</v>
      </c>
      <c r="B101221" s="14" t="s">
        <v>1</v>
      </c>
      <c r="C101221" s="14" t="s">
        <v>109</v>
      </c>
      <c r="D101221" s="14" t="s">
        <v>498</v>
      </c>
      <c r="E101221" s="15">
        <v>45492</v>
      </c>
      <c r="F101221" s="14" t="s">
        <v>25</v>
      </c>
      <c r="G101221" s="16">
        <v>3.9137572080203097E-2</v>
      </c>
    </row>
    <row r="101222" spans="1:7" x14ac:dyDescent="0.3">
      <c r="A101222" s="13" t="s">
        <v>497</v>
      </c>
      <c r="B101222" s="14" t="s">
        <v>1</v>
      </c>
      <c r="C101222" s="14" t="s">
        <v>109</v>
      </c>
      <c r="D101222" s="14" t="s">
        <v>498</v>
      </c>
      <c r="E101222" s="15">
        <v>45493</v>
      </c>
      <c r="F101222" s="14" t="s">
        <v>25</v>
      </c>
      <c r="G101222" s="16">
        <v>3.9137572080203097E-2</v>
      </c>
    </row>
    <row r="101223" spans="1:7" x14ac:dyDescent="0.3">
      <c r="A101223" s="13" t="s">
        <v>497</v>
      </c>
      <c r="B101223" s="14" t="s">
        <v>1</v>
      </c>
      <c r="C101223" s="14" t="s">
        <v>109</v>
      </c>
      <c r="D101223" s="14" t="s">
        <v>498</v>
      </c>
      <c r="E101223" s="15">
        <v>45494</v>
      </c>
      <c r="F101223" s="14" t="s">
        <v>25</v>
      </c>
      <c r="G101223" s="16">
        <v>3.9137572080203097E-2</v>
      </c>
    </row>
    <row r="101224" spans="1:7" x14ac:dyDescent="0.3">
      <c r="A101224" s="13" t="s">
        <v>497</v>
      </c>
      <c r="B101224" s="14" t="s">
        <v>1</v>
      </c>
      <c r="C101224" s="14" t="s">
        <v>109</v>
      </c>
      <c r="D101224" s="14" t="s">
        <v>498</v>
      </c>
      <c r="E101224" s="15">
        <v>45495</v>
      </c>
      <c r="F101224" s="14" t="s">
        <v>25</v>
      </c>
      <c r="G101224" s="16">
        <v>3.7046739395750053E-2</v>
      </c>
    </row>
    <row r="101225" spans="1:7" x14ac:dyDescent="0.3">
      <c r="A101225" s="13" t="s">
        <v>497</v>
      </c>
      <c r="B101225" s="14" t="s">
        <v>1</v>
      </c>
      <c r="C101225" s="14" t="s">
        <v>109</v>
      </c>
      <c r="D101225" s="14" t="s">
        <v>498</v>
      </c>
      <c r="E101225" s="15">
        <v>45496</v>
      </c>
      <c r="F101225" s="14" t="s">
        <v>25</v>
      </c>
      <c r="G101225" s="16">
        <v>3.0853966315010573E-2</v>
      </c>
    </row>
    <row r="101226" spans="1:7" x14ac:dyDescent="0.3">
      <c r="A101226" s="13" t="s">
        <v>497</v>
      </c>
      <c r="B101226" s="14" t="s">
        <v>1</v>
      </c>
      <c r="C101226" s="14" t="s">
        <v>109</v>
      </c>
      <c r="D101226" s="14" t="s">
        <v>498</v>
      </c>
      <c r="E101226" s="15">
        <v>45497</v>
      </c>
      <c r="F101226" s="14" t="s">
        <v>25</v>
      </c>
      <c r="G101226" s="16">
        <v>2.854726492430204E-2</v>
      </c>
    </row>
    <row r="101227" spans="1:7" x14ac:dyDescent="0.3">
      <c r="A101227" s="13" t="s">
        <v>497</v>
      </c>
      <c r="B101227" s="14" t="s">
        <v>1</v>
      </c>
      <c r="C101227" s="14" t="s">
        <v>109</v>
      </c>
      <c r="D101227" s="14" t="s">
        <v>498</v>
      </c>
      <c r="E101227" s="15">
        <v>45498</v>
      </c>
      <c r="F101227" s="14" t="s">
        <v>25</v>
      </c>
      <c r="G101227" s="16">
        <v>2.6337311298617518E-2</v>
      </c>
    </row>
    <row r="101228" spans="1:7" x14ac:dyDescent="0.3">
      <c r="A101228" s="13" t="s">
        <v>497</v>
      </c>
      <c r="B101228" s="14" t="s">
        <v>1</v>
      </c>
      <c r="C101228" s="14" t="s">
        <v>109</v>
      </c>
      <c r="D101228" s="14" t="s">
        <v>498</v>
      </c>
      <c r="E101228" s="15">
        <v>45499</v>
      </c>
      <c r="F101228" s="14" t="s">
        <v>25</v>
      </c>
      <c r="G101228" s="16">
        <v>2.4358230758487247E-2</v>
      </c>
    </row>
    <row r="101229" spans="1:7" x14ac:dyDescent="0.3">
      <c r="A101229" s="13" t="s">
        <v>497</v>
      </c>
      <c r="B101229" s="14" t="s">
        <v>1</v>
      </c>
      <c r="C101229" s="14" t="s">
        <v>109</v>
      </c>
      <c r="D101229" s="14" t="s">
        <v>498</v>
      </c>
      <c r="E101229" s="15">
        <v>45500</v>
      </c>
      <c r="F101229" s="14" t="s">
        <v>25</v>
      </c>
      <c r="G101229" s="16">
        <v>2.4358230758487247E-2</v>
      </c>
    </row>
    <row r="101230" spans="1:7" x14ac:dyDescent="0.3">
      <c r="A101230" s="13" t="s">
        <v>497</v>
      </c>
      <c r="B101230" s="14" t="s">
        <v>1</v>
      </c>
      <c r="C101230" s="14" t="s">
        <v>109</v>
      </c>
      <c r="D101230" s="14" t="s">
        <v>498</v>
      </c>
      <c r="E101230" s="15">
        <v>45501</v>
      </c>
      <c r="F101230" s="14" t="s">
        <v>25</v>
      </c>
      <c r="G101230" s="16">
        <v>2.4358230758487247E-2</v>
      </c>
    </row>
    <row r="101231" spans="1:7" x14ac:dyDescent="0.3">
      <c r="A101231" s="13" t="s">
        <v>497</v>
      </c>
      <c r="B101231" s="14" t="s">
        <v>1</v>
      </c>
      <c r="C101231" s="14" t="s">
        <v>109</v>
      </c>
      <c r="D101231" s="14" t="s">
        <v>498</v>
      </c>
      <c r="E101231" s="15">
        <v>45502</v>
      </c>
      <c r="F101231" s="14" t="s">
        <v>25</v>
      </c>
      <c r="G101231" s="16">
        <v>3.4891405776924352E-2</v>
      </c>
    </row>
    <row r="101232" spans="1:7" x14ac:dyDescent="0.3">
      <c r="A101232" s="13" t="s">
        <v>497</v>
      </c>
      <c r="B101232" s="14" t="s">
        <v>1</v>
      </c>
      <c r="C101232" s="14" t="s">
        <v>109</v>
      </c>
      <c r="D101232" s="14" t="s">
        <v>498</v>
      </c>
      <c r="E101232" s="15">
        <v>45503</v>
      </c>
      <c r="F101232" s="14" t="s">
        <v>25</v>
      </c>
      <c r="G101232" s="16">
        <v>2.8789665379055168E-2</v>
      </c>
    </row>
    <row r="101233" spans="1:7" x14ac:dyDescent="0.3">
      <c r="A101233" s="13" t="s">
        <v>497</v>
      </c>
      <c r="B101233" s="14" t="s">
        <v>1</v>
      </c>
      <c r="C101233" s="14" t="s">
        <v>109</v>
      </c>
      <c r="D101233" s="14" t="s">
        <v>498</v>
      </c>
      <c r="E101233" s="15">
        <v>45504</v>
      </c>
      <c r="F101233" s="14" t="s">
        <v>25</v>
      </c>
      <c r="G101233" s="16">
        <v>2.8196831712853216E-2</v>
      </c>
    </row>
    <row r="101234" spans="1:7" x14ac:dyDescent="0.3">
      <c r="A101234" s="13" t="s">
        <v>497</v>
      </c>
      <c r="B101234" s="14" t="s">
        <v>1</v>
      </c>
      <c r="C101234" s="14" t="s">
        <v>109</v>
      </c>
      <c r="D101234" s="14" t="s">
        <v>498</v>
      </c>
      <c r="E101234" s="15">
        <v>45505</v>
      </c>
      <c r="F101234" s="14" t="s">
        <v>25</v>
      </c>
      <c r="G101234" s="16">
        <v>4.2402276149194437E-2</v>
      </c>
    </row>
    <row r="101235" spans="1:7" x14ac:dyDescent="0.3">
      <c r="A101235" s="13" t="s">
        <v>497</v>
      </c>
      <c r="B101235" s="14" t="s">
        <v>1</v>
      </c>
      <c r="C101235" s="14" t="s">
        <v>109</v>
      </c>
      <c r="D101235" s="14" t="s">
        <v>498</v>
      </c>
      <c r="E101235" s="15">
        <v>45506</v>
      </c>
      <c r="F101235" s="14" t="s">
        <v>25</v>
      </c>
      <c r="G101235" s="16">
        <v>3.9705122397541322E-2</v>
      </c>
    </row>
    <row r="101236" spans="1:7" x14ac:dyDescent="0.3">
      <c r="A101236" s="13" t="s">
        <v>497</v>
      </c>
      <c r="B101236" s="14" t="s">
        <v>1</v>
      </c>
      <c r="C101236" s="14" t="s">
        <v>109</v>
      </c>
      <c r="D101236" s="14" t="s">
        <v>498</v>
      </c>
      <c r="E101236" s="15">
        <v>45507</v>
      </c>
      <c r="F101236" s="14" t="s">
        <v>25</v>
      </c>
      <c r="G101236" s="16">
        <v>3.9705122397541322E-2</v>
      </c>
    </row>
    <row r="101237" spans="1:7" x14ac:dyDescent="0.3">
      <c r="A101237" s="13" t="s">
        <v>497</v>
      </c>
      <c r="B101237" s="14" t="s">
        <v>1</v>
      </c>
      <c r="C101237" s="14" t="s">
        <v>109</v>
      </c>
      <c r="D101237" s="14" t="s">
        <v>498</v>
      </c>
      <c r="E101237" s="15">
        <v>45508</v>
      </c>
      <c r="F101237" s="14" t="s">
        <v>25</v>
      </c>
      <c r="G101237" s="16">
        <v>3.9705122397541322E-2</v>
      </c>
    </row>
    <row r="101238" spans="1:7" x14ac:dyDescent="0.3">
      <c r="A101238" s="13" t="s">
        <v>497</v>
      </c>
      <c r="B101238" s="14" t="s">
        <v>1</v>
      </c>
      <c r="C101238" s="14" t="s">
        <v>109</v>
      </c>
      <c r="D101238" s="14" t="s">
        <v>498</v>
      </c>
      <c r="E101238" s="15">
        <v>45509</v>
      </c>
      <c r="F101238" s="14" t="s">
        <v>25</v>
      </c>
      <c r="G101238" s="16">
        <v>3.9705122397541322E-2</v>
      </c>
    </row>
    <row r="101239" spans="1:7" x14ac:dyDescent="0.3">
      <c r="A101239" s="13" t="s">
        <v>497</v>
      </c>
      <c r="B101239" s="14" t="s">
        <v>1</v>
      </c>
      <c r="C101239" s="14" t="s">
        <v>109</v>
      </c>
      <c r="D101239" s="14" t="s">
        <v>498</v>
      </c>
      <c r="E101239" s="15">
        <v>45510</v>
      </c>
      <c r="F101239" s="14" t="s">
        <v>25</v>
      </c>
      <c r="G101239" s="16">
        <v>3.7560701678137437E-2</v>
      </c>
    </row>
    <row r="101240" spans="1:7" x14ac:dyDescent="0.3">
      <c r="A101240" s="13" t="s">
        <v>497</v>
      </c>
      <c r="B101240" s="14" t="s">
        <v>1</v>
      </c>
      <c r="C101240" s="14" t="s">
        <v>109</v>
      </c>
      <c r="D101240" s="14" t="s">
        <v>498</v>
      </c>
      <c r="E101240" s="15">
        <v>45511</v>
      </c>
      <c r="F101240" s="14" t="s">
        <v>25</v>
      </c>
      <c r="G101240" s="16">
        <v>3.4523315981472569E-2</v>
      </c>
    </row>
    <row r="101241" spans="1:7" x14ac:dyDescent="0.3">
      <c r="A101241" s="13" t="s">
        <v>497</v>
      </c>
      <c r="B101241" s="14" t="s">
        <v>1</v>
      </c>
      <c r="C101241" s="14" t="s">
        <v>109</v>
      </c>
      <c r="D101241" s="14" t="s">
        <v>498</v>
      </c>
      <c r="E101241" s="15">
        <v>45512</v>
      </c>
      <c r="F101241" s="14" t="s">
        <v>25</v>
      </c>
      <c r="G101241" s="16">
        <v>3.3859452092231082E-2</v>
      </c>
    </row>
    <row r="101242" spans="1:7" x14ac:dyDescent="0.3">
      <c r="A101242" s="13" t="s">
        <v>497</v>
      </c>
      <c r="B101242" s="14" t="s">
        <v>1</v>
      </c>
      <c r="C101242" s="14" t="s">
        <v>109</v>
      </c>
      <c r="D101242" s="14" t="s">
        <v>498</v>
      </c>
      <c r="E101242" s="15">
        <v>45513</v>
      </c>
      <c r="F101242" s="14" t="s">
        <v>25</v>
      </c>
      <c r="G101242" s="16">
        <v>4.5879727513687824E-2</v>
      </c>
    </row>
    <row r="101243" spans="1:7" x14ac:dyDescent="0.3">
      <c r="A101243" s="13" t="s">
        <v>497</v>
      </c>
      <c r="B101243" s="14" t="s">
        <v>1</v>
      </c>
      <c r="C101243" s="14" t="s">
        <v>109</v>
      </c>
      <c r="D101243" s="14" t="s">
        <v>498</v>
      </c>
      <c r="E101243" s="15">
        <v>45514</v>
      </c>
      <c r="F101243" s="14" t="s">
        <v>25</v>
      </c>
      <c r="G101243" s="16">
        <v>4.5879727513687824E-2</v>
      </c>
    </row>
    <row r="101244" spans="1:7" x14ac:dyDescent="0.3">
      <c r="A101244" s="13" t="s">
        <v>497</v>
      </c>
      <c r="B101244" s="14" t="s">
        <v>1</v>
      </c>
      <c r="C101244" s="14" t="s">
        <v>109</v>
      </c>
      <c r="D101244" s="14" t="s">
        <v>498</v>
      </c>
      <c r="E101244" s="15">
        <v>45515</v>
      </c>
      <c r="F101244" s="14" t="s">
        <v>25</v>
      </c>
      <c r="G101244" s="16">
        <v>4.5879727513687824E-2</v>
      </c>
    </row>
    <row r="101245" spans="1:7" x14ac:dyDescent="0.3">
      <c r="A101245" s="13" t="s">
        <v>497</v>
      </c>
      <c r="B101245" s="14" t="s">
        <v>1</v>
      </c>
      <c r="C101245" s="14" t="s">
        <v>109</v>
      </c>
      <c r="D101245" s="14" t="s">
        <v>498</v>
      </c>
      <c r="E101245" s="15">
        <v>45516</v>
      </c>
      <c r="F101245" s="14" t="s">
        <v>25</v>
      </c>
      <c r="G101245" s="16">
        <v>4.5410205394012387E-2</v>
      </c>
    </row>
    <row r="101246" spans="1:7" x14ac:dyDescent="0.3">
      <c r="A101246" s="13" t="s">
        <v>497</v>
      </c>
      <c r="B101246" s="14" t="s">
        <v>1</v>
      </c>
      <c r="C101246" s="14" t="s">
        <v>109</v>
      </c>
      <c r="D101246" s="14" t="s">
        <v>498</v>
      </c>
      <c r="E101246" s="15">
        <v>45517</v>
      </c>
      <c r="F101246" s="14" t="s">
        <v>25</v>
      </c>
      <c r="G101246" s="16">
        <v>4.3669994517097126E-2</v>
      </c>
    </row>
    <row r="101247" spans="1:7" x14ac:dyDescent="0.3">
      <c r="A101247" s="13" t="s">
        <v>497</v>
      </c>
      <c r="B101247" s="14" t="s">
        <v>1</v>
      </c>
      <c r="C101247" s="14" t="s">
        <v>109</v>
      </c>
      <c r="D101247" s="14" t="s">
        <v>498</v>
      </c>
      <c r="E101247" s="15">
        <v>45518</v>
      </c>
      <c r="F101247" s="14" t="s">
        <v>25</v>
      </c>
      <c r="G101247" s="16">
        <v>4.1830653828762047E-2</v>
      </c>
    </row>
    <row r="101248" spans="1:7" x14ac:dyDescent="0.3">
      <c r="A101248" s="13" t="s">
        <v>497</v>
      </c>
      <c r="B101248" s="14" t="s">
        <v>1</v>
      </c>
      <c r="C101248" s="14" t="s">
        <v>109</v>
      </c>
      <c r="D101248" s="14" t="s">
        <v>498</v>
      </c>
      <c r="E101248" s="15">
        <v>45519</v>
      </c>
      <c r="F101248" s="14" t="s">
        <v>25</v>
      </c>
      <c r="G101248" s="16">
        <v>4.0289493803245945E-2</v>
      </c>
    </row>
    <row r="101249" spans="1:7" x14ac:dyDescent="0.3">
      <c r="A101249" s="13" t="s">
        <v>497</v>
      </c>
      <c r="B101249" s="14" t="s">
        <v>1</v>
      </c>
      <c r="C101249" s="14" t="s">
        <v>109</v>
      </c>
      <c r="D101249" s="14" t="s">
        <v>498</v>
      </c>
      <c r="E101249" s="15">
        <v>45520</v>
      </c>
      <c r="F101249" s="14" t="s">
        <v>25</v>
      </c>
      <c r="G101249" s="16">
        <v>4.9129864239682706E-2</v>
      </c>
    </row>
    <row r="101250" spans="1:7" x14ac:dyDescent="0.3">
      <c r="A101250" s="13" t="s">
        <v>497</v>
      </c>
      <c r="B101250" s="14" t="s">
        <v>1</v>
      </c>
      <c r="C101250" s="14" t="s">
        <v>109</v>
      </c>
      <c r="D101250" s="14" t="s">
        <v>498</v>
      </c>
      <c r="E101250" s="15">
        <v>45521</v>
      </c>
      <c r="F101250" s="14" t="s">
        <v>25</v>
      </c>
      <c r="G101250" s="16">
        <v>4.9129864239682706E-2</v>
      </c>
    </row>
    <row r="101251" spans="1:7" x14ac:dyDescent="0.3">
      <c r="A101251" s="13" t="s">
        <v>497</v>
      </c>
      <c r="B101251" s="14" t="s">
        <v>1</v>
      </c>
      <c r="C101251" s="14" t="s">
        <v>109</v>
      </c>
      <c r="D101251" s="14" t="s">
        <v>498</v>
      </c>
      <c r="E101251" s="15">
        <v>45522</v>
      </c>
      <c r="F101251" s="14" t="s">
        <v>25</v>
      </c>
      <c r="G101251" s="16">
        <v>4.9129864239682706E-2</v>
      </c>
    </row>
    <row r="101252" spans="1:7" x14ac:dyDescent="0.3">
      <c r="A101252" s="13" t="s">
        <v>497</v>
      </c>
      <c r="B101252" s="14" t="s">
        <v>1</v>
      </c>
      <c r="C101252" s="14" t="s">
        <v>109</v>
      </c>
      <c r="D101252" s="14" t="s">
        <v>498</v>
      </c>
      <c r="E101252" s="15">
        <v>45523</v>
      </c>
      <c r="F101252" s="14" t="s">
        <v>25</v>
      </c>
      <c r="G101252" s="16">
        <v>4.6670830252399861E-2</v>
      </c>
    </row>
    <row r="101253" spans="1:7" x14ac:dyDescent="0.3">
      <c r="A101253" s="13" t="s">
        <v>497</v>
      </c>
      <c r="B101253" s="14" t="s">
        <v>1</v>
      </c>
      <c r="C101253" s="14" t="s">
        <v>109</v>
      </c>
      <c r="D101253" s="14" t="s">
        <v>498</v>
      </c>
      <c r="E101253" s="15">
        <v>45524</v>
      </c>
      <c r="F101253" s="14" t="s">
        <v>25</v>
      </c>
      <c r="G101253" s="16">
        <v>4.028732912420234E-2</v>
      </c>
    </row>
    <row r="101254" spans="1:7" x14ac:dyDescent="0.3">
      <c r="A101254" s="13" t="s">
        <v>497</v>
      </c>
      <c r="B101254" s="14" t="s">
        <v>1</v>
      </c>
      <c r="C101254" s="14" t="s">
        <v>109</v>
      </c>
      <c r="D101254" s="14" t="s">
        <v>498</v>
      </c>
      <c r="E101254" s="15">
        <v>45525</v>
      </c>
      <c r="F101254" s="14" t="s">
        <v>25</v>
      </c>
      <c r="G101254" s="16">
        <v>3.82107175169034E-2</v>
      </c>
    </row>
    <row r="101255" spans="1:7" x14ac:dyDescent="0.3">
      <c r="A101255" s="13" t="s">
        <v>497</v>
      </c>
      <c r="B101255" s="14" t="s">
        <v>1</v>
      </c>
      <c r="C101255" s="14" t="s">
        <v>109</v>
      </c>
      <c r="D101255" s="14" t="s">
        <v>498</v>
      </c>
      <c r="E101255" s="15">
        <v>45526</v>
      </c>
      <c r="F101255" s="14" t="s">
        <v>25</v>
      </c>
      <c r="G101255" s="16">
        <v>3.6255374060842727E-2</v>
      </c>
    </row>
    <row r="101256" spans="1:7" x14ac:dyDescent="0.3">
      <c r="A101256" s="13" t="s">
        <v>497</v>
      </c>
      <c r="B101256" s="14" t="s">
        <v>1</v>
      </c>
      <c r="C101256" s="14" t="s">
        <v>109</v>
      </c>
      <c r="D101256" s="14" t="s">
        <v>498</v>
      </c>
      <c r="E101256" s="15">
        <v>45527</v>
      </c>
      <c r="F101256" s="14" t="s">
        <v>25</v>
      </c>
      <c r="G101256" s="16">
        <v>5.79448321621426E-2</v>
      </c>
    </row>
    <row r="101257" spans="1:7" x14ac:dyDescent="0.3">
      <c r="A101257" s="13" t="s">
        <v>497</v>
      </c>
      <c r="B101257" s="14" t="s">
        <v>1</v>
      </c>
      <c r="C101257" s="14" t="s">
        <v>109</v>
      </c>
      <c r="D101257" s="14" t="s">
        <v>498</v>
      </c>
      <c r="E101257" s="15">
        <v>45528</v>
      </c>
      <c r="F101257" s="14" t="s">
        <v>25</v>
      </c>
      <c r="G101257" s="16">
        <v>5.79448321621426E-2</v>
      </c>
    </row>
    <row r="101258" spans="1:7" x14ac:dyDescent="0.3">
      <c r="A101258" s="13" t="s">
        <v>497</v>
      </c>
      <c r="B101258" s="14" t="s">
        <v>1</v>
      </c>
      <c r="C101258" s="14" t="s">
        <v>109</v>
      </c>
      <c r="D101258" s="14" t="s">
        <v>498</v>
      </c>
      <c r="E101258" s="15">
        <v>45529</v>
      </c>
      <c r="F101258" s="14" t="s">
        <v>25</v>
      </c>
      <c r="G101258" s="16">
        <v>5.79448321621426E-2</v>
      </c>
    </row>
    <row r="101259" spans="1:7" x14ac:dyDescent="0.3">
      <c r="A101259" s="13" t="s">
        <v>497</v>
      </c>
      <c r="B101259" s="14" t="s">
        <v>1</v>
      </c>
      <c r="C101259" s="14" t="s">
        <v>109</v>
      </c>
      <c r="D101259" s="14" t="s">
        <v>498</v>
      </c>
      <c r="E101259" s="15">
        <v>45530</v>
      </c>
      <c r="F101259" s="14" t="s">
        <v>25</v>
      </c>
      <c r="G101259" s="16">
        <v>5.5939283874756655E-2</v>
      </c>
    </row>
    <row r="101260" spans="1:7" x14ac:dyDescent="0.3">
      <c r="A101260" s="13" t="s">
        <v>497</v>
      </c>
      <c r="B101260" s="14" t="s">
        <v>1</v>
      </c>
      <c r="C101260" s="14" t="s">
        <v>109</v>
      </c>
      <c r="D101260" s="14" t="s">
        <v>498</v>
      </c>
      <c r="E101260" s="15">
        <v>45531</v>
      </c>
      <c r="F101260" s="14" t="s">
        <v>25</v>
      </c>
      <c r="G101260" s="16">
        <v>4.9628043867684019E-2</v>
      </c>
    </row>
    <row r="101261" spans="1:7" x14ac:dyDescent="0.3">
      <c r="A101261" s="13" t="s">
        <v>497</v>
      </c>
      <c r="B101261" s="14" t="s">
        <v>1</v>
      </c>
      <c r="C101261" s="14" t="s">
        <v>109</v>
      </c>
      <c r="D101261" s="14" t="s">
        <v>498</v>
      </c>
      <c r="E101261" s="15">
        <v>45532</v>
      </c>
      <c r="F101261" s="14" t="s">
        <v>25</v>
      </c>
      <c r="G101261" s="16">
        <v>5.9405299062675568E-2</v>
      </c>
    </row>
    <row r="101262" spans="1:7" x14ac:dyDescent="0.3">
      <c r="A101262" s="13" t="s">
        <v>497</v>
      </c>
      <c r="B101262" s="14" t="s">
        <v>1</v>
      </c>
      <c r="C101262" s="14" t="s">
        <v>109</v>
      </c>
      <c r="D101262" s="14" t="s">
        <v>498</v>
      </c>
      <c r="E101262" s="15">
        <v>45533</v>
      </c>
      <c r="F101262" s="14" t="s">
        <v>25</v>
      </c>
      <c r="G101262" s="16">
        <v>7.1054848167427492E-2</v>
      </c>
    </row>
    <row r="101263" spans="1:7" x14ac:dyDescent="0.3">
      <c r="A101263" s="13" t="s">
        <v>497</v>
      </c>
      <c r="B101263" s="14" t="s">
        <v>1</v>
      </c>
      <c r="C101263" s="14" t="s">
        <v>109</v>
      </c>
      <c r="D101263" s="14" t="s">
        <v>498</v>
      </c>
      <c r="E101263" s="15">
        <v>45534</v>
      </c>
      <c r="F101263" s="14" t="s">
        <v>25</v>
      </c>
      <c r="G101263" s="16">
        <v>6.9336604725401457E-2</v>
      </c>
    </row>
    <row r="101264" spans="1:7" x14ac:dyDescent="0.3">
      <c r="A101264" s="13" t="s">
        <v>497</v>
      </c>
      <c r="B101264" s="14" t="s">
        <v>1</v>
      </c>
      <c r="C101264" s="14" t="s">
        <v>109</v>
      </c>
      <c r="D101264" s="14" t="s">
        <v>498</v>
      </c>
      <c r="E101264" s="15">
        <v>45535</v>
      </c>
      <c r="F101264" s="14" t="s">
        <v>25</v>
      </c>
      <c r="G101264" s="16">
        <v>6.9336604725401457E-2</v>
      </c>
    </row>
    <row r="101265" spans="1:7" x14ac:dyDescent="0.3">
      <c r="A101265" s="13" t="s">
        <v>497</v>
      </c>
      <c r="B101265" s="14" t="s">
        <v>1</v>
      </c>
      <c r="C101265" s="14" t="s">
        <v>109</v>
      </c>
      <c r="D101265" s="14" t="s">
        <v>498</v>
      </c>
      <c r="E101265" s="15">
        <v>45536</v>
      </c>
      <c r="F101265" s="14" t="s">
        <v>25</v>
      </c>
      <c r="G101265" s="16">
        <v>6.9336604725401457E-2</v>
      </c>
    </row>
    <row r="101266" spans="1:7" x14ac:dyDescent="0.3">
      <c r="A101266" s="13" t="s">
        <v>497</v>
      </c>
      <c r="B101266" s="14" t="s">
        <v>1</v>
      </c>
      <c r="C101266" s="14" t="s">
        <v>109</v>
      </c>
      <c r="D101266" s="14" t="s">
        <v>498</v>
      </c>
      <c r="E101266" s="15">
        <v>45537</v>
      </c>
      <c r="F101266" s="14" t="s">
        <v>25</v>
      </c>
      <c r="G101266" s="16">
        <v>6.7535131040866697E-2</v>
      </c>
    </row>
    <row r="101267" spans="1:7" x14ac:dyDescent="0.3">
      <c r="A101267" s="13" t="s">
        <v>497</v>
      </c>
      <c r="B101267" s="14" t="s">
        <v>1</v>
      </c>
      <c r="C101267" s="14" t="s">
        <v>109</v>
      </c>
      <c r="D101267" s="14" t="s">
        <v>498</v>
      </c>
      <c r="E101267" s="15">
        <v>45538</v>
      </c>
      <c r="F101267" s="14" t="s">
        <v>25</v>
      </c>
      <c r="G101267" s="16">
        <v>6.1552729359692256E-2</v>
      </c>
    </row>
    <row r="101268" spans="1:7" x14ac:dyDescent="0.3">
      <c r="A101268" s="13" t="s">
        <v>497</v>
      </c>
      <c r="B101268" s="14" t="s">
        <v>1</v>
      </c>
      <c r="C101268" s="14" t="s">
        <v>109</v>
      </c>
      <c r="D101268" s="14" t="s">
        <v>498</v>
      </c>
      <c r="E101268" s="15">
        <v>45539</v>
      </c>
      <c r="F101268" s="14" t="s">
        <v>25</v>
      </c>
      <c r="G101268" s="16">
        <v>6.0734316152080303E-2</v>
      </c>
    </row>
    <row r="101269" spans="1:7" x14ac:dyDescent="0.3">
      <c r="A101269" s="13" t="s">
        <v>497</v>
      </c>
      <c r="B101269" s="14" t="s">
        <v>1</v>
      </c>
      <c r="C101269" s="14" t="s">
        <v>109</v>
      </c>
      <c r="D101269" s="14" t="s">
        <v>498</v>
      </c>
      <c r="E101269" s="15">
        <v>45540</v>
      </c>
      <c r="F101269" s="14" t="s">
        <v>25</v>
      </c>
      <c r="G101269" s="16">
        <v>5.8693462801244288E-2</v>
      </c>
    </row>
    <row r="101270" spans="1:7" x14ac:dyDescent="0.3">
      <c r="A101270" s="13" t="s">
        <v>497</v>
      </c>
      <c r="B101270" s="14" t="s">
        <v>1</v>
      </c>
      <c r="C101270" s="14" t="s">
        <v>109</v>
      </c>
      <c r="D101270" s="14" t="s">
        <v>498</v>
      </c>
      <c r="E101270" s="15">
        <v>45541</v>
      </c>
      <c r="F101270" s="14" t="s">
        <v>25</v>
      </c>
      <c r="G101270" s="16">
        <v>5.7124649723729368E-2</v>
      </c>
    </row>
    <row r="101271" spans="1:7" x14ac:dyDescent="0.3">
      <c r="A101271" s="13" t="s">
        <v>497</v>
      </c>
      <c r="B101271" s="14" t="s">
        <v>1</v>
      </c>
      <c r="C101271" s="14" t="s">
        <v>109</v>
      </c>
      <c r="D101271" s="14" t="s">
        <v>498</v>
      </c>
      <c r="E101271" s="15">
        <v>45542</v>
      </c>
      <c r="F101271" s="14" t="s">
        <v>25</v>
      </c>
      <c r="G101271" s="16">
        <v>5.7124649723729368E-2</v>
      </c>
    </row>
    <row r="101272" spans="1:7" x14ac:dyDescent="0.3">
      <c r="A101272" s="13" t="s">
        <v>497</v>
      </c>
      <c r="B101272" s="14" t="s">
        <v>1</v>
      </c>
      <c r="C101272" s="14" t="s">
        <v>109</v>
      </c>
      <c r="D101272" s="14" t="s">
        <v>498</v>
      </c>
      <c r="E101272" s="15">
        <v>45543</v>
      </c>
      <c r="F101272" s="14" t="s">
        <v>25</v>
      </c>
      <c r="G101272" s="16">
        <v>5.7124649723729368E-2</v>
      </c>
    </row>
    <row r="101273" spans="1:7" x14ac:dyDescent="0.3">
      <c r="A101273" s="13" t="s">
        <v>497</v>
      </c>
      <c r="B101273" s="14" t="s">
        <v>1</v>
      </c>
      <c r="C101273" s="14" t="s">
        <v>109</v>
      </c>
      <c r="D101273" s="14" t="s">
        <v>498</v>
      </c>
      <c r="E101273" s="15">
        <v>45544</v>
      </c>
      <c r="F101273" s="14" t="s">
        <v>25</v>
      </c>
      <c r="G101273" s="16">
        <v>6.0287502022938588E-2</v>
      </c>
    </row>
    <row r="101274" spans="1:7" x14ac:dyDescent="0.3">
      <c r="A101274" s="13" t="s">
        <v>497</v>
      </c>
      <c r="B101274" s="14" t="s">
        <v>1</v>
      </c>
      <c r="C101274" s="14" t="s">
        <v>109</v>
      </c>
      <c r="D101274" s="14" t="s">
        <v>498</v>
      </c>
      <c r="E101274" s="15">
        <v>45545</v>
      </c>
      <c r="F101274" s="14" t="s">
        <v>25</v>
      </c>
      <c r="G101274" s="16">
        <v>5.4690562536873898E-2</v>
      </c>
    </row>
    <row r="101275" spans="1:7" x14ac:dyDescent="0.3">
      <c r="A101275" s="13" t="s">
        <v>497</v>
      </c>
      <c r="B101275" s="14" t="s">
        <v>1</v>
      </c>
      <c r="C101275" s="14" t="s">
        <v>109</v>
      </c>
      <c r="D101275" s="14" t="s">
        <v>498</v>
      </c>
      <c r="E101275" s="15">
        <v>45546</v>
      </c>
      <c r="F101275" s="14" t="s">
        <v>25</v>
      </c>
      <c r="G101275" s="16">
        <v>5.2556394700271139E-2</v>
      </c>
    </row>
    <row r="101276" spans="1:7" x14ac:dyDescent="0.3">
      <c r="A101276" s="13" t="s">
        <v>497</v>
      </c>
      <c r="B101276" s="14" t="s">
        <v>1</v>
      </c>
      <c r="C101276" s="14" t="s">
        <v>109</v>
      </c>
      <c r="D101276" s="14" t="s">
        <v>498</v>
      </c>
      <c r="E101276" s="15">
        <v>45547</v>
      </c>
      <c r="F101276" s="14" t="s">
        <v>25</v>
      </c>
      <c r="G101276" s="16">
        <v>5.0665474983553747E-2</v>
      </c>
    </row>
    <row r="101277" spans="1:7" x14ac:dyDescent="0.3">
      <c r="A101277" s="13" t="s">
        <v>497</v>
      </c>
      <c r="B101277" s="14" t="s">
        <v>1</v>
      </c>
      <c r="C101277" s="14" t="s">
        <v>109</v>
      </c>
      <c r="D101277" s="14" t="s">
        <v>498</v>
      </c>
      <c r="E101277" s="15">
        <v>45548</v>
      </c>
      <c r="F101277" s="14" t="s">
        <v>25</v>
      </c>
      <c r="G101277" s="16">
        <v>4.9236022260959252E-2</v>
      </c>
    </row>
    <row r="101278" spans="1:7" x14ac:dyDescent="0.3">
      <c r="A101278" s="13" t="s">
        <v>497</v>
      </c>
      <c r="B101278" s="14" t="s">
        <v>1</v>
      </c>
      <c r="C101278" s="14" t="s">
        <v>109</v>
      </c>
      <c r="D101278" s="14" t="s">
        <v>498</v>
      </c>
      <c r="E101278" s="15">
        <v>45549</v>
      </c>
      <c r="F101278" s="14" t="s">
        <v>25</v>
      </c>
      <c r="G101278" s="16">
        <v>4.9236022260959252E-2</v>
      </c>
    </row>
    <row r="101279" spans="1:7" x14ac:dyDescent="0.3">
      <c r="A101279" s="13" t="s">
        <v>497</v>
      </c>
      <c r="B101279" s="14" t="s">
        <v>1</v>
      </c>
      <c r="C101279" s="14" t="s">
        <v>109</v>
      </c>
      <c r="D101279" s="14" t="s">
        <v>498</v>
      </c>
      <c r="E101279" s="15">
        <v>45550</v>
      </c>
      <c r="F101279" s="14" t="s">
        <v>25</v>
      </c>
      <c r="G101279" s="16">
        <v>4.9236022260959252E-2</v>
      </c>
    </row>
    <row r="101280" spans="1:7" x14ac:dyDescent="0.3">
      <c r="A101280" s="13" t="s">
        <v>497</v>
      </c>
      <c r="B101280" s="14" t="s">
        <v>1</v>
      </c>
      <c r="C101280" s="14" t="s">
        <v>109</v>
      </c>
      <c r="D101280" s="14" t="s">
        <v>498</v>
      </c>
      <c r="E101280" s="15">
        <v>45551</v>
      </c>
      <c r="F101280" s="14" t="s">
        <v>25</v>
      </c>
      <c r="G101280" s="16">
        <v>4.7421966735666961E-2</v>
      </c>
    </row>
    <row r="101281" spans="1:7" x14ac:dyDescent="0.3">
      <c r="A101281" s="13" t="s">
        <v>497</v>
      </c>
      <c r="B101281" s="14" t="s">
        <v>1</v>
      </c>
      <c r="C101281" s="14" t="s">
        <v>109</v>
      </c>
      <c r="D101281" s="14" t="s">
        <v>498</v>
      </c>
      <c r="E101281" s="15">
        <v>45552</v>
      </c>
      <c r="F101281" s="14" t="s">
        <v>25</v>
      </c>
      <c r="G101281" s="16">
        <v>4.1828263143738983E-2</v>
      </c>
    </row>
    <row r="101282" spans="1:7" x14ac:dyDescent="0.3">
      <c r="A101282" s="13" t="s">
        <v>497</v>
      </c>
      <c r="B101282" s="14" t="s">
        <v>1</v>
      </c>
      <c r="C101282" s="14" t="s">
        <v>109</v>
      </c>
      <c r="D101282" s="14" t="s">
        <v>498</v>
      </c>
      <c r="E101282" s="15">
        <v>45553</v>
      </c>
      <c r="F101282" s="14" t="s">
        <v>25</v>
      </c>
      <c r="G101282" s="16">
        <v>4.0101390490465384E-2</v>
      </c>
    </row>
    <row r="101283" spans="1:7" x14ac:dyDescent="0.3">
      <c r="A101283" s="13" t="s">
        <v>497</v>
      </c>
      <c r="B101283" s="14" t="s">
        <v>1</v>
      </c>
      <c r="C101283" s="14" t="s">
        <v>109</v>
      </c>
      <c r="D101283" s="14" t="s">
        <v>498</v>
      </c>
      <c r="E101283" s="15">
        <v>45554</v>
      </c>
      <c r="F101283" s="14" t="s">
        <v>25</v>
      </c>
      <c r="G101283" s="16">
        <v>3.8268299536477729E-2</v>
      </c>
    </row>
    <row r="101284" spans="1:7" x14ac:dyDescent="0.3">
      <c r="A101284" s="13" t="s">
        <v>497</v>
      </c>
      <c r="B101284" s="14" t="s">
        <v>1</v>
      </c>
      <c r="C101284" s="14" t="s">
        <v>109</v>
      </c>
      <c r="D101284" s="14" t="s">
        <v>498</v>
      </c>
      <c r="E101284" s="15">
        <v>45555</v>
      </c>
      <c r="F101284" s="14" t="s">
        <v>25</v>
      </c>
      <c r="G101284" s="16">
        <v>3.649449996524972E-2</v>
      </c>
    </row>
    <row r="101285" spans="1:7" x14ac:dyDescent="0.3">
      <c r="A101285" s="13" t="s">
        <v>497</v>
      </c>
      <c r="B101285" s="14" t="s">
        <v>1</v>
      </c>
      <c r="C101285" s="14" t="s">
        <v>109</v>
      </c>
      <c r="D101285" s="14" t="s">
        <v>498</v>
      </c>
      <c r="E101285" s="15">
        <v>45556</v>
      </c>
      <c r="F101285" s="14" t="s">
        <v>25</v>
      </c>
      <c r="G101285" s="16">
        <v>3.649449996524972E-2</v>
      </c>
    </row>
    <row r="101286" spans="1:7" x14ac:dyDescent="0.3">
      <c r="A101286" s="13" t="s">
        <v>497</v>
      </c>
      <c r="B101286" s="14" t="s">
        <v>1</v>
      </c>
      <c r="C101286" s="14" t="s">
        <v>109</v>
      </c>
      <c r="D101286" s="14" t="s">
        <v>498</v>
      </c>
      <c r="E101286" s="15">
        <v>45557</v>
      </c>
      <c r="F101286" s="14" t="s">
        <v>25</v>
      </c>
      <c r="G101286" s="16">
        <v>3.649449996524972E-2</v>
      </c>
    </row>
    <row r="101287" spans="1:7" x14ac:dyDescent="0.3">
      <c r="A101287" s="13" t="s">
        <v>497</v>
      </c>
      <c r="B101287" s="14" t="s">
        <v>1</v>
      </c>
      <c r="C101287" s="14" t="s">
        <v>109</v>
      </c>
      <c r="D101287" s="14" t="s">
        <v>498</v>
      </c>
      <c r="E101287" s="15">
        <v>45558</v>
      </c>
      <c r="F101287" s="14" t="s">
        <v>25</v>
      </c>
      <c r="G101287" s="16">
        <v>3.4451817503611155E-2</v>
      </c>
    </row>
    <row r="101288" spans="1:7" x14ac:dyDescent="0.3">
      <c r="A101288" s="13" t="s">
        <v>497</v>
      </c>
      <c r="B101288" s="14" t="s">
        <v>1</v>
      </c>
      <c r="C101288" s="14" t="s">
        <v>109</v>
      </c>
      <c r="D101288" s="14" t="s">
        <v>498</v>
      </c>
      <c r="E101288" s="15">
        <v>45559</v>
      </c>
      <c r="F101288" s="14" t="s">
        <v>25</v>
      </c>
      <c r="G101288" s="16">
        <v>2.8523932517631967E-2</v>
      </c>
    </row>
    <row r="101289" spans="1:7" x14ac:dyDescent="0.3">
      <c r="A101289" s="13" t="s">
        <v>497</v>
      </c>
      <c r="B101289" s="14" t="s">
        <v>1</v>
      </c>
      <c r="C101289" s="14" t="s">
        <v>109</v>
      </c>
      <c r="D101289" s="14" t="s">
        <v>498</v>
      </c>
      <c r="E101289" s="15">
        <v>45560</v>
      </c>
      <c r="F101289" s="14" t="s">
        <v>25</v>
      </c>
      <c r="G101289" s="16">
        <v>2.6826411075319287E-2</v>
      </c>
    </row>
    <row r="101290" spans="1:7" x14ac:dyDescent="0.3">
      <c r="A101290" s="13" t="s">
        <v>497</v>
      </c>
      <c r="B101290" s="14" t="s">
        <v>1</v>
      </c>
      <c r="C101290" s="14" t="s">
        <v>109</v>
      </c>
      <c r="D101290" s="14" t="s">
        <v>498</v>
      </c>
      <c r="E101290" s="15">
        <v>45561</v>
      </c>
      <c r="F101290" s="14" t="s">
        <v>25</v>
      </c>
      <c r="G101290" s="16">
        <v>2.4735595883500709E-2</v>
      </c>
    </row>
    <row r="101291" spans="1:7" x14ac:dyDescent="0.3">
      <c r="A101291" s="13" t="s">
        <v>497</v>
      </c>
      <c r="B101291" s="14" t="s">
        <v>1</v>
      </c>
      <c r="C101291" s="14" t="s">
        <v>109</v>
      </c>
      <c r="D101291" s="14" t="s">
        <v>498</v>
      </c>
      <c r="E101291" s="15">
        <v>45562</v>
      </c>
      <c r="F101291" s="14" t="s">
        <v>25</v>
      </c>
      <c r="G101291" s="16">
        <v>2.3470152335595094E-2</v>
      </c>
    </row>
    <row r="101292" spans="1:7" x14ac:dyDescent="0.3">
      <c r="A101292" s="13" t="s">
        <v>497</v>
      </c>
      <c r="B101292" s="14" t="s">
        <v>1</v>
      </c>
      <c r="C101292" s="14" t="s">
        <v>109</v>
      </c>
      <c r="D101292" s="14" t="s">
        <v>498</v>
      </c>
      <c r="E101292" s="15">
        <v>45563</v>
      </c>
      <c r="F101292" s="14" t="s">
        <v>25</v>
      </c>
      <c r="G101292" s="16">
        <v>2.3470152335595094E-2</v>
      </c>
    </row>
    <row r="101293" spans="1:7" x14ac:dyDescent="0.3">
      <c r="A101293" s="13" t="s">
        <v>497</v>
      </c>
      <c r="B101293" s="14" t="s">
        <v>1</v>
      </c>
      <c r="C101293" s="14" t="s">
        <v>109</v>
      </c>
      <c r="D101293" s="14" t="s">
        <v>498</v>
      </c>
      <c r="E101293" s="15">
        <v>45564</v>
      </c>
      <c r="F101293" s="14" t="s">
        <v>25</v>
      </c>
      <c r="G101293" s="16">
        <v>2.3470152335595094E-2</v>
      </c>
    </row>
    <row r="101294" spans="1:7" x14ac:dyDescent="0.3">
      <c r="A101294" s="13" t="s">
        <v>497</v>
      </c>
      <c r="B101294" s="14" t="s">
        <v>1</v>
      </c>
      <c r="C101294" s="14" t="s">
        <v>109</v>
      </c>
      <c r="D101294" s="14" t="s">
        <v>498</v>
      </c>
      <c r="E101294" s="15">
        <v>45565</v>
      </c>
      <c r="F101294" s="14" t="s">
        <v>25</v>
      </c>
      <c r="G101294" s="16">
        <v>4.4320844889733535E-2</v>
      </c>
    </row>
    <row r="101295" spans="1:7" x14ac:dyDescent="0.3">
      <c r="A101295" s="13" t="s">
        <v>497</v>
      </c>
      <c r="B101295" s="14" t="s">
        <v>1</v>
      </c>
      <c r="C101295" s="14" t="s">
        <v>109</v>
      </c>
      <c r="D101295" s="14" t="s">
        <v>498</v>
      </c>
      <c r="E101295" s="15">
        <v>45566</v>
      </c>
      <c r="F101295" s="14" t="s">
        <v>25</v>
      </c>
      <c r="G101295" s="16">
        <v>4.0614945503435015E-2</v>
      </c>
    </row>
    <row r="101296" spans="1:7" x14ac:dyDescent="0.3">
      <c r="A101296" s="13" t="s">
        <v>497</v>
      </c>
      <c r="B101296" s="14" t="s">
        <v>1</v>
      </c>
      <c r="C101296" s="14" t="s">
        <v>109</v>
      </c>
      <c r="D101296" s="14" t="s">
        <v>498</v>
      </c>
      <c r="E101296" s="15">
        <v>45567</v>
      </c>
      <c r="F101296" s="14" t="s">
        <v>25</v>
      </c>
      <c r="G101296" s="16">
        <v>3.8942041589577585E-2</v>
      </c>
    </row>
    <row r="101297" spans="1:7" x14ac:dyDescent="0.3">
      <c r="A101297" s="13" t="s">
        <v>497</v>
      </c>
      <c r="B101297" s="14" t="s">
        <v>1</v>
      </c>
      <c r="C101297" s="14" t="s">
        <v>109</v>
      </c>
      <c r="D101297" s="14" t="s">
        <v>498</v>
      </c>
      <c r="E101297" s="15">
        <v>45568</v>
      </c>
      <c r="F101297" s="14" t="s">
        <v>25</v>
      </c>
      <c r="G101297" s="16">
        <v>3.7117816289593882E-2</v>
      </c>
    </row>
    <row r="101298" spans="1:7" x14ac:dyDescent="0.3">
      <c r="A101298" s="13" t="s">
        <v>497</v>
      </c>
      <c r="B101298" s="14" t="s">
        <v>1</v>
      </c>
      <c r="C101298" s="14" t="s">
        <v>109</v>
      </c>
      <c r="D101298" s="14" t="s">
        <v>498</v>
      </c>
      <c r="E101298" s="15">
        <v>45569</v>
      </c>
      <c r="F101298" s="14" t="s">
        <v>25</v>
      </c>
      <c r="G101298" s="16">
        <v>3.5357098466544286E-2</v>
      </c>
    </row>
    <row r="101299" spans="1:7" x14ac:dyDescent="0.3">
      <c r="A101299" s="13" t="s">
        <v>497</v>
      </c>
      <c r="B101299" s="14" t="s">
        <v>1</v>
      </c>
      <c r="C101299" s="14" t="s">
        <v>109</v>
      </c>
      <c r="D101299" s="14" t="s">
        <v>498</v>
      </c>
      <c r="E101299" s="15">
        <v>45570</v>
      </c>
      <c r="F101299" s="14" t="s">
        <v>25</v>
      </c>
      <c r="G101299" s="16">
        <v>3.5357098466544286E-2</v>
      </c>
    </row>
    <row r="101300" spans="1:7" x14ac:dyDescent="0.3">
      <c r="A101300" s="13" t="s">
        <v>497</v>
      </c>
      <c r="B101300" s="14" t="s">
        <v>1</v>
      </c>
      <c r="C101300" s="14" t="s">
        <v>109</v>
      </c>
      <c r="D101300" s="14" t="s">
        <v>498</v>
      </c>
      <c r="E101300" s="15">
        <v>45571</v>
      </c>
      <c r="F101300" s="14" t="s">
        <v>25</v>
      </c>
      <c r="G101300" s="16">
        <v>3.5357098466544286E-2</v>
      </c>
    </row>
    <row r="101301" spans="1:7" x14ac:dyDescent="0.3">
      <c r="A101301" s="13" t="s">
        <v>497</v>
      </c>
      <c r="B101301" s="14" t="s">
        <v>1</v>
      </c>
      <c r="C101301" s="14" t="s">
        <v>109</v>
      </c>
      <c r="D101301" s="14" t="s">
        <v>498</v>
      </c>
      <c r="E101301" s="15">
        <v>45572</v>
      </c>
      <c r="F101301" s="14" t="s">
        <v>25</v>
      </c>
      <c r="G101301" s="16">
        <v>3.6963823157135887E-2</v>
      </c>
    </row>
    <row r="101302" spans="1:7" x14ac:dyDescent="0.3">
      <c r="A101302" s="13" t="s">
        <v>497</v>
      </c>
      <c r="B101302" s="14" t="s">
        <v>1</v>
      </c>
      <c r="C101302" s="14" t="s">
        <v>109</v>
      </c>
      <c r="D101302" s="14" t="s">
        <v>498</v>
      </c>
      <c r="E101302" s="15">
        <v>45573</v>
      </c>
      <c r="F101302" s="14" t="s">
        <v>25</v>
      </c>
      <c r="G101302" s="16">
        <v>3.1043833134193146E-2</v>
      </c>
    </row>
    <row r="101303" spans="1:7" x14ac:dyDescent="0.3">
      <c r="A101303" s="13" t="s">
        <v>497</v>
      </c>
      <c r="B101303" s="14" t="s">
        <v>1</v>
      </c>
      <c r="C101303" s="14" t="s">
        <v>109</v>
      </c>
      <c r="D101303" s="14" t="s">
        <v>498</v>
      </c>
      <c r="E101303" s="15">
        <v>45574</v>
      </c>
      <c r="F101303" s="14" t="s">
        <v>25</v>
      </c>
      <c r="G101303" s="16">
        <v>2.9161690089246788E-2</v>
      </c>
    </row>
    <row r="101304" spans="1:7" x14ac:dyDescent="0.3">
      <c r="A101304" s="13" t="s">
        <v>497</v>
      </c>
      <c r="B101304" s="14" t="s">
        <v>1</v>
      </c>
      <c r="C101304" s="14" t="s">
        <v>109</v>
      </c>
      <c r="D101304" s="14" t="s">
        <v>498</v>
      </c>
      <c r="E101304" s="15">
        <v>45575</v>
      </c>
      <c r="F101304" s="14" t="s">
        <v>25</v>
      </c>
      <c r="G101304" s="16">
        <v>2.6979068221556386E-2</v>
      </c>
    </row>
    <row r="101305" spans="1:7" x14ac:dyDescent="0.3">
      <c r="A101305" s="13" t="s">
        <v>497</v>
      </c>
      <c r="B101305" s="14" t="s">
        <v>1</v>
      </c>
      <c r="C101305" s="14" t="s">
        <v>109</v>
      </c>
      <c r="D101305" s="14" t="s">
        <v>498</v>
      </c>
      <c r="E101305" s="15">
        <v>45576</v>
      </c>
      <c r="F101305" s="14" t="s">
        <v>25</v>
      </c>
      <c r="G101305" s="16">
        <v>2.4944138587543331E-2</v>
      </c>
    </row>
    <row r="101306" spans="1:7" x14ac:dyDescent="0.3">
      <c r="A101306" s="13" t="s">
        <v>497</v>
      </c>
      <c r="B101306" s="14" t="s">
        <v>1</v>
      </c>
      <c r="C101306" s="14" t="s">
        <v>109</v>
      </c>
      <c r="D101306" s="14" t="s">
        <v>498</v>
      </c>
      <c r="E101306" s="15">
        <v>45577</v>
      </c>
      <c r="F101306" s="14" t="s">
        <v>25</v>
      </c>
      <c r="G101306" s="16">
        <v>2.4944138587543331E-2</v>
      </c>
    </row>
    <row r="101307" spans="1:7" x14ac:dyDescent="0.3">
      <c r="A101307" s="13" t="s">
        <v>497</v>
      </c>
      <c r="B101307" s="14" t="s">
        <v>1</v>
      </c>
      <c r="C101307" s="14" t="s">
        <v>109</v>
      </c>
      <c r="D101307" s="14" t="s">
        <v>498</v>
      </c>
      <c r="E101307" s="15">
        <v>45578</v>
      </c>
      <c r="F101307" s="14" t="s">
        <v>25</v>
      </c>
      <c r="G101307" s="16">
        <v>2.4944138587543331E-2</v>
      </c>
    </row>
    <row r="101308" spans="1:7" x14ac:dyDescent="0.3">
      <c r="A101308" s="13" t="s">
        <v>497</v>
      </c>
      <c r="B101308" s="14" t="s">
        <v>1</v>
      </c>
      <c r="C101308" s="14" t="s">
        <v>109</v>
      </c>
      <c r="D101308" s="14" t="s">
        <v>498</v>
      </c>
      <c r="E101308" s="15">
        <v>45579</v>
      </c>
      <c r="F101308" s="14" t="s">
        <v>25</v>
      </c>
      <c r="G101308" s="16">
        <v>2.3834544501291306E-2</v>
      </c>
    </row>
    <row r="101309" spans="1:7" x14ac:dyDescent="0.3">
      <c r="A101309" s="13" t="s">
        <v>497</v>
      </c>
      <c r="B101309" s="14" t="s">
        <v>1</v>
      </c>
      <c r="C101309" s="14" t="s">
        <v>109</v>
      </c>
      <c r="D101309" s="14" t="s">
        <v>498</v>
      </c>
      <c r="E101309" s="15">
        <v>45580</v>
      </c>
      <c r="F101309" s="14" t="s">
        <v>25</v>
      </c>
      <c r="G101309" s="16">
        <v>1.7482893758546201E-2</v>
      </c>
    </row>
    <row r="101310" spans="1:7" x14ac:dyDescent="0.3">
      <c r="A101310" s="13" t="s">
        <v>497</v>
      </c>
      <c r="B101310" s="14" t="s">
        <v>1</v>
      </c>
      <c r="C101310" s="14" t="s">
        <v>109</v>
      </c>
      <c r="D101310" s="14" t="s">
        <v>498</v>
      </c>
      <c r="E101310" s="15">
        <v>45581</v>
      </c>
      <c r="F101310" s="14" t="s">
        <v>25</v>
      </c>
      <c r="G101310" s="16">
        <v>1.5420652244931395E-2</v>
      </c>
    </row>
    <row r="101311" spans="1:7" x14ac:dyDescent="0.3">
      <c r="A101311" s="13" t="s">
        <v>497</v>
      </c>
      <c r="B101311" s="14" t="s">
        <v>1</v>
      </c>
      <c r="C101311" s="14" t="s">
        <v>109</v>
      </c>
      <c r="D101311" s="14" t="s">
        <v>498</v>
      </c>
      <c r="E101311" s="15">
        <v>45582</v>
      </c>
      <c r="F101311" s="14" t="s">
        <v>25</v>
      </c>
      <c r="G101311" s="16">
        <v>1.3341759906175175E-2</v>
      </c>
    </row>
    <row r="101312" spans="1:7" x14ac:dyDescent="0.3">
      <c r="A101312" s="13" t="s">
        <v>497</v>
      </c>
      <c r="B101312" s="14" t="s">
        <v>1</v>
      </c>
      <c r="C101312" s="14" t="s">
        <v>109</v>
      </c>
      <c r="D101312" s="14" t="s">
        <v>498</v>
      </c>
      <c r="E101312" s="15">
        <v>45583</v>
      </c>
      <c r="F101312" s="14" t="s">
        <v>25</v>
      </c>
      <c r="G101312" s="16">
        <v>1.5540124335274042E-2</v>
      </c>
    </row>
    <row r="101313" spans="1:7" x14ac:dyDescent="0.3">
      <c r="A101313" s="13" t="s">
        <v>497</v>
      </c>
      <c r="B101313" s="14" t="s">
        <v>1</v>
      </c>
      <c r="C101313" s="14" t="s">
        <v>109</v>
      </c>
      <c r="D101313" s="14" t="s">
        <v>498</v>
      </c>
      <c r="E101313" s="15">
        <v>45584</v>
      </c>
      <c r="F101313" s="14" t="s">
        <v>25</v>
      </c>
      <c r="G101313" s="16">
        <v>1.5540124335274042E-2</v>
      </c>
    </row>
    <row r="101314" spans="1:7" x14ac:dyDescent="0.3">
      <c r="A101314" s="13" t="s">
        <v>497</v>
      </c>
      <c r="B101314" s="14" t="s">
        <v>1</v>
      </c>
      <c r="C101314" s="14" t="s">
        <v>109</v>
      </c>
      <c r="D101314" s="14" t="s">
        <v>498</v>
      </c>
      <c r="E101314" s="15">
        <v>45585</v>
      </c>
      <c r="F101314" s="14" t="s">
        <v>25</v>
      </c>
      <c r="G101314" s="16">
        <v>1.5540124335274042E-2</v>
      </c>
    </row>
    <row r="101315" spans="1:7" x14ac:dyDescent="0.3">
      <c r="A101315" s="13" t="s">
        <v>497</v>
      </c>
      <c r="B101315" s="14" t="s">
        <v>1</v>
      </c>
      <c r="C101315" s="14" t="s">
        <v>109</v>
      </c>
      <c r="D101315" s="14" t="s">
        <v>498</v>
      </c>
      <c r="E101315" s="15">
        <v>45586</v>
      </c>
      <c r="F101315" s="14" t="s">
        <v>25</v>
      </c>
      <c r="G101315" s="16">
        <v>1.3452144898046492E-2</v>
      </c>
    </row>
    <row r="101316" spans="1:7" x14ac:dyDescent="0.3">
      <c r="A101316" s="13" t="s">
        <v>497</v>
      </c>
      <c r="B101316" s="14" t="s">
        <v>1</v>
      </c>
      <c r="C101316" s="14" t="s">
        <v>109</v>
      </c>
      <c r="D101316" s="14" t="s">
        <v>498</v>
      </c>
      <c r="E101316" s="15">
        <v>45587</v>
      </c>
      <c r="F101316" s="14" t="s">
        <v>25</v>
      </c>
      <c r="G101316" s="16">
        <v>7.1136830791932275E-3</v>
      </c>
    </row>
    <row r="101317" spans="1:7" x14ac:dyDescent="0.3">
      <c r="A101317" s="13" t="s">
        <v>497</v>
      </c>
      <c r="B101317" s="14" t="s">
        <v>1</v>
      </c>
      <c r="C101317" s="14" t="s">
        <v>109</v>
      </c>
      <c r="D101317" s="14" t="s">
        <v>498</v>
      </c>
      <c r="E101317" s="15">
        <v>45588</v>
      </c>
      <c r="F101317" s="14" t="s">
        <v>25</v>
      </c>
      <c r="G101317" s="16">
        <v>5.0082763626379959E-3</v>
      </c>
    </row>
    <row r="101318" spans="1:7" x14ac:dyDescent="0.3">
      <c r="A101318" s="13" t="s">
        <v>497</v>
      </c>
      <c r="B101318" s="14" t="s">
        <v>1</v>
      </c>
      <c r="C101318" s="14" t="s">
        <v>109</v>
      </c>
      <c r="D101318" s="14" t="s">
        <v>498</v>
      </c>
      <c r="E101318" s="15">
        <v>45589</v>
      </c>
      <c r="F101318" s="14" t="s">
        <v>25</v>
      </c>
      <c r="G101318" s="16">
        <v>2.8923096112802673E-3</v>
      </c>
    </row>
    <row r="101319" spans="1:7" x14ac:dyDescent="0.3">
      <c r="A101319" s="13" t="s">
        <v>497</v>
      </c>
      <c r="B101319" s="14" t="s">
        <v>1</v>
      </c>
      <c r="C101319" s="14" t="s">
        <v>109</v>
      </c>
      <c r="D101319" s="14" t="s">
        <v>498</v>
      </c>
      <c r="E101319" s="15">
        <v>45590</v>
      </c>
      <c r="F101319" s="14" t="s">
        <v>25</v>
      </c>
      <c r="G101319" s="16">
        <v>8.0915273460887703E-4</v>
      </c>
    </row>
    <row r="101320" spans="1:7" x14ac:dyDescent="0.3">
      <c r="A101320" s="13" t="s">
        <v>497</v>
      </c>
      <c r="B101320" s="14" t="s">
        <v>1</v>
      </c>
      <c r="C101320" s="14" t="s">
        <v>109</v>
      </c>
      <c r="D101320" s="14" t="s">
        <v>498</v>
      </c>
      <c r="E101320" s="15">
        <v>45591</v>
      </c>
      <c r="F101320" s="14" t="s">
        <v>25</v>
      </c>
      <c r="G101320" s="16">
        <v>8.0915273460887703E-4</v>
      </c>
    </row>
    <row r="101321" spans="1:7" x14ac:dyDescent="0.3">
      <c r="A101321" s="13" t="s">
        <v>497</v>
      </c>
      <c r="B101321" s="14" t="s">
        <v>1</v>
      </c>
      <c r="C101321" s="14" t="s">
        <v>109</v>
      </c>
      <c r="D101321" s="14" t="s">
        <v>498</v>
      </c>
      <c r="E101321" s="15">
        <v>45592</v>
      </c>
      <c r="F101321" s="14" t="s">
        <v>25</v>
      </c>
      <c r="G101321" s="16">
        <v>8.0915273460887703E-4</v>
      </c>
    </row>
    <row r="101322" spans="1:7" x14ac:dyDescent="0.3">
      <c r="A101322" s="13" t="s">
        <v>497</v>
      </c>
      <c r="B101322" s="14" t="s">
        <v>1</v>
      </c>
      <c r="C101322" s="14" t="s">
        <v>109</v>
      </c>
      <c r="D101322" s="14" t="s">
        <v>498</v>
      </c>
      <c r="E101322" s="15">
        <v>45593</v>
      </c>
      <c r="F101322" s="14" t="s">
        <v>25</v>
      </c>
      <c r="G101322" s="16">
        <v>8.0915273460887703E-4</v>
      </c>
    </row>
    <row r="101323" spans="1:7" x14ac:dyDescent="0.3">
      <c r="A101323" s="13" t="s">
        <v>497</v>
      </c>
      <c r="B101323" s="14" t="s">
        <v>1</v>
      </c>
      <c r="C101323" s="14" t="s">
        <v>109</v>
      </c>
      <c r="D101323" s="14" t="s">
        <v>498</v>
      </c>
      <c r="E101323" s="15">
        <v>45594</v>
      </c>
      <c r="F101323" s="14" t="s">
        <v>25</v>
      </c>
      <c r="G101323" s="16">
        <v>0</v>
      </c>
    </row>
    <row r="101324" spans="1:7" x14ac:dyDescent="0.3">
      <c r="A101324" s="13" t="s">
        <v>497</v>
      </c>
      <c r="B101324" s="14" t="s">
        <v>1</v>
      </c>
      <c r="C101324" s="14" t="s">
        <v>109</v>
      </c>
      <c r="D101324" s="14" t="s">
        <v>498</v>
      </c>
      <c r="E101324" s="15">
        <v>45595</v>
      </c>
      <c r="F101324" s="14" t="s">
        <v>25</v>
      </c>
      <c r="G101324" s="16">
        <v>0</v>
      </c>
    </row>
    <row r="101325" spans="1:7" x14ac:dyDescent="0.3">
      <c r="A101325" s="13" t="s">
        <v>497</v>
      </c>
      <c r="B101325" s="14" t="s">
        <v>1</v>
      </c>
      <c r="C101325" s="14" t="s">
        <v>109</v>
      </c>
      <c r="D101325" s="14" t="s">
        <v>498</v>
      </c>
      <c r="E101325" s="15">
        <v>45596</v>
      </c>
      <c r="F101325" s="14" t="s">
        <v>25</v>
      </c>
      <c r="G101325" s="16">
        <v>0</v>
      </c>
    </row>
    <row r="101326" spans="1:7" x14ac:dyDescent="0.3">
      <c r="A101326" s="13" t="s">
        <v>497</v>
      </c>
      <c r="B101326" s="14" t="s">
        <v>1</v>
      </c>
      <c r="C101326" s="14" t="s">
        <v>109</v>
      </c>
      <c r="D101326" s="14" t="s">
        <v>498</v>
      </c>
      <c r="E101326" s="15">
        <v>45597</v>
      </c>
      <c r="F101326" s="14" t="s">
        <v>25</v>
      </c>
      <c r="G101326" s="16">
        <v>0</v>
      </c>
    </row>
    <row r="101327" spans="1:7" x14ac:dyDescent="0.3">
      <c r="A101327" s="13" t="s">
        <v>497</v>
      </c>
      <c r="B101327" s="14" t="s">
        <v>1</v>
      </c>
      <c r="C101327" s="14" t="s">
        <v>109</v>
      </c>
      <c r="D101327" s="14" t="s">
        <v>498</v>
      </c>
      <c r="E101327" s="15">
        <v>45598</v>
      </c>
      <c r="F101327" s="14" t="s">
        <v>25</v>
      </c>
      <c r="G101327" s="16">
        <v>0</v>
      </c>
    </row>
    <row r="101328" spans="1:7" x14ac:dyDescent="0.3">
      <c r="A101328" s="13" t="s">
        <v>497</v>
      </c>
      <c r="B101328" s="14" t="s">
        <v>1</v>
      </c>
      <c r="C101328" s="14" t="s">
        <v>109</v>
      </c>
      <c r="D101328" s="14" t="s">
        <v>498</v>
      </c>
      <c r="E101328" s="15">
        <v>45599</v>
      </c>
      <c r="F101328" s="14" t="s">
        <v>25</v>
      </c>
      <c r="G101328" s="16">
        <v>0</v>
      </c>
    </row>
    <row r="101329" spans="1:7" x14ac:dyDescent="0.3">
      <c r="A101329" s="13" t="s">
        <v>497</v>
      </c>
      <c r="B101329" s="14" t="s">
        <v>1</v>
      </c>
      <c r="C101329" s="14" t="s">
        <v>109</v>
      </c>
      <c r="D101329" s="14" t="s">
        <v>498</v>
      </c>
      <c r="E101329" s="15">
        <v>45600</v>
      </c>
      <c r="F101329" s="14" t="s">
        <v>25</v>
      </c>
      <c r="G101329" s="16">
        <v>0</v>
      </c>
    </row>
    <row r="101330" spans="1:7" x14ac:dyDescent="0.3">
      <c r="A101330" s="13" t="s">
        <v>497</v>
      </c>
      <c r="B101330" s="14" t="s">
        <v>1</v>
      </c>
      <c r="C101330" s="14" t="s">
        <v>109</v>
      </c>
      <c r="D101330" s="14" t="s">
        <v>498</v>
      </c>
      <c r="E101330" s="15">
        <v>45601</v>
      </c>
      <c r="F101330" s="14" t="s">
        <v>25</v>
      </c>
      <c r="G101330" s="16">
        <v>0</v>
      </c>
    </row>
    <row r="101331" spans="1:7" x14ac:dyDescent="0.3">
      <c r="A101331" s="13" t="s">
        <v>497</v>
      </c>
      <c r="B101331" s="14" t="s">
        <v>1</v>
      </c>
      <c r="C101331" s="14" t="s">
        <v>109</v>
      </c>
      <c r="D101331" s="14" t="s">
        <v>498</v>
      </c>
      <c r="E101331" s="15">
        <v>45602</v>
      </c>
      <c r="F101331" s="14" t="s">
        <v>25</v>
      </c>
      <c r="G101331" s="16">
        <v>0</v>
      </c>
    </row>
    <row r="101332" spans="1:7" x14ac:dyDescent="0.3">
      <c r="A101332" s="13" t="s">
        <v>497</v>
      </c>
      <c r="B101332" s="14" t="s">
        <v>1</v>
      </c>
      <c r="C101332" s="14" t="s">
        <v>109</v>
      </c>
      <c r="D101332" s="14" t="s">
        <v>498</v>
      </c>
      <c r="E101332" s="15">
        <v>45603</v>
      </c>
      <c r="F101332" s="14" t="s">
        <v>25</v>
      </c>
      <c r="G101332" s="16">
        <v>0</v>
      </c>
    </row>
    <row r="101333" spans="1:7" x14ac:dyDescent="0.3">
      <c r="A101333" s="13" t="s">
        <v>497</v>
      </c>
      <c r="B101333" s="14" t="s">
        <v>1</v>
      </c>
      <c r="C101333" s="14" t="s">
        <v>109</v>
      </c>
      <c r="D101333" s="14" t="s">
        <v>498</v>
      </c>
      <c r="E101333" s="15">
        <v>45604</v>
      </c>
      <c r="F101333" s="14" t="s">
        <v>25</v>
      </c>
      <c r="G101333" s="16">
        <v>0</v>
      </c>
    </row>
    <row r="101334" spans="1:7" x14ac:dyDescent="0.3">
      <c r="A101334" s="13" t="s">
        <v>497</v>
      </c>
      <c r="B101334" s="14" t="s">
        <v>1</v>
      </c>
      <c r="C101334" s="14" t="s">
        <v>109</v>
      </c>
      <c r="D101334" s="14" t="s">
        <v>498</v>
      </c>
      <c r="E101334" s="15">
        <v>45605</v>
      </c>
      <c r="F101334" s="14" t="s">
        <v>25</v>
      </c>
      <c r="G101334" s="16">
        <v>0</v>
      </c>
    </row>
    <row r="101335" spans="1:7" x14ac:dyDescent="0.3">
      <c r="A101335" s="13" t="s">
        <v>497</v>
      </c>
      <c r="B101335" s="14" t="s">
        <v>1</v>
      </c>
      <c r="C101335" s="14" t="s">
        <v>109</v>
      </c>
      <c r="D101335" s="14" t="s">
        <v>498</v>
      </c>
      <c r="E101335" s="15">
        <v>45606</v>
      </c>
      <c r="F101335" s="14" t="s">
        <v>25</v>
      </c>
      <c r="G101335" s="16">
        <v>0</v>
      </c>
    </row>
    <row r="101336" spans="1:7" x14ac:dyDescent="0.3">
      <c r="A101336" s="13" t="s">
        <v>497</v>
      </c>
      <c r="B101336" s="14" t="s">
        <v>1</v>
      </c>
      <c r="C101336" s="14" t="s">
        <v>109</v>
      </c>
      <c r="D101336" s="14" t="s">
        <v>498</v>
      </c>
      <c r="E101336" s="15">
        <v>45607</v>
      </c>
      <c r="F101336" s="14" t="s">
        <v>25</v>
      </c>
      <c r="G101336" s="16">
        <v>0</v>
      </c>
    </row>
    <row r="101337" spans="1:7" x14ac:dyDescent="0.3">
      <c r="A101337" s="13" t="s">
        <v>497</v>
      </c>
      <c r="B101337" s="14" t="s">
        <v>1</v>
      </c>
      <c r="C101337" s="14" t="s">
        <v>109</v>
      </c>
      <c r="D101337" s="14" t="s">
        <v>498</v>
      </c>
      <c r="E101337" s="15">
        <v>45608</v>
      </c>
      <c r="F101337" s="14" t="s">
        <v>25</v>
      </c>
      <c r="G101337" s="16">
        <v>0</v>
      </c>
    </row>
    <row r="101338" spans="1:7" x14ac:dyDescent="0.3">
      <c r="A101338" s="13" t="s">
        <v>497</v>
      </c>
      <c r="B101338" s="14" t="s">
        <v>1</v>
      </c>
      <c r="C101338" s="14" t="s">
        <v>109</v>
      </c>
      <c r="D101338" s="14" t="s">
        <v>498</v>
      </c>
      <c r="E101338" s="15">
        <v>45609</v>
      </c>
      <c r="F101338" s="14" t="s">
        <v>25</v>
      </c>
      <c r="G101338" s="16">
        <v>0</v>
      </c>
    </row>
    <row r="101339" spans="1:7" x14ac:dyDescent="0.3">
      <c r="A101339" s="13" t="s">
        <v>497</v>
      </c>
      <c r="B101339" s="14" t="s">
        <v>1</v>
      </c>
      <c r="C101339" s="14" t="s">
        <v>109</v>
      </c>
      <c r="D101339" s="14" t="s">
        <v>498</v>
      </c>
      <c r="E101339" s="15">
        <v>45610</v>
      </c>
      <c r="F101339" s="14" t="s">
        <v>25</v>
      </c>
      <c r="G101339" s="16">
        <v>0</v>
      </c>
    </row>
    <row r="101340" spans="1:7" x14ac:dyDescent="0.3">
      <c r="A101340" s="13" t="s">
        <v>497</v>
      </c>
      <c r="B101340" s="14" t="s">
        <v>1</v>
      </c>
      <c r="C101340" s="14" t="s">
        <v>109</v>
      </c>
      <c r="D101340" s="14" t="s">
        <v>498</v>
      </c>
      <c r="E101340" s="15">
        <v>45611</v>
      </c>
      <c r="F101340" s="14" t="s">
        <v>25</v>
      </c>
      <c r="G101340" s="16">
        <v>0</v>
      </c>
    </row>
    <row r="101341" spans="1:7" x14ac:dyDescent="0.3">
      <c r="A101341" s="13" t="s">
        <v>497</v>
      </c>
      <c r="B101341" s="14" t="s">
        <v>1</v>
      </c>
      <c r="C101341" s="14" t="s">
        <v>109</v>
      </c>
      <c r="D101341" s="14" t="s">
        <v>498</v>
      </c>
      <c r="E101341" s="15">
        <v>45612</v>
      </c>
      <c r="F101341" s="14" t="s">
        <v>25</v>
      </c>
      <c r="G101341" s="16">
        <v>0</v>
      </c>
    </row>
    <row r="101342" spans="1:7" x14ac:dyDescent="0.3">
      <c r="A101342" s="13" t="s">
        <v>497</v>
      </c>
      <c r="B101342" s="14" t="s">
        <v>1</v>
      </c>
      <c r="C101342" s="14" t="s">
        <v>109</v>
      </c>
      <c r="D101342" s="14" t="s">
        <v>498</v>
      </c>
      <c r="E101342" s="15">
        <v>45613</v>
      </c>
      <c r="F101342" s="14" t="s">
        <v>25</v>
      </c>
      <c r="G101342" s="16">
        <v>0</v>
      </c>
    </row>
    <row r="101343" spans="1:7" x14ac:dyDescent="0.3">
      <c r="A101343" s="13" t="s">
        <v>497</v>
      </c>
      <c r="B101343" s="14" t="s">
        <v>1</v>
      </c>
      <c r="C101343" s="14" t="s">
        <v>109</v>
      </c>
      <c r="D101343" s="14" t="s">
        <v>498</v>
      </c>
      <c r="E101343" s="15">
        <v>45614</v>
      </c>
      <c r="F101343" s="14" t="s">
        <v>25</v>
      </c>
      <c r="G101343" s="16">
        <v>0</v>
      </c>
    </row>
    <row r="101344" spans="1:7" x14ac:dyDescent="0.3">
      <c r="A101344" s="13" t="s">
        <v>497</v>
      </c>
      <c r="B101344" s="14" t="s">
        <v>1</v>
      </c>
      <c r="C101344" s="14" t="s">
        <v>109</v>
      </c>
      <c r="D101344" s="14" t="s">
        <v>498</v>
      </c>
      <c r="E101344" s="15">
        <v>45615</v>
      </c>
      <c r="F101344" s="14" t="s">
        <v>25</v>
      </c>
      <c r="G101344" s="16">
        <v>0</v>
      </c>
    </row>
    <row r="101345" spans="1:7" x14ac:dyDescent="0.3">
      <c r="A101345" s="13" t="s">
        <v>497</v>
      </c>
      <c r="B101345" s="14" t="s">
        <v>1</v>
      </c>
      <c r="C101345" s="14" t="s">
        <v>109</v>
      </c>
      <c r="D101345" s="14" t="s">
        <v>498</v>
      </c>
      <c r="E101345" s="15">
        <v>45616</v>
      </c>
      <c r="F101345" s="14" t="s">
        <v>25</v>
      </c>
      <c r="G101345" s="16">
        <v>0</v>
      </c>
    </row>
    <row r="101346" spans="1:7" x14ac:dyDescent="0.3">
      <c r="A101346" s="13" t="s">
        <v>497</v>
      </c>
      <c r="B101346" s="14" t="s">
        <v>1</v>
      </c>
      <c r="C101346" s="14" t="s">
        <v>109</v>
      </c>
      <c r="D101346" s="14" t="s">
        <v>498</v>
      </c>
      <c r="E101346" s="15">
        <v>45617</v>
      </c>
      <c r="F101346" s="14" t="s">
        <v>25</v>
      </c>
      <c r="G101346" s="16">
        <v>0</v>
      </c>
    </row>
    <row r="101347" spans="1:7" x14ac:dyDescent="0.3">
      <c r="A101347" s="13" t="s">
        <v>497</v>
      </c>
      <c r="B101347" s="14" t="s">
        <v>1</v>
      </c>
      <c r="C101347" s="14" t="s">
        <v>109</v>
      </c>
      <c r="D101347" s="14" t="s">
        <v>498</v>
      </c>
      <c r="E101347" s="15">
        <v>45618</v>
      </c>
      <c r="F101347" s="14" t="s">
        <v>25</v>
      </c>
      <c r="G101347" s="16">
        <v>0</v>
      </c>
    </row>
    <row r="101348" spans="1:7" x14ac:dyDescent="0.3">
      <c r="A101348" s="13" t="s">
        <v>497</v>
      </c>
      <c r="B101348" s="14" t="s">
        <v>1</v>
      </c>
      <c r="C101348" s="14" t="s">
        <v>109</v>
      </c>
      <c r="D101348" s="14" t="s">
        <v>498</v>
      </c>
      <c r="E101348" s="15">
        <v>45619</v>
      </c>
      <c r="F101348" s="14" t="s">
        <v>25</v>
      </c>
      <c r="G101348" s="16">
        <v>0</v>
      </c>
    </row>
    <row r="101349" spans="1:7" x14ac:dyDescent="0.3">
      <c r="A101349" s="13" t="s">
        <v>497</v>
      </c>
      <c r="B101349" s="14" t="s">
        <v>1</v>
      </c>
      <c r="C101349" s="14" t="s">
        <v>109</v>
      </c>
      <c r="D101349" s="14" t="s">
        <v>498</v>
      </c>
      <c r="E101349" s="15">
        <v>45620</v>
      </c>
      <c r="F101349" s="14" t="s">
        <v>25</v>
      </c>
      <c r="G101349" s="16">
        <v>0</v>
      </c>
    </row>
    <row r="101350" spans="1:7" x14ac:dyDescent="0.3">
      <c r="A101350" s="13" t="s">
        <v>497</v>
      </c>
      <c r="B101350" s="14" t="s">
        <v>1</v>
      </c>
      <c r="C101350" s="14" t="s">
        <v>109</v>
      </c>
      <c r="D101350" s="14" t="s">
        <v>498</v>
      </c>
      <c r="E101350" s="15">
        <v>45621</v>
      </c>
      <c r="F101350" s="14" t="s">
        <v>25</v>
      </c>
      <c r="G101350" s="16">
        <v>0</v>
      </c>
    </row>
    <row r="101351" spans="1:7" x14ac:dyDescent="0.3">
      <c r="A101351" s="13" t="s">
        <v>497</v>
      </c>
      <c r="B101351" s="14" t="s">
        <v>1</v>
      </c>
      <c r="C101351" s="14" t="s">
        <v>109</v>
      </c>
      <c r="D101351" s="14" t="s">
        <v>498</v>
      </c>
      <c r="E101351" s="15">
        <v>45622</v>
      </c>
      <c r="F101351" s="14" t="s">
        <v>25</v>
      </c>
      <c r="G101351" s="16">
        <v>0</v>
      </c>
    </row>
    <row r="101352" spans="1:7" x14ac:dyDescent="0.3">
      <c r="A101352" s="13" t="s">
        <v>497</v>
      </c>
      <c r="B101352" s="14" t="s">
        <v>1</v>
      </c>
      <c r="C101352" s="14" t="s">
        <v>109</v>
      </c>
      <c r="D101352" s="14" t="s">
        <v>498</v>
      </c>
      <c r="E101352" s="15">
        <v>45623</v>
      </c>
      <c r="F101352" s="14" t="s">
        <v>25</v>
      </c>
      <c r="G101352" s="16">
        <v>0</v>
      </c>
    </row>
    <row r="101353" spans="1:7" x14ac:dyDescent="0.3">
      <c r="A101353" s="13" t="s">
        <v>497</v>
      </c>
      <c r="B101353" s="14" t="s">
        <v>1</v>
      </c>
      <c r="C101353" s="14" t="s">
        <v>109</v>
      </c>
      <c r="D101353" s="14" t="s">
        <v>498</v>
      </c>
      <c r="E101353" s="15">
        <v>45624</v>
      </c>
      <c r="F101353" s="14" t="s">
        <v>25</v>
      </c>
      <c r="G101353" s="16">
        <v>0</v>
      </c>
    </row>
    <row r="101354" spans="1:7" x14ac:dyDescent="0.3">
      <c r="A101354" s="13" t="s">
        <v>497</v>
      </c>
      <c r="B101354" s="14" t="s">
        <v>1</v>
      </c>
      <c r="C101354" s="14" t="s">
        <v>109</v>
      </c>
      <c r="D101354" s="14" t="s">
        <v>498</v>
      </c>
      <c r="E101354" s="15">
        <v>45625</v>
      </c>
      <c r="F101354" s="14" t="s">
        <v>25</v>
      </c>
      <c r="G101354" s="16">
        <v>0</v>
      </c>
    </row>
    <row r="101355" spans="1:7" x14ac:dyDescent="0.3">
      <c r="A101355" s="13" t="s">
        <v>497</v>
      </c>
      <c r="B101355" s="14" t="s">
        <v>1</v>
      </c>
      <c r="C101355" s="14" t="s">
        <v>109</v>
      </c>
      <c r="D101355" s="14" t="s">
        <v>498</v>
      </c>
      <c r="E101355" s="15">
        <v>45626</v>
      </c>
      <c r="F101355" s="14" t="s">
        <v>25</v>
      </c>
      <c r="G101355" s="16">
        <v>0</v>
      </c>
    </row>
    <row r="101356" spans="1:7" x14ac:dyDescent="0.3">
      <c r="A101356" s="13" t="s">
        <v>497</v>
      </c>
      <c r="B101356" s="14" t="s">
        <v>1</v>
      </c>
      <c r="C101356" s="14" t="s">
        <v>109</v>
      </c>
      <c r="D101356" s="14" t="s">
        <v>498</v>
      </c>
      <c r="E101356" s="15">
        <v>45627</v>
      </c>
      <c r="F101356" s="14" t="s">
        <v>25</v>
      </c>
      <c r="G101356" s="16">
        <v>0</v>
      </c>
    </row>
    <row r="101357" spans="1:7" x14ac:dyDescent="0.3">
      <c r="A101357" s="13" t="s">
        <v>497</v>
      </c>
      <c r="B101357" s="14" t="s">
        <v>1</v>
      </c>
      <c r="C101357" s="14" t="s">
        <v>109</v>
      </c>
      <c r="D101357" s="14" t="s">
        <v>498</v>
      </c>
      <c r="E101357" s="15">
        <v>45628</v>
      </c>
      <c r="F101357" s="14" t="s">
        <v>25</v>
      </c>
      <c r="G101357" s="16">
        <v>0</v>
      </c>
    </row>
    <row r="101358" spans="1:7" x14ac:dyDescent="0.3">
      <c r="A101358" s="13" t="s">
        <v>497</v>
      </c>
      <c r="B101358" s="14" t="s">
        <v>1</v>
      </c>
      <c r="C101358" s="14" t="s">
        <v>109</v>
      </c>
      <c r="D101358" s="14" t="s">
        <v>498</v>
      </c>
      <c r="E101358" s="15">
        <v>45629</v>
      </c>
      <c r="F101358" s="14" t="s">
        <v>25</v>
      </c>
      <c r="G101358" s="16">
        <v>0</v>
      </c>
    </row>
    <row r="101359" spans="1:7" x14ac:dyDescent="0.3">
      <c r="A101359" s="13" t="s">
        <v>497</v>
      </c>
      <c r="B101359" s="14" t="s">
        <v>1</v>
      </c>
      <c r="C101359" s="14" t="s">
        <v>109</v>
      </c>
      <c r="D101359" s="14" t="s">
        <v>498</v>
      </c>
      <c r="E101359" s="15">
        <v>45630</v>
      </c>
      <c r="F101359" s="14" t="s">
        <v>25</v>
      </c>
      <c r="G101359" s="16">
        <v>0</v>
      </c>
    </row>
    <row r="101360" spans="1:7" x14ac:dyDescent="0.3">
      <c r="A101360" s="13" t="s">
        <v>497</v>
      </c>
      <c r="B101360" s="14" t="s">
        <v>1</v>
      </c>
      <c r="C101360" s="14" t="s">
        <v>109</v>
      </c>
      <c r="D101360" s="14" t="s">
        <v>498</v>
      </c>
      <c r="E101360" s="15">
        <v>45631</v>
      </c>
      <c r="F101360" s="14" t="s">
        <v>25</v>
      </c>
      <c r="G101360" s="16">
        <v>0</v>
      </c>
    </row>
    <row r="101361" spans="1:7" x14ac:dyDescent="0.3">
      <c r="A101361" s="13" t="s">
        <v>497</v>
      </c>
      <c r="B101361" s="14" t="s">
        <v>1</v>
      </c>
      <c r="C101361" s="14" t="s">
        <v>109</v>
      </c>
      <c r="D101361" s="14" t="s">
        <v>498</v>
      </c>
      <c r="E101361" s="15">
        <v>45632</v>
      </c>
      <c r="F101361" s="14" t="s">
        <v>25</v>
      </c>
      <c r="G101361" s="16">
        <v>0</v>
      </c>
    </row>
    <row r="101362" spans="1:7" x14ac:dyDescent="0.3">
      <c r="A101362" s="13" t="s">
        <v>497</v>
      </c>
      <c r="B101362" s="14" t="s">
        <v>1</v>
      </c>
      <c r="C101362" s="14" t="s">
        <v>109</v>
      </c>
      <c r="D101362" s="14" t="s">
        <v>498</v>
      </c>
      <c r="E101362" s="15">
        <v>45633</v>
      </c>
      <c r="F101362" s="14" t="s">
        <v>25</v>
      </c>
      <c r="G101362" s="16">
        <v>0</v>
      </c>
    </row>
    <row r="101363" spans="1:7" x14ac:dyDescent="0.3">
      <c r="A101363" s="13" t="s">
        <v>497</v>
      </c>
      <c r="B101363" s="14" t="s">
        <v>1</v>
      </c>
      <c r="C101363" s="14" t="s">
        <v>109</v>
      </c>
      <c r="D101363" s="14" t="s">
        <v>498</v>
      </c>
      <c r="E101363" s="15">
        <v>45634</v>
      </c>
      <c r="F101363" s="14" t="s">
        <v>25</v>
      </c>
      <c r="G101363" s="16">
        <v>0</v>
      </c>
    </row>
    <row r="101364" spans="1:7" x14ac:dyDescent="0.3">
      <c r="A101364" s="13" t="s">
        <v>497</v>
      </c>
      <c r="B101364" s="14" t="s">
        <v>1</v>
      </c>
      <c r="C101364" s="14" t="s">
        <v>109</v>
      </c>
      <c r="D101364" s="14" t="s">
        <v>498</v>
      </c>
      <c r="E101364" s="15">
        <v>45635</v>
      </c>
      <c r="F101364" s="14" t="s">
        <v>25</v>
      </c>
      <c r="G101364" s="16">
        <v>0</v>
      </c>
    </row>
    <row r="101365" spans="1:7" x14ac:dyDescent="0.3">
      <c r="A101365" s="13" t="s">
        <v>497</v>
      </c>
      <c r="B101365" s="14" t="s">
        <v>1</v>
      </c>
      <c r="C101365" s="14" t="s">
        <v>109</v>
      </c>
      <c r="D101365" s="14" t="s">
        <v>498</v>
      </c>
      <c r="E101365" s="15">
        <v>45636</v>
      </c>
      <c r="F101365" s="14" t="s">
        <v>25</v>
      </c>
      <c r="G101365" s="16">
        <v>0</v>
      </c>
    </row>
    <row r="101366" spans="1:7" x14ac:dyDescent="0.3">
      <c r="A101366" s="13" t="s">
        <v>497</v>
      </c>
      <c r="B101366" s="14" t="s">
        <v>1</v>
      </c>
      <c r="C101366" s="14" t="s">
        <v>109</v>
      </c>
      <c r="D101366" s="14" t="s">
        <v>498</v>
      </c>
      <c r="E101366" s="15">
        <v>45637</v>
      </c>
      <c r="F101366" s="14" t="s">
        <v>25</v>
      </c>
      <c r="G101366" s="16">
        <v>0</v>
      </c>
    </row>
    <row r="101367" spans="1:7" x14ac:dyDescent="0.3">
      <c r="A101367" s="13" t="s">
        <v>497</v>
      </c>
      <c r="B101367" s="14" t="s">
        <v>1</v>
      </c>
      <c r="C101367" s="14" t="s">
        <v>109</v>
      </c>
      <c r="D101367" s="14" t="s">
        <v>498</v>
      </c>
      <c r="E101367" s="15">
        <v>45638</v>
      </c>
      <c r="F101367" s="14" t="s">
        <v>25</v>
      </c>
      <c r="G101367" s="16">
        <v>0</v>
      </c>
    </row>
    <row r="101368" spans="1:7" x14ac:dyDescent="0.3">
      <c r="A101368" s="13" t="s">
        <v>497</v>
      </c>
      <c r="B101368" s="14" t="s">
        <v>1</v>
      </c>
      <c r="C101368" s="14" t="s">
        <v>109</v>
      </c>
      <c r="D101368" s="14" t="s">
        <v>498</v>
      </c>
      <c r="E101368" s="15">
        <v>45639</v>
      </c>
      <c r="F101368" s="14" t="s">
        <v>25</v>
      </c>
      <c r="G101368" s="16">
        <v>0</v>
      </c>
    </row>
    <row r="101369" spans="1:7" x14ac:dyDescent="0.3">
      <c r="A101369" s="13" t="s">
        <v>497</v>
      </c>
      <c r="B101369" s="14" t="s">
        <v>1</v>
      </c>
      <c r="C101369" s="14" t="s">
        <v>109</v>
      </c>
      <c r="D101369" s="14" t="s">
        <v>498</v>
      </c>
      <c r="E101369" s="15">
        <v>45640</v>
      </c>
      <c r="F101369" s="14" t="s">
        <v>25</v>
      </c>
      <c r="G101369" s="16">
        <v>0</v>
      </c>
    </row>
    <row r="101370" spans="1:7" x14ac:dyDescent="0.3">
      <c r="A101370" s="13" t="s">
        <v>497</v>
      </c>
      <c r="B101370" s="14" t="s">
        <v>1</v>
      </c>
      <c r="C101370" s="14" t="s">
        <v>109</v>
      </c>
      <c r="D101370" s="14" t="s">
        <v>498</v>
      </c>
      <c r="E101370" s="15">
        <v>45641</v>
      </c>
      <c r="F101370" s="14" t="s">
        <v>25</v>
      </c>
      <c r="G101370" s="16">
        <v>0</v>
      </c>
    </row>
    <row r="101371" spans="1:7" x14ac:dyDescent="0.3">
      <c r="A101371" s="13" t="s">
        <v>497</v>
      </c>
      <c r="B101371" s="14" t="s">
        <v>1</v>
      </c>
      <c r="C101371" s="14" t="s">
        <v>109</v>
      </c>
      <c r="D101371" s="14" t="s">
        <v>498</v>
      </c>
      <c r="E101371" s="15">
        <v>45642</v>
      </c>
      <c r="F101371" s="14" t="s">
        <v>25</v>
      </c>
      <c r="G101371" s="16">
        <v>0</v>
      </c>
    </row>
    <row r="101372" spans="1:7" x14ac:dyDescent="0.3">
      <c r="A101372" s="13" t="s">
        <v>497</v>
      </c>
      <c r="B101372" s="14" t="s">
        <v>1</v>
      </c>
      <c r="C101372" s="14" t="s">
        <v>109</v>
      </c>
      <c r="D101372" s="14" t="s">
        <v>498</v>
      </c>
      <c r="E101372" s="15">
        <v>45643</v>
      </c>
      <c r="F101372" s="14" t="s">
        <v>25</v>
      </c>
      <c r="G101372" s="16">
        <v>0</v>
      </c>
    </row>
    <row r="101373" spans="1:7" x14ac:dyDescent="0.3">
      <c r="A101373" s="13" t="s">
        <v>497</v>
      </c>
      <c r="B101373" s="14" t="s">
        <v>1</v>
      </c>
      <c r="C101373" s="14" t="s">
        <v>109</v>
      </c>
      <c r="D101373" s="14" t="s">
        <v>498</v>
      </c>
      <c r="E101373" s="15">
        <v>45644</v>
      </c>
      <c r="F101373" s="14" t="s">
        <v>25</v>
      </c>
      <c r="G101373" s="16">
        <v>0</v>
      </c>
    </row>
    <row r="101374" spans="1:7" x14ac:dyDescent="0.3">
      <c r="A101374" s="13" t="s">
        <v>497</v>
      </c>
      <c r="B101374" s="14" t="s">
        <v>1</v>
      </c>
      <c r="C101374" s="14" t="s">
        <v>109</v>
      </c>
      <c r="D101374" s="14" t="s">
        <v>498</v>
      </c>
      <c r="E101374" s="15">
        <v>45645</v>
      </c>
      <c r="F101374" s="14" t="s">
        <v>25</v>
      </c>
      <c r="G101374" s="16">
        <v>0</v>
      </c>
    </row>
    <row r="101375" spans="1:7" x14ac:dyDescent="0.3">
      <c r="A101375" s="13" t="s">
        <v>497</v>
      </c>
      <c r="B101375" s="14" t="s">
        <v>1</v>
      </c>
      <c r="C101375" s="14" t="s">
        <v>109</v>
      </c>
      <c r="D101375" s="14" t="s">
        <v>498</v>
      </c>
      <c r="E101375" s="15">
        <v>45646</v>
      </c>
      <c r="F101375" s="14" t="s">
        <v>25</v>
      </c>
      <c r="G101375" s="16">
        <v>0</v>
      </c>
    </row>
    <row r="101376" spans="1:7" x14ac:dyDescent="0.3">
      <c r="A101376" s="13" t="s">
        <v>497</v>
      </c>
      <c r="B101376" s="14" t="s">
        <v>1</v>
      </c>
      <c r="C101376" s="14" t="s">
        <v>109</v>
      </c>
      <c r="D101376" s="14" t="s">
        <v>498</v>
      </c>
      <c r="E101376" s="15">
        <v>45647</v>
      </c>
      <c r="F101376" s="14" t="s">
        <v>25</v>
      </c>
      <c r="G101376" s="16">
        <v>0</v>
      </c>
    </row>
    <row r="101377" spans="1:7" x14ac:dyDescent="0.3">
      <c r="A101377" s="13" t="s">
        <v>497</v>
      </c>
      <c r="B101377" s="14" t="s">
        <v>1</v>
      </c>
      <c r="C101377" s="14" t="s">
        <v>109</v>
      </c>
      <c r="D101377" s="14" t="s">
        <v>498</v>
      </c>
      <c r="E101377" s="15">
        <v>45648</v>
      </c>
      <c r="F101377" s="14" t="s">
        <v>25</v>
      </c>
      <c r="G101377" s="16">
        <v>0</v>
      </c>
    </row>
    <row r="101378" spans="1:7" x14ac:dyDescent="0.3">
      <c r="A101378" s="13" t="s">
        <v>497</v>
      </c>
      <c r="B101378" s="14" t="s">
        <v>1</v>
      </c>
      <c r="C101378" s="14" t="s">
        <v>109</v>
      </c>
      <c r="D101378" s="14" t="s">
        <v>498</v>
      </c>
      <c r="E101378" s="15">
        <v>45649</v>
      </c>
      <c r="F101378" s="14" t="s">
        <v>25</v>
      </c>
      <c r="G101378" s="16">
        <v>0</v>
      </c>
    </row>
    <row r="101379" spans="1:7" x14ac:dyDescent="0.3">
      <c r="A101379" s="13" t="s">
        <v>497</v>
      </c>
      <c r="B101379" s="14" t="s">
        <v>1</v>
      </c>
      <c r="C101379" s="14" t="s">
        <v>109</v>
      </c>
      <c r="D101379" s="14" t="s">
        <v>498</v>
      </c>
      <c r="E101379" s="15">
        <v>45650</v>
      </c>
      <c r="F101379" s="14" t="s">
        <v>25</v>
      </c>
      <c r="G101379" s="16">
        <v>0</v>
      </c>
    </row>
    <row r="101380" spans="1:7" x14ac:dyDescent="0.3">
      <c r="A101380" s="13" t="s">
        <v>497</v>
      </c>
      <c r="B101380" s="14" t="s">
        <v>1</v>
      </c>
      <c r="C101380" s="14" t="s">
        <v>109</v>
      </c>
      <c r="D101380" s="14" t="s">
        <v>498</v>
      </c>
      <c r="E101380" s="15">
        <v>45651</v>
      </c>
      <c r="F101380" s="14" t="s">
        <v>25</v>
      </c>
      <c r="G101380" s="16">
        <v>0</v>
      </c>
    </row>
    <row r="101381" spans="1:7" x14ac:dyDescent="0.3">
      <c r="A101381" s="13" t="s">
        <v>497</v>
      </c>
      <c r="B101381" s="14" t="s">
        <v>1</v>
      </c>
      <c r="C101381" s="14" t="s">
        <v>109</v>
      </c>
      <c r="D101381" s="14" t="s">
        <v>498</v>
      </c>
      <c r="E101381" s="15">
        <v>45652</v>
      </c>
      <c r="F101381" s="14" t="s">
        <v>25</v>
      </c>
      <c r="G101381" s="16">
        <v>0</v>
      </c>
    </row>
    <row r="101382" spans="1:7" x14ac:dyDescent="0.3">
      <c r="A101382" s="13" t="s">
        <v>497</v>
      </c>
      <c r="B101382" s="14" t="s">
        <v>1</v>
      </c>
      <c r="C101382" s="14" t="s">
        <v>109</v>
      </c>
      <c r="D101382" s="14" t="s">
        <v>498</v>
      </c>
      <c r="E101382" s="15">
        <v>45653</v>
      </c>
      <c r="F101382" s="14" t="s">
        <v>25</v>
      </c>
      <c r="G101382" s="16">
        <v>0</v>
      </c>
    </row>
    <row r="101383" spans="1:7" x14ac:dyDescent="0.3">
      <c r="A101383" s="13" t="s">
        <v>497</v>
      </c>
      <c r="B101383" s="14" t="s">
        <v>1</v>
      </c>
      <c r="C101383" s="14" t="s">
        <v>109</v>
      </c>
      <c r="D101383" s="14" t="s">
        <v>498</v>
      </c>
      <c r="E101383" s="15">
        <v>45654</v>
      </c>
      <c r="F101383" s="14" t="s">
        <v>25</v>
      </c>
      <c r="G101383" s="16">
        <v>0</v>
      </c>
    </row>
    <row r="101384" spans="1:7" x14ac:dyDescent="0.3">
      <c r="A101384" s="13" t="s">
        <v>497</v>
      </c>
      <c r="B101384" s="14" t="s">
        <v>1</v>
      </c>
      <c r="C101384" s="14" t="s">
        <v>109</v>
      </c>
      <c r="D101384" s="14" t="s">
        <v>498</v>
      </c>
      <c r="E101384" s="15">
        <v>45655</v>
      </c>
      <c r="F101384" s="14" t="s">
        <v>25</v>
      </c>
      <c r="G101384" s="16">
        <v>0</v>
      </c>
    </row>
    <row r="101385" spans="1:7" x14ac:dyDescent="0.3">
      <c r="A101385" s="13" t="s">
        <v>497</v>
      </c>
      <c r="B101385" s="14" t="s">
        <v>1</v>
      </c>
      <c r="C101385" s="14" t="s">
        <v>109</v>
      </c>
      <c r="D101385" s="14" t="s">
        <v>498</v>
      </c>
      <c r="E101385" s="15">
        <v>45656</v>
      </c>
      <c r="F101385" s="14" t="s">
        <v>25</v>
      </c>
      <c r="G101385" s="16">
        <v>0</v>
      </c>
    </row>
    <row r="101386" spans="1:7" x14ac:dyDescent="0.3">
      <c r="A101386" s="13" t="s">
        <v>497</v>
      </c>
      <c r="B101386" s="14" t="s">
        <v>1</v>
      </c>
      <c r="C101386" s="14" t="s">
        <v>109</v>
      </c>
      <c r="D101386" s="14" t="s">
        <v>498</v>
      </c>
      <c r="E101386" s="15">
        <v>45657</v>
      </c>
      <c r="F101386" s="14" t="s">
        <v>25</v>
      </c>
      <c r="G101386" s="16">
        <v>0</v>
      </c>
    </row>
    <row r="101387" spans="1:7" x14ac:dyDescent="0.3">
      <c r="A101387" s="13" t="s">
        <v>497</v>
      </c>
      <c r="B101387" s="14" t="s">
        <v>1</v>
      </c>
      <c r="C101387" s="14" t="s">
        <v>109</v>
      </c>
      <c r="D101387" s="14" t="s">
        <v>498</v>
      </c>
      <c r="E101387" s="15">
        <v>45658</v>
      </c>
      <c r="F101387" s="14" t="s">
        <v>25</v>
      </c>
      <c r="G101387" s="16">
        <v>0</v>
      </c>
    </row>
    <row r="101388" spans="1:7" x14ac:dyDescent="0.3">
      <c r="A101388" s="13" t="s">
        <v>497</v>
      </c>
      <c r="B101388" s="14" t="s">
        <v>1</v>
      </c>
      <c r="C101388" s="14" t="s">
        <v>109</v>
      </c>
      <c r="D101388" s="14" t="s">
        <v>498</v>
      </c>
      <c r="E101388" s="15">
        <v>45659</v>
      </c>
      <c r="F101388" s="14" t="s">
        <v>25</v>
      </c>
      <c r="G101388" s="16">
        <v>0</v>
      </c>
    </row>
    <row r="101389" spans="1:7" x14ac:dyDescent="0.3">
      <c r="A101389" s="13" t="s">
        <v>497</v>
      </c>
      <c r="B101389" s="14" t="s">
        <v>1</v>
      </c>
      <c r="C101389" s="14" t="s">
        <v>109</v>
      </c>
      <c r="D101389" s="14" t="s">
        <v>498</v>
      </c>
      <c r="E101389" s="15">
        <v>45660</v>
      </c>
      <c r="F101389" s="14" t="s">
        <v>25</v>
      </c>
      <c r="G101389" s="16">
        <v>0</v>
      </c>
    </row>
    <row r="101390" spans="1:7" x14ac:dyDescent="0.3">
      <c r="A101390" s="13" t="s">
        <v>497</v>
      </c>
      <c r="B101390" s="14" t="s">
        <v>1</v>
      </c>
      <c r="C101390" s="14" t="s">
        <v>109</v>
      </c>
      <c r="D101390" s="14" t="s">
        <v>498</v>
      </c>
      <c r="E101390" s="15">
        <v>45661</v>
      </c>
      <c r="F101390" s="14" t="s">
        <v>25</v>
      </c>
      <c r="G101390" s="16">
        <v>0</v>
      </c>
    </row>
    <row r="101391" spans="1:7" x14ac:dyDescent="0.3">
      <c r="A101391" s="13" t="s">
        <v>497</v>
      </c>
      <c r="B101391" s="14" t="s">
        <v>1</v>
      </c>
      <c r="C101391" s="14" t="s">
        <v>109</v>
      </c>
      <c r="D101391" s="14" t="s">
        <v>498</v>
      </c>
      <c r="E101391" s="15">
        <v>45662</v>
      </c>
      <c r="F101391" s="14" t="s">
        <v>25</v>
      </c>
      <c r="G101391" s="16">
        <v>0</v>
      </c>
    </row>
    <row r="101392" spans="1:7" x14ac:dyDescent="0.3">
      <c r="A101392" s="13" t="s">
        <v>497</v>
      </c>
      <c r="B101392" s="14" t="s">
        <v>1</v>
      </c>
      <c r="C101392" s="14" t="s">
        <v>109</v>
      </c>
      <c r="D101392" s="14" t="s">
        <v>498</v>
      </c>
      <c r="E101392" s="15">
        <v>45663</v>
      </c>
      <c r="F101392" s="14" t="s">
        <v>25</v>
      </c>
      <c r="G101392" s="16">
        <v>0</v>
      </c>
    </row>
    <row r="101393" spans="1:7" x14ac:dyDescent="0.3">
      <c r="A101393" s="13" t="s">
        <v>497</v>
      </c>
      <c r="B101393" s="14" t="s">
        <v>1</v>
      </c>
      <c r="C101393" s="14" t="s">
        <v>109</v>
      </c>
      <c r="D101393" s="14" t="s">
        <v>498</v>
      </c>
      <c r="E101393" s="15">
        <v>45664</v>
      </c>
      <c r="F101393" s="14" t="s">
        <v>25</v>
      </c>
      <c r="G101393" s="16">
        <v>0</v>
      </c>
    </row>
    <row r="101394" spans="1:7" x14ac:dyDescent="0.3">
      <c r="A101394" s="13" t="s">
        <v>497</v>
      </c>
      <c r="B101394" s="14" t="s">
        <v>1</v>
      </c>
      <c r="C101394" s="14" t="s">
        <v>109</v>
      </c>
      <c r="D101394" s="14" t="s">
        <v>498</v>
      </c>
      <c r="E101394" s="15">
        <v>45665</v>
      </c>
      <c r="F101394" s="14" t="s">
        <v>25</v>
      </c>
      <c r="G101394" s="16">
        <v>0</v>
      </c>
    </row>
    <row r="101395" spans="1:7" x14ac:dyDescent="0.3">
      <c r="A101395" s="13" t="s">
        <v>497</v>
      </c>
      <c r="B101395" s="14" t="s">
        <v>1</v>
      </c>
      <c r="C101395" s="14" t="s">
        <v>109</v>
      </c>
      <c r="D101395" s="14" t="s">
        <v>498</v>
      </c>
      <c r="E101395" s="15">
        <v>45666</v>
      </c>
      <c r="F101395" s="14" t="s">
        <v>25</v>
      </c>
      <c r="G101395" s="16">
        <v>0</v>
      </c>
    </row>
    <row r="101396" spans="1:7" x14ac:dyDescent="0.3">
      <c r="A101396" s="13" t="s">
        <v>497</v>
      </c>
      <c r="B101396" s="14" t="s">
        <v>1</v>
      </c>
      <c r="C101396" s="14" t="s">
        <v>109</v>
      </c>
      <c r="D101396" s="14" t="s">
        <v>498</v>
      </c>
      <c r="E101396" s="15">
        <v>45667</v>
      </c>
      <c r="F101396" s="14" t="s">
        <v>25</v>
      </c>
      <c r="G101396" s="16">
        <v>0</v>
      </c>
    </row>
    <row r="101397" spans="1:7" x14ac:dyDescent="0.3">
      <c r="A101397" s="13" t="s">
        <v>497</v>
      </c>
      <c r="B101397" s="14" t="s">
        <v>1</v>
      </c>
      <c r="C101397" s="14" t="s">
        <v>109</v>
      </c>
      <c r="D101397" s="14" t="s">
        <v>498</v>
      </c>
      <c r="E101397" s="15">
        <v>45668</v>
      </c>
      <c r="F101397" s="14" t="s">
        <v>25</v>
      </c>
      <c r="G101397" s="16">
        <v>0</v>
      </c>
    </row>
    <row r="101398" spans="1:7" x14ac:dyDescent="0.3">
      <c r="A101398" s="13" t="s">
        <v>497</v>
      </c>
      <c r="B101398" s="14" t="s">
        <v>1</v>
      </c>
      <c r="C101398" s="14" t="s">
        <v>109</v>
      </c>
      <c r="D101398" s="14" t="s">
        <v>498</v>
      </c>
      <c r="E101398" s="15">
        <v>45669</v>
      </c>
      <c r="F101398" s="14" t="s">
        <v>25</v>
      </c>
      <c r="G101398" s="16">
        <v>0</v>
      </c>
    </row>
    <row r="101399" spans="1:7" x14ac:dyDescent="0.3">
      <c r="A101399" s="13" t="s">
        <v>497</v>
      </c>
      <c r="B101399" s="14" t="s">
        <v>1</v>
      </c>
      <c r="C101399" s="14" t="s">
        <v>109</v>
      </c>
      <c r="D101399" s="14" t="s">
        <v>498</v>
      </c>
      <c r="E101399" s="15">
        <v>45670</v>
      </c>
      <c r="F101399" s="14" t="s">
        <v>25</v>
      </c>
      <c r="G101399" s="16">
        <v>0</v>
      </c>
    </row>
    <row r="101400" spans="1:7" x14ac:dyDescent="0.3">
      <c r="A101400" s="13" t="s">
        <v>497</v>
      </c>
      <c r="B101400" s="14" t="s">
        <v>1</v>
      </c>
      <c r="C101400" s="14" t="s">
        <v>109</v>
      </c>
      <c r="D101400" s="14" t="s">
        <v>498</v>
      </c>
      <c r="E101400" s="15">
        <v>45671</v>
      </c>
      <c r="F101400" s="14" t="s">
        <v>25</v>
      </c>
      <c r="G101400" s="16">
        <v>0</v>
      </c>
    </row>
    <row r="101401" spans="1:7" x14ac:dyDescent="0.3">
      <c r="A101401" s="13" t="s">
        <v>497</v>
      </c>
      <c r="B101401" s="14" t="s">
        <v>1</v>
      </c>
      <c r="C101401" s="14" t="s">
        <v>109</v>
      </c>
      <c r="D101401" s="14" t="s">
        <v>498</v>
      </c>
      <c r="E101401" s="15">
        <v>45672</v>
      </c>
      <c r="F101401" s="14" t="s">
        <v>25</v>
      </c>
      <c r="G101401" s="16">
        <v>0</v>
      </c>
    </row>
    <row r="101402" spans="1:7" x14ac:dyDescent="0.3">
      <c r="A101402" s="13" t="s">
        <v>497</v>
      </c>
      <c r="B101402" s="14" t="s">
        <v>1</v>
      </c>
      <c r="C101402" s="14" t="s">
        <v>109</v>
      </c>
      <c r="D101402" s="14" t="s">
        <v>498</v>
      </c>
      <c r="E101402" s="15">
        <v>45673</v>
      </c>
      <c r="F101402" s="14" t="s">
        <v>25</v>
      </c>
      <c r="G101402" s="16">
        <v>0</v>
      </c>
    </row>
    <row r="101403" spans="1:7" x14ac:dyDescent="0.3">
      <c r="A101403" s="13" t="s">
        <v>497</v>
      </c>
      <c r="B101403" s="14" t="s">
        <v>1</v>
      </c>
      <c r="C101403" s="14" t="s">
        <v>109</v>
      </c>
      <c r="D101403" s="14" t="s">
        <v>498</v>
      </c>
      <c r="E101403" s="15">
        <v>45674</v>
      </c>
      <c r="F101403" s="14" t="s">
        <v>25</v>
      </c>
      <c r="G101403" s="16">
        <v>0</v>
      </c>
    </row>
    <row r="101404" spans="1:7" x14ac:dyDescent="0.3">
      <c r="A101404" s="13" t="s">
        <v>497</v>
      </c>
      <c r="B101404" s="14" t="s">
        <v>1</v>
      </c>
      <c r="C101404" s="14" t="s">
        <v>109</v>
      </c>
      <c r="D101404" s="14" t="s">
        <v>498</v>
      </c>
      <c r="E101404" s="15">
        <v>45675</v>
      </c>
      <c r="F101404" s="14" t="s">
        <v>25</v>
      </c>
      <c r="G101404" s="16">
        <v>0</v>
      </c>
    </row>
    <row r="101405" spans="1:7" x14ac:dyDescent="0.3">
      <c r="A101405" s="13" t="s">
        <v>497</v>
      </c>
      <c r="B101405" s="14" t="s">
        <v>1</v>
      </c>
      <c r="C101405" s="14" t="s">
        <v>109</v>
      </c>
      <c r="D101405" s="14" t="s">
        <v>498</v>
      </c>
      <c r="E101405" s="15">
        <v>45676</v>
      </c>
      <c r="F101405" s="14" t="s">
        <v>25</v>
      </c>
      <c r="G101405" s="16">
        <v>0</v>
      </c>
    </row>
    <row r="101406" spans="1:7" x14ac:dyDescent="0.3">
      <c r="A101406" s="13" t="s">
        <v>497</v>
      </c>
      <c r="B101406" s="14" t="s">
        <v>1</v>
      </c>
      <c r="C101406" s="14" t="s">
        <v>109</v>
      </c>
      <c r="D101406" s="14" t="s">
        <v>498</v>
      </c>
      <c r="E101406" s="15">
        <v>45677</v>
      </c>
      <c r="F101406" s="14" t="s">
        <v>25</v>
      </c>
      <c r="G101406" s="16">
        <v>0</v>
      </c>
    </row>
    <row r="101407" spans="1:7" x14ac:dyDescent="0.3">
      <c r="A101407" s="13" t="s">
        <v>497</v>
      </c>
      <c r="B101407" s="14" t="s">
        <v>1</v>
      </c>
      <c r="C101407" s="14" t="s">
        <v>109</v>
      </c>
      <c r="D101407" s="14" t="s">
        <v>498</v>
      </c>
      <c r="E101407" s="15">
        <v>45678</v>
      </c>
      <c r="F101407" s="14" t="s">
        <v>25</v>
      </c>
      <c r="G101407" s="16">
        <v>0</v>
      </c>
    </row>
    <row r="101408" spans="1:7" x14ac:dyDescent="0.3">
      <c r="A101408" s="13" t="s">
        <v>497</v>
      </c>
      <c r="B101408" s="14" t="s">
        <v>1</v>
      </c>
      <c r="C101408" s="14" t="s">
        <v>109</v>
      </c>
      <c r="D101408" s="14" t="s">
        <v>498</v>
      </c>
      <c r="E101408" s="15">
        <v>45679</v>
      </c>
      <c r="F101408" s="14" t="s">
        <v>25</v>
      </c>
      <c r="G101408" s="16">
        <v>0</v>
      </c>
    </row>
    <row r="101409" spans="1:7" x14ac:dyDescent="0.3">
      <c r="A101409" s="13" t="s">
        <v>497</v>
      </c>
      <c r="B101409" s="14" t="s">
        <v>1</v>
      </c>
      <c r="C101409" s="14" t="s">
        <v>109</v>
      </c>
      <c r="D101409" s="14" t="s">
        <v>498</v>
      </c>
      <c r="E101409" s="15">
        <v>45680</v>
      </c>
      <c r="F101409" s="14" t="s">
        <v>25</v>
      </c>
      <c r="G101409" s="16">
        <v>0</v>
      </c>
    </row>
    <row r="101410" spans="1:7" x14ac:dyDescent="0.3">
      <c r="A101410" s="13" t="s">
        <v>497</v>
      </c>
      <c r="B101410" s="14" t="s">
        <v>1</v>
      </c>
      <c r="C101410" s="14" t="s">
        <v>109</v>
      </c>
      <c r="D101410" s="14" t="s">
        <v>498</v>
      </c>
      <c r="E101410" s="15">
        <v>45681</v>
      </c>
      <c r="F101410" s="14" t="s">
        <v>25</v>
      </c>
      <c r="G101410" s="16">
        <v>0</v>
      </c>
    </row>
    <row r="101411" spans="1:7" x14ac:dyDescent="0.3">
      <c r="A101411" s="13" t="s">
        <v>497</v>
      </c>
      <c r="B101411" s="14" t="s">
        <v>1</v>
      </c>
      <c r="C101411" s="14" t="s">
        <v>109</v>
      </c>
      <c r="D101411" s="14" t="s">
        <v>498</v>
      </c>
      <c r="E101411" s="15">
        <v>45682</v>
      </c>
      <c r="F101411" s="14" t="s">
        <v>25</v>
      </c>
      <c r="G101411" s="16">
        <v>0</v>
      </c>
    </row>
    <row r="101412" spans="1:7" x14ac:dyDescent="0.3">
      <c r="A101412" s="13" t="s">
        <v>497</v>
      </c>
      <c r="B101412" s="14" t="s">
        <v>1</v>
      </c>
      <c r="C101412" s="14" t="s">
        <v>109</v>
      </c>
      <c r="D101412" s="14" t="s">
        <v>498</v>
      </c>
      <c r="E101412" s="15">
        <v>45683</v>
      </c>
      <c r="F101412" s="14" t="s">
        <v>25</v>
      </c>
      <c r="G101412" s="16">
        <v>0</v>
      </c>
    </row>
    <row r="101413" spans="1:7" x14ac:dyDescent="0.3">
      <c r="A101413" s="13" t="s">
        <v>497</v>
      </c>
      <c r="B101413" s="14" t="s">
        <v>1</v>
      </c>
      <c r="C101413" s="14" t="s">
        <v>109</v>
      </c>
      <c r="D101413" s="14" t="s">
        <v>498</v>
      </c>
      <c r="E101413" s="15">
        <v>45684</v>
      </c>
      <c r="F101413" s="14" t="s">
        <v>25</v>
      </c>
      <c r="G101413" s="16">
        <v>0</v>
      </c>
    </row>
    <row r="101414" spans="1:7" x14ac:dyDescent="0.3">
      <c r="A101414" s="13" t="s">
        <v>497</v>
      </c>
      <c r="B101414" s="14" t="s">
        <v>1</v>
      </c>
      <c r="C101414" s="14" t="s">
        <v>109</v>
      </c>
      <c r="D101414" s="14" t="s">
        <v>498</v>
      </c>
      <c r="E101414" s="15">
        <v>45685</v>
      </c>
      <c r="F101414" s="14" t="s">
        <v>25</v>
      </c>
      <c r="G101414" s="16">
        <v>0</v>
      </c>
    </row>
    <row r="101415" spans="1:7" x14ac:dyDescent="0.3">
      <c r="A101415" s="13" t="s">
        <v>497</v>
      </c>
      <c r="B101415" s="14" t="s">
        <v>1</v>
      </c>
      <c r="C101415" s="14" t="s">
        <v>109</v>
      </c>
      <c r="D101415" s="14" t="s">
        <v>498</v>
      </c>
      <c r="E101415" s="15">
        <v>45686</v>
      </c>
      <c r="F101415" s="14" t="s">
        <v>25</v>
      </c>
      <c r="G101415" s="16">
        <v>0</v>
      </c>
    </row>
    <row r="101416" spans="1:7" x14ac:dyDescent="0.3">
      <c r="A101416" s="13" t="s">
        <v>497</v>
      </c>
      <c r="B101416" s="14" t="s">
        <v>1</v>
      </c>
      <c r="C101416" s="14" t="s">
        <v>109</v>
      </c>
      <c r="D101416" s="14" t="s">
        <v>498</v>
      </c>
      <c r="E101416" s="15">
        <v>45687</v>
      </c>
      <c r="F101416" s="14" t="s">
        <v>25</v>
      </c>
      <c r="G101416" s="16">
        <v>0</v>
      </c>
    </row>
    <row r="101417" spans="1:7" x14ac:dyDescent="0.3">
      <c r="A101417" s="13" t="s">
        <v>497</v>
      </c>
      <c r="B101417" s="14" t="s">
        <v>1</v>
      </c>
      <c r="C101417" s="14" t="s">
        <v>109</v>
      </c>
      <c r="D101417" s="14" t="s">
        <v>498</v>
      </c>
      <c r="E101417" s="15">
        <v>45688</v>
      </c>
      <c r="F101417" s="14" t="s">
        <v>25</v>
      </c>
      <c r="G101417" s="16">
        <v>0</v>
      </c>
    </row>
    <row r="101418" spans="1:7" x14ac:dyDescent="0.3">
      <c r="A101418" s="13" t="s">
        <v>497</v>
      </c>
      <c r="B101418" s="14" t="s">
        <v>1</v>
      </c>
      <c r="C101418" s="14" t="s">
        <v>109</v>
      </c>
      <c r="D101418" s="14" t="s">
        <v>498</v>
      </c>
      <c r="E101418" s="15">
        <v>45689</v>
      </c>
      <c r="F101418" s="14" t="s">
        <v>25</v>
      </c>
      <c r="G101418" s="16">
        <v>0</v>
      </c>
    </row>
    <row r="101419" spans="1:7" x14ac:dyDescent="0.3">
      <c r="A101419" s="13" t="s">
        <v>497</v>
      </c>
      <c r="B101419" s="14" t="s">
        <v>1</v>
      </c>
      <c r="C101419" s="14" t="s">
        <v>109</v>
      </c>
      <c r="D101419" s="14" t="s">
        <v>498</v>
      </c>
      <c r="E101419" s="15">
        <v>45690</v>
      </c>
      <c r="F101419" s="14" t="s">
        <v>25</v>
      </c>
      <c r="G101419" s="16">
        <v>0</v>
      </c>
    </row>
    <row r="101420" spans="1:7" x14ac:dyDescent="0.3">
      <c r="A101420" s="13" t="s">
        <v>497</v>
      </c>
      <c r="B101420" s="14" t="s">
        <v>1</v>
      </c>
      <c r="C101420" s="14" t="s">
        <v>109</v>
      </c>
      <c r="D101420" s="14" t="s">
        <v>498</v>
      </c>
      <c r="E101420" s="15">
        <v>45691</v>
      </c>
      <c r="F101420" s="14" t="s">
        <v>25</v>
      </c>
      <c r="G101420" s="16">
        <v>0</v>
      </c>
    </row>
    <row r="101421" spans="1:7" x14ac:dyDescent="0.3">
      <c r="A101421" s="13" t="s">
        <v>497</v>
      </c>
      <c r="B101421" s="14" t="s">
        <v>1</v>
      </c>
      <c r="C101421" s="14" t="s">
        <v>109</v>
      </c>
      <c r="D101421" s="14" t="s">
        <v>498</v>
      </c>
      <c r="E101421" s="15">
        <v>45692</v>
      </c>
      <c r="F101421" s="14" t="s">
        <v>25</v>
      </c>
      <c r="G101421" s="16">
        <v>0</v>
      </c>
    </row>
    <row r="101422" spans="1:7" x14ac:dyDescent="0.3">
      <c r="A101422" s="13" t="s">
        <v>497</v>
      </c>
      <c r="B101422" s="14" t="s">
        <v>1</v>
      </c>
      <c r="C101422" s="14" t="s">
        <v>109</v>
      </c>
      <c r="D101422" s="14" t="s">
        <v>498</v>
      </c>
      <c r="E101422" s="15">
        <v>45693</v>
      </c>
      <c r="F101422" s="14" t="s">
        <v>25</v>
      </c>
      <c r="G101422" s="16">
        <v>0</v>
      </c>
    </row>
    <row r="101423" spans="1:7" x14ac:dyDescent="0.3">
      <c r="A101423" s="13" t="s">
        <v>497</v>
      </c>
      <c r="B101423" s="14" t="s">
        <v>1</v>
      </c>
      <c r="C101423" s="14" t="s">
        <v>109</v>
      </c>
      <c r="D101423" s="14" t="s">
        <v>498</v>
      </c>
      <c r="E101423" s="15">
        <v>45694</v>
      </c>
      <c r="F101423" s="14" t="s">
        <v>25</v>
      </c>
      <c r="G101423" s="16">
        <v>0</v>
      </c>
    </row>
    <row r="101424" spans="1:7" x14ac:dyDescent="0.3">
      <c r="A101424" s="13" t="s">
        <v>497</v>
      </c>
      <c r="B101424" s="14" t="s">
        <v>1</v>
      </c>
      <c r="C101424" s="14" t="s">
        <v>109</v>
      </c>
      <c r="D101424" s="14" t="s">
        <v>498</v>
      </c>
      <c r="E101424" s="15">
        <v>45695</v>
      </c>
      <c r="F101424" s="14" t="s">
        <v>25</v>
      </c>
      <c r="G101424" s="16">
        <v>0</v>
      </c>
    </row>
    <row r="101425" spans="1:7" x14ac:dyDescent="0.3">
      <c r="A101425" s="13" t="s">
        <v>497</v>
      </c>
      <c r="B101425" s="14" t="s">
        <v>1</v>
      </c>
      <c r="C101425" s="14" t="s">
        <v>109</v>
      </c>
      <c r="D101425" s="14" t="s">
        <v>498</v>
      </c>
      <c r="E101425" s="15">
        <v>45696</v>
      </c>
      <c r="F101425" s="14" t="s">
        <v>25</v>
      </c>
      <c r="G101425" s="16">
        <v>0</v>
      </c>
    </row>
    <row r="101426" spans="1:7" x14ac:dyDescent="0.3">
      <c r="A101426" s="13" t="s">
        <v>497</v>
      </c>
      <c r="B101426" s="14" t="s">
        <v>1</v>
      </c>
      <c r="C101426" s="14" t="s">
        <v>109</v>
      </c>
      <c r="D101426" s="14" t="s">
        <v>498</v>
      </c>
      <c r="E101426" s="15">
        <v>45697</v>
      </c>
      <c r="F101426" s="14" t="s">
        <v>25</v>
      </c>
      <c r="G101426" s="16">
        <v>0</v>
      </c>
    </row>
    <row r="101427" spans="1:7" x14ac:dyDescent="0.3">
      <c r="A101427" s="13" t="s">
        <v>497</v>
      </c>
      <c r="B101427" s="14" t="s">
        <v>1</v>
      </c>
      <c r="C101427" s="14" t="s">
        <v>109</v>
      </c>
      <c r="D101427" s="14" t="s">
        <v>498</v>
      </c>
      <c r="E101427" s="15">
        <v>45698</v>
      </c>
      <c r="F101427" s="14" t="s">
        <v>25</v>
      </c>
      <c r="G101427" s="16">
        <v>0</v>
      </c>
    </row>
    <row r="101428" spans="1:7" x14ac:dyDescent="0.3">
      <c r="A101428" s="13" t="s">
        <v>497</v>
      </c>
      <c r="B101428" s="14" t="s">
        <v>1</v>
      </c>
      <c r="C101428" s="14" t="s">
        <v>109</v>
      </c>
      <c r="D101428" s="14" t="s">
        <v>498</v>
      </c>
      <c r="E101428" s="15">
        <v>45699</v>
      </c>
      <c r="F101428" s="14" t="s">
        <v>25</v>
      </c>
      <c r="G101428" s="16">
        <v>0</v>
      </c>
    </row>
    <row r="101429" spans="1:7" x14ac:dyDescent="0.3">
      <c r="A101429" s="13" t="s">
        <v>497</v>
      </c>
      <c r="B101429" s="14" t="s">
        <v>1</v>
      </c>
      <c r="C101429" s="14" t="s">
        <v>109</v>
      </c>
      <c r="D101429" s="14" t="s">
        <v>498</v>
      </c>
      <c r="E101429" s="15">
        <v>45700</v>
      </c>
      <c r="F101429" s="14" t="s">
        <v>25</v>
      </c>
      <c r="G101429" s="16">
        <v>0</v>
      </c>
    </row>
    <row r="101430" spans="1:7" x14ac:dyDescent="0.3">
      <c r="A101430" s="13" t="s">
        <v>497</v>
      </c>
      <c r="B101430" s="14" t="s">
        <v>1</v>
      </c>
      <c r="C101430" s="14" t="s">
        <v>109</v>
      </c>
      <c r="D101430" s="14" t="s">
        <v>498</v>
      </c>
      <c r="E101430" s="15">
        <v>45701</v>
      </c>
      <c r="F101430" s="14" t="s">
        <v>25</v>
      </c>
      <c r="G101430" s="16">
        <v>0</v>
      </c>
    </row>
    <row r="101431" spans="1:7" x14ac:dyDescent="0.3">
      <c r="A101431" s="13" t="s">
        <v>497</v>
      </c>
      <c r="B101431" s="14" t="s">
        <v>1</v>
      </c>
      <c r="C101431" s="14" t="s">
        <v>109</v>
      </c>
      <c r="D101431" s="14" t="s">
        <v>498</v>
      </c>
      <c r="E101431" s="15">
        <v>45702</v>
      </c>
      <c r="F101431" s="14" t="s">
        <v>25</v>
      </c>
      <c r="G101431" s="16">
        <v>0</v>
      </c>
    </row>
    <row r="101432" spans="1:7" x14ac:dyDescent="0.3">
      <c r="A101432" s="13" t="s">
        <v>497</v>
      </c>
      <c r="B101432" s="14" t="s">
        <v>1</v>
      </c>
      <c r="C101432" s="14" t="s">
        <v>109</v>
      </c>
      <c r="D101432" s="14" t="s">
        <v>498</v>
      </c>
      <c r="E101432" s="15">
        <v>45703</v>
      </c>
      <c r="F101432" s="14" t="s">
        <v>25</v>
      </c>
      <c r="G101432" s="16">
        <v>0</v>
      </c>
    </row>
    <row r="101433" spans="1:7" x14ac:dyDescent="0.3">
      <c r="A101433" s="13" t="s">
        <v>497</v>
      </c>
      <c r="B101433" s="14" t="s">
        <v>1</v>
      </c>
      <c r="C101433" s="14" t="s">
        <v>109</v>
      </c>
      <c r="D101433" s="14" t="s">
        <v>498</v>
      </c>
      <c r="E101433" s="15">
        <v>45704</v>
      </c>
      <c r="F101433" s="14" t="s">
        <v>25</v>
      </c>
      <c r="G101433" s="16">
        <v>0</v>
      </c>
    </row>
    <row r="101434" spans="1:7" x14ac:dyDescent="0.3">
      <c r="A101434" s="13" t="s">
        <v>497</v>
      </c>
      <c r="B101434" s="14" t="s">
        <v>1</v>
      </c>
      <c r="C101434" s="14" t="s">
        <v>109</v>
      </c>
      <c r="D101434" s="14" t="s">
        <v>498</v>
      </c>
      <c r="E101434" s="15">
        <v>45705</v>
      </c>
      <c r="F101434" s="14" t="s">
        <v>25</v>
      </c>
      <c r="G101434" s="16">
        <v>0</v>
      </c>
    </row>
    <row r="101435" spans="1:7" x14ac:dyDescent="0.3">
      <c r="A101435" s="13" t="s">
        <v>497</v>
      </c>
      <c r="B101435" s="14" t="s">
        <v>1</v>
      </c>
      <c r="C101435" s="14" t="s">
        <v>109</v>
      </c>
      <c r="D101435" s="14" t="s">
        <v>498</v>
      </c>
      <c r="E101435" s="15">
        <v>45706</v>
      </c>
      <c r="F101435" s="14" t="s">
        <v>25</v>
      </c>
      <c r="G101435" s="16">
        <v>0</v>
      </c>
    </row>
    <row r="101436" spans="1:7" x14ac:dyDescent="0.3">
      <c r="A101436" s="13" t="s">
        <v>497</v>
      </c>
      <c r="B101436" s="14" t="s">
        <v>1</v>
      </c>
      <c r="C101436" s="14" t="s">
        <v>109</v>
      </c>
      <c r="D101436" s="14" t="s">
        <v>498</v>
      </c>
      <c r="E101436" s="15">
        <v>45707</v>
      </c>
      <c r="F101436" s="14" t="s">
        <v>25</v>
      </c>
      <c r="G101436" s="16">
        <v>0</v>
      </c>
    </row>
    <row r="101437" spans="1:7" x14ac:dyDescent="0.3">
      <c r="A101437" s="13" t="s">
        <v>497</v>
      </c>
      <c r="B101437" s="14" t="s">
        <v>1</v>
      </c>
      <c r="C101437" s="14" t="s">
        <v>109</v>
      </c>
      <c r="D101437" s="14" t="s">
        <v>498</v>
      </c>
      <c r="E101437" s="15">
        <v>45708</v>
      </c>
      <c r="F101437" s="14" t="s">
        <v>25</v>
      </c>
      <c r="G101437" s="16">
        <v>0</v>
      </c>
    </row>
    <row r="101438" spans="1:7" x14ac:dyDescent="0.3">
      <c r="A101438" s="13" t="s">
        <v>497</v>
      </c>
      <c r="B101438" s="14" t="s">
        <v>1</v>
      </c>
      <c r="C101438" s="14" t="s">
        <v>109</v>
      </c>
      <c r="D101438" s="14" t="s">
        <v>498</v>
      </c>
      <c r="E101438" s="15">
        <v>45709</v>
      </c>
      <c r="F101438" s="14" t="s">
        <v>25</v>
      </c>
      <c r="G101438" s="16">
        <v>0</v>
      </c>
    </row>
    <row r="101439" spans="1:7" x14ac:dyDescent="0.3">
      <c r="A101439" s="13" t="s">
        <v>497</v>
      </c>
      <c r="B101439" s="14" t="s">
        <v>1</v>
      </c>
      <c r="C101439" s="14" t="s">
        <v>109</v>
      </c>
      <c r="D101439" s="14" t="s">
        <v>498</v>
      </c>
      <c r="E101439" s="15">
        <v>45710</v>
      </c>
      <c r="F101439" s="14" t="s">
        <v>25</v>
      </c>
      <c r="G101439" s="16">
        <v>0</v>
      </c>
    </row>
    <row r="101440" spans="1:7" x14ac:dyDescent="0.3">
      <c r="A101440" s="13" t="s">
        <v>497</v>
      </c>
      <c r="B101440" s="14" t="s">
        <v>1</v>
      </c>
      <c r="C101440" s="14" t="s">
        <v>109</v>
      </c>
      <c r="D101440" s="14" t="s">
        <v>498</v>
      </c>
      <c r="E101440" s="15">
        <v>45711</v>
      </c>
      <c r="F101440" s="14" t="s">
        <v>25</v>
      </c>
      <c r="G101440" s="16">
        <v>0</v>
      </c>
    </row>
    <row r="101441" spans="1:7" x14ac:dyDescent="0.3">
      <c r="A101441" s="13" t="s">
        <v>497</v>
      </c>
      <c r="B101441" s="14" t="s">
        <v>1</v>
      </c>
      <c r="C101441" s="14" t="s">
        <v>109</v>
      </c>
      <c r="D101441" s="14" t="s">
        <v>498</v>
      </c>
      <c r="E101441" s="15">
        <v>45712</v>
      </c>
      <c r="F101441" s="14" t="s">
        <v>25</v>
      </c>
      <c r="G101441" s="16">
        <v>0</v>
      </c>
    </row>
    <row r="101442" spans="1:7" x14ac:dyDescent="0.3">
      <c r="A101442" s="13" t="s">
        <v>497</v>
      </c>
      <c r="B101442" s="14" t="s">
        <v>1</v>
      </c>
      <c r="C101442" s="14" t="s">
        <v>109</v>
      </c>
      <c r="D101442" s="14" t="s">
        <v>498</v>
      </c>
      <c r="E101442" s="15">
        <v>45713</v>
      </c>
      <c r="F101442" s="14" t="s">
        <v>25</v>
      </c>
      <c r="G101442" s="16">
        <v>0</v>
      </c>
    </row>
    <row r="101443" spans="1:7" x14ac:dyDescent="0.3">
      <c r="A101443" s="13" t="s">
        <v>497</v>
      </c>
      <c r="B101443" s="14" t="s">
        <v>1</v>
      </c>
      <c r="C101443" s="14" t="s">
        <v>109</v>
      </c>
      <c r="D101443" s="14" t="s">
        <v>498</v>
      </c>
      <c r="E101443" s="15">
        <v>45714</v>
      </c>
      <c r="F101443" s="14" t="s">
        <v>25</v>
      </c>
      <c r="G101443" s="16">
        <v>0</v>
      </c>
    </row>
    <row r="101444" spans="1:7" x14ac:dyDescent="0.3">
      <c r="A101444" s="13" t="s">
        <v>497</v>
      </c>
      <c r="B101444" s="14" t="s">
        <v>1</v>
      </c>
      <c r="C101444" s="14" t="s">
        <v>109</v>
      </c>
      <c r="D101444" s="14" t="s">
        <v>498</v>
      </c>
      <c r="E101444" s="15">
        <v>45715</v>
      </c>
      <c r="F101444" s="14" t="s">
        <v>25</v>
      </c>
      <c r="G101444" s="16">
        <v>0</v>
      </c>
    </row>
    <row r="101445" spans="1:7" x14ac:dyDescent="0.3">
      <c r="A101445" s="13" t="s">
        <v>497</v>
      </c>
      <c r="B101445" s="14" t="s">
        <v>1</v>
      </c>
      <c r="C101445" s="14" t="s">
        <v>109</v>
      </c>
      <c r="D101445" s="14" t="s">
        <v>498</v>
      </c>
      <c r="E101445" s="15">
        <v>45716</v>
      </c>
      <c r="F101445" s="14" t="s">
        <v>25</v>
      </c>
      <c r="G101445" s="16">
        <v>0</v>
      </c>
    </row>
    <row r="101446" spans="1:7" x14ac:dyDescent="0.3">
      <c r="A101446" s="13" t="s">
        <v>497</v>
      </c>
      <c r="B101446" s="14" t="s">
        <v>1</v>
      </c>
      <c r="C101446" s="14" t="s">
        <v>109</v>
      </c>
      <c r="D101446" s="14" t="s">
        <v>498</v>
      </c>
      <c r="E101446" s="15">
        <v>45717</v>
      </c>
      <c r="F101446" s="14" t="s">
        <v>25</v>
      </c>
      <c r="G101446" s="16">
        <v>0</v>
      </c>
    </row>
    <row r="101447" spans="1:7" x14ac:dyDescent="0.3">
      <c r="A101447" s="13" t="s">
        <v>497</v>
      </c>
      <c r="B101447" s="14" t="s">
        <v>1</v>
      </c>
      <c r="C101447" s="14" t="s">
        <v>109</v>
      </c>
      <c r="D101447" s="14" t="s">
        <v>498</v>
      </c>
      <c r="E101447" s="15">
        <v>45718</v>
      </c>
      <c r="F101447" s="14" t="s">
        <v>25</v>
      </c>
      <c r="G101447" s="16">
        <v>0</v>
      </c>
    </row>
    <row r="101448" spans="1:7" x14ac:dyDescent="0.3">
      <c r="A101448" s="13" t="s">
        <v>497</v>
      </c>
      <c r="B101448" s="14" t="s">
        <v>1</v>
      </c>
      <c r="C101448" s="14" t="s">
        <v>109</v>
      </c>
      <c r="D101448" s="14" t="s">
        <v>498</v>
      </c>
      <c r="E101448" s="15">
        <v>45719</v>
      </c>
      <c r="F101448" s="14" t="s">
        <v>25</v>
      </c>
      <c r="G101448" s="16">
        <v>0</v>
      </c>
    </row>
    <row r="101449" spans="1:7" x14ac:dyDescent="0.3">
      <c r="A101449" s="13" t="s">
        <v>497</v>
      </c>
      <c r="B101449" s="14" t="s">
        <v>1</v>
      </c>
      <c r="C101449" s="14" t="s">
        <v>109</v>
      </c>
      <c r="D101449" s="14" t="s">
        <v>498</v>
      </c>
      <c r="E101449" s="15">
        <v>45720</v>
      </c>
      <c r="F101449" s="14" t="s">
        <v>25</v>
      </c>
      <c r="G101449" s="16">
        <v>0</v>
      </c>
    </row>
    <row r="101450" spans="1:7" x14ac:dyDescent="0.3">
      <c r="A101450" s="13" t="s">
        <v>497</v>
      </c>
      <c r="B101450" s="14" t="s">
        <v>1</v>
      </c>
      <c r="C101450" s="14" t="s">
        <v>109</v>
      </c>
      <c r="D101450" s="14" t="s">
        <v>498</v>
      </c>
      <c r="E101450" s="15">
        <v>45721</v>
      </c>
      <c r="F101450" s="14" t="s">
        <v>25</v>
      </c>
      <c r="G101450" s="16">
        <v>0</v>
      </c>
    </row>
    <row r="101451" spans="1:7" x14ac:dyDescent="0.3">
      <c r="A101451" s="13" t="s">
        <v>497</v>
      </c>
      <c r="B101451" s="14" t="s">
        <v>1</v>
      </c>
      <c r="C101451" s="14" t="s">
        <v>109</v>
      </c>
      <c r="D101451" s="14" t="s">
        <v>498</v>
      </c>
      <c r="E101451" s="15">
        <v>45722</v>
      </c>
      <c r="F101451" s="14" t="s">
        <v>25</v>
      </c>
      <c r="G101451" s="16">
        <v>0</v>
      </c>
    </row>
    <row r="101452" spans="1:7" x14ac:dyDescent="0.3">
      <c r="A101452" s="13" t="s">
        <v>497</v>
      </c>
      <c r="B101452" s="14" t="s">
        <v>1</v>
      </c>
      <c r="C101452" s="14" t="s">
        <v>109</v>
      </c>
      <c r="D101452" s="14" t="s">
        <v>498</v>
      </c>
      <c r="E101452" s="15">
        <v>45723</v>
      </c>
      <c r="F101452" s="14" t="s">
        <v>25</v>
      </c>
      <c r="G101452" s="16">
        <v>0</v>
      </c>
    </row>
    <row r="101453" spans="1:7" x14ac:dyDescent="0.3">
      <c r="A101453" s="13" t="s">
        <v>497</v>
      </c>
      <c r="B101453" s="14" t="s">
        <v>1</v>
      </c>
      <c r="C101453" s="14" t="s">
        <v>109</v>
      </c>
      <c r="D101453" s="14" t="s">
        <v>498</v>
      </c>
      <c r="E101453" s="15">
        <v>45724</v>
      </c>
      <c r="F101453" s="14" t="s">
        <v>25</v>
      </c>
      <c r="G101453" s="16">
        <v>0</v>
      </c>
    </row>
    <row r="101454" spans="1:7" x14ac:dyDescent="0.3">
      <c r="A101454" s="13" t="s">
        <v>497</v>
      </c>
      <c r="B101454" s="14" t="s">
        <v>1</v>
      </c>
      <c r="C101454" s="14" t="s">
        <v>109</v>
      </c>
      <c r="D101454" s="14" t="s">
        <v>498</v>
      </c>
      <c r="E101454" s="15">
        <v>45725</v>
      </c>
      <c r="F101454" s="14" t="s">
        <v>25</v>
      </c>
      <c r="G101454" s="16">
        <v>0</v>
      </c>
    </row>
    <row r="101455" spans="1:7" x14ac:dyDescent="0.3">
      <c r="A101455" s="13" t="s">
        <v>497</v>
      </c>
      <c r="B101455" s="14" t="s">
        <v>1</v>
      </c>
      <c r="C101455" s="14" t="s">
        <v>109</v>
      </c>
      <c r="D101455" s="14" t="s">
        <v>498</v>
      </c>
      <c r="E101455" s="15">
        <v>45726</v>
      </c>
      <c r="F101455" s="14" t="s">
        <v>25</v>
      </c>
      <c r="G101455" s="16">
        <v>0</v>
      </c>
    </row>
    <row r="101456" spans="1:7" x14ac:dyDescent="0.3">
      <c r="A101456" s="13" t="s">
        <v>497</v>
      </c>
      <c r="B101456" s="14" t="s">
        <v>1</v>
      </c>
      <c r="C101456" s="14" t="s">
        <v>109</v>
      </c>
      <c r="D101456" s="14" t="s">
        <v>498</v>
      </c>
      <c r="E101456" s="15">
        <v>45727</v>
      </c>
      <c r="F101456" s="14" t="s">
        <v>25</v>
      </c>
      <c r="G101456" s="16">
        <v>0</v>
      </c>
    </row>
    <row r="101457" spans="1:7" x14ac:dyDescent="0.3">
      <c r="A101457" s="13" t="s">
        <v>497</v>
      </c>
      <c r="B101457" s="14" t="s">
        <v>1</v>
      </c>
      <c r="C101457" s="14" t="s">
        <v>109</v>
      </c>
      <c r="D101457" s="14" t="s">
        <v>498</v>
      </c>
      <c r="E101457" s="15">
        <v>45728</v>
      </c>
      <c r="F101457" s="14" t="s">
        <v>25</v>
      </c>
      <c r="G101457" s="16">
        <v>0</v>
      </c>
    </row>
    <row r="101458" spans="1:7" x14ac:dyDescent="0.3">
      <c r="A101458" s="13" t="s">
        <v>497</v>
      </c>
      <c r="B101458" s="14" t="s">
        <v>1</v>
      </c>
      <c r="C101458" s="14" t="s">
        <v>109</v>
      </c>
      <c r="D101458" s="14" t="s">
        <v>498</v>
      </c>
      <c r="E101458" s="15">
        <v>45729</v>
      </c>
      <c r="F101458" s="14" t="s">
        <v>25</v>
      </c>
      <c r="G101458" s="16">
        <v>0</v>
      </c>
    </row>
    <row r="101459" spans="1:7" x14ac:dyDescent="0.3">
      <c r="A101459" s="13" t="s">
        <v>497</v>
      </c>
      <c r="B101459" s="14" t="s">
        <v>1</v>
      </c>
      <c r="C101459" s="14" t="s">
        <v>109</v>
      </c>
      <c r="D101459" s="14" t="s">
        <v>498</v>
      </c>
      <c r="E101459" s="15">
        <v>45730</v>
      </c>
      <c r="F101459" s="14" t="s">
        <v>25</v>
      </c>
      <c r="G101459" s="16">
        <v>0</v>
      </c>
    </row>
    <row r="101460" spans="1:7" x14ac:dyDescent="0.3">
      <c r="A101460" s="13" t="s">
        <v>497</v>
      </c>
      <c r="B101460" s="14" t="s">
        <v>1</v>
      </c>
      <c r="C101460" s="14" t="s">
        <v>109</v>
      </c>
      <c r="D101460" s="14" t="s">
        <v>498</v>
      </c>
      <c r="E101460" s="15">
        <v>45731</v>
      </c>
      <c r="F101460" s="14" t="s">
        <v>25</v>
      </c>
      <c r="G101460" s="16">
        <v>0</v>
      </c>
    </row>
    <row r="101461" spans="1:7" x14ac:dyDescent="0.3">
      <c r="A101461" s="13" t="s">
        <v>497</v>
      </c>
      <c r="B101461" s="14" t="s">
        <v>1</v>
      </c>
      <c r="C101461" s="14" t="s">
        <v>109</v>
      </c>
      <c r="D101461" s="14" t="s">
        <v>498</v>
      </c>
      <c r="E101461" s="15">
        <v>45732</v>
      </c>
      <c r="F101461" s="14" t="s">
        <v>25</v>
      </c>
      <c r="G101461" s="16">
        <v>0</v>
      </c>
    </row>
    <row r="101462" spans="1:7" x14ac:dyDescent="0.3">
      <c r="A101462" s="13" t="s">
        <v>497</v>
      </c>
      <c r="B101462" s="14" t="s">
        <v>1</v>
      </c>
      <c r="C101462" s="14" t="s">
        <v>109</v>
      </c>
      <c r="D101462" s="14" t="s">
        <v>498</v>
      </c>
      <c r="E101462" s="15">
        <v>45733</v>
      </c>
      <c r="F101462" s="14" t="s">
        <v>25</v>
      </c>
      <c r="G101462" s="16">
        <v>0</v>
      </c>
    </row>
    <row r="101463" spans="1:7" x14ac:dyDescent="0.3">
      <c r="A101463" s="13" t="s">
        <v>497</v>
      </c>
      <c r="B101463" s="14" t="s">
        <v>1</v>
      </c>
      <c r="C101463" s="14" t="s">
        <v>109</v>
      </c>
      <c r="D101463" s="14" t="s">
        <v>498</v>
      </c>
      <c r="E101463" s="15">
        <v>45734</v>
      </c>
      <c r="F101463" s="14" t="s">
        <v>25</v>
      </c>
      <c r="G101463" s="16">
        <v>0</v>
      </c>
    </row>
    <row r="101464" spans="1:7" x14ac:dyDescent="0.3">
      <c r="A101464" s="13" t="s">
        <v>497</v>
      </c>
      <c r="B101464" s="14" t="s">
        <v>1</v>
      </c>
      <c r="C101464" s="14" t="s">
        <v>109</v>
      </c>
      <c r="D101464" s="14" t="s">
        <v>498</v>
      </c>
      <c r="E101464" s="15">
        <v>45735</v>
      </c>
      <c r="F101464" s="14" t="s">
        <v>25</v>
      </c>
      <c r="G101464" s="16">
        <v>0</v>
      </c>
    </row>
    <row r="101465" spans="1:7" x14ac:dyDescent="0.3">
      <c r="A101465" s="13" t="s">
        <v>497</v>
      </c>
      <c r="B101465" s="14" t="s">
        <v>1</v>
      </c>
      <c r="C101465" s="14" t="s">
        <v>109</v>
      </c>
      <c r="D101465" s="14" t="s">
        <v>498</v>
      </c>
      <c r="E101465" s="15">
        <v>45736</v>
      </c>
      <c r="F101465" s="14" t="s">
        <v>25</v>
      </c>
      <c r="G101465" s="16">
        <v>0</v>
      </c>
    </row>
    <row r="101466" spans="1:7" x14ac:dyDescent="0.3">
      <c r="A101466" s="13" t="s">
        <v>497</v>
      </c>
      <c r="B101466" s="14" t="s">
        <v>1</v>
      </c>
      <c r="C101466" s="14" t="s">
        <v>109</v>
      </c>
      <c r="D101466" s="14" t="s">
        <v>498</v>
      </c>
      <c r="E101466" s="15">
        <v>45737</v>
      </c>
      <c r="F101466" s="14" t="s">
        <v>25</v>
      </c>
      <c r="G101466" s="16">
        <v>0</v>
      </c>
    </row>
    <row r="101467" spans="1:7" x14ac:dyDescent="0.3">
      <c r="A101467" s="13" t="s">
        <v>497</v>
      </c>
      <c r="B101467" s="14" t="s">
        <v>1</v>
      </c>
      <c r="C101467" s="14" t="s">
        <v>109</v>
      </c>
      <c r="D101467" s="14" t="s">
        <v>498</v>
      </c>
      <c r="E101467" s="15">
        <v>45738</v>
      </c>
      <c r="F101467" s="14" t="s">
        <v>25</v>
      </c>
      <c r="G101467" s="16">
        <v>0</v>
      </c>
    </row>
    <row r="101468" spans="1:7" x14ac:dyDescent="0.3">
      <c r="A101468" s="13" t="s">
        <v>497</v>
      </c>
      <c r="B101468" s="14" t="s">
        <v>1</v>
      </c>
      <c r="C101468" s="14" t="s">
        <v>109</v>
      </c>
      <c r="D101468" s="14" t="s">
        <v>498</v>
      </c>
      <c r="E101468" s="15">
        <v>45739</v>
      </c>
      <c r="F101468" s="14" t="s">
        <v>25</v>
      </c>
      <c r="G101468" s="16">
        <v>0</v>
      </c>
    </row>
    <row r="101469" spans="1:7" x14ac:dyDescent="0.3">
      <c r="A101469" s="13" t="s">
        <v>497</v>
      </c>
      <c r="B101469" s="14" t="s">
        <v>1</v>
      </c>
      <c r="C101469" s="14" t="s">
        <v>109</v>
      </c>
      <c r="D101469" s="14" t="s">
        <v>498</v>
      </c>
      <c r="E101469" s="15">
        <v>45740</v>
      </c>
      <c r="F101469" s="14" t="s">
        <v>25</v>
      </c>
      <c r="G101469" s="16">
        <v>0</v>
      </c>
    </row>
    <row r="101470" spans="1:7" x14ac:dyDescent="0.3">
      <c r="A101470" s="13" t="s">
        <v>497</v>
      </c>
      <c r="B101470" s="14" t="s">
        <v>1</v>
      </c>
      <c r="C101470" s="14" t="s">
        <v>109</v>
      </c>
      <c r="D101470" s="14" t="s">
        <v>498</v>
      </c>
      <c r="E101470" s="15">
        <v>45741</v>
      </c>
      <c r="F101470" s="14" t="s">
        <v>25</v>
      </c>
      <c r="G101470" s="16">
        <v>0</v>
      </c>
    </row>
    <row r="101471" spans="1:7" x14ac:dyDescent="0.3">
      <c r="A101471" s="13" t="s">
        <v>497</v>
      </c>
      <c r="B101471" s="14" t="s">
        <v>1</v>
      </c>
      <c r="C101471" s="14" t="s">
        <v>109</v>
      </c>
      <c r="D101471" s="14" t="s">
        <v>498</v>
      </c>
      <c r="E101471" s="15">
        <v>45742</v>
      </c>
      <c r="F101471" s="14" t="s">
        <v>25</v>
      </c>
      <c r="G101471" s="16">
        <v>0</v>
      </c>
    </row>
    <row r="101472" spans="1:7" x14ac:dyDescent="0.3">
      <c r="A101472" s="13" t="s">
        <v>497</v>
      </c>
      <c r="B101472" s="14" t="s">
        <v>1</v>
      </c>
      <c r="C101472" s="14" t="s">
        <v>109</v>
      </c>
      <c r="D101472" s="14" t="s">
        <v>498</v>
      </c>
      <c r="E101472" s="15">
        <v>45743</v>
      </c>
      <c r="F101472" s="14" t="s">
        <v>25</v>
      </c>
      <c r="G101472" s="16">
        <v>0</v>
      </c>
    </row>
    <row r="101473" spans="1:7" x14ac:dyDescent="0.3">
      <c r="A101473" s="13" t="s">
        <v>497</v>
      </c>
      <c r="B101473" s="14" t="s">
        <v>1</v>
      </c>
      <c r="C101473" s="14" t="s">
        <v>109</v>
      </c>
      <c r="D101473" s="14" t="s">
        <v>498</v>
      </c>
      <c r="E101473" s="15">
        <v>45744</v>
      </c>
      <c r="F101473" s="14" t="s">
        <v>25</v>
      </c>
      <c r="G101473" s="16">
        <v>0</v>
      </c>
    </row>
    <row r="101474" spans="1:7" x14ac:dyDescent="0.3">
      <c r="A101474" s="13" t="s">
        <v>497</v>
      </c>
      <c r="B101474" s="14" t="s">
        <v>1</v>
      </c>
      <c r="C101474" s="14" t="s">
        <v>109</v>
      </c>
      <c r="D101474" s="14" t="s">
        <v>498</v>
      </c>
      <c r="E101474" s="15">
        <v>45745</v>
      </c>
      <c r="F101474" s="14" t="s">
        <v>25</v>
      </c>
      <c r="G101474" s="16">
        <v>0</v>
      </c>
    </row>
    <row r="101475" spans="1:7" x14ac:dyDescent="0.3">
      <c r="A101475" s="13" t="s">
        <v>497</v>
      </c>
      <c r="B101475" s="14" t="s">
        <v>1</v>
      </c>
      <c r="C101475" s="14" t="s">
        <v>109</v>
      </c>
      <c r="D101475" s="14" t="s">
        <v>498</v>
      </c>
      <c r="E101475" s="15">
        <v>45746</v>
      </c>
      <c r="F101475" s="14" t="s">
        <v>25</v>
      </c>
      <c r="G101475" s="16">
        <v>0</v>
      </c>
    </row>
    <row r="101476" spans="1:7" x14ac:dyDescent="0.3">
      <c r="A101476" s="13" t="s">
        <v>497</v>
      </c>
      <c r="B101476" s="14" t="s">
        <v>1</v>
      </c>
      <c r="C101476" s="14" t="s">
        <v>109</v>
      </c>
      <c r="D101476" s="14" t="s">
        <v>498</v>
      </c>
      <c r="E101476" s="15">
        <v>45747</v>
      </c>
      <c r="F101476" s="14" t="s">
        <v>25</v>
      </c>
      <c r="G101476" s="16">
        <v>0</v>
      </c>
    </row>
    <row r="101477" spans="1:7" x14ac:dyDescent="0.3">
      <c r="A101477" s="13" t="s">
        <v>499</v>
      </c>
      <c r="B101477" s="14" t="s">
        <v>1</v>
      </c>
      <c r="C101477" s="14" t="s">
        <v>70</v>
      </c>
      <c r="D101477" s="14" t="s">
        <v>306</v>
      </c>
      <c r="E101477" s="15">
        <v>45383</v>
      </c>
      <c r="F101477" s="14" t="s">
        <v>15</v>
      </c>
      <c r="G101477" s="16">
        <v>0</v>
      </c>
    </row>
    <row r="101478" spans="1:7" x14ac:dyDescent="0.3">
      <c r="A101478" s="13" t="s">
        <v>499</v>
      </c>
      <c r="B101478" s="14" t="s">
        <v>1</v>
      </c>
      <c r="C101478" s="14" t="s">
        <v>70</v>
      </c>
      <c r="D101478" s="14" t="s">
        <v>306</v>
      </c>
      <c r="E101478" s="15">
        <v>45384</v>
      </c>
      <c r="F101478" s="14" t="s">
        <v>15</v>
      </c>
      <c r="G101478" s="16">
        <v>0</v>
      </c>
    </row>
    <row r="101479" spans="1:7" x14ac:dyDescent="0.3">
      <c r="A101479" s="13" t="s">
        <v>499</v>
      </c>
      <c r="B101479" s="14" t="s">
        <v>1</v>
      </c>
      <c r="C101479" s="14" t="s">
        <v>70</v>
      </c>
      <c r="D101479" s="14" t="s">
        <v>306</v>
      </c>
      <c r="E101479" s="15">
        <v>45385</v>
      </c>
      <c r="F101479" s="14" t="s">
        <v>15</v>
      </c>
      <c r="G101479" s="16">
        <v>3.1092380342397898E-2</v>
      </c>
    </row>
    <row r="101480" spans="1:7" x14ac:dyDescent="0.3">
      <c r="A101480" s="13" t="s">
        <v>499</v>
      </c>
      <c r="B101480" s="14" t="s">
        <v>1</v>
      </c>
      <c r="C101480" s="14" t="s">
        <v>70</v>
      </c>
      <c r="D101480" s="14" t="s">
        <v>306</v>
      </c>
      <c r="E101480" s="15">
        <v>45386</v>
      </c>
      <c r="F101480" s="14" t="s">
        <v>15</v>
      </c>
      <c r="G101480" s="16">
        <v>3.964962587442198E-2</v>
      </c>
    </row>
    <row r="101481" spans="1:7" x14ac:dyDescent="0.3">
      <c r="A101481" s="13" t="s">
        <v>499</v>
      </c>
      <c r="B101481" s="14" t="s">
        <v>1</v>
      </c>
      <c r="C101481" s="14" t="s">
        <v>70</v>
      </c>
      <c r="D101481" s="14" t="s">
        <v>306</v>
      </c>
      <c r="E101481" s="15">
        <v>45387</v>
      </c>
      <c r="F101481" s="14" t="s">
        <v>15</v>
      </c>
      <c r="G101481" s="16">
        <v>5.6916903500846897E-2</v>
      </c>
    </row>
    <row r="101482" spans="1:7" x14ac:dyDescent="0.3">
      <c r="A101482" s="13" t="s">
        <v>499</v>
      </c>
      <c r="B101482" s="14" t="s">
        <v>1</v>
      </c>
      <c r="C101482" s="14" t="s">
        <v>70</v>
      </c>
      <c r="D101482" s="14" t="s">
        <v>306</v>
      </c>
      <c r="E101482" s="15">
        <v>45388</v>
      </c>
      <c r="F101482" s="14" t="s">
        <v>15</v>
      </c>
      <c r="G101482" s="16">
        <v>5.6916903500846897E-2</v>
      </c>
    </row>
    <row r="101483" spans="1:7" x14ac:dyDescent="0.3">
      <c r="A101483" s="13" t="s">
        <v>499</v>
      </c>
      <c r="B101483" s="14" t="s">
        <v>1</v>
      </c>
      <c r="C101483" s="14" t="s">
        <v>70</v>
      </c>
      <c r="D101483" s="14" t="s">
        <v>306</v>
      </c>
      <c r="E101483" s="15">
        <v>45389</v>
      </c>
      <c r="F101483" s="14" t="s">
        <v>15</v>
      </c>
      <c r="G101483" s="16">
        <v>5.6916903500846897E-2</v>
      </c>
    </row>
    <row r="101484" spans="1:7" x14ac:dyDescent="0.3">
      <c r="A101484" s="13" t="s">
        <v>499</v>
      </c>
      <c r="B101484" s="14" t="s">
        <v>1</v>
      </c>
      <c r="C101484" s="14" t="s">
        <v>70</v>
      </c>
      <c r="D101484" s="14" t="s">
        <v>306</v>
      </c>
      <c r="E101484" s="15">
        <v>45390</v>
      </c>
      <c r="F101484" s="14" t="s">
        <v>15</v>
      </c>
      <c r="G101484" s="16">
        <v>7.6207013565546322E-2</v>
      </c>
    </row>
    <row r="101485" spans="1:7" x14ac:dyDescent="0.3">
      <c r="A101485" s="13" t="s">
        <v>499</v>
      </c>
      <c r="B101485" s="14" t="s">
        <v>1</v>
      </c>
      <c r="C101485" s="14" t="s">
        <v>70</v>
      </c>
      <c r="D101485" s="14" t="s">
        <v>306</v>
      </c>
      <c r="E101485" s="15">
        <v>45391</v>
      </c>
      <c r="F101485" s="14" t="s">
        <v>15</v>
      </c>
      <c r="G101485" s="16">
        <v>9.0090166266763388E-2</v>
      </c>
    </row>
    <row r="101486" spans="1:7" x14ac:dyDescent="0.3">
      <c r="A101486" s="13" t="s">
        <v>499</v>
      </c>
      <c r="B101486" s="14" t="s">
        <v>1</v>
      </c>
      <c r="C101486" s="14" t="s">
        <v>70</v>
      </c>
      <c r="D101486" s="14" t="s">
        <v>306</v>
      </c>
      <c r="E101486" s="15">
        <v>45392</v>
      </c>
      <c r="F101486" s="14" t="s">
        <v>15</v>
      </c>
      <c r="G101486" s="16">
        <v>0.1071151440868342</v>
      </c>
    </row>
    <row r="101487" spans="1:7" x14ac:dyDescent="0.3">
      <c r="A101487" s="13" t="s">
        <v>499</v>
      </c>
      <c r="B101487" s="14" t="s">
        <v>1</v>
      </c>
      <c r="C101487" s="14" t="s">
        <v>70</v>
      </c>
      <c r="D101487" s="14" t="s">
        <v>306</v>
      </c>
      <c r="E101487" s="15">
        <v>45393</v>
      </c>
      <c r="F101487" s="14" t="s">
        <v>15</v>
      </c>
      <c r="G101487" s="16">
        <v>0.11057032196900524</v>
      </c>
    </row>
    <row r="101488" spans="1:7" x14ac:dyDescent="0.3">
      <c r="A101488" s="13" t="s">
        <v>499</v>
      </c>
      <c r="B101488" s="14" t="s">
        <v>1</v>
      </c>
      <c r="C101488" s="14" t="s">
        <v>70</v>
      </c>
      <c r="D101488" s="14" t="s">
        <v>306</v>
      </c>
      <c r="E101488" s="15">
        <v>45394</v>
      </c>
      <c r="F101488" s="14" t="s">
        <v>15</v>
      </c>
      <c r="G101488" s="16">
        <v>0.11435066506004934</v>
      </c>
    </row>
    <row r="101489" spans="1:7" x14ac:dyDescent="0.3">
      <c r="A101489" s="13" t="s">
        <v>499</v>
      </c>
      <c r="B101489" s="14" t="s">
        <v>1</v>
      </c>
      <c r="C101489" s="14" t="s">
        <v>70</v>
      </c>
      <c r="D101489" s="14" t="s">
        <v>306</v>
      </c>
      <c r="E101489" s="15">
        <v>45395</v>
      </c>
      <c r="F101489" s="14" t="s">
        <v>15</v>
      </c>
      <c r="G101489" s="16">
        <v>0.11435066506004934</v>
      </c>
    </row>
    <row r="101490" spans="1:7" x14ac:dyDescent="0.3">
      <c r="A101490" s="13" t="s">
        <v>499</v>
      </c>
      <c r="B101490" s="14" t="s">
        <v>1</v>
      </c>
      <c r="C101490" s="14" t="s">
        <v>70</v>
      </c>
      <c r="D101490" s="14" t="s">
        <v>306</v>
      </c>
      <c r="E101490" s="15">
        <v>45396</v>
      </c>
      <c r="F101490" s="14" t="s">
        <v>15</v>
      </c>
      <c r="G101490" s="16">
        <v>0.11435066506004934</v>
      </c>
    </row>
    <row r="101491" spans="1:7" x14ac:dyDescent="0.3">
      <c r="A101491" s="13" t="s">
        <v>499</v>
      </c>
      <c r="B101491" s="14" t="s">
        <v>1</v>
      </c>
      <c r="C101491" s="14" t="s">
        <v>70</v>
      </c>
      <c r="D101491" s="14" t="s">
        <v>306</v>
      </c>
      <c r="E101491" s="15">
        <v>45397</v>
      </c>
      <c r="F101491" s="14" t="s">
        <v>15</v>
      </c>
      <c r="G101491" s="16">
        <v>0.1391884657354851</v>
      </c>
    </row>
    <row r="101492" spans="1:7" x14ac:dyDescent="0.3">
      <c r="A101492" s="13" t="s">
        <v>499</v>
      </c>
      <c r="B101492" s="14" t="s">
        <v>1</v>
      </c>
      <c r="C101492" s="14" t="s">
        <v>70</v>
      </c>
      <c r="D101492" s="14" t="s">
        <v>306</v>
      </c>
      <c r="E101492" s="15">
        <v>45398</v>
      </c>
      <c r="F101492" s="14" t="s">
        <v>15</v>
      </c>
      <c r="G101492" s="16">
        <v>0.15315058958198025</v>
      </c>
    </row>
    <row r="101493" spans="1:7" x14ac:dyDescent="0.3">
      <c r="A101493" s="13" t="s">
        <v>499</v>
      </c>
      <c r="B101493" s="14" t="s">
        <v>1</v>
      </c>
      <c r="C101493" s="14" t="s">
        <v>70</v>
      </c>
      <c r="D101493" s="14" t="s">
        <v>306</v>
      </c>
      <c r="E101493" s="15">
        <v>45399</v>
      </c>
      <c r="F101493" s="14" t="s">
        <v>15</v>
      </c>
      <c r="G101493" s="16">
        <v>0.19487185928916045</v>
      </c>
    </row>
    <row r="101494" spans="1:7" x14ac:dyDescent="0.3">
      <c r="A101494" s="13" t="s">
        <v>499</v>
      </c>
      <c r="B101494" s="14" t="s">
        <v>1</v>
      </c>
      <c r="C101494" s="14" t="s">
        <v>70</v>
      </c>
      <c r="D101494" s="14" t="s">
        <v>306</v>
      </c>
      <c r="E101494" s="15">
        <v>45400</v>
      </c>
      <c r="F101494" s="14" t="s">
        <v>15</v>
      </c>
      <c r="G101494" s="16">
        <v>0.1986940859964571</v>
      </c>
    </row>
    <row r="101495" spans="1:7" x14ac:dyDescent="0.3">
      <c r="A101495" s="13" t="s">
        <v>499</v>
      </c>
      <c r="B101495" s="14" t="s">
        <v>1</v>
      </c>
      <c r="C101495" s="14" t="s">
        <v>70</v>
      </c>
      <c r="D101495" s="14" t="s">
        <v>306</v>
      </c>
      <c r="E101495" s="15">
        <v>45401</v>
      </c>
      <c r="F101495" s="14" t="s">
        <v>15</v>
      </c>
      <c r="G101495" s="16">
        <v>0.20744933797695395</v>
      </c>
    </row>
    <row r="101496" spans="1:7" x14ac:dyDescent="0.3">
      <c r="A101496" s="13" t="s">
        <v>499</v>
      </c>
      <c r="B101496" s="14" t="s">
        <v>1</v>
      </c>
      <c r="C101496" s="14" t="s">
        <v>70</v>
      </c>
      <c r="D101496" s="14" t="s">
        <v>306</v>
      </c>
      <c r="E101496" s="15">
        <v>45402</v>
      </c>
      <c r="F101496" s="14" t="s">
        <v>15</v>
      </c>
      <c r="G101496" s="16">
        <v>0.20744933797695395</v>
      </c>
    </row>
    <row r="101497" spans="1:7" x14ac:dyDescent="0.3">
      <c r="A101497" s="13" t="s">
        <v>499</v>
      </c>
      <c r="B101497" s="14" t="s">
        <v>1</v>
      </c>
      <c r="C101497" s="14" t="s">
        <v>70</v>
      </c>
      <c r="D101497" s="14" t="s">
        <v>306</v>
      </c>
      <c r="E101497" s="15">
        <v>45403</v>
      </c>
      <c r="F101497" s="14" t="s">
        <v>15</v>
      </c>
      <c r="G101497" s="16">
        <v>0.20744933797695395</v>
      </c>
    </row>
    <row r="101498" spans="1:7" x14ac:dyDescent="0.3">
      <c r="A101498" s="13" t="s">
        <v>499</v>
      </c>
      <c r="B101498" s="14" t="s">
        <v>1</v>
      </c>
      <c r="C101498" s="14" t="s">
        <v>70</v>
      </c>
      <c r="D101498" s="14" t="s">
        <v>306</v>
      </c>
      <c r="E101498" s="15">
        <v>45404</v>
      </c>
      <c r="F101498" s="14" t="s">
        <v>15</v>
      </c>
      <c r="G101498" s="16">
        <v>0.21586726490330665</v>
      </c>
    </row>
    <row r="101499" spans="1:7" x14ac:dyDescent="0.3">
      <c r="A101499" s="13" t="s">
        <v>499</v>
      </c>
      <c r="B101499" s="14" t="s">
        <v>1</v>
      </c>
      <c r="C101499" s="14" t="s">
        <v>70</v>
      </c>
      <c r="D101499" s="14" t="s">
        <v>306</v>
      </c>
      <c r="E101499" s="15">
        <v>45405</v>
      </c>
      <c r="F101499" s="14" t="s">
        <v>15</v>
      </c>
      <c r="G101499" s="16">
        <v>0.24597164972294311</v>
      </c>
    </row>
    <row r="101500" spans="1:7" x14ac:dyDescent="0.3">
      <c r="A101500" s="13" t="s">
        <v>499</v>
      </c>
      <c r="B101500" s="14" t="s">
        <v>1</v>
      </c>
      <c r="C101500" s="14" t="s">
        <v>70</v>
      </c>
      <c r="D101500" s="14" t="s">
        <v>306</v>
      </c>
      <c r="E101500" s="15">
        <v>45406</v>
      </c>
      <c r="F101500" s="14" t="s">
        <v>15</v>
      </c>
      <c r="G101500" s="16">
        <v>0.25350516153034319</v>
      </c>
    </row>
    <row r="101501" spans="1:7" x14ac:dyDescent="0.3">
      <c r="A101501" s="13" t="s">
        <v>499</v>
      </c>
      <c r="B101501" s="14" t="s">
        <v>1</v>
      </c>
      <c r="C101501" s="14" t="s">
        <v>70</v>
      </c>
      <c r="D101501" s="14" t="s">
        <v>306</v>
      </c>
      <c r="E101501" s="15">
        <v>45407</v>
      </c>
      <c r="F101501" s="14" t="s">
        <v>15</v>
      </c>
      <c r="G101501" s="16">
        <v>0.30014282858702068</v>
      </c>
    </row>
    <row r="101502" spans="1:7" x14ac:dyDescent="0.3">
      <c r="A101502" s="13" t="s">
        <v>499</v>
      </c>
      <c r="B101502" s="14" t="s">
        <v>1</v>
      </c>
      <c r="C101502" s="14" t="s">
        <v>70</v>
      </c>
      <c r="D101502" s="14" t="s">
        <v>306</v>
      </c>
      <c r="E101502" s="15">
        <v>45408</v>
      </c>
      <c r="F101502" s="14" t="s">
        <v>15</v>
      </c>
      <c r="G101502" s="16">
        <v>0.30493178180613212</v>
      </c>
    </row>
    <row r="101503" spans="1:7" x14ac:dyDescent="0.3">
      <c r="A101503" s="13" t="s">
        <v>499</v>
      </c>
      <c r="B101503" s="14" t="s">
        <v>1</v>
      </c>
      <c r="C101503" s="14" t="s">
        <v>70</v>
      </c>
      <c r="D101503" s="14" t="s">
        <v>306</v>
      </c>
      <c r="E101503" s="15">
        <v>45409</v>
      </c>
      <c r="F101503" s="14" t="s">
        <v>15</v>
      </c>
      <c r="G101503" s="16">
        <v>0.30493178180613212</v>
      </c>
    </row>
    <row r="101504" spans="1:7" x14ac:dyDescent="0.3">
      <c r="A101504" s="13" t="s">
        <v>499</v>
      </c>
      <c r="B101504" s="14" t="s">
        <v>1</v>
      </c>
      <c r="C101504" s="14" t="s">
        <v>70</v>
      </c>
      <c r="D101504" s="14" t="s">
        <v>306</v>
      </c>
      <c r="E101504" s="15">
        <v>45410</v>
      </c>
      <c r="F101504" s="14" t="s">
        <v>15</v>
      </c>
      <c r="G101504" s="16">
        <v>0.30493178180613212</v>
      </c>
    </row>
    <row r="101505" spans="1:7" x14ac:dyDescent="0.3">
      <c r="A101505" s="13" t="s">
        <v>499</v>
      </c>
      <c r="B101505" s="14" t="s">
        <v>1</v>
      </c>
      <c r="C101505" s="14" t="s">
        <v>70</v>
      </c>
      <c r="D101505" s="14" t="s">
        <v>306</v>
      </c>
      <c r="E101505" s="15">
        <v>45411</v>
      </c>
      <c r="F101505" s="14" t="s">
        <v>15</v>
      </c>
      <c r="G101505" s="16">
        <v>0.30874090041746388</v>
      </c>
    </row>
    <row r="101506" spans="1:7" x14ac:dyDescent="0.3">
      <c r="A101506" s="13" t="s">
        <v>499</v>
      </c>
      <c r="B101506" s="14" t="s">
        <v>1</v>
      </c>
      <c r="C101506" s="14" t="s">
        <v>70</v>
      </c>
      <c r="D101506" s="14" t="s">
        <v>306</v>
      </c>
      <c r="E101506" s="15">
        <v>45412</v>
      </c>
      <c r="F101506" s="14" t="s">
        <v>15</v>
      </c>
      <c r="G101506" s="16">
        <v>0.32180477336231539</v>
      </c>
    </row>
    <row r="101507" spans="1:7" x14ac:dyDescent="0.3">
      <c r="A101507" s="13" t="s">
        <v>499</v>
      </c>
      <c r="B101507" s="14" t="s">
        <v>1</v>
      </c>
      <c r="C101507" s="14" t="s">
        <v>70</v>
      </c>
      <c r="D101507" s="14" t="s">
        <v>306</v>
      </c>
      <c r="E101507" s="15">
        <v>45413</v>
      </c>
      <c r="F101507" s="14" t="s">
        <v>15</v>
      </c>
      <c r="G101507" s="16">
        <v>0.32180477336231539</v>
      </c>
    </row>
    <row r="101508" spans="1:7" x14ac:dyDescent="0.3">
      <c r="A101508" s="13" t="s">
        <v>499</v>
      </c>
      <c r="B101508" s="14" t="s">
        <v>1</v>
      </c>
      <c r="C101508" s="14" t="s">
        <v>70</v>
      </c>
      <c r="D101508" s="14" t="s">
        <v>306</v>
      </c>
      <c r="E101508" s="15">
        <v>45414</v>
      </c>
      <c r="F101508" s="14" t="s">
        <v>15</v>
      </c>
      <c r="G101508" s="16">
        <v>0</v>
      </c>
    </row>
    <row r="101509" spans="1:7" x14ac:dyDescent="0.3">
      <c r="A101509" s="13" t="s">
        <v>499</v>
      </c>
      <c r="B101509" s="14" t="s">
        <v>1</v>
      </c>
      <c r="C101509" s="14" t="s">
        <v>70</v>
      </c>
      <c r="D101509" s="14" t="s">
        <v>306</v>
      </c>
      <c r="E101509" s="15">
        <v>45415</v>
      </c>
      <c r="F101509" s="14" t="s">
        <v>15</v>
      </c>
      <c r="G101509" s="16">
        <v>0</v>
      </c>
    </row>
    <row r="101510" spans="1:7" x14ac:dyDescent="0.3">
      <c r="A101510" s="13" t="s">
        <v>499</v>
      </c>
      <c r="B101510" s="14" t="s">
        <v>1</v>
      </c>
      <c r="C101510" s="14" t="s">
        <v>70</v>
      </c>
      <c r="D101510" s="14" t="s">
        <v>306</v>
      </c>
      <c r="E101510" s="15">
        <v>45416</v>
      </c>
      <c r="F101510" s="14" t="s">
        <v>15</v>
      </c>
      <c r="G101510" s="16">
        <v>0</v>
      </c>
    </row>
    <row r="101511" spans="1:7" x14ac:dyDescent="0.3">
      <c r="A101511" s="13" t="s">
        <v>499</v>
      </c>
      <c r="B101511" s="14" t="s">
        <v>1</v>
      </c>
      <c r="C101511" s="14" t="s">
        <v>70</v>
      </c>
      <c r="D101511" s="14" t="s">
        <v>306</v>
      </c>
      <c r="E101511" s="15">
        <v>45417</v>
      </c>
      <c r="F101511" s="14" t="s">
        <v>15</v>
      </c>
      <c r="G101511" s="16">
        <v>0</v>
      </c>
    </row>
    <row r="101512" spans="1:7" x14ac:dyDescent="0.3">
      <c r="A101512" s="13" t="s">
        <v>499</v>
      </c>
      <c r="B101512" s="14" t="s">
        <v>1</v>
      </c>
      <c r="C101512" s="14" t="s">
        <v>70</v>
      </c>
      <c r="D101512" s="14" t="s">
        <v>306</v>
      </c>
      <c r="E101512" s="15">
        <v>45418</v>
      </c>
      <c r="F101512" s="14" t="s">
        <v>15</v>
      </c>
      <c r="G101512" s="16">
        <v>0</v>
      </c>
    </row>
    <row r="101513" spans="1:7" x14ac:dyDescent="0.3">
      <c r="A101513" s="13" t="s">
        <v>499</v>
      </c>
      <c r="B101513" s="14" t="s">
        <v>1</v>
      </c>
      <c r="C101513" s="14" t="s">
        <v>70</v>
      </c>
      <c r="D101513" s="14" t="s">
        <v>306</v>
      </c>
      <c r="E101513" s="15">
        <v>45419</v>
      </c>
      <c r="F101513" s="14" t="s">
        <v>15</v>
      </c>
      <c r="G101513" s="16">
        <v>0</v>
      </c>
    </row>
    <row r="101514" spans="1:7" x14ac:dyDescent="0.3">
      <c r="A101514" s="13" t="s">
        <v>499</v>
      </c>
      <c r="B101514" s="14" t="s">
        <v>1</v>
      </c>
      <c r="C101514" s="14" t="s">
        <v>70</v>
      </c>
      <c r="D101514" s="14" t="s">
        <v>306</v>
      </c>
      <c r="E101514" s="15">
        <v>45420</v>
      </c>
      <c r="F101514" s="14" t="s">
        <v>15</v>
      </c>
      <c r="G101514" s="16">
        <v>0</v>
      </c>
    </row>
    <row r="101515" spans="1:7" x14ac:dyDescent="0.3">
      <c r="A101515" s="13" t="s">
        <v>499</v>
      </c>
      <c r="B101515" s="14" t="s">
        <v>1</v>
      </c>
      <c r="C101515" s="14" t="s">
        <v>70</v>
      </c>
      <c r="D101515" s="14" t="s">
        <v>306</v>
      </c>
      <c r="E101515" s="15">
        <v>45421</v>
      </c>
      <c r="F101515" s="14" t="s">
        <v>15</v>
      </c>
      <c r="G101515" s="16">
        <v>0</v>
      </c>
    </row>
    <row r="101516" spans="1:7" x14ac:dyDescent="0.3">
      <c r="A101516" s="13" t="s">
        <v>499</v>
      </c>
      <c r="B101516" s="14" t="s">
        <v>1</v>
      </c>
      <c r="C101516" s="14" t="s">
        <v>70</v>
      </c>
      <c r="D101516" s="14" t="s">
        <v>306</v>
      </c>
      <c r="E101516" s="15">
        <v>45422</v>
      </c>
      <c r="F101516" s="14" t="s">
        <v>15</v>
      </c>
      <c r="G101516" s="16">
        <v>2.2835752831354109E-3</v>
      </c>
    </row>
    <row r="101517" spans="1:7" x14ac:dyDescent="0.3">
      <c r="A101517" s="13" t="s">
        <v>499</v>
      </c>
      <c r="B101517" s="14" t="s">
        <v>1</v>
      </c>
      <c r="C101517" s="14" t="s">
        <v>70</v>
      </c>
      <c r="D101517" s="14" t="s">
        <v>306</v>
      </c>
      <c r="E101517" s="15">
        <v>45423</v>
      </c>
      <c r="F101517" s="14" t="s">
        <v>15</v>
      </c>
      <c r="G101517" s="16">
        <v>2.2835752831354109E-3</v>
      </c>
    </row>
    <row r="101518" spans="1:7" x14ac:dyDescent="0.3">
      <c r="A101518" s="13" t="s">
        <v>499</v>
      </c>
      <c r="B101518" s="14" t="s">
        <v>1</v>
      </c>
      <c r="C101518" s="14" t="s">
        <v>70</v>
      </c>
      <c r="D101518" s="14" t="s">
        <v>306</v>
      </c>
      <c r="E101518" s="15">
        <v>45424</v>
      </c>
      <c r="F101518" s="14" t="s">
        <v>15</v>
      </c>
      <c r="G101518" s="16">
        <v>2.2835752831354109E-3</v>
      </c>
    </row>
    <row r="101519" spans="1:7" x14ac:dyDescent="0.3">
      <c r="A101519" s="13" t="s">
        <v>499</v>
      </c>
      <c r="B101519" s="14" t="s">
        <v>1</v>
      </c>
      <c r="C101519" s="14" t="s">
        <v>70</v>
      </c>
      <c r="D101519" s="14" t="s">
        <v>306</v>
      </c>
      <c r="E101519" s="15">
        <v>45425</v>
      </c>
      <c r="F101519" s="14" t="s">
        <v>15</v>
      </c>
      <c r="G101519" s="16">
        <v>0.11283288333184983</v>
      </c>
    </row>
    <row r="101520" spans="1:7" x14ac:dyDescent="0.3">
      <c r="A101520" s="13" t="s">
        <v>499</v>
      </c>
      <c r="B101520" s="14" t="s">
        <v>1</v>
      </c>
      <c r="C101520" s="14" t="s">
        <v>70</v>
      </c>
      <c r="D101520" s="14" t="s">
        <v>306</v>
      </c>
      <c r="E101520" s="15">
        <v>45426</v>
      </c>
      <c r="F101520" s="14" t="s">
        <v>15</v>
      </c>
      <c r="G101520" s="16">
        <v>0.14817787707914323</v>
      </c>
    </row>
    <row r="101521" spans="1:7" x14ac:dyDescent="0.3">
      <c r="A101521" s="13" t="s">
        <v>499</v>
      </c>
      <c r="B101521" s="14" t="s">
        <v>1</v>
      </c>
      <c r="C101521" s="14" t="s">
        <v>70</v>
      </c>
      <c r="D101521" s="14" t="s">
        <v>306</v>
      </c>
      <c r="E101521" s="15">
        <v>45427</v>
      </c>
      <c r="F101521" s="14" t="s">
        <v>15</v>
      </c>
      <c r="G101521" s="16">
        <v>0.15782827705185251</v>
      </c>
    </row>
    <row r="101522" spans="1:7" x14ac:dyDescent="0.3">
      <c r="A101522" s="13" t="s">
        <v>499</v>
      </c>
      <c r="B101522" s="14" t="s">
        <v>1</v>
      </c>
      <c r="C101522" s="14" t="s">
        <v>70</v>
      </c>
      <c r="D101522" s="14" t="s">
        <v>306</v>
      </c>
      <c r="E101522" s="15">
        <v>45428</v>
      </c>
      <c r="F101522" s="14" t="s">
        <v>15</v>
      </c>
      <c r="G101522" s="16">
        <v>0.1634502188060758</v>
      </c>
    </row>
    <row r="101523" spans="1:7" x14ac:dyDescent="0.3">
      <c r="A101523" s="13" t="s">
        <v>499</v>
      </c>
      <c r="B101523" s="14" t="s">
        <v>1</v>
      </c>
      <c r="C101523" s="14" t="s">
        <v>70</v>
      </c>
      <c r="D101523" s="14" t="s">
        <v>306</v>
      </c>
      <c r="E101523" s="15">
        <v>45429</v>
      </c>
      <c r="F101523" s="14" t="s">
        <v>15</v>
      </c>
      <c r="G101523" s="16">
        <v>0.25033888593319109</v>
      </c>
    </row>
    <row r="101524" spans="1:7" x14ac:dyDescent="0.3">
      <c r="A101524" s="13" t="s">
        <v>499</v>
      </c>
      <c r="B101524" s="14" t="s">
        <v>1</v>
      </c>
      <c r="C101524" s="14" t="s">
        <v>70</v>
      </c>
      <c r="D101524" s="14" t="s">
        <v>306</v>
      </c>
      <c r="E101524" s="15">
        <v>45430</v>
      </c>
      <c r="F101524" s="14" t="s">
        <v>15</v>
      </c>
      <c r="G101524" s="16">
        <v>0.25033888593319109</v>
      </c>
    </row>
    <row r="101525" spans="1:7" x14ac:dyDescent="0.3">
      <c r="A101525" s="13" t="s">
        <v>499</v>
      </c>
      <c r="B101525" s="14" t="s">
        <v>1</v>
      </c>
      <c r="C101525" s="14" t="s">
        <v>70</v>
      </c>
      <c r="D101525" s="14" t="s">
        <v>306</v>
      </c>
      <c r="E101525" s="15">
        <v>45431</v>
      </c>
      <c r="F101525" s="14" t="s">
        <v>15</v>
      </c>
      <c r="G101525" s="16">
        <v>0.25033888593319109</v>
      </c>
    </row>
    <row r="101526" spans="1:7" x14ac:dyDescent="0.3">
      <c r="A101526" s="13" t="s">
        <v>499</v>
      </c>
      <c r="B101526" s="14" t="s">
        <v>1</v>
      </c>
      <c r="C101526" s="14" t="s">
        <v>70</v>
      </c>
      <c r="D101526" s="14" t="s">
        <v>306</v>
      </c>
      <c r="E101526" s="15">
        <v>45432</v>
      </c>
      <c r="F101526" s="14" t="s">
        <v>15</v>
      </c>
      <c r="G101526" s="16">
        <v>0.25033888593319109</v>
      </c>
    </row>
    <row r="101527" spans="1:7" x14ac:dyDescent="0.3">
      <c r="A101527" s="13" t="s">
        <v>499</v>
      </c>
      <c r="B101527" s="14" t="s">
        <v>1</v>
      </c>
      <c r="C101527" s="14" t="s">
        <v>70</v>
      </c>
      <c r="D101527" s="14" t="s">
        <v>306</v>
      </c>
      <c r="E101527" s="15">
        <v>45433</v>
      </c>
      <c r="F101527" s="14" t="s">
        <v>15</v>
      </c>
      <c r="G101527" s="16">
        <v>0.25383204620026317</v>
      </c>
    </row>
    <row r="101528" spans="1:7" x14ac:dyDescent="0.3">
      <c r="A101528" s="13" t="s">
        <v>499</v>
      </c>
      <c r="B101528" s="14" t="s">
        <v>1</v>
      </c>
      <c r="C101528" s="14" t="s">
        <v>70</v>
      </c>
      <c r="D101528" s="14" t="s">
        <v>306</v>
      </c>
      <c r="E101528" s="15">
        <v>45434</v>
      </c>
      <c r="F101528" s="14" t="s">
        <v>15</v>
      </c>
      <c r="G101528" s="16">
        <v>0.28795467163185456</v>
      </c>
    </row>
    <row r="101529" spans="1:7" x14ac:dyDescent="0.3">
      <c r="A101529" s="13" t="s">
        <v>499</v>
      </c>
      <c r="B101529" s="14" t="s">
        <v>1</v>
      </c>
      <c r="C101529" s="14" t="s">
        <v>70</v>
      </c>
      <c r="D101529" s="14" t="s">
        <v>306</v>
      </c>
      <c r="E101529" s="15">
        <v>45435</v>
      </c>
      <c r="F101529" s="14" t="s">
        <v>15</v>
      </c>
      <c r="G101529" s="16">
        <v>0.29251554696128673</v>
      </c>
    </row>
    <row r="101530" spans="1:7" x14ac:dyDescent="0.3">
      <c r="A101530" s="13" t="s">
        <v>499</v>
      </c>
      <c r="B101530" s="14" t="s">
        <v>1</v>
      </c>
      <c r="C101530" s="14" t="s">
        <v>70</v>
      </c>
      <c r="D101530" s="14" t="s">
        <v>306</v>
      </c>
      <c r="E101530" s="15">
        <v>45436</v>
      </c>
      <c r="F101530" s="14" t="s">
        <v>15</v>
      </c>
      <c r="G101530" s="16">
        <v>0.29625545069353826</v>
      </c>
    </row>
    <row r="101531" spans="1:7" x14ac:dyDescent="0.3">
      <c r="A101531" s="13" t="s">
        <v>499</v>
      </c>
      <c r="B101531" s="14" t="s">
        <v>1</v>
      </c>
      <c r="C101531" s="14" t="s">
        <v>70</v>
      </c>
      <c r="D101531" s="14" t="s">
        <v>306</v>
      </c>
      <c r="E101531" s="15">
        <v>45437</v>
      </c>
      <c r="F101531" s="14" t="s">
        <v>15</v>
      </c>
      <c r="G101531" s="16">
        <v>0.29625545069353826</v>
      </c>
    </row>
    <row r="101532" spans="1:7" x14ac:dyDescent="0.3">
      <c r="A101532" s="13" t="s">
        <v>499</v>
      </c>
      <c r="B101532" s="14" t="s">
        <v>1</v>
      </c>
      <c r="C101532" s="14" t="s">
        <v>70</v>
      </c>
      <c r="D101532" s="14" t="s">
        <v>306</v>
      </c>
      <c r="E101532" s="15">
        <v>45438</v>
      </c>
      <c r="F101532" s="14" t="s">
        <v>15</v>
      </c>
      <c r="G101532" s="16">
        <v>0.29625545069353826</v>
      </c>
    </row>
    <row r="101533" spans="1:7" x14ac:dyDescent="0.3">
      <c r="A101533" s="13" t="s">
        <v>499</v>
      </c>
      <c r="B101533" s="14" t="s">
        <v>1</v>
      </c>
      <c r="C101533" s="14" t="s">
        <v>70</v>
      </c>
      <c r="D101533" s="14" t="s">
        <v>306</v>
      </c>
      <c r="E101533" s="15">
        <v>45439</v>
      </c>
      <c r="F101533" s="14" t="s">
        <v>15</v>
      </c>
      <c r="G101533" s="16">
        <v>0.29209412935662132</v>
      </c>
    </row>
    <row r="101534" spans="1:7" x14ac:dyDescent="0.3">
      <c r="A101534" s="13" t="s">
        <v>499</v>
      </c>
      <c r="B101534" s="14" t="s">
        <v>1</v>
      </c>
      <c r="C101534" s="14" t="s">
        <v>70</v>
      </c>
      <c r="D101534" s="14" t="s">
        <v>306</v>
      </c>
      <c r="E101534" s="15">
        <v>45440</v>
      </c>
      <c r="F101534" s="14" t="s">
        <v>15</v>
      </c>
      <c r="G101534" s="16">
        <v>0.30334189424084701</v>
      </c>
    </row>
    <row r="101535" spans="1:7" x14ac:dyDescent="0.3">
      <c r="A101535" s="13" t="s">
        <v>499</v>
      </c>
      <c r="B101535" s="14" t="s">
        <v>1</v>
      </c>
      <c r="C101535" s="14" t="s">
        <v>70</v>
      </c>
      <c r="D101535" s="14" t="s">
        <v>306</v>
      </c>
      <c r="E101535" s="15">
        <v>45441</v>
      </c>
      <c r="F101535" s="14" t="s">
        <v>15</v>
      </c>
      <c r="G101535" s="16">
        <v>0.30882593497956301</v>
      </c>
    </row>
    <row r="101536" spans="1:7" x14ac:dyDescent="0.3">
      <c r="A101536" s="13" t="s">
        <v>499</v>
      </c>
      <c r="B101536" s="14" t="s">
        <v>1</v>
      </c>
      <c r="C101536" s="14" t="s">
        <v>70</v>
      </c>
      <c r="D101536" s="14" t="s">
        <v>306</v>
      </c>
      <c r="E101536" s="15">
        <v>45442</v>
      </c>
      <c r="F101536" s="14" t="s">
        <v>15</v>
      </c>
      <c r="G101536" s="16">
        <v>0.30949252181041076</v>
      </c>
    </row>
    <row r="101537" spans="1:7" x14ac:dyDescent="0.3">
      <c r="A101537" s="13" t="s">
        <v>499</v>
      </c>
      <c r="B101537" s="14" t="s">
        <v>1</v>
      </c>
      <c r="C101537" s="14" t="s">
        <v>70</v>
      </c>
      <c r="D101537" s="14" t="s">
        <v>306</v>
      </c>
      <c r="E101537" s="15">
        <v>45443</v>
      </c>
      <c r="F101537" s="14" t="s">
        <v>15</v>
      </c>
      <c r="G101537" s="16">
        <v>0.3170259471054942</v>
      </c>
    </row>
    <row r="101538" spans="1:7" x14ac:dyDescent="0.3">
      <c r="A101538" s="13" t="s">
        <v>499</v>
      </c>
      <c r="B101538" s="14" t="s">
        <v>1</v>
      </c>
      <c r="C101538" s="14" t="s">
        <v>70</v>
      </c>
      <c r="D101538" s="14" t="s">
        <v>306</v>
      </c>
      <c r="E101538" s="15">
        <v>45444</v>
      </c>
      <c r="F101538" s="14" t="s">
        <v>15</v>
      </c>
      <c r="G101538" s="16">
        <v>0.3170259471054942</v>
      </c>
    </row>
    <row r="101539" spans="1:7" x14ac:dyDescent="0.3">
      <c r="A101539" s="13" t="s">
        <v>499</v>
      </c>
      <c r="B101539" s="14" t="s">
        <v>1</v>
      </c>
      <c r="C101539" s="14" t="s">
        <v>70</v>
      </c>
      <c r="D101539" s="14" t="s">
        <v>306</v>
      </c>
      <c r="E101539" s="15">
        <v>45445</v>
      </c>
      <c r="F101539" s="14" t="s">
        <v>15</v>
      </c>
      <c r="G101539" s="16">
        <v>0.3170259471054942</v>
      </c>
    </row>
    <row r="101540" spans="1:7" x14ac:dyDescent="0.3">
      <c r="A101540" s="13" t="s">
        <v>499</v>
      </c>
      <c r="B101540" s="14" t="s">
        <v>1</v>
      </c>
      <c r="C101540" s="14" t="s">
        <v>70</v>
      </c>
      <c r="D101540" s="14" t="s">
        <v>306</v>
      </c>
      <c r="E101540" s="15">
        <v>45446</v>
      </c>
      <c r="F101540" s="14" t="s">
        <v>15</v>
      </c>
      <c r="G101540" s="16">
        <v>0.3170259471054942</v>
      </c>
    </row>
    <row r="101541" spans="1:7" x14ac:dyDescent="0.3">
      <c r="A101541" s="13" t="s">
        <v>499</v>
      </c>
      <c r="B101541" s="14" t="s">
        <v>1</v>
      </c>
      <c r="C101541" s="14" t="s">
        <v>70</v>
      </c>
      <c r="D101541" s="14" t="s">
        <v>306</v>
      </c>
      <c r="E101541" s="15">
        <v>45447</v>
      </c>
      <c r="F101541" s="14" t="s">
        <v>15</v>
      </c>
      <c r="G101541" s="16">
        <v>0</v>
      </c>
    </row>
    <row r="101542" spans="1:7" x14ac:dyDescent="0.3">
      <c r="A101542" s="13" t="s">
        <v>499</v>
      </c>
      <c r="B101542" s="14" t="s">
        <v>1</v>
      </c>
      <c r="C101542" s="14" t="s">
        <v>70</v>
      </c>
      <c r="D101542" s="14" t="s">
        <v>306</v>
      </c>
      <c r="E101542" s="15">
        <v>45448</v>
      </c>
      <c r="F101542" s="14" t="s">
        <v>15</v>
      </c>
      <c r="G101542" s="16">
        <v>0</v>
      </c>
    </row>
    <row r="101543" spans="1:7" x14ac:dyDescent="0.3">
      <c r="A101543" s="13" t="s">
        <v>499</v>
      </c>
      <c r="B101543" s="14" t="s">
        <v>1</v>
      </c>
      <c r="C101543" s="14" t="s">
        <v>70</v>
      </c>
      <c r="D101543" s="14" t="s">
        <v>306</v>
      </c>
      <c r="E101543" s="15">
        <v>45449</v>
      </c>
      <c r="F101543" s="14" t="s">
        <v>15</v>
      </c>
      <c r="G101543" s="16">
        <v>0</v>
      </c>
    </row>
    <row r="101544" spans="1:7" x14ac:dyDescent="0.3">
      <c r="A101544" s="13" t="s">
        <v>499</v>
      </c>
      <c r="B101544" s="14" t="s">
        <v>1</v>
      </c>
      <c r="C101544" s="14" t="s">
        <v>70</v>
      </c>
      <c r="D101544" s="14" t="s">
        <v>306</v>
      </c>
      <c r="E101544" s="15">
        <v>45450</v>
      </c>
      <c r="F101544" s="14" t="s">
        <v>15</v>
      </c>
      <c r="G101544" s="16">
        <v>0</v>
      </c>
    </row>
    <row r="101545" spans="1:7" x14ac:dyDescent="0.3">
      <c r="A101545" s="13" t="s">
        <v>499</v>
      </c>
      <c r="B101545" s="14" t="s">
        <v>1</v>
      </c>
      <c r="C101545" s="14" t="s">
        <v>70</v>
      </c>
      <c r="D101545" s="14" t="s">
        <v>306</v>
      </c>
      <c r="E101545" s="15">
        <v>45451</v>
      </c>
      <c r="F101545" s="14" t="s">
        <v>15</v>
      </c>
      <c r="G101545" s="16">
        <v>0</v>
      </c>
    </row>
    <row r="101546" spans="1:7" x14ac:dyDescent="0.3">
      <c r="A101546" s="13" t="s">
        <v>499</v>
      </c>
      <c r="B101546" s="14" t="s">
        <v>1</v>
      </c>
      <c r="C101546" s="14" t="s">
        <v>70</v>
      </c>
      <c r="D101546" s="14" t="s">
        <v>306</v>
      </c>
      <c r="E101546" s="15">
        <v>45452</v>
      </c>
      <c r="F101546" s="14" t="s">
        <v>15</v>
      </c>
      <c r="G101546" s="16">
        <v>0</v>
      </c>
    </row>
    <row r="101547" spans="1:7" x14ac:dyDescent="0.3">
      <c r="A101547" s="13" t="s">
        <v>499</v>
      </c>
      <c r="B101547" s="14" t="s">
        <v>1</v>
      </c>
      <c r="C101547" s="14" t="s">
        <v>70</v>
      </c>
      <c r="D101547" s="14" t="s">
        <v>306</v>
      </c>
      <c r="E101547" s="15">
        <v>45453</v>
      </c>
      <c r="F101547" s="14" t="s">
        <v>15</v>
      </c>
      <c r="G101547" s="16">
        <v>0</v>
      </c>
    </row>
    <row r="101548" spans="1:7" x14ac:dyDescent="0.3">
      <c r="A101548" s="13" t="s">
        <v>499</v>
      </c>
      <c r="B101548" s="14" t="s">
        <v>1</v>
      </c>
      <c r="C101548" s="14" t="s">
        <v>70</v>
      </c>
      <c r="D101548" s="14" t="s">
        <v>306</v>
      </c>
      <c r="E101548" s="15">
        <v>45454</v>
      </c>
      <c r="F101548" s="14" t="s">
        <v>15</v>
      </c>
      <c r="G101548" s="16">
        <v>0</v>
      </c>
    </row>
    <row r="101549" spans="1:7" x14ac:dyDescent="0.3">
      <c r="A101549" s="13" t="s">
        <v>499</v>
      </c>
      <c r="B101549" s="14" t="s">
        <v>1</v>
      </c>
      <c r="C101549" s="14" t="s">
        <v>70</v>
      </c>
      <c r="D101549" s="14" t="s">
        <v>306</v>
      </c>
      <c r="E101549" s="15">
        <v>45455</v>
      </c>
      <c r="F101549" s="14" t="s">
        <v>15</v>
      </c>
      <c r="G101549" s="16">
        <v>0</v>
      </c>
    </row>
    <row r="101550" spans="1:7" x14ac:dyDescent="0.3">
      <c r="A101550" s="13" t="s">
        <v>499</v>
      </c>
      <c r="B101550" s="14" t="s">
        <v>1</v>
      </c>
      <c r="C101550" s="14" t="s">
        <v>70</v>
      </c>
      <c r="D101550" s="14" t="s">
        <v>306</v>
      </c>
      <c r="E101550" s="15">
        <v>45456</v>
      </c>
      <c r="F101550" s="14" t="s">
        <v>15</v>
      </c>
      <c r="G101550" s="16">
        <v>9.3673427809678978E-4</v>
      </c>
    </row>
    <row r="101551" spans="1:7" x14ac:dyDescent="0.3">
      <c r="A101551" s="13" t="s">
        <v>499</v>
      </c>
      <c r="B101551" s="14" t="s">
        <v>1</v>
      </c>
      <c r="C101551" s="14" t="s">
        <v>70</v>
      </c>
      <c r="D101551" s="14" t="s">
        <v>306</v>
      </c>
      <c r="E101551" s="15">
        <v>45457</v>
      </c>
      <c r="F101551" s="14" t="s">
        <v>15</v>
      </c>
      <c r="G101551" s="16">
        <v>9.6597917848509941E-3</v>
      </c>
    </row>
    <row r="101552" spans="1:7" x14ac:dyDescent="0.3">
      <c r="A101552" s="13" t="s">
        <v>499</v>
      </c>
      <c r="B101552" s="14" t="s">
        <v>1</v>
      </c>
      <c r="C101552" s="14" t="s">
        <v>70</v>
      </c>
      <c r="D101552" s="14" t="s">
        <v>306</v>
      </c>
      <c r="E101552" s="15">
        <v>45458</v>
      </c>
      <c r="F101552" s="14" t="s">
        <v>15</v>
      </c>
      <c r="G101552" s="16">
        <v>9.6597917848509941E-3</v>
      </c>
    </row>
    <row r="101553" spans="1:7" x14ac:dyDescent="0.3">
      <c r="A101553" s="13" t="s">
        <v>499</v>
      </c>
      <c r="B101553" s="14" t="s">
        <v>1</v>
      </c>
      <c r="C101553" s="14" t="s">
        <v>70</v>
      </c>
      <c r="D101553" s="14" t="s">
        <v>306</v>
      </c>
      <c r="E101553" s="15">
        <v>45459</v>
      </c>
      <c r="F101553" s="14" t="s">
        <v>15</v>
      </c>
      <c r="G101553" s="16">
        <v>9.6597917848509941E-3</v>
      </c>
    </row>
    <row r="101554" spans="1:7" x14ac:dyDescent="0.3">
      <c r="A101554" s="13" t="s">
        <v>499</v>
      </c>
      <c r="B101554" s="14" t="s">
        <v>1</v>
      </c>
      <c r="C101554" s="14" t="s">
        <v>70</v>
      </c>
      <c r="D101554" s="14" t="s">
        <v>306</v>
      </c>
      <c r="E101554" s="15">
        <v>45460</v>
      </c>
      <c r="F101554" s="14" t="s">
        <v>15</v>
      </c>
      <c r="G101554" s="16">
        <v>2.9834950723851943E-2</v>
      </c>
    </row>
    <row r="101555" spans="1:7" x14ac:dyDescent="0.3">
      <c r="A101555" s="13" t="s">
        <v>499</v>
      </c>
      <c r="B101555" s="14" t="s">
        <v>1</v>
      </c>
      <c r="C101555" s="14" t="s">
        <v>70</v>
      </c>
      <c r="D101555" s="14" t="s">
        <v>306</v>
      </c>
      <c r="E101555" s="15">
        <v>45461</v>
      </c>
      <c r="F101555" s="14" t="s">
        <v>15</v>
      </c>
      <c r="G101555" s="16">
        <v>3.9803296134357485E-2</v>
      </c>
    </row>
    <row r="101556" spans="1:7" x14ac:dyDescent="0.3">
      <c r="A101556" s="13" t="s">
        <v>499</v>
      </c>
      <c r="B101556" s="14" t="s">
        <v>1</v>
      </c>
      <c r="C101556" s="14" t="s">
        <v>70</v>
      </c>
      <c r="D101556" s="14" t="s">
        <v>306</v>
      </c>
      <c r="E101556" s="15">
        <v>45462</v>
      </c>
      <c r="F101556" s="14" t="s">
        <v>15</v>
      </c>
      <c r="G101556" s="16">
        <v>4.4436715521582681E-2</v>
      </c>
    </row>
    <row r="101557" spans="1:7" x14ac:dyDescent="0.3">
      <c r="A101557" s="13" t="s">
        <v>499</v>
      </c>
      <c r="B101557" s="14" t="s">
        <v>1</v>
      </c>
      <c r="C101557" s="14" t="s">
        <v>70</v>
      </c>
      <c r="D101557" s="14" t="s">
        <v>306</v>
      </c>
      <c r="E101557" s="15">
        <v>45463</v>
      </c>
      <c r="F101557" s="14" t="s">
        <v>15</v>
      </c>
      <c r="G101557" s="16">
        <v>5.4833123933618291E-2</v>
      </c>
    </row>
    <row r="101558" spans="1:7" x14ac:dyDescent="0.3">
      <c r="A101558" s="13" t="s">
        <v>499</v>
      </c>
      <c r="B101558" s="14" t="s">
        <v>1</v>
      </c>
      <c r="C101558" s="14" t="s">
        <v>70</v>
      </c>
      <c r="D101558" s="14" t="s">
        <v>306</v>
      </c>
      <c r="E101558" s="15">
        <v>45464</v>
      </c>
      <c r="F101558" s="14" t="s">
        <v>15</v>
      </c>
      <c r="G101558" s="16">
        <v>5.8432151694279622E-2</v>
      </c>
    </row>
    <row r="101559" spans="1:7" x14ac:dyDescent="0.3">
      <c r="A101559" s="13" t="s">
        <v>499</v>
      </c>
      <c r="B101559" s="14" t="s">
        <v>1</v>
      </c>
      <c r="C101559" s="14" t="s">
        <v>70</v>
      </c>
      <c r="D101559" s="14" t="s">
        <v>306</v>
      </c>
      <c r="E101559" s="15">
        <v>45465</v>
      </c>
      <c r="F101559" s="14" t="s">
        <v>15</v>
      </c>
      <c r="G101559" s="16">
        <v>5.8432151694279622E-2</v>
      </c>
    </row>
    <row r="101560" spans="1:7" x14ac:dyDescent="0.3">
      <c r="A101560" s="13" t="s">
        <v>499</v>
      </c>
      <c r="B101560" s="14" t="s">
        <v>1</v>
      </c>
      <c r="C101560" s="14" t="s">
        <v>70</v>
      </c>
      <c r="D101560" s="14" t="s">
        <v>306</v>
      </c>
      <c r="E101560" s="15">
        <v>45466</v>
      </c>
      <c r="F101560" s="14" t="s">
        <v>15</v>
      </c>
      <c r="G101560" s="16">
        <v>5.8432151694279622E-2</v>
      </c>
    </row>
    <row r="101561" spans="1:7" x14ac:dyDescent="0.3">
      <c r="A101561" s="13" t="s">
        <v>499</v>
      </c>
      <c r="B101561" s="14" t="s">
        <v>1</v>
      </c>
      <c r="C101561" s="14" t="s">
        <v>70</v>
      </c>
      <c r="D101561" s="14" t="s">
        <v>306</v>
      </c>
      <c r="E101561" s="15">
        <v>45467</v>
      </c>
      <c r="F101561" s="14" t="s">
        <v>15</v>
      </c>
      <c r="G101561" s="16">
        <v>6.2307290240534829E-2</v>
      </c>
    </row>
    <row r="101562" spans="1:7" x14ac:dyDescent="0.3">
      <c r="A101562" s="13" t="s">
        <v>499</v>
      </c>
      <c r="B101562" s="14" t="s">
        <v>1</v>
      </c>
      <c r="C101562" s="14" t="s">
        <v>70</v>
      </c>
      <c r="D101562" s="14" t="s">
        <v>306</v>
      </c>
      <c r="E101562" s="15">
        <v>45468</v>
      </c>
      <c r="F101562" s="14" t="s">
        <v>15</v>
      </c>
      <c r="G101562" s="16">
        <v>7.9319420905684709E-2</v>
      </c>
    </row>
    <row r="101563" spans="1:7" x14ac:dyDescent="0.3">
      <c r="A101563" s="13" t="s">
        <v>499</v>
      </c>
      <c r="B101563" s="14" t="s">
        <v>1</v>
      </c>
      <c r="C101563" s="14" t="s">
        <v>70</v>
      </c>
      <c r="D101563" s="14" t="s">
        <v>306</v>
      </c>
      <c r="E101563" s="15">
        <v>45469</v>
      </c>
      <c r="F101563" s="14" t="s">
        <v>15</v>
      </c>
      <c r="G101563" s="16">
        <v>8.2997948948756173E-2</v>
      </c>
    </row>
    <row r="101564" spans="1:7" x14ac:dyDescent="0.3">
      <c r="A101564" s="13" t="s">
        <v>499</v>
      </c>
      <c r="B101564" s="14" t="s">
        <v>1</v>
      </c>
      <c r="C101564" s="14" t="s">
        <v>70</v>
      </c>
      <c r="D101564" s="14" t="s">
        <v>306</v>
      </c>
      <c r="E101564" s="15">
        <v>45470</v>
      </c>
      <c r="F101564" s="14" t="s">
        <v>15</v>
      </c>
      <c r="G101564" s="16">
        <v>8.6736313106921314E-2</v>
      </c>
    </row>
    <row r="101565" spans="1:7" x14ac:dyDescent="0.3">
      <c r="A101565" s="13" t="s">
        <v>499</v>
      </c>
      <c r="B101565" s="14" t="s">
        <v>1</v>
      </c>
      <c r="C101565" s="14" t="s">
        <v>70</v>
      </c>
      <c r="D101565" s="14" t="s">
        <v>306</v>
      </c>
      <c r="E101565" s="15">
        <v>45471</v>
      </c>
      <c r="F101565" s="14" t="s">
        <v>15</v>
      </c>
      <c r="G101565" s="16">
        <v>0.11437105576083521</v>
      </c>
    </row>
    <row r="101566" spans="1:7" x14ac:dyDescent="0.3">
      <c r="A101566" s="13" t="s">
        <v>499</v>
      </c>
      <c r="B101566" s="14" t="s">
        <v>1</v>
      </c>
      <c r="C101566" s="14" t="s">
        <v>70</v>
      </c>
      <c r="D101566" s="14" t="s">
        <v>306</v>
      </c>
      <c r="E101566" s="15">
        <v>45472</v>
      </c>
      <c r="F101566" s="14" t="s">
        <v>15</v>
      </c>
      <c r="G101566" s="16">
        <v>0.11437105576083521</v>
      </c>
    </row>
    <row r="101567" spans="1:7" x14ac:dyDescent="0.3">
      <c r="A101567" s="13" t="s">
        <v>499</v>
      </c>
      <c r="B101567" s="14" t="s">
        <v>1</v>
      </c>
      <c r="C101567" s="14" t="s">
        <v>70</v>
      </c>
      <c r="D101567" s="14" t="s">
        <v>306</v>
      </c>
      <c r="E101567" s="15">
        <v>45473</v>
      </c>
      <c r="F101567" s="14" t="s">
        <v>15</v>
      </c>
      <c r="G101567" s="16">
        <v>0.11437105576083521</v>
      </c>
    </row>
    <row r="101568" spans="1:7" x14ac:dyDescent="0.3">
      <c r="A101568" s="13" t="s">
        <v>499</v>
      </c>
      <c r="B101568" s="14" t="s">
        <v>1</v>
      </c>
      <c r="C101568" s="14" t="s">
        <v>70</v>
      </c>
      <c r="D101568" s="14" t="s">
        <v>306</v>
      </c>
      <c r="E101568" s="15">
        <v>45474</v>
      </c>
      <c r="F101568" s="14" t="s">
        <v>15</v>
      </c>
      <c r="G101568" s="16">
        <v>0</v>
      </c>
    </row>
    <row r="101569" spans="1:7" x14ac:dyDescent="0.3">
      <c r="A101569" s="13" t="s">
        <v>499</v>
      </c>
      <c r="B101569" s="14" t="s">
        <v>1</v>
      </c>
      <c r="C101569" s="14" t="s">
        <v>70</v>
      </c>
      <c r="D101569" s="14" t="s">
        <v>306</v>
      </c>
      <c r="E101569" s="15">
        <v>45475</v>
      </c>
      <c r="F101569" s="14" t="s">
        <v>15</v>
      </c>
      <c r="G101569" s="16">
        <v>0</v>
      </c>
    </row>
    <row r="101570" spans="1:7" x14ac:dyDescent="0.3">
      <c r="A101570" s="13" t="s">
        <v>499</v>
      </c>
      <c r="B101570" s="14" t="s">
        <v>1</v>
      </c>
      <c r="C101570" s="14" t="s">
        <v>70</v>
      </c>
      <c r="D101570" s="14" t="s">
        <v>306</v>
      </c>
      <c r="E101570" s="15">
        <v>45476</v>
      </c>
      <c r="F101570" s="14" t="s">
        <v>15</v>
      </c>
      <c r="G101570" s="16">
        <v>0</v>
      </c>
    </row>
    <row r="101571" spans="1:7" x14ac:dyDescent="0.3">
      <c r="A101571" s="13" t="s">
        <v>499</v>
      </c>
      <c r="B101571" s="14" t="s">
        <v>1</v>
      </c>
      <c r="C101571" s="14" t="s">
        <v>70</v>
      </c>
      <c r="D101571" s="14" t="s">
        <v>306</v>
      </c>
      <c r="E101571" s="15">
        <v>45477</v>
      </c>
      <c r="F101571" s="14" t="s">
        <v>15</v>
      </c>
      <c r="G101571" s="16">
        <v>0</v>
      </c>
    </row>
    <row r="101572" spans="1:7" x14ac:dyDescent="0.3">
      <c r="A101572" s="13" t="s">
        <v>499</v>
      </c>
      <c r="B101572" s="14" t="s">
        <v>1</v>
      </c>
      <c r="C101572" s="14" t="s">
        <v>70</v>
      </c>
      <c r="D101572" s="14" t="s">
        <v>306</v>
      </c>
      <c r="E101572" s="15">
        <v>45478</v>
      </c>
      <c r="F101572" s="14" t="s">
        <v>15</v>
      </c>
      <c r="G101572" s="16">
        <v>0</v>
      </c>
    </row>
    <row r="101573" spans="1:7" x14ac:dyDescent="0.3">
      <c r="A101573" s="13" t="s">
        <v>499</v>
      </c>
      <c r="B101573" s="14" t="s">
        <v>1</v>
      </c>
      <c r="C101573" s="14" t="s">
        <v>70</v>
      </c>
      <c r="D101573" s="14" t="s">
        <v>306</v>
      </c>
      <c r="E101573" s="15">
        <v>45479</v>
      </c>
      <c r="F101573" s="14" t="s">
        <v>15</v>
      </c>
      <c r="G101573" s="16">
        <v>0</v>
      </c>
    </row>
    <row r="101574" spans="1:7" x14ac:dyDescent="0.3">
      <c r="A101574" s="13" t="s">
        <v>499</v>
      </c>
      <c r="B101574" s="14" t="s">
        <v>1</v>
      </c>
      <c r="C101574" s="14" t="s">
        <v>70</v>
      </c>
      <c r="D101574" s="14" t="s">
        <v>306</v>
      </c>
      <c r="E101574" s="15">
        <v>45480</v>
      </c>
      <c r="F101574" s="14" t="s">
        <v>15</v>
      </c>
      <c r="G101574" s="16">
        <v>0</v>
      </c>
    </row>
    <row r="101575" spans="1:7" x14ac:dyDescent="0.3">
      <c r="A101575" s="13" t="s">
        <v>499</v>
      </c>
      <c r="B101575" s="14" t="s">
        <v>1</v>
      </c>
      <c r="C101575" s="14" t="s">
        <v>70</v>
      </c>
      <c r="D101575" s="14" t="s">
        <v>306</v>
      </c>
      <c r="E101575" s="15">
        <v>45481</v>
      </c>
      <c r="F101575" s="14" t="s">
        <v>15</v>
      </c>
      <c r="G101575" s="16">
        <v>0</v>
      </c>
    </row>
    <row r="101576" spans="1:7" x14ac:dyDescent="0.3">
      <c r="A101576" s="13" t="s">
        <v>499</v>
      </c>
      <c r="B101576" s="14" t="s">
        <v>1</v>
      </c>
      <c r="C101576" s="14" t="s">
        <v>70</v>
      </c>
      <c r="D101576" s="14" t="s">
        <v>306</v>
      </c>
      <c r="E101576" s="15">
        <v>45482</v>
      </c>
      <c r="F101576" s="14" t="s">
        <v>15</v>
      </c>
      <c r="G101576" s="16">
        <v>0</v>
      </c>
    </row>
    <row r="101577" spans="1:7" x14ac:dyDescent="0.3">
      <c r="A101577" s="13" t="s">
        <v>499</v>
      </c>
      <c r="B101577" s="14" t="s">
        <v>1</v>
      </c>
      <c r="C101577" s="14" t="s">
        <v>70</v>
      </c>
      <c r="D101577" s="14" t="s">
        <v>306</v>
      </c>
      <c r="E101577" s="15">
        <v>45483</v>
      </c>
      <c r="F101577" s="14" t="s">
        <v>15</v>
      </c>
      <c r="G101577" s="16">
        <v>0</v>
      </c>
    </row>
    <row r="101578" spans="1:7" x14ac:dyDescent="0.3">
      <c r="A101578" s="13" t="s">
        <v>499</v>
      </c>
      <c r="B101578" s="14" t="s">
        <v>1</v>
      </c>
      <c r="C101578" s="14" t="s">
        <v>70</v>
      </c>
      <c r="D101578" s="14" t="s">
        <v>306</v>
      </c>
      <c r="E101578" s="15">
        <v>45484</v>
      </c>
      <c r="F101578" s="14" t="s">
        <v>15</v>
      </c>
      <c r="G101578" s="16">
        <v>0</v>
      </c>
    </row>
    <row r="101579" spans="1:7" x14ac:dyDescent="0.3">
      <c r="A101579" s="13" t="s">
        <v>499</v>
      </c>
      <c r="B101579" s="14" t="s">
        <v>1</v>
      </c>
      <c r="C101579" s="14" t="s">
        <v>70</v>
      </c>
      <c r="D101579" s="14" t="s">
        <v>306</v>
      </c>
      <c r="E101579" s="15">
        <v>45485</v>
      </c>
      <c r="F101579" s="14" t="s">
        <v>15</v>
      </c>
      <c r="G101579" s="16">
        <v>0</v>
      </c>
    </row>
    <row r="101580" spans="1:7" x14ac:dyDescent="0.3">
      <c r="A101580" s="13" t="s">
        <v>499</v>
      </c>
      <c r="B101580" s="14" t="s">
        <v>1</v>
      </c>
      <c r="C101580" s="14" t="s">
        <v>70</v>
      </c>
      <c r="D101580" s="14" t="s">
        <v>306</v>
      </c>
      <c r="E101580" s="15">
        <v>45486</v>
      </c>
      <c r="F101580" s="14" t="s">
        <v>15</v>
      </c>
      <c r="G101580" s="16">
        <v>0</v>
      </c>
    </row>
    <row r="101581" spans="1:7" x14ac:dyDescent="0.3">
      <c r="A101581" s="13" t="s">
        <v>499</v>
      </c>
      <c r="B101581" s="14" t="s">
        <v>1</v>
      </c>
      <c r="C101581" s="14" t="s">
        <v>70</v>
      </c>
      <c r="D101581" s="14" t="s">
        <v>306</v>
      </c>
      <c r="E101581" s="15">
        <v>45487</v>
      </c>
      <c r="F101581" s="14" t="s">
        <v>15</v>
      </c>
      <c r="G101581" s="16">
        <v>0</v>
      </c>
    </row>
    <row r="101582" spans="1:7" x14ac:dyDescent="0.3">
      <c r="A101582" s="13" t="s">
        <v>499</v>
      </c>
      <c r="B101582" s="14" t="s">
        <v>1</v>
      </c>
      <c r="C101582" s="14" t="s">
        <v>70</v>
      </c>
      <c r="D101582" s="14" t="s">
        <v>306</v>
      </c>
      <c r="E101582" s="15">
        <v>45488</v>
      </c>
      <c r="F101582" s="14" t="s">
        <v>15</v>
      </c>
      <c r="G101582" s="16">
        <v>0</v>
      </c>
    </row>
    <row r="101583" spans="1:7" x14ac:dyDescent="0.3">
      <c r="A101583" s="13" t="s">
        <v>499</v>
      </c>
      <c r="B101583" s="14" t="s">
        <v>1</v>
      </c>
      <c r="C101583" s="14" t="s">
        <v>70</v>
      </c>
      <c r="D101583" s="14" t="s">
        <v>306</v>
      </c>
      <c r="E101583" s="15">
        <v>45489</v>
      </c>
      <c r="F101583" s="14" t="s">
        <v>15</v>
      </c>
      <c r="G101583" s="16">
        <v>0</v>
      </c>
    </row>
    <row r="101584" spans="1:7" x14ac:dyDescent="0.3">
      <c r="A101584" s="13" t="s">
        <v>499</v>
      </c>
      <c r="B101584" s="14" t="s">
        <v>1</v>
      </c>
      <c r="C101584" s="14" t="s">
        <v>70</v>
      </c>
      <c r="D101584" s="14" t="s">
        <v>306</v>
      </c>
      <c r="E101584" s="15">
        <v>45490</v>
      </c>
      <c r="F101584" s="14" t="s">
        <v>15</v>
      </c>
      <c r="G101584" s="16">
        <v>0</v>
      </c>
    </row>
    <row r="101585" spans="1:7" x14ac:dyDescent="0.3">
      <c r="A101585" s="13" t="s">
        <v>499</v>
      </c>
      <c r="B101585" s="14" t="s">
        <v>1</v>
      </c>
      <c r="C101585" s="14" t="s">
        <v>70</v>
      </c>
      <c r="D101585" s="14" t="s">
        <v>306</v>
      </c>
      <c r="E101585" s="15">
        <v>45491</v>
      </c>
      <c r="F101585" s="14" t="s">
        <v>15</v>
      </c>
      <c r="G101585" s="16">
        <v>0</v>
      </c>
    </row>
    <row r="101586" spans="1:7" x14ac:dyDescent="0.3">
      <c r="A101586" s="13" t="s">
        <v>499</v>
      </c>
      <c r="B101586" s="14" t="s">
        <v>1</v>
      </c>
      <c r="C101586" s="14" t="s">
        <v>70</v>
      </c>
      <c r="D101586" s="14" t="s">
        <v>306</v>
      </c>
      <c r="E101586" s="15">
        <v>45492</v>
      </c>
      <c r="F101586" s="14" t="s">
        <v>15</v>
      </c>
      <c r="G101586" s="16">
        <v>0</v>
      </c>
    </row>
    <row r="101587" spans="1:7" x14ac:dyDescent="0.3">
      <c r="A101587" s="13" t="s">
        <v>499</v>
      </c>
      <c r="B101587" s="14" t="s">
        <v>1</v>
      </c>
      <c r="C101587" s="14" t="s">
        <v>70</v>
      </c>
      <c r="D101587" s="14" t="s">
        <v>306</v>
      </c>
      <c r="E101587" s="15">
        <v>45493</v>
      </c>
      <c r="F101587" s="14" t="s">
        <v>15</v>
      </c>
      <c r="G101587" s="16">
        <v>0</v>
      </c>
    </row>
    <row r="101588" spans="1:7" x14ac:dyDescent="0.3">
      <c r="A101588" s="13" t="s">
        <v>499</v>
      </c>
      <c r="B101588" s="14" t="s">
        <v>1</v>
      </c>
      <c r="C101588" s="14" t="s">
        <v>70</v>
      </c>
      <c r="D101588" s="14" t="s">
        <v>306</v>
      </c>
      <c r="E101588" s="15">
        <v>45494</v>
      </c>
      <c r="F101588" s="14" t="s">
        <v>15</v>
      </c>
      <c r="G101588" s="16">
        <v>0</v>
      </c>
    </row>
    <row r="101589" spans="1:7" x14ac:dyDescent="0.3">
      <c r="A101589" s="13" t="s">
        <v>499</v>
      </c>
      <c r="B101589" s="14" t="s">
        <v>1</v>
      </c>
      <c r="C101589" s="14" t="s">
        <v>70</v>
      </c>
      <c r="D101589" s="14" t="s">
        <v>306</v>
      </c>
      <c r="E101589" s="15">
        <v>45495</v>
      </c>
      <c r="F101589" s="14" t="s">
        <v>15</v>
      </c>
      <c r="G101589" s="16">
        <v>0</v>
      </c>
    </row>
    <row r="101590" spans="1:7" x14ac:dyDescent="0.3">
      <c r="A101590" s="13" t="s">
        <v>499</v>
      </c>
      <c r="B101590" s="14" t="s">
        <v>1</v>
      </c>
      <c r="C101590" s="14" t="s">
        <v>70</v>
      </c>
      <c r="D101590" s="14" t="s">
        <v>306</v>
      </c>
      <c r="E101590" s="15">
        <v>45496</v>
      </c>
      <c r="F101590" s="14" t="s">
        <v>15</v>
      </c>
      <c r="G101590" s="16">
        <v>0</v>
      </c>
    </row>
    <row r="101591" spans="1:7" x14ac:dyDescent="0.3">
      <c r="A101591" s="13" t="s">
        <v>499</v>
      </c>
      <c r="B101591" s="14" t="s">
        <v>1</v>
      </c>
      <c r="C101591" s="14" t="s">
        <v>70</v>
      </c>
      <c r="D101591" s="14" t="s">
        <v>306</v>
      </c>
      <c r="E101591" s="15">
        <v>45497</v>
      </c>
      <c r="F101591" s="14" t="s">
        <v>15</v>
      </c>
      <c r="G101591" s="16">
        <v>0</v>
      </c>
    </row>
    <row r="101592" spans="1:7" x14ac:dyDescent="0.3">
      <c r="A101592" s="13" t="s">
        <v>499</v>
      </c>
      <c r="B101592" s="14" t="s">
        <v>1</v>
      </c>
      <c r="C101592" s="14" t="s">
        <v>70</v>
      </c>
      <c r="D101592" s="14" t="s">
        <v>306</v>
      </c>
      <c r="E101592" s="15">
        <v>45498</v>
      </c>
      <c r="F101592" s="14" t="s">
        <v>15</v>
      </c>
      <c r="G101592" s="16">
        <v>0</v>
      </c>
    </row>
    <row r="101593" spans="1:7" x14ac:dyDescent="0.3">
      <c r="A101593" s="13" t="s">
        <v>499</v>
      </c>
      <c r="B101593" s="14" t="s">
        <v>1</v>
      </c>
      <c r="C101593" s="14" t="s">
        <v>70</v>
      </c>
      <c r="D101593" s="14" t="s">
        <v>306</v>
      </c>
      <c r="E101593" s="15">
        <v>45499</v>
      </c>
      <c r="F101593" s="14" t="s">
        <v>15</v>
      </c>
      <c r="G101593" s="16">
        <v>0</v>
      </c>
    </row>
    <row r="101594" spans="1:7" x14ac:dyDescent="0.3">
      <c r="A101594" s="13" t="s">
        <v>499</v>
      </c>
      <c r="B101594" s="14" t="s">
        <v>1</v>
      </c>
      <c r="C101594" s="14" t="s">
        <v>70</v>
      </c>
      <c r="D101594" s="14" t="s">
        <v>306</v>
      </c>
      <c r="E101594" s="15">
        <v>45500</v>
      </c>
      <c r="F101594" s="14" t="s">
        <v>15</v>
      </c>
      <c r="G101594" s="16">
        <v>0</v>
      </c>
    </row>
    <row r="101595" spans="1:7" x14ac:dyDescent="0.3">
      <c r="A101595" s="13" t="s">
        <v>499</v>
      </c>
      <c r="B101595" s="14" t="s">
        <v>1</v>
      </c>
      <c r="C101595" s="14" t="s">
        <v>70</v>
      </c>
      <c r="D101595" s="14" t="s">
        <v>306</v>
      </c>
      <c r="E101595" s="15">
        <v>45501</v>
      </c>
      <c r="F101595" s="14" t="s">
        <v>15</v>
      </c>
      <c r="G101595" s="16">
        <v>0</v>
      </c>
    </row>
    <row r="101596" spans="1:7" x14ac:dyDescent="0.3">
      <c r="A101596" s="13" t="s">
        <v>499</v>
      </c>
      <c r="B101596" s="14" t="s">
        <v>1</v>
      </c>
      <c r="C101596" s="14" t="s">
        <v>70</v>
      </c>
      <c r="D101596" s="14" t="s">
        <v>306</v>
      </c>
      <c r="E101596" s="15">
        <v>45502</v>
      </c>
      <c r="F101596" s="14" t="s">
        <v>15</v>
      </c>
      <c r="G101596" s="16">
        <v>1.7699535634733423E-3</v>
      </c>
    </row>
    <row r="101597" spans="1:7" x14ac:dyDescent="0.3">
      <c r="A101597" s="13" t="s">
        <v>499</v>
      </c>
      <c r="B101597" s="14" t="s">
        <v>1</v>
      </c>
      <c r="C101597" s="14" t="s">
        <v>70</v>
      </c>
      <c r="D101597" s="14" t="s">
        <v>306</v>
      </c>
      <c r="E101597" s="15">
        <v>45503</v>
      </c>
      <c r="F101597" s="14" t="s">
        <v>15</v>
      </c>
      <c r="G101597" s="16">
        <v>1.2444205405163758E-2</v>
      </c>
    </row>
    <row r="101598" spans="1:7" x14ac:dyDescent="0.3">
      <c r="A101598" s="13" t="s">
        <v>499</v>
      </c>
      <c r="B101598" s="14" t="s">
        <v>1</v>
      </c>
      <c r="C101598" s="14" t="s">
        <v>70</v>
      </c>
      <c r="D101598" s="14" t="s">
        <v>306</v>
      </c>
      <c r="E101598" s="15">
        <v>45504</v>
      </c>
      <c r="F101598" s="14" t="s">
        <v>15</v>
      </c>
      <c r="G101598" s="16">
        <v>1.6660014808333307E-2</v>
      </c>
    </row>
    <row r="101599" spans="1:7" x14ac:dyDescent="0.3">
      <c r="A101599" s="13" t="s">
        <v>499</v>
      </c>
      <c r="B101599" s="14" t="s">
        <v>1</v>
      </c>
      <c r="C101599" s="14" t="s">
        <v>70</v>
      </c>
      <c r="D101599" s="14" t="s">
        <v>306</v>
      </c>
      <c r="E101599" s="15">
        <v>45505</v>
      </c>
      <c r="F101599" s="14" t="s">
        <v>15</v>
      </c>
      <c r="G101599" s="16">
        <v>1.6660014808333307E-2</v>
      </c>
    </row>
    <row r="101600" spans="1:7" x14ac:dyDescent="0.3">
      <c r="A101600" s="13" t="s">
        <v>499</v>
      </c>
      <c r="B101600" s="14" t="s">
        <v>1</v>
      </c>
      <c r="C101600" s="14" t="s">
        <v>70</v>
      </c>
      <c r="D101600" s="14" t="s">
        <v>306</v>
      </c>
      <c r="E101600" s="15">
        <v>45506</v>
      </c>
      <c r="F101600" s="14" t="s">
        <v>15</v>
      </c>
      <c r="G101600" s="16">
        <v>0</v>
      </c>
    </row>
    <row r="101601" spans="1:7" x14ac:dyDescent="0.3">
      <c r="A101601" s="13" t="s">
        <v>499</v>
      </c>
      <c r="B101601" s="14" t="s">
        <v>1</v>
      </c>
      <c r="C101601" s="14" t="s">
        <v>70</v>
      </c>
      <c r="D101601" s="14" t="s">
        <v>306</v>
      </c>
      <c r="E101601" s="15">
        <v>45507</v>
      </c>
      <c r="F101601" s="14" t="s">
        <v>15</v>
      </c>
      <c r="G101601" s="16">
        <v>0</v>
      </c>
    </row>
    <row r="101602" spans="1:7" x14ac:dyDescent="0.3">
      <c r="A101602" s="13" t="s">
        <v>499</v>
      </c>
      <c r="B101602" s="14" t="s">
        <v>1</v>
      </c>
      <c r="C101602" s="14" t="s">
        <v>70</v>
      </c>
      <c r="D101602" s="14" t="s">
        <v>306</v>
      </c>
      <c r="E101602" s="15">
        <v>45508</v>
      </c>
      <c r="F101602" s="14" t="s">
        <v>15</v>
      </c>
      <c r="G101602" s="16">
        <v>0</v>
      </c>
    </row>
    <row r="101603" spans="1:7" x14ac:dyDescent="0.3">
      <c r="A101603" s="13" t="s">
        <v>499</v>
      </c>
      <c r="B101603" s="14" t="s">
        <v>1</v>
      </c>
      <c r="C101603" s="14" t="s">
        <v>70</v>
      </c>
      <c r="D101603" s="14" t="s">
        <v>306</v>
      </c>
      <c r="E101603" s="15">
        <v>45509</v>
      </c>
      <c r="F101603" s="14" t="s">
        <v>15</v>
      </c>
      <c r="G101603" s="16">
        <v>0</v>
      </c>
    </row>
    <row r="101604" spans="1:7" x14ac:dyDescent="0.3">
      <c r="A101604" s="13" t="s">
        <v>499</v>
      </c>
      <c r="B101604" s="14" t="s">
        <v>1</v>
      </c>
      <c r="C101604" s="14" t="s">
        <v>70</v>
      </c>
      <c r="D101604" s="14" t="s">
        <v>306</v>
      </c>
      <c r="E101604" s="15">
        <v>45510</v>
      </c>
      <c r="F101604" s="14" t="s">
        <v>15</v>
      </c>
      <c r="G101604" s="16">
        <v>0</v>
      </c>
    </row>
    <row r="101605" spans="1:7" x14ac:dyDescent="0.3">
      <c r="A101605" s="13" t="s">
        <v>499</v>
      </c>
      <c r="B101605" s="14" t="s">
        <v>1</v>
      </c>
      <c r="C101605" s="14" t="s">
        <v>70</v>
      </c>
      <c r="D101605" s="14" t="s">
        <v>306</v>
      </c>
      <c r="E101605" s="15">
        <v>45511</v>
      </c>
      <c r="F101605" s="14" t="s">
        <v>15</v>
      </c>
      <c r="G101605" s="16">
        <v>0</v>
      </c>
    </row>
    <row r="101606" spans="1:7" x14ac:dyDescent="0.3">
      <c r="A101606" s="13" t="s">
        <v>499</v>
      </c>
      <c r="B101606" s="14" t="s">
        <v>1</v>
      </c>
      <c r="C101606" s="14" t="s">
        <v>70</v>
      </c>
      <c r="D101606" s="14" t="s">
        <v>306</v>
      </c>
      <c r="E101606" s="15">
        <v>45512</v>
      </c>
      <c r="F101606" s="14" t="s">
        <v>15</v>
      </c>
      <c r="G101606" s="16">
        <v>0</v>
      </c>
    </row>
    <row r="101607" spans="1:7" x14ac:dyDescent="0.3">
      <c r="A101607" s="13" t="s">
        <v>499</v>
      </c>
      <c r="B101607" s="14" t="s">
        <v>1</v>
      </c>
      <c r="C101607" s="14" t="s">
        <v>70</v>
      </c>
      <c r="D101607" s="14" t="s">
        <v>306</v>
      </c>
      <c r="E101607" s="15">
        <v>45513</v>
      </c>
      <c r="F101607" s="14" t="s">
        <v>15</v>
      </c>
      <c r="G101607" s="16">
        <v>0</v>
      </c>
    </row>
    <row r="101608" spans="1:7" x14ac:dyDescent="0.3">
      <c r="A101608" s="13" t="s">
        <v>499</v>
      </c>
      <c r="B101608" s="14" t="s">
        <v>1</v>
      </c>
      <c r="C101608" s="14" t="s">
        <v>70</v>
      </c>
      <c r="D101608" s="14" t="s">
        <v>306</v>
      </c>
      <c r="E101608" s="15">
        <v>45514</v>
      </c>
      <c r="F101608" s="14" t="s">
        <v>15</v>
      </c>
      <c r="G101608" s="16">
        <v>0</v>
      </c>
    </row>
    <row r="101609" spans="1:7" x14ac:dyDescent="0.3">
      <c r="A101609" s="13" t="s">
        <v>499</v>
      </c>
      <c r="B101609" s="14" t="s">
        <v>1</v>
      </c>
      <c r="C101609" s="14" t="s">
        <v>70</v>
      </c>
      <c r="D101609" s="14" t="s">
        <v>306</v>
      </c>
      <c r="E101609" s="15">
        <v>45515</v>
      </c>
      <c r="F101609" s="14" t="s">
        <v>15</v>
      </c>
      <c r="G101609" s="16">
        <v>0</v>
      </c>
    </row>
    <row r="101610" spans="1:7" x14ac:dyDescent="0.3">
      <c r="A101610" s="13" t="s">
        <v>499</v>
      </c>
      <c r="B101610" s="14" t="s">
        <v>1</v>
      </c>
      <c r="C101610" s="14" t="s">
        <v>70</v>
      </c>
      <c r="D101610" s="14" t="s">
        <v>306</v>
      </c>
      <c r="E101610" s="15">
        <v>45516</v>
      </c>
      <c r="F101610" s="14" t="s">
        <v>15</v>
      </c>
      <c r="G101610" s="16">
        <v>0</v>
      </c>
    </row>
    <row r="101611" spans="1:7" x14ac:dyDescent="0.3">
      <c r="A101611" s="13" t="s">
        <v>499</v>
      </c>
      <c r="B101611" s="14" t="s">
        <v>1</v>
      </c>
      <c r="C101611" s="14" t="s">
        <v>70</v>
      </c>
      <c r="D101611" s="14" t="s">
        <v>306</v>
      </c>
      <c r="E101611" s="15">
        <v>45517</v>
      </c>
      <c r="F101611" s="14" t="s">
        <v>15</v>
      </c>
      <c r="G101611" s="16">
        <v>0</v>
      </c>
    </row>
    <row r="101612" spans="1:7" x14ac:dyDescent="0.3">
      <c r="A101612" s="13" t="s">
        <v>499</v>
      </c>
      <c r="B101612" s="14" t="s">
        <v>1</v>
      </c>
      <c r="C101612" s="14" t="s">
        <v>70</v>
      </c>
      <c r="D101612" s="14" t="s">
        <v>306</v>
      </c>
      <c r="E101612" s="15">
        <v>45518</v>
      </c>
      <c r="F101612" s="14" t="s">
        <v>15</v>
      </c>
      <c r="G101612" s="16">
        <v>0</v>
      </c>
    </row>
    <row r="101613" spans="1:7" x14ac:dyDescent="0.3">
      <c r="A101613" s="13" t="s">
        <v>499</v>
      </c>
      <c r="B101613" s="14" t="s">
        <v>1</v>
      </c>
      <c r="C101613" s="14" t="s">
        <v>70</v>
      </c>
      <c r="D101613" s="14" t="s">
        <v>306</v>
      </c>
      <c r="E101613" s="15">
        <v>45519</v>
      </c>
      <c r="F101613" s="14" t="s">
        <v>15</v>
      </c>
      <c r="G101613" s="16">
        <v>0</v>
      </c>
    </row>
    <row r="101614" spans="1:7" x14ac:dyDescent="0.3">
      <c r="A101614" s="13" t="s">
        <v>499</v>
      </c>
      <c r="B101614" s="14" t="s">
        <v>1</v>
      </c>
      <c r="C101614" s="14" t="s">
        <v>70</v>
      </c>
      <c r="D101614" s="14" t="s">
        <v>306</v>
      </c>
      <c r="E101614" s="15">
        <v>45520</v>
      </c>
      <c r="F101614" s="14" t="s">
        <v>15</v>
      </c>
      <c r="G101614" s="16">
        <v>0</v>
      </c>
    </row>
    <row r="101615" spans="1:7" x14ac:dyDescent="0.3">
      <c r="A101615" s="13" t="s">
        <v>499</v>
      </c>
      <c r="B101615" s="14" t="s">
        <v>1</v>
      </c>
      <c r="C101615" s="14" t="s">
        <v>70</v>
      </c>
      <c r="D101615" s="14" t="s">
        <v>306</v>
      </c>
      <c r="E101615" s="15">
        <v>45521</v>
      </c>
      <c r="F101615" s="14" t="s">
        <v>15</v>
      </c>
      <c r="G101615" s="16">
        <v>0</v>
      </c>
    </row>
    <row r="101616" spans="1:7" x14ac:dyDescent="0.3">
      <c r="A101616" s="13" t="s">
        <v>499</v>
      </c>
      <c r="B101616" s="14" t="s">
        <v>1</v>
      </c>
      <c r="C101616" s="14" t="s">
        <v>70</v>
      </c>
      <c r="D101616" s="14" t="s">
        <v>306</v>
      </c>
      <c r="E101616" s="15">
        <v>45522</v>
      </c>
      <c r="F101616" s="14" t="s">
        <v>15</v>
      </c>
      <c r="G101616" s="16">
        <v>0</v>
      </c>
    </row>
    <row r="101617" spans="1:7" x14ac:dyDescent="0.3">
      <c r="A101617" s="13" t="s">
        <v>499</v>
      </c>
      <c r="B101617" s="14" t="s">
        <v>1</v>
      </c>
      <c r="C101617" s="14" t="s">
        <v>70</v>
      </c>
      <c r="D101617" s="14" t="s">
        <v>306</v>
      </c>
      <c r="E101617" s="15">
        <v>45523</v>
      </c>
      <c r="F101617" s="14" t="s">
        <v>15</v>
      </c>
      <c r="G101617" s="16">
        <v>0</v>
      </c>
    </row>
    <row r="101618" spans="1:7" x14ac:dyDescent="0.3">
      <c r="A101618" s="13" t="s">
        <v>499</v>
      </c>
      <c r="B101618" s="14" t="s">
        <v>1</v>
      </c>
      <c r="C101618" s="14" t="s">
        <v>70</v>
      </c>
      <c r="D101618" s="14" t="s">
        <v>306</v>
      </c>
      <c r="E101618" s="15">
        <v>45524</v>
      </c>
      <c r="F101618" s="14" t="s">
        <v>15</v>
      </c>
      <c r="G101618" s="16">
        <v>0</v>
      </c>
    </row>
    <row r="101619" spans="1:7" x14ac:dyDescent="0.3">
      <c r="A101619" s="13" t="s">
        <v>499</v>
      </c>
      <c r="B101619" s="14" t="s">
        <v>1</v>
      </c>
      <c r="C101619" s="14" t="s">
        <v>70</v>
      </c>
      <c r="D101619" s="14" t="s">
        <v>306</v>
      </c>
      <c r="E101619" s="15">
        <v>45525</v>
      </c>
      <c r="F101619" s="14" t="s">
        <v>15</v>
      </c>
      <c r="G101619" s="16">
        <v>0</v>
      </c>
    </row>
    <row r="101620" spans="1:7" x14ac:dyDescent="0.3">
      <c r="A101620" s="13" t="s">
        <v>499</v>
      </c>
      <c r="B101620" s="14" t="s">
        <v>1</v>
      </c>
      <c r="C101620" s="14" t="s">
        <v>70</v>
      </c>
      <c r="D101620" s="14" t="s">
        <v>306</v>
      </c>
      <c r="E101620" s="15">
        <v>45526</v>
      </c>
      <c r="F101620" s="14" t="s">
        <v>15</v>
      </c>
      <c r="G101620" s="16">
        <v>0</v>
      </c>
    </row>
    <row r="101621" spans="1:7" x14ac:dyDescent="0.3">
      <c r="A101621" s="13" t="s">
        <v>499</v>
      </c>
      <c r="B101621" s="14" t="s">
        <v>1</v>
      </c>
      <c r="C101621" s="14" t="s">
        <v>70</v>
      </c>
      <c r="D101621" s="14" t="s">
        <v>306</v>
      </c>
      <c r="E101621" s="15">
        <v>45527</v>
      </c>
      <c r="F101621" s="14" t="s">
        <v>15</v>
      </c>
      <c r="G101621" s="16">
        <v>0</v>
      </c>
    </row>
    <row r="101622" spans="1:7" x14ac:dyDescent="0.3">
      <c r="A101622" s="13" t="s">
        <v>499</v>
      </c>
      <c r="B101622" s="14" t="s">
        <v>1</v>
      </c>
      <c r="C101622" s="14" t="s">
        <v>70</v>
      </c>
      <c r="D101622" s="14" t="s">
        <v>306</v>
      </c>
      <c r="E101622" s="15">
        <v>45528</v>
      </c>
      <c r="F101622" s="14" t="s">
        <v>15</v>
      </c>
      <c r="G101622" s="16">
        <v>0</v>
      </c>
    </row>
    <row r="101623" spans="1:7" x14ac:dyDescent="0.3">
      <c r="A101623" s="13" t="s">
        <v>499</v>
      </c>
      <c r="B101623" s="14" t="s">
        <v>1</v>
      </c>
      <c r="C101623" s="14" t="s">
        <v>70</v>
      </c>
      <c r="D101623" s="14" t="s">
        <v>306</v>
      </c>
      <c r="E101623" s="15">
        <v>45529</v>
      </c>
      <c r="F101623" s="14" t="s">
        <v>15</v>
      </c>
      <c r="G101623" s="16">
        <v>0</v>
      </c>
    </row>
    <row r="101624" spans="1:7" x14ac:dyDescent="0.3">
      <c r="A101624" s="13" t="s">
        <v>499</v>
      </c>
      <c r="B101624" s="14" t="s">
        <v>1</v>
      </c>
      <c r="C101624" s="14" t="s">
        <v>70</v>
      </c>
      <c r="D101624" s="14" t="s">
        <v>306</v>
      </c>
      <c r="E101624" s="15">
        <v>45530</v>
      </c>
      <c r="F101624" s="14" t="s">
        <v>15</v>
      </c>
      <c r="G101624" s="16">
        <v>0</v>
      </c>
    </row>
    <row r="101625" spans="1:7" x14ac:dyDescent="0.3">
      <c r="A101625" s="13" t="s">
        <v>499</v>
      </c>
      <c r="B101625" s="14" t="s">
        <v>1</v>
      </c>
      <c r="C101625" s="14" t="s">
        <v>70</v>
      </c>
      <c r="D101625" s="14" t="s">
        <v>306</v>
      </c>
      <c r="E101625" s="15">
        <v>45531</v>
      </c>
      <c r="F101625" s="14" t="s">
        <v>15</v>
      </c>
      <c r="G101625" s="16">
        <v>0</v>
      </c>
    </row>
    <row r="101626" spans="1:7" x14ac:dyDescent="0.3">
      <c r="A101626" s="13" t="s">
        <v>499</v>
      </c>
      <c r="B101626" s="14" t="s">
        <v>1</v>
      </c>
      <c r="C101626" s="14" t="s">
        <v>70</v>
      </c>
      <c r="D101626" s="14" t="s">
        <v>306</v>
      </c>
      <c r="E101626" s="15">
        <v>45532</v>
      </c>
      <c r="F101626" s="14" t="s">
        <v>15</v>
      </c>
      <c r="G101626" s="16">
        <v>0</v>
      </c>
    </row>
    <row r="101627" spans="1:7" x14ac:dyDescent="0.3">
      <c r="A101627" s="13" t="s">
        <v>499</v>
      </c>
      <c r="B101627" s="14" t="s">
        <v>1</v>
      </c>
      <c r="C101627" s="14" t="s">
        <v>70</v>
      </c>
      <c r="D101627" s="14" t="s">
        <v>306</v>
      </c>
      <c r="E101627" s="15">
        <v>45533</v>
      </c>
      <c r="F101627" s="14" t="s">
        <v>15</v>
      </c>
      <c r="G101627" s="16">
        <v>0</v>
      </c>
    </row>
    <row r="101628" spans="1:7" x14ac:dyDescent="0.3">
      <c r="A101628" s="13" t="s">
        <v>499</v>
      </c>
      <c r="B101628" s="14" t="s">
        <v>1</v>
      </c>
      <c r="C101628" s="14" t="s">
        <v>70</v>
      </c>
      <c r="D101628" s="14" t="s">
        <v>306</v>
      </c>
      <c r="E101628" s="15">
        <v>45534</v>
      </c>
      <c r="F101628" s="14" t="s">
        <v>15</v>
      </c>
      <c r="G101628" s="16">
        <v>0</v>
      </c>
    </row>
    <row r="101629" spans="1:7" x14ac:dyDescent="0.3">
      <c r="A101629" s="13" t="s">
        <v>499</v>
      </c>
      <c r="B101629" s="14" t="s">
        <v>1</v>
      </c>
      <c r="C101629" s="14" t="s">
        <v>70</v>
      </c>
      <c r="D101629" s="14" t="s">
        <v>306</v>
      </c>
      <c r="E101629" s="15">
        <v>45535</v>
      </c>
      <c r="F101629" s="14" t="s">
        <v>15</v>
      </c>
      <c r="G101629" s="16">
        <v>0</v>
      </c>
    </row>
    <row r="101630" spans="1:7" x14ac:dyDescent="0.3">
      <c r="A101630" s="13" t="s">
        <v>499</v>
      </c>
      <c r="B101630" s="14" t="s">
        <v>1</v>
      </c>
      <c r="C101630" s="14" t="s">
        <v>70</v>
      </c>
      <c r="D101630" s="14" t="s">
        <v>306</v>
      </c>
      <c r="E101630" s="15">
        <v>45536</v>
      </c>
      <c r="F101630" s="14" t="s">
        <v>15</v>
      </c>
      <c r="G101630" s="16">
        <v>0</v>
      </c>
    </row>
    <row r="101631" spans="1:7" x14ac:dyDescent="0.3">
      <c r="A101631" s="13" t="s">
        <v>499</v>
      </c>
      <c r="B101631" s="14" t="s">
        <v>1</v>
      </c>
      <c r="C101631" s="14" t="s">
        <v>70</v>
      </c>
      <c r="D101631" s="14" t="s">
        <v>306</v>
      </c>
      <c r="E101631" s="15">
        <v>45537</v>
      </c>
      <c r="F101631" s="14" t="s">
        <v>15</v>
      </c>
      <c r="G101631" s="16">
        <v>0</v>
      </c>
    </row>
    <row r="101632" spans="1:7" x14ac:dyDescent="0.3">
      <c r="A101632" s="13" t="s">
        <v>499</v>
      </c>
      <c r="B101632" s="14" t="s">
        <v>1</v>
      </c>
      <c r="C101632" s="14" t="s">
        <v>70</v>
      </c>
      <c r="D101632" s="14" t="s">
        <v>306</v>
      </c>
      <c r="E101632" s="15">
        <v>45538</v>
      </c>
      <c r="F101632" s="14" t="s">
        <v>15</v>
      </c>
      <c r="G101632" s="16">
        <v>0</v>
      </c>
    </row>
    <row r="101633" spans="1:7" x14ac:dyDescent="0.3">
      <c r="A101633" s="13" t="s">
        <v>499</v>
      </c>
      <c r="B101633" s="14" t="s">
        <v>1</v>
      </c>
      <c r="C101633" s="14" t="s">
        <v>70</v>
      </c>
      <c r="D101633" s="14" t="s">
        <v>306</v>
      </c>
      <c r="E101633" s="15">
        <v>45539</v>
      </c>
      <c r="F101633" s="14" t="s">
        <v>15</v>
      </c>
      <c r="G101633" s="16">
        <v>0</v>
      </c>
    </row>
    <row r="101634" spans="1:7" x14ac:dyDescent="0.3">
      <c r="A101634" s="13" t="s">
        <v>499</v>
      </c>
      <c r="B101634" s="14" t="s">
        <v>1</v>
      </c>
      <c r="C101634" s="14" t="s">
        <v>70</v>
      </c>
      <c r="D101634" s="14" t="s">
        <v>306</v>
      </c>
      <c r="E101634" s="15">
        <v>45540</v>
      </c>
      <c r="F101634" s="14" t="s">
        <v>15</v>
      </c>
      <c r="G101634" s="16">
        <v>0</v>
      </c>
    </row>
    <row r="101635" spans="1:7" x14ac:dyDescent="0.3">
      <c r="A101635" s="13" t="s">
        <v>499</v>
      </c>
      <c r="B101635" s="14" t="s">
        <v>1</v>
      </c>
      <c r="C101635" s="14" t="s">
        <v>70</v>
      </c>
      <c r="D101635" s="14" t="s">
        <v>306</v>
      </c>
      <c r="E101635" s="15">
        <v>45541</v>
      </c>
      <c r="F101635" s="14" t="s">
        <v>15</v>
      </c>
      <c r="G101635" s="16">
        <v>0</v>
      </c>
    </row>
    <row r="101636" spans="1:7" x14ac:dyDescent="0.3">
      <c r="A101636" s="13" t="s">
        <v>499</v>
      </c>
      <c r="B101636" s="14" t="s">
        <v>1</v>
      </c>
      <c r="C101636" s="14" t="s">
        <v>70</v>
      </c>
      <c r="D101636" s="14" t="s">
        <v>306</v>
      </c>
      <c r="E101636" s="15">
        <v>45542</v>
      </c>
      <c r="F101636" s="14" t="s">
        <v>15</v>
      </c>
      <c r="G101636" s="16">
        <v>0</v>
      </c>
    </row>
    <row r="101637" spans="1:7" x14ac:dyDescent="0.3">
      <c r="A101637" s="13" t="s">
        <v>499</v>
      </c>
      <c r="B101637" s="14" t="s">
        <v>1</v>
      </c>
      <c r="C101637" s="14" t="s">
        <v>70</v>
      </c>
      <c r="D101637" s="14" t="s">
        <v>306</v>
      </c>
      <c r="E101637" s="15">
        <v>45543</v>
      </c>
      <c r="F101637" s="14" t="s">
        <v>15</v>
      </c>
      <c r="G101637" s="16">
        <v>0</v>
      </c>
    </row>
    <row r="101638" spans="1:7" x14ac:dyDescent="0.3">
      <c r="A101638" s="13" t="s">
        <v>499</v>
      </c>
      <c r="B101638" s="14" t="s">
        <v>1</v>
      </c>
      <c r="C101638" s="14" t="s">
        <v>70</v>
      </c>
      <c r="D101638" s="14" t="s">
        <v>306</v>
      </c>
      <c r="E101638" s="15">
        <v>45544</v>
      </c>
      <c r="F101638" s="14" t="s">
        <v>15</v>
      </c>
      <c r="G101638" s="16">
        <v>0</v>
      </c>
    </row>
    <row r="101639" spans="1:7" x14ac:dyDescent="0.3">
      <c r="A101639" s="13" t="s">
        <v>499</v>
      </c>
      <c r="B101639" s="14" t="s">
        <v>1</v>
      </c>
      <c r="C101639" s="14" t="s">
        <v>70</v>
      </c>
      <c r="D101639" s="14" t="s">
        <v>306</v>
      </c>
      <c r="E101639" s="15">
        <v>45545</v>
      </c>
      <c r="F101639" s="14" t="s">
        <v>15</v>
      </c>
      <c r="G101639" s="16">
        <v>0</v>
      </c>
    </row>
    <row r="101640" spans="1:7" x14ac:dyDescent="0.3">
      <c r="A101640" s="13" t="s">
        <v>499</v>
      </c>
      <c r="B101640" s="14" t="s">
        <v>1</v>
      </c>
      <c r="C101640" s="14" t="s">
        <v>70</v>
      </c>
      <c r="D101640" s="14" t="s">
        <v>306</v>
      </c>
      <c r="E101640" s="15">
        <v>45546</v>
      </c>
      <c r="F101640" s="14" t="s">
        <v>15</v>
      </c>
      <c r="G101640" s="16">
        <v>0</v>
      </c>
    </row>
    <row r="101641" spans="1:7" x14ac:dyDescent="0.3">
      <c r="A101641" s="13" t="s">
        <v>499</v>
      </c>
      <c r="B101641" s="14" t="s">
        <v>1</v>
      </c>
      <c r="C101641" s="14" t="s">
        <v>70</v>
      </c>
      <c r="D101641" s="14" t="s">
        <v>306</v>
      </c>
      <c r="E101641" s="15">
        <v>45547</v>
      </c>
      <c r="F101641" s="14" t="s">
        <v>15</v>
      </c>
      <c r="G101641" s="16">
        <v>0</v>
      </c>
    </row>
    <row r="101642" spans="1:7" x14ac:dyDescent="0.3">
      <c r="A101642" s="13" t="s">
        <v>499</v>
      </c>
      <c r="B101642" s="14" t="s">
        <v>1</v>
      </c>
      <c r="C101642" s="14" t="s">
        <v>70</v>
      </c>
      <c r="D101642" s="14" t="s">
        <v>306</v>
      </c>
      <c r="E101642" s="15">
        <v>45548</v>
      </c>
      <c r="F101642" s="14" t="s">
        <v>15</v>
      </c>
      <c r="G101642" s="16">
        <v>0</v>
      </c>
    </row>
    <row r="101643" spans="1:7" x14ac:dyDescent="0.3">
      <c r="A101643" s="13" t="s">
        <v>499</v>
      </c>
      <c r="B101643" s="14" t="s">
        <v>1</v>
      </c>
      <c r="C101643" s="14" t="s">
        <v>70</v>
      </c>
      <c r="D101643" s="14" t="s">
        <v>306</v>
      </c>
      <c r="E101643" s="15">
        <v>45549</v>
      </c>
      <c r="F101643" s="14" t="s">
        <v>15</v>
      </c>
      <c r="G101643" s="16">
        <v>0</v>
      </c>
    </row>
    <row r="101644" spans="1:7" x14ac:dyDescent="0.3">
      <c r="A101644" s="13" t="s">
        <v>499</v>
      </c>
      <c r="B101644" s="14" t="s">
        <v>1</v>
      </c>
      <c r="C101644" s="14" t="s">
        <v>70</v>
      </c>
      <c r="D101644" s="14" t="s">
        <v>306</v>
      </c>
      <c r="E101644" s="15">
        <v>45550</v>
      </c>
      <c r="F101644" s="14" t="s">
        <v>15</v>
      </c>
      <c r="G101644" s="16">
        <v>0</v>
      </c>
    </row>
    <row r="101645" spans="1:7" x14ac:dyDescent="0.3">
      <c r="A101645" s="13" t="s">
        <v>499</v>
      </c>
      <c r="B101645" s="14" t="s">
        <v>1</v>
      </c>
      <c r="C101645" s="14" t="s">
        <v>70</v>
      </c>
      <c r="D101645" s="14" t="s">
        <v>306</v>
      </c>
      <c r="E101645" s="15">
        <v>45551</v>
      </c>
      <c r="F101645" s="14" t="s">
        <v>15</v>
      </c>
      <c r="G101645" s="16">
        <v>0</v>
      </c>
    </row>
    <row r="101646" spans="1:7" x14ac:dyDescent="0.3">
      <c r="A101646" s="13" t="s">
        <v>499</v>
      </c>
      <c r="B101646" s="14" t="s">
        <v>1</v>
      </c>
      <c r="C101646" s="14" t="s">
        <v>70</v>
      </c>
      <c r="D101646" s="14" t="s">
        <v>306</v>
      </c>
      <c r="E101646" s="15">
        <v>45552</v>
      </c>
      <c r="F101646" s="14" t="s">
        <v>15</v>
      </c>
      <c r="G101646" s="16">
        <v>0</v>
      </c>
    </row>
    <row r="101647" spans="1:7" x14ac:dyDescent="0.3">
      <c r="A101647" s="13" t="s">
        <v>499</v>
      </c>
      <c r="B101647" s="14" t="s">
        <v>1</v>
      </c>
      <c r="C101647" s="14" t="s">
        <v>70</v>
      </c>
      <c r="D101647" s="14" t="s">
        <v>306</v>
      </c>
      <c r="E101647" s="15">
        <v>45553</v>
      </c>
      <c r="F101647" s="14" t="s">
        <v>15</v>
      </c>
      <c r="G101647" s="16">
        <v>0</v>
      </c>
    </row>
    <row r="101648" spans="1:7" x14ac:dyDescent="0.3">
      <c r="A101648" s="13" t="s">
        <v>499</v>
      </c>
      <c r="B101648" s="14" t="s">
        <v>1</v>
      </c>
      <c r="C101648" s="14" t="s">
        <v>70</v>
      </c>
      <c r="D101648" s="14" t="s">
        <v>306</v>
      </c>
      <c r="E101648" s="15">
        <v>45554</v>
      </c>
      <c r="F101648" s="14" t="s">
        <v>15</v>
      </c>
      <c r="G101648" s="16">
        <v>0</v>
      </c>
    </row>
    <row r="101649" spans="1:7" x14ac:dyDescent="0.3">
      <c r="A101649" s="13" t="s">
        <v>499</v>
      </c>
      <c r="B101649" s="14" t="s">
        <v>1</v>
      </c>
      <c r="C101649" s="14" t="s">
        <v>70</v>
      </c>
      <c r="D101649" s="14" t="s">
        <v>306</v>
      </c>
      <c r="E101649" s="15">
        <v>45555</v>
      </c>
      <c r="F101649" s="14" t="s">
        <v>15</v>
      </c>
      <c r="G101649" s="16">
        <v>0</v>
      </c>
    </row>
    <row r="101650" spans="1:7" x14ac:dyDescent="0.3">
      <c r="A101650" s="13" t="s">
        <v>499</v>
      </c>
      <c r="B101650" s="14" t="s">
        <v>1</v>
      </c>
      <c r="C101650" s="14" t="s">
        <v>70</v>
      </c>
      <c r="D101650" s="14" t="s">
        <v>306</v>
      </c>
      <c r="E101650" s="15">
        <v>45556</v>
      </c>
      <c r="F101650" s="14" t="s">
        <v>15</v>
      </c>
      <c r="G101650" s="16">
        <v>0</v>
      </c>
    </row>
    <row r="101651" spans="1:7" x14ac:dyDescent="0.3">
      <c r="A101651" s="13" t="s">
        <v>499</v>
      </c>
      <c r="B101651" s="14" t="s">
        <v>1</v>
      </c>
      <c r="C101651" s="14" t="s">
        <v>70</v>
      </c>
      <c r="D101651" s="14" t="s">
        <v>306</v>
      </c>
      <c r="E101651" s="15">
        <v>45557</v>
      </c>
      <c r="F101651" s="14" t="s">
        <v>15</v>
      </c>
      <c r="G101651" s="16">
        <v>0</v>
      </c>
    </row>
    <row r="101652" spans="1:7" x14ac:dyDescent="0.3">
      <c r="A101652" s="13" t="s">
        <v>499</v>
      </c>
      <c r="B101652" s="14" t="s">
        <v>1</v>
      </c>
      <c r="C101652" s="14" t="s">
        <v>70</v>
      </c>
      <c r="D101652" s="14" t="s">
        <v>306</v>
      </c>
      <c r="E101652" s="15">
        <v>45558</v>
      </c>
      <c r="F101652" s="14" t="s">
        <v>15</v>
      </c>
      <c r="G101652" s="16">
        <v>0</v>
      </c>
    </row>
    <row r="101653" spans="1:7" x14ac:dyDescent="0.3">
      <c r="A101653" s="13" t="s">
        <v>499</v>
      </c>
      <c r="B101653" s="14" t="s">
        <v>1</v>
      </c>
      <c r="C101653" s="14" t="s">
        <v>70</v>
      </c>
      <c r="D101653" s="14" t="s">
        <v>306</v>
      </c>
      <c r="E101653" s="15">
        <v>45559</v>
      </c>
      <c r="F101653" s="14" t="s">
        <v>15</v>
      </c>
      <c r="G101653" s="16">
        <v>0</v>
      </c>
    </row>
    <row r="101654" spans="1:7" x14ac:dyDescent="0.3">
      <c r="A101654" s="13" t="s">
        <v>499</v>
      </c>
      <c r="B101654" s="14" t="s">
        <v>1</v>
      </c>
      <c r="C101654" s="14" t="s">
        <v>70</v>
      </c>
      <c r="D101654" s="14" t="s">
        <v>306</v>
      </c>
      <c r="E101654" s="15">
        <v>45560</v>
      </c>
      <c r="F101654" s="14" t="s">
        <v>15</v>
      </c>
      <c r="G101654" s="16">
        <v>0</v>
      </c>
    </row>
    <row r="101655" spans="1:7" x14ac:dyDescent="0.3">
      <c r="A101655" s="13" t="s">
        <v>499</v>
      </c>
      <c r="B101655" s="14" t="s">
        <v>1</v>
      </c>
      <c r="C101655" s="14" t="s">
        <v>70</v>
      </c>
      <c r="D101655" s="14" t="s">
        <v>306</v>
      </c>
      <c r="E101655" s="15">
        <v>45561</v>
      </c>
      <c r="F101655" s="14" t="s">
        <v>15</v>
      </c>
      <c r="G101655" s="16">
        <v>0</v>
      </c>
    </row>
    <row r="101656" spans="1:7" x14ac:dyDescent="0.3">
      <c r="A101656" s="13" t="s">
        <v>499</v>
      </c>
      <c r="B101656" s="14" t="s">
        <v>1</v>
      </c>
      <c r="C101656" s="14" t="s">
        <v>70</v>
      </c>
      <c r="D101656" s="14" t="s">
        <v>306</v>
      </c>
      <c r="E101656" s="15">
        <v>45562</v>
      </c>
      <c r="F101656" s="14" t="s">
        <v>15</v>
      </c>
      <c r="G101656" s="16">
        <v>0</v>
      </c>
    </row>
    <row r="101657" spans="1:7" x14ac:dyDescent="0.3">
      <c r="A101657" s="13" t="s">
        <v>499</v>
      </c>
      <c r="B101657" s="14" t="s">
        <v>1</v>
      </c>
      <c r="C101657" s="14" t="s">
        <v>70</v>
      </c>
      <c r="D101657" s="14" t="s">
        <v>306</v>
      </c>
      <c r="E101657" s="15">
        <v>45563</v>
      </c>
      <c r="F101657" s="14" t="s">
        <v>15</v>
      </c>
      <c r="G101657" s="16">
        <v>0</v>
      </c>
    </row>
    <row r="101658" spans="1:7" x14ac:dyDescent="0.3">
      <c r="A101658" s="13" t="s">
        <v>499</v>
      </c>
      <c r="B101658" s="14" t="s">
        <v>1</v>
      </c>
      <c r="C101658" s="14" t="s">
        <v>70</v>
      </c>
      <c r="D101658" s="14" t="s">
        <v>306</v>
      </c>
      <c r="E101658" s="15">
        <v>45564</v>
      </c>
      <c r="F101658" s="14" t="s">
        <v>15</v>
      </c>
      <c r="G101658" s="16">
        <v>0</v>
      </c>
    </row>
    <row r="101659" spans="1:7" x14ac:dyDescent="0.3">
      <c r="A101659" s="13" t="s">
        <v>499</v>
      </c>
      <c r="B101659" s="14" t="s">
        <v>1</v>
      </c>
      <c r="C101659" s="14" t="s">
        <v>70</v>
      </c>
      <c r="D101659" s="14" t="s">
        <v>306</v>
      </c>
      <c r="E101659" s="15">
        <v>45565</v>
      </c>
      <c r="F101659" s="14" t="s">
        <v>15</v>
      </c>
      <c r="G101659" s="16">
        <v>0</v>
      </c>
    </row>
    <row r="101660" spans="1:7" x14ac:dyDescent="0.3">
      <c r="A101660" s="13" t="s">
        <v>499</v>
      </c>
      <c r="B101660" s="14" t="s">
        <v>1</v>
      </c>
      <c r="C101660" s="14" t="s">
        <v>70</v>
      </c>
      <c r="D101660" s="14" t="s">
        <v>306</v>
      </c>
      <c r="E101660" s="15">
        <v>45566</v>
      </c>
      <c r="F101660" s="14" t="s">
        <v>15</v>
      </c>
      <c r="G101660" s="16">
        <v>0</v>
      </c>
    </row>
    <row r="101661" spans="1:7" x14ac:dyDescent="0.3">
      <c r="A101661" s="13" t="s">
        <v>499</v>
      </c>
      <c r="B101661" s="14" t="s">
        <v>1</v>
      </c>
      <c r="C101661" s="14" t="s">
        <v>70</v>
      </c>
      <c r="D101661" s="14" t="s">
        <v>306</v>
      </c>
      <c r="E101661" s="15">
        <v>45567</v>
      </c>
      <c r="F101661" s="14" t="s">
        <v>15</v>
      </c>
      <c r="G101661" s="16">
        <v>0</v>
      </c>
    </row>
    <row r="101662" spans="1:7" x14ac:dyDescent="0.3">
      <c r="A101662" s="13" t="s">
        <v>499</v>
      </c>
      <c r="B101662" s="14" t="s">
        <v>1</v>
      </c>
      <c r="C101662" s="14" t="s">
        <v>70</v>
      </c>
      <c r="D101662" s="14" t="s">
        <v>306</v>
      </c>
      <c r="E101662" s="15">
        <v>45568</v>
      </c>
      <c r="F101662" s="14" t="s">
        <v>15</v>
      </c>
      <c r="G101662" s="16">
        <v>0</v>
      </c>
    </row>
    <row r="101663" spans="1:7" x14ac:dyDescent="0.3">
      <c r="A101663" s="13" t="s">
        <v>499</v>
      </c>
      <c r="B101663" s="14" t="s">
        <v>1</v>
      </c>
      <c r="C101663" s="14" t="s">
        <v>70</v>
      </c>
      <c r="D101663" s="14" t="s">
        <v>306</v>
      </c>
      <c r="E101663" s="15">
        <v>45569</v>
      </c>
      <c r="F101663" s="14" t="s">
        <v>15</v>
      </c>
      <c r="G101663" s="16">
        <v>0</v>
      </c>
    </row>
    <row r="101664" spans="1:7" x14ac:dyDescent="0.3">
      <c r="A101664" s="13" t="s">
        <v>499</v>
      </c>
      <c r="B101664" s="14" t="s">
        <v>1</v>
      </c>
      <c r="C101664" s="14" t="s">
        <v>70</v>
      </c>
      <c r="D101664" s="14" t="s">
        <v>306</v>
      </c>
      <c r="E101664" s="15">
        <v>45570</v>
      </c>
      <c r="F101664" s="14" t="s">
        <v>15</v>
      </c>
      <c r="G101664" s="16">
        <v>0</v>
      </c>
    </row>
    <row r="101665" spans="1:7" x14ac:dyDescent="0.3">
      <c r="A101665" s="13" t="s">
        <v>499</v>
      </c>
      <c r="B101665" s="14" t="s">
        <v>1</v>
      </c>
      <c r="C101665" s="14" t="s">
        <v>70</v>
      </c>
      <c r="D101665" s="14" t="s">
        <v>306</v>
      </c>
      <c r="E101665" s="15">
        <v>45571</v>
      </c>
      <c r="F101665" s="14" t="s">
        <v>15</v>
      </c>
      <c r="G101665" s="16">
        <v>0</v>
      </c>
    </row>
    <row r="101666" spans="1:7" x14ac:dyDescent="0.3">
      <c r="A101666" s="13" t="s">
        <v>499</v>
      </c>
      <c r="B101666" s="14" t="s">
        <v>1</v>
      </c>
      <c r="C101666" s="14" t="s">
        <v>70</v>
      </c>
      <c r="D101666" s="14" t="s">
        <v>306</v>
      </c>
      <c r="E101666" s="15">
        <v>45572</v>
      </c>
      <c r="F101666" s="14" t="s">
        <v>15</v>
      </c>
      <c r="G101666" s="16">
        <v>0</v>
      </c>
    </row>
    <row r="101667" spans="1:7" x14ac:dyDescent="0.3">
      <c r="A101667" s="13" t="s">
        <v>499</v>
      </c>
      <c r="B101667" s="14" t="s">
        <v>1</v>
      </c>
      <c r="C101667" s="14" t="s">
        <v>70</v>
      </c>
      <c r="D101667" s="14" t="s">
        <v>306</v>
      </c>
      <c r="E101667" s="15">
        <v>45573</v>
      </c>
      <c r="F101667" s="14" t="s">
        <v>15</v>
      </c>
      <c r="G101667" s="16">
        <v>0</v>
      </c>
    </row>
    <row r="101668" spans="1:7" x14ac:dyDescent="0.3">
      <c r="A101668" s="13" t="s">
        <v>499</v>
      </c>
      <c r="B101668" s="14" t="s">
        <v>1</v>
      </c>
      <c r="C101668" s="14" t="s">
        <v>70</v>
      </c>
      <c r="D101668" s="14" t="s">
        <v>306</v>
      </c>
      <c r="E101668" s="15">
        <v>45574</v>
      </c>
      <c r="F101668" s="14" t="s">
        <v>15</v>
      </c>
      <c r="G101668" s="16">
        <v>0</v>
      </c>
    </row>
    <row r="101669" spans="1:7" x14ac:dyDescent="0.3">
      <c r="A101669" s="13" t="s">
        <v>499</v>
      </c>
      <c r="B101669" s="14" t="s">
        <v>1</v>
      </c>
      <c r="C101669" s="14" t="s">
        <v>70</v>
      </c>
      <c r="D101669" s="14" t="s">
        <v>306</v>
      </c>
      <c r="E101669" s="15">
        <v>45575</v>
      </c>
      <c r="F101669" s="14" t="s">
        <v>15</v>
      </c>
      <c r="G101669" s="16">
        <v>0</v>
      </c>
    </row>
    <row r="101670" spans="1:7" x14ac:dyDescent="0.3">
      <c r="A101670" s="13" t="s">
        <v>499</v>
      </c>
      <c r="B101670" s="14" t="s">
        <v>1</v>
      </c>
      <c r="C101670" s="14" t="s">
        <v>70</v>
      </c>
      <c r="D101670" s="14" t="s">
        <v>306</v>
      </c>
      <c r="E101670" s="15">
        <v>45576</v>
      </c>
      <c r="F101670" s="14" t="s">
        <v>15</v>
      </c>
      <c r="G101670" s="16">
        <v>0</v>
      </c>
    </row>
    <row r="101671" spans="1:7" x14ac:dyDescent="0.3">
      <c r="A101671" s="13" t="s">
        <v>499</v>
      </c>
      <c r="B101671" s="14" t="s">
        <v>1</v>
      </c>
      <c r="C101671" s="14" t="s">
        <v>70</v>
      </c>
      <c r="D101671" s="14" t="s">
        <v>306</v>
      </c>
      <c r="E101671" s="15">
        <v>45577</v>
      </c>
      <c r="F101671" s="14" t="s">
        <v>15</v>
      </c>
      <c r="G101671" s="16">
        <v>0</v>
      </c>
    </row>
    <row r="101672" spans="1:7" x14ac:dyDescent="0.3">
      <c r="A101672" s="13" t="s">
        <v>499</v>
      </c>
      <c r="B101672" s="14" t="s">
        <v>1</v>
      </c>
      <c r="C101672" s="14" t="s">
        <v>70</v>
      </c>
      <c r="D101672" s="14" t="s">
        <v>306</v>
      </c>
      <c r="E101672" s="15">
        <v>45578</v>
      </c>
      <c r="F101672" s="14" t="s">
        <v>15</v>
      </c>
      <c r="G101672" s="16">
        <v>0</v>
      </c>
    </row>
    <row r="101673" spans="1:7" x14ac:dyDescent="0.3">
      <c r="A101673" s="13" t="s">
        <v>499</v>
      </c>
      <c r="B101673" s="14" t="s">
        <v>1</v>
      </c>
      <c r="C101673" s="14" t="s">
        <v>70</v>
      </c>
      <c r="D101673" s="14" t="s">
        <v>306</v>
      </c>
      <c r="E101673" s="15">
        <v>45579</v>
      </c>
      <c r="F101673" s="14" t="s">
        <v>15</v>
      </c>
      <c r="G101673" s="16">
        <v>0</v>
      </c>
    </row>
    <row r="101674" spans="1:7" x14ac:dyDescent="0.3">
      <c r="A101674" s="13" t="s">
        <v>499</v>
      </c>
      <c r="B101674" s="14" t="s">
        <v>1</v>
      </c>
      <c r="C101674" s="14" t="s">
        <v>70</v>
      </c>
      <c r="D101674" s="14" t="s">
        <v>306</v>
      </c>
      <c r="E101674" s="15">
        <v>45580</v>
      </c>
      <c r="F101674" s="14" t="s">
        <v>15</v>
      </c>
      <c r="G101674" s="16">
        <v>0</v>
      </c>
    </row>
    <row r="101675" spans="1:7" x14ac:dyDescent="0.3">
      <c r="A101675" s="13" t="s">
        <v>499</v>
      </c>
      <c r="B101675" s="14" t="s">
        <v>1</v>
      </c>
      <c r="C101675" s="14" t="s">
        <v>70</v>
      </c>
      <c r="D101675" s="14" t="s">
        <v>306</v>
      </c>
      <c r="E101675" s="15">
        <v>45581</v>
      </c>
      <c r="F101675" s="14" t="s">
        <v>15</v>
      </c>
      <c r="G101675" s="16">
        <v>0</v>
      </c>
    </row>
    <row r="101676" spans="1:7" x14ac:dyDescent="0.3">
      <c r="A101676" s="13" t="s">
        <v>499</v>
      </c>
      <c r="B101676" s="14" t="s">
        <v>1</v>
      </c>
      <c r="C101676" s="14" t="s">
        <v>70</v>
      </c>
      <c r="D101676" s="14" t="s">
        <v>306</v>
      </c>
      <c r="E101676" s="15">
        <v>45582</v>
      </c>
      <c r="F101676" s="14" t="s">
        <v>15</v>
      </c>
      <c r="G101676" s="16">
        <v>0</v>
      </c>
    </row>
    <row r="101677" spans="1:7" x14ac:dyDescent="0.3">
      <c r="A101677" s="13" t="s">
        <v>499</v>
      </c>
      <c r="B101677" s="14" t="s">
        <v>1</v>
      </c>
      <c r="C101677" s="14" t="s">
        <v>70</v>
      </c>
      <c r="D101677" s="14" t="s">
        <v>306</v>
      </c>
      <c r="E101677" s="15">
        <v>45583</v>
      </c>
      <c r="F101677" s="14" t="s">
        <v>15</v>
      </c>
      <c r="G101677" s="16">
        <v>0</v>
      </c>
    </row>
    <row r="101678" spans="1:7" x14ac:dyDescent="0.3">
      <c r="A101678" s="13" t="s">
        <v>499</v>
      </c>
      <c r="B101678" s="14" t="s">
        <v>1</v>
      </c>
      <c r="C101678" s="14" t="s">
        <v>70</v>
      </c>
      <c r="D101678" s="14" t="s">
        <v>306</v>
      </c>
      <c r="E101678" s="15">
        <v>45584</v>
      </c>
      <c r="F101678" s="14" t="s">
        <v>15</v>
      </c>
      <c r="G101678" s="16">
        <v>0</v>
      </c>
    </row>
    <row r="101679" spans="1:7" x14ac:dyDescent="0.3">
      <c r="A101679" s="13" t="s">
        <v>499</v>
      </c>
      <c r="B101679" s="14" t="s">
        <v>1</v>
      </c>
      <c r="C101679" s="14" t="s">
        <v>70</v>
      </c>
      <c r="D101679" s="14" t="s">
        <v>306</v>
      </c>
      <c r="E101679" s="15">
        <v>45585</v>
      </c>
      <c r="F101679" s="14" t="s">
        <v>15</v>
      </c>
      <c r="G101679" s="16">
        <v>0</v>
      </c>
    </row>
    <row r="101680" spans="1:7" x14ac:dyDescent="0.3">
      <c r="A101680" s="13" t="s">
        <v>499</v>
      </c>
      <c r="B101680" s="14" t="s">
        <v>1</v>
      </c>
      <c r="C101680" s="14" t="s">
        <v>70</v>
      </c>
      <c r="D101680" s="14" t="s">
        <v>306</v>
      </c>
      <c r="E101680" s="15">
        <v>45586</v>
      </c>
      <c r="F101680" s="14" t="s">
        <v>15</v>
      </c>
      <c r="G101680" s="16">
        <v>0</v>
      </c>
    </row>
    <row r="101681" spans="1:7" x14ac:dyDescent="0.3">
      <c r="A101681" s="13" t="s">
        <v>499</v>
      </c>
      <c r="B101681" s="14" t="s">
        <v>1</v>
      </c>
      <c r="C101681" s="14" t="s">
        <v>70</v>
      </c>
      <c r="D101681" s="14" t="s">
        <v>306</v>
      </c>
      <c r="E101681" s="15">
        <v>45587</v>
      </c>
      <c r="F101681" s="14" t="s">
        <v>15</v>
      </c>
      <c r="G101681" s="16">
        <v>0</v>
      </c>
    </row>
    <row r="101682" spans="1:7" x14ac:dyDescent="0.3">
      <c r="A101682" s="13" t="s">
        <v>499</v>
      </c>
      <c r="B101682" s="14" t="s">
        <v>1</v>
      </c>
      <c r="C101682" s="14" t="s">
        <v>70</v>
      </c>
      <c r="D101682" s="14" t="s">
        <v>306</v>
      </c>
      <c r="E101682" s="15">
        <v>45588</v>
      </c>
      <c r="F101682" s="14" t="s">
        <v>15</v>
      </c>
      <c r="G101682" s="16">
        <v>0</v>
      </c>
    </row>
    <row r="101683" spans="1:7" x14ac:dyDescent="0.3">
      <c r="A101683" s="13" t="s">
        <v>499</v>
      </c>
      <c r="B101683" s="14" t="s">
        <v>1</v>
      </c>
      <c r="C101683" s="14" t="s">
        <v>70</v>
      </c>
      <c r="D101683" s="14" t="s">
        <v>306</v>
      </c>
      <c r="E101683" s="15">
        <v>45589</v>
      </c>
      <c r="F101683" s="14" t="s">
        <v>15</v>
      </c>
      <c r="G101683" s="16">
        <v>0</v>
      </c>
    </row>
    <row r="101684" spans="1:7" x14ac:dyDescent="0.3">
      <c r="A101684" s="13" t="s">
        <v>499</v>
      </c>
      <c r="B101684" s="14" t="s">
        <v>1</v>
      </c>
      <c r="C101684" s="14" t="s">
        <v>70</v>
      </c>
      <c r="D101684" s="14" t="s">
        <v>306</v>
      </c>
      <c r="E101684" s="15">
        <v>45590</v>
      </c>
      <c r="F101684" s="14" t="s">
        <v>15</v>
      </c>
      <c r="G101684" s="16">
        <v>0</v>
      </c>
    </row>
    <row r="101685" spans="1:7" x14ac:dyDescent="0.3">
      <c r="A101685" s="13" t="s">
        <v>499</v>
      </c>
      <c r="B101685" s="14" t="s">
        <v>1</v>
      </c>
      <c r="C101685" s="14" t="s">
        <v>70</v>
      </c>
      <c r="D101685" s="14" t="s">
        <v>306</v>
      </c>
      <c r="E101685" s="15">
        <v>45591</v>
      </c>
      <c r="F101685" s="14" t="s">
        <v>15</v>
      </c>
      <c r="G101685" s="16">
        <v>0</v>
      </c>
    </row>
    <row r="101686" spans="1:7" x14ac:dyDescent="0.3">
      <c r="A101686" s="13" t="s">
        <v>499</v>
      </c>
      <c r="B101686" s="14" t="s">
        <v>1</v>
      </c>
      <c r="C101686" s="14" t="s">
        <v>70</v>
      </c>
      <c r="D101686" s="14" t="s">
        <v>306</v>
      </c>
      <c r="E101686" s="15">
        <v>45592</v>
      </c>
      <c r="F101686" s="14" t="s">
        <v>15</v>
      </c>
      <c r="G101686" s="16">
        <v>0</v>
      </c>
    </row>
    <row r="101687" spans="1:7" x14ac:dyDescent="0.3">
      <c r="A101687" s="13" t="s">
        <v>499</v>
      </c>
      <c r="B101687" s="14" t="s">
        <v>1</v>
      </c>
      <c r="C101687" s="14" t="s">
        <v>70</v>
      </c>
      <c r="D101687" s="14" t="s">
        <v>306</v>
      </c>
      <c r="E101687" s="15">
        <v>45593</v>
      </c>
      <c r="F101687" s="14" t="s">
        <v>15</v>
      </c>
      <c r="G101687" s="16">
        <v>0</v>
      </c>
    </row>
    <row r="101688" spans="1:7" x14ac:dyDescent="0.3">
      <c r="A101688" s="13" t="s">
        <v>499</v>
      </c>
      <c r="B101688" s="14" t="s">
        <v>1</v>
      </c>
      <c r="C101688" s="14" t="s">
        <v>70</v>
      </c>
      <c r="D101688" s="14" t="s">
        <v>306</v>
      </c>
      <c r="E101688" s="15">
        <v>45594</v>
      </c>
      <c r="F101688" s="14" t="s">
        <v>15</v>
      </c>
      <c r="G101688" s="16">
        <v>0</v>
      </c>
    </row>
    <row r="101689" spans="1:7" x14ac:dyDescent="0.3">
      <c r="A101689" s="13" t="s">
        <v>499</v>
      </c>
      <c r="B101689" s="14" t="s">
        <v>1</v>
      </c>
      <c r="C101689" s="14" t="s">
        <v>70</v>
      </c>
      <c r="D101689" s="14" t="s">
        <v>306</v>
      </c>
      <c r="E101689" s="15">
        <v>45595</v>
      </c>
      <c r="F101689" s="14" t="s">
        <v>15</v>
      </c>
      <c r="G101689" s="16">
        <v>0</v>
      </c>
    </row>
    <row r="101690" spans="1:7" x14ac:dyDescent="0.3">
      <c r="A101690" s="13" t="s">
        <v>499</v>
      </c>
      <c r="B101690" s="14" t="s">
        <v>1</v>
      </c>
      <c r="C101690" s="14" t="s">
        <v>70</v>
      </c>
      <c r="D101690" s="14" t="s">
        <v>306</v>
      </c>
      <c r="E101690" s="15">
        <v>45596</v>
      </c>
      <c r="F101690" s="14" t="s">
        <v>15</v>
      </c>
      <c r="G101690" s="16">
        <v>0</v>
      </c>
    </row>
    <row r="101691" spans="1:7" x14ac:dyDescent="0.3">
      <c r="A101691" s="13" t="s">
        <v>499</v>
      </c>
      <c r="B101691" s="14" t="s">
        <v>1</v>
      </c>
      <c r="C101691" s="14" t="s">
        <v>70</v>
      </c>
      <c r="D101691" s="14" t="s">
        <v>306</v>
      </c>
      <c r="E101691" s="15">
        <v>45597</v>
      </c>
      <c r="F101691" s="14" t="s">
        <v>15</v>
      </c>
      <c r="G101691" s="16">
        <v>0</v>
      </c>
    </row>
    <row r="101692" spans="1:7" x14ac:dyDescent="0.3">
      <c r="A101692" s="13" t="s">
        <v>499</v>
      </c>
      <c r="B101692" s="14" t="s">
        <v>1</v>
      </c>
      <c r="C101692" s="14" t="s">
        <v>70</v>
      </c>
      <c r="D101692" s="14" t="s">
        <v>306</v>
      </c>
      <c r="E101692" s="15">
        <v>45598</v>
      </c>
      <c r="F101692" s="14" t="s">
        <v>15</v>
      </c>
      <c r="G101692" s="16">
        <v>0</v>
      </c>
    </row>
    <row r="101693" spans="1:7" x14ac:dyDescent="0.3">
      <c r="A101693" s="13" t="s">
        <v>499</v>
      </c>
      <c r="B101693" s="14" t="s">
        <v>1</v>
      </c>
      <c r="C101693" s="14" t="s">
        <v>70</v>
      </c>
      <c r="D101693" s="14" t="s">
        <v>306</v>
      </c>
      <c r="E101693" s="15">
        <v>45599</v>
      </c>
      <c r="F101693" s="14" t="s">
        <v>15</v>
      </c>
      <c r="G101693" s="16">
        <v>0</v>
      </c>
    </row>
    <row r="101694" spans="1:7" x14ac:dyDescent="0.3">
      <c r="A101694" s="13" t="s">
        <v>499</v>
      </c>
      <c r="B101694" s="14" t="s">
        <v>1</v>
      </c>
      <c r="C101694" s="14" t="s">
        <v>70</v>
      </c>
      <c r="D101694" s="14" t="s">
        <v>306</v>
      </c>
      <c r="E101694" s="15">
        <v>45600</v>
      </c>
      <c r="F101694" s="14" t="s">
        <v>15</v>
      </c>
      <c r="G101694" s="16">
        <v>0</v>
      </c>
    </row>
    <row r="101695" spans="1:7" x14ac:dyDescent="0.3">
      <c r="A101695" s="13" t="s">
        <v>499</v>
      </c>
      <c r="B101695" s="14" t="s">
        <v>1</v>
      </c>
      <c r="C101695" s="14" t="s">
        <v>70</v>
      </c>
      <c r="D101695" s="14" t="s">
        <v>306</v>
      </c>
      <c r="E101695" s="15">
        <v>45601</v>
      </c>
      <c r="F101695" s="14" t="s">
        <v>15</v>
      </c>
      <c r="G101695" s="16">
        <v>0</v>
      </c>
    </row>
    <row r="101696" spans="1:7" x14ac:dyDescent="0.3">
      <c r="A101696" s="13" t="s">
        <v>499</v>
      </c>
      <c r="B101696" s="14" t="s">
        <v>1</v>
      </c>
      <c r="C101696" s="14" t="s">
        <v>70</v>
      </c>
      <c r="D101696" s="14" t="s">
        <v>306</v>
      </c>
      <c r="E101696" s="15">
        <v>45602</v>
      </c>
      <c r="F101696" s="14" t="s">
        <v>15</v>
      </c>
      <c r="G101696" s="16">
        <v>0</v>
      </c>
    </row>
    <row r="101697" spans="1:7" x14ac:dyDescent="0.3">
      <c r="A101697" s="13" t="s">
        <v>499</v>
      </c>
      <c r="B101697" s="14" t="s">
        <v>1</v>
      </c>
      <c r="C101697" s="14" t="s">
        <v>70</v>
      </c>
      <c r="D101697" s="14" t="s">
        <v>306</v>
      </c>
      <c r="E101697" s="15">
        <v>45603</v>
      </c>
      <c r="F101697" s="14" t="s">
        <v>15</v>
      </c>
      <c r="G101697" s="16">
        <v>0</v>
      </c>
    </row>
    <row r="101698" spans="1:7" x14ac:dyDescent="0.3">
      <c r="A101698" s="13" t="s">
        <v>499</v>
      </c>
      <c r="B101698" s="14" t="s">
        <v>1</v>
      </c>
      <c r="C101698" s="14" t="s">
        <v>70</v>
      </c>
      <c r="D101698" s="14" t="s">
        <v>306</v>
      </c>
      <c r="E101698" s="15">
        <v>45604</v>
      </c>
      <c r="F101698" s="14" t="s">
        <v>15</v>
      </c>
      <c r="G101698" s="16">
        <v>0</v>
      </c>
    </row>
    <row r="101699" spans="1:7" x14ac:dyDescent="0.3">
      <c r="A101699" s="13" t="s">
        <v>499</v>
      </c>
      <c r="B101699" s="14" t="s">
        <v>1</v>
      </c>
      <c r="C101699" s="14" t="s">
        <v>70</v>
      </c>
      <c r="D101699" s="14" t="s">
        <v>306</v>
      </c>
      <c r="E101699" s="15">
        <v>45605</v>
      </c>
      <c r="F101699" s="14" t="s">
        <v>15</v>
      </c>
      <c r="G101699" s="16">
        <v>0</v>
      </c>
    </row>
    <row r="101700" spans="1:7" x14ac:dyDescent="0.3">
      <c r="A101700" s="13" t="s">
        <v>499</v>
      </c>
      <c r="B101700" s="14" t="s">
        <v>1</v>
      </c>
      <c r="C101700" s="14" t="s">
        <v>70</v>
      </c>
      <c r="D101700" s="14" t="s">
        <v>306</v>
      </c>
      <c r="E101700" s="15">
        <v>45606</v>
      </c>
      <c r="F101700" s="14" t="s">
        <v>15</v>
      </c>
      <c r="G101700" s="16">
        <v>0</v>
      </c>
    </row>
    <row r="101701" spans="1:7" x14ac:dyDescent="0.3">
      <c r="A101701" s="13" t="s">
        <v>499</v>
      </c>
      <c r="B101701" s="14" t="s">
        <v>1</v>
      </c>
      <c r="C101701" s="14" t="s">
        <v>70</v>
      </c>
      <c r="D101701" s="14" t="s">
        <v>306</v>
      </c>
      <c r="E101701" s="15">
        <v>45607</v>
      </c>
      <c r="F101701" s="14" t="s">
        <v>15</v>
      </c>
      <c r="G101701" s="16">
        <v>0</v>
      </c>
    </row>
    <row r="101702" spans="1:7" x14ac:dyDescent="0.3">
      <c r="A101702" s="13" t="s">
        <v>499</v>
      </c>
      <c r="B101702" s="14" t="s">
        <v>1</v>
      </c>
      <c r="C101702" s="14" t="s">
        <v>70</v>
      </c>
      <c r="D101702" s="14" t="s">
        <v>306</v>
      </c>
      <c r="E101702" s="15">
        <v>45608</v>
      </c>
      <c r="F101702" s="14" t="s">
        <v>15</v>
      </c>
      <c r="G101702" s="16">
        <v>0</v>
      </c>
    </row>
    <row r="101703" spans="1:7" x14ac:dyDescent="0.3">
      <c r="A101703" s="13" t="s">
        <v>499</v>
      </c>
      <c r="B101703" s="14" t="s">
        <v>1</v>
      </c>
      <c r="C101703" s="14" t="s">
        <v>70</v>
      </c>
      <c r="D101703" s="14" t="s">
        <v>306</v>
      </c>
      <c r="E101703" s="15">
        <v>45609</v>
      </c>
      <c r="F101703" s="14" t="s">
        <v>15</v>
      </c>
      <c r="G101703" s="16">
        <v>0</v>
      </c>
    </row>
    <row r="101704" spans="1:7" x14ac:dyDescent="0.3">
      <c r="A101704" s="13" t="s">
        <v>499</v>
      </c>
      <c r="B101704" s="14" t="s">
        <v>1</v>
      </c>
      <c r="C101704" s="14" t="s">
        <v>70</v>
      </c>
      <c r="D101704" s="14" t="s">
        <v>306</v>
      </c>
      <c r="E101704" s="15">
        <v>45610</v>
      </c>
      <c r="F101704" s="14" t="s">
        <v>15</v>
      </c>
      <c r="G101704" s="16">
        <v>0</v>
      </c>
    </row>
    <row r="101705" spans="1:7" x14ac:dyDescent="0.3">
      <c r="A101705" s="13" t="s">
        <v>499</v>
      </c>
      <c r="B101705" s="14" t="s">
        <v>1</v>
      </c>
      <c r="C101705" s="14" t="s">
        <v>70</v>
      </c>
      <c r="D101705" s="14" t="s">
        <v>306</v>
      </c>
      <c r="E101705" s="15">
        <v>45611</v>
      </c>
      <c r="F101705" s="14" t="s">
        <v>15</v>
      </c>
      <c r="G101705" s="16">
        <v>0</v>
      </c>
    </row>
    <row r="101706" spans="1:7" x14ac:dyDescent="0.3">
      <c r="A101706" s="13" t="s">
        <v>499</v>
      </c>
      <c r="B101706" s="14" t="s">
        <v>1</v>
      </c>
      <c r="C101706" s="14" t="s">
        <v>70</v>
      </c>
      <c r="D101706" s="14" t="s">
        <v>306</v>
      </c>
      <c r="E101706" s="15">
        <v>45612</v>
      </c>
      <c r="F101706" s="14" t="s">
        <v>15</v>
      </c>
      <c r="G101706" s="16">
        <v>0</v>
      </c>
    </row>
    <row r="101707" spans="1:7" x14ac:dyDescent="0.3">
      <c r="A101707" s="13" t="s">
        <v>499</v>
      </c>
      <c r="B101707" s="14" t="s">
        <v>1</v>
      </c>
      <c r="C101707" s="14" t="s">
        <v>70</v>
      </c>
      <c r="D101707" s="14" t="s">
        <v>306</v>
      </c>
      <c r="E101707" s="15">
        <v>45613</v>
      </c>
      <c r="F101707" s="14" t="s">
        <v>15</v>
      </c>
      <c r="G101707" s="16">
        <v>0</v>
      </c>
    </row>
    <row r="101708" spans="1:7" x14ac:dyDescent="0.3">
      <c r="A101708" s="13" t="s">
        <v>499</v>
      </c>
      <c r="B101708" s="14" t="s">
        <v>1</v>
      </c>
      <c r="C101708" s="14" t="s">
        <v>70</v>
      </c>
      <c r="D101708" s="14" t="s">
        <v>306</v>
      </c>
      <c r="E101708" s="15">
        <v>45614</v>
      </c>
      <c r="F101708" s="14" t="s">
        <v>15</v>
      </c>
      <c r="G101708" s="16">
        <v>0</v>
      </c>
    </row>
    <row r="101709" spans="1:7" x14ac:dyDescent="0.3">
      <c r="A101709" s="13" t="s">
        <v>499</v>
      </c>
      <c r="B101709" s="14" t="s">
        <v>1</v>
      </c>
      <c r="C101709" s="14" t="s">
        <v>70</v>
      </c>
      <c r="D101709" s="14" t="s">
        <v>306</v>
      </c>
      <c r="E101709" s="15">
        <v>45615</v>
      </c>
      <c r="F101709" s="14" t="s">
        <v>15</v>
      </c>
      <c r="G101709" s="16">
        <v>0</v>
      </c>
    </row>
    <row r="101710" spans="1:7" x14ac:dyDescent="0.3">
      <c r="A101710" s="13" t="s">
        <v>499</v>
      </c>
      <c r="B101710" s="14" t="s">
        <v>1</v>
      </c>
      <c r="C101710" s="14" t="s">
        <v>70</v>
      </c>
      <c r="D101710" s="14" t="s">
        <v>306</v>
      </c>
      <c r="E101710" s="15">
        <v>45616</v>
      </c>
      <c r="F101710" s="14" t="s">
        <v>15</v>
      </c>
      <c r="G101710" s="16">
        <v>0</v>
      </c>
    </row>
    <row r="101711" spans="1:7" x14ac:dyDescent="0.3">
      <c r="A101711" s="13" t="s">
        <v>499</v>
      </c>
      <c r="B101711" s="14" t="s">
        <v>1</v>
      </c>
      <c r="C101711" s="14" t="s">
        <v>70</v>
      </c>
      <c r="D101711" s="14" t="s">
        <v>306</v>
      </c>
      <c r="E101711" s="15">
        <v>45617</v>
      </c>
      <c r="F101711" s="14" t="s">
        <v>15</v>
      </c>
      <c r="G101711" s="16">
        <v>0</v>
      </c>
    </row>
    <row r="101712" spans="1:7" x14ac:dyDescent="0.3">
      <c r="A101712" s="13" t="s">
        <v>499</v>
      </c>
      <c r="B101712" s="14" t="s">
        <v>1</v>
      </c>
      <c r="C101712" s="14" t="s">
        <v>70</v>
      </c>
      <c r="D101712" s="14" t="s">
        <v>306</v>
      </c>
      <c r="E101712" s="15">
        <v>45618</v>
      </c>
      <c r="F101712" s="14" t="s">
        <v>15</v>
      </c>
      <c r="G101712" s="16">
        <v>0</v>
      </c>
    </row>
    <row r="101713" spans="1:7" x14ac:dyDescent="0.3">
      <c r="A101713" s="13" t="s">
        <v>499</v>
      </c>
      <c r="B101713" s="14" t="s">
        <v>1</v>
      </c>
      <c r="C101713" s="14" t="s">
        <v>70</v>
      </c>
      <c r="D101713" s="14" t="s">
        <v>306</v>
      </c>
      <c r="E101713" s="15">
        <v>45619</v>
      </c>
      <c r="F101713" s="14" t="s">
        <v>15</v>
      </c>
      <c r="G101713" s="16">
        <v>0</v>
      </c>
    </row>
    <row r="101714" spans="1:7" x14ac:dyDescent="0.3">
      <c r="A101714" s="13" t="s">
        <v>499</v>
      </c>
      <c r="B101714" s="14" t="s">
        <v>1</v>
      </c>
      <c r="C101714" s="14" t="s">
        <v>70</v>
      </c>
      <c r="D101714" s="14" t="s">
        <v>306</v>
      </c>
      <c r="E101714" s="15">
        <v>45620</v>
      </c>
      <c r="F101714" s="14" t="s">
        <v>15</v>
      </c>
      <c r="G101714" s="16">
        <v>0</v>
      </c>
    </row>
    <row r="101715" spans="1:7" x14ac:dyDescent="0.3">
      <c r="A101715" s="13" t="s">
        <v>499</v>
      </c>
      <c r="B101715" s="14" t="s">
        <v>1</v>
      </c>
      <c r="C101715" s="14" t="s">
        <v>70</v>
      </c>
      <c r="D101715" s="14" t="s">
        <v>306</v>
      </c>
      <c r="E101715" s="15">
        <v>45621</v>
      </c>
      <c r="F101715" s="14" t="s">
        <v>15</v>
      </c>
      <c r="G101715" s="16">
        <v>0</v>
      </c>
    </row>
    <row r="101716" spans="1:7" x14ac:dyDescent="0.3">
      <c r="A101716" s="13" t="s">
        <v>499</v>
      </c>
      <c r="B101716" s="14" t="s">
        <v>1</v>
      </c>
      <c r="C101716" s="14" t="s">
        <v>70</v>
      </c>
      <c r="D101716" s="14" t="s">
        <v>306</v>
      </c>
      <c r="E101716" s="15">
        <v>45622</v>
      </c>
      <c r="F101716" s="14" t="s">
        <v>15</v>
      </c>
      <c r="G101716" s="16">
        <v>0</v>
      </c>
    </row>
    <row r="101717" spans="1:7" x14ac:dyDescent="0.3">
      <c r="A101717" s="13" t="s">
        <v>499</v>
      </c>
      <c r="B101717" s="14" t="s">
        <v>1</v>
      </c>
      <c r="C101717" s="14" t="s">
        <v>70</v>
      </c>
      <c r="D101717" s="14" t="s">
        <v>306</v>
      </c>
      <c r="E101717" s="15">
        <v>45623</v>
      </c>
      <c r="F101717" s="14" t="s">
        <v>15</v>
      </c>
      <c r="G101717" s="16">
        <v>0</v>
      </c>
    </row>
    <row r="101718" spans="1:7" x14ac:dyDescent="0.3">
      <c r="A101718" s="13" t="s">
        <v>499</v>
      </c>
      <c r="B101718" s="14" t="s">
        <v>1</v>
      </c>
      <c r="C101718" s="14" t="s">
        <v>70</v>
      </c>
      <c r="D101718" s="14" t="s">
        <v>306</v>
      </c>
      <c r="E101718" s="15">
        <v>45624</v>
      </c>
      <c r="F101718" s="14" t="s">
        <v>15</v>
      </c>
      <c r="G101718" s="16">
        <v>0</v>
      </c>
    </row>
    <row r="101719" spans="1:7" x14ac:dyDescent="0.3">
      <c r="A101719" s="13" t="s">
        <v>499</v>
      </c>
      <c r="B101719" s="14" t="s">
        <v>1</v>
      </c>
      <c r="C101719" s="14" t="s">
        <v>70</v>
      </c>
      <c r="D101719" s="14" t="s">
        <v>306</v>
      </c>
      <c r="E101719" s="15">
        <v>45625</v>
      </c>
      <c r="F101719" s="14" t="s">
        <v>15</v>
      </c>
      <c r="G101719" s="16">
        <v>0</v>
      </c>
    </row>
    <row r="101720" spans="1:7" x14ac:dyDescent="0.3">
      <c r="A101720" s="13" t="s">
        <v>499</v>
      </c>
      <c r="B101720" s="14" t="s">
        <v>1</v>
      </c>
      <c r="C101720" s="14" t="s">
        <v>70</v>
      </c>
      <c r="D101720" s="14" t="s">
        <v>306</v>
      </c>
      <c r="E101720" s="15">
        <v>45626</v>
      </c>
      <c r="F101720" s="14" t="s">
        <v>15</v>
      </c>
      <c r="G101720" s="16">
        <v>0</v>
      </c>
    </row>
    <row r="101721" spans="1:7" x14ac:dyDescent="0.3">
      <c r="A101721" s="13" t="s">
        <v>499</v>
      </c>
      <c r="B101721" s="14" t="s">
        <v>1</v>
      </c>
      <c r="C101721" s="14" t="s">
        <v>70</v>
      </c>
      <c r="D101721" s="14" t="s">
        <v>306</v>
      </c>
      <c r="E101721" s="15">
        <v>45627</v>
      </c>
      <c r="F101721" s="14" t="s">
        <v>15</v>
      </c>
      <c r="G101721" s="16">
        <v>0</v>
      </c>
    </row>
    <row r="101722" spans="1:7" x14ac:dyDescent="0.3">
      <c r="A101722" s="13" t="s">
        <v>499</v>
      </c>
      <c r="B101722" s="14" t="s">
        <v>1</v>
      </c>
      <c r="C101722" s="14" t="s">
        <v>70</v>
      </c>
      <c r="D101722" s="14" t="s">
        <v>306</v>
      </c>
      <c r="E101722" s="15">
        <v>45628</v>
      </c>
      <c r="F101722" s="14" t="s">
        <v>15</v>
      </c>
      <c r="G101722" s="16">
        <v>0</v>
      </c>
    </row>
    <row r="101723" spans="1:7" x14ac:dyDescent="0.3">
      <c r="A101723" s="13" t="s">
        <v>499</v>
      </c>
      <c r="B101723" s="14" t="s">
        <v>1</v>
      </c>
      <c r="C101723" s="14" t="s">
        <v>70</v>
      </c>
      <c r="D101723" s="14" t="s">
        <v>306</v>
      </c>
      <c r="E101723" s="15">
        <v>45629</v>
      </c>
      <c r="F101723" s="14" t="s">
        <v>15</v>
      </c>
      <c r="G101723" s="16">
        <v>0</v>
      </c>
    </row>
    <row r="101724" spans="1:7" x14ac:dyDescent="0.3">
      <c r="A101724" s="13" t="s">
        <v>499</v>
      </c>
      <c r="B101724" s="14" t="s">
        <v>1</v>
      </c>
      <c r="C101724" s="14" t="s">
        <v>70</v>
      </c>
      <c r="D101724" s="14" t="s">
        <v>306</v>
      </c>
      <c r="E101724" s="15">
        <v>45630</v>
      </c>
      <c r="F101724" s="14" t="s">
        <v>15</v>
      </c>
      <c r="G101724" s="16">
        <v>0</v>
      </c>
    </row>
    <row r="101725" spans="1:7" x14ac:dyDescent="0.3">
      <c r="A101725" s="13" t="s">
        <v>499</v>
      </c>
      <c r="B101725" s="14" t="s">
        <v>1</v>
      </c>
      <c r="C101725" s="14" t="s">
        <v>70</v>
      </c>
      <c r="D101725" s="14" t="s">
        <v>306</v>
      </c>
      <c r="E101725" s="15">
        <v>45631</v>
      </c>
      <c r="F101725" s="14" t="s">
        <v>15</v>
      </c>
      <c r="G101725" s="16">
        <v>0</v>
      </c>
    </row>
    <row r="101726" spans="1:7" x14ac:dyDescent="0.3">
      <c r="A101726" s="13" t="s">
        <v>499</v>
      </c>
      <c r="B101726" s="14" t="s">
        <v>1</v>
      </c>
      <c r="C101726" s="14" t="s">
        <v>70</v>
      </c>
      <c r="D101726" s="14" t="s">
        <v>306</v>
      </c>
      <c r="E101726" s="15">
        <v>45632</v>
      </c>
      <c r="F101726" s="14" t="s">
        <v>15</v>
      </c>
      <c r="G101726" s="16">
        <v>0</v>
      </c>
    </row>
    <row r="101727" spans="1:7" x14ac:dyDescent="0.3">
      <c r="A101727" s="13" t="s">
        <v>499</v>
      </c>
      <c r="B101727" s="14" t="s">
        <v>1</v>
      </c>
      <c r="C101727" s="14" t="s">
        <v>70</v>
      </c>
      <c r="D101727" s="14" t="s">
        <v>306</v>
      </c>
      <c r="E101727" s="15">
        <v>45633</v>
      </c>
      <c r="F101727" s="14" t="s">
        <v>15</v>
      </c>
      <c r="G101727" s="16">
        <v>0</v>
      </c>
    </row>
    <row r="101728" spans="1:7" x14ac:dyDescent="0.3">
      <c r="A101728" s="13" t="s">
        <v>499</v>
      </c>
      <c r="B101728" s="14" t="s">
        <v>1</v>
      </c>
      <c r="C101728" s="14" t="s">
        <v>70</v>
      </c>
      <c r="D101728" s="14" t="s">
        <v>306</v>
      </c>
      <c r="E101728" s="15">
        <v>45634</v>
      </c>
      <c r="F101728" s="14" t="s">
        <v>15</v>
      </c>
      <c r="G101728" s="16">
        <v>0</v>
      </c>
    </row>
    <row r="101729" spans="1:7" x14ac:dyDescent="0.3">
      <c r="A101729" s="13" t="s">
        <v>499</v>
      </c>
      <c r="B101729" s="14" t="s">
        <v>1</v>
      </c>
      <c r="C101729" s="14" t="s">
        <v>70</v>
      </c>
      <c r="D101729" s="14" t="s">
        <v>306</v>
      </c>
      <c r="E101729" s="15">
        <v>45635</v>
      </c>
      <c r="F101729" s="14" t="s">
        <v>15</v>
      </c>
      <c r="G101729" s="16">
        <v>0</v>
      </c>
    </row>
    <row r="101730" spans="1:7" x14ac:dyDescent="0.3">
      <c r="A101730" s="13" t="s">
        <v>499</v>
      </c>
      <c r="B101730" s="14" t="s">
        <v>1</v>
      </c>
      <c r="C101730" s="14" t="s">
        <v>70</v>
      </c>
      <c r="D101730" s="14" t="s">
        <v>306</v>
      </c>
      <c r="E101730" s="15">
        <v>45636</v>
      </c>
      <c r="F101730" s="14" t="s">
        <v>15</v>
      </c>
      <c r="G101730" s="16">
        <v>0</v>
      </c>
    </row>
    <row r="101731" spans="1:7" x14ac:dyDescent="0.3">
      <c r="A101731" s="13" t="s">
        <v>499</v>
      </c>
      <c r="B101731" s="14" t="s">
        <v>1</v>
      </c>
      <c r="C101731" s="14" t="s">
        <v>70</v>
      </c>
      <c r="D101731" s="14" t="s">
        <v>306</v>
      </c>
      <c r="E101731" s="15">
        <v>45637</v>
      </c>
      <c r="F101731" s="14" t="s">
        <v>15</v>
      </c>
      <c r="G101731" s="16">
        <v>0</v>
      </c>
    </row>
    <row r="101732" spans="1:7" x14ac:dyDescent="0.3">
      <c r="A101732" s="13" t="s">
        <v>499</v>
      </c>
      <c r="B101732" s="14" t="s">
        <v>1</v>
      </c>
      <c r="C101732" s="14" t="s">
        <v>70</v>
      </c>
      <c r="D101732" s="14" t="s">
        <v>306</v>
      </c>
      <c r="E101732" s="15">
        <v>45638</v>
      </c>
      <c r="F101732" s="14" t="s">
        <v>15</v>
      </c>
      <c r="G101732" s="16">
        <v>0</v>
      </c>
    </row>
    <row r="101733" spans="1:7" x14ac:dyDescent="0.3">
      <c r="A101733" s="13" t="s">
        <v>499</v>
      </c>
      <c r="B101733" s="14" t="s">
        <v>1</v>
      </c>
      <c r="C101733" s="14" t="s">
        <v>70</v>
      </c>
      <c r="D101733" s="14" t="s">
        <v>306</v>
      </c>
      <c r="E101733" s="15">
        <v>45639</v>
      </c>
      <c r="F101733" s="14" t="s">
        <v>15</v>
      </c>
      <c r="G101733" s="16">
        <v>0</v>
      </c>
    </row>
    <row r="101734" spans="1:7" x14ac:dyDescent="0.3">
      <c r="A101734" s="13" t="s">
        <v>499</v>
      </c>
      <c r="B101734" s="14" t="s">
        <v>1</v>
      </c>
      <c r="C101734" s="14" t="s">
        <v>70</v>
      </c>
      <c r="D101734" s="14" t="s">
        <v>306</v>
      </c>
      <c r="E101734" s="15">
        <v>45640</v>
      </c>
      <c r="F101734" s="14" t="s">
        <v>15</v>
      </c>
      <c r="G101734" s="16">
        <v>0</v>
      </c>
    </row>
    <row r="101735" spans="1:7" x14ac:dyDescent="0.3">
      <c r="A101735" s="13" t="s">
        <v>499</v>
      </c>
      <c r="B101735" s="14" t="s">
        <v>1</v>
      </c>
      <c r="C101735" s="14" t="s">
        <v>70</v>
      </c>
      <c r="D101735" s="14" t="s">
        <v>306</v>
      </c>
      <c r="E101735" s="15">
        <v>45641</v>
      </c>
      <c r="F101735" s="14" t="s">
        <v>15</v>
      </c>
      <c r="G101735" s="16">
        <v>0</v>
      </c>
    </row>
    <row r="101736" spans="1:7" x14ac:dyDescent="0.3">
      <c r="A101736" s="13" t="s">
        <v>499</v>
      </c>
      <c r="B101736" s="14" t="s">
        <v>1</v>
      </c>
      <c r="C101736" s="14" t="s">
        <v>70</v>
      </c>
      <c r="D101736" s="14" t="s">
        <v>306</v>
      </c>
      <c r="E101736" s="15">
        <v>45642</v>
      </c>
      <c r="F101736" s="14" t="s">
        <v>15</v>
      </c>
      <c r="G101736" s="16">
        <v>0</v>
      </c>
    </row>
    <row r="101737" spans="1:7" x14ac:dyDescent="0.3">
      <c r="A101737" s="13" t="s">
        <v>499</v>
      </c>
      <c r="B101737" s="14" t="s">
        <v>1</v>
      </c>
      <c r="C101737" s="14" t="s">
        <v>70</v>
      </c>
      <c r="D101737" s="14" t="s">
        <v>306</v>
      </c>
      <c r="E101737" s="15">
        <v>45643</v>
      </c>
      <c r="F101737" s="14" t="s">
        <v>15</v>
      </c>
      <c r="G101737" s="16">
        <v>0</v>
      </c>
    </row>
    <row r="101738" spans="1:7" x14ac:dyDescent="0.3">
      <c r="A101738" s="13" t="s">
        <v>499</v>
      </c>
      <c r="B101738" s="14" t="s">
        <v>1</v>
      </c>
      <c r="C101738" s="14" t="s">
        <v>70</v>
      </c>
      <c r="D101738" s="14" t="s">
        <v>306</v>
      </c>
      <c r="E101738" s="15">
        <v>45644</v>
      </c>
      <c r="F101738" s="14" t="s">
        <v>15</v>
      </c>
      <c r="G101738" s="16">
        <v>0</v>
      </c>
    </row>
    <row r="101739" spans="1:7" x14ac:dyDescent="0.3">
      <c r="A101739" s="13" t="s">
        <v>499</v>
      </c>
      <c r="B101739" s="14" t="s">
        <v>1</v>
      </c>
      <c r="C101739" s="14" t="s">
        <v>70</v>
      </c>
      <c r="D101739" s="14" t="s">
        <v>306</v>
      </c>
      <c r="E101739" s="15">
        <v>45645</v>
      </c>
      <c r="F101739" s="14" t="s">
        <v>15</v>
      </c>
      <c r="G101739" s="16">
        <v>0</v>
      </c>
    </row>
    <row r="101740" spans="1:7" x14ac:dyDescent="0.3">
      <c r="A101740" s="13" t="s">
        <v>499</v>
      </c>
      <c r="B101740" s="14" t="s">
        <v>1</v>
      </c>
      <c r="C101740" s="14" t="s">
        <v>70</v>
      </c>
      <c r="D101740" s="14" t="s">
        <v>306</v>
      </c>
      <c r="E101740" s="15">
        <v>45646</v>
      </c>
      <c r="F101740" s="14" t="s">
        <v>15</v>
      </c>
      <c r="G101740" s="16">
        <v>0</v>
      </c>
    </row>
    <row r="101741" spans="1:7" x14ac:dyDescent="0.3">
      <c r="A101741" s="13" t="s">
        <v>499</v>
      </c>
      <c r="B101741" s="14" t="s">
        <v>1</v>
      </c>
      <c r="C101741" s="14" t="s">
        <v>70</v>
      </c>
      <c r="D101741" s="14" t="s">
        <v>306</v>
      </c>
      <c r="E101741" s="15">
        <v>45647</v>
      </c>
      <c r="F101741" s="14" t="s">
        <v>15</v>
      </c>
      <c r="G101741" s="16">
        <v>0</v>
      </c>
    </row>
    <row r="101742" spans="1:7" x14ac:dyDescent="0.3">
      <c r="A101742" s="13" t="s">
        <v>499</v>
      </c>
      <c r="B101742" s="14" t="s">
        <v>1</v>
      </c>
      <c r="C101742" s="14" t="s">
        <v>70</v>
      </c>
      <c r="D101742" s="14" t="s">
        <v>306</v>
      </c>
      <c r="E101742" s="15">
        <v>45648</v>
      </c>
      <c r="F101742" s="14" t="s">
        <v>15</v>
      </c>
      <c r="G101742" s="16">
        <v>0</v>
      </c>
    </row>
    <row r="101743" spans="1:7" x14ac:dyDescent="0.3">
      <c r="A101743" s="13" t="s">
        <v>499</v>
      </c>
      <c r="B101743" s="14" t="s">
        <v>1</v>
      </c>
      <c r="C101743" s="14" t="s">
        <v>70</v>
      </c>
      <c r="D101743" s="14" t="s">
        <v>306</v>
      </c>
      <c r="E101743" s="15">
        <v>45649</v>
      </c>
      <c r="F101743" s="14" t="s">
        <v>15</v>
      </c>
      <c r="G101743" s="16">
        <v>0</v>
      </c>
    </row>
    <row r="101744" spans="1:7" x14ac:dyDescent="0.3">
      <c r="A101744" s="13" t="s">
        <v>499</v>
      </c>
      <c r="B101744" s="14" t="s">
        <v>1</v>
      </c>
      <c r="C101744" s="14" t="s">
        <v>70</v>
      </c>
      <c r="D101744" s="14" t="s">
        <v>306</v>
      </c>
      <c r="E101744" s="15">
        <v>45650</v>
      </c>
      <c r="F101744" s="14" t="s">
        <v>15</v>
      </c>
      <c r="G101744" s="16">
        <v>0</v>
      </c>
    </row>
    <row r="101745" spans="1:7" x14ac:dyDescent="0.3">
      <c r="A101745" s="13" t="s">
        <v>499</v>
      </c>
      <c r="B101745" s="14" t="s">
        <v>1</v>
      </c>
      <c r="C101745" s="14" t="s">
        <v>70</v>
      </c>
      <c r="D101745" s="14" t="s">
        <v>306</v>
      </c>
      <c r="E101745" s="15">
        <v>45651</v>
      </c>
      <c r="F101745" s="14" t="s">
        <v>15</v>
      </c>
      <c r="G101745" s="16">
        <v>0</v>
      </c>
    </row>
    <row r="101746" spans="1:7" x14ac:dyDescent="0.3">
      <c r="A101746" s="13" t="s">
        <v>499</v>
      </c>
      <c r="B101746" s="14" t="s">
        <v>1</v>
      </c>
      <c r="C101746" s="14" t="s">
        <v>70</v>
      </c>
      <c r="D101746" s="14" t="s">
        <v>306</v>
      </c>
      <c r="E101746" s="15">
        <v>45652</v>
      </c>
      <c r="F101746" s="14" t="s">
        <v>15</v>
      </c>
      <c r="G101746" s="16">
        <v>0</v>
      </c>
    </row>
    <row r="101747" spans="1:7" x14ac:dyDescent="0.3">
      <c r="A101747" s="13" t="s">
        <v>499</v>
      </c>
      <c r="B101747" s="14" t="s">
        <v>1</v>
      </c>
      <c r="C101747" s="14" t="s">
        <v>70</v>
      </c>
      <c r="D101747" s="14" t="s">
        <v>306</v>
      </c>
      <c r="E101747" s="15">
        <v>45653</v>
      </c>
      <c r="F101747" s="14" t="s">
        <v>15</v>
      </c>
      <c r="G101747" s="16">
        <v>0</v>
      </c>
    </row>
    <row r="101748" spans="1:7" x14ac:dyDescent="0.3">
      <c r="A101748" s="13" t="s">
        <v>499</v>
      </c>
      <c r="B101748" s="14" t="s">
        <v>1</v>
      </c>
      <c r="C101748" s="14" t="s">
        <v>70</v>
      </c>
      <c r="D101748" s="14" t="s">
        <v>306</v>
      </c>
      <c r="E101748" s="15">
        <v>45654</v>
      </c>
      <c r="F101748" s="14" t="s">
        <v>15</v>
      </c>
      <c r="G101748" s="16">
        <v>0</v>
      </c>
    </row>
    <row r="101749" spans="1:7" x14ac:dyDescent="0.3">
      <c r="A101749" s="13" t="s">
        <v>499</v>
      </c>
      <c r="B101749" s="14" t="s">
        <v>1</v>
      </c>
      <c r="C101749" s="14" t="s">
        <v>70</v>
      </c>
      <c r="D101749" s="14" t="s">
        <v>306</v>
      </c>
      <c r="E101749" s="15">
        <v>45655</v>
      </c>
      <c r="F101749" s="14" t="s">
        <v>15</v>
      </c>
      <c r="G101749" s="16">
        <v>0</v>
      </c>
    </row>
    <row r="101750" spans="1:7" x14ac:dyDescent="0.3">
      <c r="A101750" s="13" t="s">
        <v>499</v>
      </c>
      <c r="B101750" s="14" t="s">
        <v>1</v>
      </c>
      <c r="C101750" s="14" t="s">
        <v>70</v>
      </c>
      <c r="D101750" s="14" t="s">
        <v>306</v>
      </c>
      <c r="E101750" s="15">
        <v>45656</v>
      </c>
      <c r="F101750" s="14" t="s">
        <v>15</v>
      </c>
      <c r="G101750" s="16">
        <v>0</v>
      </c>
    </row>
    <row r="101751" spans="1:7" x14ac:dyDescent="0.3">
      <c r="A101751" s="13" t="s">
        <v>499</v>
      </c>
      <c r="B101751" s="14" t="s">
        <v>1</v>
      </c>
      <c r="C101751" s="14" t="s">
        <v>70</v>
      </c>
      <c r="D101751" s="14" t="s">
        <v>306</v>
      </c>
      <c r="E101751" s="15">
        <v>45657</v>
      </c>
      <c r="F101751" s="14" t="s">
        <v>15</v>
      </c>
      <c r="G101751" s="16">
        <v>0</v>
      </c>
    </row>
    <row r="101752" spans="1:7" x14ac:dyDescent="0.3">
      <c r="A101752" s="13" t="s">
        <v>499</v>
      </c>
      <c r="B101752" s="14" t="s">
        <v>1</v>
      </c>
      <c r="C101752" s="14" t="s">
        <v>70</v>
      </c>
      <c r="D101752" s="14" t="s">
        <v>306</v>
      </c>
      <c r="E101752" s="15">
        <v>45658</v>
      </c>
      <c r="F101752" s="14" t="s">
        <v>15</v>
      </c>
      <c r="G101752" s="16">
        <v>0</v>
      </c>
    </row>
    <row r="101753" spans="1:7" x14ac:dyDescent="0.3">
      <c r="A101753" s="13" t="s">
        <v>499</v>
      </c>
      <c r="B101753" s="14" t="s">
        <v>1</v>
      </c>
      <c r="C101753" s="14" t="s">
        <v>70</v>
      </c>
      <c r="D101753" s="14" t="s">
        <v>306</v>
      </c>
      <c r="E101753" s="15">
        <v>45659</v>
      </c>
      <c r="F101753" s="14" t="s">
        <v>15</v>
      </c>
      <c r="G101753" s="16">
        <v>0</v>
      </c>
    </row>
    <row r="101754" spans="1:7" x14ac:dyDescent="0.3">
      <c r="A101754" s="13" t="s">
        <v>499</v>
      </c>
      <c r="B101754" s="14" t="s">
        <v>1</v>
      </c>
      <c r="C101754" s="14" t="s">
        <v>70</v>
      </c>
      <c r="D101754" s="14" t="s">
        <v>306</v>
      </c>
      <c r="E101754" s="15">
        <v>45660</v>
      </c>
      <c r="F101754" s="14" t="s">
        <v>15</v>
      </c>
      <c r="G101754" s="16">
        <v>0</v>
      </c>
    </row>
    <row r="101755" spans="1:7" x14ac:dyDescent="0.3">
      <c r="A101755" s="13" t="s">
        <v>499</v>
      </c>
      <c r="B101755" s="14" t="s">
        <v>1</v>
      </c>
      <c r="C101755" s="14" t="s">
        <v>70</v>
      </c>
      <c r="D101755" s="14" t="s">
        <v>306</v>
      </c>
      <c r="E101755" s="15">
        <v>45661</v>
      </c>
      <c r="F101755" s="14" t="s">
        <v>15</v>
      </c>
      <c r="G101755" s="16">
        <v>0</v>
      </c>
    </row>
    <row r="101756" spans="1:7" x14ac:dyDescent="0.3">
      <c r="A101756" s="13" t="s">
        <v>499</v>
      </c>
      <c r="B101756" s="14" t="s">
        <v>1</v>
      </c>
      <c r="C101756" s="14" t="s">
        <v>70</v>
      </c>
      <c r="D101756" s="14" t="s">
        <v>306</v>
      </c>
      <c r="E101756" s="15">
        <v>45662</v>
      </c>
      <c r="F101756" s="14" t="s">
        <v>15</v>
      </c>
      <c r="G101756" s="16">
        <v>0</v>
      </c>
    </row>
    <row r="101757" spans="1:7" x14ac:dyDescent="0.3">
      <c r="A101757" s="13" t="s">
        <v>499</v>
      </c>
      <c r="B101757" s="14" t="s">
        <v>1</v>
      </c>
      <c r="C101757" s="14" t="s">
        <v>70</v>
      </c>
      <c r="D101757" s="14" t="s">
        <v>306</v>
      </c>
      <c r="E101757" s="15">
        <v>45663</v>
      </c>
      <c r="F101757" s="14" t="s">
        <v>15</v>
      </c>
      <c r="G101757" s="16">
        <v>0</v>
      </c>
    </row>
    <row r="101758" spans="1:7" x14ac:dyDescent="0.3">
      <c r="A101758" s="13" t="s">
        <v>499</v>
      </c>
      <c r="B101758" s="14" t="s">
        <v>1</v>
      </c>
      <c r="C101758" s="14" t="s">
        <v>70</v>
      </c>
      <c r="D101758" s="14" t="s">
        <v>306</v>
      </c>
      <c r="E101758" s="15">
        <v>45664</v>
      </c>
      <c r="F101758" s="14" t="s">
        <v>15</v>
      </c>
      <c r="G101758" s="16">
        <v>0</v>
      </c>
    </row>
    <row r="101759" spans="1:7" x14ac:dyDescent="0.3">
      <c r="A101759" s="13" t="s">
        <v>499</v>
      </c>
      <c r="B101759" s="14" t="s">
        <v>1</v>
      </c>
      <c r="C101759" s="14" t="s">
        <v>70</v>
      </c>
      <c r="D101759" s="14" t="s">
        <v>306</v>
      </c>
      <c r="E101759" s="15">
        <v>45665</v>
      </c>
      <c r="F101759" s="14" t="s">
        <v>15</v>
      </c>
      <c r="G101759" s="16">
        <v>0</v>
      </c>
    </row>
    <row r="101760" spans="1:7" x14ac:dyDescent="0.3">
      <c r="A101760" s="13" t="s">
        <v>499</v>
      </c>
      <c r="B101760" s="14" t="s">
        <v>1</v>
      </c>
      <c r="C101760" s="14" t="s">
        <v>70</v>
      </c>
      <c r="D101760" s="14" t="s">
        <v>306</v>
      </c>
      <c r="E101760" s="15">
        <v>45666</v>
      </c>
      <c r="F101760" s="14" t="s">
        <v>15</v>
      </c>
      <c r="G101760" s="16">
        <v>0</v>
      </c>
    </row>
    <row r="101761" spans="1:7" x14ac:dyDescent="0.3">
      <c r="A101761" s="13" t="s">
        <v>499</v>
      </c>
      <c r="B101761" s="14" t="s">
        <v>1</v>
      </c>
      <c r="C101761" s="14" t="s">
        <v>70</v>
      </c>
      <c r="D101761" s="14" t="s">
        <v>306</v>
      </c>
      <c r="E101761" s="15">
        <v>45667</v>
      </c>
      <c r="F101761" s="14" t="s">
        <v>15</v>
      </c>
      <c r="G101761" s="16">
        <v>0</v>
      </c>
    </row>
    <row r="101762" spans="1:7" x14ac:dyDescent="0.3">
      <c r="A101762" s="13" t="s">
        <v>499</v>
      </c>
      <c r="B101762" s="14" t="s">
        <v>1</v>
      </c>
      <c r="C101762" s="14" t="s">
        <v>70</v>
      </c>
      <c r="D101762" s="14" t="s">
        <v>306</v>
      </c>
      <c r="E101762" s="15">
        <v>45668</v>
      </c>
      <c r="F101762" s="14" t="s">
        <v>15</v>
      </c>
      <c r="G101762" s="16">
        <v>0</v>
      </c>
    </row>
    <row r="101763" spans="1:7" x14ac:dyDescent="0.3">
      <c r="A101763" s="13" t="s">
        <v>499</v>
      </c>
      <c r="B101763" s="14" t="s">
        <v>1</v>
      </c>
      <c r="C101763" s="14" t="s">
        <v>70</v>
      </c>
      <c r="D101763" s="14" t="s">
        <v>306</v>
      </c>
      <c r="E101763" s="15">
        <v>45669</v>
      </c>
      <c r="F101763" s="14" t="s">
        <v>15</v>
      </c>
      <c r="G101763" s="16">
        <v>0</v>
      </c>
    </row>
    <row r="101764" spans="1:7" x14ac:dyDescent="0.3">
      <c r="A101764" s="13" t="s">
        <v>499</v>
      </c>
      <c r="B101764" s="14" t="s">
        <v>1</v>
      </c>
      <c r="C101764" s="14" t="s">
        <v>70</v>
      </c>
      <c r="D101764" s="14" t="s">
        <v>306</v>
      </c>
      <c r="E101764" s="15">
        <v>45670</v>
      </c>
      <c r="F101764" s="14" t="s">
        <v>15</v>
      </c>
      <c r="G101764" s="16">
        <v>0</v>
      </c>
    </row>
    <row r="101765" spans="1:7" x14ac:dyDescent="0.3">
      <c r="A101765" s="13" t="s">
        <v>499</v>
      </c>
      <c r="B101765" s="14" t="s">
        <v>1</v>
      </c>
      <c r="C101765" s="14" t="s">
        <v>70</v>
      </c>
      <c r="D101765" s="14" t="s">
        <v>306</v>
      </c>
      <c r="E101765" s="15">
        <v>45671</v>
      </c>
      <c r="F101765" s="14" t="s">
        <v>15</v>
      </c>
      <c r="G101765" s="16">
        <v>0</v>
      </c>
    </row>
    <row r="101766" spans="1:7" x14ac:dyDescent="0.3">
      <c r="A101766" s="13" t="s">
        <v>499</v>
      </c>
      <c r="B101766" s="14" t="s">
        <v>1</v>
      </c>
      <c r="C101766" s="14" t="s">
        <v>70</v>
      </c>
      <c r="D101766" s="14" t="s">
        <v>306</v>
      </c>
      <c r="E101766" s="15">
        <v>45672</v>
      </c>
      <c r="F101766" s="14" t="s">
        <v>15</v>
      </c>
      <c r="G101766" s="16">
        <v>0</v>
      </c>
    </row>
    <row r="101767" spans="1:7" x14ac:dyDescent="0.3">
      <c r="A101767" s="13" t="s">
        <v>499</v>
      </c>
      <c r="B101767" s="14" t="s">
        <v>1</v>
      </c>
      <c r="C101767" s="14" t="s">
        <v>70</v>
      </c>
      <c r="D101767" s="14" t="s">
        <v>306</v>
      </c>
      <c r="E101767" s="15">
        <v>45673</v>
      </c>
      <c r="F101767" s="14" t="s">
        <v>15</v>
      </c>
      <c r="G101767" s="16">
        <v>0</v>
      </c>
    </row>
    <row r="101768" spans="1:7" x14ac:dyDescent="0.3">
      <c r="A101768" s="13" t="s">
        <v>499</v>
      </c>
      <c r="B101768" s="14" t="s">
        <v>1</v>
      </c>
      <c r="C101768" s="14" t="s">
        <v>70</v>
      </c>
      <c r="D101768" s="14" t="s">
        <v>306</v>
      </c>
      <c r="E101768" s="15">
        <v>45674</v>
      </c>
      <c r="F101768" s="14" t="s">
        <v>15</v>
      </c>
      <c r="G101768" s="16">
        <v>0</v>
      </c>
    </row>
    <row r="101769" spans="1:7" x14ac:dyDescent="0.3">
      <c r="A101769" s="13" t="s">
        <v>499</v>
      </c>
      <c r="B101769" s="14" t="s">
        <v>1</v>
      </c>
      <c r="C101769" s="14" t="s">
        <v>70</v>
      </c>
      <c r="D101769" s="14" t="s">
        <v>306</v>
      </c>
      <c r="E101769" s="15">
        <v>45675</v>
      </c>
      <c r="F101769" s="14" t="s">
        <v>15</v>
      </c>
      <c r="G101769" s="16">
        <v>0</v>
      </c>
    </row>
    <row r="101770" spans="1:7" x14ac:dyDescent="0.3">
      <c r="A101770" s="13" t="s">
        <v>499</v>
      </c>
      <c r="B101770" s="14" t="s">
        <v>1</v>
      </c>
      <c r="C101770" s="14" t="s">
        <v>70</v>
      </c>
      <c r="D101770" s="14" t="s">
        <v>306</v>
      </c>
      <c r="E101770" s="15">
        <v>45676</v>
      </c>
      <c r="F101770" s="14" t="s">
        <v>15</v>
      </c>
      <c r="G101770" s="16">
        <v>0</v>
      </c>
    </row>
    <row r="101771" spans="1:7" x14ac:dyDescent="0.3">
      <c r="A101771" s="13" t="s">
        <v>499</v>
      </c>
      <c r="B101771" s="14" t="s">
        <v>1</v>
      </c>
      <c r="C101771" s="14" t="s">
        <v>70</v>
      </c>
      <c r="D101771" s="14" t="s">
        <v>306</v>
      </c>
      <c r="E101771" s="15">
        <v>45677</v>
      </c>
      <c r="F101771" s="14" t="s">
        <v>15</v>
      </c>
      <c r="G101771" s="16">
        <v>0</v>
      </c>
    </row>
    <row r="101772" spans="1:7" x14ac:dyDescent="0.3">
      <c r="A101772" s="13" t="s">
        <v>499</v>
      </c>
      <c r="B101772" s="14" t="s">
        <v>1</v>
      </c>
      <c r="C101772" s="14" t="s">
        <v>70</v>
      </c>
      <c r="D101772" s="14" t="s">
        <v>306</v>
      </c>
      <c r="E101772" s="15">
        <v>45678</v>
      </c>
      <c r="F101772" s="14" t="s">
        <v>15</v>
      </c>
      <c r="G101772" s="16">
        <v>0</v>
      </c>
    </row>
    <row r="101773" spans="1:7" x14ac:dyDescent="0.3">
      <c r="A101773" s="13" t="s">
        <v>499</v>
      </c>
      <c r="B101773" s="14" t="s">
        <v>1</v>
      </c>
      <c r="C101773" s="14" t="s">
        <v>70</v>
      </c>
      <c r="D101773" s="14" t="s">
        <v>306</v>
      </c>
      <c r="E101773" s="15">
        <v>45679</v>
      </c>
      <c r="F101773" s="14" t="s">
        <v>15</v>
      </c>
      <c r="G101773" s="16">
        <v>0</v>
      </c>
    </row>
    <row r="101774" spans="1:7" x14ac:dyDescent="0.3">
      <c r="A101774" s="13" t="s">
        <v>499</v>
      </c>
      <c r="B101774" s="14" t="s">
        <v>1</v>
      </c>
      <c r="C101774" s="14" t="s">
        <v>70</v>
      </c>
      <c r="D101774" s="14" t="s">
        <v>306</v>
      </c>
      <c r="E101774" s="15">
        <v>45680</v>
      </c>
      <c r="F101774" s="14" t="s">
        <v>15</v>
      </c>
      <c r="G101774" s="16">
        <v>0</v>
      </c>
    </row>
    <row r="101775" spans="1:7" x14ac:dyDescent="0.3">
      <c r="A101775" s="13" t="s">
        <v>499</v>
      </c>
      <c r="B101775" s="14" t="s">
        <v>1</v>
      </c>
      <c r="C101775" s="14" t="s">
        <v>70</v>
      </c>
      <c r="D101775" s="14" t="s">
        <v>306</v>
      </c>
      <c r="E101775" s="15">
        <v>45681</v>
      </c>
      <c r="F101775" s="14" t="s">
        <v>15</v>
      </c>
      <c r="G101775" s="16">
        <v>0</v>
      </c>
    </row>
    <row r="101776" spans="1:7" x14ac:dyDescent="0.3">
      <c r="A101776" s="13" t="s">
        <v>499</v>
      </c>
      <c r="B101776" s="14" t="s">
        <v>1</v>
      </c>
      <c r="C101776" s="14" t="s">
        <v>70</v>
      </c>
      <c r="D101776" s="14" t="s">
        <v>306</v>
      </c>
      <c r="E101776" s="15">
        <v>45682</v>
      </c>
      <c r="F101776" s="14" t="s">
        <v>15</v>
      </c>
      <c r="G101776" s="16">
        <v>0</v>
      </c>
    </row>
    <row r="101777" spans="1:7" x14ac:dyDescent="0.3">
      <c r="A101777" s="13" t="s">
        <v>499</v>
      </c>
      <c r="B101777" s="14" t="s">
        <v>1</v>
      </c>
      <c r="C101777" s="14" t="s">
        <v>70</v>
      </c>
      <c r="D101777" s="14" t="s">
        <v>306</v>
      </c>
      <c r="E101777" s="15">
        <v>45683</v>
      </c>
      <c r="F101777" s="14" t="s">
        <v>15</v>
      </c>
      <c r="G101777" s="16">
        <v>0</v>
      </c>
    </row>
    <row r="101778" spans="1:7" x14ac:dyDescent="0.3">
      <c r="A101778" s="13" t="s">
        <v>499</v>
      </c>
      <c r="B101778" s="14" t="s">
        <v>1</v>
      </c>
      <c r="C101778" s="14" t="s">
        <v>70</v>
      </c>
      <c r="D101778" s="14" t="s">
        <v>306</v>
      </c>
      <c r="E101778" s="15">
        <v>45684</v>
      </c>
      <c r="F101778" s="14" t="s">
        <v>15</v>
      </c>
      <c r="G101778" s="16">
        <v>0</v>
      </c>
    </row>
    <row r="101779" spans="1:7" x14ac:dyDescent="0.3">
      <c r="A101779" s="13" t="s">
        <v>499</v>
      </c>
      <c r="B101779" s="14" t="s">
        <v>1</v>
      </c>
      <c r="C101779" s="14" t="s">
        <v>70</v>
      </c>
      <c r="D101779" s="14" t="s">
        <v>306</v>
      </c>
      <c r="E101779" s="15">
        <v>45685</v>
      </c>
      <c r="F101779" s="14" t="s">
        <v>15</v>
      </c>
      <c r="G101779" s="16">
        <v>0</v>
      </c>
    </row>
    <row r="101780" spans="1:7" x14ac:dyDescent="0.3">
      <c r="A101780" s="13" t="s">
        <v>499</v>
      </c>
      <c r="B101780" s="14" t="s">
        <v>1</v>
      </c>
      <c r="C101780" s="14" t="s">
        <v>70</v>
      </c>
      <c r="D101780" s="14" t="s">
        <v>306</v>
      </c>
      <c r="E101780" s="15">
        <v>45686</v>
      </c>
      <c r="F101780" s="14" t="s">
        <v>15</v>
      </c>
      <c r="G101780" s="16">
        <v>0</v>
      </c>
    </row>
    <row r="101781" spans="1:7" x14ac:dyDescent="0.3">
      <c r="A101781" s="13" t="s">
        <v>499</v>
      </c>
      <c r="B101781" s="14" t="s">
        <v>1</v>
      </c>
      <c r="C101781" s="14" t="s">
        <v>70</v>
      </c>
      <c r="D101781" s="14" t="s">
        <v>306</v>
      </c>
      <c r="E101781" s="15">
        <v>45687</v>
      </c>
      <c r="F101781" s="14" t="s">
        <v>15</v>
      </c>
      <c r="G101781" s="16">
        <v>0</v>
      </c>
    </row>
    <row r="101782" spans="1:7" x14ac:dyDescent="0.3">
      <c r="A101782" s="13" t="s">
        <v>499</v>
      </c>
      <c r="B101782" s="14" t="s">
        <v>1</v>
      </c>
      <c r="C101782" s="14" t="s">
        <v>70</v>
      </c>
      <c r="D101782" s="14" t="s">
        <v>306</v>
      </c>
      <c r="E101782" s="15">
        <v>45688</v>
      </c>
      <c r="F101782" s="14" t="s">
        <v>15</v>
      </c>
      <c r="G101782" s="16">
        <v>0</v>
      </c>
    </row>
    <row r="101783" spans="1:7" x14ac:dyDescent="0.3">
      <c r="A101783" s="13" t="s">
        <v>499</v>
      </c>
      <c r="B101783" s="14" t="s">
        <v>1</v>
      </c>
      <c r="C101783" s="14" t="s">
        <v>70</v>
      </c>
      <c r="D101783" s="14" t="s">
        <v>306</v>
      </c>
      <c r="E101783" s="15">
        <v>45689</v>
      </c>
      <c r="F101783" s="14" t="s">
        <v>15</v>
      </c>
      <c r="G101783" s="16">
        <v>0</v>
      </c>
    </row>
    <row r="101784" spans="1:7" x14ac:dyDescent="0.3">
      <c r="A101784" s="13" t="s">
        <v>499</v>
      </c>
      <c r="B101784" s="14" t="s">
        <v>1</v>
      </c>
      <c r="C101784" s="14" t="s">
        <v>70</v>
      </c>
      <c r="D101784" s="14" t="s">
        <v>306</v>
      </c>
      <c r="E101784" s="15">
        <v>45690</v>
      </c>
      <c r="F101784" s="14" t="s">
        <v>15</v>
      </c>
      <c r="G101784" s="16">
        <v>0</v>
      </c>
    </row>
    <row r="101785" spans="1:7" x14ac:dyDescent="0.3">
      <c r="A101785" s="13" t="s">
        <v>499</v>
      </c>
      <c r="B101785" s="14" t="s">
        <v>1</v>
      </c>
      <c r="C101785" s="14" t="s">
        <v>70</v>
      </c>
      <c r="D101785" s="14" t="s">
        <v>306</v>
      </c>
      <c r="E101785" s="15">
        <v>45691</v>
      </c>
      <c r="F101785" s="14" t="s">
        <v>15</v>
      </c>
      <c r="G101785" s="16">
        <v>0</v>
      </c>
    </row>
    <row r="101786" spans="1:7" x14ac:dyDescent="0.3">
      <c r="A101786" s="13" t="s">
        <v>499</v>
      </c>
      <c r="B101786" s="14" t="s">
        <v>1</v>
      </c>
      <c r="C101786" s="14" t="s">
        <v>70</v>
      </c>
      <c r="D101786" s="14" t="s">
        <v>306</v>
      </c>
      <c r="E101786" s="15">
        <v>45692</v>
      </c>
      <c r="F101786" s="14" t="s">
        <v>15</v>
      </c>
      <c r="G101786" s="16">
        <v>0</v>
      </c>
    </row>
    <row r="101787" spans="1:7" x14ac:dyDescent="0.3">
      <c r="A101787" s="13" t="s">
        <v>499</v>
      </c>
      <c r="B101787" s="14" t="s">
        <v>1</v>
      </c>
      <c r="C101787" s="14" t="s">
        <v>70</v>
      </c>
      <c r="D101787" s="14" t="s">
        <v>306</v>
      </c>
      <c r="E101787" s="15">
        <v>45693</v>
      </c>
      <c r="F101787" s="14" t="s">
        <v>15</v>
      </c>
      <c r="G101787" s="16">
        <v>0</v>
      </c>
    </row>
    <row r="101788" spans="1:7" x14ac:dyDescent="0.3">
      <c r="A101788" s="13" t="s">
        <v>499</v>
      </c>
      <c r="B101788" s="14" t="s">
        <v>1</v>
      </c>
      <c r="C101788" s="14" t="s">
        <v>70</v>
      </c>
      <c r="D101788" s="14" t="s">
        <v>306</v>
      </c>
      <c r="E101788" s="15">
        <v>45694</v>
      </c>
      <c r="F101788" s="14" t="s">
        <v>15</v>
      </c>
      <c r="G101788" s="16">
        <v>0</v>
      </c>
    </row>
    <row r="101789" spans="1:7" x14ac:dyDescent="0.3">
      <c r="A101789" s="13" t="s">
        <v>499</v>
      </c>
      <c r="B101789" s="14" t="s">
        <v>1</v>
      </c>
      <c r="C101789" s="14" t="s">
        <v>70</v>
      </c>
      <c r="D101789" s="14" t="s">
        <v>306</v>
      </c>
      <c r="E101789" s="15">
        <v>45695</v>
      </c>
      <c r="F101789" s="14" t="s">
        <v>15</v>
      </c>
      <c r="G101789" s="16">
        <v>0</v>
      </c>
    </row>
    <row r="101790" spans="1:7" x14ac:dyDescent="0.3">
      <c r="A101790" s="13" t="s">
        <v>499</v>
      </c>
      <c r="B101790" s="14" t="s">
        <v>1</v>
      </c>
      <c r="C101790" s="14" t="s">
        <v>70</v>
      </c>
      <c r="D101790" s="14" t="s">
        <v>306</v>
      </c>
      <c r="E101790" s="15">
        <v>45696</v>
      </c>
      <c r="F101790" s="14" t="s">
        <v>15</v>
      </c>
      <c r="G101790" s="16">
        <v>0</v>
      </c>
    </row>
    <row r="101791" spans="1:7" x14ac:dyDescent="0.3">
      <c r="A101791" s="13" t="s">
        <v>499</v>
      </c>
      <c r="B101791" s="14" t="s">
        <v>1</v>
      </c>
      <c r="C101791" s="14" t="s">
        <v>70</v>
      </c>
      <c r="D101791" s="14" t="s">
        <v>306</v>
      </c>
      <c r="E101791" s="15">
        <v>45697</v>
      </c>
      <c r="F101791" s="14" t="s">
        <v>15</v>
      </c>
      <c r="G101791" s="16">
        <v>0</v>
      </c>
    </row>
    <row r="101792" spans="1:7" x14ac:dyDescent="0.3">
      <c r="A101792" s="13" t="s">
        <v>499</v>
      </c>
      <c r="B101792" s="14" t="s">
        <v>1</v>
      </c>
      <c r="C101792" s="14" t="s">
        <v>70</v>
      </c>
      <c r="D101792" s="14" t="s">
        <v>306</v>
      </c>
      <c r="E101792" s="15">
        <v>45698</v>
      </c>
      <c r="F101792" s="14" t="s">
        <v>15</v>
      </c>
      <c r="G101792" s="16">
        <v>0</v>
      </c>
    </row>
    <row r="101793" spans="1:7" x14ac:dyDescent="0.3">
      <c r="A101793" s="13" t="s">
        <v>499</v>
      </c>
      <c r="B101793" s="14" t="s">
        <v>1</v>
      </c>
      <c r="C101793" s="14" t="s">
        <v>70</v>
      </c>
      <c r="D101793" s="14" t="s">
        <v>306</v>
      </c>
      <c r="E101793" s="15">
        <v>45699</v>
      </c>
      <c r="F101793" s="14" t="s">
        <v>15</v>
      </c>
      <c r="G101793" s="16">
        <v>0</v>
      </c>
    </row>
    <row r="101794" spans="1:7" x14ac:dyDescent="0.3">
      <c r="A101794" s="13" t="s">
        <v>499</v>
      </c>
      <c r="B101794" s="14" t="s">
        <v>1</v>
      </c>
      <c r="C101794" s="14" t="s">
        <v>70</v>
      </c>
      <c r="D101794" s="14" t="s">
        <v>306</v>
      </c>
      <c r="E101794" s="15">
        <v>45700</v>
      </c>
      <c r="F101794" s="14" t="s">
        <v>15</v>
      </c>
      <c r="G101794" s="16">
        <v>0</v>
      </c>
    </row>
    <row r="101795" spans="1:7" x14ac:dyDescent="0.3">
      <c r="A101795" s="13" t="s">
        <v>499</v>
      </c>
      <c r="B101795" s="14" t="s">
        <v>1</v>
      </c>
      <c r="C101795" s="14" t="s">
        <v>70</v>
      </c>
      <c r="D101795" s="14" t="s">
        <v>306</v>
      </c>
      <c r="E101795" s="15">
        <v>45701</v>
      </c>
      <c r="F101795" s="14" t="s">
        <v>15</v>
      </c>
      <c r="G101795" s="16">
        <v>0</v>
      </c>
    </row>
    <row r="101796" spans="1:7" x14ac:dyDescent="0.3">
      <c r="A101796" s="13" t="s">
        <v>499</v>
      </c>
      <c r="B101796" s="14" t="s">
        <v>1</v>
      </c>
      <c r="C101796" s="14" t="s">
        <v>70</v>
      </c>
      <c r="D101796" s="14" t="s">
        <v>306</v>
      </c>
      <c r="E101796" s="15">
        <v>45702</v>
      </c>
      <c r="F101796" s="14" t="s">
        <v>15</v>
      </c>
      <c r="G101796" s="16">
        <v>0</v>
      </c>
    </row>
    <row r="101797" spans="1:7" x14ac:dyDescent="0.3">
      <c r="A101797" s="13" t="s">
        <v>499</v>
      </c>
      <c r="B101797" s="14" t="s">
        <v>1</v>
      </c>
      <c r="C101797" s="14" t="s">
        <v>70</v>
      </c>
      <c r="D101797" s="14" t="s">
        <v>306</v>
      </c>
      <c r="E101797" s="15">
        <v>45703</v>
      </c>
      <c r="F101797" s="14" t="s">
        <v>15</v>
      </c>
      <c r="G101797" s="16">
        <v>0</v>
      </c>
    </row>
    <row r="101798" spans="1:7" x14ac:dyDescent="0.3">
      <c r="A101798" s="13" t="s">
        <v>499</v>
      </c>
      <c r="B101798" s="14" t="s">
        <v>1</v>
      </c>
      <c r="C101798" s="14" t="s">
        <v>70</v>
      </c>
      <c r="D101798" s="14" t="s">
        <v>306</v>
      </c>
      <c r="E101798" s="15">
        <v>45704</v>
      </c>
      <c r="F101798" s="14" t="s">
        <v>15</v>
      </c>
      <c r="G101798" s="16">
        <v>0</v>
      </c>
    </row>
    <row r="101799" spans="1:7" x14ac:dyDescent="0.3">
      <c r="A101799" s="13" t="s">
        <v>499</v>
      </c>
      <c r="B101799" s="14" t="s">
        <v>1</v>
      </c>
      <c r="C101799" s="14" t="s">
        <v>70</v>
      </c>
      <c r="D101799" s="14" t="s">
        <v>306</v>
      </c>
      <c r="E101799" s="15">
        <v>45705</v>
      </c>
      <c r="F101799" s="14" t="s">
        <v>15</v>
      </c>
      <c r="G101799" s="16">
        <v>0</v>
      </c>
    </row>
    <row r="101800" spans="1:7" x14ac:dyDescent="0.3">
      <c r="A101800" s="13" t="s">
        <v>499</v>
      </c>
      <c r="B101800" s="14" t="s">
        <v>1</v>
      </c>
      <c r="C101800" s="14" t="s">
        <v>70</v>
      </c>
      <c r="D101800" s="14" t="s">
        <v>306</v>
      </c>
      <c r="E101800" s="15">
        <v>45706</v>
      </c>
      <c r="F101800" s="14" t="s">
        <v>15</v>
      </c>
      <c r="G101800" s="16">
        <v>0</v>
      </c>
    </row>
    <row r="101801" spans="1:7" x14ac:dyDescent="0.3">
      <c r="A101801" s="13" t="s">
        <v>499</v>
      </c>
      <c r="B101801" s="14" t="s">
        <v>1</v>
      </c>
      <c r="C101801" s="14" t="s">
        <v>70</v>
      </c>
      <c r="D101801" s="14" t="s">
        <v>306</v>
      </c>
      <c r="E101801" s="15">
        <v>45707</v>
      </c>
      <c r="F101801" s="14" t="s">
        <v>15</v>
      </c>
      <c r="G101801" s="16">
        <v>0</v>
      </c>
    </row>
    <row r="101802" spans="1:7" x14ac:dyDescent="0.3">
      <c r="A101802" s="13" t="s">
        <v>499</v>
      </c>
      <c r="B101802" s="14" t="s">
        <v>1</v>
      </c>
      <c r="C101802" s="14" t="s">
        <v>70</v>
      </c>
      <c r="D101802" s="14" t="s">
        <v>306</v>
      </c>
      <c r="E101802" s="15">
        <v>45708</v>
      </c>
      <c r="F101802" s="14" t="s">
        <v>15</v>
      </c>
      <c r="G101802" s="16">
        <v>0</v>
      </c>
    </row>
    <row r="101803" spans="1:7" x14ac:dyDescent="0.3">
      <c r="A101803" s="13" t="s">
        <v>499</v>
      </c>
      <c r="B101803" s="14" t="s">
        <v>1</v>
      </c>
      <c r="C101803" s="14" t="s">
        <v>70</v>
      </c>
      <c r="D101803" s="14" t="s">
        <v>306</v>
      </c>
      <c r="E101803" s="15">
        <v>45709</v>
      </c>
      <c r="F101803" s="14" t="s">
        <v>15</v>
      </c>
      <c r="G101803" s="16">
        <v>0</v>
      </c>
    </row>
    <row r="101804" spans="1:7" x14ac:dyDescent="0.3">
      <c r="A101804" s="13" t="s">
        <v>499</v>
      </c>
      <c r="B101804" s="14" t="s">
        <v>1</v>
      </c>
      <c r="C101804" s="14" t="s">
        <v>70</v>
      </c>
      <c r="D101804" s="14" t="s">
        <v>306</v>
      </c>
      <c r="E101804" s="15">
        <v>45710</v>
      </c>
      <c r="F101804" s="14" t="s">
        <v>15</v>
      </c>
      <c r="G101804" s="16">
        <v>0</v>
      </c>
    </row>
    <row r="101805" spans="1:7" x14ac:dyDescent="0.3">
      <c r="A101805" s="13" t="s">
        <v>499</v>
      </c>
      <c r="B101805" s="14" t="s">
        <v>1</v>
      </c>
      <c r="C101805" s="14" t="s">
        <v>70</v>
      </c>
      <c r="D101805" s="14" t="s">
        <v>306</v>
      </c>
      <c r="E101805" s="15">
        <v>45711</v>
      </c>
      <c r="F101805" s="14" t="s">
        <v>15</v>
      </c>
      <c r="G101805" s="16">
        <v>0</v>
      </c>
    </row>
    <row r="101806" spans="1:7" x14ac:dyDescent="0.3">
      <c r="A101806" s="13" t="s">
        <v>499</v>
      </c>
      <c r="B101806" s="14" t="s">
        <v>1</v>
      </c>
      <c r="C101806" s="14" t="s">
        <v>70</v>
      </c>
      <c r="D101806" s="14" t="s">
        <v>306</v>
      </c>
      <c r="E101806" s="15">
        <v>45712</v>
      </c>
      <c r="F101806" s="14" t="s">
        <v>15</v>
      </c>
      <c r="G101806" s="16">
        <v>0</v>
      </c>
    </row>
    <row r="101807" spans="1:7" x14ac:dyDescent="0.3">
      <c r="A101807" s="13" t="s">
        <v>499</v>
      </c>
      <c r="B101807" s="14" t="s">
        <v>1</v>
      </c>
      <c r="C101807" s="14" t="s">
        <v>70</v>
      </c>
      <c r="D101807" s="14" t="s">
        <v>306</v>
      </c>
      <c r="E101807" s="15">
        <v>45713</v>
      </c>
      <c r="F101807" s="14" t="s">
        <v>15</v>
      </c>
      <c r="G101807" s="16">
        <v>0</v>
      </c>
    </row>
    <row r="101808" spans="1:7" x14ac:dyDescent="0.3">
      <c r="A101808" s="13" t="s">
        <v>499</v>
      </c>
      <c r="B101808" s="14" t="s">
        <v>1</v>
      </c>
      <c r="C101808" s="14" t="s">
        <v>70</v>
      </c>
      <c r="D101808" s="14" t="s">
        <v>306</v>
      </c>
      <c r="E101808" s="15">
        <v>45714</v>
      </c>
      <c r="F101808" s="14" t="s">
        <v>15</v>
      </c>
      <c r="G101808" s="16">
        <v>0</v>
      </c>
    </row>
    <row r="101809" spans="1:7" x14ac:dyDescent="0.3">
      <c r="A101809" s="13" t="s">
        <v>499</v>
      </c>
      <c r="B101809" s="14" t="s">
        <v>1</v>
      </c>
      <c r="C101809" s="14" t="s">
        <v>70</v>
      </c>
      <c r="D101809" s="14" t="s">
        <v>306</v>
      </c>
      <c r="E101809" s="15">
        <v>45715</v>
      </c>
      <c r="F101809" s="14" t="s">
        <v>15</v>
      </c>
      <c r="G101809" s="16">
        <v>0</v>
      </c>
    </row>
    <row r="101810" spans="1:7" x14ac:dyDescent="0.3">
      <c r="A101810" s="13" t="s">
        <v>499</v>
      </c>
      <c r="B101810" s="14" t="s">
        <v>1</v>
      </c>
      <c r="C101810" s="14" t="s">
        <v>70</v>
      </c>
      <c r="D101810" s="14" t="s">
        <v>306</v>
      </c>
      <c r="E101810" s="15">
        <v>45716</v>
      </c>
      <c r="F101810" s="14" t="s">
        <v>15</v>
      </c>
      <c r="G101810" s="16">
        <v>0</v>
      </c>
    </row>
    <row r="101811" spans="1:7" x14ac:dyDescent="0.3">
      <c r="A101811" s="13" t="s">
        <v>499</v>
      </c>
      <c r="B101811" s="14" t="s">
        <v>1</v>
      </c>
      <c r="C101811" s="14" t="s">
        <v>70</v>
      </c>
      <c r="D101811" s="14" t="s">
        <v>306</v>
      </c>
      <c r="E101811" s="15">
        <v>45717</v>
      </c>
      <c r="F101811" s="14" t="s">
        <v>15</v>
      </c>
      <c r="G101811" s="16">
        <v>0</v>
      </c>
    </row>
    <row r="101812" spans="1:7" x14ac:dyDescent="0.3">
      <c r="A101812" s="13" t="s">
        <v>499</v>
      </c>
      <c r="B101812" s="14" t="s">
        <v>1</v>
      </c>
      <c r="C101812" s="14" t="s">
        <v>70</v>
      </c>
      <c r="D101812" s="14" t="s">
        <v>306</v>
      </c>
      <c r="E101812" s="15">
        <v>45718</v>
      </c>
      <c r="F101812" s="14" t="s">
        <v>15</v>
      </c>
      <c r="G101812" s="16">
        <v>0</v>
      </c>
    </row>
    <row r="101813" spans="1:7" x14ac:dyDescent="0.3">
      <c r="A101813" s="13" t="s">
        <v>499</v>
      </c>
      <c r="B101813" s="14" t="s">
        <v>1</v>
      </c>
      <c r="C101813" s="14" t="s">
        <v>70</v>
      </c>
      <c r="D101813" s="14" t="s">
        <v>306</v>
      </c>
      <c r="E101813" s="15">
        <v>45719</v>
      </c>
      <c r="F101813" s="14" t="s">
        <v>15</v>
      </c>
      <c r="G101813" s="16">
        <v>0</v>
      </c>
    </row>
    <row r="101814" spans="1:7" x14ac:dyDescent="0.3">
      <c r="A101814" s="13" t="s">
        <v>499</v>
      </c>
      <c r="B101814" s="14" t="s">
        <v>1</v>
      </c>
      <c r="C101814" s="14" t="s">
        <v>70</v>
      </c>
      <c r="D101814" s="14" t="s">
        <v>306</v>
      </c>
      <c r="E101814" s="15">
        <v>45720</v>
      </c>
      <c r="F101814" s="14" t="s">
        <v>15</v>
      </c>
      <c r="G101814" s="16">
        <v>0</v>
      </c>
    </row>
    <row r="101815" spans="1:7" x14ac:dyDescent="0.3">
      <c r="A101815" s="13" t="s">
        <v>499</v>
      </c>
      <c r="B101815" s="14" t="s">
        <v>1</v>
      </c>
      <c r="C101815" s="14" t="s">
        <v>70</v>
      </c>
      <c r="D101815" s="14" t="s">
        <v>306</v>
      </c>
      <c r="E101815" s="15">
        <v>45721</v>
      </c>
      <c r="F101815" s="14" t="s">
        <v>15</v>
      </c>
      <c r="G101815" s="16">
        <v>0</v>
      </c>
    </row>
    <row r="101816" spans="1:7" x14ac:dyDescent="0.3">
      <c r="A101816" s="13" t="s">
        <v>499</v>
      </c>
      <c r="B101816" s="14" t="s">
        <v>1</v>
      </c>
      <c r="C101816" s="14" t="s">
        <v>70</v>
      </c>
      <c r="D101816" s="14" t="s">
        <v>306</v>
      </c>
      <c r="E101816" s="15">
        <v>45722</v>
      </c>
      <c r="F101816" s="14" t="s">
        <v>15</v>
      </c>
      <c r="G101816" s="16">
        <v>0</v>
      </c>
    </row>
    <row r="101817" spans="1:7" x14ac:dyDescent="0.3">
      <c r="A101817" s="13" t="s">
        <v>499</v>
      </c>
      <c r="B101817" s="14" t="s">
        <v>1</v>
      </c>
      <c r="C101817" s="14" t="s">
        <v>70</v>
      </c>
      <c r="D101817" s="14" t="s">
        <v>306</v>
      </c>
      <c r="E101817" s="15">
        <v>45723</v>
      </c>
      <c r="F101817" s="14" t="s">
        <v>15</v>
      </c>
      <c r="G101817" s="16">
        <v>0</v>
      </c>
    </row>
    <row r="101818" spans="1:7" x14ac:dyDescent="0.3">
      <c r="A101818" s="13" t="s">
        <v>499</v>
      </c>
      <c r="B101818" s="14" t="s">
        <v>1</v>
      </c>
      <c r="C101818" s="14" t="s">
        <v>70</v>
      </c>
      <c r="D101818" s="14" t="s">
        <v>306</v>
      </c>
      <c r="E101818" s="15">
        <v>45724</v>
      </c>
      <c r="F101818" s="14" t="s">
        <v>15</v>
      </c>
      <c r="G101818" s="16">
        <v>0</v>
      </c>
    </row>
    <row r="101819" spans="1:7" x14ac:dyDescent="0.3">
      <c r="A101819" s="13" t="s">
        <v>499</v>
      </c>
      <c r="B101819" s="14" t="s">
        <v>1</v>
      </c>
      <c r="C101819" s="14" t="s">
        <v>70</v>
      </c>
      <c r="D101819" s="14" t="s">
        <v>306</v>
      </c>
      <c r="E101819" s="15">
        <v>45725</v>
      </c>
      <c r="F101819" s="14" t="s">
        <v>15</v>
      </c>
      <c r="G101819" s="16">
        <v>0</v>
      </c>
    </row>
    <row r="101820" spans="1:7" x14ac:dyDescent="0.3">
      <c r="A101820" s="13" t="s">
        <v>499</v>
      </c>
      <c r="B101820" s="14" t="s">
        <v>1</v>
      </c>
      <c r="C101820" s="14" t="s">
        <v>70</v>
      </c>
      <c r="D101820" s="14" t="s">
        <v>306</v>
      </c>
      <c r="E101820" s="15">
        <v>45726</v>
      </c>
      <c r="F101820" s="14" t="s">
        <v>15</v>
      </c>
      <c r="G101820" s="16">
        <v>0</v>
      </c>
    </row>
    <row r="101821" spans="1:7" x14ac:dyDescent="0.3">
      <c r="A101821" s="13" t="s">
        <v>499</v>
      </c>
      <c r="B101821" s="14" t="s">
        <v>1</v>
      </c>
      <c r="C101821" s="14" t="s">
        <v>70</v>
      </c>
      <c r="D101821" s="14" t="s">
        <v>306</v>
      </c>
      <c r="E101821" s="15">
        <v>45727</v>
      </c>
      <c r="F101821" s="14" t="s">
        <v>15</v>
      </c>
      <c r="G101821" s="16">
        <v>0</v>
      </c>
    </row>
    <row r="101822" spans="1:7" x14ac:dyDescent="0.3">
      <c r="A101822" s="13" t="s">
        <v>499</v>
      </c>
      <c r="B101822" s="14" t="s">
        <v>1</v>
      </c>
      <c r="C101822" s="14" t="s">
        <v>70</v>
      </c>
      <c r="D101822" s="14" t="s">
        <v>306</v>
      </c>
      <c r="E101822" s="15">
        <v>45728</v>
      </c>
      <c r="F101822" s="14" t="s">
        <v>15</v>
      </c>
      <c r="G101822" s="16">
        <v>0</v>
      </c>
    </row>
    <row r="101823" spans="1:7" x14ac:dyDescent="0.3">
      <c r="A101823" s="13" t="s">
        <v>499</v>
      </c>
      <c r="B101823" s="14" t="s">
        <v>1</v>
      </c>
      <c r="C101823" s="14" t="s">
        <v>70</v>
      </c>
      <c r="D101823" s="14" t="s">
        <v>306</v>
      </c>
      <c r="E101823" s="15">
        <v>45729</v>
      </c>
      <c r="F101823" s="14" t="s">
        <v>15</v>
      </c>
      <c r="G101823" s="16">
        <v>0</v>
      </c>
    </row>
    <row r="101824" spans="1:7" x14ac:dyDescent="0.3">
      <c r="A101824" s="13" t="s">
        <v>499</v>
      </c>
      <c r="B101824" s="14" t="s">
        <v>1</v>
      </c>
      <c r="C101824" s="14" t="s">
        <v>70</v>
      </c>
      <c r="D101824" s="14" t="s">
        <v>306</v>
      </c>
      <c r="E101824" s="15">
        <v>45730</v>
      </c>
      <c r="F101824" s="14" t="s">
        <v>15</v>
      </c>
      <c r="G101824" s="16">
        <v>0</v>
      </c>
    </row>
    <row r="101825" spans="1:7" x14ac:dyDescent="0.3">
      <c r="A101825" s="13" t="s">
        <v>499</v>
      </c>
      <c r="B101825" s="14" t="s">
        <v>1</v>
      </c>
      <c r="C101825" s="14" t="s">
        <v>70</v>
      </c>
      <c r="D101825" s="14" t="s">
        <v>306</v>
      </c>
      <c r="E101825" s="15">
        <v>45731</v>
      </c>
      <c r="F101825" s="14" t="s">
        <v>15</v>
      </c>
      <c r="G101825" s="16">
        <v>0</v>
      </c>
    </row>
    <row r="101826" spans="1:7" x14ac:dyDescent="0.3">
      <c r="A101826" s="13" t="s">
        <v>499</v>
      </c>
      <c r="B101826" s="14" t="s">
        <v>1</v>
      </c>
      <c r="C101826" s="14" t="s">
        <v>70</v>
      </c>
      <c r="D101826" s="14" t="s">
        <v>306</v>
      </c>
      <c r="E101826" s="15">
        <v>45732</v>
      </c>
      <c r="F101826" s="14" t="s">
        <v>15</v>
      </c>
      <c r="G101826" s="16">
        <v>0</v>
      </c>
    </row>
    <row r="101827" spans="1:7" x14ac:dyDescent="0.3">
      <c r="A101827" s="13" t="s">
        <v>499</v>
      </c>
      <c r="B101827" s="14" t="s">
        <v>1</v>
      </c>
      <c r="C101827" s="14" t="s">
        <v>70</v>
      </c>
      <c r="D101827" s="14" t="s">
        <v>306</v>
      </c>
      <c r="E101827" s="15">
        <v>45733</v>
      </c>
      <c r="F101827" s="14" t="s">
        <v>15</v>
      </c>
      <c r="G101827" s="16">
        <v>0</v>
      </c>
    </row>
    <row r="101828" spans="1:7" x14ac:dyDescent="0.3">
      <c r="A101828" s="13" t="s">
        <v>499</v>
      </c>
      <c r="B101828" s="14" t="s">
        <v>1</v>
      </c>
      <c r="C101828" s="14" t="s">
        <v>70</v>
      </c>
      <c r="D101828" s="14" t="s">
        <v>306</v>
      </c>
      <c r="E101828" s="15">
        <v>45734</v>
      </c>
      <c r="F101828" s="14" t="s">
        <v>15</v>
      </c>
      <c r="G101828" s="16">
        <v>0</v>
      </c>
    </row>
    <row r="101829" spans="1:7" x14ac:dyDescent="0.3">
      <c r="A101829" s="13" t="s">
        <v>499</v>
      </c>
      <c r="B101829" s="14" t="s">
        <v>1</v>
      </c>
      <c r="C101829" s="14" t="s">
        <v>70</v>
      </c>
      <c r="D101829" s="14" t="s">
        <v>306</v>
      </c>
      <c r="E101829" s="15">
        <v>45735</v>
      </c>
      <c r="F101829" s="14" t="s">
        <v>15</v>
      </c>
      <c r="G101829" s="16">
        <v>0</v>
      </c>
    </row>
    <row r="101830" spans="1:7" x14ac:dyDescent="0.3">
      <c r="A101830" s="13" t="s">
        <v>499</v>
      </c>
      <c r="B101830" s="14" t="s">
        <v>1</v>
      </c>
      <c r="C101830" s="14" t="s">
        <v>70</v>
      </c>
      <c r="D101830" s="14" t="s">
        <v>306</v>
      </c>
      <c r="E101830" s="15">
        <v>45736</v>
      </c>
      <c r="F101830" s="14" t="s">
        <v>15</v>
      </c>
      <c r="G101830" s="16">
        <v>0</v>
      </c>
    </row>
    <row r="101831" spans="1:7" x14ac:dyDescent="0.3">
      <c r="A101831" s="13" t="s">
        <v>499</v>
      </c>
      <c r="B101831" s="14" t="s">
        <v>1</v>
      </c>
      <c r="C101831" s="14" t="s">
        <v>70</v>
      </c>
      <c r="D101831" s="14" t="s">
        <v>306</v>
      </c>
      <c r="E101831" s="15">
        <v>45737</v>
      </c>
      <c r="F101831" s="14" t="s">
        <v>15</v>
      </c>
      <c r="G101831" s="16">
        <v>0</v>
      </c>
    </row>
    <row r="101832" spans="1:7" x14ac:dyDescent="0.3">
      <c r="A101832" s="13" t="s">
        <v>499</v>
      </c>
      <c r="B101832" s="14" t="s">
        <v>1</v>
      </c>
      <c r="C101832" s="14" t="s">
        <v>70</v>
      </c>
      <c r="D101832" s="14" t="s">
        <v>306</v>
      </c>
      <c r="E101832" s="15">
        <v>45738</v>
      </c>
      <c r="F101832" s="14" t="s">
        <v>15</v>
      </c>
      <c r="G101832" s="16">
        <v>0</v>
      </c>
    </row>
    <row r="101833" spans="1:7" x14ac:dyDescent="0.3">
      <c r="A101833" s="13" t="s">
        <v>499</v>
      </c>
      <c r="B101833" s="14" t="s">
        <v>1</v>
      </c>
      <c r="C101833" s="14" t="s">
        <v>70</v>
      </c>
      <c r="D101833" s="14" t="s">
        <v>306</v>
      </c>
      <c r="E101833" s="15">
        <v>45739</v>
      </c>
      <c r="F101833" s="14" t="s">
        <v>15</v>
      </c>
      <c r="G101833" s="16">
        <v>0</v>
      </c>
    </row>
    <row r="101834" spans="1:7" x14ac:dyDescent="0.3">
      <c r="A101834" s="13" t="s">
        <v>499</v>
      </c>
      <c r="B101834" s="14" t="s">
        <v>1</v>
      </c>
      <c r="C101834" s="14" t="s">
        <v>70</v>
      </c>
      <c r="D101834" s="14" t="s">
        <v>306</v>
      </c>
      <c r="E101834" s="15">
        <v>45740</v>
      </c>
      <c r="F101834" s="14" t="s">
        <v>15</v>
      </c>
      <c r="G101834" s="16">
        <v>0</v>
      </c>
    </row>
    <row r="101835" spans="1:7" x14ac:dyDescent="0.3">
      <c r="A101835" s="13" t="s">
        <v>499</v>
      </c>
      <c r="B101835" s="14" t="s">
        <v>1</v>
      </c>
      <c r="C101835" s="14" t="s">
        <v>70</v>
      </c>
      <c r="D101835" s="14" t="s">
        <v>306</v>
      </c>
      <c r="E101835" s="15">
        <v>45741</v>
      </c>
      <c r="F101835" s="14" t="s">
        <v>15</v>
      </c>
      <c r="G101835" s="16">
        <v>0</v>
      </c>
    </row>
    <row r="101836" spans="1:7" x14ac:dyDescent="0.3">
      <c r="A101836" s="13" t="s">
        <v>499</v>
      </c>
      <c r="B101836" s="14" t="s">
        <v>1</v>
      </c>
      <c r="C101836" s="14" t="s">
        <v>70</v>
      </c>
      <c r="D101836" s="14" t="s">
        <v>306</v>
      </c>
      <c r="E101836" s="15">
        <v>45742</v>
      </c>
      <c r="F101836" s="14" t="s">
        <v>15</v>
      </c>
      <c r="G101836" s="16">
        <v>0</v>
      </c>
    </row>
    <row r="101837" spans="1:7" x14ac:dyDescent="0.3">
      <c r="A101837" s="13" t="s">
        <v>499</v>
      </c>
      <c r="B101837" s="14" t="s">
        <v>1</v>
      </c>
      <c r="C101837" s="14" t="s">
        <v>70</v>
      </c>
      <c r="D101837" s="14" t="s">
        <v>306</v>
      </c>
      <c r="E101837" s="15">
        <v>45743</v>
      </c>
      <c r="F101837" s="14" t="s">
        <v>15</v>
      </c>
      <c r="G101837" s="16">
        <v>0</v>
      </c>
    </row>
    <row r="101838" spans="1:7" x14ac:dyDescent="0.3">
      <c r="A101838" s="13" t="s">
        <v>499</v>
      </c>
      <c r="B101838" s="14" t="s">
        <v>1</v>
      </c>
      <c r="C101838" s="14" t="s">
        <v>70</v>
      </c>
      <c r="D101838" s="14" t="s">
        <v>306</v>
      </c>
      <c r="E101838" s="15">
        <v>45744</v>
      </c>
      <c r="F101838" s="14" t="s">
        <v>15</v>
      </c>
      <c r="G101838" s="16">
        <v>0</v>
      </c>
    </row>
    <row r="101839" spans="1:7" x14ac:dyDescent="0.3">
      <c r="A101839" s="13" t="s">
        <v>499</v>
      </c>
      <c r="B101839" s="14" t="s">
        <v>1</v>
      </c>
      <c r="C101839" s="14" t="s">
        <v>70</v>
      </c>
      <c r="D101839" s="14" t="s">
        <v>306</v>
      </c>
      <c r="E101839" s="15">
        <v>45745</v>
      </c>
      <c r="F101839" s="14" t="s">
        <v>15</v>
      </c>
      <c r="G101839" s="16">
        <v>0</v>
      </c>
    </row>
    <row r="101840" spans="1:7" x14ac:dyDescent="0.3">
      <c r="A101840" s="13" t="s">
        <v>499</v>
      </c>
      <c r="B101840" s="14" t="s">
        <v>1</v>
      </c>
      <c r="C101840" s="14" t="s">
        <v>70</v>
      </c>
      <c r="D101840" s="14" t="s">
        <v>306</v>
      </c>
      <c r="E101840" s="15">
        <v>45746</v>
      </c>
      <c r="F101840" s="14" t="s">
        <v>15</v>
      </c>
      <c r="G101840" s="16">
        <v>0</v>
      </c>
    </row>
    <row r="101841" spans="1:7" x14ac:dyDescent="0.3">
      <c r="A101841" s="13" t="s">
        <v>499</v>
      </c>
      <c r="B101841" s="14" t="s">
        <v>1</v>
      </c>
      <c r="C101841" s="14" t="s">
        <v>70</v>
      </c>
      <c r="D101841" s="14" t="s">
        <v>306</v>
      </c>
      <c r="E101841" s="15">
        <v>45747</v>
      </c>
      <c r="F101841" s="14" t="s">
        <v>15</v>
      </c>
      <c r="G101841" s="16">
        <v>0</v>
      </c>
    </row>
    <row r="101842" spans="1:7" x14ac:dyDescent="0.3">
      <c r="A101842" s="13" t="s">
        <v>500</v>
      </c>
      <c r="B101842" s="14" t="s">
        <v>1</v>
      </c>
      <c r="C101842" s="14" t="s">
        <v>51</v>
      </c>
      <c r="D101842" s="14" t="s">
        <v>128</v>
      </c>
      <c r="E101842" s="15">
        <v>45383</v>
      </c>
      <c r="F101842" s="14" t="s">
        <v>15</v>
      </c>
      <c r="G101842" s="16">
        <v>0</v>
      </c>
    </row>
    <row r="101843" spans="1:7" x14ac:dyDescent="0.3">
      <c r="A101843" s="13" t="s">
        <v>500</v>
      </c>
      <c r="B101843" s="14" t="s">
        <v>1</v>
      </c>
      <c r="C101843" s="14" t="s">
        <v>51</v>
      </c>
      <c r="D101843" s="14" t="s">
        <v>128</v>
      </c>
      <c r="E101843" s="15">
        <v>45384</v>
      </c>
      <c r="F101843" s="14" t="s">
        <v>15</v>
      </c>
      <c r="G101843" s="16">
        <v>0</v>
      </c>
    </row>
    <row r="101844" spans="1:7" x14ac:dyDescent="0.3">
      <c r="A101844" s="13" t="s">
        <v>500</v>
      </c>
      <c r="B101844" s="14" t="s">
        <v>1</v>
      </c>
      <c r="C101844" s="14" t="s">
        <v>51</v>
      </c>
      <c r="D101844" s="14" t="s">
        <v>128</v>
      </c>
      <c r="E101844" s="15">
        <v>45385</v>
      </c>
      <c r="F101844" s="14" t="s">
        <v>15</v>
      </c>
      <c r="G101844" s="16">
        <v>0</v>
      </c>
    </row>
    <row r="101845" spans="1:7" x14ac:dyDescent="0.3">
      <c r="A101845" s="13" t="s">
        <v>500</v>
      </c>
      <c r="B101845" s="14" t="s">
        <v>1</v>
      </c>
      <c r="C101845" s="14" t="s">
        <v>51</v>
      </c>
      <c r="D101845" s="14" t="s">
        <v>128</v>
      </c>
      <c r="E101845" s="15">
        <v>45386</v>
      </c>
      <c r="F101845" s="14" t="s">
        <v>15</v>
      </c>
      <c r="G101845" s="16">
        <v>0</v>
      </c>
    </row>
    <row r="101846" spans="1:7" x14ac:dyDescent="0.3">
      <c r="A101846" s="13" t="s">
        <v>500</v>
      </c>
      <c r="B101846" s="14" t="s">
        <v>1</v>
      </c>
      <c r="C101846" s="14" t="s">
        <v>51</v>
      </c>
      <c r="D101846" s="14" t="s">
        <v>128</v>
      </c>
      <c r="E101846" s="15">
        <v>45387</v>
      </c>
      <c r="F101846" s="14" t="s">
        <v>15</v>
      </c>
      <c r="G101846" s="16">
        <v>0</v>
      </c>
    </row>
    <row r="101847" spans="1:7" x14ac:dyDescent="0.3">
      <c r="A101847" s="13" t="s">
        <v>500</v>
      </c>
      <c r="B101847" s="14" t="s">
        <v>1</v>
      </c>
      <c r="C101847" s="14" t="s">
        <v>51</v>
      </c>
      <c r="D101847" s="14" t="s">
        <v>128</v>
      </c>
      <c r="E101847" s="15">
        <v>45388</v>
      </c>
      <c r="F101847" s="14" t="s">
        <v>15</v>
      </c>
      <c r="G101847" s="16">
        <v>0</v>
      </c>
    </row>
    <row r="101848" spans="1:7" x14ac:dyDescent="0.3">
      <c r="A101848" s="13" t="s">
        <v>500</v>
      </c>
      <c r="B101848" s="14" t="s">
        <v>1</v>
      </c>
      <c r="C101848" s="14" t="s">
        <v>51</v>
      </c>
      <c r="D101848" s="14" t="s">
        <v>128</v>
      </c>
      <c r="E101848" s="15">
        <v>45389</v>
      </c>
      <c r="F101848" s="14" t="s">
        <v>15</v>
      </c>
      <c r="G101848" s="16">
        <v>0</v>
      </c>
    </row>
    <row r="101849" spans="1:7" x14ac:dyDescent="0.3">
      <c r="A101849" s="13" t="s">
        <v>500</v>
      </c>
      <c r="B101849" s="14" t="s">
        <v>1</v>
      </c>
      <c r="C101849" s="14" t="s">
        <v>51</v>
      </c>
      <c r="D101849" s="14" t="s">
        <v>128</v>
      </c>
      <c r="E101849" s="15">
        <v>45390</v>
      </c>
      <c r="F101849" s="14" t="s">
        <v>15</v>
      </c>
      <c r="G101849" s="16">
        <v>0</v>
      </c>
    </row>
    <row r="101850" spans="1:7" x14ac:dyDescent="0.3">
      <c r="A101850" s="13" t="s">
        <v>500</v>
      </c>
      <c r="B101850" s="14" t="s">
        <v>1</v>
      </c>
      <c r="C101850" s="14" t="s">
        <v>51</v>
      </c>
      <c r="D101850" s="14" t="s">
        <v>128</v>
      </c>
      <c r="E101850" s="15">
        <v>45391</v>
      </c>
      <c r="F101850" s="14" t="s">
        <v>15</v>
      </c>
      <c r="G101850" s="16">
        <v>0</v>
      </c>
    </row>
    <row r="101851" spans="1:7" x14ac:dyDescent="0.3">
      <c r="A101851" s="13" t="s">
        <v>500</v>
      </c>
      <c r="B101851" s="14" t="s">
        <v>1</v>
      </c>
      <c r="C101851" s="14" t="s">
        <v>51</v>
      </c>
      <c r="D101851" s="14" t="s">
        <v>128</v>
      </c>
      <c r="E101851" s="15">
        <v>45392</v>
      </c>
      <c r="F101851" s="14" t="s">
        <v>15</v>
      </c>
      <c r="G101851" s="16">
        <v>0</v>
      </c>
    </row>
    <row r="101852" spans="1:7" x14ac:dyDescent="0.3">
      <c r="A101852" s="13" t="s">
        <v>500</v>
      </c>
      <c r="B101852" s="14" t="s">
        <v>1</v>
      </c>
      <c r="C101852" s="14" t="s">
        <v>51</v>
      </c>
      <c r="D101852" s="14" t="s">
        <v>128</v>
      </c>
      <c r="E101852" s="15">
        <v>45393</v>
      </c>
      <c r="F101852" s="14" t="s">
        <v>15</v>
      </c>
      <c r="G101852" s="16">
        <v>0</v>
      </c>
    </row>
    <row r="101853" spans="1:7" x14ac:dyDescent="0.3">
      <c r="A101853" s="13" t="s">
        <v>500</v>
      </c>
      <c r="B101853" s="14" t="s">
        <v>1</v>
      </c>
      <c r="C101853" s="14" t="s">
        <v>51</v>
      </c>
      <c r="D101853" s="14" t="s">
        <v>128</v>
      </c>
      <c r="E101853" s="15">
        <v>45394</v>
      </c>
      <c r="F101853" s="14" t="s">
        <v>15</v>
      </c>
      <c r="G101853" s="16">
        <v>0</v>
      </c>
    </row>
    <row r="101854" spans="1:7" x14ac:dyDescent="0.3">
      <c r="A101854" s="13" t="s">
        <v>500</v>
      </c>
      <c r="B101854" s="14" t="s">
        <v>1</v>
      </c>
      <c r="C101854" s="14" t="s">
        <v>51</v>
      </c>
      <c r="D101854" s="14" t="s">
        <v>128</v>
      </c>
      <c r="E101854" s="15">
        <v>45395</v>
      </c>
      <c r="F101854" s="14" t="s">
        <v>15</v>
      </c>
      <c r="G101854" s="16">
        <v>0</v>
      </c>
    </row>
    <row r="101855" spans="1:7" x14ac:dyDescent="0.3">
      <c r="A101855" s="13" t="s">
        <v>500</v>
      </c>
      <c r="B101855" s="14" t="s">
        <v>1</v>
      </c>
      <c r="C101855" s="14" t="s">
        <v>51</v>
      </c>
      <c r="D101855" s="14" t="s">
        <v>128</v>
      </c>
      <c r="E101855" s="15">
        <v>45396</v>
      </c>
      <c r="F101855" s="14" t="s">
        <v>15</v>
      </c>
      <c r="G101855" s="16">
        <v>0</v>
      </c>
    </row>
    <row r="101856" spans="1:7" x14ac:dyDescent="0.3">
      <c r="A101856" s="13" t="s">
        <v>500</v>
      </c>
      <c r="B101856" s="14" t="s">
        <v>1</v>
      </c>
      <c r="C101856" s="14" t="s">
        <v>51</v>
      </c>
      <c r="D101856" s="14" t="s">
        <v>128</v>
      </c>
      <c r="E101856" s="15">
        <v>45397</v>
      </c>
      <c r="F101856" s="14" t="s">
        <v>15</v>
      </c>
      <c r="G101856" s="16">
        <v>0</v>
      </c>
    </row>
    <row r="101857" spans="1:7" x14ac:dyDescent="0.3">
      <c r="A101857" s="13" t="s">
        <v>500</v>
      </c>
      <c r="B101857" s="14" t="s">
        <v>1</v>
      </c>
      <c r="C101857" s="14" t="s">
        <v>51</v>
      </c>
      <c r="D101857" s="14" t="s">
        <v>128</v>
      </c>
      <c r="E101857" s="15">
        <v>45398</v>
      </c>
      <c r="F101857" s="14" t="s">
        <v>15</v>
      </c>
      <c r="G101857" s="16">
        <v>0</v>
      </c>
    </row>
    <row r="101858" spans="1:7" x14ac:dyDescent="0.3">
      <c r="A101858" s="13" t="s">
        <v>500</v>
      </c>
      <c r="B101858" s="14" t="s">
        <v>1</v>
      </c>
      <c r="C101858" s="14" t="s">
        <v>51</v>
      </c>
      <c r="D101858" s="14" t="s">
        <v>128</v>
      </c>
      <c r="E101858" s="15">
        <v>45399</v>
      </c>
      <c r="F101858" s="14" t="s">
        <v>15</v>
      </c>
      <c r="G101858" s="16">
        <v>0</v>
      </c>
    </row>
    <row r="101859" spans="1:7" x14ac:dyDescent="0.3">
      <c r="A101859" s="13" t="s">
        <v>500</v>
      </c>
      <c r="B101859" s="14" t="s">
        <v>1</v>
      </c>
      <c r="C101859" s="14" t="s">
        <v>51</v>
      </c>
      <c r="D101859" s="14" t="s">
        <v>128</v>
      </c>
      <c r="E101859" s="15">
        <v>45400</v>
      </c>
      <c r="F101859" s="14" t="s">
        <v>15</v>
      </c>
      <c r="G101859" s="16">
        <v>0</v>
      </c>
    </row>
    <row r="101860" spans="1:7" x14ac:dyDescent="0.3">
      <c r="A101860" s="13" t="s">
        <v>500</v>
      </c>
      <c r="B101860" s="14" t="s">
        <v>1</v>
      </c>
      <c r="C101860" s="14" t="s">
        <v>51</v>
      </c>
      <c r="D101860" s="14" t="s">
        <v>128</v>
      </c>
      <c r="E101860" s="15">
        <v>45401</v>
      </c>
      <c r="F101860" s="14" t="s">
        <v>15</v>
      </c>
      <c r="G101860" s="16">
        <v>0</v>
      </c>
    </row>
    <row r="101861" spans="1:7" x14ac:dyDescent="0.3">
      <c r="A101861" s="13" t="s">
        <v>500</v>
      </c>
      <c r="B101861" s="14" t="s">
        <v>1</v>
      </c>
      <c r="C101861" s="14" t="s">
        <v>51</v>
      </c>
      <c r="D101861" s="14" t="s">
        <v>128</v>
      </c>
      <c r="E101861" s="15">
        <v>45402</v>
      </c>
      <c r="F101861" s="14" t="s">
        <v>15</v>
      </c>
      <c r="G101861" s="16">
        <v>0</v>
      </c>
    </row>
    <row r="101862" spans="1:7" x14ac:dyDescent="0.3">
      <c r="A101862" s="13" t="s">
        <v>500</v>
      </c>
      <c r="B101862" s="14" t="s">
        <v>1</v>
      </c>
      <c r="C101862" s="14" t="s">
        <v>51</v>
      </c>
      <c r="D101862" s="14" t="s">
        <v>128</v>
      </c>
      <c r="E101862" s="15">
        <v>45403</v>
      </c>
      <c r="F101862" s="14" t="s">
        <v>15</v>
      </c>
      <c r="G101862" s="16">
        <v>0</v>
      </c>
    </row>
    <row r="101863" spans="1:7" x14ac:dyDescent="0.3">
      <c r="A101863" s="13" t="s">
        <v>500</v>
      </c>
      <c r="B101863" s="14" t="s">
        <v>1</v>
      </c>
      <c r="C101863" s="14" t="s">
        <v>51</v>
      </c>
      <c r="D101863" s="14" t="s">
        <v>128</v>
      </c>
      <c r="E101863" s="15">
        <v>45404</v>
      </c>
      <c r="F101863" s="14" t="s">
        <v>15</v>
      </c>
      <c r="G101863" s="16">
        <v>0</v>
      </c>
    </row>
    <row r="101864" spans="1:7" x14ac:dyDescent="0.3">
      <c r="A101864" s="13" t="s">
        <v>500</v>
      </c>
      <c r="B101864" s="14" t="s">
        <v>1</v>
      </c>
      <c r="C101864" s="14" t="s">
        <v>51</v>
      </c>
      <c r="D101864" s="14" t="s">
        <v>128</v>
      </c>
      <c r="E101864" s="15">
        <v>45405</v>
      </c>
      <c r="F101864" s="14" t="s">
        <v>15</v>
      </c>
      <c r="G101864" s="16">
        <v>0</v>
      </c>
    </row>
    <row r="101865" spans="1:7" x14ac:dyDescent="0.3">
      <c r="A101865" s="13" t="s">
        <v>500</v>
      </c>
      <c r="B101865" s="14" t="s">
        <v>1</v>
      </c>
      <c r="C101865" s="14" t="s">
        <v>51</v>
      </c>
      <c r="D101865" s="14" t="s">
        <v>128</v>
      </c>
      <c r="E101865" s="15">
        <v>45406</v>
      </c>
      <c r="F101865" s="14" t="s">
        <v>15</v>
      </c>
      <c r="G101865" s="16">
        <v>0</v>
      </c>
    </row>
    <row r="101866" spans="1:7" x14ac:dyDescent="0.3">
      <c r="A101866" s="13" t="s">
        <v>500</v>
      </c>
      <c r="B101866" s="14" t="s">
        <v>1</v>
      </c>
      <c r="C101866" s="14" t="s">
        <v>51</v>
      </c>
      <c r="D101866" s="14" t="s">
        <v>128</v>
      </c>
      <c r="E101866" s="15">
        <v>45407</v>
      </c>
      <c r="F101866" s="14" t="s">
        <v>15</v>
      </c>
      <c r="G101866" s="16">
        <v>0</v>
      </c>
    </row>
    <row r="101867" spans="1:7" x14ac:dyDescent="0.3">
      <c r="A101867" s="13" t="s">
        <v>500</v>
      </c>
      <c r="B101867" s="14" t="s">
        <v>1</v>
      </c>
      <c r="C101867" s="14" t="s">
        <v>51</v>
      </c>
      <c r="D101867" s="14" t="s">
        <v>128</v>
      </c>
      <c r="E101867" s="15">
        <v>45408</v>
      </c>
      <c r="F101867" s="14" t="s">
        <v>15</v>
      </c>
      <c r="G101867" s="16">
        <v>0</v>
      </c>
    </row>
    <row r="101868" spans="1:7" x14ac:dyDescent="0.3">
      <c r="A101868" s="13" t="s">
        <v>500</v>
      </c>
      <c r="B101868" s="14" t="s">
        <v>1</v>
      </c>
      <c r="C101868" s="14" t="s">
        <v>51</v>
      </c>
      <c r="D101868" s="14" t="s">
        <v>128</v>
      </c>
      <c r="E101868" s="15">
        <v>45409</v>
      </c>
      <c r="F101868" s="14" t="s">
        <v>15</v>
      </c>
      <c r="G101868" s="16">
        <v>0</v>
      </c>
    </row>
    <row r="101869" spans="1:7" x14ac:dyDescent="0.3">
      <c r="A101869" s="13" t="s">
        <v>500</v>
      </c>
      <c r="B101869" s="14" t="s">
        <v>1</v>
      </c>
      <c r="C101869" s="14" t="s">
        <v>51</v>
      </c>
      <c r="D101869" s="14" t="s">
        <v>128</v>
      </c>
      <c r="E101869" s="15">
        <v>45410</v>
      </c>
      <c r="F101869" s="14" t="s">
        <v>15</v>
      </c>
      <c r="G101869" s="16">
        <v>0</v>
      </c>
    </row>
    <row r="101870" spans="1:7" x14ac:dyDescent="0.3">
      <c r="A101870" s="13" t="s">
        <v>500</v>
      </c>
      <c r="B101870" s="14" t="s">
        <v>1</v>
      </c>
      <c r="C101870" s="14" t="s">
        <v>51</v>
      </c>
      <c r="D101870" s="14" t="s">
        <v>128</v>
      </c>
      <c r="E101870" s="15">
        <v>45411</v>
      </c>
      <c r="F101870" s="14" t="s">
        <v>15</v>
      </c>
      <c r="G101870" s="16">
        <v>0</v>
      </c>
    </row>
    <row r="101871" spans="1:7" x14ac:dyDescent="0.3">
      <c r="A101871" s="13" t="s">
        <v>500</v>
      </c>
      <c r="B101871" s="14" t="s">
        <v>1</v>
      </c>
      <c r="C101871" s="14" t="s">
        <v>51</v>
      </c>
      <c r="D101871" s="14" t="s">
        <v>128</v>
      </c>
      <c r="E101871" s="15">
        <v>45412</v>
      </c>
      <c r="F101871" s="14" t="s">
        <v>15</v>
      </c>
      <c r="G101871" s="16">
        <v>0</v>
      </c>
    </row>
    <row r="101872" spans="1:7" x14ac:dyDescent="0.3">
      <c r="A101872" s="13" t="s">
        <v>500</v>
      </c>
      <c r="B101872" s="14" t="s">
        <v>1</v>
      </c>
      <c r="C101872" s="14" t="s">
        <v>51</v>
      </c>
      <c r="D101872" s="14" t="s">
        <v>128</v>
      </c>
      <c r="E101872" s="15">
        <v>45413</v>
      </c>
      <c r="F101872" s="14" t="s">
        <v>15</v>
      </c>
      <c r="G101872" s="16">
        <v>0</v>
      </c>
    </row>
    <row r="101873" spans="1:7" x14ac:dyDescent="0.3">
      <c r="A101873" s="13" t="s">
        <v>500</v>
      </c>
      <c r="B101873" s="14" t="s">
        <v>1</v>
      </c>
      <c r="C101873" s="14" t="s">
        <v>51</v>
      </c>
      <c r="D101873" s="14" t="s">
        <v>128</v>
      </c>
      <c r="E101873" s="15">
        <v>45414</v>
      </c>
      <c r="F101873" s="14" t="s">
        <v>15</v>
      </c>
      <c r="G101873" s="16">
        <v>0</v>
      </c>
    </row>
    <row r="101874" spans="1:7" x14ac:dyDescent="0.3">
      <c r="A101874" s="13" t="s">
        <v>500</v>
      </c>
      <c r="B101874" s="14" t="s">
        <v>1</v>
      </c>
      <c r="C101874" s="14" t="s">
        <v>51</v>
      </c>
      <c r="D101874" s="14" t="s">
        <v>128</v>
      </c>
      <c r="E101874" s="15">
        <v>45415</v>
      </c>
      <c r="F101874" s="14" t="s">
        <v>15</v>
      </c>
      <c r="G101874" s="16">
        <v>0</v>
      </c>
    </row>
    <row r="101875" spans="1:7" x14ac:dyDescent="0.3">
      <c r="A101875" s="13" t="s">
        <v>500</v>
      </c>
      <c r="B101875" s="14" t="s">
        <v>1</v>
      </c>
      <c r="C101875" s="14" t="s">
        <v>51</v>
      </c>
      <c r="D101875" s="14" t="s">
        <v>128</v>
      </c>
      <c r="E101875" s="15">
        <v>45416</v>
      </c>
      <c r="F101875" s="14" t="s">
        <v>15</v>
      </c>
      <c r="G101875" s="16">
        <v>0</v>
      </c>
    </row>
    <row r="101876" spans="1:7" x14ac:dyDescent="0.3">
      <c r="A101876" s="13" t="s">
        <v>500</v>
      </c>
      <c r="B101876" s="14" t="s">
        <v>1</v>
      </c>
      <c r="C101876" s="14" t="s">
        <v>51</v>
      </c>
      <c r="D101876" s="14" t="s">
        <v>128</v>
      </c>
      <c r="E101876" s="15">
        <v>45417</v>
      </c>
      <c r="F101876" s="14" t="s">
        <v>15</v>
      </c>
      <c r="G101876" s="16">
        <v>0</v>
      </c>
    </row>
    <row r="101877" spans="1:7" x14ac:dyDescent="0.3">
      <c r="A101877" s="13" t="s">
        <v>500</v>
      </c>
      <c r="B101877" s="14" t="s">
        <v>1</v>
      </c>
      <c r="C101877" s="14" t="s">
        <v>51</v>
      </c>
      <c r="D101877" s="14" t="s">
        <v>128</v>
      </c>
      <c r="E101877" s="15">
        <v>45418</v>
      </c>
      <c r="F101877" s="14" t="s">
        <v>15</v>
      </c>
      <c r="G101877" s="16">
        <v>0</v>
      </c>
    </row>
    <row r="101878" spans="1:7" x14ac:dyDescent="0.3">
      <c r="A101878" s="13" t="s">
        <v>500</v>
      </c>
      <c r="B101878" s="14" t="s">
        <v>1</v>
      </c>
      <c r="C101878" s="14" t="s">
        <v>51</v>
      </c>
      <c r="D101878" s="14" t="s">
        <v>128</v>
      </c>
      <c r="E101878" s="15">
        <v>45419</v>
      </c>
      <c r="F101878" s="14" t="s">
        <v>15</v>
      </c>
      <c r="G101878" s="16">
        <v>0</v>
      </c>
    </row>
    <row r="101879" spans="1:7" x14ac:dyDescent="0.3">
      <c r="A101879" s="13" t="s">
        <v>500</v>
      </c>
      <c r="B101879" s="14" t="s">
        <v>1</v>
      </c>
      <c r="C101879" s="14" t="s">
        <v>51</v>
      </c>
      <c r="D101879" s="14" t="s">
        <v>128</v>
      </c>
      <c r="E101879" s="15">
        <v>45420</v>
      </c>
      <c r="F101879" s="14" t="s">
        <v>15</v>
      </c>
      <c r="G101879" s="16">
        <v>0</v>
      </c>
    </row>
    <row r="101880" spans="1:7" x14ac:dyDescent="0.3">
      <c r="A101880" s="13" t="s">
        <v>500</v>
      </c>
      <c r="B101880" s="14" t="s">
        <v>1</v>
      </c>
      <c r="C101880" s="14" t="s">
        <v>51</v>
      </c>
      <c r="D101880" s="14" t="s">
        <v>128</v>
      </c>
      <c r="E101880" s="15">
        <v>45421</v>
      </c>
      <c r="F101880" s="14" t="s">
        <v>15</v>
      </c>
      <c r="G101880" s="16">
        <v>0</v>
      </c>
    </row>
    <row r="101881" spans="1:7" x14ac:dyDescent="0.3">
      <c r="A101881" s="13" t="s">
        <v>500</v>
      </c>
      <c r="B101881" s="14" t="s">
        <v>1</v>
      </c>
      <c r="C101881" s="14" t="s">
        <v>51</v>
      </c>
      <c r="D101881" s="14" t="s">
        <v>128</v>
      </c>
      <c r="E101881" s="15">
        <v>45422</v>
      </c>
      <c r="F101881" s="14" t="s">
        <v>15</v>
      </c>
      <c r="G101881" s="16">
        <v>0</v>
      </c>
    </row>
    <row r="101882" spans="1:7" x14ac:dyDescent="0.3">
      <c r="A101882" s="13" t="s">
        <v>500</v>
      </c>
      <c r="B101882" s="14" t="s">
        <v>1</v>
      </c>
      <c r="C101882" s="14" t="s">
        <v>51</v>
      </c>
      <c r="D101882" s="14" t="s">
        <v>128</v>
      </c>
      <c r="E101882" s="15">
        <v>45423</v>
      </c>
      <c r="F101882" s="14" t="s">
        <v>15</v>
      </c>
      <c r="G101882" s="16">
        <v>0</v>
      </c>
    </row>
    <row r="101883" spans="1:7" x14ac:dyDescent="0.3">
      <c r="A101883" s="13" t="s">
        <v>500</v>
      </c>
      <c r="B101883" s="14" t="s">
        <v>1</v>
      </c>
      <c r="C101883" s="14" t="s">
        <v>51</v>
      </c>
      <c r="D101883" s="14" t="s">
        <v>128</v>
      </c>
      <c r="E101883" s="15">
        <v>45424</v>
      </c>
      <c r="F101883" s="14" t="s">
        <v>15</v>
      </c>
      <c r="G101883" s="16">
        <v>0</v>
      </c>
    </row>
    <row r="101884" spans="1:7" x14ac:dyDescent="0.3">
      <c r="A101884" s="13" t="s">
        <v>500</v>
      </c>
      <c r="B101884" s="14" t="s">
        <v>1</v>
      </c>
      <c r="C101884" s="14" t="s">
        <v>51</v>
      </c>
      <c r="D101884" s="14" t="s">
        <v>128</v>
      </c>
      <c r="E101884" s="15">
        <v>45425</v>
      </c>
      <c r="F101884" s="14" t="s">
        <v>15</v>
      </c>
      <c r="G101884" s="16">
        <v>0</v>
      </c>
    </row>
    <row r="101885" spans="1:7" x14ac:dyDescent="0.3">
      <c r="A101885" s="13" t="s">
        <v>500</v>
      </c>
      <c r="B101885" s="14" t="s">
        <v>1</v>
      </c>
      <c r="C101885" s="14" t="s">
        <v>51</v>
      </c>
      <c r="D101885" s="14" t="s">
        <v>128</v>
      </c>
      <c r="E101885" s="15">
        <v>45426</v>
      </c>
      <c r="F101885" s="14" t="s">
        <v>15</v>
      </c>
      <c r="G101885" s="16">
        <v>0</v>
      </c>
    </row>
    <row r="101886" spans="1:7" x14ac:dyDescent="0.3">
      <c r="A101886" s="13" t="s">
        <v>500</v>
      </c>
      <c r="B101886" s="14" t="s">
        <v>1</v>
      </c>
      <c r="C101886" s="14" t="s">
        <v>51</v>
      </c>
      <c r="D101886" s="14" t="s">
        <v>128</v>
      </c>
      <c r="E101886" s="15">
        <v>45427</v>
      </c>
      <c r="F101886" s="14" t="s">
        <v>15</v>
      </c>
      <c r="G101886" s="16">
        <v>0</v>
      </c>
    </row>
    <row r="101887" spans="1:7" x14ac:dyDescent="0.3">
      <c r="A101887" s="13" t="s">
        <v>500</v>
      </c>
      <c r="B101887" s="14" t="s">
        <v>1</v>
      </c>
      <c r="C101887" s="14" t="s">
        <v>51</v>
      </c>
      <c r="D101887" s="14" t="s">
        <v>128</v>
      </c>
      <c r="E101887" s="15">
        <v>45428</v>
      </c>
      <c r="F101887" s="14" t="s">
        <v>15</v>
      </c>
      <c r="G101887" s="16">
        <v>0</v>
      </c>
    </row>
    <row r="101888" spans="1:7" x14ac:dyDescent="0.3">
      <c r="A101888" s="13" t="s">
        <v>500</v>
      </c>
      <c r="B101888" s="14" t="s">
        <v>1</v>
      </c>
      <c r="C101888" s="14" t="s">
        <v>51</v>
      </c>
      <c r="D101888" s="14" t="s">
        <v>128</v>
      </c>
      <c r="E101888" s="15">
        <v>45429</v>
      </c>
      <c r="F101888" s="14" t="s">
        <v>15</v>
      </c>
      <c r="G101888" s="16">
        <v>0</v>
      </c>
    </row>
    <row r="101889" spans="1:7" x14ac:dyDescent="0.3">
      <c r="A101889" s="13" t="s">
        <v>500</v>
      </c>
      <c r="B101889" s="14" t="s">
        <v>1</v>
      </c>
      <c r="C101889" s="14" t="s">
        <v>51</v>
      </c>
      <c r="D101889" s="14" t="s">
        <v>128</v>
      </c>
      <c r="E101889" s="15">
        <v>45430</v>
      </c>
      <c r="F101889" s="14" t="s">
        <v>15</v>
      </c>
      <c r="G101889" s="16">
        <v>0</v>
      </c>
    </row>
    <row r="101890" spans="1:7" x14ac:dyDescent="0.3">
      <c r="A101890" s="13" t="s">
        <v>500</v>
      </c>
      <c r="B101890" s="14" t="s">
        <v>1</v>
      </c>
      <c r="C101890" s="14" t="s">
        <v>51</v>
      </c>
      <c r="D101890" s="14" t="s">
        <v>128</v>
      </c>
      <c r="E101890" s="15">
        <v>45431</v>
      </c>
      <c r="F101890" s="14" t="s">
        <v>15</v>
      </c>
      <c r="G101890" s="16">
        <v>0</v>
      </c>
    </row>
    <row r="101891" spans="1:7" x14ac:dyDescent="0.3">
      <c r="A101891" s="13" t="s">
        <v>500</v>
      </c>
      <c r="B101891" s="14" t="s">
        <v>1</v>
      </c>
      <c r="C101891" s="14" t="s">
        <v>51</v>
      </c>
      <c r="D101891" s="14" t="s">
        <v>128</v>
      </c>
      <c r="E101891" s="15">
        <v>45432</v>
      </c>
      <c r="F101891" s="14" t="s">
        <v>15</v>
      </c>
      <c r="G101891" s="16">
        <v>0</v>
      </c>
    </row>
    <row r="101892" spans="1:7" x14ac:dyDescent="0.3">
      <c r="A101892" s="13" t="s">
        <v>500</v>
      </c>
      <c r="B101892" s="14" t="s">
        <v>1</v>
      </c>
      <c r="C101892" s="14" t="s">
        <v>51</v>
      </c>
      <c r="D101892" s="14" t="s">
        <v>128</v>
      </c>
      <c r="E101892" s="15">
        <v>45433</v>
      </c>
      <c r="F101892" s="14" t="s">
        <v>15</v>
      </c>
      <c r="G101892" s="16">
        <v>0</v>
      </c>
    </row>
    <row r="101893" spans="1:7" x14ac:dyDescent="0.3">
      <c r="A101893" s="13" t="s">
        <v>500</v>
      </c>
      <c r="B101893" s="14" t="s">
        <v>1</v>
      </c>
      <c r="C101893" s="14" t="s">
        <v>51</v>
      </c>
      <c r="D101893" s="14" t="s">
        <v>128</v>
      </c>
      <c r="E101893" s="15">
        <v>45434</v>
      </c>
      <c r="F101893" s="14" t="s">
        <v>15</v>
      </c>
      <c r="G101893" s="16">
        <v>0</v>
      </c>
    </row>
    <row r="101894" spans="1:7" x14ac:dyDescent="0.3">
      <c r="A101894" s="13" t="s">
        <v>500</v>
      </c>
      <c r="B101894" s="14" t="s">
        <v>1</v>
      </c>
      <c r="C101894" s="14" t="s">
        <v>51</v>
      </c>
      <c r="D101894" s="14" t="s">
        <v>128</v>
      </c>
      <c r="E101894" s="15">
        <v>45435</v>
      </c>
      <c r="F101894" s="14" t="s">
        <v>15</v>
      </c>
      <c r="G101894" s="16">
        <v>0</v>
      </c>
    </row>
    <row r="101895" spans="1:7" x14ac:dyDescent="0.3">
      <c r="A101895" s="13" t="s">
        <v>500</v>
      </c>
      <c r="B101895" s="14" t="s">
        <v>1</v>
      </c>
      <c r="C101895" s="14" t="s">
        <v>51</v>
      </c>
      <c r="D101895" s="14" t="s">
        <v>128</v>
      </c>
      <c r="E101895" s="15">
        <v>45436</v>
      </c>
      <c r="F101895" s="14" t="s">
        <v>15</v>
      </c>
      <c r="G101895" s="16">
        <v>0</v>
      </c>
    </row>
    <row r="101896" spans="1:7" x14ac:dyDescent="0.3">
      <c r="A101896" s="13" t="s">
        <v>500</v>
      </c>
      <c r="B101896" s="14" t="s">
        <v>1</v>
      </c>
      <c r="C101896" s="14" t="s">
        <v>51</v>
      </c>
      <c r="D101896" s="14" t="s">
        <v>128</v>
      </c>
      <c r="E101896" s="15">
        <v>45437</v>
      </c>
      <c r="F101896" s="14" t="s">
        <v>15</v>
      </c>
      <c r="G101896" s="16">
        <v>0</v>
      </c>
    </row>
    <row r="101897" spans="1:7" x14ac:dyDescent="0.3">
      <c r="A101897" s="13" t="s">
        <v>500</v>
      </c>
      <c r="B101897" s="14" t="s">
        <v>1</v>
      </c>
      <c r="C101897" s="14" t="s">
        <v>51</v>
      </c>
      <c r="D101897" s="14" t="s">
        <v>128</v>
      </c>
      <c r="E101897" s="15">
        <v>45438</v>
      </c>
      <c r="F101897" s="14" t="s">
        <v>15</v>
      </c>
      <c r="G101897" s="16">
        <v>0</v>
      </c>
    </row>
    <row r="101898" spans="1:7" x14ac:dyDescent="0.3">
      <c r="A101898" s="13" t="s">
        <v>500</v>
      </c>
      <c r="B101898" s="14" t="s">
        <v>1</v>
      </c>
      <c r="C101898" s="14" t="s">
        <v>51</v>
      </c>
      <c r="D101898" s="14" t="s">
        <v>128</v>
      </c>
      <c r="E101898" s="15">
        <v>45439</v>
      </c>
      <c r="F101898" s="14" t="s">
        <v>15</v>
      </c>
      <c r="G101898" s="16">
        <v>0</v>
      </c>
    </row>
    <row r="101899" spans="1:7" x14ac:dyDescent="0.3">
      <c r="A101899" s="13" t="s">
        <v>500</v>
      </c>
      <c r="B101899" s="14" t="s">
        <v>1</v>
      </c>
      <c r="C101899" s="14" t="s">
        <v>51</v>
      </c>
      <c r="D101899" s="14" t="s">
        <v>128</v>
      </c>
      <c r="E101899" s="15">
        <v>45440</v>
      </c>
      <c r="F101899" s="14" t="s">
        <v>15</v>
      </c>
      <c r="G101899" s="16">
        <v>0</v>
      </c>
    </row>
    <row r="101900" spans="1:7" x14ac:dyDescent="0.3">
      <c r="A101900" s="13" t="s">
        <v>500</v>
      </c>
      <c r="B101900" s="14" t="s">
        <v>1</v>
      </c>
      <c r="C101900" s="14" t="s">
        <v>51</v>
      </c>
      <c r="D101900" s="14" t="s">
        <v>128</v>
      </c>
      <c r="E101900" s="15">
        <v>45441</v>
      </c>
      <c r="F101900" s="14" t="s">
        <v>15</v>
      </c>
      <c r="G101900" s="16">
        <v>0</v>
      </c>
    </row>
    <row r="101901" spans="1:7" x14ac:dyDescent="0.3">
      <c r="A101901" s="13" t="s">
        <v>500</v>
      </c>
      <c r="B101901" s="14" t="s">
        <v>1</v>
      </c>
      <c r="C101901" s="14" t="s">
        <v>51</v>
      </c>
      <c r="D101901" s="14" t="s">
        <v>128</v>
      </c>
      <c r="E101901" s="15">
        <v>45442</v>
      </c>
      <c r="F101901" s="14" t="s">
        <v>15</v>
      </c>
      <c r="G101901" s="16">
        <v>0</v>
      </c>
    </row>
    <row r="101902" spans="1:7" x14ac:dyDescent="0.3">
      <c r="A101902" s="13" t="s">
        <v>500</v>
      </c>
      <c r="B101902" s="14" t="s">
        <v>1</v>
      </c>
      <c r="C101902" s="14" t="s">
        <v>51</v>
      </c>
      <c r="D101902" s="14" t="s">
        <v>128</v>
      </c>
      <c r="E101902" s="15">
        <v>45443</v>
      </c>
      <c r="F101902" s="14" t="s">
        <v>15</v>
      </c>
      <c r="G101902" s="16">
        <v>0</v>
      </c>
    </row>
    <row r="101903" spans="1:7" x14ac:dyDescent="0.3">
      <c r="A101903" s="13" t="s">
        <v>500</v>
      </c>
      <c r="B101903" s="14" t="s">
        <v>1</v>
      </c>
      <c r="C101903" s="14" t="s">
        <v>51</v>
      </c>
      <c r="D101903" s="14" t="s">
        <v>128</v>
      </c>
      <c r="E101903" s="15">
        <v>45444</v>
      </c>
      <c r="F101903" s="14" t="s">
        <v>15</v>
      </c>
      <c r="G101903" s="16">
        <v>0</v>
      </c>
    </row>
    <row r="101904" spans="1:7" x14ac:dyDescent="0.3">
      <c r="A101904" s="13" t="s">
        <v>500</v>
      </c>
      <c r="B101904" s="14" t="s">
        <v>1</v>
      </c>
      <c r="C101904" s="14" t="s">
        <v>51</v>
      </c>
      <c r="D101904" s="14" t="s">
        <v>128</v>
      </c>
      <c r="E101904" s="15">
        <v>45445</v>
      </c>
      <c r="F101904" s="14" t="s">
        <v>15</v>
      </c>
      <c r="G101904" s="16">
        <v>0</v>
      </c>
    </row>
    <row r="101905" spans="1:7" x14ac:dyDescent="0.3">
      <c r="A101905" s="13" t="s">
        <v>500</v>
      </c>
      <c r="B101905" s="14" t="s">
        <v>1</v>
      </c>
      <c r="C101905" s="14" t="s">
        <v>51</v>
      </c>
      <c r="D101905" s="14" t="s">
        <v>128</v>
      </c>
      <c r="E101905" s="15">
        <v>45446</v>
      </c>
      <c r="F101905" s="14" t="s">
        <v>15</v>
      </c>
      <c r="G101905" s="16">
        <v>0</v>
      </c>
    </row>
    <row r="101906" spans="1:7" x14ac:dyDescent="0.3">
      <c r="A101906" s="13" t="s">
        <v>500</v>
      </c>
      <c r="B101906" s="14" t="s">
        <v>1</v>
      </c>
      <c r="C101906" s="14" t="s">
        <v>51</v>
      </c>
      <c r="D101906" s="14" t="s">
        <v>128</v>
      </c>
      <c r="E101906" s="15">
        <v>45447</v>
      </c>
      <c r="F101906" s="14" t="s">
        <v>15</v>
      </c>
      <c r="G101906" s="16">
        <v>0</v>
      </c>
    </row>
    <row r="101907" spans="1:7" x14ac:dyDescent="0.3">
      <c r="A101907" s="13" t="s">
        <v>500</v>
      </c>
      <c r="B101907" s="14" t="s">
        <v>1</v>
      </c>
      <c r="C101907" s="14" t="s">
        <v>51</v>
      </c>
      <c r="D101907" s="14" t="s">
        <v>128</v>
      </c>
      <c r="E101907" s="15">
        <v>45448</v>
      </c>
      <c r="F101907" s="14" t="s">
        <v>15</v>
      </c>
      <c r="G101907" s="16">
        <v>0</v>
      </c>
    </row>
    <row r="101908" spans="1:7" x14ac:dyDescent="0.3">
      <c r="A101908" s="13" t="s">
        <v>500</v>
      </c>
      <c r="B101908" s="14" t="s">
        <v>1</v>
      </c>
      <c r="C101908" s="14" t="s">
        <v>51</v>
      </c>
      <c r="D101908" s="14" t="s">
        <v>128</v>
      </c>
      <c r="E101908" s="15">
        <v>45449</v>
      </c>
      <c r="F101908" s="14" t="s">
        <v>15</v>
      </c>
      <c r="G101908" s="16">
        <v>0</v>
      </c>
    </row>
    <row r="101909" spans="1:7" x14ac:dyDescent="0.3">
      <c r="A101909" s="13" t="s">
        <v>500</v>
      </c>
      <c r="B101909" s="14" t="s">
        <v>1</v>
      </c>
      <c r="C101909" s="14" t="s">
        <v>51</v>
      </c>
      <c r="D101909" s="14" t="s">
        <v>128</v>
      </c>
      <c r="E101909" s="15">
        <v>45450</v>
      </c>
      <c r="F101909" s="14" t="s">
        <v>15</v>
      </c>
      <c r="G101909" s="16">
        <v>0</v>
      </c>
    </row>
    <row r="101910" spans="1:7" x14ac:dyDescent="0.3">
      <c r="A101910" s="13" t="s">
        <v>500</v>
      </c>
      <c r="B101910" s="14" t="s">
        <v>1</v>
      </c>
      <c r="C101910" s="14" t="s">
        <v>51</v>
      </c>
      <c r="D101910" s="14" t="s">
        <v>128</v>
      </c>
      <c r="E101910" s="15">
        <v>45451</v>
      </c>
      <c r="F101910" s="14" t="s">
        <v>15</v>
      </c>
      <c r="G101910" s="16">
        <v>0</v>
      </c>
    </row>
    <row r="101911" spans="1:7" x14ac:dyDescent="0.3">
      <c r="A101911" s="13" t="s">
        <v>500</v>
      </c>
      <c r="B101911" s="14" t="s">
        <v>1</v>
      </c>
      <c r="C101911" s="14" t="s">
        <v>51</v>
      </c>
      <c r="D101911" s="14" t="s">
        <v>128</v>
      </c>
      <c r="E101911" s="15">
        <v>45452</v>
      </c>
      <c r="F101911" s="14" t="s">
        <v>15</v>
      </c>
      <c r="G101911" s="16">
        <v>0</v>
      </c>
    </row>
    <row r="101912" spans="1:7" x14ac:dyDescent="0.3">
      <c r="A101912" s="13" t="s">
        <v>500</v>
      </c>
      <c r="B101912" s="14" t="s">
        <v>1</v>
      </c>
      <c r="C101912" s="14" t="s">
        <v>51</v>
      </c>
      <c r="D101912" s="14" t="s">
        <v>128</v>
      </c>
      <c r="E101912" s="15">
        <v>45453</v>
      </c>
      <c r="F101912" s="14" t="s">
        <v>15</v>
      </c>
      <c r="G101912" s="16">
        <v>0</v>
      </c>
    </row>
    <row r="101913" spans="1:7" x14ac:dyDescent="0.3">
      <c r="A101913" s="13" t="s">
        <v>500</v>
      </c>
      <c r="B101913" s="14" t="s">
        <v>1</v>
      </c>
      <c r="C101913" s="14" t="s">
        <v>51</v>
      </c>
      <c r="D101913" s="14" t="s">
        <v>128</v>
      </c>
      <c r="E101913" s="15">
        <v>45454</v>
      </c>
      <c r="F101913" s="14" t="s">
        <v>15</v>
      </c>
      <c r="G101913" s="16">
        <v>0</v>
      </c>
    </row>
    <row r="101914" spans="1:7" x14ac:dyDescent="0.3">
      <c r="A101914" s="13" t="s">
        <v>500</v>
      </c>
      <c r="B101914" s="14" t="s">
        <v>1</v>
      </c>
      <c r="C101914" s="14" t="s">
        <v>51</v>
      </c>
      <c r="D101914" s="14" t="s">
        <v>128</v>
      </c>
      <c r="E101914" s="15">
        <v>45455</v>
      </c>
      <c r="F101914" s="14" t="s">
        <v>15</v>
      </c>
      <c r="G101914" s="16">
        <v>0</v>
      </c>
    </row>
    <row r="101915" spans="1:7" x14ac:dyDescent="0.3">
      <c r="A101915" s="13" t="s">
        <v>500</v>
      </c>
      <c r="B101915" s="14" t="s">
        <v>1</v>
      </c>
      <c r="C101915" s="14" t="s">
        <v>51</v>
      </c>
      <c r="D101915" s="14" t="s">
        <v>128</v>
      </c>
      <c r="E101915" s="15">
        <v>45456</v>
      </c>
      <c r="F101915" s="14" t="s">
        <v>15</v>
      </c>
      <c r="G101915" s="16">
        <v>0</v>
      </c>
    </row>
    <row r="101916" spans="1:7" x14ac:dyDescent="0.3">
      <c r="A101916" s="13" t="s">
        <v>500</v>
      </c>
      <c r="B101916" s="14" t="s">
        <v>1</v>
      </c>
      <c r="C101916" s="14" t="s">
        <v>51</v>
      </c>
      <c r="D101916" s="14" t="s">
        <v>128</v>
      </c>
      <c r="E101916" s="15">
        <v>45457</v>
      </c>
      <c r="F101916" s="14" t="s">
        <v>15</v>
      </c>
      <c r="G101916" s="16">
        <v>0</v>
      </c>
    </row>
    <row r="101917" spans="1:7" x14ac:dyDescent="0.3">
      <c r="A101917" s="13" t="s">
        <v>500</v>
      </c>
      <c r="B101917" s="14" t="s">
        <v>1</v>
      </c>
      <c r="C101917" s="14" t="s">
        <v>51</v>
      </c>
      <c r="D101917" s="14" t="s">
        <v>128</v>
      </c>
      <c r="E101917" s="15">
        <v>45458</v>
      </c>
      <c r="F101917" s="14" t="s">
        <v>15</v>
      </c>
      <c r="G101917" s="16">
        <v>0</v>
      </c>
    </row>
    <row r="101918" spans="1:7" x14ac:dyDescent="0.3">
      <c r="A101918" s="13" t="s">
        <v>500</v>
      </c>
      <c r="B101918" s="14" t="s">
        <v>1</v>
      </c>
      <c r="C101918" s="14" t="s">
        <v>51</v>
      </c>
      <c r="D101918" s="14" t="s">
        <v>128</v>
      </c>
      <c r="E101918" s="15">
        <v>45459</v>
      </c>
      <c r="F101918" s="14" t="s">
        <v>15</v>
      </c>
      <c r="G101918" s="16">
        <v>0</v>
      </c>
    </row>
    <row r="101919" spans="1:7" x14ac:dyDescent="0.3">
      <c r="A101919" s="13" t="s">
        <v>500</v>
      </c>
      <c r="B101919" s="14" t="s">
        <v>1</v>
      </c>
      <c r="C101919" s="14" t="s">
        <v>51</v>
      </c>
      <c r="D101919" s="14" t="s">
        <v>128</v>
      </c>
      <c r="E101919" s="15">
        <v>45460</v>
      </c>
      <c r="F101919" s="14" t="s">
        <v>15</v>
      </c>
      <c r="G101919" s="16">
        <v>0</v>
      </c>
    </row>
    <row r="101920" spans="1:7" x14ac:dyDescent="0.3">
      <c r="A101920" s="13" t="s">
        <v>500</v>
      </c>
      <c r="B101920" s="14" t="s">
        <v>1</v>
      </c>
      <c r="C101920" s="14" t="s">
        <v>51</v>
      </c>
      <c r="D101920" s="14" t="s">
        <v>128</v>
      </c>
      <c r="E101920" s="15">
        <v>45461</v>
      </c>
      <c r="F101920" s="14" t="s">
        <v>15</v>
      </c>
      <c r="G101920" s="16">
        <v>0</v>
      </c>
    </row>
    <row r="101921" spans="1:7" x14ac:dyDescent="0.3">
      <c r="A101921" s="13" t="s">
        <v>500</v>
      </c>
      <c r="B101921" s="14" t="s">
        <v>1</v>
      </c>
      <c r="C101921" s="14" t="s">
        <v>51</v>
      </c>
      <c r="D101921" s="14" t="s">
        <v>128</v>
      </c>
      <c r="E101921" s="15">
        <v>45462</v>
      </c>
      <c r="F101921" s="14" t="s">
        <v>15</v>
      </c>
      <c r="G101921" s="16">
        <v>0</v>
      </c>
    </row>
    <row r="101922" spans="1:7" x14ac:dyDescent="0.3">
      <c r="A101922" s="13" t="s">
        <v>500</v>
      </c>
      <c r="B101922" s="14" t="s">
        <v>1</v>
      </c>
      <c r="C101922" s="14" t="s">
        <v>51</v>
      </c>
      <c r="D101922" s="14" t="s">
        <v>128</v>
      </c>
      <c r="E101922" s="15">
        <v>45463</v>
      </c>
      <c r="F101922" s="14" t="s">
        <v>15</v>
      </c>
      <c r="G101922" s="16">
        <v>0</v>
      </c>
    </row>
    <row r="101923" spans="1:7" x14ac:dyDescent="0.3">
      <c r="A101923" s="13" t="s">
        <v>500</v>
      </c>
      <c r="B101923" s="14" t="s">
        <v>1</v>
      </c>
      <c r="C101923" s="14" t="s">
        <v>51</v>
      </c>
      <c r="D101923" s="14" t="s">
        <v>128</v>
      </c>
      <c r="E101923" s="15">
        <v>45464</v>
      </c>
      <c r="F101923" s="14" t="s">
        <v>15</v>
      </c>
      <c r="G101923" s="16">
        <v>0</v>
      </c>
    </row>
    <row r="101924" spans="1:7" x14ac:dyDescent="0.3">
      <c r="A101924" s="13" t="s">
        <v>500</v>
      </c>
      <c r="B101924" s="14" t="s">
        <v>1</v>
      </c>
      <c r="C101924" s="14" t="s">
        <v>51</v>
      </c>
      <c r="D101924" s="14" t="s">
        <v>128</v>
      </c>
      <c r="E101924" s="15">
        <v>45465</v>
      </c>
      <c r="F101924" s="14" t="s">
        <v>15</v>
      </c>
      <c r="G101924" s="16">
        <v>0</v>
      </c>
    </row>
    <row r="101925" spans="1:7" x14ac:dyDescent="0.3">
      <c r="A101925" s="13" t="s">
        <v>500</v>
      </c>
      <c r="B101925" s="14" t="s">
        <v>1</v>
      </c>
      <c r="C101925" s="14" t="s">
        <v>51</v>
      </c>
      <c r="D101925" s="14" t="s">
        <v>128</v>
      </c>
      <c r="E101925" s="15">
        <v>45466</v>
      </c>
      <c r="F101925" s="14" t="s">
        <v>15</v>
      </c>
      <c r="G101925" s="16">
        <v>0</v>
      </c>
    </row>
    <row r="101926" spans="1:7" x14ac:dyDescent="0.3">
      <c r="A101926" s="13" t="s">
        <v>500</v>
      </c>
      <c r="B101926" s="14" t="s">
        <v>1</v>
      </c>
      <c r="C101926" s="14" t="s">
        <v>51</v>
      </c>
      <c r="D101926" s="14" t="s">
        <v>128</v>
      </c>
      <c r="E101926" s="15">
        <v>45467</v>
      </c>
      <c r="F101926" s="14" t="s">
        <v>15</v>
      </c>
      <c r="G101926" s="16">
        <v>0</v>
      </c>
    </row>
    <row r="101927" spans="1:7" x14ac:dyDescent="0.3">
      <c r="A101927" s="13" t="s">
        <v>500</v>
      </c>
      <c r="B101927" s="14" t="s">
        <v>1</v>
      </c>
      <c r="C101927" s="14" t="s">
        <v>51</v>
      </c>
      <c r="D101927" s="14" t="s">
        <v>128</v>
      </c>
      <c r="E101927" s="15">
        <v>45468</v>
      </c>
      <c r="F101927" s="14" t="s">
        <v>15</v>
      </c>
      <c r="G101927" s="16">
        <v>0</v>
      </c>
    </row>
    <row r="101928" spans="1:7" x14ac:dyDescent="0.3">
      <c r="A101928" s="13" t="s">
        <v>500</v>
      </c>
      <c r="B101928" s="14" t="s">
        <v>1</v>
      </c>
      <c r="C101928" s="14" t="s">
        <v>51</v>
      </c>
      <c r="D101928" s="14" t="s">
        <v>128</v>
      </c>
      <c r="E101928" s="15">
        <v>45469</v>
      </c>
      <c r="F101928" s="14" t="s">
        <v>15</v>
      </c>
      <c r="G101928" s="16">
        <v>0</v>
      </c>
    </row>
    <row r="101929" spans="1:7" x14ac:dyDescent="0.3">
      <c r="A101929" s="13" t="s">
        <v>500</v>
      </c>
      <c r="B101929" s="14" t="s">
        <v>1</v>
      </c>
      <c r="C101929" s="14" t="s">
        <v>51</v>
      </c>
      <c r="D101929" s="14" t="s">
        <v>128</v>
      </c>
      <c r="E101929" s="15">
        <v>45470</v>
      </c>
      <c r="F101929" s="14" t="s">
        <v>15</v>
      </c>
      <c r="G101929" s="16">
        <v>0</v>
      </c>
    </row>
    <row r="101930" spans="1:7" x14ac:dyDescent="0.3">
      <c r="A101930" s="13" t="s">
        <v>500</v>
      </c>
      <c r="B101930" s="14" t="s">
        <v>1</v>
      </c>
      <c r="C101930" s="14" t="s">
        <v>51</v>
      </c>
      <c r="D101930" s="14" t="s">
        <v>128</v>
      </c>
      <c r="E101930" s="15">
        <v>45471</v>
      </c>
      <c r="F101930" s="14" t="s">
        <v>15</v>
      </c>
      <c r="G101930" s="16">
        <v>0</v>
      </c>
    </row>
    <row r="101931" spans="1:7" x14ac:dyDescent="0.3">
      <c r="A101931" s="13" t="s">
        <v>500</v>
      </c>
      <c r="B101931" s="14" t="s">
        <v>1</v>
      </c>
      <c r="C101931" s="14" t="s">
        <v>51</v>
      </c>
      <c r="D101931" s="14" t="s">
        <v>128</v>
      </c>
      <c r="E101931" s="15">
        <v>45472</v>
      </c>
      <c r="F101931" s="14" t="s">
        <v>15</v>
      </c>
      <c r="G101931" s="16">
        <v>0</v>
      </c>
    </row>
    <row r="101932" spans="1:7" x14ac:dyDescent="0.3">
      <c r="A101932" s="13" t="s">
        <v>500</v>
      </c>
      <c r="B101932" s="14" t="s">
        <v>1</v>
      </c>
      <c r="C101932" s="14" t="s">
        <v>51</v>
      </c>
      <c r="D101932" s="14" t="s">
        <v>128</v>
      </c>
      <c r="E101932" s="15">
        <v>45473</v>
      </c>
      <c r="F101932" s="14" t="s">
        <v>15</v>
      </c>
      <c r="G101932" s="16">
        <v>0</v>
      </c>
    </row>
    <row r="101933" spans="1:7" x14ac:dyDescent="0.3">
      <c r="A101933" s="13" t="s">
        <v>500</v>
      </c>
      <c r="B101933" s="14" t="s">
        <v>1</v>
      </c>
      <c r="C101933" s="14" t="s">
        <v>51</v>
      </c>
      <c r="D101933" s="14" t="s">
        <v>128</v>
      </c>
      <c r="E101933" s="15">
        <v>45474</v>
      </c>
      <c r="F101933" s="14" t="s">
        <v>15</v>
      </c>
      <c r="G101933" s="16">
        <v>5.2644090875577341E-4</v>
      </c>
    </row>
    <row r="101934" spans="1:7" x14ac:dyDescent="0.3">
      <c r="A101934" s="13" t="s">
        <v>500</v>
      </c>
      <c r="B101934" s="14" t="s">
        <v>1</v>
      </c>
      <c r="C101934" s="14" t="s">
        <v>51</v>
      </c>
      <c r="D101934" s="14" t="s">
        <v>128</v>
      </c>
      <c r="E101934" s="15">
        <v>45475</v>
      </c>
      <c r="F101934" s="14" t="s">
        <v>15</v>
      </c>
      <c r="G101934" s="16">
        <v>0</v>
      </c>
    </row>
    <row r="101935" spans="1:7" x14ac:dyDescent="0.3">
      <c r="A101935" s="13" t="s">
        <v>500</v>
      </c>
      <c r="B101935" s="14" t="s">
        <v>1</v>
      </c>
      <c r="C101935" s="14" t="s">
        <v>51</v>
      </c>
      <c r="D101935" s="14" t="s">
        <v>128</v>
      </c>
      <c r="E101935" s="15">
        <v>45476</v>
      </c>
      <c r="F101935" s="14" t="s">
        <v>15</v>
      </c>
      <c r="G101935" s="16">
        <v>0</v>
      </c>
    </row>
    <row r="101936" spans="1:7" x14ac:dyDescent="0.3">
      <c r="A101936" s="13" t="s">
        <v>500</v>
      </c>
      <c r="B101936" s="14" t="s">
        <v>1</v>
      </c>
      <c r="C101936" s="14" t="s">
        <v>51</v>
      </c>
      <c r="D101936" s="14" t="s">
        <v>128</v>
      </c>
      <c r="E101936" s="15">
        <v>45477</v>
      </c>
      <c r="F101936" s="14" t="s">
        <v>15</v>
      </c>
      <c r="G101936" s="16">
        <v>0</v>
      </c>
    </row>
    <row r="101937" spans="1:7" x14ac:dyDescent="0.3">
      <c r="A101937" s="13" t="s">
        <v>500</v>
      </c>
      <c r="B101937" s="14" t="s">
        <v>1</v>
      </c>
      <c r="C101937" s="14" t="s">
        <v>51</v>
      </c>
      <c r="D101937" s="14" t="s">
        <v>128</v>
      </c>
      <c r="E101937" s="15">
        <v>45478</v>
      </c>
      <c r="F101937" s="14" t="s">
        <v>15</v>
      </c>
      <c r="G101937" s="16">
        <v>0</v>
      </c>
    </row>
    <row r="101938" spans="1:7" x14ac:dyDescent="0.3">
      <c r="A101938" s="13" t="s">
        <v>500</v>
      </c>
      <c r="B101938" s="14" t="s">
        <v>1</v>
      </c>
      <c r="C101938" s="14" t="s">
        <v>51</v>
      </c>
      <c r="D101938" s="14" t="s">
        <v>128</v>
      </c>
      <c r="E101938" s="15">
        <v>45479</v>
      </c>
      <c r="F101938" s="14" t="s">
        <v>15</v>
      </c>
      <c r="G101938" s="16">
        <v>0</v>
      </c>
    </row>
    <row r="101939" spans="1:7" x14ac:dyDescent="0.3">
      <c r="A101939" s="13" t="s">
        <v>500</v>
      </c>
      <c r="B101939" s="14" t="s">
        <v>1</v>
      </c>
      <c r="C101939" s="14" t="s">
        <v>51</v>
      </c>
      <c r="D101939" s="14" t="s">
        <v>128</v>
      </c>
      <c r="E101939" s="15">
        <v>45480</v>
      </c>
      <c r="F101939" s="14" t="s">
        <v>15</v>
      </c>
      <c r="G101939" s="16">
        <v>0</v>
      </c>
    </row>
    <row r="101940" spans="1:7" x14ac:dyDescent="0.3">
      <c r="A101940" s="13" t="s">
        <v>500</v>
      </c>
      <c r="B101940" s="14" t="s">
        <v>1</v>
      </c>
      <c r="C101940" s="14" t="s">
        <v>51</v>
      </c>
      <c r="D101940" s="14" t="s">
        <v>128</v>
      </c>
      <c r="E101940" s="15">
        <v>45481</v>
      </c>
      <c r="F101940" s="14" t="s">
        <v>15</v>
      </c>
      <c r="G101940" s="16">
        <v>0</v>
      </c>
    </row>
    <row r="101941" spans="1:7" x14ac:dyDescent="0.3">
      <c r="A101941" s="13" t="s">
        <v>500</v>
      </c>
      <c r="B101941" s="14" t="s">
        <v>1</v>
      </c>
      <c r="C101941" s="14" t="s">
        <v>51</v>
      </c>
      <c r="D101941" s="14" t="s">
        <v>128</v>
      </c>
      <c r="E101941" s="15">
        <v>45482</v>
      </c>
      <c r="F101941" s="14" t="s">
        <v>15</v>
      </c>
      <c r="G101941" s="16">
        <v>0</v>
      </c>
    </row>
    <row r="101942" spans="1:7" x14ac:dyDescent="0.3">
      <c r="A101942" s="13" t="s">
        <v>500</v>
      </c>
      <c r="B101942" s="14" t="s">
        <v>1</v>
      </c>
      <c r="C101942" s="14" t="s">
        <v>51</v>
      </c>
      <c r="D101942" s="14" t="s">
        <v>128</v>
      </c>
      <c r="E101942" s="15">
        <v>45483</v>
      </c>
      <c r="F101942" s="14" t="s">
        <v>15</v>
      </c>
      <c r="G101942" s="16">
        <v>0</v>
      </c>
    </row>
    <row r="101943" spans="1:7" x14ac:dyDescent="0.3">
      <c r="A101943" s="13" t="s">
        <v>500</v>
      </c>
      <c r="B101943" s="14" t="s">
        <v>1</v>
      </c>
      <c r="C101943" s="14" t="s">
        <v>51</v>
      </c>
      <c r="D101943" s="14" t="s">
        <v>128</v>
      </c>
      <c r="E101943" s="15">
        <v>45484</v>
      </c>
      <c r="F101943" s="14" t="s">
        <v>15</v>
      </c>
      <c r="G101943" s="16">
        <v>0</v>
      </c>
    </row>
    <row r="101944" spans="1:7" x14ac:dyDescent="0.3">
      <c r="A101944" s="13" t="s">
        <v>500</v>
      </c>
      <c r="B101944" s="14" t="s">
        <v>1</v>
      </c>
      <c r="C101944" s="14" t="s">
        <v>51</v>
      </c>
      <c r="D101944" s="14" t="s">
        <v>128</v>
      </c>
      <c r="E101944" s="15">
        <v>45485</v>
      </c>
      <c r="F101944" s="14" t="s">
        <v>15</v>
      </c>
      <c r="G101944" s="16">
        <v>0</v>
      </c>
    </row>
    <row r="101945" spans="1:7" x14ac:dyDescent="0.3">
      <c r="A101945" s="13" t="s">
        <v>500</v>
      </c>
      <c r="B101945" s="14" t="s">
        <v>1</v>
      </c>
      <c r="C101945" s="14" t="s">
        <v>51</v>
      </c>
      <c r="D101945" s="14" t="s">
        <v>128</v>
      </c>
      <c r="E101945" s="15">
        <v>45486</v>
      </c>
      <c r="F101945" s="14" t="s">
        <v>15</v>
      </c>
      <c r="G101945" s="16">
        <v>0</v>
      </c>
    </row>
    <row r="101946" spans="1:7" x14ac:dyDescent="0.3">
      <c r="A101946" s="13" t="s">
        <v>500</v>
      </c>
      <c r="B101946" s="14" t="s">
        <v>1</v>
      </c>
      <c r="C101946" s="14" t="s">
        <v>51</v>
      </c>
      <c r="D101946" s="14" t="s">
        <v>128</v>
      </c>
      <c r="E101946" s="15">
        <v>45487</v>
      </c>
      <c r="F101946" s="14" t="s">
        <v>15</v>
      </c>
      <c r="G101946" s="16">
        <v>0</v>
      </c>
    </row>
    <row r="101947" spans="1:7" x14ac:dyDescent="0.3">
      <c r="A101947" s="13" t="s">
        <v>500</v>
      </c>
      <c r="B101947" s="14" t="s">
        <v>1</v>
      </c>
      <c r="C101947" s="14" t="s">
        <v>51</v>
      </c>
      <c r="D101947" s="14" t="s">
        <v>128</v>
      </c>
      <c r="E101947" s="15">
        <v>45488</v>
      </c>
      <c r="F101947" s="14" t="s">
        <v>15</v>
      </c>
      <c r="G101947" s="16">
        <v>0</v>
      </c>
    </row>
    <row r="101948" spans="1:7" x14ac:dyDescent="0.3">
      <c r="A101948" s="13" t="s">
        <v>500</v>
      </c>
      <c r="B101948" s="14" t="s">
        <v>1</v>
      </c>
      <c r="C101948" s="14" t="s">
        <v>51</v>
      </c>
      <c r="D101948" s="14" t="s">
        <v>128</v>
      </c>
      <c r="E101948" s="15">
        <v>45489</v>
      </c>
      <c r="F101948" s="14" t="s">
        <v>15</v>
      </c>
      <c r="G101948" s="16">
        <v>0</v>
      </c>
    </row>
    <row r="101949" spans="1:7" x14ac:dyDescent="0.3">
      <c r="A101949" s="13" t="s">
        <v>500</v>
      </c>
      <c r="B101949" s="14" t="s">
        <v>1</v>
      </c>
      <c r="C101949" s="14" t="s">
        <v>51</v>
      </c>
      <c r="D101949" s="14" t="s">
        <v>128</v>
      </c>
      <c r="E101949" s="15">
        <v>45490</v>
      </c>
      <c r="F101949" s="14" t="s">
        <v>15</v>
      </c>
      <c r="G101949" s="16">
        <v>0</v>
      </c>
    </row>
    <row r="101950" spans="1:7" x14ac:dyDescent="0.3">
      <c r="A101950" s="13" t="s">
        <v>500</v>
      </c>
      <c r="B101950" s="14" t="s">
        <v>1</v>
      </c>
      <c r="C101950" s="14" t="s">
        <v>51</v>
      </c>
      <c r="D101950" s="14" t="s">
        <v>128</v>
      </c>
      <c r="E101950" s="15">
        <v>45491</v>
      </c>
      <c r="F101950" s="14" t="s">
        <v>15</v>
      </c>
      <c r="G101950" s="16">
        <v>0</v>
      </c>
    </row>
    <row r="101951" spans="1:7" x14ac:dyDescent="0.3">
      <c r="A101951" s="13" t="s">
        <v>500</v>
      </c>
      <c r="B101951" s="14" t="s">
        <v>1</v>
      </c>
      <c r="C101951" s="14" t="s">
        <v>51</v>
      </c>
      <c r="D101951" s="14" t="s">
        <v>128</v>
      </c>
      <c r="E101951" s="15">
        <v>45492</v>
      </c>
      <c r="F101951" s="14" t="s">
        <v>15</v>
      </c>
      <c r="G101951" s="16">
        <v>0</v>
      </c>
    </row>
    <row r="101952" spans="1:7" x14ac:dyDescent="0.3">
      <c r="A101952" s="13" t="s">
        <v>500</v>
      </c>
      <c r="B101952" s="14" t="s">
        <v>1</v>
      </c>
      <c r="C101952" s="14" t="s">
        <v>51</v>
      </c>
      <c r="D101952" s="14" t="s">
        <v>128</v>
      </c>
      <c r="E101952" s="15">
        <v>45493</v>
      </c>
      <c r="F101952" s="14" t="s">
        <v>15</v>
      </c>
      <c r="G101952" s="16">
        <v>0</v>
      </c>
    </row>
    <row r="101953" spans="1:7" x14ac:dyDescent="0.3">
      <c r="A101953" s="13" t="s">
        <v>500</v>
      </c>
      <c r="B101953" s="14" t="s">
        <v>1</v>
      </c>
      <c r="C101953" s="14" t="s">
        <v>51</v>
      </c>
      <c r="D101953" s="14" t="s">
        <v>128</v>
      </c>
      <c r="E101953" s="15">
        <v>45494</v>
      </c>
      <c r="F101953" s="14" t="s">
        <v>15</v>
      </c>
      <c r="G101953" s="16">
        <v>0</v>
      </c>
    </row>
    <row r="101954" spans="1:7" x14ac:dyDescent="0.3">
      <c r="A101954" s="13" t="s">
        <v>500</v>
      </c>
      <c r="B101954" s="14" t="s">
        <v>1</v>
      </c>
      <c r="C101954" s="14" t="s">
        <v>51</v>
      </c>
      <c r="D101954" s="14" t="s">
        <v>128</v>
      </c>
      <c r="E101954" s="15">
        <v>45495</v>
      </c>
      <c r="F101954" s="14" t="s">
        <v>15</v>
      </c>
      <c r="G101954" s="16">
        <v>0</v>
      </c>
    </row>
    <row r="101955" spans="1:7" x14ac:dyDescent="0.3">
      <c r="A101955" s="13" t="s">
        <v>500</v>
      </c>
      <c r="B101955" s="14" t="s">
        <v>1</v>
      </c>
      <c r="C101955" s="14" t="s">
        <v>51</v>
      </c>
      <c r="D101955" s="14" t="s">
        <v>128</v>
      </c>
      <c r="E101955" s="15">
        <v>45496</v>
      </c>
      <c r="F101955" s="14" t="s">
        <v>15</v>
      </c>
      <c r="G101955" s="16">
        <v>0</v>
      </c>
    </row>
    <row r="101956" spans="1:7" x14ac:dyDescent="0.3">
      <c r="A101956" s="13" t="s">
        <v>500</v>
      </c>
      <c r="B101956" s="14" t="s">
        <v>1</v>
      </c>
      <c r="C101956" s="14" t="s">
        <v>51</v>
      </c>
      <c r="D101956" s="14" t="s">
        <v>128</v>
      </c>
      <c r="E101956" s="15">
        <v>45497</v>
      </c>
      <c r="F101956" s="14" t="s">
        <v>15</v>
      </c>
      <c r="G101956" s="16">
        <v>0</v>
      </c>
    </row>
    <row r="101957" spans="1:7" x14ac:dyDescent="0.3">
      <c r="A101957" s="13" t="s">
        <v>500</v>
      </c>
      <c r="B101957" s="14" t="s">
        <v>1</v>
      </c>
      <c r="C101957" s="14" t="s">
        <v>51</v>
      </c>
      <c r="D101957" s="14" t="s">
        <v>128</v>
      </c>
      <c r="E101957" s="15">
        <v>45498</v>
      </c>
      <c r="F101957" s="14" t="s">
        <v>15</v>
      </c>
      <c r="G101957" s="16">
        <v>0</v>
      </c>
    </row>
    <row r="101958" spans="1:7" x14ac:dyDescent="0.3">
      <c r="A101958" s="13" t="s">
        <v>500</v>
      </c>
      <c r="B101958" s="14" t="s">
        <v>1</v>
      </c>
      <c r="C101958" s="14" t="s">
        <v>51</v>
      </c>
      <c r="D101958" s="14" t="s">
        <v>128</v>
      </c>
      <c r="E101958" s="15">
        <v>45499</v>
      </c>
      <c r="F101958" s="14" t="s">
        <v>15</v>
      </c>
      <c r="G101958" s="16">
        <v>0</v>
      </c>
    </row>
    <row r="101959" spans="1:7" x14ac:dyDescent="0.3">
      <c r="A101959" s="13" t="s">
        <v>500</v>
      </c>
      <c r="B101959" s="14" t="s">
        <v>1</v>
      </c>
      <c r="C101959" s="14" t="s">
        <v>51</v>
      </c>
      <c r="D101959" s="14" t="s">
        <v>128</v>
      </c>
      <c r="E101959" s="15">
        <v>45500</v>
      </c>
      <c r="F101959" s="14" t="s">
        <v>15</v>
      </c>
      <c r="G101959" s="16">
        <v>0</v>
      </c>
    </row>
    <row r="101960" spans="1:7" x14ac:dyDescent="0.3">
      <c r="A101960" s="13" t="s">
        <v>500</v>
      </c>
      <c r="B101960" s="14" t="s">
        <v>1</v>
      </c>
      <c r="C101960" s="14" t="s">
        <v>51</v>
      </c>
      <c r="D101960" s="14" t="s">
        <v>128</v>
      </c>
      <c r="E101960" s="15">
        <v>45501</v>
      </c>
      <c r="F101960" s="14" t="s">
        <v>15</v>
      </c>
      <c r="G101960" s="16">
        <v>0</v>
      </c>
    </row>
    <row r="101961" spans="1:7" x14ac:dyDescent="0.3">
      <c r="A101961" s="13" t="s">
        <v>500</v>
      </c>
      <c r="B101961" s="14" t="s">
        <v>1</v>
      </c>
      <c r="C101961" s="14" t="s">
        <v>51</v>
      </c>
      <c r="D101961" s="14" t="s">
        <v>128</v>
      </c>
      <c r="E101961" s="15">
        <v>45502</v>
      </c>
      <c r="F101961" s="14" t="s">
        <v>15</v>
      </c>
      <c r="G101961" s="16">
        <v>0</v>
      </c>
    </row>
    <row r="101962" spans="1:7" x14ac:dyDescent="0.3">
      <c r="A101962" s="13" t="s">
        <v>500</v>
      </c>
      <c r="B101962" s="14" t="s">
        <v>1</v>
      </c>
      <c r="C101962" s="14" t="s">
        <v>51</v>
      </c>
      <c r="D101962" s="14" t="s">
        <v>128</v>
      </c>
      <c r="E101962" s="15">
        <v>45503</v>
      </c>
      <c r="F101962" s="14" t="s">
        <v>15</v>
      </c>
      <c r="G101962" s="16">
        <v>0</v>
      </c>
    </row>
    <row r="101963" spans="1:7" x14ac:dyDescent="0.3">
      <c r="A101963" s="13" t="s">
        <v>500</v>
      </c>
      <c r="B101963" s="14" t="s">
        <v>1</v>
      </c>
      <c r="C101963" s="14" t="s">
        <v>51</v>
      </c>
      <c r="D101963" s="14" t="s">
        <v>128</v>
      </c>
      <c r="E101963" s="15">
        <v>45504</v>
      </c>
      <c r="F101963" s="14" t="s">
        <v>15</v>
      </c>
      <c r="G101963" s="16">
        <v>0</v>
      </c>
    </row>
    <row r="101964" spans="1:7" x14ac:dyDescent="0.3">
      <c r="A101964" s="13" t="s">
        <v>500</v>
      </c>
      <c r="B101964" s="14" t="s">
        <v>1</v>
      </c>
      <c r="C101964" s="14" t="s">
        <v>51</v>
      </c>
      <c r="D101964" s="14" t="s">
        <v>128</v>
      </c>
      <c r="E101964" s="15">
        <v>45505</v>
      </c>
      <c r="F101964" s="14" t="s">
        <v>15</v>
      </c>
      <c r="G101964" s="16">
        <v>0</v>
      </c>
    </row>
    <row r="101965" spans="1:7" x14ac:dyDescent="0.3">
      <c r="A101965" s="13" t="s">
        <v>500</v>
      </c>
      <c r="B101965" s="14" t="s">
        <v>1</v>
      </c>
      <c r="C101965" s="14" t="s">
        <v>51</v>
      </c>
      <c r="D101965" s="14" t="s">
        <v>128</v>
      </c>
      <c r="E101965" s="15">
        <v>45506</v>
      </c>
      <c r="F101965" s="14" t="s">
        <v>15</v>
      </c>
      <c r="G101965" s="16">
        <v>0</v>
      </c>
    </row>
    <row r="101966" spans="1:7" x14ac:dyDescent="0.3">
      <c r="A101966" s="13" t="s">
        <v>500</v>
      </c>
      <c r="B101966" s="14" t="s">
        <v>1</v>
      </c>
      <c r="C101966" s="14" t="s">
        <v>51</v>
      </c>
      <c r="D101966" s="14" t="s">
        <v>128</v>
      </c>
      <c r="E101966" s="15">
        <v>45507</v>
      </c>
      <c r="F101966" s="14" t="s">
        <v>15</v>
      </c>
      <c r="G101966" s="16">
        <v>0</v>
      </c>
    </row>
    <row r="101967" spans="1:7" x14ac:dyDescent="0.3">
      <c r="A101967" s="13" t="s">
        <v>500</v>
      </c>
      <c r="B101967" s="14" t="s">
        <v>1</v>
      </c>
      <c r="C101967" s="14" t="s">
        <v>51</v>
      </c>
      <c r="D101967" s="14" t="s">
        <v>128</v>
      </c>
      <c r="E101967" s="15">
        <v>45508</v>
      </c>
      <c r="F101967" s="14" t="s">
        <v>15</v>
      </c>
      <c r="G101967" s="16">
        <v>0</v>
      </c>
    </row>
    <row r="101968" spans="1:7" x14ac:dyDescent="0.3">
      <c r="A101968" s="13" t="s">
        <v>500</v>
      </c>
      <c r="B101968" s="14" t="s">
        <v>1</v>
      </c>
      <c r="C101968" s="14" t="s">
        <v>51</v>
      </c>
      <c r="D101968" s="14" t="s">
        <v>128</v>
      </c>
      <c r="E101968" s="15">
        <v>45509</v>
      </c>
      <c r="F101968" s="14" t="s">
        <v>15</v>
      </c>
      <c r="G101968" s="16">
        <v>0</v>
      </c>
    </row>
    <row r="101969" spans="1:7" x14ac:dyDescent="0.3">
      <c r="A101969" s="13" t="s">
        <v>500</v>
      </c>
      <c r="B101969" s="14" t="s">
        <v>1</v>
      </c>
      <c r="C101969" s="14" t="s">
        <v>51</v>
      </c>
      <c r="D101969" s="14" t="s">
        <v>128</v>
      </c>
      <c r="E101969" s="15">
        <v>45510</v>
      </c>
      <c r="F101969" s="14" t="s">
        <v>15</v>
      </c>
      <c r="G101969" s="16">
        <v>0</v>
      </c>
    </row>
    <row r="101970" spans="1:7" x14ac:dyDescent="0.3">
      <c r="A101970" s="13" t="s">
        <v>500</v>
      </c>
      <c r="B101970" s="14" t="s">
        <v>1</v>
      </c>
      <c r="C101970" s="14" t="s">
        <v>51</v>
      </c>
      <c r="D101970" s="14" t="s">
        <v>128</v>
      </c>
      <c r="E101970" s="15">
        <v>45511</v>
      </c>
      <c r="F101970" s="14" t="s">
        <v>15</v>
      </c>
      <c r="G101970" s="16">
        <v>0</v>
      </c>
    </row>
    <row r="101971" spans="1:7" x14ac:dyDescent="0.3">
      <c r="A101971" s="13" t="s">
        <v>500</v>
      </c>
      <c r="B101971" s="14" t="s">
        <v>1</v>
      </c>
      <c r="C101971" s="14" t="s">
        <v>51</v>
      </c>
      <c r="D101971" s="14" t="s">
        <v>128</v>
      </c>
      <c r="E101971" s="15">
        <v>45512</v>
      </c>
      <c r="F101971" s="14" t="s">
        <v>15</v>
      </c>
      <c r="G101971" s="16">
        <v>0</v>
      </c>
    </row>
    <row r="101972" spans="1:7" x14ac:dyDescent="0.3">
      <c r="A101972" s="13" t="s">
        <v>500</v>
      </c>
      <c r="B101972" s="14" t="s">
        <v>1</v>
      </c>
      <c r="C101972" s="14" t="s">
        <v>51</v>
      </c>
      <c r="D101972" s="14" t="s">
        <v>128</v>
      </c>
      <c r="E101972" s="15">
        <v>45513</v>
      </c>
      <c r="F101972" s="14" t="s">
        <v>15</v>
      </c>
      <c r="G101972" s="16">
        <v>0</v>
      </c>
    </row>
    <row r="101973" spans="1:7" x14ac:dyDescent="0.3">
      <c r="A101973" s="13" t="s">
        <v>500</v>
      </c>
      <c r="B101973" s="14" t="s">
        <v>1</v>
      </c>
      <c r="C101973" s="14" t="s">
        <v>51</v>
      </c>
      <c r="D101973" s="14" t="s">
        <v>128</v>
      </c>
      <c r="E101973" s="15">
        <v>45514</v>
      </c>
      <c r="F101973" s="14" t="s">
        <v>15</v>
      </c>
      <c r="G101973" s="16">
        <v>0</v>
      </c>
    </row>
    <row r="101974" spans="1:7" x14ac:dyDescent="0.3">
      <c r="A101974" s="13" t="s">
        <v>500</v>
      </c>
      <c r="B101974" s="14" t="s">
        <v>1</v>
      </c>
      <c r="C101974" s="14" t="s">
        <v>51</v>
      </c>
      <c r="D101974" s="14" t="s">
        <v>128</v>
      </c>
      <c r="E101974" s="15">
        <v>45515</v>
      </c>
      <c r="F101974" s="14" t="s">
        <v>15</v>
      </c>
      <c r="G101974" s="16">
        <v>0</v>
      </c>
    </row>
    <row r="101975" spans="1:7" x14ac:dyDescent="0.3">
      <c r="A101975" s="13" t="s">
        <v>500</v>
      </c>
      <c r="B101975" s="14" t="s">
        <v>1</v>
      </c>
      <c r="C101975" s="14" t="s">
        <v>51</v>
      </c>
      <c r="D101975" s="14" t="s">
        <v>128</v>
      </c>
      <c r="E101975" s="15">
        <v>45516</v>
      </c>
      <c r="F101975" s="14" t="s">
        <v>15</v>
      </c>
      <c r="G101975" s="16">
        <v>0</v>
      </c>
    </row>
    <row r="101976" spans="1:7" x14ac:dyDescent="0.3">
      <c r="A101976" s="13" t="s">
        <v>500</v>
      </c>
      <c r="B101976" s="14" t="s">
        <v>1</v>
      </c>
      <c r="C101976" s="14" t="s">
        <v>51</v>
      </c>
      <c r="D101976" s="14" t="s">
        <v>128</v>
      </c>
      <c r="E101976" s="15">
        <v>45517</v>
      </c>
      <c r="F101976" s="14" t="s">
        <v>15</v>
      </c>
      <c r="G101976" s="16">
        <v>0</v>
      </c>
    </row>
    <row r="101977" spans="1:7" x14ac:dyDescent="0.3">
      <c r="A101977" s="13" t="s">
        <v>500</v>
      </c>
      <c r="B101977" s="14" t="s">
        <v>1</v>
      </c>
      <c r="C101977" s="14" t="s">
        <v>51</v>
      </c>
      <c r="D101977" s="14" t="s">
        <v>128</v>
      </c>
      <c r="E101977" s="15">
        <v>45518</v>
      </c>
      <c r="F101977" s="14" t="s">
        <v>15</v>
      </c>
      <c r="G101977" s="16">
        <v>0</v>
      </c>
    </row>
    <row r="101978" spans="1:7" x14ac:dyDescent="0.3">
      <c r="A101978" s="13" t="s">
        <v>500</v>
      </c>
      <c r="B101978" s="14" t="s">
        <v>1</v>
      </c>
      <c r="C101978" s="14" t="s">
        <v>51</v>
      </c>
      <c r="D101978" s="14" t="s">
        <v>128</v>
      </c>
      <c r="E101978" s="15">
        <v>45519</v>
      </c>
      <c r="F101978" s="14" t="s">
        <v>15</v>
      </c>
      <c r="G101978" s="16">
        <v>0</v>
      </c>
    </row>
    <row r="101979" spans="1:7" x14ac:dyDescent="0.3">
      <c r="A101979" s="13" t="s">
        <v>500</v>
      </c>
      <c r="B101979" s="14" t="s">
        <v>1</v>
      </c>
      <c r="C101979" s="14" t="s">
        <v>51</v>
      </c>
      <c r="D101979" s="14" t="s">
        <v>128</v>
      </c>
      <c r="E101979" s="15">
        <v>45520</v>
      </c>
      <c r="F101979" s="14" t="s">
        <v>15</v>
      </c>
      <c r="G101979" s="16">
        <v>0</v>
      </c>
    </row>
    <row r="101980" spans="1:7" x14ac:dyDescent="0.3">
      <c r="A101980" s="13" t="s">
        <v>500</v>
      </c>
      <c r="B101980" s="14" t="s">
        <v>1</v>
      </c>
      <c r="C101980" s="14" t="s">
        <v>51</v>
      </c>
      <c r="D101980" s="14" t="s">
        <v>128</v>
      </c>
      <c r="E101980" s="15">
        <v>45521</v>
      </c>
      <c r="F101980" s="14" t="s">
        <v>15</v>
      </c>
      <c r="G101980" s="16">
        <v>0</v>
      </c>
    </row>
    <row r="101981" spans="1:7" x14ac:dyDescent="0.3">
      <c r="A101981" s="13" t="s">
        <v>500</v>
      </c>
      <c r="B101981" s="14" t="s">
        <v>1</v>
      </c>
      <c r="C101981" s="14" t="s">
        <v>51</v>
      </c>
      <c r="D101981" s="14" t="s">
        <v>128</v>
      </c>
      <c r="E101981" s="15">
        <v>45522</v>
      </c>
      <c r="F101981" s="14" t="s">
        <v>15</v>
      </c>
      <c r="G101981" s="16">
        <v>0</v>
      </c>
    </row>
    <row r="101982" spans="1:7" x14ac:dyDescent="0.3">
      <c r="A101982" s="13" t="s">
        <v>500</v>
      </c>
      <c r="B101982" s="14" t="s">
        <v>1</v>
      </c>
      <c r="C101982" s="14" t="s">
        <v>51</v>
      </c>
      <c r="D101982" s="14" t="s">
        <v>128</v>
      </c>
      <c r="E101982" s="15">
        <v>45523</v>
      </c>
      <c r="F101982" s="14" t="s">
        <v>15</v>
      </c>
      <c r="G101982" s="16">
        <v>0</v>
      </c>
    </row>
    <row r="101983" spans="1:7" x14ac:dyDescent="0.3">
      <c r="A101983" s="13" t="s">
        <v>500</v>
      </c>
      <c r="B101983" s="14" t="s">
        <v>1</v>
      </c>
      <c r="C101983" s="14" t="s">
        <v>51</v>
      </c>
      <c r="D101983" s="14" t="s">
        <v>128</v>
      </c>
      <c r="E101983" s="15">
        <v>45524</v>
      </c>
      <c r="F101983" s="14" t="s">
        <v>15</v>
      </c>
      <c r="G101983" s="16">
        <v>0</v>
      </c>
    </row>
    <row r="101984" spans="1:7" x14ac:dyDescent="0.3">
      <c r="A101984" s="13" t="s">
        <v>500</v>
      </c>
      <c r="B101984" s="14" t="s">
        <v>1</v>
      </c>
      <c r="C101984" s="14" t="s">
        <v>51</v>
      </c>
      <c r="D101984" s="14" t="s">
        <v>128</v>
      </c>
      <c r="E101984" s="15">
        <v>45525</v>
      </c>
      <c r="F101984" s="14" t="s">
        <v>15</v>
      </c>
      <c r="G101984" s="16">
        <v>0</v>
      </c>
    </row>
    <row r="101985" spans="1:7" x14ac:dyDescent="0.3">
      <c r="A101985" s="13" t="s">
        <v>500</v>
      </c>
      <c r="B101985" s="14" t="s">
        <v>1</v>
      </c>
      <c r="C101985" s="14" t="s">
        <v>51</v>
      </c>
      <c r="D101985" s="14" t="s">
        <v>128</v>
      </c>
      <c r="E101985" s="15">
        <v>45526</v>
      </c>
      <c r="F101985" s="14" t="s">
        <v>15</v>
      </c>
      <c r="G101985" s="16">
        <v>0</v>
      </c>
    </row>
    <row r="101986" spans="1:7" x14ac:dyDescent="0.3">
      <c r="A101986" s="13" t="s">
        <v>500</v>
      </c>
      <c r="B101986" s="14" t="s">
        <v>1</v>
      </c>
      <c r="C101986" s="14" t="s">
        <v>51</v>
      </c>
      <c r="D101986" s="14" t="s">
        <v>128</v>
      </c>
      <c r="E101986" s="15">
        <v>45527</v>
      </c>
      <c r="F101986" s="14" t="s">
        <v>15</v>
      </c>
      <c r="G101986" s="16">
        <v>0</v>
      </c>
    </row>
    <row r="101987" spans="1:7" x14ac:dyDescent="0.3">
      <c r="A101987" s="13" t="s">
        <v>500</v>
      </c>
      <c r="B101987" s="14" t="s">
        <v>1</v>
      </c>
      <c r="C101987" s="14" t="s">
        <v>51</v>
      </c>
      <c r="D101987" s="14" t="s">
        <v>128</v>
      </c>
      <c r="E101987" s="15">
        <v>45528</v>
      </c>
      <c r="F101987" s="14" t="s">
        <v>15</v>
      </c>
      <c r="G101987" s="16">
        <v>0</v>
      </c>
    </row>
    <row r="101988" spans="1:7" x14ac:dyDescent="0.3">
      <c r="A101988" s="13" t="s">
        <v>500</v>
      </c>
      <c r="B101988" s="14" t="s">
        <v>1</v>
      </c>
      <c r="C101988" s="14" t="s">
        <v>51</v>
      </c>
      <c r="D101988" s="14" t="s">
        <v>128</v>
      </c>
      <c r="E101988" s="15">
        <v>45529</v>
      </c>
      <c r="F101988" s="14" t="s">
        <v>15</v>
      </c>
      <c r="G101988" s="16">
        <v>0</v>
      </c>
    </row>
    <row r="101989" spans="1:7" x14ac:dyDescent="0.3">
      <c r="A101989" s="13" t="s">
        <v>500</v>
      </c>
      <c r="B101989" s="14" t="s">
        <v>1</v>
      </c>
      <c r="C101989" s="14" t="s">
        <v>51</v>
      </c>
      <c r="D101989" s="14" t="s">
        <v>128</v>
      </c>
      <c r="E101989" s="15">
        <v>45530</v>
      </c>
      <c r="F101989" s="14" t="s">
        <v>15</v>
      </c>
      <c r="G101989" s="16">
        <v>0</v>
      </c>
    </row>
    <row r="101990" spans="1:7" x14ac:dyDescent="0.3">
      <c r="A101990" s="13" t="s">
        <v>500</v>
      </c>
      <c r="B101990" s="14" t="s">
        <v>1</v>
      </c>
      <c r="C101990" s="14" t="s">
        <v>51</v>
      </c>
      <c r="D101990" s="14" t="s">
        <v>128</v>
      </c>
      <c r="E101990" s="15">
        <v>45531</v>
      </c>
      <c r="F101990" s="14" t="s">
        <v>15</v>
      </c>
      <c r="G101990" s="16">
        <v>0</v>
      </c>
    </row>
    <row r="101991" spans="1:7" x14ac:dyDescent="0.3">
      <c r="A101991" s="13" t="s">
        <v>500</v>
      </c>
      <c r="B101991" s="14" t="s">
        <v>1</v>
      </c>
      <c r="C101991" s="14" t="s">
        <v>51</v>
      </c>
      <c r="D101991" s="14" t="s">
        <v>128</v>
      </c>
      <c r="E101991" s="15">
        <v>45532</v>
      </c>
      <c r="F101991" s="14" t="s">
        <v>15</v>
      </c>
      <c r="G101991" s="16">
        <v>0</v>
      </c>
    </row>
    <row r="101992" spans="1:7" x14ac:dyDescent="0.3">
      <c r="A101992" s="13" t="s">
        <v>500</v>
      </c>
      <c r="B101992" s="14" t="s">
        <v>1</v>
      </c>
      <c r="C101992" s="14" t="s">
        <v>51</v>
      </c>
      <c r="D101992" s="14" t="s">
        <v>128</v>
      </c>
      <c r="E101992" s="15">
        <v>45533</v>
      </c>
      <c r="F101992" s="14" t="s">
        <v>15</v>
      </c>
      <c r="G101992" s="16">
        <v>0</v>
      </c>
    </row>
    <row r="101993" spans="1:7" x14ac:dyDescent="0.3">
      <c r="A101993" s="13" t="s">
        <v>500</v>
      </c>
      <c r="B101993" s="14" t="s">
        <v>1</v>
      </c>
      <c r="C101993" s="14" t="s">
        <v>51</v>
      </c>
      <c r="D101993" s="14" t="s">
        <v>128</v>
      </c>
      <c r="E101993" s="15">
        <v>45534</v>
      </c>
      <c r="F101993" s="14" t="s">
        <v>15</v>
      </c>
      <c r="G101993" s="16">
        <v>0</v>
      </c>
    </row>
    <row r="101994" spans="1:7" x14ac:dyDescent="0.3">
      <c r="A101994" s="13" t="s">
        <v>500</v>
      </c>
      <c r="B101994" s="14" t="s">
        <v>1</v>
      </c>
      <c r="C101994" s="14" t="s">
        <v>51</v>
      </c>
      <c r="D101994" s="14" t="s">
        <v>128</v>
      </c>
      <c r="E101994" s="15">
        <v>45535</v>
      </c>
      <c r="F101994" s="14" t="s">
        <v>15</v>
      </c>
      <c r="G101994" s="16">
        <v>0</v>
      </c>
    </row>
    <row r="101995" spans="1:7" x14ac:dyDescent="0.3">
      <c r="A101995" s="13" t="s">
        <v>500</v>
      </c>
      <c r="B101995" s="14" t="s">
        <v>1</v>
      </c>
      <c r="C101995" s="14" t="s">
        <v>51</v>
      </c>
      <c r="D101995" s="14" t="s">
        <v>128</v>
      </c>
      <c r="E101995" s="15">
        <v>45536</v>
      </c>
      <c r="F101995" s="14" t="s">
        <v>15</v>
      </c>
      <c r="G101995" s="16">
        <v>0</v>
      </c>
    </row>
    <row r="101996" spans="1:7" x14ac:dyDescent="0.3">
      <c r="A101996" s="13" t="s">
        <v>500</v>
      </c>
      <c r="B101996" s="14" t="s">
        <v>1</v>
      </c>
      <c r="C101996" s="14" t="s">
        <v>51</v>
      </c>
      <c r="D101996" s="14" t="s">
        <v>128</v>
      </c>
      <c r="E101996" s="15">
        <v>45537</v>
      </c>
      <c r="F101996" s="14" t="s">
        <v>15</v>
      </c>
      <c r="G101996" s="16">
        <v>0</v>
      </c>
    </row>
    <row r="101997" spans="1:7" x14ac:dyDescent="0.3">
      <c r="A101997" s="13" t="s">
        <v>500</v>
      </c>
      <c r="B101997" s="14" t="s">
        <v>1</v>
      </c>
      <c r="C101997" s="14" t="s">
        <v>51</v>
      </c>
      <c r="D101997" s="14" t="s">
        <v>128</v>
      </c>
      <c r="E101997" s="15">
        <v>45538</v>
      </c>
      <c r="F101997" s="14" t="s">
        <v>15</v>
      </c>
      <c r="G101997" s="16">
        <v>0</v>
      </c>
    </row>
    <row r="101998" spans="1:7" x14ac:dyDescent="0.3">
      <c r="A101998" s="13" t="s">
        <v>500</v>
      </c>
      <c r="B101998" s="14" t="s">
        <v>1</v>
      </c>
      <c r="C101998" s="14" t="s">
        <v>51</v>
      </c>
      <c r="D101998" s="14" t="s">
        <v>128</v>
      </c>
      <c r="E101998" s="15">
        <v>45539</v>
      </c>
      <c r="F101998" s="14" t="s">
        <v>15</v>
      </c>
      <c r="G101998" s="16">
        <v>0</v>
      </c>
    </row>
    <row r="101999" spans="1:7" x14ac:dyDescent="0.3">
      <c r="A101999" s="13" t="s">
        <v>500</v>
      </c>
      <c r="B101999" s="14" t="s">
        <v>1</v>
      </c>
      <c r="C101999" s="14" t="s">
        <v>51</v>
      </c>
      <c r="D101999" s="14" t="s">
        <v>128</v>
      </c>
      <c r="E101999" s="15">
        <v>45540</v>
      </c>
      <c r="F101999" s="14" t="s">
        <v>15</v>
      </c>
      <c r="G101999" s="16">
        <v>0</v>
      </c>
    </row>
    <row r="102000" spans="1:7" x14ac:dyDescent="0.3">
      <c r="A102000" s="13" t="s">
        <v>500</v>
      </c>
      <c r="B102000" s="14" t="s">
        <v>1</v>
      </c>
      <c r="C102000" s="14" t="s">
        <v>51</v>
      </c>
      <c r="D102000" s="14" t="s">
        <v>128</v>
      </c>
      <c r="E102000" s="15">
        <v>45541</v>
      </c>
      <c r="F102000" s="14" t="s">
        <v>15</v>
      </c>
      <c r="G102000" s="16">
        <v>0</v>
      </c>
    </row>
    <row r="102001" spans="1:7" x14ac:dyDescent="0.3">
      <c r="A102001" s="13" t="s">
        <v>500</v>
      </c>
      <c r="B102001" s="14" t="s">
        <v>1</v>
      </c>
      <c r="C102001" s="14" t="s">
        <v>51</v>
      </c>
      <c r="D102001" s="14" t="s">
        <v>128</v>
      </c>
      <c r="E102001" s="15">
        <v>45542</v>
      </c>
      <c r="F102001" s="14" t="s">
        <v>15</v>
      </c>
      <c r="G102001" s="16">
        <v>0</v>
      </c>
    </row>
    <row r="102002" spans="1:7" x14ac:dyDescent="0.3">
      <c r="A102002" s="13" t="s">
        <v>500</v>
      </c>
      <c r="B102002" s="14" t="s">
        <v>1</v>
      </c>
      <c r="C102002" s="14" t="s">
        <v>51</v>
      </c>
      <c r="D102002" s="14" t="s">
        <v>128</v>
      </c>
      <c r="E102002" s="15">
        <v>45543</v>
      </c>
      <c r="F102002" s="14" t="s">
        <v>15</v>
      </c>
      <c r="G102002" s="16">
        <v>0</v>
      </c>
    </row>
    <row r="102003" spans="1:7" x14ac:dyDescent="0.3">
      <c r="A102003" s="13" t="s">
        <v>500</v>
      </c>
      <c r="B102003" s="14" t="s">
        <v>1</v>
      </c>
      <c r="C102003" s="14" t="s">
        <v>51</v>
      </c>
      <c r="D102003" s="14" t="s">
        <v>128</v>
      </c>
      <c r="E102003" s="15">
        <v>45544</v>
      </c>
      <c r="F102003" s="14" t="s">
        <v>15</v>
      </c>
      <c r="G102003" s="16">
        <v>0</v>
      </c>
    </row>
    <row r="102004" spans="1:7" x14ac:dyDescent="0.3">
      <c r="A102004" s="13" t="s">
        <v>500</v>
      </c>
      <c r="B102004" s="14" t="s">
        <v>1</v>
      </c>
      <c r="C102004" s="14" t="s">
        <v>51</v>
      </c>
      <c r="D102004" s="14" t="s">
        <v>128</v>
      </c>
      <c r="E102004" s="15">
        <v>45545</v>
      </c>
      <c r="F102004" s="14" t="s">
        <v>15</v>
      </c>
      <c r="G102004" s="16">
        <v>0</v>
      </c>
    </row>
    <row r="102005" spans="1:7" x14ac:dyDescent="0.3">
      <c r="A102005" s="13" t="s">
        <v>500</v>
      </c>
      <c r="B102005" s="14" t="s">
        <v>1</v>
      </c>
      <c r="C102005" s="14" t="s">
        <v>51</v>
      </c>
      <c r="D102005" s="14" t="s">
        <v>128</v>
      </c>
      <c r="E102005" s="15">
        <v>45546</v>
      </c>
      <c r="F102005" s="14" t="s">
        <v>15</v>
      </c>
      <c r="G102005" s="16">
        <v>0</v>
      </c>
    </row>
    <row r="102006" spans="1:7" x14ac:dyDescent="0.3">
      <c r="A102006" s="13" t="s">
        <v>500</v>
      </c>
      <c r="B102006" s="14" t="s">
        <v>1</v>
      </c>
      <c r="C102006" s="14" t="s">
        <v>51</v>
      </c>
      <c r="D102006" s="14" t="s">
        <v>128</v>
      </c>
      <c r="E102006" s="15">
        <v>45547</v>
      </c>
      <c r="F102006" s="14" t="s">
        <v>15</v>
      </c>
      <c r="G102006" s="16">
        <v>0</v>
      </c>
    </row>
    <row r="102007" spans="1:7" x14ac:dyDescent="0.3">
      <c r="A102007" s="13" t="s">
        <v>500</v>
      </c>
      <c r="B102007" s="14" t="s">
        <v>1</v>
      </c>
      <c r="C102007" s="14" t="s">
        <v>51</v>
      </c>
      <c r="D102007" s="14" t="s">
        <v>128</v>
      </c>
      <c r="E102007" s="15">
        <v>45548</v>
      </c>
      <c r="F102007" s="14" t="s">
        <v>15</v>
      </c>
      <c r="G102007" s="16">
        <v>0</v>
      </c>
    </row>
    <row r="102008" spans="1:7" x14ac:dyDescent="0.3">
      <c r="A102008" s="13" t="s">
        <v>500</v>
      </c>
      <c r="B102008" s="14" t="s">
        <v>1</v>
      </c>
      <c r="C102008" s="14" t="s">
        <v>51</v>
      </c>
      <c r="D102008" s="14" t="s">
        <v>128</v>
      </c>
      <c r="E102008" s="15">
        <v>45549</v>
      </c>
      <c r="F102008" s="14" t="s">
        <v>15</v>
      </c>
      <c r="G102008" s="16">
        <v>0</v>
      </c>
    </row>
    <row r="102009" spans="1:7" x14ac:dyDescent="0.3">
      <c r="A102009" s="13" t="s">
        <v>500</v>
      </c>
      <c r="B102009" s="14" t="s">
        <v>1</v>
      </c>
      <c r="C102009" s="14" t="s">
        <v>51</v>
      </c>
      <c r="D102009" s="14" t="s">
        <v>128</v>
      </c>
      <c r="E102009" s="15">
        <v>45550</v>
      </c>
      <c r="F102009" s="14" t="s">
        <v>15</v>
      </c>
      <c r="G102009" s="16">
        <v>0</v>
      </c>
    </row>
    <row r="102010" spans="1:7" x14ac:dyDescent="0.3">
      <c r="A102010" s="13" t="s">
        <v>500</v>
      </c>
      <c r="B102010" s="14" t="s">
        <v>1</v>
      </c>
      <c r="C102010" s="14" t="s">
        <v>51</v>
      </c>
      <c r="D102010" s="14" t="s">
        <v>128</v>
      </c>
      <c r="E102010" s="15">
        <v>45551</v>
      </c>
      <c r="F102010" s="14" t="s">
        <v>15</v>
      </c>
      <c r="G102010" s="16">
        <v>0</v>
      </c>
    </row>
    <row r="102011" spans="1:7" x14ac:dyDescent="0.3">
      <c r="A102011" s="13" t="s">
        <v>500</v>
      </c>
      <c r="B102011" s="14" t="s">
        <v>1</v>
      </c>
      <c r="C102011" s="14" t="s">
        <v>51</v>
      </c>
      <c r="D102011" s="14" t="s">
        <v>128</v>
      </c>
      <c r="E102011" s="15">
        <v>45552</v>
      </c>
      <c r="F102011" s="14" t="s">
        <v>15</v>
      </c>
      <c r="G102011" s="16">
        <v>0</v>
      </c>
    </row>
    <row r="102012" spans="1:7" x14ac:dyDescent="0.3">
      <c r="A102012" s="13" t="s">
        <v>500</v>
      </c>
      <c r="B102012" s="14" t="s">
        <v>1</v>
      </c>
      <c r="C102012" s="14" t="s">
        <v>51</v>
      </c>
      <c r="D102012" s="14" t="s">
        <v>128</v>
      </c>
      <c r="E102012" s="15">
        <v>45553</v>
      </c>
      <c r="F102012" s="14" t="s">
        <v>15</v>
      </c>
      <c r="G102012" s="16">
        <v>0</v>
      </c>
    </row>
    <row r="102013" spans="1:7" x14ac:dyDescent="0.3">
      <c r="A102013" s="13" t="s">
        <v>500</v>
      </c>
      <c r="B102013" s="14" t="s">
        <v>1</v>
      </c>
      <c r="C102013" s="14" t="s">
        <v>51</v>
      </c>
      <c r="D102013" s="14" t="s">
        <v>128</v>
      </c>
      <c r="E102013" s="15">
        <v>45554</v>
      </c>
      <c r="F102013" s="14" t="s">
        <v>15</v>
      </c>
      <c r="G102013" s="16">
        <v>0</v>
      </c>
    </row>
    <row r="102014" spans="1:7" x14ac:dyDescent="0.3">
      <c r="A102014" s="13" t="s">
        <v>500</v>
      </c>
      <c r="B102014" s="14" t="s">
        <v>1</v>
      </c>
      <c r="C102014" s="14" t="s">
        <v>51</v>
      </c>
      <c r="D102014" s="14" t="s">
        <v>128</v>
      </c>
      <c r="E102014" s="15">
        <v>45555</v>
      </c>
      <c r="F102014" s="14" t="s">
        <v>15</v>
      </c>
      <c r="G102014" s="16">
        <v>0</v>
      </c>
    </row>
    <row r="102015" spans="1:7" x14ac:dyDescent="0.3">
      <c r="A102015" s="13" t="s">
        <v>500</v>
      </c>
      <c r="B102015" s="14" t="s">
        <v>1</v>
      </c>
      <c r="C102015" s="14" t="s">
        <v>51</v>
      </c>
      <c r="D102015" s="14" t="s">
        <v>128</v>
      </c>
      <c r="E102015" s="15">
        <v>45556</v>
      </c>
      <c r="F102015" s="14" t="s">
        <v>15</v>
      </c>
      <c r="G102015" s="16">
        <v>0</v>
      </c>
    </row>
    <row r="102016" spans="1:7" x14ac:dyDescent="0.3">
      <c r="A102016" s="13" t="s">
        <v>500</v>
      </c>
      <c r="B102016" s="14" t="s">
        <v>1</v>
      </c>
      <c r="C102016" s="14" t="s">
        <v>51</v>
      </c>
      <c r="D102016" s="14" t="s">
        <v>128</v>
      </c>
      <c r="E102016" s="15">
        <v>45557</v>
      </c>
      <c r="F102016" s="14" t="s">
        <v>15</v>
      </c>
      <c r="G102016" s="16">
        <v>0</v>
      </c>
    </row>
    <row r="102017" spans="1:7" x14ac:dyDescent="0.3">
      <c r="A102017" s="13" t="s">
        <v>500</v>
      </c>
      <c r="B102017" s="14" t="s">
        <v>1</v>
      </c>
      <c r="C102017" s="14" t="s">
        <v>51</v>
      </c>
      <c r="D102017" s="14" t="s">
        <v>128</v>
      </c>
      <c r="E102017" s="15">
        <v>45558</v>
      </c>
      <c r="F102017" s="14" t="s">
        <v>15</v>
      </c>
      <c r="G102017" s="16">
        <v>0</v>
      </c>
    </row>
    <row r="102018" spans="1:7" x14ac:dyDescent="0.3">
      <c r="A102018" s="13" t="s">
        <v>500</v>
      </c>
      <c r="B102018" s="14" t="s">
        <v>1</v>
      </c>
      <c r="C102018" s="14" t="s">
        <v>51</v>
      </c>
      <c r="D102018" s="14" t="s">
        <v>128</v>
      </c>
      <c r="E102018" s="15">
        <v>45559</v>
      </c>
      <c r="F102018" s="14" t="s">
        <v>15</v>
      </c>
      <c r="G102018" s="16">
        <v>0</v>
      </c>
    </row>
    <row r="102019" spans="1:7" x14ac:dyDescent="0.3">
      <c r="A102019" s="13" t="s">
        <v>500</v>
      </c>
      <c r="B102019" s="14" t="s">
        <v>1</v>
      </c>
      <c r="C102019" s="14" t="s">
        <v>51</v>
      </c>
      <c r="D102019" s="14" t="s">
        <v>128</v>
      </c>
      <c r="E102019" s="15">
        <v>45560</v>
      </c>
      <c r="F102019" s="14" t="s">
        <v>15</v>
      </c>
      <c r="G102019" s="16">
        <v>0</v>
      </c>
    </row>
    <row r="102020" spans="1:7" x14ac:dyDescent="0.3">
      <c r="A102020" s="13" t="s">
        <v>500</v>
      </c>
      <c r="B102020" s="14" t="s">
        <v>1</v>
      </c>
      <c r="C102020" s="14" t="s">
        <v>51</v>
      </c>
      <c r="D102020" s="14" t="s">
        <v>128</v>
      </c>
      <c r="E102020" s="15">
        <v>45561</v>
      </c>
      <c r="F102020" s="14" t="s">
        <v>15</v>
      </c>
      <c r="G102020" s="16">
        <v>0</v>
      </c>
    </row>
    <row r="102021" spans="1:7" x14ac:dyDescent="0.3">
      <c r="A102021" s="13" t="s">
        <v>500</v>
      </c>
      <c r="B102021" s="14" t="s">
        <v>1</v>
      </c>
      <c r="C102021" s="14" t="s">
        <v>51</v>
      </c>
      <c r="D102021" s="14" t="s">
        <v>128</v>
      </c>
      <c r="E102021" s="15">
        <v>45562</v>
      </c>
      <c r="F102021" s="14" t="s">
        <v>15</v>
      </c>
      <c r="G102021" s="16">
        <v>0</v>
      </c>
    </row>
    <row r="102022" spans="1:7" x14ac:dyDescent="0.3">
      <c r="A102022" s="13" t="s">
        <v>500</v>
      </c>
      <c r="B102022" s="14" t="s">
        <v>1</v>
      </c>
      <c r="C102022" s="14" t="s">
        <v>51</v>
      </c>
      <c r="D102022" s="14" t="s">
        <v>128</v>
      </c>
      <c r="E102022" s="15">
        <v>45563</v>
      </c>
      <c r="F102022" s="14" t="s">
        <v>15</v>
      </c>
      <c r="G102022" s="16">
        <v>0</v>
      </c>
    </row>
    <row r="102023" spans="1:7" x14ac:dyDescent="0.3">
      <c r="A102023" s="13" t="s">
        <v>500</v>
      </c>
      <c r="B102023" s="14" t="s">
        <v>1</v>
      </c>
      <c r="C102023" s="14" t="s">
        <v>51</v>
      </c>
      <c r="D102023" s="14" t="s">
        <v>128</v>
      </c>
      <c r="E102023" s="15">
        <v>45564</v>
      </c>
      <c r="F102023" s="14" t="s">
        <v>15</v>
      </c>
      <c r="G102023" s="16">
        <v>0</v>
      </c>
    </row>
    <row r="102024" spans="1:7" x14ac:dyDescent="0.3">
      <c r="A102024" s="13" t="s">
        <v>500</v>
      </c>
      <c r="B102024" s="14" t="s">
        <v>1</v>
      </c>
      <c r="C102024" s="14" t="s">
        <v>51</v>
      </c>
      <c r="D102024" s="14" t="s">
        <v>128</v>
      </c>
      <c r="E102024" s="15">
        <v>45565</v>
      </c>
      <c r="F102024" s="14" t="s">
        <v>15</v>
      </c>
      <c r="G102024" s="16">
        <v>0</v>
      </c>
    </row>
    <row r="102025" spans="1:7" x14ac:dyDescent="0.3">
      <c r="A102025" s="13" t="s">
        <v>500</v>
      </c>
      <c r="B102025" s="14" t="s">
        <v>1</v>
      </c>
      <c r="C102025" s="14" t="s">
        <v>51</v>
      </c>
      <c r="D102025" s="14" t="s">
        <v>128</v>
      </c>
      <c r="E102025" s="15">
        <v>45566</v>
      </c>
      <c r="F102025" s="14" t="s">
        <v>15</v>
      </c>
      <c r="G102025" s="16">
        <v>0</v>
      </c>
    </row>
    <row r="102026" spans="1:7" x14ac:dyDescent="0.3">
      <c r="A102026" s="13" t="s">
        <v>500</v>
      </c>
      <c r="B102026" s="14" t="s">
        <v>1</v>
      </c>
      <c r="C102026" s="14" t="s">
        <v>51</v>
      </c>
      <c r="D102026" s="14" t="s">
        <v>128</v>
      </c>
      <c r="E102026" s="15">
        <v>45567</v>
      </c>
      <c r="F102026" s="14" t="s">
        <v>15</v>
      </c>
      <c r="G102026" s="16">
        <v>0</v>
      </c>
    </row>
    <row r="102027" spans="1:7" x14ac:dyDescent="0.3">
      <c r="A102027" s="13" t="s">
        <v>500</v>
      </c>
      <c r="B102027" s="14" t="s">
        <v>1</v>
      </c>
      <c r="C102027" s="14" t="s">
        <v>51</v>
      </c>
      <c r="D102027" s="14" t="s">
        <v>128</v>
      </c>
      <c r="E102027" s="15">
        <v>45568</v>
      </c>
      <c r="F102027" s="14" t="s">
        <v>15</v>
      </c>
      <c r="G102027" s="16">
        <v>0</v>
      </c>
    </row>
    <row r="102028" spans="1:7" x14ac:dyDescent="0.3">
      <c r="A102028" s="13" t="s">
        <v>500</v>
      </c>
      <c r="B102028" s="14" t="s">
        <v>1</v>
      </c>
      <c r="C102028" s="14" t="s">
        <v>51</v>
      </c>
      <c r="D102028" s="14" t="s">
        <v>128</v>
      </c>
      <c r="E102028" s="15">
        <v>45569</v>
      </c>
      <c r="F102028" s="14" t="s">
        <v>15</v>
      </c>
      <c r="G102028" s="16">
        <v>0</v>
      </c>
    </row>
    <row r="102029" spans="1:7" x14ac:dyDescent="0.3">
      <c r="A102029" s="13" t="s">
        <v>500</v>
      </c>
      <c r="B102029" s="14" t="s">
        <v>1</v>
      </c>
      <c r="C102029" s="14" t="s">
        <v>51</v>
      </c>
      <c r="D102029" s="14" t="s">
        <v>128</v>
      </c>
      <c r="E102029" s="15">
        <v>45570</v>
      </c>
      <c r="F102029" s="14" t="s">
        <v>15</v>
      </c>
      <c r="G102029" s="16">
        <v>0</v>
      </c>
    </row>
    <row r="102030" spans="1:7" x14ac:dyDescent="0.3">
      <c r="A102030" s="13" t="s">
        <v>500</v>
      </c>
      <c r="B102030" s="14" t="s">
        <v>1</v>
      </c>
      <c r="C102030" s="14" t="s">
        <v>51</v>
      </c>
      <c r="D102030" s="14" t="s">
        <v>128</v>
      </c>
      <c r="E102030" s="15">
        <v>45571</v>
      </c>
      <c r="F102030" s="14" t="s">
        <v>15</v>
      </c>
      <c r="G102030" s="16">
        <v>0</v>
      </c>
    </row>
    <row r="102031" spans="1:7" x14ac:dyDescent="0.3">
      <c r="A102031" s="13" t="s">
        <v>500</v>
      </c>
      <c r="B102031" s="14" t="s">
        <v>1</v>
      </c>
      <c r="C102031" s="14" t="s">
        <v>51</v>
      </c>
      <c r="D102031" s="14" t="s">
        <v>128</v>
      </c>
      <c r="E102031" s="15">
        <v>45572</v>
      </c>
      <c r="F102031" s="14" t="s">
        <v>15</v>
      </c>
      <c r="G102031" s="16">
        <v>0</v>
      </c>
    </row>
    <row r="102032" spans="1:7" x14ac:dyDescent="0.3">
      <c r="A102032" s="13" t="s">
        <v>500</v>
      </c>
      <c r="B102032" s="14" t="s">
        <v>1</v>
      </c>
      <c r="C102032" s="14" t="s">
        <v>51</v>
      </c>
      <c r="D102032" s="14" t="s">
        <v>128</v>
      </c>
      <c r="E102032" s="15">
        <v>45573</v>
      </c>
      <c r="F102032" s="14" t="s">
        <v>15</v>
      </c>
      <c r="G102032" s="16">
        <v>0</v>
      </c>
    </row>
    <row r="102033" spans="1:7" x14ac:dyDescent="0.3">
      <c r="A102033" s="13" t="s">
        <v>500</v>
      </c>
      <c r="B102033" s="14" t="s">
        <v>1</v>
      </c>
      <c r="C102033" s="14" t="s">
        <v>51</v>
      </c>
      <c r="D102033" s="14" t="s">
        <v>128</v>
      </c>
      <c r="E102033" s="15">
        <v>45574</v>
      </c>
      <c r="F102033" s="14" t="s">
        <v>15</v>
      </c>
      <c r="G102033" s="16">
        <v>0</v>
      </c>
    </row>
    <row r="102034" spans="1:7" x14ac:dyDescent="0.3">
      <c r="A102034" s="13" t="s">
        <v>500</v>
      </c>
      <c r="B102034" s="14" t="s">
        <v>1</v>
      </c>
      <c r="C102034" s="14" t="s">
        <v>51</v>
      </c>
      <c r="D102034" s="14" t="s">
        <v>128</v>
      </c>
      <c r="E102034" s="15">
        <v>45575</v>
      </c>
      <c r="F102034" s="14" t="s">
        <v>15</v>
      </c>
      <c r="G102034" s="16">
        <v>0</v>
      </c>
    </row>
    <row r="102035" spans="1:7" x14ac:dyDescent="0.3">
      <c r="A102035" s="13" t="s">
        <v>500</v>
      </c>
      <c r="B102035" s="14" t="s">
        <v>1</v>
      </c>
      <c r="C102035" s="14" t="s">
        <v>51</v>
      </c>
      <c r="D102035" s="14" t="s">
        <v>128</v>
      </c>
      <c r="E102035" s="15">
        <v>45576</v>
      </c>
      <c r="F102035" s="14" t="s">
        <v>15</v>
      </c>
      <c r="G102035" s="16">
        <v>0</v>
      </c>
    </row>
    <row r="102036" spans="1:7" x14ac:dyDescent="0.3">
      <c r="A102036" s="13" t="s">
        <v>500</v>
      </c>
      <c r="B102036" s="14" t="s">
        <v>1</v>
      </c>
      <c r="C102036" s="14" t="s">
        <v>51</v>
      </c>
      <c r="D102036" s="14" t="s">
        <v>128</v>
      </c>
      <c r="E102036" s="15">
        <v>45577</v>
      </c>
      <c r="F102036" s="14" t="s">
        <v>15</v>
      </c>
      <c r="G102036" s="16">
        <v>0</v>
      </c>
    </row>
    <row r="102037" spans="1:7" x14ac:dyDescent="0.3">
      <c r="A102037" s="13" t="s">
        <v>500</v>
      </c>
      <c r="B102037" s="14" t="s">
        <v>1</v>
      </c>
      <c r="C102037" s="14" t="s">
        <v>51</v>
      </c>
      <c r="D102037" s="14" t="s">
        <v>128</v>
      </c>
      <c r="E102037" s="15">
        <v>45578</v>
      </c>
      <c r="F102037" s="14" t="s">
        <v>15</v>
      </c>
      <c r="G102037" s="16">
        <v>0</v>
      </c>
    </row>
    <row r="102038" spans="1:7" x14ac:dyDescent="0.3">
      <c r="A102038" s="13" t="s">
        <v>500</v>
      </c>
      <c r="B102038" s="14" t="s">
        <v>1</v>
      </c>
      <c r="C102038" s="14" t="s">
        <v>51</v>
      </c>
      <c r="D102038" s="14" t="s">
        <v>128</v>
      </c>
      <c r="E102038" s="15">
        <v>45579</v>
      </c>
      <c r="F102038" s="14" t="s">
        <v>15</v>
      </c>
      <c r="G102038" s="16">
        <v>0</v>
      </c>
    </row>
    <row r="102039" spans="1:7" x14ac:dyDescent="0.3">
      <c r="A102039" s="13" t="s">
        <v>500</v>
      </c>
      <c r="B102039" s="14" t="s">
        <v>1</v>
      </c>
      <c r="C102039" s="14" t="s">
        <v>51</v>
      </c>
      <c r="D102039" s="14" t="s">
        <v>128</v>
      </c>
      <c r="E102039" s="15">
        <v>45580</v>
      </c>
      <c r="F102039" s="14" t="s">
        <v>15</v>
      </c>
      <c r="G102039" s="16">
        <v>0</v>
      </c>
    </row>
    <row r="102040" spans="1:7" x14ac:dyDescent="0.3">
      <c r="A102040" s="13" t="s">
        <v>500</v>
      </c>
      <c r="B102040" s="14" t="s">
        <v>1</v>
      </c>
      <c r="C102040" s="14" t="s">
        <v>51</v>
      </c>
      <c r="D102040" s="14" t="s">
        <v>128</v>
      </c>
      <c r="E102040" s="15">
        <v>45581</v>
      </c>
      <c r="F102040" s="14" t="s">
        <v>15</v>
      </c>
      <c r="G102040" s="16">
        <v>0</v>
      </c>
    </row>
    <row r="102041" spans="1:7" x14ac:dyDescent="0.3">
      <c r="A102041" s="13" t="s">
        <v>500</v>
      </c>
      <c r="B102041" s="14" t="s">
        <v>1</v>
      </c>
      <c r="C102041" s="14" t="s">
        <v>51</v>
      </c>
      <c r="D102041" s="14" t="s">
        <v>128</v>
      </c>
      <c r="E102041" s="15">
        <v>45582</v>
      </c>
      <c r="F102041" s="14" t="s">
        <v>15</v>
      </c>
      <c r="G102041" s="16">
        <v>0</v>
      </c>
    </row>
    <row r="102042" spans="1:7" x14ac:dyDescent="0.3">
      <c r="A102042" s="13" t="s">
        <v>500</v>
      </c>
      <c r="B102042" s="14" t="s">
        <v>1</v>
      </c>
      <c r="C102042" s="14" t="s">
        <v>51</v>
      </c>
      <c r="D102042" s="14" t="s">
        <v>128</v>
      </c>
      <c r="E102042" s="15">
        <v>45583</v>
      </c>
      <c r="F102042" s="14" t="s">
        <v>15</v>
      </c>
      <c r="G102042" s="16">
        <v>0</v>
      </c>
    </row>
    <row r="102043" spans="1:7" x14ac:dyDescent="0.3">
      <c r="A102043" s="13" t="s">
        <v>500</v>
      </c>
      <c r="B102043" s="14" t="s">
        <v>1</v>
      </c>
      <c r="C102043" s="14" t="s">
        <v>51</v>
      </c>
      <c r="D102043" s="14" t="s">
        <v>128</v>
      </c>
      <c r="E102043" s="15">
        <v>45584</v>
      </c>
      <c r="F102043" s="14" t="s">
        <v>15</v>
      </c>
      <c r="G102043" s="16">
        <v>0</v>
      </c>
    </row>
    <row r="102044" spans="1:7" x14ac:dyDescent="0.3">
      <c r="A102044" s="13" t="s">
        <v>500</v>
      </c>
      <c r="B102044" s="14" t="s">
        <v>1</v>
      </c>
      <c r="C102044" s="14" t="s">
        <v>51</v>
      </c>
      <c r="D102044" s="14" t="s">
        <v>128</v>
      </c>
      <c r="E102044" s="15">
        <v>45585</v>
      </c>
      <c r="F102044" s="14" t="s">
        <v>15</v>
      </c>
      <c r="G102044" s="16">
        <v>0</v>
      </c>
    </row>
    <row r="102045" spans="1:7" x14ac:dyDescent="0.3">
      <c r="A102045" s="13" t="s">
        <v>500</v>
      </c>
      <c r="B102045" s="14" t="s">
        <v>1</v>
      </c>
      <c r="C102045" s="14" t="s">
        <v>51</v>
      </c>
      <c r="D102045" s="14" t="s">
        <v>128</v>
      </c>
      <c r="E102045" s="15">
        <v>45586</v>
      </c>
      <c r="F102045" s="14" t="s">
        <v>15</v>
      </c>
      <c r="G102045" s="16">
        <v>0</v>
      </c>
    </row>
    <row r="102046" spans="1:7" x14ac:dyDescent="0.3">
      <c r="A102046" s="13" t="s">
        <v>500</v>
      </c>
      <c r="B102046" s="14" t="s">
        <v>1</v>
      </c>
      <c r="C102046" s="14" t="s">
        <v>51</v>
      </c>
      <c r="D102046" s="14" t="s">
        <v>128</v>
      </c>
      <c r="E102046" s="15">
        <v>45587</v>
      </c>
      <c r="F102046" s="14" t="s">
        <v>15</v>
      </c>
      <c r="G102046" s="16">
        <v>0</v>
      </c>
    </row>
    <row r="102047" spans="1:7" x14ac:dyDescent="0.3">
      <c r="A102047" s="13" t="s">
        <v>500</v>
      </c>
      <c r="B102047" s="14" t="s">
        <v>1</v>
      </c>
      <c r="C102047" s="14" t="s">
        <v>51</v>
      </c>
      <c r="D102047" s="14" t="s">
        <v>128</v>
      </c>
      <c r="E102047" s="15">
        <v>45588</v>
      </c>
      <c r="F102047" s="14" t="s">
        <v>15</v>
      </c>
      <c r="G102047" s="16">
        <v>0</v>
      </c>
    </row>
    <row r="102048" spans="1:7" x14ac:dyDescent="0.3">
      <c r="A102048" s="13" t="s">
        <v>500</v>
      </c>
      <c r="B102048" s="14" t="s">
        <v>1</v>
      </c>
      <c r="C102048" s="14" t="s">
        <v>51</v>
      </c>
      <c r="D102048" s="14" t="s">
        <v>128</v>
      </c>
      <c r="E102048" s="15">
        <v>45589</v>
      </c>
      <c r="F102048" s="14" t="s">
        <v>15</v>
      </c>
      <c r="G102048" s="16">
        <v>0</v>
      </c>
    </row>
    <row r="102049" spans="1:7" x14ac:dyDescent="0.3">
      <c r="A102049" s="13" t="s">
        <v>500</v>
      </c>
      <c r="B102049" s="14" t="s">
        <v>1</v>
      </c>
      <c r="C102049" s="14" t="s">
        <v>51</v>
      </c>
      <c r="D102049" s="14" t="s">
        <v>128</v>
      </c>
      <c r="E102049" s="15">
        <v>45590</v>
      </c>
      <c r="F102049" s="14" t="s">
        <v>15</v>
      </c>
      <c r="G102049" s="16">
        <v>0</v>
      </c>
    </row>
    <row r="102050" spans="1:7" x14ac:dyDescent="0.3">
      <c r="A102050" s="13" t="s">
        <v>500</v>
      </c>
      <c r="B102050" s="14" t="s">
        <v>1</v>
      </c>
      <c r="C102050" s="14" t="s">
        <v>51</v>
      </c>
      <c r="D102050" s="14" t="s">
        <v>128</v>
      </c>
      <c r="E102050" s="15">
        <v>45591</v>
      </c>
      <c r="F102050" s="14" t="s">
        <v>15</v>
      </c>
      <c r="G102050" s="16">
        <v>0</v>
      </c>
    </row>
    <row r="102051" spans="1:7" x14ac:dyDescent="0.3">
      <c r="A102051" s="13" t="s">
        <v>500</v>
      </c>
      <c r="B102051" s="14" t="s">
        <v>1</v>
      </c>
      <c r="C102051" s="14" t="s">
        <v>51</v>
      </c>
      <c r="D102051" s="14" t="s">
        <v>128</v>
      </c>
      <c r="E102051" s="15">
        <v>45592</v>
      </c>
      <c r="F102051" s="14" t="s">
        <v>15</v>
      </c>
      <c r="G102051" s="16">
        <v>0</v>
      </c>
    </row>
    <row r="102052" spans="1:7" x14ac:dyDescent="0.3">
      <c r="A102052" s="13" t="s">
        <v>500</v>
      </c>
      <c r="B102052" s="14" t="s">
        <v>1</v>
      </c>
      <c r="C102052" s="14" t="s">
        <v>51</v>
      </c>
      <c r="D102052" s="14" t="s">
        <v>128</v>
      </c>
      <c r="E102052" s="15">
        <v>45593</v>
      </c>
      <c r="F102052" s="14" t="s">
        <v>15</v>
      </c>
      <c r="G102052" s="16">
        <v>0</v>
      </c>
    </row>
    <row r="102053" spans="1:7" x14ac:dyDescent="0.3">
      <c r="A102053" s="13" t="s">
        <v>500</v>
      </c>
      <c r="B102053" s="14" t="s">
        <v>1</v>
      </c>
      <c r="C102053" s="14" t="s">
        <v>51</v>
      </c>
      <c r="D102053" s="14" t="s">
        <v>128</v>
      </c>
      <c r="E102053" s="15">
        <v>45594</v>
      </c>
      <c r="F102053" s="14" t="s">
        <v>15</v>
      </c>
      <c r="G102053" s="16">
        <v>0</v>
      </c>
    </row>
    <row r="102054" spans="1:7" x14ac:dyDescent="0.3">
      <c r="A102054" s="13" t="s">
        <v>500</v>
      </c>
      <c r="B102054" s="14" t="s">
        <v>1</v>
      </c>
      <c r="C102054" s="14" t="s">
        <v>51</v>
      </c>
      <c r="D102054" s="14" t="s">
        <v>128</v>
      </c>
      <c r="E102054" s="15">
        <v>45595</v>
      </c>
      <c r="F102054" s="14" t="s">
        <v>15</v>
      </c>
      <c r="G102054" s="16">
        <v>0</v>
      </c>
    </row>
    <row r="102055" spans="1:7" x14ac:dyDescent="0.3">
      <c r="A102055" s="13" t="s">
        <v>500</v>
      </c>
      <c r="B102055" s="14" t="s">
        <v>1</v>
      </c>
      <c r="C102055" s="14" t="s">
        <v>51</v>
      </c>
      <c r="D102055" s="14" t="s">
        <v>128</v>
      </c>
      <c r="E102055" s="15">
        <v>45596</v>
      </c>
      <c r="F102055" s="14" t="s">
        <v>15</v>
      </c>
      <c r="G102055" s="16">
        <v>0</v>
      </c>
    </row>
    <row r="102056" spans="1:7" x14ac:dyDescent="0.3">
      <c r="A102056" s="13" t="s">
        <v>500</v>
      </c>
      <c r="B102056" s="14" t="s">
        <v>1</v>
      </c>
      <c r="C102056" s="14" t="s">
        <v>51</v>
      </c>
      <c r="D102056" s="14" t="s">
        <v>128</v>
      </c>
      <c r="E102056" s="15">
        <v>45597</v>
      </c>
      <c r="F102056" s="14" t="s">
        <v>15</v>
      </c>
      <c r="G102056" s="16">
        <v>0</v>
      </c>
    </row>
    <row r="102057" spans="1:7" x14ac:dyDescent="0.3">
      <c r="A102057" s="13" t="s">
        <v>500</v>
      </c>
      <c r="B102057" s="14" t="s">
        <v>1</v>
      </c>
      <c r="C102057" s="14" t="s">
        <v>51</v>
      </c>
      <c r="D102057" s="14" t="s">
        <v>128</v>
      </c>
      <c r="E102057" s="15">
        <v>45598</v>
      </c>
      <c r="F102057" s="14" t="s">
        <v>15</v>
      </c>
      <c r="G102057" s="16">
        <v>0</v>
      </c>
    </row>
    <row r="102058" spans="1:7" x14ac:dyDescent="0.3">
      <c r="A102058" s="13" t="s">
        <v>500</v>
      </c>
      <c r="B102058" s="14" t="s">
        <v>1</v>
      </c>
      <c r="C102058" s="14" t="s">
        <v>51</v>
      </c>
      <c r="D102058" s="14" t="s">
        <v>128</v>
      </c>
      <c r="E102058" s="15">
        <v>45599</v>
      </c>
      <c r="F102058" s="14" t="s">
        <v>15</v>
      </c>
      <c r="G102058" s="16">
        <v>0</v>
      </c>
    </row>
    <row r="102059" spans="1:7" x14ac:dyDescent="0.3">
      <c r="A102059" s="13" t="s">
        <v>500</v>
      </c>
      <c r="B102059" s="14" t="s">
        <v>1</v>
      </c>
      <c r="C102059" s="14" t="s">
        <v>51</v>
      </c>
      <c r="D102059" s="14" t="s">
        <v>128</v>
      </c>
      <c r="E102059" s="15">
        <v>45600</v>
      </c>
      <c r="F102059" s="14" t="s">
        <v>15</v>
      </c>
      <c r="G102059" s="16">
        <v>0</v>
      </c>
    </row>
    <row r="102060" spans="1:7" x14ac:dyDescent="0.3">
      <c r="A102060" s="13" t="s">
        <v>500</v>
      </c>
      <c r="B102060" s="14" t="s">
        <v>1</v>
      </c>
      <c r="C102060" s="14" t="s">
        <v>51</v>
      </c>
      <c r="D102060" s="14" t="s">
        <v>128</v>
      </c>
      <c r="E102060" s="15">
        <v>45601</v>
      </c>
      <c r="F102060" s="14" t="s">
        <v>15</v>
      </c>
      <c r="G102060" s="16">
        <v>0</v>
      </c>
    </row>
    <row r="102061" spans="1:7" x14ac:dyDescent="0.3">
      <c r="A102061" s="13" t="s">
        <v>500</v>
      </c>
      <c r="B102061" s="14" t="s">
        <v>1</v>
      </c>
      <c r="C102061" s="14" t="s">
        <v>51</v>
      </c>
      <c r="D102061" s="14" t="s">
        <v>128</v>
      </c>
      <c r="E102061" s="15">
        <v>45602</v>
      </c>
      <c r="F102061" s="14" t="s">
        <v>15</v>
      </c>
      <c r="G102061" s="16">
        <v>0</v>
      </c>
    </row>
    <row r="102062" spans="1:7" x14ac:dyDescent="0.3">
      <c r="A102062" s="13" t="s">
        <v>500</v>
      </c>
      <c r="B102062" s="14" t="s">
        <v>1</v>
      </c>
      <c r="C102062" s="14" t="s">
        <v>51</v>
      </c>
      <c r="D102062" s="14" t="s">
        <v>128</v>
      </c>
      <c r="E102062" s="15">
        <v>45603</v>
      </c>
      <c r="F102062" s="14" t="s">
        <v>15</v>
      </c>
      <c r="G102062" s="16">
        <v>0</v>
      </c>
    </row>
    <row r="102063" spans="1:7" x14ac:dyDescent="0.3">
      <c r="A102063" s="13" t="s">
        <v>500</v>
      </c>
      <c r="B102063" s="14" t="s">
        <v>1</v>
      </c>
      <c r="C102063" s="14" t="s">
        <v>51</v>
      </c>
      <c r="D102063" s="14" t="s">
        <v>128</v>
      </c>
      <c r="E102063" s="15">
        <v>45604</v>
      </c>
      <c r="F102063" s="14" t="s">
        <v>15</v>
      </c>
      <c r="G102063" s="16">
        <v>0</v>
      </c>
    </row>
    <row r="102064" spans="1:7" x14ac:dyDescent="0.3">
      <c r="A102064" s="13" t="s">
        <v>500</v>
      </c>
      <c r="B102064" s="14" t="s">
        <v>1</v>
      </c>
      <c r="C102064" s="14" t="s">
        <v>51</v>
      </c>
      <c r="D102064" s="14" t="s">
        <v>128</v>
      </c>
      <c r="E102064" s="15">
        <v>45605</v>
      </c>
      <c r="F102064" s="14" t="s">
        <v>15</v>
      </c>
      <c r="G102064" s="16">
        <v>0</v>
      </c>
    </row>
    <row r="102065" spans="1:7" x14ac:dyDescent="0.3">
      <c r="A102065" s="13" t="s">
        <v>500</v>
      </c>
      <c r="B102065" s="14" t="s">
        <v>1</v>
      </c>
      <c r="C102065" s="14" t="s">
        <v>51</v>
      </c>
      <c r="D102065" s="14" t="s">
        <v>128</v>
      </c>
      <c r="E102065" s="15">
        <v>45606</v>
      </c>
      <c r="F102065" s="14" t="s">
        <v>15</v>
      </c>
      <c r="G102065" s="16">
        <v>0</v>
      </c>
    </row>
    <row r="102066" spans="1:7" x14ac:dyDescent="0.3">
      <c r="A102066" s="13" t="s">
        <v>500</v>
      </c>
      <c r="B102066" s="14" t="s">
        <v>1</v>
      </c>
      <c r="C102066" s="14" t="s">
        <v>51</v>
      </c>
      <c r="D102066" s="14" t="s">
        <v>128</v>
      </c>
      <c r="E102066" s="15">
        <v>45607</v>
      </c>
      <c r="F102066" s="14" t="s">
        <v>15</v>
      </c>
      <c r="G102066" s="16">
        <v>0</v>
      </c>
    </row>
    <row r="102067" spans="1:7" x14ac:dyDescent="0.3">
      <c r="A102067" s="13" t="s">
        <v>500</v>
      </c>
      <c r="B102067" s="14" t="s">
        <v>1</v>
      </c>
      <c r="C102067" s="14" t="s">
        <v>51</v>
      </c>
      <c r="D102067" s="14" t="s">
        <v>128</v>
      </c>
      <c r="E102067" s="15">
        <v>45608</v>
      </c>
      <c r="F102067" s="14" t="s">
        <v>15</v>
      </c>
      <c r="G102067" s="16">
        <v>0</v>
      </c>
    </row>
    <row r="102068" spans="1:7" x14ac:dyDescent="0.3">
      <c r="A102068" s="13" t="s">
        <v>500</v>
      </c>
      <c r="B102068" s="14" t="s">
        <v>1</v>
      </c>
      <c r="C102068" s="14" t="s">
        <v>51</v>
      </c>
      <c r="D102068" s="14" t="s">
        <v>128</v>
      </c>
      <c r="E102068" s="15">
        <v>45609</v>
      </c>
      <c r="F102068" s="14" t="s">
        <v>15</v>
      </c>
      <c r="G102068" s="16">
        <v>0</v>
      </c>
    </row>
    <row r="102069" spans="1:7" x14ac:dyDescent="0.3">
      <c r="A102069" s="13" t="s">
        <v>500</v>
      </c>
      <c r="B102069" s="14" t="s">
        <v>1</v>
      </c>
      <c r="C102069" s="14" t="s">
        <v>51</v>
      </c>
      <c r="D102069" s="14" t="s">
        <v>128</v>
      </c>
      <c r="E102069" s="15">
        <v>45610</v>
      </c>
      <c r="F102069" s="14" t="s">
        <v>15</v>
      </c>
      <c r="G102069" s="16">
        <v>0</v>
      </c>
    </row>
    <row r="102070" spans="1:7" x14ac:dyDescent="0.3">
      <c r="A102070" s="13" t="s">
        <v>500</v>
      </c>
      <c r="B102070" s="14" t="s">
        <v>1</v>
      </c>
      <c r="C102070" s="14" t="s">
        <v>51</v>
      </c>
      <c r="D102070" s="14" t="s">
        <v>128</v>
      </c>
      <c r="E102070" s="15">
        <v>45611</v>
      </c>
      <c r="F102070" s="14" t="s">
        <v>15</v>
      </c>
      <c r="G102070" s="16">
        <v>0</v>
      </c>
    </row>
    <row r="102071" spans="1:7" x14ac:dyDescent="0.3">
      <c r="A102071" s="13" t="s">
        <v>500</v>
      </c>
      <c r="B102071" s="14" t="s">
        <v>1</v>
      </c>
      <c r="C102071" s="14" t="s">
        <v>51</v>
      </c>
      <c r="D102071" s="14" t="s">
        <v>128</v>
      </c>
      <c r="E102071" s="15">
        <v>45612</v>
      </c>
      <c r="F102071" s="14" t="s">
        <v>15</v>
      </c>
      <c r="G102071" s="16">
        <v>0</v>
      </c>
    </row>
    <row r="102072" spans="1:7" x14ac:dyDescent="0.3">
      <c r="A102072" s="13" t="s">
        <v>500</v>
      </c>
      <c r="B102072" s="14" t="s">
        <v>1</v>
      </c>
      <c r="C102072" s="14" t="s">
        <v>51</v>
      </c>
      <c r="D102072" s="14" t="s">
        <v>128</v>
      </c>
      <c r="E102072" s="15">
        <v>45613</v>
      </c>
      <c r="F102072" s="14" t="s">
        <v>15</v>
      </c>
      <c r="G102072" s="16">
        <v>0</v>
      </c>
    </row>
    <row r="102073" spans="1:7" x14ac:dyDescent="0.3">
      <c r="A102073" s="13" t="s">
        <v>500</v>
      </c>
      <c r="B102073" s="14" t="s">
        <v>1</v>
      </c>
      <c r="C102073" s="14" t="s">
        <v>51</v>
      </c>
      <c r="D102073" s="14" t="s">
        <v>128</v>
      </c>
      <c r="E102073" s="15">
        <v>45614</v>
      </c>
      <c r="F102073" s="14" t="s">
        <v>15</v>
      </c>
      <c r="G102073" s="16">
        <v>0</v>
      </c>
    </row>
    <row r="102074" spans="1:7" x14ac:dyDescent="0.3">
      <c r="A102074" s="13" t="s">
        <v>500</v>
      </c>
      <c r="B102074" s="14" t="s">
        <v>1</v>
      </c>
      <c r="C102074" s="14" t="s">
        <v>51</v>
      </c>
      <c r="D102074" s="14" t="s">
        <v>128</v>
      </c>
      <c r="E102074" s="15">
        <v>45615</v>
      </c>
      <c r="F102074" s="14" t="s">
        <v>15</v>
      </c>
      <c r="G102074" s="16">
        <v>0</v>
      </c>
    </row>
    <row r="102075" spans="1:7" x14ac:dyDescent="0.3">
      <c r="A102075" s="13" t="s">
        <v>500</v>
      </c>
      <c r="B102075" s="14" t="s">
        <v>1</v>
      </c>
      <c r="C102075" s="14" t="s">
        <v>51</v>
      </c>
      <c r="D102075" s="14" t="s">
        <v>128</v>
      </c>
      <c r="E102075" s="15">
        <v>45616</v>
      </c>
      <c r="F102075" s="14" t="s">
        <v>15</v>
      </c>
      <c r="G102075" s="16">
        <v>0</v>
      </c>
    </row>
    <row r="102076" spans="1:7" x14ac:dyDescent="0.3">
      <c r="A102076" s="13" t="s">
        <v>500</v>
      </c>
      <c r="B102076" s="14" t="s">
        <v>1</v>
      </c>
      <c r="C102076" s="14" t="s">
        <v>51</v>
      </c>
      <c r="D102076" s="14" t="s">
        <v>128</v>
      </c>
      <c r="E102076" s="15">
        <v>45617</v>
      </c>
      <c r="F102076" s="14" t="s">
        <v>15</v>
      </c>
      <c r="G102076" s="16">
        <v>0</v>
      </c>
    </row>
    <row r="102077" spans="1:7" x14ac:dyDescent="0.3">
      <c r="A102077" s="13" t="s">
        <v>500</v>
      </c>
      <c r="B102077" s="14" t="s">
        <v>1</v>
      </c>
      <c r="C102077" s="14" t="s">
        <v>51</v>
      </c>
      <c r="D102077" s="14" t="s">
        <v>128</v>
      </c>
      <c r="E102077" s="15">
        <v>45618</v>
      </c>
      <c r="F102077" s="14" t="s">
        <v>15</v>
      </c>
      <c r="G102077" s="16">
        <v>0</v>
      </c>
    </row>
    <row r="102078" spans="1:7" x14ac:dyDescent="0.3">
      <c r="A102078" s="13" t="s">
        <v>500</v>
      </c>
      <c r="B102078" s="14" t="s">
        <v>1</v>
      </c>
      <c r="C102078" s="14" t="s">
        <v>51</v>
      </c>
      <c r="D102078" s="14" t="s">
        <v>128</v>
      </c>
      <c r="E102078" s="15">
        <v>45619</v>
      </c>
      <c r="F102078" s="14" t="s">
        <v>15</v>
      </c>
      <c r="G102078" s="16">
        <v>0</v>
      </c>
    </row>
    <row r="102079" spans="1:7" x14ac:dyDescent="0.3">
      <c r="A102079" s="13" t="s">
        <v>500</v>
      </c>
      <c r="B102079" s="14" t="s">
        <v>1</v>
      </c>
      <c r="C102079" s="14" t="s">
        <v>51</v>
      </c>
      <c r="D102079" s="14" t="s">
        <v>128</v>
      </c>
      <c r="E102079" s="15">
        <v>45620</v>
      </c>
      <c r="F102079" s="14" t="s">
        <v>15</v>
      </c>
      <c r="G102079" s="16">
        <v>0</v>
      </c>
    </row>
    <row r="102080" spans="1:7" x14ac:dyDescent="0.3">
      <c r="A102080" s="13" t="s">
        <v>500</v>
      </c>
      <c r="B102080" s="14" t="s">
        <v>1</v>
      </c>
      <c r="C102080" s="14" t="s">
        <v>51</v>
      </c>
      <c r="D102080" s="14" t="s">
        <v>128</v>
      </c>
      <c r="E102080" s="15">
        <v>45621</v>
      </c>
      <c r="F102080" s="14" t="s">
        <v>15</v>
      </c>
      <c r="G102080" s="16">
        <v>0</v>
      </c>
    </row>
    <row r="102081" spans="1:7" x14ac:dyDescent="0.3">
      <c r="A102081" s="13" t="s">
        <v>500</v>
      </c>
      <c r="B102081" s="14" t="s">
        <v>1</v>
      </c>
      <c r="C102081" s="14" t="s">
        <v>51</v>
      </c>
      <c r="D102081" s="14" t="s">
        <v>128</v>
      </c>
      <c r="E102081" s="15">
        <v>45622</v>
      </c>
      <c r="F102081" s="14" t="s">
        <v>15</v>
      </c>
      <c r="G102081" s="16">
        <v>0</v>
      </c>
    </row>
    <row r="102082" spans="1:7" x14ac:dyDescent="0.3">
      <c r="A102082" s="13" t="s">
        <v>500</v>
      </c>
      <c r="B102082" s="14" t="s">
        <v>1</v>
      </c>
      <c r="C102082" s="14" t="s">
        <v>51</v>
      </c>
      <c r="D102082" s="14" t="s">
        <v>128</v>
      </c>
      <c r="E102082" s="15">
        <v>45623</v>
      </c>
      <c r="F102082" s="14" t="s">
        <v>15</v>
      </c>
      <c r="G102082" s="16">
        <v>0</v>
      </c>
    </row>
    <row r="102083" spans="1:7" x14ac:dyDescent="0.3">
      <c r="A102083" s="13" t="s">
        <v>500</v>
      </c>
      <c r="B102083" s="14" t="s">
        <v>1</v>
      </c>
      <c r="C102083" s="14" t="s">
        <v>51</v>
      </c>
      <c r="D102083" s="14" t="s">
        <v>128</v>
      </c>
      <c r="E102083" s="15">
        <v>45624</v>
      </c>
      <c r="F102083" s="14" t="s">
        <v>15</v>
      </c>
      <c r="G102083" s="16">
        <v>0</v>
      </c>
    </row>
    <row r="102084" spans="1:7" x14ac:dyDescent="0.3">
      <c r="A102084" s="13" t="s">
        <v>500</v>
      </c>
      <c r="B102084" s="14" t="s">
        <v>1</v>
      </c>
      <c r="C102084" s="14" t="s">
        <v>51</v>
      </c>
      <c r="D102084" s="14" t="s">
        <v>128</v>
      </c>
      <c r="E102084" s="15">
        <v>45625</v>
      </c>
      <c r="F102084" s="14" t="s">
        <v>15</v>
      </c>
      <c r="G102084" s="16">
        <v>1.1453385053422254E-3</v>
      </c>
    </row>
    <row r="102085" spans="1:7" x14ac:dyDescent="0.3">
      <c r="A102085" s="13" t="s">
        <v>500</v>
      </c>
      <c r="B102085" s="14" t="s">
        <v>1</v>
      </c>
      <c r="C102085" s="14" t="s">
        <v>51</v>
      </c>
      <c r="D102085" s="14" t="s">
        <v>128</v>
      </c>
      <c r="E102085" s="15">
        <v>45626</v>
      </c>
      <c r="F102085" s="14" t="s">
        <v>15</v>
      </c>
      <c r="G102085" s="16">
        <v>1.1453385053422254E-3</v>
      </c>
    </row>
    <row r="102086" spans="1:7" x14ac:dyDescent="0.3">
      <c r="A102086" s="13" t="s">
        <v>500</v>
      </c>
      <c r="B102086" s="14" t="s">
        <v>1</v>
      </c>
      <c r="C102086" s="14" t="s">
        <v>51</v>
      </c>
      <c r="D102086" s="14" t="s">
        <v>128</v>
      </c>
      <c r="E102086" s="15">
        <v>45627</v>
      </c>
      <c r="F102086" s="14" t="s">
        <v>15</v>
      </c>
      <c r="G102086" s="16">
        <v>1.1453385053422254E-3</v>
      </c>
    </row>
    <row r="102087" spans="1:7" x14ac:dyDescent="0.3">
      <c r="A102087" s="13" t="s">
        <v>500</v>
      </c>
      <c r="B102087" s="14" t="s">
        <v>1</v>
      </c>
      <c r="C102087" s="14" t="s">
        <v>51</v>
      </c>
      <c r="D102087" s="14" t="s">
        <v>128</v>
      </c>
      <c r="E102087" s="15">
        <v>45628</v>
      </c>
      <c r="F102087" s="14" t="s">
        <v>15</v>
      </c>
      <c r="G102087" s="16">
        <v>9.49454824799815E-3</v>
      </c>
    </row>
    <row r="102088" spans="1:7" x14ac:dyDescent="0.3">
      <c r="A102088" s="13" t="s">
        <v>500</v>
      </c>
      <c r="B102088" s="14" t="s">
        <v>1</v>
      </c>
      <c r="C102088" s="14" t="s">
        <v>51</v>
      </c>
      <c r="D102088" s="14" t="s">
        <v>128</v>
      </c>
      <c r="E102088" s="15">
        <v>45629</v>
      </c>
      <c r="F102088" s="14" t="s">
        <v>15</v>
      </c>
      <c r="G102088" s="16">
        <v>1.101247471382814E-2</v>
      </c>
    </row>
    <row r="102089" spans="1:7" x14ac:dyDescent="0.3">
      <c r="A102089" s="13" t="s">
        <v>500</v>
      </c>
      <c r="B102089" s="14" t="s">
        <v>1</v>
      </c>
      <c r="C102089" s="14" t="s">
        <v>51</v>
      </c>
      <c r="D102089" s="14" t="s">
        <v>128</v>
      </c>
      <c r="E102089" s="15">
        <v>45630</v>
      </c>
      <c r="F102089" s="14" t="s">
        <v>15</v>
      </c>
      <c r="G102089" s="16">
        <v>9.9933165356547449E-3</v>
      </c>
    </row>
    <row r="102090" spans="1:7" x14ac:dyDescent="0.3">
      <c r="A102090" s="13" t="s">
        <v>500</v>
      </c>
      <c r="B102090" s="14" t="s">
        <v>1</v>
      </c>
      <c r="C102090" s="14" t="s">
        <v>51</v>
      </c>
      <c r="D102090" s="14" t="s">
        <v>128</v>
      </c>
      <c r="E102090" s="15">
        <v>45631</v>
      </c>
      <c r="F102090" s="14" t="s">
        <v>15</v>
      </c>
      <c r="G102090" s="16">
        <v>7.9851901630746073E-3</v>
      </c>
    </row>
    <row r="102091" spans="1:7" x14ac:dyDescent="0.3">
      <c r="A102091" s="13" t="s">
        <v>500</v>
      </c>
      <c r="B102091" s="14" t="s">
        <v>1</v>
      </c>
      <c r="C102091" s="14" t="s">
        <v>51</v>
      </c>
      <c r="D102091" s="14" t="s">
        <v>128</v>
      </c>
      <c r="E102091" s="15">
        <v>45632</v>
      </c>
      <c r="F102091" s="14" t="s">
        <v>15</v>
      </c>
      <c r="G102091" s="16">
        <v>6.0547548112292243E-3</v>
      </c>
    </row>
    <row r="102092" spans="1:7" x14ac:dyDescent="0.3">
      <c r="A102092" s="13" t="s">
        <v>500</v>
      </c>
      <c r="B102092" s="14" t="s">
        <v>1</v>
      </c>
      <c r="C102092" s="14" t="s">
        <v>51</v>
      </c>
      <c r="D102092" s="14" t="s">
        <v>128</v>
      </c>
      <c r="E102092" s="15">
        <v>45633</v>
      </c>
      <c r="F102092" s="14" t="s">
        <v>15</v>
      </c>
      <c r="G102092" s="16">
        <v>6.0547548112292243E-3</v>
      </c>
    </row>
    <row r="102093" spans="1:7" x14ac:dyDescent="0.3">
      <c r="A102093" s="13" t="s">
        <v>500</v>
      </c>
      <c r="B102093" s="14" t="s">
        <v>1</v>
      </c>
      <c r="C102093" s="14" t="s">
        <v>51</v>
      </c>
      <c r="D102093" s="14" t="s">
        <v>128</v>
      </c>
      <c r="E102093" s="15">
        <v>45634</v>
      </c>
      <c r="F102093" s="14" t="s">
        <v>15</v>
      </c>
      <c r="G102093" s="16">
        <v>6.0547548112292243E-3</v>
      </c>
    </row>
    <row r="102094" spans="1:7" x14ac:dyDescent="0.3">
      <c r="A102094" s="13" t="s">
        <v>500</v>
      </c>
      <c r="B102094" s="14" t="s">
        <v>1</v>
      </c>
      <c r="C102094" s="14" t="s">
        <v>51</v>
      </c>
      <c r="D102094" s="14" t="s">
        <v>128</v>
      </c>
      <c r="E102094" s="15">
        <v>45635</v>
      </c>
      <c r="F102094" s="14" t="s">
        <v>15</v>
      </c>
      <c r="G102094" s="16">
        <v>3.6406615167837601E-2</v>
      </c>
    </row>
    <row r="102095" spans="1:7" x14ac:dyDescent="0.3">
      <c r="A102095" s="13" t="s">
        <v>500</v>
      </c>
      <c r="B102095" s="14" t="s">
        <v>1</v>
      </c>
      <c r="C102095" s="14" t="s">
        <v>51</v>
      </c>
      <c r="D102095" s="14" t="s">
        <v>128</v>
      </c>
      <c r="E102095" s="15">
        <v>45636</v>
      </c>
      <c r="F102095" s="14" t="s">
        <v>15</v>
      </c>
      <c r="G102095" s="16">
        <v>3.0400186678492064E-2</v>
      </c>
    </row>
    <row r="102096" spans="1:7" x14ac:dyDescent="0.3">
      <c r="A102096" s="13" t="s">
        <v>500</v>
      </c>
      <c r="B102096" s="14" t="s">
        <v>1</v>
      </c>
      <c r="C102096" s="14" t="s">
        <v>51</v>
      </c>
      <c r="D102096" s="14" t="s">
        <v>128</v>
      </c>
      <c r="E102096" s="15">
        <v>45637</v>
      </c>
      <c r="F102096" s="14" t="s">
        <v>15</v>
      </c>
      <c r="G102096" s="16">
        <v>3.1484132770220004E-2</v>
      </c>
    </row>
    <row r="102097" spans="1:7" x14ac:dyDescent="0.3">
      <c r="A102097" s="13" t="s">
        <v>500</v>
      </c>
      <c r="B102097" s="14" t="s">
        <v>1</v>
      </c>
      <c r="C102097" s="14" t="s">
        <v>51</v>
      </c>
      <c r="D102097" s="14" t="s">
        <v>128</v>
      </c>
      <c r="E102097" s="15">
        <v>45638</v>
      </c>
      <c r="F102097" s="14" t="s">
        <v>15</v>
      </c>
      <c r="G102097" s="16">
        <v>2.9506519511459436E-2</v>
      </c>
    </row>
    <row r="102098" spans="1:7" x14ac:dyDescent="0.3">
      <c r="A102098" s="13" t="s">
        <v>500</v>
      </c>
      <c r="B102098" s="14" t="s">
        <v>1</v>
      </c>
      <c r="C102098" s="14" t="s">
        <v>51</v>
      </c>
      <c r="D102098" s="14" t="s">
        <v>128</v>
      </c>
      <c r="E102098" s="15">
        <v>45639</v>
      </c>
      <c r="F102098" s="14" t="s">
        <v>15</v>
      </c>
      <c r="G102098" s="16">
        <v>2.7523743309501886E-2</v>
      </c>
    </row>
    <row r="102099" spans="1:7" x14ac:dyDescent="0.3">
      <c r="A102099" s="13" t="s">
        <v>500</v>
      </c>
      <c r="B102099" s="14" t="s">
        <v>1</v>
      </c>
      <c r="C102099" s="14" t="s">
        <v>51</v>
      </c>
      <c r="D102099" s="14" t="s">
        <v>128</v>
      </c>
      <c r="E102099" s="15">
        <v>45640</v>
      </c>
      <c r="F102099" s="14" t="s">
        <v>15</v>
      </c>
      <c r="G102099" s="16">
        <v>2.7523743309501886E-2</v>
      </c>
    </row>
    <row r="102100" spans="1:7" x14ac:dyDescent="0.3">
      <c r="A102100" s="13" t="s">
        <v>500</v>
      </c>
      <c r="B102100" s="14" t="s">
        <v>1</v>
      </c>
      <c r="C102100" s="14" t="s">
        <v>51</v>
      </c>
      <c r="D102100" s="14" t="s">
        <v>128</v>
      </c>
      <c r="E102100" s="15">
        <v>45641</v>
      </c>
      <c r="F102100" s="14" t="s">
        <v>15</v>
      </c>
      <c r="G102100" s="16">
        <v>2.7523743309501886E-2</v>
      </c>
    </row>
    <row r="102101" spans="1:7" x14ac:dyDescent="0.3">
      <c r="A102101" s="13" t="s">
        <v>500</v>
      </c>
      <c r="B102101" s="14" t="s">
        <v>1</v>
      </c>
      <c r="C102101" s="14" t="s">
        <v>51</v>
      </c>
      <c r="D102101" s="14" t="s">
        <v>128</v>
      </c>
      <c r="E102101" s="15">
        <v>45642</v>
      </c>
      <c r="F102101" s="14" t="s">
        <v>15</v>
      </c>
      <c r="G102101" s="16">
        <v>2.359030603791025E-2</v>
      </c>
    </row>
    <row r="102102" spans="1:7" x14ac:dyDescent="0.3">
      <c r="A102102" s="13" t="s">
        <v>500</v>
      </c>
      <c r="B102102" s="14" t="s">
        <v>1</v>
      </c>
      <c r="C102102" s="14" t="s">
        <v>51</v>
      </c>
      <c r="D102102" s="14" t="s">
        <v>128</v>
      </c>
      <c r="E102102" s="15">
        <v>45643</v>
      </c>
      <c r="F102102" s="14" t="s">
        <v>15</v>
      </c>
      <c r="G102102" s="16">
        <v>2.1171491782754872E-2</v>
      </c>
    </row>
    <row r="102103" spans="1:7" x14ac:dyDescent="0.3">
      <c r="A102103" s="13" t="s">
        <v>500</v>
      </c>
      <c r="B102103" s="14" t="s">
        <v>1</v>
      </c>
      <c r="C102103" s="14" t="s">
        <v>51</v>
      </c>
      <c r="D102103" s="14" t="s">
        <v>128</v>
      </c>
      <c r="E102103" s="15">
        <v>45644</v>
      </c>
      <c r="F102103" s="14" t="s">
        <v>15</v>
      </c>
      <c r="G102103" s="16">
        <v>1.9211531886471945E-2</v>
      </c>
    </row>
    <row r="102104" spans="1:7" x14ac:dyDescent="0.3">
      <c r="A102104" s="13" t="s">
        <v>500</v>
      </c>
      <c r="B102104" s="14" t="s">
        <v>1</v>
      </c>
      <c r="C102104" s="14" t="s">
        <v>51</v>
      </c>
      <c r="D102104" s="14" t="s">
        <v>128</v>
      </c>
      <c r="E102104" s="15">
        <v>45645</v>
      </c>
      <c r="F102104" s="14" t="s">
        <v>15</v>
      </c>
      <c r="G102104" s="16">
        <v>1.7252849419433638E-2</v>
      </c>
    </row>
    <row r="102105" spans="1:7" x14ac:dyDescent="0.3">
      <c r="A102105" s="13" t="s">
        <v>500</v>
      </c>
      <c r="B102105" s="14" t="s">
        <v>1</v>
      </c>
      <c r="C102105" s="14" t="s">
        <v>51</v>
      </c>
      <c r="D102105" s="14" t="s">
        <v>128</v>
      </c>
      <c r="E102105" s="15">
        <v>45646</v>
      </c>
      <c r="F102105" s="14" t="s">
        <v>15</v>
      </c>
      <c r="G102105" s="16">
        <v>1.8499485316150401E-2</v>
      </c>
    </row>
    <row r="102106" spans="1:7" x14ac:dyDescent="0.3">
      <c r="A102106" s="13" t="s">
        <v>500</v>
      </c>
      <c r="B102106" s="14" t="s">
        <v>1</v>
      </c>
      <c r="C102106" s="14" t="s">
        <v>51</v>
      </c>
      <c r="D102106" s="14" t="s">
        <v>128</v>
      </c>
      <c r="E102106" s="15">
        <v>45647</v>
      </c>
      <c r="F102106" s="14" t="s">
        <v>15</v>
      </c>
      <c r="G102106" s="16">
        <v>1.8499485316150401E-2</v>
      </c>
    </row>
    <row r="102107" spans="1:7" x14ac:dyDescent="0.3">
      <c r="A102107" s="13" t="s">
        <v>500</v>
      </c>
      <c r="B102107" s="14" t="s">
        <v>1</v>
      </c>
      <c r="C102107" s="14" t="s">
        <v>51</v>
      </c>
      <c r="D102107" s="14" t="s">
        <v>128</v>
      </c>
      <c r="E102107" s="15">
        <v>45648</v>
      </c>
      <c r="F102107" s="14" t="s">
        <v>15</v>
      </c>
      <c r="G102107" s="16">
        <v>1.8499485316150401E-2</v>
      </c>
    </row>
    <row r="102108" spans="1:7" x14ac:dyDescent="0.3">
      <c r="A102108" s="13" t="s">
        <v>500</v>
      </c>
      <c r="B102108" s="14" t="s">
        <v>1</v>
      </c>
      <c r="C102108" s="14" t="s">
        <v>51</v>
      </c>
      <c r="D102108" s="14" t="s">
        <v>128</v>
      </c>
      <c r="E102108" s="15">
        <v>45649</v>
      </c>
      <c r="F102108" s="14" t="s">
        <v>15</v>
      </c>
      <c r="G102108" s="16">
        <v>2.1143779614093496E-2</v>
      </c>
    </row>
    <row r="102109" spans="1:7" x14ac:dyDescent="0.3">
      <c r="A102109" s="13" t="s">
        <v>500</v>
      </c>
      <c r="B102109" s="14" t="s">
        <v>1</v>
      </c>
      <c r="C102109" s="14" t="s">
        <v>51</v>
      </c>
      <c r="D102109" s="14" t="s">
        <v>128</v>
      </c>
      <c r="E102109" s="15">
        <v>45650</v>
      </c>
      <c r="F102109" s="14" t="s">
        <v>15</v>
      </c>
      <c r="G102109" s="16">
        <v>1.5480924721822597E-2</v>
      </c>
    </row>
    <row r="102110" spans="1:7" x14ac:dyDescent="0.3">
      <c r="A102110" s="13" t="s">
        <v>500</v>
      </c>
      <c r="B102110" s="14" t="s">
        <v>1</v>
      </c>
      <c r="C102110" s="14" t="s">
        <v>51</v>
      </c>
      <c r="D102110" s="14" t="s">
        <v>128</v>
      </c>
      <c r="E102110" s="15">
        <v>45651</v>
      </c>
      <c r="F102110" s="14" t="s">
        <v>15</v>
      </c>
      <c r="G102110" s="16">
        <v>1.5480924721822597E-2</v>
      </c>
    </row>
    <row r="102111" spans="1:7" x14ac:dyDescent="0.3">
      <c r="A102111" s="13" t="s">
        <v>500</v>
      </c>
      <c r="B102111" s="14" t="s">
        <v>1</v>
      </c>
      <c r="C102111" s="14" t="s">
        <v>51</v>
      </c>
      <c r="D102111" s="14" t="s">
        <v>128</v>
      </c>
      <c r="E102111" s="15">
        <v>45652</v>
      </c>
      <c r="F102111" s="14" t="s">
        <v>15</v>
      </c>
      <c r="G102111" s="16">
        <v>1.5480924721822597E-2</v>
      </c>
    </row>
    <row r="102112" spans="1:7" x14ac:dyDescent="0.3">
      <c r="A102112" s="13" t="s">
        <v>500</v>
      </c>
      <c r="B102112" s="14" t="s">
        <v>1</v>
      </c>
      <c r="C102112" s="14" t="s">
        <v>51</v>
      </c>
      <c r="D102112" s="14" t="s">
        <v>128</v>
      </c>
      <c r="E102112" s="15">
        <v>45653</v>
      </c>
      <c r="F102112" s="14" t="s">
        <v>15</v>
      </c>
      <c r="G102112" s="16">
        <v>1.5480924721822597E-2</v>
      </c>
    </row>
    <row r="102113" spans="1:7" x14ac:dyDescent="0.3">
      <c r="A102113" s="13" t="s">
        <v>500</v>
      </c>
      <c r="B102113" s="14" t="s">
        <v>1</v>
      </c>
      <c r="C102113" s="14" t="s">
        <v>51</v>
      </c>
      <c r="D102113" s="14" t="s">
        <v>128</v>
      </c>
      <c r="E102113" s="15">
        <v>45654</v>
      </c>
      <c r="F102113" s="14" t="s">
        <v>15</v>
      </c>
      <c r="G102113" s="16">
        <v>1.5480924721822597E-2</v>
      </c>
    </row>
    <row r="102114" spans="1:7" x14ac:dyDescent="0.3">
      <c r="A102114" s="13" t="s">
        <v>500</v>
      </c>
      <c r="B102114" s="14" t="s">
        <v>1</v>
      </c>
      <c r="C102114" s="14" t="s">
        <v>51</v>
      </c>
      <c r="D102114" s="14" t="s">
        <v>128</v>
      </c>
      <c r="E102114" s="15">
        <v>45655</v>
      </c>
      <c r="F102114" s="14" t="s">
        <v>15</v>
      </c>
      <c r="G102114" s="16">
        <v>1.5480924721822597E-2</v>
      </c>
    </row>
    <row r="102115" spans="1:7" x14ac:dyDescent="0.3">
      <c r="A102115" s="13" t="s">
        <v>500</v>
      </c>
      <c r="B102115" s="14" t="s">
        <v>1</v>
      </c>
      <c r="C102115" s="14" t="s">
        <v>51</v>
      </c>
      <c r="D102115" s="14" t="s">
        <v>128</v>
      </c>
      <c r="E102115" s="15">
        <v>45656</v>
      </c>
      <c r="F102115" s="14" t="s">
        <v>15</v>
      </c>
      <c r="G102115" s="16">
        <v>1.3711986258990231E-2</v>
      </c>
    </row>
    <row r="102116" spans="1:7" x14ac:dyDescent="0.3">
      <c r="A102116" s="13" t="s">
        <v>500</v>
      </c>
      <c r="B102116" s="14" t="s">
        <v>1</v>
      </c>
      <c r="C102116" s="14" t="s">
        <v>51</v>
      </c>
      <c r="D102116" s="14" t="s">
        <v>128</v>
      </c>
      <c r="E102116" s="15">
        <v>45657</v>
      </c>
      <c r="F102116" s="14" t="s">
        <v>15</v>
      </c>
      <c r="G102116" s="16">
        <v>2.3842566302732823E-3</v>
      </c>
    </row>
    <row r="102117" spans="1:7" x14ac:dyDescent="0.3">
      <c r="A102117" s="13" t="s">
        <v>500</v>
      </c>
      <c r="B102117" s="14" t="s">
        <v>1</v>
      </c>
      <c r="C102117" s="14" t="s">
        <v>51</v>
      </c>
      <c r="D102117" s="14" t="s">
        <v>128</v>
      </c>
      <c r="E102117" s="15">
        <v>45658</v>
      </c>
      <c r="F102117" s="14" t="s">
        <v>15</v>
      </c>
      <c r="G102117" s="16">
        <v>2.3842566302732823E-3</v>
      </c>
    </row>
    <row r="102118" spans="1:7" x14ac:dyDescent="0.3">
      <c r="A102118" s="13" t="s">
        <v>500</v>
      </c>
      <c r="B102118" s="14" t="s">
        <v>1</v>
      </c>
      <c r="C102118" s="14" t="s">
        <v>51</v>
      </c>
      <c r="D102118" s="14" t="s">
        <v>128</v>
      </c>
      <c r="E102118" s="15">
        <v>45659</v>
      </c>
      <c r="F102118" s="14" t="s">
        <v>15</v>
      </c>
      <c r="G102118" s="16">
        <v>2.3842566302732823E-3</v>
      </c>
    </row>
    <row r="102119" spans="1:7" x14ac:dyDescent="0.3">
      <c r="A102119" s="13" t="s">
        <v>500</v>
      </c>
      <c r="B102119" s="14" t="s">
        <v>1</v>
      </c>
      <c r="C102119" s="14" t="s">
        <v>51</v>
      </c>
      <c r="D102119" s="14" t="s">
        <v>128</v>
      </c>
      <c r="E102119" s="15">
        <v>45660</v>
      </c>
      <c r="F102119" s="14" t="s">
        <v>15</v>
      </c>
      <c r="G102119" s="16">
        <v>5.0512244535633774E-4</v>
      </c>
    </row>
    <row r="102120" spans="1:7" x14ac:dyDescent="0.3">
      <c r="A102120" s="13" t="s">
        <v>500</v>
      </c>
      <c r="B102120" s="14" t="s">
        <v>1</v>
      </c>
      <c r="C102120" s="14" t="s">
        <v>51</v>
      </c>
      <c r="D102120" s="14" t="s">
        <v>128</v>
      </c>
      <c r="E102120" s="15">
        <v>45661</v>
      </c>
      <c r="F102120" s="14" t="s">
        <v>15</v>
      </c>
      <c r="G102120" s="16">
        <v>5.0512244535633774E-4</v>
      </c>
    </row>
    <row r="102121" spans="1:7" x14ac:dyDescent="0.3">
      <c r="A102121" s="13" t="s">
        <v>500</v>
      </c>
      <c r="B102121" s="14" t="s">
        <v>1</v>
      </c>
      <c r="C102121" s="14" t="s">
        <v>51</v>
      </c>
      <c r="D102121" s="14" t="s">
        <v>128</v>
      </c>
      <c r="E102121" s="15">
        <v>45662</v>
      </c>
      <c r="F102121" s="14" t="s">
        <v>15</v>
      </c>
      <c r="G102121" s="16">
        <v>5.0512244535633774E-4</v>
      </c>
    </row>
    <row r="102122" spans="1:7" x14ac:dyDescent="0.3">
      <c r="A102122" s="13" t="s">
        <v>500</v>
      </c>
      <c r="B102122" s="14" t="s">
        <v>1</v>
      </c>
      <c r="C102122" s="14" t="s">
        <v>51</v>
      </c>
      <c r="D102122" s="14" t="s">
        <v>128</v>
      </c>
      <c r="E102122" s="15">
        <v>45663</v>
      </c>
      <c r="F102122" s="14" t="s">
        <v>15</v>
      </c>
      <c r="G102122" s="16">
        <v>0</v>
      </c>
    </row>
    <row r="102123" spans="1:7" x14ac:dyDescent="0.3">
      <c r="A102123" s="13" t="s">
        <v>500</v>
      </c>
      <c r="B102123" s="14" t="s">
        <v>1</v>
      </c>
      <c r="C102123" s="14" t="s">
        <v>51</v>
      </c>
      <c r="D102123" s="14" t="s">
        <v>128</v>
      </c>
      <c r="E102123" s="15">
        <v>45664</v>
      </c>
      <c r="F102123" s="14" t="s">
        <v>15</v>
      </c>
      <c r="G102123" s="16">
        <v>0</v>
      </c>
    </row>
    <row r="102124" spans="1:7" x14ac:dyDescent="0.3">
      <c r="A102124" s="13" t="s">
        <v>500</v>
      </c>
      <c r="B102124" s="14" t="s">
        <v>1</v>
      </c>
      <c r="C102124" s="14" t="s">
        <v>51</v>
      </c>
      <c r="D102124" s="14" t="s">
        <v>128</v>
      </c>
      <c r="E102124" s="15">
        <v>45665</v>
      </c>
      <c r="F102124" s="14" t="s">
        <v>15</v>
      </c>
      <c r="G102124" s="16">
        <v>0</v>
      </c>
    </row>
    <row r="102125" spans="1:7" x14ac:dyDescent="0.3">
      <c r="A102125" s="13" t="s">
        <v>500</v>
      </c>
      <c r="B102125" s="14" t="s">
        <v>1</v>
      </c>
      <c r="C102125" s="14" t="s">
        <v>51</v>
      </c>
      <c r="D102125" s="14" t="s">
        <v>128</v>
      </c>
      <c r="E102125" s="15">
        <v>45666</v>
      </c>
      <c r="F102125" s="14" t="s">
        <v>15</v>
      </c>
      <c r="G102125" s="16">
        <v>0</v>
      </c>
    </row>
    <row r="102126" spans="1:7" x14ac:dyDescent="0.3">
      <c r="A102126" s="13" t="s">
        <v>500</v>
      </c>
      <c r="B102126" s="14" t="s">
        <v>1</v>
      </c>
      <c r="C102126" s="14" t="s">
        <v>51</v>
      </c>
      <c r="D102126" s="14" t="s">
        <v>128</v>
      </c>
      <c r="E102126" s="15">
        <v>45667</v>
      </c>
      <c r="F102126" s="14" t="s">
        <v>15</v>
      </c>
      <c r="G102126" s="16">
        <v>6.6404616154364347E-3</v>
      </c>
    </row>
    <row r="102127" spans="1:7" x14ac:dyDescent="0.3">
      <c r="A102127" s="13" t="s">
        <v>500</v>
      </c>
      <c r="B102127" s="14" t="s">
        <v>1</v>
      </c>
      <c r="C102127" s="14" t="s">
        <v>51</v>
      </c>
      <c r="D102127" s="14" t="s">
        <v>128</v>
      </c>
      <c r="E102127" s="15">
        <v>45668</v>
      </c>
      <c r="F102127" s="14" t="s">
        <v>15</v>
      </c>
      <c r="G102127" s="16">
        <v>6.6404616154364347E-3</v>
      </c>
    </row>
    <row r="102128" spans="1:7" x14ac:dyDescent="0.3">
      <c r="A102128" s="13" t="s">
        <v>500</v>
      </c>
      <c r="B102128" s="14" t="s">
        <v>1</v>
      </c>
      <c r="C102128" s="14" t="s">
        <v>51</v>
      </c>
      <c r="D102128" s="14" t="s">
        <v>128</v>
      </c>
      <c r="E102128" s="15">
        <v>45669</v>
      </c>
      <c r="F102128" s="14" t="s">
        <v>15</v>
      </c>
      <c r="G102128" s="16">
        <v>6.6404616154364347E-3</v>
      </c>
    </row>
    <row r="102129" spans="1:7" x14ac:dyDescent="0.3">
      <c r="A102129" s="13" t="s">
        <v>500</v>
      </c>
      <c r="B102129" s="14" t="s">
        <v>1</v>
      </c>
      <c r="C102129" s="14" t="s">
        <v>51</v>
      </c>
      <c r="D102129" s="14" t="s">
        <v>128</v>
      </c>
      <c r="E102129" s="15">
        <v>45670</v>
      </c>
      <c r="F102129" s="14" t="s">
        <v>15</v>
      </c>
      <c r="G102129" s="16">
        <v>4.7459451750017879E-3</v>
      </c>
    </row>
    <row r="102130" spans="1:7" x14ac:dyDescent="0.3">
      <c r="A102130" s="13" t="s">
        <v>500</v>
      </c>
      <c r="B102130" s="14" t="s">
        <v>1</v>
      </c>
      <c r="C102130" s="14" t="s">
        <v>51</v>
      </c>
      <c r="D102130" s="14" t="s">
        <v>128</v>
      </c>
      <c r="E102130" s="15">
        <v>45671</v>
      </c>
      <c r="F102130" s="14" t="s">
        <v>15</v>
      </c>
      <c r="G102130" s="16">
        <v>0</v>
      </c>
    </row>
    <row r="102131" spans="1:7" x14ac:dyDescent="0.3">
      <c r="A102131" s="13" t="s">
        <v>500</v>
      </c>
      <c r="B102131" s="14" t="s">
        <v>1</v>
      </c>
      <c r="C102131" s="14" t="s">
        <v>51</v>
      </c>
      <c r="D102131" s="14" t="s">
        <v>128</v>
      </c>
      <c r="E102131" s="15">
        <v>45672</v>
      </c>
      <c r="F102131" s="14" t="s">
        <v>15</v>
      </c>
      <c r="G102131" s="16">
        <v>0</v>
      </c>
    </row>
    <row r="102132" spans="1:7" x14ac:dyDescent="0.3">
      <c r="A102132" s="13" t="s">
        <v>500</v>
      </c>
      <c r="B102132" s="14" t="s">
        <v>1</v>
      </c>
      <c r="C102132" s="14" t="s">
        <v>51</v>
      </c>
      <c r="D102132" s="14" t="s">
        <v>128</v>
      </c>
      <c r="E102132" s="15">
        <v>45673</v>
      </c>
      <c r="F102132" s="14" t="s">
        <v>15</v>
      </c>
      <c r="G102132" s="16">
        <v>0</v>
      </c>
    </row>
    <row r="102133" spans="1:7" x14ac:dyDescent="0.3">
      <c r="A102133" s="13" t="s">
        <v>500</v>
      </c>
      <c r="B102133" s="14" t="s">
        <v>1</v>
      </c>
      <c r="C102133" s="14" t="s">
        <v>51</v>
      </c>
      <c r="D102133" s="14" t="s">
        <v>128</v>
      </c>
      <c r="E102133" s="15">
        <v>45674</v>
      </c>
      <c r="F102133" s="14" t="s">
        <v>15</v>
      </c>
      <c r="G102133" s="16">
        <v>0</v>
      </c>
    </row>
    <row r="102134" spans="1:7" x14ac:dyDescent="0.3">
      <c r="A102134" s="13" t="s">
        <v>500</v>
      </c>
      <c r="B102134" s="14" t="s">
        <v>1</v>
      </c>
      <c r="C102134" s="14" t="s">
        <v>51</v>
      </c>
      <c r="D102134" s="14" t="s">
        <v>128</v>
      </c>
      <c r="E102134" s="15">
        <v>45675</v>
      </c>
      <c r="F102134" s="14" t="s">
        <v>15</v>
      </c>
      <c r="G102134" s="16">
        <v>0</v>
      </c>
    </row>
    <row r="102135" spans="1:7" x14ac:dyDescent="0.3">
      <c r="A102135" s="13" t="s">
        <v>500</v>
      </c>
      <c r="B102135" s="14" t="s">
        <v>1</v>
      </c>
      <c r="C102135" s="14" t="s">
        <v>51</v>
      </c>
      <c r="D102135" s="14" t="s">
        <v>128</v>
      </c>
      <c r="E102135" s="15">
        <v>45676</v>
      </c>
      <c r="F102135" s="14" t="s">
        <v>15</v>
      </c>
      <c r="G102135" s="16">
        <v>0</v>
      </c>
    </row>
    <row r="102136" spans="1:7" x14ac:dyDescent="0.3">
      <c r="A102136" s="13" t="s">
        <v>500</v>
      </c>
      <c r="B102136" s="14" t="s">
        <v>1</v>
      </c>
      <c r="C102136" s="14" t="s">
        <v>51</v>
      </c>
      <c r="D102136" s="14" t="s">
        <v>128</v>
      </c>
      <c r="E102136" s="15">
        <v>45677</v>
      </c>
      <c r="F102136" s="14" t="s">
        <v>15</v>
      </c>
      <c r="G102136" s="16">
        <v>0</v>
      </c>
    </row>
    <row r="102137" spans="1:7" x14ac:dyDescent="0.3">
      <c r="A102137" s="13" t="s">
        <v>500</v>
      </c>
      <c r="B102137" s="14" t="s">
        <v>1</v>
      </c>
      <c r="C102137" s="14" t="s">
        <v>51</v>
      </c>
      <c r="D102137" s="14" t="s">
        <v>128</v>
      </c>
      <c r="E102137" s="15">
        <v>45678</v>
      </c>
      <c r="F102137" s="14" t="s">
        <v>15</v>
      </c>
      <c r="G102137" s="16">
        <v>0</v>
      </c>
    </row>
    <row r="102138" spans="1:7" x14ac:dyDescent="0.3">
      <c r="A102138" s="13" t="s">
        <v>500</v>
      </c>
      <c r="B102138" s="14" t="s">
        <v>1</v>
      </c>
      <c r="C102138" s="14" t="s">
        <v>51</v>
      </c>
      <c r="D102138" s="14" t="s">
        <v>128</v>
      </c>
      <c r="E102138" s="15">
        <v>45679</v>
      </c>
      <c r="F102138" s="14" t="s">
        <v>15</v>
      </c>
      <c r="G102138" s="16">
        <v>0</v>
      </c>
    </row>
    <row r="102139" spans="1:7" x14ac:dyDescent="0.3">
      <c r="A102139" s="13" t="s">
        <v>500</v>
      </c>
      <c r="B102139" s="14" t="s">
        <v>1</v>
      </c>
      <c r="C102139" s="14" t="s">
        <v>51</v>
      </c>
      <c r="D102139" s="14" t="s">
        <v>128</v>
      </c>
      <c r="E102139" s="15">
        <v>45680</v>
      </c>
      <c r="F102139" s="14" t="s">
        <v>15</v>
      </c>
      <c r="G102139" s="16">
        <v>0</v>
      </c>
    </row>
    <row r="102140" spans="1:7" x14ac:dyDescent="0.3">
      <c r="A102140" s="13" t="s">
        <v>500</v>
      </c>
      <c r="B102140" s="14" t="s">
        <v>1</v>
      </c>
      <c r="C102140" s="14" t="s">
        <v>51</v>
      </c>
      <c r="D102140" s="14" t="s">
        <v>128</v>
      </c>
      <c r="E102140" s="15">
        <v>45681</v>
      </c>
      <c r="F102140" s="14" t="s">
        <v>15</v>
      </c>
      <c r="G102140" s="16">
        <v>0</v>
      </c>
    </row>
    <row r="102141" spans="1:7" x14ac:dyDescent="0.3">
      <c r="A102141" s="13" t="s">
        <v>500</v>
      </c>
      <c r="B102141" s="14" t="s">
        <v>1</v>
      </c>
      <c r="C102141" s="14" t="s">
        <v>51</v>
      </c>
      <c r="D102141" s="14" t="s">
        <v>128</v>
      </c>
      <c r="E102141" s="15">
        <v>45682</v>
      </c>
      <c r="F102141" s="14" t="s">
        <v>15</v>
      </c>
      <c r="G102141" s="16">
        <v>0</v>
      </c>
    </row>
    <row r="102142" spans="1:7" x14ac:dyDescent="0.3">
      <c r="A102142" s="13" t="s">
        <v>500</v>
      </c>
      <c r="B102142" s="14" t="s">
        <v>1</v>
      </c>
      <c r="C102142" s="14" t="s">
        <v>51</v>
      </c>
      <c r="D102142" s="14" t="s">
        <v>128</v>
      </c>
      <c r="E102142" s="15">
        <v>45683</v>
      </c>
      <c r="F102142" s="14" t="s">
        <v>15</v>
      </c>
      <c r="G102142" s="16">
        <v>0</v>
      </c>
    </row>
    <row r="102143" spans="1:7" x14ac:dyDescent="0.3">
      <c r="A102143" s="13" t="s">
        <v>500</v>
      </c>
      <c r="B102143" s="14" t="s">
        <v>1</v>
      </c>
      <c r="C102143" s="14" t="s">
        <v>51</v>
      </c>
      <c r="D102143" s="14" t="s">
        <v>128</v>
      </c>
      <c r="E102143" s="15">
        <v>45684</v>
      </c>
      <c r="F102143" s="14" t="s">
        <v>15</v>
      </c>
      <c r="G102143" s="16">
        <v>0</v>
      </c>
    </row>
    <row r="102144" spans="1:7" x14ac:dyDescent="0.3">
      <c r="A102144" s="13" t="s">
        <v>500</v>
      </c>
      <c r="B102144" s="14" t="s">
        <v>1</v>
      </c>
      <c r="C102144" s="14" t="s">
        <v>51</v>
      </c>
      <c r="D102144" s="14" t="s">
        <v>128</v>
      </c>
      <c r="E102144" s="15">
        <v>45685</v>
      </c>
      <c r="F102144" s="14" t="s">
        <v>15</v>
      </c>
      <c r="G102144" s="16">
        <v>0</v>
      </c>
    </row>
    <row r="102145" spans="1:7" x14ac:dyDescent="0.3">
      <c r="A102145" s="13" t="s">
        <v>500</v>
      </c>
      <c r="B102145" s="14" t="s">
        <v>1</v>
      </c>
      <c r="C102145" s="14" t="s">
        <v>51</v>
      </c>
      <c r="D102145" s="14" t="s">
        <v>128</v>
      </c>
      <c r="E102145" s="15">
        <v>45686</v>
      </c>
      <c r="F102145" s="14" t="s">
        <v>15</v>
      </c>
      <c r="G102145" s="16">
        <v>0</v>
      </c>
    </row>
    <row r="102146" spans="1:7" x14ac:dyDescent="0.3">
      <c r="A102146" s="13" t="s">
        <v>500</v>
      </c>
      <c r="B102146" s="14" t="s">
        <v>1</v>
      </c>
      <c r="C102146" s="14" t="s">
        <v>51</v>
      </c>
      <c r="D102146" s="14" t="s">
        <v>128</v>
      </c>
      <c r="E102146" s="15">
        <v>45687</v>
      </c>
      <c r="F102146" s="14" t="s">
        <v>15</v>
      </c>
      <c r="G102146" s="16">
        <v>0</v>
      </c>
    </row>
    <row r="102147" spans="1:7" x14ac:dyDescent="0.3">
      <c r="A102147" s="13" t="s">
        <v>500</v>
      </c>
      <c r="B102147" s="14" t="s">
        <v>1</v>
      </c>
      <c r="C102147" s="14" t="s">
        <v>51</v>
      </c>
      <c r="D102147" s="14" t="s">
        <v>128</v>
      </c>
      <c r="E102147" s="15">
        <v>45688</v>
      </c>
      <c r="F102147" s="14" t="s">
        <v>15</v>
      </c>
      <c r="G102147" s="16">
        <v>0</v>
      </c>
    </row>
    <row r="102148" spans="1:7" x14ac:dyDescent="0.3">
      <c r="A102148" s="13" t="s">
        <v>500</v>
      </c>
      <c r="B102148" s="14" t="s">
        <v>1</v>
      </c>
      <c r="C102148" s="14" t="s">
        <v>51</v>
      </c>
      <c r="D102148" s="14" t="s">
        <v>128</v>
      </c>
      <c r="E102148" s="15">
        <v>45689</v>
      </c>
      <c r="F102148" s="14" t="s">
        <v>15</v>
      </c>
      <c r="G102148" s="16">
        <v>0</v>
      </c>
    </row>
    <row r="102149" spans="1:7" x14ac:dyDescent="0.3">
      <c r="A102149" s="13" t="s">
        <v>500</v>
      </c>
      <c r="B102149" s="14" t="s">
        <v>1</v>
      </c>
      <c r="C102149" s="14" t="s">
        <v>51</v>
      </c>
      <c r="D102149" s="14" t="s">
        <v>128</v>
      </c>
      <c r="E102149" s="15">
        <v>45690</v>
      </c>
      <c r="F102149" s="14" t="s">
        <v>15</v>
      </c>
      <c r="G102149" s="16">
        <v>0</v>
      </c>
    </row>
    <row r="102150" spans="1:7" x14ac:dyDescent="0.3">
      <c r="A102150" s="13" t="s">
        <v>500</v>
      </c>
      <c r="B102150" s="14" t="s">
        <v>1</v>
      </c>
      <c r="C102150" s="14" t="s">
        <v>51</v>
      </c>
      <c r="D102150" s="14" t="s">
        <v>128</v>
      </c>
      <c r="E102150" s="15">
        <v>45691</v>
      </c>
      <c r="F102150" s="14" t="s">
        <v>15</v>
      </c>
      <c r="G102150" s="16">
        <v>0</v>
      </c>
    </row>
    <row r="102151" spans="1:7" x14ac:dyDescent="0.3">
      <c r="A102151" s="13" t="s">
        <v>500</v>
      </c>
      <c r="B102151" s="14" t="s">
        <v>1</v>
      </c>
      <c r="C102151" s="14" t="s">
        <v>51</v>
      </c>
      <c r="D102151" s="14" t="s">
        <v>128</v>
      </c>
      <c r="E102151" s="15">
        <v>45692</v>
      </c>
      <c r="F102151" s="14" t="s">
        <v>15</v>
      </c>
      <c r="G102151" s="16">
        <v>0</v>
      </c>
    </row>
    <row r="102152" spans="1:7" x14ac:dyDescent="0.3">
      <c r="A102152" s="13" t="s">
        <v>500</v>
      </c>
      <c r="B102152" s="14" t="s">
        <v>1</v>
      </c>
      <c r="C102152" s="14" t="s">
        <v>51</v>
      </c>
      <c r="D102152" s="14" t="s">
        <v>128</v>
      </c>
      <c r="E102152" s="15">
        <v>45693</v>
      </c>
      <c r="F102152" s="14" t="s">
        <v>15</v>
      </c>
      <c r="G102152" s="16">
        <v>0</v>
      </c>
    </row>
    <row r="102153" spans="1:7" x14ac:dyDescent="0.3">
      <c r="A102153" s="13" t="s">
        <v>500</v>
      </c>
      <c r="B102153" s="14" t="s">
        <v>1</v>
      </c>
      <c r="C102153" s="14" t="s">
        <v>51</v>
      </c>
      <c r="D102153" s="14" t="s">
        <v>128</v>
      </c>
      <c r="E102153" s="15">
        <v>45694</v>
      </c>
      <c r="F102153" s="14" t="s">
        <v>15</v>
      </c>
      <c r="G102153" s="16">
        <v>0</v>
      </c>
    </row>
    <row r="102154" spans="1:7" x14ac:dyDescent="0.3">
      <c r="A102154" s="13" t="s">
        <v>500</v>
      </c>
      <c r="B102154" s="14" t="s">
        <v>1</v>
      </c>
      <c r="C102154" s="14" t="s">
        <v>51</v>
      </c>
      <c r="D102154" s="14" t="s">
        <v>128</v>
      </c>
      <c r="E102154" s="15">
        <v>45695</v>
      </c>
      <c r="F102154" s="14" t="s">
        <v>15</v>
      </c>
      <c r="G102154" s="16">
        <v>0</v>
      </c>
    </row>
    <row r="102155" spans="1:7" x14ac:dyDescent="0.3">
      <c r="A102155" s="13" t="s">
        <v>500</v>
      </c>
      <c r="B102155" s="14" t="s">
        <v>1</v>
      </c>
      <c r="C102155" s="14" t="s">
        <v>51</v>
      </c>
      <c r="D102155" s="14" t="s">
        <v>128</v>
      </c>
      <c r="E102155" s="15">
        <v>45696</v>
      </c>
      <c r="F102155" s="14" t="s">
        <v>15</v>
      </c>
      <c r="G102155" s="16">
        <v>0</v>
      </c>
    </row>
    <row r="102156" spans="1:7" x14ac:dyDescent="0.3">
      <c r="A102156" s="13" t="s">
        <v>500</v>
      </c>
      <c r="B102156" s="14" t="s">
        <v>1</v>
      </c>
      <c r="C102156" s="14" t="s">
        <v>51</v>
      </c>
      <c r="D102156" s="14" t="s">
        <v>128</v>
      </c>
      <c r="E102156" s="15">
        <v>45697</v>
      </c>
      <c r="F102156" s="14" t="s">
        <v>15</v>
      </c>
      <c r="G102156" s="16">
        <v>0</v>
      </c>
    </row>
    <row r="102157" spans="1:7" x14ac:dyDescent="0.3">
      <c r="A102157" s="13" t="s">
        <v>500</v>
      </c>
      <c r="B102157" s="14" t="s">
        <v>1</v>
      </c>
      <c r="C102157" s="14" t="s">
        <v>51</v>
      </c>
      <c r="D102157" s="14" t="s">
        <v>128</v>
      </c>
      <c r="E102157" s="15">
        <v>45698</v>
      </c>
      <c r="F102157" s="14" t="s">
        <v>15</v>
      </c>
      <c r="G102157" s="16">
        <v>0</v>
      </c>
    </row>
    <row r="102158" spans="1:7" x14ac:dyDescent="0.3">
      <c r="A102158" s="13" t="s">
        <v>500</v>
      </c>
      <c r="B102158" s="14" t="s">
        <v>1</v>
      </c>
      <c r="C102158" s="14" t="s">
        <v>51</v>
      </c>
      <c r="D102158" s="14" t="s">
        <v>128</v>
      </c>
      <c r="E102158" s="15">
        <v>45699</v>
      </c>
      <c r="F102158" s="14" t="s">
        <v>15</v>
      </c>
      <c r="G102158" s="16">
        <v>0</v>
      </c>
    </row>
    <row r="102159" spans="1:7" x14ac:dyDescent="0.3">
      <c r="A102159" s="13" t="s">
        <v>500</v>
      </c>
      <c r="B102159" s="14" t="s">
        <v>1</v>
      </c>
      <c r="C102159" s="14" t="s">
        <v>51</v>
      </c>
      <c r="D102159" s="14" t="s">
        <v>128</v>
      </c>
      <c r="E102159" s="15">
        <v>45700</v>
      </c>
      <c r="F102159" s="14" t="s">
        <v>15</v>
      </c>
      <c r="G102159" s="16">
        <v>0</v>
      </c>
    </row>
    <row r="102160" spans="1:7" x14ac:dyDescent="0.3">
      <c r="A102160" s="13" t="s">
        <v>500</v>
      </c>
      <c r="B102160" s="14" t="s">
        <v>1</v>
      </c>
      <c r="C102160" s="14" t="s">
        <v>51</v>
      </c>
      <c r="D102160" s="14" t="s">
        <v>128</v>
      </c>
      <c r="E102160" s="15">
        <v>45701</v>
      </c>
      <c r="F102160" s="14" t="s">
        <v>15</v>
      </c>
      <c r="G102160" s="16">
        <v>0</v>
      </c>
    </row>
    <row r="102161" spans="1:7" x14ac:dyDescent="0.3">
      <c r="A102161" s="13" t="s">
        <v>500</v>
      </c>
      <c r="B102161" s="14" t="s">
        <v>1</v>
      </c>
      <c r="C102161" s="14" t="s">
        <v>51</v>
      </c>
      <c r="D102161" s="14" t="s">
        <v>128</v>
      </c>
      <c r="E102161" s="15">
        <v>45702</v>
      </c>
      <c r="F102161" s="14" t="s">
        <v>15</v>
      </c>
      <c r="G102161" s="16">
        <v>0</v>
      </c>
    </row>
    <row r="102162" spans="1:7" x14ac:dyDescent="0.3">
      <c r="A102162" s="13" t="s">
        <v>500</v>
      </c>
      <c r="B102162" s="14" t="s">
        <v>1</v>
      </c>
      <c r="C102162" s="14" t="s">
        <v>51</v>
      </c>
      <c r="D102162" s="14" t="s">
        <v>128</v>
      </c>
      <c r="E102162" s="15">
        <v>45703</v>
      </c>
      <c r="F102162" s="14" t="s">
        <v>15</v>
      </c>
      <c r="G102162" s="16">
        <v>0</v>
      </c>
    </row>
    <row r="102163" spans="1:7" x14ac:dyDescent="0.3">
      <c r="A102163" s="13" t="s">
        <v>500</v>
      </c>
      <c r="B102163" s="14" t="s">
        <v>1</v>
      </c>
      <c r="C102163" s="14" t="s">
        <v>51</v>
      </c>
      <c r="D102163" s="14" t="s">
        <v>128</v>
      </c>
      <c r="E102163" s="15">
        <v>45704</v>
      </c>
      <c r="F102163" s="14" t="s">
        <v>15</v>
      </c>
      <c r="G102163" s="16">
        <v>0</v>
      </c>
    </row>
    <row r="102164" spans="1:7" x14ac:dyDescent="0.3">
      <c r="A102164" s="13" t="s">
        <v>500</v>
      </c>
      <c r="B102164" s="14" t="s">
        <v>1</v>
      </c>
      <c r="C102164" s="14" t="s">
        <v>51</v>
      </c>
      <c r="D102164" s="14" t="s">
        <v>128</v>
      </c>
      <c r="E102164" s="15">
        <v>45705</v>
      </c>
      <c r="F102164" s="14" t="s">
        <v>15</v>
      </c>
      <c r="G102164" s="16">
        <v>0</v>
      </c>
    </row>
    <row r="102165" spans="1:7" x14ac:dyDescent="0.3">
      <c r="A102165" s="13" t="s">
        <v>500</v>
      </c>
      <c r="B102165" s="14" t="s">
        <v>1</v>
      </c>
      <c r="C102165" s="14" t="s">
        <v>51</v>
      </c>
      <c r="D102165" s="14" t="s">
        <v>128</v>
      </c>
      <c r="E102165" s="15">
        <v>45706</v>
      </c>
      <c r="F102165" s="14" t="s">
        <v>15</v>
      </c>
      <c r="G102165" s="16">
        <v>0</v>
      </c>
    </row>
    <row r="102166" spans="1:7" x14ac:dyDescent="0.3">
      <c r="A102166" s="13" t="s">
        <v>500</v>
      </c>
      <c r="B102166" s="14" t="s">
        <v>1</v>
      </c>
      <c r="C102166" s="14" t="s">
        <v>51</v>
      </c>
      <c r="D102166" s="14" t="s">
        <v>128</v>
      </c>
      <c r="E102166" s="15">
        <v>45707</v>
      </c>
      <c r="F102166" s="14" t="s">
        <v>15</v>
      </c>
      <c r="G102166" s="16">
        <v>0</v>
      </c>
    </row>
    <row r="102167" spans="1:7" x14ac:dyDescent="0.3">
      <c r="A102167" s="13" t="s">
        <v>500</v>
      </c>
      <c r="B102167" s="14" t="s">
        <v>1</v>
      </c>
      <c r="C102167" s="14" t="s">
        <v>51</v>
      </c>
      <c r="D102167" s="14" t="s">
        <v>128</v>
      </c>
      <c r="E102167" s="15">
        <v>45708</v>
      </c>
      <c r="F102167" s="14" t="s">
        <v>15</v>
      </c>
      <c r="G102167" s="16">
        <v>0</v>
      </c>
    </row>
    <row r="102168" spans="1:7" x14ac:dyDescent="0.3">
      <c r="A102168" s="13" t="s">
        <v>500</v>
      </c>
      <c r="B102168" s="14" t="s">
        <v>1</v>
      </c>
      <c r="C102168" s="14" t="s">
        <v>51</v>
      </c>
      <c r="D102168" s="14" t="s">
        <v>128</v>
      </c>
      <c r="E102168" s="15">
        <v>45709</v>
      </c>
      <c r="F102168" s="14" t="s">
        <v>15</v>
      </c>
      <c r="G102168" s="16">
        <v>0</v>
      </c>
    </row>
    <row r="102169" spans="1:7" x14ac:dyDescent="0.3">
      <c r="A102169" s="13" t="s">
        <v>500</v>
      </c>
      <c r="B102169" s="14" t="s">
        <v>1</v>
      </c>
      <c r="C102169" s="14" t="s">
        <v>51</v>
      </c>
      <c r="D102169" s="14" t="s">
        <v>128</v>
      </c>
      <c r="E102169" s="15">
        <v>45710</v>
      </c>
      <c r="F102169" s="14" t="s">
        <v>15</v>
      </c>
      <c r="G102169" s="16">
        <v>0</v>
      </c>
    </row>
    <row r="102170" spans="1:7" x14ac:dyDescent="0.3">
      <c r="A102170" s="13" t="s">
        <v>500</v>
      </c>
      <c r="B102170" s="14" t="s">
        <v>1</v>
      </c>
      <c r="C102170" s="14" t="s">
        <v>51</v>
      </c>
      <c r="D102170" s="14" t="s">
        <v>128</v>
      </c>
      <c r="E102170" s="15">
        <v>45711</v>
      </c>
      <c r="F102170" s="14" t="s">
        <v>15</v>
      </c>
      <c r="G102170" s="16">
        <v>0</v>
      </c>
    </row>
    <row r="102171" spans="1:7" x14ac:dyDescent="0.3">
      <c r="A102171" s="13" t="s">
        <v>500</v>
      </c>
      <c r="B102171" s="14" t="s">
        <v>1</v>
      </c>
      <c r="C102171" s="14" t="s">
        <v>51</v>
      </c>
      <c r="D102171" s="14" t="s">
        <v>128</v>
      </c>
      <c r="E102171" s="15">
        <v>45712</v>
      </c>
      <c r="F102171" s="14" t="s">
        <v>15</v>
      </c>
      <c r="G102171" s="16">
        <v>0</v>
      </c>
    </row>
    <row r="102172" spans="1:7" x14ac:dyDescent="0.3">
      <c r="A102172" s="13" t="s">
        <v>500</v>
      </c>
      <c r="B102172" s="14" t="s">
        <v>1</v>
      </c>
      <c r="C102172" s="14" t="s">
        <v>51</v>
      </c>
      <c r="D102172" s="14" t="s">
        <v>128</v>
      </c>
      <c r="E102172" s="15">
        <v>45713</v>
      </c>
      <c r="F102172" s="14" t="s">
        <v>15</v>
      </c>
      <c r="G102172" s="16">
        <v>0</v>
      </c>
    </row>
    <row r="102173" spans="1:7" x14ac:dyDescent="0.3">
      <c r="A102173" s="13" t="s">
        <v>500</v>
      </c>
      <c r="B102173" s="14" t="s">
        <v>1</v>
      </c>
      <c r="C102173" s="14" t="s">
        <v>51</v>
      </c>
      <c r="D102173" s="14" t="s">
        <v>128</v>
      </c>
      <c r="E102173" s="15">
        <v>45714</v>
      </c>
      <c r="F102173" s="14" t="s">
        <v>15</v>
      </c>
      <c r="G102173" s="16">
        <v>0</v>
      </c>
    </row>
    <row r="102174" spans="1:7" x14ac:dyDescent="0.3">
      <c r="A102174" s="13" t="s">
        <v>500</v>
      </c>
      <c r="B102174" s="14" t="s">
        <v>1</v>
      </c>
      <c r="C102174" s="14" t="s">
        <v>51</v>
      </c>
      <c r="D102174" s="14" t="s">
        <v>128</v>
      </c>
      <c r="E102174" s="15">
        <v>45715</v>
      </c>
      <c r="F102174" s="14" t="s">
        <v>15</v>
      </c>
      <c r="G102174" s="16">
        <v>0</v>
      </c>
    </row>
    <row r="102175" spans="1:7" x14ac:dyDescent="0.3">
      <c r="A102175" s="13" t="s">
        <v>500</v>
      </c>
      <c r="B102175" s="14" t="s">
        <v>1</v>
      </c>
      <c r="C102175" s="14" t="s">
        <v>51</v>
      </c>
      <c r="D102175" s="14" t="s">
        <v>128</v>
      </c>
      <c r="E102175" s="15">
        <v>45716</v>
      </c>
      <c r="F102175" s="14" t="s">
        <v>15</v>
      </c>
      <c r="G102175" s="16">
        <v>0</v>
      </c>
    </row>
    <row r="102176" spans="1:7" x14ac:dyDescent="0.3">
      <c r="A102176" s="13" t="s">
        <v>500</v>
      </c>
      <c r="B102176" s="14" t="s">
        <v>1</v>
      </c>
      <c r="C102176" s="14" t="s">
        <v>51</v>
      </c>
      <c r="D102176" s="14" t="s">
        <v>128</v>
      </c>
      <c r="E102176" s="15">
        <v>45717</v>
      </c>
      <c r="F102176" s="14" t="s">
        <v>15</v>
      </c>
      <c r="G102176" s="16">
        <v>0</v>
      </c>
    </row>
    <row r="102177" spans="1:7" x14ac:dyDescent="0.3">
      <c r="A102177" s="13" t="s">
        <v>500</v>
      </c>
      <c r="B102177" s="14" t="s">
        <v>1</v>
      </c>
      <c r="C102177" s="14" t="s">
        <v>51</v>
      </c>
      <c r="D102177" s="14" t="s">
        <v>128</v>
      </c>
      <c r="E102177" s="15">
        <v>45718</v>
      </c>
      <c r="F102177" s="14" t="s">
        <v>15</v>
      </c>
      <c r="G102177" s="16">
        <v>0</v>
      </c>
    </row>
    <row r="102178" spans="1:7" x14ac:dyDescent="0.3">
      <c r="A102178" s="13" t="s">
        <v>500</v>
      </c>
      <c r="B102178" s="14" t="s">
        <v>1</v>
      </c>
      <c r="C102178" s="14" t="s">
        <v>51</v>
      </c>
      <c r="D102178" s="14" t="s">
        <v>128</v>
      </c>
      <c r="E102178" s="15">
        <v>45719</v>
      </c>
      <c r="F102178" s="14" t="s">
        <v>15</v>
      </c>
      <c r="G102178" s="16">
        <v>0</v>
      </c>
    </row>
    <row r="102179" spans="1:7" x14ac:dyDescent="0.3">
      <c r="A102179" s="13" t="s">
        <v>500</v>
      </c>
      <c r="B102179" s="14" t="s">
        <v>1</v>
      </c>
      <c r="C102179" s="14" t="s">
        <v>51</v>
      </c>
      <c r="D102179" s="14" t="s">
        <v>128</v>
      </c>
      <c r="E102179" s="15">
        <v>45720</v>
      </c>
      <c r="F102179" s="14" t="s">
        <v>15</v>
      </c>
      <c r="G102179" s="16">
        <v>0</v>
      </c>
    </row>
    <row r="102180" spans="1:7" x14ac:dyDescent="0.3">
      <c r="A102180" s="13" t="s">
        <v>500</v>
      </c>
      <c r="B102180" s="14" t="s">
        <v>1</v>
      </c>
      <c r="C102180" s="14" t="s">
        <v>51</v>
      </c>
      <c r="D102180" s="14" t="s">
        <v>128</v>
      </c>
      <c r="E102180" s="15">
        <v>45721</v>
      </c>
      <c r="F102180" s="14" t="s">
        <v>15</v>
      </c>
      <c r="G102180" s="16">
        <v>0</v>
      </c>
    </row>
    <row r="102181" spans="1:7" x14ac:dyDescent="0.3">
      <c r="A102181" s="13" t="s">
        <v>500</v>
      </c>
      <c r="B102181" s="14" t="s">
        <v>1</v>
      </c>
      <c r="C102181" s="14" t="s">
        <v>51</v>
      </c>
      <c r="D102181" s="14" t="s">
        <v>128</v>
      </c>
      <c r="E102181" s="15">
        <v>45722</v>
      </c>
      <c r="F102181" s="14" t="s">
        <v>15</v>
      </c>
      <c r="G102181" s="16">
        <v>0</v>
      </c>
    </row>
    <row r="102182" spans="1:7" x14ac:dyDescent="0.3">
      <c r="A102182" s="13" t="s">
        <v>500</v>
      </c>
      <c r="B102182" s="14" t="s">
        <v>1</v>
      </c>
      <c r="C102182" s="14" t="s">
        <v>51</v>
      </c>
      <c r="D102182" s="14" t="s">
        <v>128</v>
      </c>
      <c r="E102182" s="15">
        <v>45723</v>
      </c>
      <c r="F102182" s="14" t="s">
        <v>15</v>
      </c>
      <c r="G102182" s="16">
        <v>0</v>
      </c>
    </row>
    <row r="102183" spans="1:7" x14ac:dyDescent="0.3">
      <c r="A102183" s="13" t="s">
        <v>500</v>
      </c>
      <c r="B102183" s="14" t="s">
        <v>1</v>
      </c>
      <c r="C102183" s="14" t="s">
        <v>51</v>
      </c>
      <c r="D102183" s="14" t="s">
        <v>128</v>
      </c>
      <c r="E102183" s="15">
        <v>45724</v>
      </c>
      <c r="F102183" s="14" t="s">
        <v>15</v>
      </c>
      <c r="G102183" s="16">
        <v>0</v>
      </c>
    </row>
    <row r="102184" spans="1:7" x14ac:dyDescent="0.3">
      <c r="A102184" s="13" t="s">
        <v>500</v>
      </c>
      <c r="B102184" s="14" t="s">
        <v>1</v>
      </c>
      <c r="C102184" s="14" t="s">
        <v>51</v>
      </c>
      <c r="D102184" s="14" t="s">
        <v>128</v>
      </c>
      <c r="E102184" s="15">
        <v>45725</v>
      </c>
      <c r="F102184" s="14" t="s">
        <v>15</v>
      </c>
      <c r="G102184" s="16">
        <v>0</v>
      </c>
    </row>
    <row r="102185" spans="1:7" x14ac:dyDescent="0.3">
      <c r="A102185" s="13" t="s">
        <v>500</v>
      </c>
      <c r="B102185" s="14" t="s">
        <v>1</v>
      </c>
      <c r="C102185" s="14" t="s">
        <v>51</v>
      </c>
      <c r="D102185" s="14" t="s">
        <v>128</v>
      </c>
      <c r="E102185" s="15">
        <v>45726</v>
      </c>
      <c r="F102185" s="14" t="s">
        <v>15</v>
      </c>
      <c r="G102185" s="16">
        <v>0</v>
      </c>
    </row>
    <row r="102186" spans="1:7" x14ac:dyDescent="0.3">
      <c r="A102186" s="13" t="s">
        <v>500</v>
      </c>
      <c r="B102186" s="14" t="s">
        <v>1</v>
      </c>
      <c r="C102186" s="14" t="s">
        <v>51</v>
      </c>
      <c r="D102186" s="14" t="s">
        <v>128</v>
      </c>
      <c r="E102186" s="15">
        <v>45727</v>
      </c>
      <c r="F102186" s="14" t="s">
        <v>15</v>
      </c>
      <c r="G102186" s="16">
        <v>0</v>
      </c>
    </row>
    <row r="102187" spans="1:7" x14ac:dyDescent="0.3">
      <c r="A102187" s="13" t="s">
        <v>500</v>
      </c>
      <c r="B102187" s="14" t="s">
        <v>1</v>
      </c>
      <c r="C102187" s="14" t="s">
        <v>51</v>
      </c>
      <c r="D102187" s="14" t="s">
        <v>128</v>
      </c>
      <c r="E102187" s="15">
        <v>45728</v>
      </c>
      <c r="F102187" s="14" t="s">
        <v>15</v>
      </c>
      <c r="G102187" s="16">
        <v>0</v>
      </c>
    </row>
    <row r="102188" spans="1:7" x14ac:dyDescent="0.3">
      <c r="A102188" s="13" t="s">
        <v>500</v>
      </c>
      <c r="B102188" s="14" t="s">
        <v>1</v>
      </c>
      <c r="C102188" s="14" t="s">
        <v>51</v>
      </c>
      <c r="D102188" s="14" t="s">
        <v>128</v>
      </c>
      <c r="E102188" s="15">
        <v>45729</v>
      </c>
      <c r="F102188" s="14" t="s">
        <v>15</v>
      </c>
      <c r="G102188" s="16">
        <v>0</v>
      </c>
    </row>
    <row r="102189" spans="1:7" x14ac:dyDescent="0.3">
      <c r="A102189" s="13" t="s">
        <v>500</v>
      </c>
      <c r="B102189" s="14" t="s">
        <v>1</v>
      </c>
      <c r="C102189" s="14" t="s">
        <v>51</v>
      </c>
      <c r="D102189" s="14" t="s">
        <v>128</v>
      </c>
      <c r="E102189" s="15">
        <v>45730</v>
      </c>
      <c r="F102189" s="14" t="s">
        <v>15</v>
      </c>
      <c r="G102189" s="16">
        <v>0</v>
      </c>
    </row>
    <row r="102190" spans="1:7" x14ac:dyDescent="0.3">
      <c r="A102190" s="13" t="s">
        <v>500</v>
      </c>
      <c r="B102190" s="14" t="s">
        <v>1</v>
      </c>
      <c r="C102190" s="14" t="s">
        <v>51</v>
      </c>
      <c r="D102190" s="14" t="s">
        <v>128</v>
      </c>
      <c r="E102190" s="15">
        <v>45731</v>
      </c>
      <c r="F102190" s="14" t="s">
        <v>15</v>
      </c>
      <c r="G102190" s="16">
        <v>0</v>
      </c>
    </row>
    <row r="102191" spans="1:7" x14ac:dyDescent="0.3">
      <c r="A102191" s="13" t="s">
        <v>500</v>
      </c>
      <c r="B102191" s="14" t="s">
        <v>1</v>
      </c>
      <c r="C102191" s="14" t="s">
        <v>51</v>
      </c>
      <c r="D102191" s="14" t="s">
        <v>128</v>
      </c>
      <c r="E102191" s="15">
        <v>45732</v>
      </c>
      <c r="F102191" s="14" t="s">
        <v>15</v>
      </c>
      <c r="G102191" s="16">
        <v>0</v>
      </c>
    </row>
    <row r="102192" spans="1:7" x14ac:dyDescent="0.3">
      <c r="A102192" s="13" t="s">
        <v>500</v>
      </c>
      <c r="B102192" s="14" t="s">
        <v>1</v>
      </c>
      <c r="C102192" s="14" t="s">
        <v>51</v>
      </c>
      <c r="D102192" s="14" t="s">
        <v>128</v>
      </c>
      <c r="E102192" s="15">
        <v>45733</v>
      </c>
      <c r="F102192" s="14" t="s">
        <v>15</v>
      </c>
      <c r="G102192" s="16">
        <v>0</v>
      </c>
    </row>
    <row r="102193" spans="1:7" x14ac:dyDescent="0.3">
      <c r="A102193" s="13" t="s">
        <v>500</v>
      </c>
      <c r="B102193" s="14" t="s">
        <v>1</v>
      </c>
      <c r="C102193" s="14" t="s">
        <v>51</v>
      </c>
      <c r="D102193" s="14" t="s">
        <v>128</v>
      </c>
      <c r="E102193" s="15">
        <v>45734</v>
      </c>
      <c r="F102193" s="14" t="s">
        <v>15</v>
      </c>
      <c r="G102193" s="16">
        <v>0</v>
      </c>
    </row>
    <row r="102194" spans="1:7" x14ac:dyDescent="0.3">
      <c r="A102194" s="13" t="s">
        <v>500</v>
      </c>
      <c r="B102194" s="14" t="s">
        <v>1</v>
      </c>
      <c r="C102194" s="14" t="s">
        <v>51</v>
      </c>
      <c r="D102194" s="14" t="s">
        <v>128</v>
      </c>
      <c r="E102194" s="15">
        <v>45735</v>
      </c>
      <c r="F102194" s="14" t="s">
        <v>15</v>
      </c>
      <c r="G102194" s="16">
        <v>0</v>
      </c>
    </row>
    <row r="102195" spans="1:7" x14ac:dyDescent="0.3">
      <c r="A102195" s="13" t="s">
        <v>500</v>
      </c>
      <c r="B102195" s="14" t="s">
        <v>1</v>
      </c>
      <c r="C102195" s="14" t="s">
        <v>51</v>
      </c>
      <c r="D102195" s="14" t="s">
        <v>128</v>
      </c>
      <c r="E102195" s="15">
        <v>45736</v>
      </c>
      <c r="F102195" s="14" t="s">
        <v>15</v>
      </c>
      <c r="G102195" s="16">
        <v>0</v>
      </c>
    </row>
    <row r="102196" spans="1:7" x14ac:dyDescent="0.3">
      <c r="A102196" s="13" t="s">
        <v>500</v>
      </c>
      <c r="B102196" s="14" t="s">
        <v>1</v>
      </c>
      <c r="C102196" s="14" t="s">
        <v>51</v>
      </c>
      <c r="D102196" s="14" t="s">
        <v>128</v>
      </c>
      <c r="E102196" s="15">
        <v>45737</v>
      </c>
      <c r="F102196" s="14" t="s">
        <v>15</v>
      </c>
      <c r="G102196" s="16">
        <v>0</v>
      </c>
    </row>
    <row r="102197" spans="1:7" x14ac:dyDescent="0.3">
      <c r="A102197" s="13" t="s">
        <v>500</v>
      </c>
      <c r="B102197" s="14" t="s">
        <v>1</v>
      </c>
      <c r="C102197" s="14" t="s">
        <v>51</v>
      </c>
      <c r="D102197" s="14" t="s">
        <v>128</v>
      </c>
      <c r="E102197" s="15">
        <v>45738</v>
      </c>
      <c r="F102197" s="14" t="s">
        <v>15</v>
      </c>
      <c r="G102197" s="16">
        <v>0</v>
      </c>
    </row>
    <row r="102198" spans="1:7" x14ac:dyDescent="0.3">
      <c r="A102198" s="13" t="s">
        <v>500</v>
      </c>
      <c r="B102198" s="14" t="s">
        <v>1</v>
      </c>
      <c r="C102198" s="14" t="s">
        <v>51</v>
      </c>
      <c r="D102198" s="14" t="s">
        <v>128</v>
      </c>
      <c r="E102198" s="15">
        <v>45739</v>
      </c>
      <c r="F102198" s="14" t="s">
        <v>15</v>
      </c>
      <c r="G102198" s="16">
        <v>0</v>
      </c>
    </row>
    <row r="102199" spans="1:7" x14ac:dyDescent="0.3">
      <c r="A102199" s="13" t="s">
        <v>500</v>
      </c>
      <c r="B102199" s="14" t="s">
        <v>1</v>
      </c>
      <c r="C102199" s="14" t="s">
        <v>51</v>
      </c>
      <c r="D102199" s="14" t="s">
        <v>128</v>
      </c>
      <c r="E102199" s="15">
        <v>45740</v>
      </c>
      <c r="F102199" s="14" t="s">
        <v>15</v>
      </c>
      <c r="G102199" s="16">
        <v>0</v>
      </c>
    </row>
    <row r="102200" spans="1:7" x14ac:dyDescent="0.3">
      <c r="A102200" s="13" t="s">
        <v>500</v>
      </c>
      <c r="B102200" s="14" t="s">
        <v>1</v>
      </c>
      <c r="C102200" s="14" t="s">
        <v>51</v>
      </c>
      <c r="D102200" s="14" t="s">
        <v>128</v>
      </c>
      <c r="E102200" s="15">
        <v>45741</v>
      </c>
      <c r="F102200" s="14" t="s">
        <v>15</v>
      </c>
      <c r="G102200" s="16">
        <v>0</v>
      </c>
    </row>
    <row r="102201" spans="1:7" x14ac:dyDescent="0.3">
      <c r="A102201" s="13" t="s">
        <v>500</v>
      </c>
      <c r="B102201" s="14" t="s">
        <v>1</v>
      </c>
      <c r="C102201" s="14" t="s">
        <v>51</v>
      </c>
      <c r="D102201" s="14" t="s">
        <v>128</v>
      </c>
      <c r="E102201" s="15">
        <v>45742</v>
      </c>
      <c r="F102201" s="14" t="s">
        <v>15</v>
      </c>
      <c r="G102201" s="16">
        <v>0</v>
      </c>
    </row>
    <row r="102202" spans="1:7" x14ac:dyDescent="0.3">
      <c r="A102202" s="13" t="s">
        <v>500</v>
      </c>
      <c r="B102202" s="14" t="s">
        <v>1</v>
      </c>
      <c r="C102202" s="14" t="s">
        <v>51</v>
      </c>
      <c r="D102202" s="14" t="s">
        <v>128</v>
      </c>
      <c r="E102202" s="15">
        <v>45743</v>
      </c>
      <c r="F102202" s="14" t="s">
        <v>15</v>
      </c>
      <c r="G102202" s="16">
        <v>0</v>
      </c>
    </row>
    <row r="102203" spans="1:7" x14ac:dyDescent="0.3">
      <c r="A102203" s="13" t="s">
        <v>500</v>
      </c>
      <c r="B102203" s="14" t="s">
        <v>1</v>
      </c>
      <c r="C102203" s="14" t="s">
        <v>51</v>
      </c>
      <c r="D102203" s="14" t="s">
        <v>128</v>
      </c>
      <c r="E102203" s="15">
        <v>45744</v>
      </c>
      <c r="F102203" s="14" t="s">
        <v>15</v>
      </c>
      <c r="G102203" s="16">
        <v>0</v>
      </c>
    </row>
    <row r="102204" spans="1:7" x14ac:dyDescent="0.3">
      <c r="A102204" s="13" t="s">
        <v>500</v>
      </c>
      <c r="B102204" s="14" t="s">
        <v>1</v>
      </c>
      <c r="C102204" s="14" t="s">
        <v>51</v>
      </c>
      <c r="D102204" s="14" t="s">
        <v>128</v>
      </c>
      <c r="E102204" s="15">
        <v>45745</v>
      </c>
      <c r="F102204" s="14" t="s">
        <v>15</v>
      </c>
      <c r="G102204" s="16">
        <v>0</v>
      </c>
    </row>
    <row r="102205" spans="1:7" x14ac:dyDescent="0.3">
      <c r="A102205" s="13" t="s">
        <v>500</v>
      </c>
      <c r="B102205" s="14" t="s">
        <v>1</v>
      </c>
      <c r="C102205" s="14" t="s">
        <v>51</v>
      </c>
      <c r="D102205" s="14" t="s">
        <v>128</v>
      </c>
      <c r="E102205" s="15">
        <v>45746</v>
      </c>
      <c r="F102205" s="14" t="s">
        <v>15</v>
      </c>
      <c r="G102205" s="16">
        <v>0</v>
      </c>
    </row>
    <row r="102206" spans="1:7" x14ac:dyDescent="0.3">
      <c r="A102206" s="13" t="s">
        <v>500</v>
      </c>
      <c r="B102206" s="14" t="s">
        <v>1</v>
      </c>
      <c r="C102206" s="14" t="s">
        <v>51</v>
      </c>
      <c r="D102206" s="14" t="s">
        <v>128</v>
      </c>
      <c r="E102206" s="15">
        <v>45747</v>
      </c>
      <c r="F102206" s="14" t="s">
        <v>15</v>
      </c>
      <c r="G102206" s="16">
        <v>0</v>
      </c>
    </row>
    <row r="102207" spans="1:7" x14ac:dyDescent="0.3">
      <c r="A102207" s="13" t="s">
        <v>501</v>
      </c>
      <c r="B102207" s="14" t="s">
        <v>1</v>
      </c>
      <c r="C102207" s="14" t="s">
        <v>218</v>
      </c>
      <c r="D102207" s="14" t="s">
        <v>107</v>
      </c>
      <c r="E102207" s="15">
        <v>45383</v>
      </c>
      <c r="F102207" s="14" t="s">
        <v>25</v>
      </c>
      <c r="G102207" s="16">
        <v>0</v>
      </c>
    </row>
    <row r="102208" spans="1:7" x14ac:dyDescent="0.3">
      <c r="A102208" s="13" t="s">
        <v>501</v>
      </c>
      <c r="B102208" s="14" t="s">
        <v>1</v>
      </c>
      <c r="C102208" s="14" t="s">
        <v>218</v>
      </c>
      <c r="D102208" s="14" t="s">
        <v>107</v>
      </c>
      <c r="E102208" s="15">
        <v>45384</v>
      </c>
      <c r="F102208" s="14" t="s">
        <v>25</v>
      </c>
      <c r="G102208" s="16">
        <v>0</v>
      </c>
    </row>
    <row r="102209" spans="1:7" x14ac:dyDescent="0.3">
      <c r="A102209" s="13" t="s">
        <v>501</v>
      </c>
      <c r="B102209" s="14" t="s">
        <v>1</v>
      </c>
      <c r="C102209" s="14" t="s">
        <v>218</v>
      </c>
      <c r="D102209" s="14" t="s">
        <v>107</v>
      </c>
      <c r="E102209" s="15">
        <v>45385</v>
      </c>
      <c r="F102209" s="14" t="s">
        <v>25</v>
      </c>
      <c r="G102209" s="16">
        <v>1.7862839623616719E-2</v>
      </c>
    </row>
    <row r="102210" spans="1:7" x14ac:dyDescent="0.3">
      <c r="A102210" s="13" t="s">
        <v>501</v>
      </c>
      <c r="B102210" s="14" t="s">
        <v>1</v>
      </c>
      <c r="C102210" s="14" t="s">
        <v>218</v>
      </c>
      <c r="D102210" s="14" t="s">
        <v>107</v>
      </c>
      <c r="E102210" s="15">
        <v>45386</v>
      </c>
      <c r="F102210" s="14" t="s">
        <v>25</v>
      </c>
      <c r="G102210" s="16">
        <v>2.4031752513552666E-2</v>
      </c>
    </row>
    <row r="102211" spans="1:7" x14ac:dyDescent="0.3">
      <c r="A102211" s="13" t="s">
        <v>501</v>
      </c>
      <c r="B102211" s="14" t="s">
        <v>1</v>
      </c>
      <c r="C102211" s="14" t="s">
        <v>218</v>
      </c>
      <c r="D102211" s="14" t="s">
        <v>107</v>
      </c>
      <c r="E102211" s="15">
        <v>45387</v>
      </c>
      <c r="F102211" s="14" t="s">
        <v>25</v>
      </c>
      <c r="G102211" s="16">
        <v>2.8153722128636292E-2</v>
      </c>
    </row>
    <row r="102212" spans="1:7" x14ac:dyDescent="0.3">
      <c r="A102212" s="13" t="s">
        <v>501</v>
      </c>
      <c r="B102212" s="14" t="s">
        <v>1</v>
      </c>
      <c r="C102212" s="14" t="s">
        <v>218</v>
      </c>
      <c r="D102212" s="14" t="s">
        <v>107</v>
      </c>
      <c r="E102212" s="15">
        <v>45388</v>
      </c>
      <c r="F102212" s="14" t="s">
        <v>25</v>
      </c>
      <c r="G102212" s="16">
        <v>2.8153722128636292E-2</v>
      </c>
    </row>
    <row r="102213" spans="1:7" x14ac:dyDescent="0.3">
      <c r="A102213" s="13" t="s">
        <v>501</v>
      </c>
      <c r="B102213" s="14" t="s">
        <v>1</v>
      </c>
      <c r="C102213" s="14" t="s">
        <v>218</v>
      </c>
      <c r="D102213" s="14" t="s">
        <v>107</v>
      </c>
      <c r="E102213" s="15">
        <v>45389</v>
      </c>
      <c r="F102213" s="14" t="s">
        <v>25</v>
      </c>
      <c r="G102213" s="16">
        <v>2.8153722128636292E-2</v>
      </c>
    </row>
    <row r="102214" spans="1:7" x14ac:dyDescent="0.3">
      <c r="A102214" s="13" t="s">
        <v>501</v>
      </c>
      <c r="B102214" s="14" t="s">
        <v>1</v>
      </c>
      <c r="C102214" s="14" t="s">
        <v>218</v>
      </c>
      <c r="D102214" s="14" t="s">
        <v>107</v>
      </c>
      <c r="E102214" s="15">
        <v>45390</v>
      </c>
      <c r="F102214" s="14" t="s">
        <v>25</v>
      </c>
      <c r="G102214" s="16">
        <v>3.7833663704440905E-2</v>
      </c>
    </row>
    <row r="102215" spans="1:7" x14ac:dyDescent="0.3">
      <c r="A102215" s="13" t="s">
        <v>501</v>
      </c>
      <c r="B102215" s="14" t="s">
        <v>1</v>
      </c>
      <c r="C102215" s="14" t="s">
        <v>218</v>
      </c>
      <c r="D102215" s="14" t="s">
        <v>107</v>
      </c>
      <c r="E102215" s="15">
        <v>45391</v>
      </c>
      <c r="F102215" s="14" t="s">
        <v>25</v>
      </c>
      <c r="G102215" s="16">
        <v>5.0198849802352279E-2</v>
      </c>
    </row>
    <row r="102216" spans="1:7" x14ac:dyDescent="0.3">
      <c r="A102216" s="13" t="s">
        <v>501</v>
      </c>
      <c r="B102216" s="14" t="s">
        <v>1</v>
      </c>
      <c r="C102216" s="14" t="s">
        <v>218</v>
      </c>
      <c r="D102216" s="14" t="s">
        <v>107</v>
      </c>
      <c r="E102216" s="15">
        <v>45392</v>
      </c>
      <c r="F102216" s="14" t="s">
        <v>25</v>
      </c>
      <c r="G102216" s="16">
        <v>5.431842320563391E-2</v>
      </c>
    </row>
    <row r="102217" spans="1:7" x14ac:dyDescent="0.3">
      <c r="A102217" s="13" t="s">
        <v>501</v>
      </c>
      <c r="B102217" s="14" t="s">
        <v>1</v>
      </c>
      <c r="C102217" s="14" t="s">
        <v>218</v>
      </c>
      <c r="D102217" s="14" t="s">
        <v>107</v>
      </c>
      <c r="E102217" s="15">
        <v>45393</v>
      </c>
      <c r="F102217" s="14" t="s">
        <v>25</v>
      </c>
      <c r="G102217" s="16">
        <v>5.8705179439332844E-2</v>
      </c>
    </row>
    <row r="102218" spans="1:7" x14ac:dyDescent="0.3">
      <c r="A102218" s="13" t="s">
        <v>501</v>
      </c>
      <c r="B102218" s="14" t="s">
        <v>1</v>
      </c>
      <c r="C102218" s="14" t="s">
        <v>218</v>
      </c>
      <c r="D102218" s="14" t="s">
        <v>107</v>
      </c>
      <c r="E102218" s="15">
        <v>45394</v>
      </c>
      <c r="F102218" s="14" t="s">
        <v>25</v>
      </c>
      <c r="G102218" s="16">
        <v>6.2886854688521662E-2</v>
      </c>
    </row>
    <row r="102219" spans="1:7" x14ac:dyDescent="0.3">
      <c r="A102219" s="13" t="s">
        <v>501</v>
      </c>
      <c r="B102219" s="14" t="s">
        <v>1</v>
      </c>
      <c r="C102219" s="14" t="s">
        <v>218</v>
      </c>
      <c r="D102219" s="14" t="s">
        <v>107</v>
      </c>
      <c r="E102219" s="15">
        <v>45395</v>
      </c>
      <c r="F102219" s="14" t="s">
        <v>25</v>
      </c>
      <c r="G102219" s="16">
        <v>6.2886854688521662E-2</v>
      </c>
    </row>
    <row r="102220" spans="1:7" x14ac:dyDescent="0.3">
      <c r="A102220" s="13" t="s">
        <v>501</v>
      </c>
      <c r="B102220" s="14" t="s">
        <v>1</v>
      </c>
      <c r="C102220" s="14" t="s">
        <v>218</v>
      </c>
      <c r="D102220" s="14" t="s">
        <v>107</v>
      </c>
      <c r="E102220" s="15">
        <v>45396</v>
      </c>
      <c r="F102220" s="14" t="s">
        <v>25</v>
      </c>
      <c r="G102220" s="16">
        <v>6.2886854688521662E-2</v>
      </c>
    </row>
    <row r="102221" spans="1:7" x14ac:dyDescent="0.3">
      <c r="A102221" s="13" t="s">
        <v>501</v>
      </c>
      <c r="B102221" s="14" t="s">
        <v>1</v>
      </c>
      <c r="C102221" s="14" t="s">
        <v>218</v>
      </c>
      <c r="D102221" s="14" t="s">
        <v>107</v>
      </c>
      <c r="E102221" s="15">
        <v>45397</v>
      </c>
      <c r="F102221" s="14" t="s">
        <v>25</v>
      </c>
      <c r="G102221" s="16">
        <v>6.7067951546537399E-2</v>
      </c>
    </row>
    <row r="102222" spans="1:7" x14ac:dyDescent="0.3">
      <c r="A102222" s="13" t="s">
        <v>501</v>
      </c>
      <c r="B102222" s="14" t="s">
        <v>1</v>
      </c>
      <c r="C102222" s="14" t="s">
        <v>218</v>
      </c>
      <c r="D102222" s="14" t="s">
        <v>107</v>
      </c>
      <c r="E102222" s="15">
        <v>45398</v>
      </c>
      <c r="F102222" s="14" t="s">
        <v>25</v>
      </c>
      <c r="G102222" s="16">
        <v>7.96710022756906E-2</v>
      </c>
    </row>
    <row r="102223" spans="1:7" x14ac:dyDescent="0.3">
      <c r="A102223" s="13" t="s">
        <v>501</v>
      </c>
      <c r="B102223" s="14" t="s">
        <v>1</v>
      </c>
      <c r="C102223" s="14" t="s">
        <v>218</v>
      </c>
      <c r="D102223" s="14" t="s">
        <v>107</v>
      </c>
      <c r="E102223" s="15">
        <v>45399</v>
      </c>
      <c r="F102223" s="14" t="s">
        <v>25</v>
      </c>
      <c r="G102223" s="16">
        <v>8.3883414884362836E-2</v>
      </c>
    </row>
    <row r="102224" spans="1:7" x14ac:dyDescent="0.3">
      <c r="A102224" s="13" t="s">
        <v>501</v>
      </c>
      <c r="B102224" s="14" t="s">
        <v>1</v>
      </c>
      <c r="C102224" s="14" t="s">
        <v>218</v>
      </c>
      <c r="D102224" s="14" t="s">
        <v>107</v>
      </c>
      <c r="E102224" s="15">
        <v>45400</v>
      </c>
      <c r="F102224" s="14" t="s">
        <v>25</v>
      </c>
      <c r="G102224" s="16">
        <v>8.7587008515350367E-2</v>
      </c>
    </row>
    <row r="102225" spans="1:7" x14ac:dyDescent="0.3">
      <c r="A102225" s="13" t="s">
        <v>501</v>
      </c>
      <c r="B102225" s="14" t="s">
        <v>1</v>
      </c>
      <c r="C102225" s="14" t="s">
        <v>218</v>
      </c>
      <c r="D102225" s="14" t="s">
        <v>107</v>
      </c>
      <c r="E102225" s="15">
        <v>45401</v>
      </c>
      <c r="F102225" s="14" t="s">
        <v>25</v>
      </c>
      <c r="G102225" s="16">
        <v>9.1669696246633001E-2</v>
      </c>
    </row>
    <row r="102226" spans="1:7" x14ac:dyDescent="0.3">
      <c r="A102226" s="13" t="s">
        <v>501</v>
      </c>
      <c r="B102226" s="14" t="s">
        <v>1</v>
      </c>
      <c r="C102226" s="14" t="s">
        <v>218</v>
      </c>
      <c r="D102226" s="14" t="s">
        <v>107</v>
      </c>
      <c r="E102226" s="15">
        <v>45402</v>
      </c>
      <c r="F102226" s="14" t="s">
        <v>25</v>
      </c>
      <c r="G102226" s="16">
        <v>9.1669696246633001E-2</v>
      </c>
    </row>
    <row r="102227" spans="1:7" x14ac:dyDescent="0.3">
      <c r="A102227" s="13" t="s">
        <v>501</v>
      </c>
      <c r="B102227" s="14" t="s">
        <v>1</v>
      </c>
      <c r="C102227" s="14" t="s">
        <v>218</v>
      </c>
      <c r="D102227" s="14" t="s">
        <v>107</v>
      </c>
      <c r="E102227" s="15">
        <v>45403</v>
      </c>
      <c r="F102227" s="14" t="s">
        <v>25</v>
      </c>
      <c r="G102227" s="16">
        <v>9.1669696246633001E-2</v>
      </c>
    </row>
    <row r="102228" spans="1:7" x14ac:dyDescent="0.3">
      <c r="A102228" s="13" t="s">
        <v>501</v>
      </c>
      <c r="B102228" s="14" t="s">
        <v>1</v>
      </c>
      <c r="C102228" s="14" t="s">
        <v>218</v>
      </c>
      <c r="D102228" s="14" t="s">
        <v>107</v>
      </c>
      <c r="E102228" s="15">
        <v>45404</v>
      </c>
      <c r="F102228" s="14" t="s">
        <v>25</v>
      </c>
      <c r="G102228" s="16">
        <v>9.5659924017534162E-2</v>
      </c>
    </row>
    <row r="102229" spans="1:7" x14ac:dyDescent="0.3">
      <c r="A102229" s="13" t="s">
        <v>501</v>
      </c>
      <c r="B102229" s="14" t="s">
        <v>1</v>
      </c>
      <c r="C102229" s="14" t="s">
        <v>218</v>
      </c>
      <c r="D102229" s="14" t="s">
        <v>107</v>
      </c>
      <c r="E102229" s="15">
        <v>45405</v>
      </c>
      <c r="F102229" s="14" t="s">
        <v>25</v>
      </c>
      <c r="G102229" s="16">
        <v>0.10796146769089467</v>
      </c>
    </row>
    <row r="102230" spans="1:7" x14ac:dyDescent="0.3">
      <c r="A102230" s="13" t="s">
        <v>501</v>
      </c>
      <c r="B102230" s="14" t="s">
        <v>1</v>
      </c>
      <c r="C102230" s="14" t="s">
        <v>218</v>
      </c>
      <c r="D102230" s="14" t="s">
        <v>107</v>
      </c>
      <c r="E102230" s="15">
        <v>45406</v>
      </c>
      <c r="F102230" s="14" t="s">
        <v>25</v>
      </c>
      <c r="G102230" s="16">
        <v>0.1120591109653668</v>
      </c>
    </row>
    <row r="102231" spans="1:7" x14ac:dyDescent="0.3">
      <c r="A102231" s="13" t="s">
        <v>501</v>
      </c>
      <c r="B102231" s="14" t="s">
        <v>1</v>
      </c>
      <c r="C102231" s="14" t="s">
        <v>218</v>
      </c>
      <c r="D102231" s="14" t="s">
        <v>107</v>
      </c>
      <c r="E102231" s="15">
        <v>45407</v>
      </c>
      <c r="F102231" s="14" t="s">
        <v>25</v>
      </c>
      <c r="G102231" s="16">
        <v>0.11617898098634709</v>
      </c>
    </row>
    <row r="102232" spans="1:7" x14ac:dyDescent="0.3">
      <c r="A102232" s="13" t="s">
        <v>501</v>
      </c>
      <c r="B102232" s="14" t="s">
        <v>1</v>
      </c>
      <c r="C102232" s="14" t="s">
        <v>218</v>
      </c>
      <c r="D102232" s="14" t="s">
        <v>107</v>
      </c>
      <c r="E102232" s="15">
        <v>45408</v>
      </c>
      <c r="F102232" s="14" t="s">
        <v>25</v>
      </c>
      <c r="G102232" s="16">
        <v>0.12066023162970632</v>
      </c>
    </row>
    <row r="102233" spans="1:7" x14ac:dyDescent="0.3">
      <c r="A102233" s="13" t="s">
        <v>501</v>
      </c>
      <c r="B102233" s="14" t="s">
        <v>1</v>
      </c>
      <c r="C102233" s="14" t="s">
        <v>218</v>
      </c>
      <c r="D102233" s="14" t="s">
        <v>107</v>
      </c>
      <c r="E102233" s="15">
        <v>45409</v>
      </c>
      <c r="F102233" s="14" t="s">
        <v>25</v>
      </c>
      <c r="G102233" s="16">
        <v>0.12066023162970632</v>
      </c>
    </row>
    <row r="102234" spans="1:7" x14ac:dyDescent="0.3">
      <c r="A102234" s="13" t="s">
        <v>501</v>
      </c>
      <c r="B102234" s="14" t="s">
        <v>1</v>
      </c>
      <c r="C102234" s="14" t="s">
        <v>218</v>
      </c>
      <c r="D102234" s="14" t="s">
        <v>107</v>
      </c>
      <c r="E102234" s="15">
        <v>45410</v>
      </c>
      <c r="F102234" s="14" t="s">
        <v>25</v>
      </c>
      <c r="G102234" s="16">
        <v>0.12066023162970632</v>
      </c>
    </row>
    <row r="102235" spans="1:7" x14ac:dyDescent="0.3">
      <c r="A102235" s="13" t="s">
        <v>501</v>
      </c>
      <c r="B102235" s="14" t="s">
        <v>1</v>
      </c>
      <c r="C102235" s="14" t="s">
        <v>218</v>
      </c>
      <c r="D102235" s="14" t="s">
        <v>107</v>
      </c>
      <c r="E102235" s="15">
        <v>45411</v>
      </c>
      <c r="F102235" s="14" t="s">
        <v>25</v>
      </c>
      <c r="G102235" s="16">
        <v>0.12479329549697049</v>
      </c>
    </row>
    <row r="102236" spans="1:7" x14ac:dyDescent="0.3">
      <c r="A102236" s="13" t="s">
        <v>501</v>
      </c>
      <c r="B102236" s="14" t="s">
        <v>1</v>
      </c>
      <c r="C102236" s="14" t="s">
        <v>218</v>
      </c>
      <c r="D102236" s="14" t="s">
        <v>107</v>
      </c>
      <c r="E102236" s="15">
        <v>45412</v>
      </c>
      <c r="F102236" s="14" t="s">
        <v>25</v>
      </c>
      <c r="G102236" s="16">
        <v>0.13705986077384041</v>
      </c>
    </row>
    <row r="102237" spans="1:7" x14ac:dyDescent="0.3">
      <c r="A102237" s="13" t="s">
        <v>501</v>
      </c>
      <c r="B102237" s="14" t="s">
        <v>1</v>
      </c>
      <c r="C102237" s="14" t="s">
        <v>218</v>
      </c>
      <c r="D102237" s="14" t="s">
        <v>107</v>
      </c>
      <c r="E102237" s="15">
        <v>45413</v>
      </c>
      <c r="F102237" s="14" t="s">
        <v>25</v>
      </c>
      <c r="G102237" s="16">
        <v>0.13705986077384041</v>
      </c>
    </row>
    <row r="102238" spans="1:7" x14ac:dyDescent="0.3">
      <c r="A102238" s="13" t="s">
        <v>501</v>
      </c>
      <c r="B102238" s="14" t="s">
        <v>1</v>
      </c>
      <c r="C102238" s="14" t="s">
        <v>218</v>
      </c>
      <c r="D102238" s="14" t="s">
        <v>107</v>
      </c>
      <c r="E102238" s="15">
        <v>45414</v>
      </c>
      <c r="F102238" s="14" t="s">
        <v>25</v>
      </c>
      <c r="G102238" s="16">
        <v>0.1412019855697467</v>
      </c>
    </row>
    <row r="102239" spans="1:7" x14ac:dyDescent="0.3">
      <c r="A102239" s="13" t="s">
        <v>501</v>
      </c>
      <c r="B102239" s="14" t="s">
        <v>1</v>
      </c>
      <c r="C102239" s="14" t="s">
        <v>218</v>
      </c>
      <c r="D102239" s="14" t="s">
        <v>107</v>
      </c>
      <c r="E102239" s="15">
        <v>45415</v>
      </c>
      <c r="F102239" s="14" t="s">
        <v>25</v>
      </c>
      <c r="G102239" s="16">
        <v>0.1539580881095296</v>
      </c>
    </row>
    <row r="102240" spans="1:7" x14ac:dyDescent="0.3">
      <c r="A102240" s="13" t="s">
        <v>501</v>
      </c>
      <c r="B102240" s="14" t="s">
        <v>1</v>
      </c>
      <c r="C102240" s="14" t="s">
        <v>218</v>
      </c>
      <c r="D102240" s="14" t="s">
        <v>107</v>
      </c>
      <c r="E102240" s="15">
        <v>45416</v>
      </c>
      <c r="F102240" s="14" t="s">
        <v>25</v>
      </c>
      <c r="G102240" s="16">
        <v>0.1539580881095296</v>
      </c>
    </row>
    <row r="102241" spans="1:7" x14ac:dyDescent="0.3">
      <c r="A102241" s="13" t="s">
        <v>501</v>
      </c>
      <c r="B102241" s="14" t="s">
        <v>1</v>
      </c>
      <c r="C102241" s="14" t="s">
        <v>218</v>
      </c>
      <c r="D102241" s="14" t="s">
        <v>107</v>
      </c>
      <c r="E102241" s="15">
        <v>45417</v>
      </c>
      <c r="F102241" s="14" t="s">
        <v>25</v>
      </c>
      <c r="G102241" s="16">
        <v>0.1539580881095296</v>
      </c>
    </row>
    <row r="102242" spans="1:7" x14ac:dyDescent="0.3">
      <c r="A102242" s="13" t="s">
        <v>501</v>
      </c>
      <c r="B102242" s="14" t="s">
        <v>1</v>
      </c>
      <c r="C102242" s="14" t="s">
        <v>218</v>
      </c>
      <c r="D102242" s="14" t="s">
        <v>107</v>
      </c>
      <c r="E102242" s="15">
        <v>45418</v>
      </c>
      <c r="F102242" s="14" t="s">
        <v>25</v>
      </c>
      <c r="G102242" s="16">
        <v>0.1539580881095296</v>
      </c>
    </row>
    <row r="102243" spans="1:7" x14ac:dyDescent="0.3">
      <c r="A102243" s="13" t="s">
        <v>501</v>
      </c>
      <c r="B102243" s="14" t="s">
        <v>1</v>
      </c>
      <c r="C102243" s="14" t="s">
        <v>218</v>
      </c>
      <c r="D102243" s="14" t="s">
        <v>107</v>
      </c>
      <c r="E102243" s="15">
        <v>45419</v>
      </c>
      <c r="F102243" s="14" t="s">
        <v>25</v>
      </c>
      <c r="G102243" s="16">
        <v>0.15807143311475103</v>
      </c>
    </row>
    <row r="102244" spans="1:7" x14ac:dyDescent="0.3">
      <c r="A102244" s="13" t="s">
        <v>501</v>
      </c>
      <c r="B102244" s="14" t="s">
        <v>1</v>
      </c>
      <c r="C102244" s="14" t="s">
        <v>218</v>
      </c>
      <c r="D102244" s="14" t="s">
        <v>107</v>
      </c>
      <c r="E102244" s="15">
        <v>45420</v>
      </c>
      <c r="F102244" s="14" t="s">
        <v>25</v>
      </c>
      <c r="G102244" s="16">
        <v>0.17438953293996762</v>
      </c>
    </row>
    <row r="102245" spans="1:7" x14ac:dyDescent="0.3">
      <c r="A102245" s="13" t="s">
        <v>501</v>
      </c>
      <c r="B102245" s="14" t="s">
        <v>1</v>
      </c>
      <c r="C102245" s="14" t="s">
        <v>218</v>
      </c>
      <c r="D102245" s="14" t="s">
        <v>107</v>
      </c>
      <c r="E102245" s="15">
        <v>45421</v>
      </c>
      <c r="F102245" s="14" t="s">
        <v>25</v>
      </c>
      <c r="G102245" s="16">
        <v>0.17438953293996762</v>
      </c>
    </row>
    <row r="102246" spans="1:7" x14ac:dyDescent="0.3">
      <c r="A102246" s="13" t="s">
        <v>501</v>
      </c>
      <c r="B102246" s="14" t="s">
        <v>1</v>
      </c>
      <c r="C102246" s="14" t="s">
        <v>218</v>
      </c>
      <c r="D102246" s="14" t="s">
        <v>107</v>
      </c>
      <c r="E102246" s="15">
        <v>45422</v>
      </c>
      <c r="F102246" s="14" t="s">
        <v>25</v>
      </c>
      <c r="G102246" s="16">
        <v>0.17846882621944471</v>
      </c>
    </row>
    <row r="102247" spans="1:7" x14ac:dyDescent="0.3">
      <c r="A102247" s="13" t="s">
        <v>501</v>
      </c>
      <c r="B102247" s="14" t="s">
        <v>1</v>
      </c>
      <c r="C102247" s="14" t="s">
        <v>218</v>
      </c>
      <c r="D102247" s="14" t="s">
        <v>107</v>
      </c>
      <c r="E102247" s="15">
        <v>45423</v>
      </c>
      <c r="F102247" s="14" t="s">
        <v>25</v>
      </c>
      <c r="G102247" s="16">
        <v>0.17846882621944471</v>
      </c>
    </row>
    <row r="102248" spans="1:7" x14ac:dyDescent="0.3">
      <c r="A102248" s="13" t="s">
        <v>501</v>
      </c>
      <c r="B102248" s="14" t="s">
        <v>1</v>
      </c>
      <c r="C102248" s="14" t="s">
        <v>218</v>
      </c>
      <c r="D102248" s="14" t="s">
        <v>107</v>
      </c>
      <c r="E102248" s="15">
        <v>45424</v>
      </c>
      <c r="F102248" s="14" t="s">
        <v>25</v>
      </c>
      <c r="G102248" s="16">
        <v>0.17846882621944471</v>
      </c>
    </row>
    <row r="102249" spans="1:7" x14ac:dyDescent="0.3">
      <c r="A102249" s="13" t="s">
        <v>501</v>
      </c>
      <c r="B102249" s="14" t="s">
        <v>1</v>
      </c>
      <c r="C102249" s="14" t="s">
        <v>218</v>
      </c>
      <c r="D102249" s="14" t="s">
        <v>107</v>
      </c>
      <c r="E102249" s="15">
        <v>45425</v>
      </c>
      <c r="F102249" s="14" t="s">
        <v>25</v>
      </c>
      <c r="G102249" s="16">
        <v>0.19144902512900097</v>
      </c>
    </row>
    <row r="102250" spans="1:7" x14ac:dyDescent="0.3">
      <c r="A102250" s="13" t="s">
        <v>501</v>
      </c>
      <c r="B102250" s="14" t="s">
        <v>1</v>
      </c>
      <c r="C102250" s="14" t="s">
        <v>218</v>
      </c>
      <c r="D102250" s="14" t="s">
        <v>107</v>
      </c>
      <c r="E102250" s="15">
        <v>45426</v>
      </c>
      <c r="F102250" s="14" t="s">
        <v>25</v>
      </c>
      <c r="G102250" s="16">
        <v>0.2036001435951362</v>
      </c>
    </row>
    <row r="102251" spans="1:7" x14ac:dyDescent="0.3">
      <c r="A102251" s="13" t="s">
        <v>501</v>
      </c>
      <c r="B102251" s="14" t="s">
        <v>1</v>
      </c>
      <c r="C102251" s="14" t="s">
        <v>218</v>
      </c>
      <c r="D102251" s="14" t="s">
        <v>107</v>
      </c>
      <c r="E102251" s="15">
        <v>45427</v>
      </c>
      <c r="F102251" s="14" t="s">
        <v>25</v>
      </c>
      <c r="G102251" s="16">
        <v>0.20766145425629995</v>
      </c>
    </row>
    <row r="102252" spans="1:7" x14ac:dyDescent="0.3">
      <c r="A102252" s="13" t="s">
        <v>501</v>
      </c>
      <c r="B102252" s="14" t="s">
        <v>1</v>
      </c>
      <c r="C102252" s="14" t="s">
        <v>218</v>
      </c>
      <c r="D102252" s="14" t="s">
        <v>107</v>
      </c>
      <c r="E102252" s="15">
        <v>45428</v>
      </c>
      <c r="F102252" s="14" t="s">
        <v>25</v>
      </c>
      <c r="G102252" s="16">
        <v>0.21170976838877356</v>
      </c>
    </row>
    <row r="102253" spans="1:7" x14ac:dyDescent="0.3">
      <c r="A102253" s="13" t="s">
        <v>501</v>
      </c>
      <c r="B102253" s="14" t="s">
        <v>1</v>
      </c>
      <c r="C102253" s="14" t="s">
        <v>218</v>
      </c>
      <c r="D102253" s="14" t="s">
        <v>107</v>
      </c>
      <c r="E102253" s="15">
        <v>45429</v>
      </c>
      <c r="F102253" s="14" t="s">
        <v>25</v>
      </c>
      <c r="G102253" s="16">
        <v>0.23829537109671212</v>
      </c>
    </row>
    <row r="102254" spans="1:7" x14ac:dyDescent="0.3">
      <c r="A102254" s="13" t="s">
        <v>501</v>
      </c>
      <c r="B102254" s="14" t="s">
        <v>1</v>
      </c>
      <c r="C102254" s="14" t="s">
        <v>218</v>
      </c>
      <c r="D102254" s="14" t="s">
        <v>107</v>
      </c>
      <c r="E102254" s="15">
        <v>45430</v>
      </c>
      <c r="F102254" s="14" t="s">
        <v>25</v>
      </c>
      <c r="G102254" s="16">
        <v>0.23829537109671212</v>
      </c>
    </row>
    <row r="102255" spans="1:7" x14ac:dyDescent="0.3">
      <c r="A102255" s="13" t="s">
        <v>501</v>
      </c>
      <c r="B102255" s="14" t="s">
        <v>1</v>
      </c>
      <c r="C102255" s="14" t="s">
        <v>218</v>
      </c>
      <c r="D102255" s="14" t="s">
        <v>107</v>
      </c>
      <c r="E102255" s="15">
        <v>45431</v>
      </c>
      <c r="F102255" s="14" t="s">
        <v>25</v>
      </c>
      <c r="G102255" s="16">
        <v>0.23829537109671212</v>
      </c>
    </row>
    <row r="102256" spans="1:7" x14ac:dyDescent="0.3">
      <c r="A102256" s="13" t="s">
        <v>501</v>
      </c>
      <c r="B102256" s="14" t="s">
        <v>1</v>
      </c>
      <c r="C102256" s="14" t="s">
        <v>218</v>
      </c>
      <c r="D102256" s="14" t="s">
        <v>107</v>
      </c>
      <c r="E102256" s="15">
        <v>45432</v>
      </c>
      <c r="F102256" s="14" t="s">
        <v>25</v>
      </c>
      <c r="G102256" s="16">
        <v>0.23829537109671212</v>
      </c>
    </row>
    <row r="102257" spans="1:7" x14ac:dyDescent="0.3">
      <c r="A102257" s="13" t="s">
        <v>501</v>
      </c>
      <c r="B102257" s="14" t="s">
        <v>1</v>
      </c>
      <c r="C102257" s="14" t="s">
        <v>218</v>
      </c>
      <c r="D102257" s="14" t="s">
        <v>107</v>
      </c>
      <c r="E102257" s="15">
        <v>45433</v>
      </c>
      <c r="F102257" s="14" t="s">
        <v>25</v>
      </c>
      <c r="G102257" s="16">
        <v>0.24234533187870125</v>
      </c>
    </row>
    <row r="102258" spans="1:7" x14ac:dyDescent="0.3">
      <c r="A102258" s="13" t="s">
        <v>501</v>
      </c>
      <c r="B102258" s="14" t="s">
        <v>1</v>
      </c>
      <c r="C102258" s="14" t="s">
        <v>218</v>
      </c>
      <c r="D102258" s="14" t="s">
        <v>107</v>
      </c>
      <c r="E102258" s="15">
        <v>45434</v>
      </c>
      <c r="F102258" s="14" t="s">
        <v>25</v>
      </c>
      <c r="G102258" s="16">
        <v>0.24513756603698431</v>
      </c>
    </row>
    <row r="102259" spans="1:7" x14ac:dyDescent="0.3">
      <c r="A102259" s="13" t="s">
        <v>501</v>
      </c>
      <c r="B102259" s="14" t="s">
        <v>1</v>
      </c>
      <c r="C102259" s="14" t="s">
        <v>218</v>
      </c>
      <c r="D102259" s="14" t="s">
        <v>107</v>
      </c>
      <c r="E102259" s="15">
        <v>45435</v>
      </c>
      <c r="F102259" s="14" t="s">
        <v>25</v>
      </c>
      <c r="G102259" s="16">
        <v>0.28323882792085514</v>
      </c>
    </row>
    <row r="102260" spans="1:7" x14ac:dyDescent="0.3">
      <c r="A102260" s="13" t="s">
        <v>501</v>
      </c>
      <c r="B102260" s="14" t="s">
        <v>1</v>
      </c>
      <c r="C102260" s="14" t="s">
        <v>218</v>
      </c>
      <c r="D102260" s="14" t="s">
        <v>107</v>
      </c>
      <c r="E102260" s="15">
        <v>45436</v>
      </c>
      <c r="F102260" s="14" t="s">
        <v>25</v>
      </c>
      <c r="G102260" s="16">
        <v>0.28736536286850434</v>
      </c>
    </row>
    <row r="102261" spans="1:7" x14ac:dyDescent="0.3">
      <c r="A102261" s="13" t="s">
        <v>501</v>
      </c>
      <c r="B102261" s="14" t="s">
        <v>1</v>
      </c>
      <c r="C102261" s="14" t="s">
        <v>218</v>
      </c>
      <c r="D102261" s="14" t="s">
        <v>107</v>
      </c>
      <c r="E102261" s="15">
        <v>45437</v>
      </c>
      <c r="F102261" s="14" t="s">
        <v>25</v>
      </c>
      <c r="G102261" s="16">
        <v>0.28736536286850434</v>
      </c>
    </row>
    <row r="102262" spans="1:7" x14ac:dyDescent="0.3">
      <c r="A102262" s="13" t="s">
        <v>501</v>
      </c>
      <c r="B102262" s="14" t="s">
        <v>1</v>
      </c>
      <c r="C102262" s="14" t="s">
        <v>218</v>
      </c>
      <c r="D102262" s="14" t="s">
        <v>107</v>
      </c>
      <c r="E102262" s="15">
        <v>45438</v>
      </c>
      <c r="F102262" s="14" t="s">
        <v>25</v>
      </c>
      <c r="G102262" s="16">
        <v>0.28736536286850434</v>
      </c>
    </row>
    <row r="102263" spans="1:7" x14ac:dyDescent="0.3">
      <c r="A102263" s="13" t="s">
        <v>501</v>
      </c>
      <c r="B102263" s="14" t="s">
        <v>1</v>
      </c>
      <c r="C102263" s="14" t="s">
        <v>218</v>
      </c>
      <c r="D102263" s="14" t="s">
        <v>107</v>
      </c>
      <c r="E102263" s="15">
        <v>45439</v>
      </c>
      <c r="F102263" s="14" t="s">
        <v>25</v>
      </c>
      <c r="G102263" s="16">
        <v>0.29151148655620607</v>
      </c>
    </row>
    <row r="102264" spans="1:7" x14ac:dyDescent="0.3">
      <c r="A102264" s="13" t="s">
        <v>501</v>
      </c>
      <c r="B102264" s="14" t="s">
        <v>1</v>
      </c>
      <c r="C102264" s="14" t="s">
        <v>218</v>
      </c>
      <c r="D102264" s="14" t="s">
        <v>107</v>
      </c>
      <c r="E102264" s="15">
        <v>45440</v>
      </c>
      <c r="F102264" s="14" t="s">
        <v>25</v>
      </c>
      <c r="G102264" s="16">
        <v>0.30388293838102398</v>
      </c>
    </row>
    <row r="102265" spans="1:7" x14ac:dyDescent="0.3">
      <c r="A102265" s="13" t="s">
        <v>501</v>
      </c>
      <c r="B102265" s="14" t="s">
        <v>1</v>
      </c>
      <c r="C102265" s="14" t="s">
        <v>218</v>
      </c>
      <c r="D102265" s="14" t="s">
        <v>107</v>
      </c>
      <c r="E102265" s="15">
        <v>45441</v>
      </c>
      <c r="F102265" s="14" t="s">
        <v>25</v>
      </c>
      <c r="G102265" s="16">
        <v>0.30877043558362083</v>
      </c>
    </row>
    <row r="102266" spans="1:7" x14ac:dyDescent="0.3">
      <c r="A102266" s="13" t="s">
        <v>501</v>
      </c>
      <c r="B102266" s="14" t="s">
        <v>1</v>
      </c>
      <c r="C102266" s="14" t="s">
        <v>218</v>
      </c>
      <c r="D102266" s="14" t="s">
        <v>107</v>
      </c>
      <c r="E102266" s="15">
        <v>45442</v>
      </c>
      <c r="F102266" s="14" t="s">
        <v>25</v>
      </c>
      <c r="G102266" s="16">
        <v>0.31290427664094789</v>
      </c>
    </row>
    <row r="102267" spans="1:7" x14ac:dyDescent="0.3">
      <c r="A102267" s="13" t="s">
        <v>501</v>
      </c>
      <c r="B102267" s="14" t="s">
        <v>1</v>
      </c>
      <c r="C102267" s="14" t="s">
        <v>218</v>
      </c>
      <c r="D102267" s="14" t="s">
        <v>107</v>
      </c>
      <c r="E102267" s="15">
        <v>45443</v>
      </c>
      <c r="F102267" s="14" t="s">
        <v>25</v>
      </c>
      <c r="G102267" s="16">
        <v>0.31698443526098041</v>
      </c>
    </row>
    <row r="102268" spans="1:7" x14ac:dyDescent="0.3">
      <c r="A102268" s="13" t="s">
        <v>501</v>
      </c>
      <c r="B102268" s="14" t="s">
        <v>1</v>
      </c>
      <c r="C102268" s="14" t="s">
        <v>218</v>
      </c>
      <c r="D102268" s="14" t="s">
        <v>107</v>
      </c>
      <c r="E102268" s="15">
        <v>45444</v>
      </c>
      <c r="F102268" s="14" t="s">
        <v>25</v>
      </c>
      <c r="G102268" s="16">
        <v>0.31698443526098041</v>
      </c>
    </row>
    <row r="102269" spans="1:7" x14ac:dyDescent="0.3">
      <c r="A102269" s="13" t="s">
        <v>501</v>
      </c>
      <c r="B102269" s="14" t="s">
        <v>1</v>
      </c>
      <c r="C102269" s="14" t="s">
        <v>218</v>
      </c>
      <c r="D102269" s="14" t="s">
        <v>107</v>
      </c>
      <c r="E102269" s="15">
        <v>45445</v>
      </c>
      <c r="F102269" s="14" t="s">
        <v>25</v>
      </c>
      <c r="G102269" s="16">
        <v>0.31698443526098041</v>
      </c>
    </row>
    <row r="102270" spans="1:7" x14ac:dyDescent="0.3">
      <c r="A102270" s="13" t="s">
        <v>501</v>
      </c>
      <c r="B102270" s="14" t="s">
        <v>1</v>
      </c>
      <c r="C102270" s="14" t="s">
        <v>218</v>
      </c>
      <c r="D102270" s="14" t="s">
        <v>107</v>
      </c>
      <c r="E102270" s="15">
        <v>45446</v>
      </c>
      <c r="F102270" s="14" t="s">
        <v>25</v>
      </c>
      <c r="G102270" s="16">
        <v>0.31698443526098041</v>
      </c>
    </row>
    <row r="102271" spans="1:7" x14ac:dyDescent="0.3">
      <c r="A102271" s="13" t="s">
        <v>501</v>
      </c>
      <c r="B102271" s="14" t="s">
        <v>1</v>
      </c>
      <c r="C102271" s="14" t="s">
        <v>218</v>
      </c>
      <c r="D102271" s="14" t="s">
        <v>107</v>
      </c>
      <c r="E102271" s="15">
        <v>45447</v>
      </c>
      <c r="F102271" s="14" t="s">
        <v>25</v>
      </c>
      <c r="G102271" s="16">
        <v>0.32104169938804228</v>
      </c>
    </row>
    <row r="102272" spans="1:7" x14ac:dyDescent="0.3">
      <c r="A102272" s="13" t="s">
        <v>501</v>
      </c>
      <c r="B102272" s="14" t="s">
        <v>1</v>
      </c>
      <c r="C102272" s="14" t="s">
        <v>218</v>
      </c>
      <c r="D102272" s="14" t="s">
        <v>107</v>
      </c>
      <c r="E102272" s="15">
        <v>45448</v>
      </c>
      <c r="F102272" s="14" t="s">
        <v>25</v>
      </c>
      <c r="G102272" s="16">
        <v>0.33931095546817858</v>
      </c>
    </row>
    <row r="102273" spans="1:7" x14ac:dyDescent="0.3">
      <c r="A102273" s="13" t="s">
        <v>501</v>
      </c>
      <c r="B102273" s="14" t="s">
        <v>1</v>
      </c>
      <c r="C102273" s="14" t="s">
        <v>218</v>
      </c>
      <c r="D102273" s="14" t="s">
        <v>107</v>
      </c>
      <c r="E102273" s="15">
        <v>45449</v>
      </c>
      <c r="F102273" s="14" t="s">
        <v>25</v>
      </c>
      <c r="G102273" s="16">
        <v>0.34328184191239985</v>
      </c>
    </row>
    <row r="102274" spans="1:7" x14ac:dyDescent="0.3">
      <c r="A102274" s="13" t="s">
        <v>501</v>
      </c>
      <c r="B102274" s="14" t="s">
        <v>1</v>
      </c>
      <c r="C102274" s="14" t="s">
        <v>218</v>
      </c>
      <c r="D102274" s="14" t="s">
        <v>107</v>
      </c>
      <c r="E102274" s="15">
        <v>45450</v>
      </c>
      <c r="F102274" s="14" t="s">
        <v>25</v>
      </c>
      <c r="G102274" s="16">
        <v>0.34721877410407603</v>
      </c>
    </row>
    <row r="102275" spans="1:7" x14ac:dyDescent="0.3">
      <c r="A102275" s="13" t="s">
        <v>501</v>
      </c>
      <c r="B102275" s="14" t="s">
        <v>1</v>
      </c>
      <c r="C102275" s="14" t="s">
        <v>218</v>
      </c>
      <c r="D102275" s="14" t="s">
        <v>107</v>
      </c>
      <c r="E102275" s="15">
        <v>45451</v>
      </c>
      <c r="F102275" s="14" t="s">
        <v>25</v>
      </c>
      <c r="G102275" s="16">
        <v>0.34721877410407603</v>
      </c>
    </row>
    <row r="102276" spans="1:7" x14ac:dyDescent="0.3">
      <c r="A102276" s="13" t="s">
        <v>501</v>
      </c>
      <c r="B102276" s="14" t="s">
        <v>1</v>
      </c>
      <c r="C102276" s="14" t="s">
        <v>218</v>
      </c>
      <c r="D102276" s="14" t="s">
        <v>107</v>
      </c>
      <c r="E102276" s="15">
        <v>45452</v>
      </c>
      <c r="F102276" s="14" t="s">
        <v>25</v>
      </c>
      <c r="G102276" s="16">
        <v>0.34721877410407603</v>
      </c>
    </row>
    <row r="102277" spans="1:7" x14ac:dyDescent="0.3">
      <c r="A102277" s="13" t="s">
        <v>501</v>
      </c>
      <c r="B102277" s="14" t="s">
        <v>1</v>
      </c>
      <c r="C102277" s="14" t="s">
        <v>218</v>
      </c>
      <c r="D102277" s="14" t="s">
        <v>107</v>
      </c>
      <c r="E102277" s="15">
        <v>45453</v>
      </c>
      <c r="F102277" s="14" t="s">
        <v>25</v>
      </c>
      <c r="G102277" s="16">
        <v>0.35261880390958039</v>
      </c>
    </row>
    <row r="102278" spans="1:7" x14ac:dyDescent="0.3">
      <c r="A102278" s="13" t="s">
        <v>501</v>
      </c>
      <c r="B102278" s="14" t="s">
        <v>1</v>
      </c>
      <c r="C102278" s="14" t="s">
        <v>218</v>
      </c>
      <c r="D102278" s="14" t="s">
        <v>107</v>
      </c>
      <c r="E102278" s="15">
        <v>45454</v>
      </c>
      <c r="F102278" s="14" t="s">
        <v>25</v>
      </c>
      <c r="G102278" s="16">
        <v>0.36449595782113997</v>
      </c>
    </row>
    <row r="102279" spans="1:7" x14ac:dyDescent="0.3">
      <c r="A102279" s="13" t="s">
        <v>501</v>
      </c>
      <c r="B102279" s="14" t="s">
        <v>1</v>
      </c>
      <c r="C102279" s="14" t="s">
        <v>218</v>
      </c>
      <c r="D102279" s="14" t="s">
        <v>107</v>
      </c>
      <c r="E102279" s="15">
        <v>45455</v>
      </c>
      <c r="F102279" s="14" t="s">
        <v>25</v>
      </c>
      <c r="G102279" s="16">
        <v>0.36847764865382654</v>
      </c>
    </row>
    <row r="102280" spans="1:7" x14ac:dyDescent="0.3">
      <c r="A102280" s="13" t="s">
        <v>501</v>
      </c>
      <c r="B102280" s="14" t="s">
        <v>1</v>
      </c>
      <c r="C102280" s="14" t="s">
        <v>218</v>
      </c>
      <c r="D102280" s="14" t="s">
        <v>107</v>
      </c>
      <c r="E102280" s="15">
        <v>45456</v>
      </c>
      <c r="F102280" s="14" t="s">
        <v>25</v>
      </c>
      <c r="G102280" s="16">
        <v>0.37240301403408776</v>
      </c>
    </row>
    <row r="102281" spans="1:7" x14ac:dyDescent="0.3">
      <c r="A102281" s="13" t="s">
        <v>501</v>
      </c>
      <c r="B102281" s="14" t="s">
        <v>1</v>
      </c>
      <c r="C102281" s="14" t="s">
        <v>218</v>
      </c>
      <c r="D102281" s="14" t="s">
        <v>107</v>
      </c>
      <c r="E102281" s="15">
        <v>45457</v>
      </c>
      <c r="F102281" s="14" t="s">
        <v>25</v>
      </c>
      <c r="G102281" s="16">
        <v>0.38742257062484292</v>
      </c>
    </row>
    <row r="102282" spans="1:7" x14ac:dyDescent="0.3">
      <c r="A102282" s="13" t="s">
        <v>501</v>
      </c>
      <c r="B102282" s="14" t="s">
        <v>1</v>
      </c>
      <c r="C102282" s="14" t="s">
        <v>218</v>
      </c>
      <c r="D102282" s="14" t="s">
        <v>107</v>
      </c>
      <c r="E102282" s="15">
        <v>45458</v>
      </c>
      <c r="F102282" s="14" t="s">
        <v>25</v>
      </c>
      <c r="G102282" s="16">
        <v>0.38742257062484292</v>
      </c>
    </row>
    <row r="102283" spans="1:7" x14ac:dyDescent="0.3">
      <c r="A102283" s="13" t="s">
        <v>501</v>
      </c>
      <c r="B102283" s="14" t="s">
        <v>1</v>
      </c>
      <c r="C102283" s="14" t="s">
        <v>218</v>
      </c>
      <c r="D102283" s="14" t="s">
        <v>107</v>
      </c>
      <c r="E102283" s="15">
        <v>45459</v>
      </c>
      <c r="F102283" s="14" t="s">
        <v>25</v>
      </c>
      <c r="G102283" s="16">
        <v>0.38742257062484292</v>
      </c>
    </row>
    <row r="102284" spans="1:7" x14ac:dyDescent="0.3">
      <c r="A102284" s="13" t="s">
        <v>501</v>
      </c>
      <c r="B102284" s="14" t="s">
        <v>1</v>
      </c>
      <c r="C102284" s="14" t="s">
        <v>218</v>
      </c>
      <c r="D102284" s="14" t="s">
        <v>107</v>
      </c>
      <c r="E102284" s="15">
        <v>45460</v>
      </c>
      <c r="F102284" s="14" t="s">
        <v>25</v>
      </c>
      <c r="G102284" s="16">
        <v>0.39138030511289912</v>
      </c>
    </row>
    <row r="102285" spans="1:7" x14ac:dyDescent="0.3">
      <c r="A102285" s="13" t="s">
        <v>501</v>
      </c>
      <c r="B102285" s="14" t="s">
        <v>1</v>
      </c>
      <c r="C102285" s="14" t="s">
        <v>218</v>
      </c>
      <c r="D102285" s="14" t="s">
        <v>107</v>
      </c>
      <c r="E102285" s="15">
        <v>45461</v>
      </c>
      <c r="F102285" s="14" t="s">
        <v>25</v>
      </c>
      <c r="G102285" s="16">
        <v>0.40324861879598417</v>
      </c>
    </row>
    <row r="102286" spans="1:7" x14ac:dyDescent="0.3">
      <c r="A102286" s="13" t="s">
        <v>501</v>
      </c>
      <c r="B102286" s="14" t="s">
        <v>1</v>
      </c>
      <c r="C102286" s="14" t="s">
        <v>218</v>
      </c>
      <c r="D102286" s="14" t="s">
        <v>107</v>
      </c>
      <c r="E102286" s="15">
        <v>45462</v>
      </c>
      <c r="F102286" s="14" t="s">
        <v>25</v>
      </c>
      <c r="G102286" s="16">
        <v>0.40716282322791053</v>
      </c>
    </row>
    <row r="102287" spans="1:7" x14ac:dyDescent="0.3">
      <c r="A102287" s="13" t="s">
        <v>501</v>
      </c>
      <c r="B102287" s="14" t="s">
        <v>1</v>
      </c>
      <c r="C102287" s="14" t="s">
        <v>218</v>
      </c>
      <c r="D102287" s="14" t="s">
        <v>107</v>
      </c>
      <c r="E102287" s="15">
        <v>45463</v>
      </c>
      <c r="F102287" s="14" t="s">
        <v>25</v>
      </c>
      <c r="G102287" s="16">
        <v>0.41108005892107208</v>
      </c>
    </row>
    <row r="102288" spans="1:7" x14ac:dyDescent="0.3">
      <c r="A102288" s="13" t="s">
        <v>501</v>
      </c>
      <c r="B102288" s="14" t="s">
        <v>1</v>
      </c>
      <c r="C102288" s="14" t="s">
        <v>218</v>
      </c>
      <c r="D102288" s="14" t="s">
        <v>107</v>
      </c>
      <c r="E102288" s="15">
        <v>45464</v>
      </c>
      <c r="F102288" s="14" t="s">
        <v>25</v>
      </c>
      <c r="G102288" s="16">
        <v>0.41503821664090856</v>
      </c>
    </row>
    <row r="102289" spans="1:7" x14ac:dyDescent="0.3">
      <c r="A102289" s="13" t="s">
        <v>501</v>
      </c>
      <c r="B102289" s="14" t="s">
        <v>1</v>
      </c>
      <c r="C102289" s="14" t="s">
        <v>218</v>
      </c>
      <c r="D102289" s="14" t="s">
        <v>107</v>
      </c>
      <c r="E102289" s="15">
        <v>45465</v>
      </c>
      <c r="F102289" s="14" t="s">
        <v>25</v>
      </c>
      <c r="G102289" s="16">
        <v>0.41503821664090856</v>
      </c>
    </row>
    <row r="102290" spans="1:7" x14ac:dyDescent="0.3">
      <c r="A102290" s="13" t="s">
        <v>501</v>
      </c>
      <c r="B102290" s="14" t="s">
        <v>1</v>
      </c>
      <c r="C102290" s="14" t="s">
        <v>218</v>
      </c>
      <c r="D102290" s="14" t="s">
        <v>107</v>
      </c>
      <c r="E102290" s="15">
        <v>45466</v>
      </c>
      <c r="F102290" s="14" t="s">
        <v>25</v>
      </c>
      <c r="G102290" s="16">
        <v>0.41503821664090856</v>
      </c>
    </row>
    <row r="102291" spans="1:7" x14ac:dyDescent="0.3">
      <c r="A102291" s="13" t="s">
        <v>501</v>
      </c>
      <c r="B102291" s="14" t="s">
        <v>1</v>
      </c>
      <c r="C102291" s="14" t="s">
        <v>218</v>
      </c>
      <c r="D102291" s="14" t="s">
        <v>107</v>
      </c>
      <c r="E102291" s="15">
        <v>45467</v>
      </c>
      <c r="F102291" s="14" t="s">
        <v>25</v>
      </c>
      <c r="G102291" s="16">
        <v>0.43017383108536084</v>
      </c>
    </row>
    <row r="102292" spans="1:7" x14ac:dyDescent="0.3">
      <c r="A102292" s="13" t="s">
        <v>501</v>
      </c>
      <c r="B102292" s="14" t="s">
        <v>1</v>
      </c>
      <c r="C102292" s="14" t="s">
        <v>218</v>
      </c>
      <c r="D102292" s="14" t="s">
        <v>107</v>
      </c>
      <c r="E102292" s="15">
        <v>45468</v>
      </c>
      <c r="F102292" s="14" t="s">
        <v>25</v>
      </c>
      <c r="G102292" s="16">
        <v>0.44175997766130193</v>
      </c>
    </row>
    <row r="102293" spans="1:7" x14ac:dyDescent="0.3">
      <c r="A102293" s="13" t="s">
        <v>501</v>
      </c>
      <c r="B102293" s="14" t="s">
        <v>1</v>
      </c>
      <c r="C102293" s="14" t="s">
        <v>218</v>
      </c>
      <c r="D102293" s="14" t="s">
        <v>107</v>
      </c>
      <c r="E102293" s="15">
        <v>45469</v>
      </c>
      <c r="F102293" s="14" t="s">
        <v>25</v>
      </c>
      <c r="G102293" s="16">
        <v>0.44562262728579399</v>
      </c>
    </row>
    <row r="102294" spans="1:7" x14ac:dyDescent="0.3">
      <c r="A102294" s="13" t="s">
        <v>501</v>
      </c>
      <c r="B102294" s="14" t="s">
        <v>1</v>
      </c>
      <c r="C102294" s="14" t="s">
        <v>218</v>
      </c>
      <c r="D102294" s="14" t="s">
        <v>107</v>
      </c>
      <c r="E102294" s="15">
        <v>45470</v>
      </c>
      <c r="F102294" s="14" t="s">
        <v>25</v>
      </c>
      <c r="G102294" s="16">
        <v>0.44950296800729073</v>
      </c>
    </row>
    <row r="102295" spans="1:7" x14ac:dyDescent="0.3">
      <c r="A102295" s="13" t="s">
        <v>501</v>
      </c>
      <c r="B102295" s="14" t="s">
        <v>1</v>
      </c>
      <c r="C102295" s="14" t="s">
        <v>218</v>
      </c>
      <c r="D102295" s="14" t="s">
        <v>107</v>
      </c>
      <c r="E102295" s="15">
        <v>45471</v>
      </c>
      <c r="F102295" s="14" t="s">
        <v>25</v>
      </c>
      <c r="G102295" s="16">
        <v>0.45215330361829548</v>
      </c>
    </row>
    <row r="102296" spans="1:7" x14ac:dyDescent="0.3">
      <c r="A102296" s="13" t="s">
        <v>501</v>
      </c>
      <c r="B102296" s="14" t="s">
        <v>1</v>
      </c>
      <c r="C102296" s="14" t="s">
        <v>218</v>
      </c>
      <c r="D102296" s="14" t="s">
        <v>107</v>
      </c>
      <c r="E102296" s="15">
        <v>45472</v>
      </c>
      <c r="F102296" s="14" t="s">
        <v>25</v>
      </c>
      <c r="G102296" s="16">
        <v>0.45215330361829548</v>
      </c>
    </row>
    <row r="102297" spans="1:7" x14ac:dyDescent="0.3">
      <c r="A102297" s="13" t="s">
        <v>501</v>
      </c>
      <c r="B102297" s="14" t="s">
        <v>1</v>
      </c>
      <c r="C102297" s="14" t="s">
        <v>218</v>
      </c>
      <c r="D102297" s="14" t="s">
        <v>107</v>
      </c>
      <c r="E102297" s="15">
        <v>45473</v>
      </c>
      <c r="F102297" s="14" t="s">
        <v>25</v>
      </c>
      <c r="G102297" s="16">
        <v>0.45215330361829548</v>
      </c>
    </row>
    <row r="102298" spans="1:7" x14ac:dyDescent="0.3">
      <c r="A102298" s="13" t="s">
        <v>501</v>
      </c>
      <c r="B102298" s="14" t="s">
        <v>1</v>
      </c>
      <c r="C102298" s="14" t="s">
        <v>218</v>
      </c>
      <c r="D102298" s="14" t="s">
        <v>107</v>
      </c>
      <c r="E102298" s="15">
        <v>45474</v>
      </c>
      <c r="F102298" s="14" t="s">
        <v>25</v>
      </c>
      <c r="G102298" s="16">
        <v>0.4560473865312154</v>
      </c>
    </row>
    <row r="102299" spans="1:7" x14ac:dyDescent="0.3">
      <c r="A102299" s="13" t="s">
        <v>501</v>
      </c>
      <c r="B102299" s="14" t="s">
        <v>1</v>
      </c>
      <c r="C102299" s="14" t="s">
        <v>218</v>
      </c>
      <c r="D102299" s="14" t="s">
        <v>107</v>
      </c>
      <c r="E102299" s="15">
        <v>45475</v>
      </c>
      <c r="F102299" s="14" t="s">
        <v>25</v>
      </c>
      <c r="G102299" s="16">
        <v>0.47222501433044495</v>
      </c>
    </row>
    <row r="102300" spans="1:7" x14ac:dyDescent="0.3">
      <c r="A102300" s="13" t="s">
        <v>501</v>
      </c>
      <c r="B102300" s="14" t="s">
        <v>1</v>
      </c>
      <c r="C102300" s="14" t="s">
        <v>218</v>
      </c>
      <c r="D102300" s="14" t="s">
        <v>107</v>
      </c>
      <c r="E102300" s="15">
        <v>45476</v>
      </c>
      <c r="F102300" s="14" t="s">
        <v>25</v>
      </c>
      <c r="G102300" s="16">
        <v>0.47556833796556885</v>
      </c>
    </row>
    <row r="102301" spans="1:7" x14ac:dyDescent="0.3">
      <c r="A102301" s="13" t="s">
        <v>501</v>
      </c>
      <c r="B102301" s="14" t="s">
        <v>1</v>
      </c>
      <c r="C102301" s="14" t="s">
        <v>218</v>
      </c>
      <c r="D102301" s="14" t="s">
        <v>107</v>
      </c>
      <c r="E102301" s="15">
        <v>45477</v>
      </c>
      <c r="F102301" s="14" t="s">
        <v>25</v>
      </c>
      <c r="G102301" s="16">
        <v>0.47933172636797344</v>
      </c>
    </row>
    <row r="102302" spans="1:7" x14ac:dyDescent="0.3">
      <c r="A102302" s="13" t="s">
        <v>501</v>
      </c>
      <c r="B102302" s="14" t="s">
        <v>1</v>
      </c>
      <c r="C102302" s="14" t="s">
        <v>218</v>
      </c>
      <c r="D102302" s="14" t="s">
        <v>107</v>
      </c>
      <c r="E102302" s="15">
        <v>45478</v>
      </c>
      <c r="F102302" s="14" t="s">
        <v>25</v>
      </c>
      <c r="G102302" s="16">
        <v>0.4832484178963784</v>
      </c>
    </row>
    <row r="102303" spans="1:7" x14ac:dyDescent="0.3">
      <c r="A102303" s="13" t="s">
        <v>501</v>
      </c>
      <c r="B102303" s="14" t="s">
        <v>1</v>
      </c>
      <c r="C102303" s="14" t="s">
        <v>218</v>
      </c>
      <c r="D102303" s="14" t="s">
        <v>107</v>
      </c>
      <c r="E102303" s="15">
        <v>45479</v>
      </c>
      <c r="F102303" s="14" t="s">
        <v>25</v>
      </c>
      <c r="G102303" s="16">
        <v>0.4832484178963784</v>
      </c>
    </row>
    <row r="102304" spans="1:7" x14ac:dyDescent="0.3">
      <c r="A102304" s="13" t="s">
        <v>501</v>
      </c>
      <c r="B102304" s="14" t="s">
        <v>1</v>
      </c>
      <c r="C102304" s="14" t="s">
        <v>218</v>
      </c>
      <c r="D102304" s="14" t="s">
        <v>107</v>
      </c>
      <c r="E102304" s="15">
        <v>45480</v>
      </c>
      <c r="F102304" s="14" t="s">
        <v>25</v>
      </c>
      <c r="G102304" s="16">
        <v>0.4832484178963784</v>
      </c>
    </row>
    <row r="102305" spans="1:7" x14ac:dyDescent="0.3">
      <c r="A102305" s="13" t="s">
        <v>501</v>
      </c>
      <c r="B102305" s="14" t="s">
        <v>1</v>
      </c>
      <c r="C102305" s="14" t="s">
        <v>218</v>
      </c>
      <c r="D102305" s="14" t="s">
        <v>107</v>
      </c>
      <c r="E102305" s="15">
        <v>45481</v>
      </c>
      <c r="F102305" s="14" t="s">
        <v>25</v>
      </c>
      <c r="G102305" s="16">
        <v>0.4870309001518412</v>
      </c>
    </row>
    <row r="102306" spans="1:7" x14ac:dyDescent="0.3">
      <c r="A102306" s="13" t="s">
        <v>501</v>
      </c>
      <c r="B102306" s="14" t="s">
        <v>1</v>
      </c>
      <c r="C102306" s="14" t="s">
        <v>218</v>
      </c>
      <c r="D102306" s="14" t="s">
        <v>107</v>
      </c>
      <c r="E102306" s="15">
        <v>45482</v>
      </c>
      <c r="F102306" s="14" t="s">
        <v>25</v>
      </c>
      <c r="G102306" s="16">
        <v>0.49831631985654912</v>
      </c>
    </row>
    <row r="102307" spans="1:7" x14ac:dyDescent="0.3">
      <c r="A102307" s="13" t="s">
        <v>501</v>
      </c>
      <c r="B102307" s="14" t="s">
        <v>1</v>
      </c>
      <c r="C102307" s="14" t="s">
        <v>218</v>
      </c>
      <c r="D102307" s="14" t="s">
        <v>107</v>
      </c>
      <c r="E102307" s="15">
        <v>45483</v>
      </c>
      <c r="F102307" s="14" t="s">
        <v>25</v>
      </c>
      <c r="G102307" s="16">
        <v>0.50689593544233869</v>
      </c>
    </row>
    <row r="102308" spans="1:7" x14ac:dyDescent="0.3">
      <c r="A102308" s="13" t="s">
        <v>501</v>
      </c>
      <c r="B102308" s="14" t="s">
        <v>1</v>
      </c>
      <c r="C102308" s="14" t="s">
        <v>218</v>
      </c>
      <c r="D102308" s="14" t="s">
        <v>107</v>
      </c>
      <c r="E102308" s="15">
        <v>45484</v>
      </c>
      <c r="F102308" s="14" t="s">
        <v>25</v>
      </c>
      <c r="G102308" s="16">
        <v>0.51068614991928785</v>
      </c>
    </row>
    <row r="102309" spans="1:7" x14ac:dyDescent="0.3">
      <c r="A102309" s="13" t="s">
        <v>501</v>
      </c>
      <c r="B102309" s="14" t="s">
        <v>1</v>
      </c>
      <c r="C102309" s="14" t="s">
        <v>218</v>
      </c>
      <c r="D102309" s="14" t="s">
        <v>107</v>
      </c>
      <c r="E102309" s="15">
        <v>45485</v>
      </c>
      <c r="F102309" s="14" t="s">
        <v>25</v>
      </c>
      <c r="G102309" s="16">
        <v>0.51443667758595479</v>
      </c>
    </row>
    <row r="102310" spans="1:7" x14ac:dyDescent="0.3">
      <c r="A102310" s="13" t="s">
        <v>501</v>
      </c>
      <c r="B102310" s="14" t="s">
        <v>1</v>
      </c>
      <c r="C102310" s="14" t="s">
        <v>218</v>
      </c>
      <c r="D102310" s="14" t="s">
        <v>107</v>
      </c>
      <c r="E102310" s="15">
        <v>45486</v>
      </c>
      <c r="F102310" s="14" t="s">
        <v>25</v>
      </c>
      <c r="G102310" s="16">
        <v>0.51443667758595479</v>
      </c>
    </row>
    <row r="102311" spans="1:7" x14ac:dyDescent="0.3">
      <c r="A102311" s="13" t="s">
        <v>501</v>
      </c>
      <c r="B102311" s="14" t="s">
        <v>1</v>
      </c>
      <c r="C102311" s="14" t="s">
        <v>218</v>
      </c>
      <c r="D102311" s="14" t="s">
        <v>107</v>
      </c>
      <c r="E102311" s="15">
        <v>45487</v>
      </c>
      <c r="F102311" s="14" t="s">
        <v>25</v>
      </c>
      <c r="G102311" s="16">
        <v>0.51443667758595479</v>
      </c>
    </row>
    <row r="102312" spans="1:7" x14ac:dyDescent="0.3">
      <c r="A102312" s="13" t="s">
        <v>501</v>
      </c>
      <c r="B102312" s="14" t="s">
        <v>1</v>
      </c>
      <c r="C102312" s="14" t="s">
        <v>218</v>
      </c>
      <c r="D102312" s="14" t="s">
        <v>107</v>
      </c>
      <c r="E102312" s="15">
        <v>45488</v>
      </c>
      <c r="F102312" s="14" t="s">
        <v>25</v>
      </c>
      <c r="G102312" s="16">
        <v>0.51819446407279268</v>
      </c>
    </row>
    <row r="102313" spans="1:7" x14ac:dyDescent="0.3">
      <c r="A102313" s="13" t="s">
        <v>501</v>
      </c>
      <c r="B102313" s="14" t="s">
        <v>1</v>
      </c>
      <c r="C102313" s="14" t="s">
        <v>218</v>
      </c>
      <c r="D102313" s="14" t="s">
        <v>107</v>
      </c>
      <c r="E102313" s="15">
        <v>45489</v>
      </c>
      <c r="F102313" s="14" t="s">
        <v>25</v>
      </c>
      <c r="G102313" s="16">
        <v>0.52942599492775366</v>
      </c>
    </row>
    <row r="102314" spans="1:7" x14ac:dyDescent="0.3">
      <c r="A102314" s="13" t="s">
        <v>501</v>
      </c>
      <c r="B102314" s="14" t="s">
        <v>1</v>
      </c>
      <c r="C102314" s="14" t="s">
        <v>218</v>
      </c>
      <c r="D102314" s="14" t="s">
        <v>107</v>
      </c>
      <c r="E102314" s="15">
        <v>45490</v>
      </c>
      <c r="F102314" s="14" t="s">
        <v>25</v>
      </c>
      <c r="G102314" s="16">
        <v>0.53318403357739574</v>
      </c>
    </row>
    <row r="102315" spans="1:7" x14ac:dyDescent="0.3">
      <c r="A102315" s="13" t="s">
        <v>501</v>
      </c>
      <c r="B102315" s="14" t="s">
        <v>1</v>
      </c>
      <c r="C102315" s="14" t="s">
        <v>218</v>
      </c>
      <c r="D102315" s="14" t="s">
        <v>107</v>
      </c>
      <c r="E102315" s="15">
        <v>45491</v>
      </c>
      <c r="F102315" s="14" t="s">
        <v>25</v>
      </c>
      <c r="G102315" s="16">
        <v>0.53687416739217242</v>
      </c>
    </row>
    <row r="102316" spans="1:7" x14ac:dyDescent="0.3">
      <c r="A102316" s="13" t="s">
        <v>501</v>
      </c>
      <c r="B102316" s="14" t="s">
        <v>1</v>
      </c>
      <c r="C102316" s="14" t="s">
        <v>218</v>
      </c>
      <c r="D102316" s="14" t="s">
        <v>107</v>
      </c>
      <c r="E102316" s="15">
        <v>45492</v>
      </c>
      <c r="F102316" s="14" t="s">
        <v>25</v>
      </c>
      <c r="G102316" s="16">
        <v>0.59207003967635696</v>
      </c>
    </row>
    <row r="102317" spans="1:7" x14ac:dyDescent="0.3">
      <c r="A102317" s="13" t="s">
        <v>501</v>
      </c>
      <c r="B102317" s="14" t="s">
        <v>1</v>
      </c>
      <c r="C102317" s="14" t="s">
        <v>218</v>
      </c>
      <c r="D102317" s="14" t="s">
        <v>107</v>
      </c>
      <c r="E102317" s="15">
        <v>45493</v>
      </c>
      <c r="F102317" s="14" t="s">
        <v>25</v>
      </c>
      <c r="G102317" s="16">
        <v>0.59207003967635696</v>
      </c>
    </row>
    <row r="102318" spans="1:7" x14ac:dyDescent="0.3">
      <c r="A102318" s="13" t="s">
        <v>501</v>
      </c>
      <c r="B102318" s="14" t="s">
        <v>1</v>
      </c>
      <c r="C102318" s="14" t="s">
        <v>218</v>
      </c>
      <c r="D102318" s="14" t="s">
        <v>107</v>
      </c>
      <c r="E102318" s="15">
        <v>45494</v>
      </c>
      <c r="F102318" s="14" t="s">
        <v>25</v>
      </c>
      <c r="G102318" s="16">
        <v>0.59207003967635696</v>
      </c>
    </row>
    <row r="102319" spans="1:7" x14ac:dyDescent="0.3">
      <c r="A102319" s="13" t="s">
        <v>501</v>
      </c>
      <c r="B102319" s="14" t="s">
        <v>1</v>
      </c>
      <c r="C102319" s="14" t="s">
        <v>218</v>
      </c>
      <c r="D102319" s="14" t="s">
        <v>107</v>
      </c>
      <c r="E102319" s="15">
        <v>45495</v>
      </c>
      <c r="F102319" s="14" t="s">
        <v>25</v>
      </c>
      <c r="G102319" s="16">
        <v>0.59514264912859427</v>
      </c>
    </row>
    <row r="102320" spans="1:7" x14ac:dyDescent="0.3">
      <c r="A102320" s="13" t="s">
        <v>501</v>
      </c>
      <c r="B102320" s="14" t="s">
        <v>1</v>
      </c>
      <c r="C102320" s="14" t="s">
        <v>218</v>
      </c>
      <c r="D102320" s="14" t="s">
        <v>107</v>
      </c>
      <c r="E102320" s="15">
        <v>45496</v>
      </c>
      <c r="F102320" s="14" t="s">
        <v>25</v>
      </c>
      <c r="G102320" s="16">
        <v>0.6063409937506159</v>
      </c>
    </row>
    <row r="102321" spans="1:7" x14ac:dyDescent="0.3">
      <c r="A102321" s="13" t="s">
        <v>501</v>
      </c>
      <c r="B102321" s="14" t="s">
        <v>1</v>
      </c>
      <c r="C102321" s="14" t="s">
        <v>218</v>
      </c>
      <c r="D102321" s="14" t="s">
        <v>107</v>
      </c>
      <c r="E102321" s="15">
        <v>45497</v>
      </c>
      <c r="F102321" s="14" t="s">
        <v>25</v>
      </c>
      <c r="G102321" s="16">
        <v>0.61009698422658443</v>
      </c>
    </row>
    <row r="102322" spans="1:7" x14ac:dyDescent="0.3">
      <c r="A102322" s="13" t="s">
        <v>501</v>
      </c>
      <c r="B102322" s="14" t="s">
        <v>1</v>
      </c>
      <c r="C102322" s="14" t="s">
        <v>218</v>
      </c>
      <c r="D102322" s="14" t="s">
        <v>107</v>
      </c>
      <c r="E102322" s="15">
        <v>45498</v>
      </c>
      <c r="F102322" s="14" t="s">
        <v>25</v>
      </c>
      <c r="G102322" s="16">
        <v>0.61378971764640822</v>
      </c>
    </row>
    <row r="102323" spans="1:7" x14ac:dyDescent="0.3">
      <c r="A102323" s="13" t="s">
        <v>501</v>
      </c>
      <c r="B102323" s="14" t="s">
        <v>1</v>
      </c>
      <c r="C102323" s="14" t="s">
        <v>218</v>
      </c>
      <c r="D102323" s="14" t="s">
        <v>107</v>
      </c>
      <c r="E102323" s="15">
        <v>45499</v>
      </c>
      <c r="F102323" s="14" t="s">
        <v>25</v>
      </c>
      <c r="G102323" s="16">
        <v>0.61747843349479559</v>
      </c>
    </row>
    <row r="102324" spans="1:7" x14ac:dyDescent="0.3">
      <c r="A102324" s="13" t="s">
        <v>501</v>
      </c>
      <c r="B102324" s="14" t="s">
        <v>1</v>
      </c>
      <c r="C102324" s="14" t="s">
        <v>218</v>
      </c>
      <c r="D102324" s="14" t="s">
        <v>107</v>
      </c>
      <c r="E102324" s="15">
        <v>45500</v>
      </c>
      <c r="F102324" s="14" t="s">
        <v>25</v>
      </c>
      <c r="G102324" s="16">
        <v>0.61747843349479559</v>
      </c>
    </row>
    <row r="102325" spans="1:7" x14ac:dyDescent="0.3">
      <c r="A102325" s="13" t="s">
        <v>501</v>
      </c>
      <c r="B102325" s="14" t="s">
        <v>1</v>
      </c>
      <c r="C102325" s="14" t="s">
        <v>218</v>
      </c>
      <c r="D102325" s="14" t="s">
        <v>107</v>
      </c>
      <c r="E102325" s="15">
        <v>45501</v>
      </c>
      <c r="F102325" s="14" t="s">
        <v>25</v>
      </c>
      <c r="G102325" s="16">
        <v>0.61747843349479559</v>
      </c>
    </row>
    <row r="102326" spans="1:7" x14ac:dyDescent="0.3">
      <c r="A102326" s="13" t="s">
        <v>501</v>
      </c>
      <c r="B102326" s="14" t="s">
        <v>1</v>
      </c>
      <c r="C102326" s="14" t="s">
        <v>218</v>
      </c>
      <c r="D102326" s="14" t="s">
        <v>107</v>
      </c>
      <c r="E102326" s="15">
        <v>45502</v>
      </c>
      <c r="F102326" s="14" t="s">
        <v>25</v>
      </c>
      <c r="G102326" s="16">
        <v>0.62121118507716178</v>
      </c>
    </row>
    <row r="102327" spans="1:7" x14ac:dyDescent="0.3">
      <c r="A102327" s="13" t="s">
        <v>501</v>
      </c>
      <c r="B102327" s="14" t="s">
        <v>1</v>
      </c>
      <c r="C102327" s="14" t="s">
        <v>218</v>
      </c>
      <c r="D102327" s="14" t="s">
        <v>107</v>
      </c>
      <c r="E102327" s="15">
        <v>45503</v>
      </c>
      <c r="F102327" s="14" t="s">
        <v>25</v>
      </c>
      <c r="G102327" s="16">
        <v>0.6323709295030302</v>
      </c>
    </row>
    <row r="102328" spans="1:7" x14ac:dyDescent="0.3">
      <c r="A102328" s="13" t="s">
        <v>501</v>
      </c>
      <c r="B102328" s="14" t="s">
        <v>1</v>
      </c>
      <c r="C102328" s="14" t="s">
        <v>218</v>
      </c>
      <c r="D102328" s="14" t="s">
        <v>107</v>
      </c>
      <c r="E102328" s="15">
        <v>45504</v>
      </c>
      <c r="F102328" s="14" t="s">
        <v>25</v>
      </c>
      <c r="G102328" s="16">
        <v>0.63938343734384329</v>
      </c>
    </row>
    <row r="102329" spans="1:7" x14ac:dyDescent="0.3">
      <c r="A102329" s="13" t="s">
        <v>501</v>
      </c>
      <c r="B102329" s="14" t="s">
        <v>1</v>
      </c>
      <c r="C102329" s="14" t="s">
        <v>218</v>
      </c>
      <c r="D102329" s="14" t="s">
        <v>107</v>
      </c>
      <c r="E102329" s="15">
        <v>45505</v>
      </c>
      <c r="F102329" s="14" t="s">
        <v>25</v>
      </c>
      <c r="G102329" s="16">
        <v>0.63938343734384329</v>
      </c>
    </row>
    <row r="102330" spans="1:7" x14ac:dyDescent="0.3">
      <c r="A102330" s="13" t="s">
        <v>501</v>
      </c>
      <c r="B102330" s="14" t="s">
        <v>1</v>
      </c>
      <c r="C102330" s="14" t="s">
        <v>218</v>
      </c>
      <c r="D102330" s="14" t="s">
        <v>107</v>
      </c>
      <c r="E102330" s="15">
        <v>45506</v>
      </c>
      <c r="F102330" s="14" t="s">
        <v>25</v>
      </c>
      <c r="G102330" s="16">
        <v>0.64305175023140693</v>
      </c>
    </row>
    <row r="102331" spans="1:7" x14ac:dyDescent="0.3">
      <c r="A102331" s="13" t="s">
        <v>501</v>
      </c>
      <c r="B102331" s="14" t="s">
        <v>1</v>
      </c>
      <c r="C102331" s="14" t="s">
        <v>218</v>
      </c>
      <c r="D102331" s="14" t="s">
        <v>107</v>
      </c>
      <c r="E102331" s="15">
        <v>45507</v>
      </c>
      <c r="F102331" s="14" t="s">
        <v>25</v>
      </c>
      <c r="G102331" s="16">
        <v>0.64305175023140693</v>
      </c>
    </row>
    <row r="102332" spans="1:7" x14ac:dyDescent="0.3">
      <c r="A102332" s="13" t="s">
        <v>501</v>
      </c>
      <c r="B102332" s="14" t="s">
        <v>1</v>
      </c>
      <c r="C102332" s="14" t="s">
        <v>218</v>
      </c>
      <c r="D102332" s="14" t="s">
        <v>107</v>
      </c>
      <c r="E102332" s="15">
        <v>45508</v>
      </c>
      <c r="F102332" s="14" t="s">
        <v>25</v>
      </c>
      <c r="G102332" s="16">
        <v>0.64305175023140693</v>
      </c>
    </row>
    <row r="102333" spans="1:7" x14ac:dyDescent="0.3">
      <c r="A102333" s="13" t="s">
        <v>501</v>
      </c>
      <c r="B102333" s="14" t="s">
        <v>1</v>
      </c>
      <c r="C102333" s="14" t="s">
        <v>218</v>
      </c>
      <c r="D102333" s="14" t="s">
        <v>107</v>
      </c>
      <c r="E102333" s="15">
        <v>45509</v>
      </c>
      <c r="F102333" s="14" t="s">
        <v>25</v>
      </c>
      <c r="G102333" s="16">
        <v>0.64305175023140693</v>
      </c>
    </row>
    <row r="102334" spans="1:7" x14ac:dyDescent="0.3">
      <c r="A102334" s="13" t="s">
        <v>501</v>
      </c>
      <c r="B102334" s="14" t="s">
        <v>1</v>
      </c>
      <c r="C102334" s="14" t="s">
        <v>218</v>
      </c>
      <c r="D102334" s="14" t="s">
        <v>107</v>
      </c>
      <c r="E102334" s="15">
        <v>45510</v>
      </c>
      <c r="F102334" s="14" t="s">
        <v>25</v>
      </c>
      <c r="G102334" s="16">
        <v>0.65251584318340616</v>
      </c>
    </row>
    <row r="102335" spans="1:7" x14ac:dyDescent="0.3">
      <c r="A102335" s="13" t="s">
        <v>501</v>
      </c>
      <c r="B102335" s="14" t="s">
        <v>1</v>
      </c>
      <c r="C102335" s="14" t="s">
        <v>218</v>
      </c>
      <c r="D102335" s="14" t="s">
        <v>107</v>
      </c>
      <c r="E102335" s="15">
        <v>45511</v>
      </c>
      <c r="F102335" s="14" t="s">
        <v>25</v>
      </c>
      <c r="G102335" s="16">
        <v>0.68845880416143013</v>
      </c>
    </row>
    <row r="102336" spans="1:7" x14ac:dyDescent="0.3">
      <c r="A102336" s="13" t="s">
        <v>501</v>
      </c>
      <c r="B102336" s="14" t="s">
        <v>1</v>
      </c>
      <c r="C102336" s="14" t="s">
        <v>218</v>
      </c>
      <c r="D102336" s="14" t="s">
        <v>107</v>
      </c>
      <c r="E102336" s="15">
        <v>45512</v>
      </c>
      <c r="F102336" s="14" t="s">
        <v>25</v>
      </c>
      <c r="G102336" s="16">
        <v>0.69208434172958322</v>
      </c>
    </row>
    <row r="102337" spans="1:7" x14ac:dyDescent="0.3">
      <c r="A102337" s="13" t="s">
        <v>501</v>
      </c>
      <c r="B102337" s="14" t="s">
        <v>1</v>
      </c>
      <c r="C102337" s="14" t="s">
        <v>218</v>
      </c>
      <c r="D102337" s="14" t="s">
        <v>107</v>
      </c>
      <c r="E102337" s="15">
        <v>45513</v>
      </c>
      <c r="F102337" s="14" t="s">
        <v>25</v>
      </c>
      <c r="G102337" s="16">
        <v>0.69568829469825477</v>
      </c>
    </row>
    <row r="102338" spans="1:7" x14ac:dyDescent="0.3">
      <c r="A102338" s="13" t="s">
        <v>501</v>
      </c>
      <c r="B102338" s="14" t="s">
        <v>1</v>
      </c>
      <c r="C102338" s="14" t="s">
        <v>218</v>
      </c>
      <c r="D102338" s="14" t="s">
        <v>107</v>
      </c>
      <c r="E102338" s="15">
        <v>45514</v>
      </c>
      <c r="F102338" s="14" t="s">
        <v>25</v>
      </c>
      <c r="G102338" s="16">
        <v>0.69568829469825477</v>
      </c>
    </row>
    <row r="102339" spans="1:7" x14ac:dyDescent="0.3">
      <c r="A102339" s="13" t="s">
        <v>501</v>
      </c>
      <c r="B102339" s="14" t="s">
        <v>1</v>
      </c>
      <c r="C102339" s="14" t="s">
        <v>218</v>
      </c>
      <c r="D102339" s="14" t="s">
        <v>107</v>
      </c>
      <c r="E102339" s="15">
        <v>45515</v>
      </c>
      <c r="F102339" s="14" t="s">
        <v>25</v>
      </c>
      <c r="G102339" s="16">
        <v>0.69568829469825477</v>
      </c>
    </row>
    <row r="102340" spans="1:7" x14ac:dyDescent="0.3">
      <c r="A102340" s="13" t="s">
        <v>501</v>
      </c>
      <c r="B102340" s="14" t="s">
        <v>1</v>
      </c>
      <c r="C102340" s="14" t="s">
        <v>218</v>
      </c>
      <c r="D102340" s="14" t="s">
        <v>107</v>
      </c>
      <c r="E102340" s="15">
        <v>45516</v>
      </c>
      <c r="F102340" s="14" t="s">
        <v>25</v>
      </c>
      <c r="G102340" s="16">
        <v>0.6992827945576644</v>
      </c>
    </row>
    <row r="102341" spans="1:7" x14ac:dyDescent="0.3">
      <c r="A102341" s="13" t="s">
        <v>501</v>
      </c>
      <c r="B102341" s="14" t="s">
        <v>1</v>
      </c>
      <c r="C102341" s="14" t="s">
        <v>218</v>
      </c>
      <c r="D102341" s="14" t="s">
        <v>107</v>
      </c>
      <c r="E102341" s="15">
        <v>45517</v>
      </c>
      <c r="F102341" s="14" t="s">
        <v>25</v>
      </c>
      <c r="G102341" s="16">
        <v>0.71004773950997624</v>
      </c>
    </row>
    <row r="102342" spans="1:7" x14ac:dyDescent="0.3">
      <c r="A102342" s="13" t="s">
        <v>501</v>
      </c>
      <c r="B102342" s="14" t="s">
        <v>1</v>
      </c>
      <c r="C102342" s="14" t="s">
        <v>218</v>
      </c>
      <c r="D102342" s="14" t="s">
        <v>107</v>
      </c>
      <c r="E102342" s="15">
        <v>45518</v>
      </c>
      <c r="F102342" s="14" t="s">
        <v>25</v>
      </c>
      <c r="G102342" s="16">
        <v>0.7136095002515408</v>
      </c>
    </row>
    <row r="102343" spans="1:7" x14ac:dyDescent="0.3">
      <c r="A102343" s="13" t="s">
        <v>501</v>
      </c>
      <c r="B102343" s="14" t="s">
        <v>1</v>
      </c>
      <c r="C102343" s="14" t="s">
        <v>218</v>
      </c>
      <c r="D102343" s="14" t="s">
        <v>107</v>
      </c>
      <c r="E102343" s="15">
        <v>45519</v>
      </c>
      <c r="F102343" s="14" t="s">
        <v>25</v>
      </c>
      <c r="G102343" s="16">
        <v>0.71797406078327919</v>
      </c>
    </row>
    <row r="102344" spans="1:7" x14ac:dyDescent="0.3">
      <c r="A102344" s="13" t="s">
        <v>501</v>
      </c>
      <c r="B102344" s="14" t="s">
        <v>1</v>
      </c>
      <c r="C102344" s="14" t="s">
        <v>218</v>
      </c>
      <c r="D102344" s="14" t="s">
        <v>107</v>
      </c>
      <c r="E102344" s="15">
        <v>45520</v>
      </c>
      <c r="F102344" s="14" t="s">
        <v>25</v>
      </c>
      <c r="G102344" s="16">
        <v>0.72157324515623367</v>
      </c>
    </row>
    <row r="102345" spans="1:7" x14ac:dyDescent="0.3">
      <c r="A102345" s="13" t="s">
        <v>501</v>
      </c>
      <c r="B102345" s="14" t="s">
        <v>1</v>
      </c>
      <c r="C102345" s="14" t="s">
        <v>218</v>
      </c>
      <c r="D102345" s="14" t="s">
        <v>107</v>
      </c>
      <c r="E102345" s="15">
        <v>45521</v>
      </c>
      <c r="F102345" s="14" t="s">
        <v>25</v>
      </c>
      <c r="G102345" s="16">
        <v>0.72157324515623367</v>
      </c>
    </row>
    <row r="102346" spans="1:7" x14ac:dyDescent="0.3">
      <c r="A102346" s="13" t="s">
        <v>501</v>
      </c>
      <c r="B102346" s="14" t="s">
        <v>1</v>
      </c>
      <c r="C102346" s="14" t="s">
        <v>218</v>
      </c>
      <c r="D102346" s="14" t="s">
        <v>107</v>
      </c>
      <c r="E102346" s="15">
        <v>45522</v>
      </c>
      <c r="F102346" s="14" t="s">
        <v>25</v>
      </c>
      <c r="G102346" s="16">
        <v>0.72157324515623367</v>
      </c>
    </row>
    <row r="102347" spans="1:7" x14ac:dyDescent="0.3">
      <c r="A102347" s="13" t="s">
        <v>501</v>
      </c>
      <c r="B102347" s="14" t="s">
        <v>1</v>
      </c>
      <c r="C102347" s="14" t="s">
        <v>218</v>
      </c>
      <c r="D102347" s="14" t="s">
        <v>107</v>
      </c>
      <c r="E102347" s="15">
        <v>45523</v>
      </c>
      <c r="F102347" s="14" t="s">
        <v>25</v>
      </c>
      <c r="G102347" s="16">
        <v>0.72513642107713649</v>
      </c>
    </row>
    <row r="102348" spans="1:7" x14ac:dyDescent="0.3">
      <c r="A102348" s="13" t="s">
        <v>501</v>
      </c>
      <c r="B102348" s="14" t="s">
        <v>1</v>
      </c>
      <c r="C102348" s="14" t="s">
        <v>218</v>
      </c>
      <c r="D102348" s="14" t="s">
        <v>107</v>
      </c>
      <c r="E102348" s="15">
        <v>45524</v>
      </c>
      <c r="F102348" s="14" t="s">
        <v>25</v>
      </c>
      <c r="G102348" s="16">
        <v>0.73568720222292272</v>
      </c>
    </row>
    <row r="102349" spans="1:7" x14ac:dyDescent="0.3">
      <c r="A102349" s="13" t="s">
        <v>501</v>
      </c>
      <c r="B102349" s="14" t="s">
        <v>1</v>
      </c>
      <c r="C102349" s="14" t="s">
        <v>218</v>
      </c>
      <c r="D102349" s="14" t="s">
        <v>107</v>
      </c>
      <c r="E102349" s="15">
        <v>45525</v>
      </c>
      <c r="F102349" s="14" t="s">
        <v>25</v>
      </c>
      <c r="G102349" s="16">
        <v>0.73848775372264386</v>
      </c>
    </row>
    <row r="102350" spans="1:7" x14ac:dyDescent="0.3">
      <c r="A102350" s="13" t="s">
        <v>501</v>
      </c>
      <c r="B102350" s="14" t="s">
        <v>1</v>
      </c>
      <c r="C102350" s="14" t="s">
        <v>218</v>
      </c>
      <c r="D102350" s="14" t="s">
        <v>107</v>
      </c>
      <c r="E102350" s="15">
        <v>45526</v>
      </c>
      <c r="F102350" s="14" t="s">
        <v>25</v>
      </c>
      <c r="G102350" s="16">
        <v>0.77558383992720459</v>
      </c>
    </row>
    <row r="102351" spans="1:7" x14ac:dyDescent="0.3">
      <c r="A102351" s="13" t="s">
        <v>501</v>
      </c>
      <c r="B102351" s="14" t="s">
        <v>1</v>
      </c>
      <c r="C102351" s="14" t="s">
        <v>218</v>
      </c>
      <c r="D102351" s="14" t="s">
        <v>107</v>
      </c>
      <c r="E102351" s="15">
        <v>45527</v>
      </c>
      <c r="F102351" s="14" t="s">
        <v>25</v>
      </c>
      <c r="G102351" s="16">
        <v>0.77903395874319403</v>
      </c>
    </row>
    <row r="102352" spans="1:7" x14ac:dyDescent="0.3">
      <c r="A102352" s="13" t="s">
        <v>501</v>
      </c>
      <c r="B102352" s="14" t="s">
        <v>1</v>
      </c>
      <c r="C102352" s="14" t="s">
        <v>218</v>
      </c>
      <c r="D102352" s="14" t="s">
        <v>107</v>
      </c>
      <c r="E102352" s="15">
        <v>45528</v>
      </c>
      <c r="F102352" s="14" t="s">
        <v>25</v>
      </c>
      <c r="G102352" s="16">
        <v>0.77903395874319403</v>
      </c>
    </row>
    <row r="102353" spans="1:7" x14ac:dyDescent="0.3">
      <c r="A102353" s="13" t="s">
        <v>501</v>
      </c>
      <c r="B102353" s="14" t="s">
        <v>1</v>
      </c>
      <c r="C102353" s="14" t="s">
        <v>218</v>
      </c>
      <c r="D102353" s="14" t="s">
        <v>107</v>
      </c>
      <c r="E102353" s="15">
        <v>45529</v>
      </c>
      <c r="F102353" s="14" t="s">
        <v>25</v>
      </c>
      <c r="G102353" s="16">
        <v>0.77903395874319403</v>
      </c>
    </row>
    <row r="102354" spans="1:7" x14ac:dyDescent="0.3">
      <c r="A102354" s="13" t="s">
        <v>501</v>
      </c>
      <c r="B102354" s="14" t="s">
        <v>1</v>
      </c>
      <c r="C102354" s="14" t="s">
        <v>218</v>
      </c>
      <c r="D102354" s="14" t="s">
        <v>107</v>
      </c>
      <c r="E102354" s="15">
        <v>45530</v>
      </c>
      <c r="F102354" s="14" t="s">
        <v>25</v>
      </c>
      <c r="G102354" s="16">
        <v>0.78246882507075988</v>
      </c>
    </row>
    <row r="102355" spans="1:7" x14ac:dyDescent="0.3">
      <c r="A102355" s="13" t="s">
        <v>501</v>
      </c>
      <c r="B102355" s="14" t="s">
        <v>1</v>
      </c>
      <c r="C102355" s="14" t="s">
        <v>218</v>
      </c>
      <c r="D102355" s="14" t="s">
        <v>107</v>
      </c>
      <c r="E102355" s="15">
        <v>45531</v>
      </c>
      <c r="F102355" s="14" t="s">
        <v>25</v>
      </c>
      <c r="G102355" s="16">
        <v>0.79267210106792507</v>
      </c>
    </row>
    <row r="102356" spans="1:7" x14ac:dyDescent="0.3">
      <c r="A102356" s="13" t="s">
        <v>501</v>
      </c>
      <c r="B102356" s="14" t="s">
        <v>1</v>
      </c>
      <c r="C102356" s="14" t="s">
        <v>218</v>
      </c>
      <c r="D102356" s="14" t="s">
        <v>107</v>
      </c>
      <c r="E102356" s="15">
        <v>45532</v>
      </c>
      <c r="F102356" s="14" t="s">
        <v>25</v>
      </c>
      <c r="G102356" s="16">
        <v>0.8003140597049605</v>
      </c>
    </row>
    <row r="102357" spans="1:7" x14ac:dyDescent="0.3">
      <c r="A102357" s="13" t="s">
        <v>501</v>
      </c>
      <c r="B102357" s="14" t="s">
        <v>1</v>
      </c>
      <c r="C102357" s="14" t="s">
        <v>218</v>
      </c>
      <c r="D102357" s="14" t="s">
        <v>107</v>
      </c>
      <c r="E102357" s="15">
        <v>45533</v>
      </c>
      <c r="F102357" s="14" t="s">
        <v>25</v>
      </c>
      <c r="G102357" s="16">
        <v>0.80370191063006591</v>
      </c>
    </row>
    <row r="102358" spans="1:7" x14ac:dyDescent="0.3">
      <c r="A102358" s="13" t="s">
        <v>501</v>
      </c>
      <c r="B102358" s="14" t="s">
        <v>1</v>
      </c>
      <c r="C102358" s="14" t="s">
        <v>218</v>
      </c>
      <c r="D102358" s="14" t="s">
        <v>107</v>
      </c>
      <c r="E102358" s="15">
        <v>45534</v>
      </c>
      <c r="F102358" s="14" t="s">
        <v>25</v>
      </c>
      <c r="G102358" s="16">
        <v>0.80713638385226005</v>
      </c>
    </row>
    <row r="102359" spans="1:7" x14ac:dyDescent="0.3">
      <c r="A102359" s="13" t="s">
        <v>501</v>
      </c>
      <c r="B102359" s="14" t="s">
        <v>1</v>
      </c>
      <c r="C102359" s="14" t="s">
        <v>218</v>
      </c>
      <c r="D102359" s="14" t="s">
        <v>107</v>
      </c>
      <c r="E102359" s="15">
        <v>45535</v>
      </c>
      <c r="F102359" s="14" t="s">
        <v>25</v>
      </c>
      <c r="G102359" s="16">
        <v>0.80713638385226005</v>
      </c>
    </row>
    <row r="102360" spans="1:7" x14ac:dyDescent="0.3">
      <c r="A102360" s="13" t="s">
        <v>501</v>
      </c>
      <c r="B102360" s="14" t="s">
        <v>1</v>
      </c>
      <c r="C102360" s="14" t="s">
        <v>218</v>
      </c>
      <c r="D102360" s="14" t="s">
        <v>107</v>
      </c>
      <c r="E102360" s="15">
        <v>45536</v>
      </c>
      <c r="F102360" s="14" t="s">
        <v>25</v>
      </c>
      <c r="G102360" s="16">
        <v>0.80713638385226005</v>
      </c>
    </row>
    <row r="102361" spans="1:7" x14ac:dyDescent="0.3">
      <c r="A102361" s="13" t="s">
        <v>501</v>
      </c>
      <c r="B102361" s="14" t="s">
        <v>1</v>
      </c>
      <c r="C102361" s="14" t="s">
        <v>218</v>
      </c>
      <c r="D102361" s="14" t="s">
        <v>107</v>
      </c>
      <c r="E102361" s="15">
        <v>45537</v>
      </c>
      <c r="F102361" s="14" t="s">
        <v>25</v>
      </c>
      <c r="G102361" s="16">
        <v>0.81056653291536507</v>
      </c>
    </row>
    <row r="102362" spans="1:7" x14ac:dyDescent="0.3">
      <c r="A102362" s="13" t="s">
        <v>501</v>
      </c>
      <c r="B102362" s="14" t="s">
        <v>1</v>
      </c>
      <c r="C102362" s="14" t="s">
        <v>218</v>
      </c>
      <c r="D102362" s="14" t="s">
        <v>107</v>
      </c>
      <c r="E102362" s="15">
        <v>45538</v>
      </c>
      <c r="F102362" s="14" t="s">
        <v>25</v>
      </c>
      <c r="G102362" s="16">
        <v>0.82388029447698519</v>
      </c>
    </row>
    <row r="102363" spans="1:7" x14ac:dyDescent="0.3">
      <c r="A102363" s="13" t="s">
        <v>501</v>
      </c>
      <c r="B102363" s="14" t="s">
        <v>1</v>
      </c>
      <c r="C102363" s="14" t="s">
        <v>218</v>
      </c>
      <c r="D102363" s="14" t="s">
        <v>107</v>
      </c>
      <c r="E102363" s="15">
        <v>45539</v>
      </c>
      <c r="F102363" s="14" t="s">
        <v>25</v>
      </c>
      <c r="G102363" s="16">
        <v>0.82709816663934888</v>
      </c>
    </row>
    <row r="102364" spans="1:7" x14ac:dyDescent="0.3">
      <c r="A102364" s="13" t="s">
        <v>501</v>
      </c>
      <c r="B102364" s="14" t="s">
        <v>1</v>
      </c>
      <c r="C102364" s="14" t="s">
        <v>218</v>
      </c>
      <c r="D102364" s="14" t="s">
        <v>107</v>
      </c>
      <c r="E102364" s="15">
        <v>45540</v>
      </c>
      <c r="F102364" s="14" t="s">
        <v>25</v>
      </c>
      <c r="G102364" s="16">
        <v>0.83562854341652382</v>
      </c>
    </row>
    <row r="102365" spans="1:7" x14ac:dyDescent="0.3">
      <c r="A102365" s="13" t="s">
        <v>501</v>
      </c>
      <c r="B102365" s="14" t="s">
        <v>1</v>
      </c>
      <c r="C102365" s="14" t="s">
        <v>218</v>
      </c>
      <c r="D102365" s="14" t="s">
        <v>107</v>
      </c>
      <c r="E102365" s="15">
        <v>45541</v>
      </c>
      <c r="F102365" s="14" t="s">
        <v>25</v>
      </c>
      <c r="G102365" s="16">
        <v>0.83906757666103016</v>
      </c>
    </row>
    <row r="102366" spans="1:7" x14ac:dyDescent="0.3">
      <c r="A102366" s="13" t="s">
        <v>501</v>
      </c>
      <c r="B102366" s="14" t="s">
        <v>1</v>
      </c>
      <c r="C102366" s="14" t="s">
        <v>218</v>
      </c>
      <c r="D102366" s="14" t="s">
        <v>107</v>
      </c>
      <c r="E102366" s="15">
        <v>45542</v>
      </c>
      <c r="F102366" s="14" t="s">
        <v>25</v>
      </c>
      <c r="G102366" s="16">
        <v>0.83906757666103016</v>
      </c>
    </row>
    <row r="102367" spans="1:7" x14ac:dyDescent="0.3">
      <c r="A102367" s="13" t="s">
        <v>501</v>
      </c>
      <c r="B102367" s="14" t="s">
        <v>1</v>
      </c>
      <c r="C102367" s="14" t="s">
        <v>218</v>
      </c>
      <c r="D102367" s="14" t="s">
        <v>107</v>
      </c>
      <c r="E102367" s="15">
        <v>45543</v>
      </c>
      <c r="F102367" s="14" t="s">
        <v>25</v>
      </c>
      <c r="G102367" s="16">
        <v>0.83906757666103016</v>
      </c>
    </row>
    <row r="102368" spans="1:7" x14ac:dyDescent="0.3">
      <c r="A102368" s="13" t="s">
        <v>501</v>
      </c>
      <c r="B102368" s="14" t="s">
        <v>1</v>
      </c>
      <c r="C102368" s="14" t="s">
        <v>218</v>
      </c>
      <c r="D102368" s="14" t="s">
        <v>107</v>
      </c>
      <c r="E102368" s="15">
        <v>45544</v>
      </c>
      <c r="F102368" s="14" t="s">
        <v>25</v>
      </c>
      <c r="G102368" s="16">
        <v>0.84246635591546992</v>
      </c>
    </row>
    <row r="102369" spans="1:7" x14ac:dyDescent="0.3">
      <c r="A102369" s="13" t="s">
        <v>501</v>
      </c>
      <c r="B102369" s="14" t="s">
        <v>1</v>
      </c>
      <c r="C102369" s="14" t="s">
        <v>218</v>
      </c>
      <c r="D102369" s="14" t="s">
        <v>107</v>
      </c>
      <c r="E102369" s="15">
        <v>45545</v>
      </c>
      <c r="F102369" s="14" t="s">
        <v>25</v>
      </c>
      <c r="G102369" s="16">
        <v>0.85264643869570222</v>
      </c>
    </row>
    <row r="102370" spans="1:7" x14ac:dyDescent="0.3">
      <c r="A102370" s="13" t="s">
        <v>501</v>
      </c>
      <c r="B102370" s="14" t="s">
        <v>1</v>
      </c>
      <c r="C102370" s="14" t="s">
        <v>218</v>
      </c>
      <c r="D102370" s="14" t="s">
        <v>107</v>
      </c>
      <c r="E102370" s="15">
        <v>45546</v>
      </c>
      <c r="F102370" s="14" t="s">
        <v>25</v>
      </c>
      <c r="G102370" s="16">
        <v>0.85604262345468862</v>
      </c>
    </row>
    <row r="102371" spans="1:7" x14ac:dyDescent="0.3">
      <c r="A102371" s="13" t="s">
        <v>501</v>
      </c>
      <c r="B102371" s="14" t="s">
        <v>1</v>
      </c>
      <c r="C102371" s="14" t="s">
        <v>218</v>
      </c>
      <c r="D102371" s="14" t="s">
        <v>107</v>
      </c>
      <c r="E102371" s="15">
        <v>45547</v>
      </c>
      <c r="F102371" s="14" t="s">
        <v>25</v>
      </c>
      <c r="G102371" s="16">
        <v>0.85952411207934321</v>
      </c>
    </row>
    <row r="102372" spans="1:7" x14ac:dyDescent="0.3">
      <c r="A102372" s="13" t="s">
        <v>501</v>
      </c>
      <c r="B102372" s="14" t="s">
        <v>1</v>
      </c>
      <c r="C102372" s="14" t="s">
        <v>218</v>
      </c>
      <c r="D102372" s="14" t="s">
        <v>107</v>
      </c>
      <c r="E102372" s="15">
        <v>45548</v>
      </c>
      <c r="F102372" s="14" t="s">
        <v>25</v>
      </c>
      <c r="G102372" s="16">
        <v>0.86295489011104298</v>
      </c>
    </row>
    <row r="102373" spans="1:7" x14ac:dyDescent="0.3">
      <c r="A102373" s="13" t="s">
        <v>501</v>
      </c>
      <c r="B102373" s="14" t="s">
        <v>1</v>
      </c>
      <c r="C102373" s="14" t="s">
        <v>218</v>
      </c>
      <c r="D102373" s="14" t="s">
        <v>107</v>
      </c>
      <c r="E102373" s="15">
        <v>45549</v>
      </c>
      <c r="F102373" s="14" t="s">
        <v>25</v>
      </c>
      <c r="G102373" s="16">
        <v>0.86295489011104298</v>
      </c>
    </row>
    <row r="102374" spans="1:7" x14ac:dyDescent="0.3">
      <c r="A102374" s="13" t="s">
        <v>501</v>
      </c>
      <c r="B102374" s="14" t="s">
        <v>1</v>
      </c>
      <c r="C102374" s="14" t="s">
        <v>218</v>
      </c>
      <c r="D102374" s="14" t="s">
        <v>107</v>
      </c>
      <c r="E102374" s="15">
        <v>45550</v>
      </c>
      <c r="F102374" s="14" t="s">
        <v>25</v>
      </c>
      <c r="G102374" s="16">
        <v>0.86295489011104298</v>
      </c>
    </row>
    <row r="102375" spans="1:7" x14ac:dyDescent="0.3">
      <c r="A102375" s="13" t="s">
        <v>501</v>
      </c>
      <c r="B102375" s="14" t="s">
        <v>1</v>
      </c>
      <c r="C102375" s="14" t="s">
        <v>218</v>
      </c>
      <c r="D102375" s="14" t="s">
        <v>107</v>
      </c>
      <c r="E102375" s="15">
        <v>45551</v>
      </c>
      <c r="F102375" s="14" t="s">
        <v>25</v>
      </c>
      <c r="G102375" s="16">
        <v>0.86633149822251654</v>
      </c>
    </row>
    <row r="102376" spans="1:7" x14ac:dyDescent="0.3">
      <c r="A102376" s="13" t="s">
        <v>501</v>
      </c>
      <c r="B102376" s="14" t="s">
        <v>1</v>
      </c>
      <c r="C102376" s="14" t="s">
        <v>218</v>
      </c>
      <c r="D102376" s="14" t="s">
        <v>107</v>
      </c>
      <c r="E102376" s="15">
        <v>45552</v>
      </c>
      <c r="F102376" s="14" t="s">
        <v>25</v>
      </c>
      <c r="G102376" s="16">
        <v>0.88760454286689472</v>
      </c>
    </row>
    <row r="102377" spans="1:7" x14ac:dyDescent="0.3">
      <c r="A102377" s="13" t="s">
        <v>501</v>
      </c>
      <c r="B102377" s="14" t="s">
        <v>1</v>
      </c>
      <c r="C102377" s="14" t="s">
        <v>218</v>
      </c>
      <c r="D102377" s="14" t="s">
        <v>107</v>
      </c>
      <c r="E102377" s="15">
        <v>45553</v>
      </c>
      <c r="F102377" s="14" t="s">
        <v>25</v>
      </c>
      <c r="G102377" s="16">
        <v>0.8909824089155578</v>
      </c>
    </row>
    <row r="102378" spans="1:7" x14ac:dyDescent="0.3">
      <c r="A102378" s="13" t="s">
        <v>501</v>
      </c>
      <c r="B102378" s="14" t="s">
        <v>1</v>
      </c>
      <c r="C102378" s="14" t="s">
        <v>218</v>
      </c>
      <c r="D102378" s="14" t="s">
        <v>107</v>
      </c>
      <c r="E102378" s="15">
        <v>45554</v>
      </c>
      <c r="F102378" s="14" t="s">
        <v>25</v>
      </c>
      <c r="G102378" s="16">
        <v>0.8917093295793338</v>
      </c>
    </row>
    <row r="102379" spans="1:7" x14ac:dyDescent="0.3">
      <c r="A102379" s="13" t="s">
        <v>501</v>
      </c>
      <c r="B102379" s="14" t="s">
        <v>1</v>
      </c>
      <c r="C102379" s="14" t="s">
        <v>218</v>
      </c>
      <c r="D102379" s="14" t="s">
        <v>107</v>
      </c>
      <c r="E102379" s="15">
        <v>45555</v>
      </c>
      <c r="F102379" s="14" t="s">
        <v>25</v>
      </c>
      <c r="G102379" s="16">
        <v>0.8951040205379075</v>
      </c>
    </row>
    <row r="102380" spans="1:7" x14ac:dyDescent="0.3">
      <c r="A102380" s="13" t="s">
        <v>501</v>
      </c>
      <c r="B102380" s="14" t="s">
        <v>1</v>
      </c>
      <c r="C102380" s="14" t="s">
        <v>218</v>
      </c>
      <c r="D102380" s="14" t="s">
        <v>107</v>
      </c>
      <c r="E102380" s="15">
        <v>45556</v>
      </c>
      <c r="F102380" s="14" t="s">
        <v>25</v>
      </c>
      <c r="G102380" s="16">
        <v>0.8951040205379075</v>
      </c>
    </row>
    <row r="102381" spans="1:7" x14ac:dyDescent="0.3">
      <c r="A102381" s="13" t="s">
        <v>501</v>
      </c>
      <c r="B102381" s="14" t="s">
        <v>1</v>
      </c>
      <c r="C102381" s="14" t="s">
        <v>218</v>
      </c>
      <c r="D102381" s="14" t="s">
        <v>107</v>
      </c>
      <c r="E102381" s="15">
        <v>45557</v>
      </c>
      <c r="F102381" s="14" t="s">
        <v>25</v>
      </c>
      <c r="G102381" s="16">
        <v>0.8951040205379075</v>
      </c>
    </row>
    <row r="102382" spans="1:7" x14ac:dyDescent="0.3">
      <c r="A102382" s="13" t="s">
        <v>501</v>
      </c>
      <c r="B102382" s="14" t="s">
        <v>1</v>
      </c>
      <c r="C102382" s="14" t="s">
        <v>218</v>
      </c>
      <c r="D102382" s="14" t="s">
        <v>107</v>
      </c>
      <c r="E102382" s="15">
        <v>45558</v>
      </c>
      <c r="F102382" s="14" t="s">
        <v>25</v>
      </c>
      <c r="G102382" s="16">
        <v>0.89729462974283203</v>
      </c>
    </row>
    <row r="102383" spans="1:7" x14ac:dyDescent="0.3">
      <c r="A102383" s="13" t="s">
        <v>501</v>
      </c>
      <c r="B102383" s="14" t="s">
        <v>1</v>
      </c>
      <c r="C102383" s="14" t="s">
        <v>218</v>
      </c>
      <c r="D102383" s="14" t="s">
        <v>107</v>
      </c>
      <c r="E102383" s="15">
        <v>45559</v>
      </c>
      <c r="F102383" s="14" t="s">
        <v>25</v>
      </c>
      <c r="G102383" s="16">
        <v>0.90726762461323007</v>
      </c>
    </row>
    <row r="102384" spans="1:7" x14ac:dyDescent="0.3">
      <c r="A102384" s="13" t="s">
        <v>501</v>
      </c>
      <c r="B102384" s="14" t="s">
        <v>1</v>
      </c>
      <c r="C102384" s="14" t="s">
        <v>218</v>
      </c>
      <c r="D102384" s="14" t="s">
        <v>107</v>
      </c>
      <c r="E102384" s="15">
        <v>45560</v>
      </c>
      <c r="F102384" s="14" t="s">
        <v>25</v>
      </c>
      <c r="G102384" s="16">
        <v>0.91058707520365212</v>
      </c>
    </row>
    <row r="102385" spans="1:7" x14ac:dyDescent="0.3">
      <c r="A102385" s="13" t="s">
        <v>501</v>
      </c>
      <c r="B102385" s="14" t="s">
        <v>1</v>
      </c>
      <c r="C102385" s="14" t="s">
        <v>218</v>
      </c>
      <c r="D102385" s="14" t="s">
        <v>107</v>
      </c>
      <c r="E102385" s="15">
        <v>45561</v>
      </c>
      <c r="F102385" s="14" t="s">
        <v>25</v>
      </c>
      <c r="G102385" s="16">
        <v>0.91392287897753877</v>
      </c>
    </row>
    <row r="102386" spans="1:7" x14ac:dyDescent="0.3">
      <c r="A102386" s="13" t="s">
        <v>501</v>
      </c>
      <c r="B102386" s="14" t="s">
        <v>1</v>
      </c>
      <c r="C102386" s="14" t="s">
        <v>218</v>
      </c>
      <c r="D102386" s="14" t="s">
        <v>107</v>
      </c>
      <c r="E102386" s="15">
        <v>45562</v>
      </c>
      <c r="F102386" s="14" t="s">
        <v>25</v>
      </c>
      <c r="G102386" s="16">
        <v>0.92728782285855982</v>
      </c>
    </row>
    <row r="102387" spans="1:7" x14ac:dyDescent="0.3">
      <c r="A102387" s="13" t="s">
        <v>501</v>
      </c>
      <c r="B102387" s="14" t="s">
        <v>1</v>
      </c>
      <c r="C102387" s="14" t="s">
        <v>218</v>
      </c>
      <c r="D102387" s="14" t="s">
        <v>107</v>
      </c>
      <c r="E102387" s="15">
        <v>45563</v>
      </c>
      <c r="F102387" s="14" t="s">
        <v>25</v>
      </c>
      <c r="G102387" s="16">
        <v>0.92728782285855982</v>
      </c>
    </row>
    <row r="102388" spans="1:7" x14ac:dyDescent="0.3">
      <c r="A102388" s="13" t="s">
        <v>501</v>
      </c>
      <c r="B102388" s="14" t="s">
        <v>1</v>
      </c>
      <c r="C102388" s="14" t="s">
        <v>218</v>
      </c>
      <c r="D102388" s="14" t="s">
        <v>107</v>
      </c>
      <c r="E102388" s="15">
        <v>45564</v>
      </c>
      <c r="F102388" s="14" t="s">
        <v>25</v>
      </c>
      <c r="G102388" s="16">
        <v>0.92728782285855982</v>
      </c>
    </row>
    <row r="102389" spans="1:7" x14ac:dyDescent="0.3">
      <c r="A102389" s="13" t="s">
        <v>501</v>
      </c>
      <c r="B102389" s="14" t="s">
        <v>1</v>
      </c>
      <c r="C102389" s="14" t="s">
        <v>218</v>
      </c>
      <c r="D102389" s="14" t="s">
        <v>107</v>
      </c>
      <c r="E102389" s="15">
        <v>45565</v>
      </c>
      <c r="F102389" s="14" t="s">
        <v>25</v>
      </c>
      <c r="G102389" s="16">
        <v>0.93056442496346192</v>
      </c>
    </row>
    <row r="102390" spans="1:7" x14ac:dyDescent="0.3">
      <c r="A102390" s="13" t="s">
        <v>501</v>
      </c>
      <c r="B102390" s="14" t="s">
        <v>1</v>
      </c>
      <c r="C102390" s="14" t="s">
        <v>218</v>
      </c>
      <c r="D102390" s="14" t="s">
        <v>107</v>
      </c>
      <c r="E102390" s="15">
        <v>45566</v>
      </c>
      <c r="F102390" s="14" t="s">
        <v>25</v>
      </c>
      <c r="G102390" s="16">
        <v>0.94040148399631129</v>
      </c>
    </row>
    <row r="102391" spans="1:7" x14ac:dyDescent="0.3">
      <c r="A102391" s="13" t="s">
        <v>501</v>
      </c>
      <c r="B102391" s="14" t="s">
        <v>1</v>
      </c>
      <c r="C102391" s="14" t="s">
        <v>218</v>
      </c>
      <c r="D102391" s="14" t="s">
        <v>107</v>
      </c>
      <c r="E102391" s="15">
        <v>45567</v>
      </c>
      <c r="F102391" s="14" t="s">
        <v>25</v>
      </c>
      <c r="G102391" s="16">
        <v>0.94676349154295103</v>
      </c>
    </row>
    <row r="102392" spans="1:7" x14ac:dyDescent="0.3">
      <c r="A102392" s="13" t="s">
        <v>501</v>
      </c>
      <c r="B102392" s="14" t="s">
        <v>1</v>
      </c>
      <c r="C102392" s="14" t="s">
        <v>218</v>
      </c>
      <c r="D102392" s="14" t="s">
        <v>107</v>
      </c>
      <c r="E102392" s="15">
        <v>45568</v>
      </c>
      <c r="F102392" s="14" t="s">
        <v>25</v>
      </c>
      <c r="G102392" s="16">
        <v>0.95007012689825432</v>
      </c>
    </row>
    <row r="102393" spans="1:7" x14ac:dyDescent="0.3">
      <c r="A102393" s="13" t="s">
        <v>501</v>
      </c>
      <c r="B102393" s="14" t="s">
        <v>1</v>
      </c>
      <c r="C102393" s="14" t="s">
        <v>218</v>
      </c>
      <c r="D102393" s="14" t="s">
        <v>107</v>
      </c>
      <c r="E102393" s="15">
        <v>45569</v>
      </c>
      <c r="F102393" s="14" t="s">
        <v>25</v>
      </c>
      <c r="G102393" s="16">
        <v>0.9580379698884649</v>
      </c>
    </row>
    <row r="102394" spans="1:7" x14ac:dyDescent="0.3">
      <c r="A102394" s="13" t="s">
        <v>501</v>
      </c>
      <c r="B102394" s="14" t="s">
        <v>1</v>
      </c>
      <c r="C102394" s="14" t="s">
        <v>218</v>
      </c>
      <c r="D102394" s="14" t="s">
        <v>107</v>
      </c>
      <c r="E102394" s="15">
        <v>45570</v>
      </c>
      <c r="F102394" s="14" t="s">
        <v>25</v>
      </c>
      <c r="G102394" s="16">
        <v>0.9580379698884649</v>
      </c>
    </row>
    <row r="102395" spans="1:7" x14ac:dyDescent="0.3">
      <c r="A102395" s="13" t="s">
        <v>501</v>
      </c>
      <c r="B102395" s="14" t="s">
        <v>1</v>
      </c>
      <c r="C102395" s="14" t="s">
        <v>218</v>
      </c>
      <c r="D102395" s="14" t="s">
        <v>107</v>
      </c>
      <c r="E102395" s="15">
        <v>45571</v>
      </c>
      <c r="F102395" s="14" t="s">
        <v>25</v>
      </c>
      <c r="G102395" s="16">
        <v>0.9580379698884649</v>
      </c>
    </row>
    <row r="102396" spans="1:7" x14ac:dyDescent="0.3">
      <c r="A102396" s="13" t="s">
        <v>501</v>
      </c>
      <c r="B102396" s="14" t="s">
        <v>1</v>
      </c>
      <c r="C102396" s="14" t="s">
        <v>218</v>
      </c>
      <c r="D102396" s="14" t="s">
        <v>107</v>
      </c>
      <c r="E102396" s="15">
        <v>45572</v>
      </c>
      <c r="F102396" s="14" t="s">
        <v>25</v>
      </c>
      <c r="G102396" s="16">
        <v>0.96140341380738092</v>
      </c>
    </row>
    <row r="102397" spans="1:7" x14ac:dyDescent="0.3">
      <c r="A102397" s="13" t="s">
        <v>501</v>
      </c>
      <c r="B102397" s="14" t="s">
        <v>1</v>
      </c>
      <c r="C102397" s="14" t="s">
        <v>218</v>
      </c>
      <c r="D102397" s="14" t="s">
        <v>107</v>
      </c>
      <c r="E102397" s="15">
        <v>45573</v>
      </c>
      <c r="F102397" s="14" t="s">
        <v>25</v>
      </c>
      <c r="G102397" s="16">
        <v>0.97142483925957779</v>
      </c>
    </row>
    <row r="102398" spans="1:7" x14ac:dyDescent="0.3">
      <c r="A102398" s="13" t="s">
        <v>501</v>
      </c>
      <c r="B102398" s="14" t="s">
        <v>1</v>
      </c>
      <c r="C102398" s="14" t="s">
        <v>218</v>
      </c>
      <c r="D102398" s="14" t="s">
        <v>107</v>
      </c>
      <c r="E102398" s="15">
        <v>45574</v>
      </c>
      <c r="F102398" s="14" t="s">
        <v>25</v>
      </c>
      <c r="G102398" s="16">
        <v>0.97474940021983247</v>
      </c>
    </row>
    <row r="102399" spans="1:7" x14ac:dyDescent="0.3">
      <c r="A102399" s="13" t="s">
        <v>501</v>
      </c>
      <c r="B102399" s="14" t="s">
        <v>1</v>
      </c>
      <c r="C102399" s="14" t="s">
        <v>218</v>
      </c>
      <c r="D102399" s="14" t="s">
        <v>107</v>
      </c>
      <c r="E102399" s="15">
        <v>45575</v>
      </c>
      <c r="F102399" s="14" t="s">
        <v>25</v>
      </c>
      <c r="G102399" s="16">
        <v>0.97810831858957759</v>
      </c>
    </row>
    <row r="102400" spans="1:7" x14ac:dyDescent="0.3">
      <c r="A102400" s="13" t="s">
        <v>501</v>
      </c>
      <c r="B102400" s="14" t="s">
        <v>1</v>
      </c>
      <c r="C102400" s="14" t="s">
        <v>218</v>
      </c>
      <c r="D102400" s="14" t="s">
        <v>107</v>
      </c>
      <c r="E102400" s="15">
        <v>45576</v>
      </c>
      <c r="F102400" s="14" t="s">
        <v>25</v>
      </c>
      <c r="G102400" s="16">
        <v>0.98146008244155702</v>
      </c>
    </row>
    <row r="102401" spans="1:7" x14ac:dyDescent="0.3">
      <c r="A102401" s="13" t="s">
        <v>501</v>
      </c>
      <c r="B102401" s="14" t="s">
        <v>1</v>
      </c>
      <c r="C102401" s="14" t="s">
        <v>218</v>
      </c>
      <c r="D102401" s="14" t="s">
        <v>107</v>
      </c>
      <c r="E102401" s="15">
        <v>45577</v>
      </c>
      <c r="F102401" s="14" t="s">
        <v>25</v>
      </c>
      <c r="G102401" s="16">
        <v>0.98146008244155702</v>
      </c>
    </row>
    <row r="102402" spans="1:7" x14ac:dyDescent="0.3">
      <c r="A102402" s="13" t="s">
        <v>501</v>
      </c>
      <c r="B102402" s="14" t="s">
        <v>1</v>
      </c>
      <c r="C102402" s="14" t="s">
        <v>218</v>
      </c>
      <c r="D102402" s="14" t="s">
        <v>107</v>
      </c>
      <c r="E102402" s="15">
        <v>45578</v>
      </c>
      <c r="F102402" s="14" t="s">
        <v>25</v>
      </c>
      <c r="G102402" s="16">
        <v>0.98146008244155702</v>
      </c>
    </row>
    <row r="102403" spans="1:7" x14ac:dyDescent="0.3">
      <c r="A102403" s="13" t="s">
        <v>501</v>
      </c>
      <c r="B102403" s="14" t="s">
        <v>1</v>
      </c>
      <c r="C102403" s="14" t="s">
        <v>218</v>
      </c>
      <c r="D102403" s="14" t="s">
        <v>107</v>
      </c>
      <c r="E102403" s="15">
        <v>45579</v>
      </c>
      <c r="F102403" s="14" t="s">
        <v>25</v>
      </c>
      <c r="G102403" s="16">
        <v>0.98481129594601591</v>
      </c>
    </row>
    <row r="102404" spans="1:7" x14ac:dyDescent="0.3">
      <c r="A102404" s="13" t="s">
        <v>501</v>
      </c>
      <c r="B102404" s="14" t="s">
        <v>1</v>
      </c>
      <c r="C102404" s="14" t="s">
        <v>218</v>
      </c>
      <c r="D102404" s="14" t="s">
        <v>107</v>
      </c>
      <c r="E102404" s="15">
        <v>45580</v>
      </c>
      <c r="F102404" s="14" t="s">
        <v>25</v>
      </c>
      <c r="G102404" s="16">
        <v>0.99492557288701844</v>
      </c>
    </row>
    <row r="102405" spans="1:7" x14ac:dyDescent="0.3">
      <c r="A102405" s="13" t="s">
        <v>501</v>
      </c>
      <c r="B102405" s="14" t="s">
        <v>1</v>
      </c>
      <c r="C102405" s="14" t="s">
        <v>218</v>
      </c>
      <c r="D102405" s="14" t="s">
        <v>107</v>
      </c>
      <c r="E102405" s="15">
        <v>45581</v>
      </c>
      <c r="F102405" s="14" t="s">
        <v>25</v>
      </c>
      <c r="G102405" s="16">
        <v>0.99828755747866316</v>
      </c>
    </row>
    <row r="102406" spans="1:7" x14ac:dyDescent="0.3">
      <c r="A102406" s="13" t="s">
        <v>501</v>
      </c>
      <c r="B102406" s="14" t="s">
        <v>1</v>
      </c>
      <c r="C102406" s="14" t="s">
        <v>218</v>
      </c>
      <c r="D102406" s="14" t="s">
        <v>107</v>
      </c>
      <c r="E102406" s="15">
        <v>45582</v>
      </c>
      <c r="F102406" s="14" t="s">
        <v>25</v>
      </c>
      <c r="G102406" s="16">
        <v>1.0016688828545977</v>
      </c>
    </row>
    <row r="102407" spans="1:7" x14ac:dyDescent="0.3">
      <c r="A102407" s="13" t="s">
        <v>501</v>
      </c>
      <c r="B102407" s="14" t="s">
        <v>1</v>
      </c>
      <c r="C102407" s="14" t="s">
        <v>218</v>
      </c>
      <c r="D102407" s="14" t="s">
        <v>107</v>
      </c>
      <c r="E102407" s="15">
        <v>45583</v>
      </c>
      <c r="F102407" s="14" t="s">
        <v>25</v>
      </c>
      <c r="G102407" s="16">
        <v>1.0050492647776399</v>
      </c>
    </row>
    <row r="102408" spans="1:7" x14ac:dyDescent="0.3">
      <c r="A102408" s="13" t="s">
        <v>501</v>
      </c>
      <c r="B102408" s="14" t="s">
        <v>1</v>
      </c>
      <c r="C102408" s="14" t="s">
        <v>218</v>
      </c>
      <c r="D102408" s="14" t="s">
        <v>107</v>
      </c>
      <c r="E102408" s="15">
        <v>45584</v>
      </c>
      <c r="F102408" s="14" t="s">
        <v>25</v>
      </c>
      <c r="G102408" s="16">
        <v>1.0050492647776399</v>
      </c>
    </row>
    <row r="102409" spans="1:7" x14ac:dyDescent="0.3">
      <c r="A102409" s="13" t="s">
        <v>501</v>
      </c>
      <c r="B102409" s="14" t="s">
        <v>1</v>
      </c>
      <c r="C102409" s="14" t="s">
        <v>218</v>
      </c>
      <c r="D102409" s="14" t="s">
        <v>107</v>
      </c>
      <c r="E102409" s="15">
        <v>45585</v>
      </c>
      <c r="F102409" s="14" t="s">
        <v>25</v>
      </c>
      <c r="G102409" s="16">
        <v>1.0050492647776399</v>
      </c>
    </row>
    <row r="102410" spans="1:7" x14ac:dyDescent="0.3">
      <c r="A102410" s="13" t="s">
        <v>501</v>
      </c>
      <c r="B102410" s="14" t="s">
        <v>1</v>
      </c>
      <c r="C102410" s="14" t="s">
        <v>218</v>
      </c>
      <c r="D102410" s="14" t="s">
        <v>107</v>
      </c>
      <c r="E102410" s="15">
        <v>45586</v>
      </c>
      <c r="F102410" s="14" t="s">
        <v>25</v>
      </c>
      <c r="G102410" s="16">
        <v>1.0070155680574477</v>
      </c>
    </row>
    <row r="102411" spans="1:7" x14ac:dyDescent="0.3">
      <c r="A102411" s="13" t="s">
        <v>501</v>
      </c>
      <c r="B102411" s="14" t="s">
        <v>1</v>
      </c>
      <c r="C102411" s="14" t="s">
        <v>218</v>
      </c>
      <c r="D102411" s="14" t="s">
        <v>107</v>
      </c>
      <c r="E102411" s="15">
        <v>45587</v>
      </c>
      <c r="F102411" s="14" t="s">
        <v>25</v>
      </c>
      <c r="G102411" s="16">
        <v>1.0167562376531456</v>
      </c>
    </row>
    <row r="102412" spans="1:7" x14ac:dyDescent="0.3">
      <c r="A102412" s="13" t="s">
        <v>501</v>
      </c>
      <c r="B102412" s="14" t="s">
        <v>1</v>
      </c>
      <c r="C102412" s="14" t="s">
        <v>218</v>
      </c>
      <c r="D102412" s="14" t="s">
        <v>107</v>
      </c>
      <c r="E102412" s="15">
        <v>45588</v>
      </c>
      <c r="F102412" s="14" t="s">
        <v>25</v>
      </c>
      <c r="G102412" s="16">
        <v>1.020041723939449</v>
      </c>
    </row>
    <row r="102413" spans="1:7" x14ac:dyDescent="0.3">
      <c r="A102413" s="13" t="s">
        <v>501</v>
      </c>
      <c r="B102413" s="14" t="s">
        <v>1</v>
      </c>
      <c r="C102413" s="14" t="s">
        <v>218</v>
      </c>
      <c r="D102413" s="14" t="s">
        <v>107</v>
      </c>
      <c r="E102413" s="15">
        <v>45589</v>
      </c>
      <c r="F102413" s="14" t="s">
        <v>25</v>
      </c>
      <c r="G102413" s="16">
        <v>1.0233290185104624</v>
      </c>
    </row>
    <row r="102414" spans="1:7" x14ac:dyDescent="0.3">
      <c r="A102414" s="13" t="s">
        <v>501</v>
      </c>
      <c r="B102414" s="14" t="s">
        <v>1</v>
      </c>
      <c r="C102414" s="14" t="s">
        <v>218</v>
      </c>
      <c r="D102414" s="14" t="s">
        <v>107</v>
      </c>
      <c r="E102414" s="15">
        <v>45590</v>
      </c>
      <c r="F102414" s="14" t="s">
        <v>25</v>
      </c>
      <c r="G102414" s="16">
        <v>1.0266186717137065</v>
      </c>
    </row>
    <row r="102415" spans="1:7" x14ac:dyDescent="0.3">
      <c r="A102415" s="13" t="s">
        <v>501</v>
      </c>
      <c r="B102415" s="14" t="s">
        <v>1</v>
      </c>
      <c r="C102415" s="14" t="s">
        <v>218</v>
      </c>
      <c r="D102415" s="14" t="s">
        <v>107</v>
      </c>
      <c r="E102415" s="15">
        <v>45591</v>
      </c>
      <c r="F102415" s="14" t="s">
        <v>25</v>
      </c>
      <c r="G102415" s="16">
        <v>1.0266186717137065</v>
      </c>
    </row>
    <row r="102416" spans="1:7" x14ac:dyDescent="0.3">
      <c r="A102416" s="13" t="s">
        <v>501</v>
      </c>
      <c r="B102416" s="14" t="s">
        <v>1</v>
      </c>
      <c r="C102416" s="14" t="s">
        <v>218</v>
      </c>
      <c r="D102416" s="14" t="s">
        <v>107</v>
      </c>
      <c r="E102416" s="15">
        <v>45592</v>
      </c>
      <c r="F102416" s="14" t="s">
        <v>25</v>
      </c>
      <c r="G102416" s="16">
        <v>1.0266186717137065</v>
      </c>
    </row>
    <row r="102417" spans="1:7" x14ac:dyDescent="0.3">
      <c r="A102417" s="13" t="s">
        <v>501</v>
      </c>
      <c r="B102417" s="14" t="s">
        <v>1</v>
      </c>
      <c r="C102417" s="14" t="s">
        <v>218</v>
      </c>
      <c r="D102417" s="14" t="s">
        <v>107</v>
      </c>
      <c r="E102417" s="15">
        <v>45593</v>
      </c>
      <c r="F102417" s="14" t="s">
        <v>25</v>
      </c>
      <c r="G102417" s="16">
        <v>1.0266186717137065</v>
      </c>
    </row>
    <row r="102418" spans="1:7" x14ac:dyDescent="0.3">
      <c r="A102418" s="13" t="s">
        <v>501</v>
      </c>
      <c r="B102418" s="14" t="s">
        <v>1</v>
      </c>
      <c r="C102418" s="14" t="s">
        <v>218</v>
      </c>
      <c r="D102418" s="14" t="s">
        <v>107</v>
      </c>
      <c r="E102418" s="15">
        <v>45594</v>
      </c>
      <c r="F102418" s="14" t="s">
        <v>25</v>
      </c>
      <c r="G102418" s="16">
        <v>1.0346091575733294</v>
      </c>
    </row>
    <row r="102419" spans="1:7" x14ac:dyDescent="0.3">
      <c r="A102419" s="13" t="s">
        <v>501</v>
      </c>
      <c r="B102419" s="14" t="s">
        <v>1</v>
      </c>
      <c r="C102419" s="14" t="s">
        <v>218</v>
      </c>
      <c r="D102419" s="14" t="s">
        <v>107</v>
      </c>
      <c r="E102419" s="15">
        <v>45595</v>
      </c>
      <c r="F102419" s="14" t="s">
        <v>25</v>
      </c>
      <c r="G102419" s="16">
        <v>1.047147951205095</v>
      </c>
    </row>
    <row r="102420" spans="1:7" x14ac:dyDescent="0.3">
      <c r="A102420" s="13" t="s">
        <v>501</v>
      </c>
      <c r="B102420" s="14" t="s">
        <v>1</v>
      </c>
      <c r="C102420" s="14" t="s">
        <v>218</v>
      </c>
      <c r="D102420" s="14" t="s">
        <v>107</v>
      </c>
      <c r="E102420" s="15">
        <v>45596</v>
      </c>
      <c r="F102420" s="14" t="s">
        <v>25</v>
      </c>
      <c r="G102420" s="16">
        <v>1.0504358747447033</v>
      </c>
    </row>
    <row r="102421" spans="1:7" x14ac:dyDescent="0.3">
      <c r="A102421" s="13" t="s">
        <v>501</v>
      </c>
      <c r="B102421" s="14" t="s">
        <v>1</v>
      </c>
      <c r="C102421" s="14" t="s">
        <v>218</v>
      </c>
      <c r="D102421" s="14" t="s">
        <v>107</v>
      </c>
      <c r="E102421" s="15">
        <v>45597</v>
      </c>
      <c r="F102421" s="14" t="s">
        <v>25</v>
      </c>
      <c r="G102421" s="16">
        <v>1.0537069733744009</v>
      </c>
    </row>
    <row r="102422" spans="1:7" x14ac:dyDescent="0.3">
      <c r="A102422" s="13" t="s">
        <v>501</v>
      </c>
      <c r="B102422" s="14" t="s">
        <v>1</v>
      </c>
      <c r="C102422" s="14" t="s">
        <v>218</v>
      </c>
      <c r="D102422" s="14" t="s">
        <v>107</v>
      </c>
      <c r="E102422" s="15">
        <v>45598</v>
      </c>
      <c r="F102422" s="14" t="s">
        <v>25</v>
      </c>
      <c r="G102422" s="16">
        <v>1.0537069733744009</v>
      </c>
    </row>
    <row r="102423" spans="1:7" x14ac:dyDescent="0.3">
      <c r="A102423" s="13" t="s">
        <v>501</v>
      </c>
      <c r="B102423" s="14" t="s">
        <v>1</v>
      </c>
      <c r="C102423" s="14" t="s">
        <v>218</v>
      </c>
      <c r="D102423" s="14" t="s">
        <v>107</v>
      </c>
      <c r="E102423" s="15">
        <v>45599</v>
      </c>
      <c r="F102423" s="14" t="s">
        <v>25</v>
      </c>
      <c r="G102423" s="16">
        <v>1.0537069733744009</v>
      </c>
    </row>
    <row r="102424" spans="1:7" x14ac:dyDescent="0.3">
      <c r="A102424" s="13" t="s">
        <v>501</v>
      </c>
      <c r="B102424" s="14" t="s">
        <v>1</v>
      </c>
      <c r="C102424" s="14" t="s">
        <v>218</v>
      </c>
      <c r="D102424" s="14" t="s">
        <v>107</v>
      </c>
      <c r="E102424" s="15">
        <v>45600</v>
      </c>
      <c r="F102424" s="14" t="s">
        <v>25</v>
      </c>
      <c r="G102424" s="16">
        <v>1.0588255100091426</v>
      </c>
    </row>
    <row r="102425" spans="1:7" x14ac:dyDescent="0.3">
      <c r="A102425" s="13" t="s">
        <v>501</v>
      </c>
      <c r="B102425" s="14" t="s">
        <v>1</v>
      </c>
      <c r="C102425" s="14" t="s">
        <v>218</v>
      </c>
      <c r="D102425" s="14" t="s">
        <v>107</v>
      </c>
      <c r="E102425" s="15">
        <v>45601</v>
      </c>
      <c r="F102425" s="14" t="s">
        <v>25</v>
      </c>
      <c r="G102425" s="16">
        <v>1.0683476746278875</v>
      </c>
    </row>
    <row r="102426" spans="1:7" x14ac:dyDescent="0.3">
      <c r="A102426" s="13" t="s">
        <v>501</v>
      </c>
      <c r="B102426" s="14" t="s">
        <v>1</v>
      </c>
      <c r="C102426" s="14" t="s">
        <v>218</v>
      </c>
      <c r="D102426" s="14" t="s">
        <v>107</v>
      </c>
      <c r="E102426" s="15">
        <v>45602</v>
      </c>
      <c r="F102426" s="14" t="s">
        <v>25</v>
      </c>
      <c r="G102426" s="16">
        <v>1.0752629487502916</v>
      </c>
    </row>
    <row r="102427" spans="1:7" x14ac:dyDescent="0.3">
      <c r="A102427" s="13" t="s">
        <v>501</v>
      </c>
      <c r="B102427" s="14" t="s">
        <v>1</v>
      </c>
      <c r="C102427" s="14" t="s">
        <v>218</v>
      </c>
      <c r="D102427" s="14" t="s">
        <v>107</v>
      </c>
      <c r="E102427" s="15">
        <v>45603</v>
      </c>
      <c r="F102427" s="14" t="s">
        <v>25</v>
      </c>
      <c r="G102427" s="16">
        <v>1.0785220087418501</v>
      </c>
    </row>
    <row r="102428" spans="1:7" x14ac:dyDescent="0.3">
      <c r="A102428" s="13" t="s">
        <v>501</v>
      </c>
      <c r="B102428" s="14" t="s">
        <v>1</v>
      </c>
      <c r="C102428" s="14" t="s">
        <v>218</v>
      </c>
      <c r="D102428" s="14" t="s">
        <v>107</v>
      </c>
      <c r="E102428" s="15">
        <v>45604</v>
      </c>
      <c r="F102428" s="14" t="s">
        <v>25</v>
      </c>
      <c r="G102428" s="16">
        <v>1.0829879269258882</v>
      </c>
    </row>
    <row r="102429" spans="1:7" x14ac:dyDescent="0.3">
      <c r="A102429" s="13" t="s">
        <v>501</v>
      </c>
      <c r="B102429" s="14" t="s">
        <v>1</v>
      </c>
      <c r="C102429" s="14" t="s">
        <v>218</v>
      </c>
      <c r="D102429" s="14" t="s">
        <v>107</v>
      </c>
      <c r="E102429" s="15">
        <v>45605</v>
      </c>
      <c r="F102429" s="14" t="s">
        <v>25</v>
      </c>
      <c r="G102429" s="16">
        <v>1.0829879269258882</v>
      </c>
    </row>
    <row r="102430" spans="1:7" x14ac:dyDescent="0.3">
      <c r="A102430" s="13" t="s">
        <v>501</v>
      </c>
      <c r="B102430" s="14" t="s">
        <v>1</v>
      </c>
      <c r="C102430" s="14" t="s">
        <v>218</v>
      </c>
      <c r="D102430" s="14" t="s">
        <v>107</v>
      </c>
      <c r="E102430" s="15">
        <v>45606</v>
      </c>
      <c r="F102430" s="14" t="s">
        <v>25</v>
      </c>
      <c r="G102430" s="16">
        <v>1.0829879269258882</v>
      </c>
    </row>
    <row r="102431" spans="1:7" x14ac:dyDescent="0.3">
      <c r="A102431" s="13" t="s">
        <v>501</v>
      </c>
      <c r="B102431" s="14" t="s">
        <v>1</v>
      </c>
      <c r="C102431" s="14" t="s">
        <v>218</v>
      </c>
      <c r="D102431" s="14" t="s">
        <v>107</v>
      </c>
      <c r="E102431" s="15">
        <v>45607</v>
      </c>
      <c r="F102431" s="14" t="s">
        <v>25</v>
      </c>
      <c r="G102431" s="16">
        <v>1.0862119614292154</v>
      </c>
    </row>
    <row r="102432" spans="1:7" x14ac:dyDescent="0.3">
      <c r="A102432" s="13" t="s">
        <v>501</v>
      </c>
      <c r="B102432" s="14" t="s">
        <v>1</v>
      </c>
      <c r="C102432" s="14" t="s">
        <v>218</v>
      </c>
      <c r="D102432" s="14" t="s">
        <v>107</v>
      </c>
      <c r="E102432" s="15">
        <v>45608</v>
      </c>
      <c r="F102432" s="14" t="s">
        <v>25</v>
      </c>
      <c r="G102432" s="16">
        <v>1.0959750751674213</v>
      </c>
    </row>
    <row r="102433" spans="1:7" x14ac:dyDescent="0.3">
      <c r="A102433" s="13" t="s">
        <v>501</v>
      </c>
      <c r="B102433" s="14" t="s">
        <v>1</v>
      </c>
      <c r="C102433" s="14" t="s">
        <v>218</v>
      </c>
      <c r="D102433" s="14" t="s">
        <v>107</v>
      </c>
      <c r="E102433" s="15">
        <v>45609</v>
      </c>
      <c r="F102433" s="14" t="s">
        <v>25</v>
      </c>
      <c r="G102433" s="16">
        <v>1.0992477865185353</v>
      </c>
    </row>
    <row r="102434" spans="1:7" x14ac:dyDescent="0.3">
      <c r="A102434" s="13" t="s">
        <v>501</v>
      </c>
      <c r="B102434" s="14" t="s">
        <v>1</v>
      </c>
      <c r="C102434" s="14" t="s">
        <v>218</v>
      </c>
      <c r="D102434" s="14" t="s">
        <v>107</v>
      </c>
      <c r="E102434" s="15">
        <v>45610</v>
      </c>
      <c r="F102434" s="14" t="s">
        <v>25</v>
      </c>
      <c r="G102434" s="16">
        <v>1.1373355211402911</v>
      </c>
    </row>
    <row r="102435" spans="1:7" x14ac:dyDescent="0.3">
      <c r="A102435" s="13" t="s">
        <v>501</v>
      </c>
      <c r="B102435" s="14" t="s">
        <v>1</v>
      </c>
      <c r="C102435" s="14" t="s">
        <v>218</v>
      </c>
      <c r="D102435" s="14" t="s">
        <v>107</v>
      </c>
      <c r="E102435" s="15">
        <v>45611</v>
      </c>
      <c r="F102435" s="14" t="s">
        <v>25</v>
      </c>
      <c r="G102435" s="16">
        <v>1.1647327590824401</v>
      </c>
    </row>
    <row r="102436" spans="1:7" x14ac:dyDescent="0.3">
      <c r="A102436" s="13" t="s">
        <v>501</v>
      </c>
      <c r="B102436" s="14" t="s">
        <v>1</v>
      </c>
      <c r="C102436" s="14" t="s">
        <v>218</v>
      </c>
      <c r="D102436" s="14" t="s">
        <v>107</v>
      </c>
      <c r="E102436" s="15">
        <v>45612</v>
      </c>
      <c r="F102436" s="14" t="s">
        <v>25</v>
      </c>
      <c r="G102436" s="16">
        <v>1.1647327590824401</v>
      </c>
    </row>
    <row r="102437" spans="1:7" x14ac:dyDescent="0.3">
      <c r="A102437" s="13" t="s">
        <v>501</v>
      </c>
      <c r="B102437" s="14" t="s">
        <v>1</v>
      </c>
      <c r="C102437" s="14" t="s">
        <v>218</v>
      </c>
      <c r="D102437" s="14" t="s">
        <v>107</v>
      </c>
      <c r="E102437" s="15">
        <v>45613</v>
      </c>
      <c r="F102437" s="14" t="s">
        <v>25</v>
      </c>
      <c r="G102437" s="16">
        <v>1.1647327590824401</v>
      </c>
    </row>
    <row r="102438" spans="1:7" x14ac:dyDescent="0.3">
      <c r="A102438" s="13" t="s">
        <v>501</v>
      </c>
      <c r="B102438" s="14" t="s">
        <v>1</v>
      </c>
      <c r="C102438" s="14" t="s">
        <v>218</v>
      </c>
      <c r="D102438" s="14" t="s">
        <v>107</v>
      </c>
      <c r="E102438" s="15">
        <v>45614</v>
      </c>
      <c r="F102438" s="14" t="s">
        <v>25</v>
      </c>
      <c r="G102438" s="16">
        <v>1.167944390350514</v>
      </c>
    </row>
    <row r="102439" spans="1:7" x14ac:dyDescent="0.3">
      <c r="A102439" s="13" t="s">
        <v>501</v>
      </c>
      <c r="B102439" s="14" t="s">
        <v>1</v>
      </c>
      <c r="C102439" s="14" t="s">
        <v>218</v>
      </c>
      <c r="D102439" s="14" t="s">
        <v>107</v>
      </c>
      <c r="E102439" s="15">
        <v>45615</v>
      </c>
      <c r="F102439" s="14" t="s">
        <v>25</v>
      </c>
      <c r="G102439" s="16">
        <v>1.1770023511763186</v>
      </c>
    </row>
    <row r="102440" spans="1:7" x14ac:dyDescent="0.3">
      <c r="A102440" s="13" t="s">
        <v>501</v>
      </c>
      <c r="B102440" s="14" t="s">
        <v>1</v>
      </c>
      <c r="C102440" s="14" t="s">
        <v>218</v>
      </c>
      <c r="D102440" s="14" t="s">
        <v>107</v>
      </c>
      <c r="E102440" s="15">
        <v>45616</v>
      </c>
      <c r="F102440" s="14" t="s">
        <v>25</v>
      </c>
      <c r="G102440" s="16">
        <v>1.1801912647104968</v>
      </c>
    </row>
    <row r="102441" spans="1:7" x14ac:dyDescent="0.3">
      <c r="A102441" s="13" t="s">
        <v>501</v>
      </c>
      <c r="B102441" s="14" t="s">
        <v>1</v>
      </c>
      <c r="C102441" s="14" t="s">
        <v>218</v>
      </c>
      <c r="D102441" s="14" t="s">
        <v>107</v>
      </c>
      <c r="E102441" s="15">
        <v>45617</v>
      </c>
      <c r="F102441" s="14" t="s">
        <v>25</v>
      </c>
      <c r="G102441" s="16">
        <v>1.1834037906532813</v>
      </c>
    </row>
    <row r="102442" spans="1:7" x14ac:dyDescent="0.3">
      <c r="A102442" s="13" t="s">
        <v>501</v>
      </c>
      <c r="B102442" s="14" t="s">
        <v>1</v>
      </c>
      <c r="C102442" s="14" t="s">
        <v>218</v>
      </c>
      <c r="D102442" s="14" t="s">
        <v>107</v>
      </c>
      <c r="E102442" s="15">
        <v>45618</v>
      </c>
      <c r="F102442" s="14" t="s">
        <v>25</v>
      </c>
      <c r="G102442" s="16">
        <v>1.1866127318739672</v>
      </c>
    </row>
    <row r="102443" spans="1:7" x14ac:dyDescent="0.3">
      <c r="A102443" s="13" t="s">
        <v>501</v>
      </c>
      <c r="B102443" s="14" t="s">
        <v>1</v>
      </c>
      <c r="C102443" s="14" t="s">
        <v>218</v>
      </c>
      <c r="D102443" s="14" t="s">
        <v>107</v>
      </c>
      <c r="E102443" s="15">
        <v>45619</v>
      </c>
      <c r="F102443" s="14" t="s">
        <v>25</v>
      </c>
      <c r="G102443" s="16">
        <v>1.1866127318739672</v>
      </c>
    </row>
    <row r="102444" spans="1:7" x14ac:dyDescent="0.3">
      <c r="A102444" s="13" t="s">
        <v>501</v>
      </c>
      <c r="B102444" s="14" t="s">
        <v>1</v>
      </c>
      <c r="C102444" s="14" t="s">
        <v>218</v>
      </c>
      <c r="D102444" s="14" t="s">
        <v>107</v>
      </c>
      <c r="E102444" s="15">
        <v>45620</v>
      </c>
      <c r="F102444" s="14" t="s">
        <v>25</v>
      </c>
      <c r="G102444" s="16">
        <v>1.1866127318739672</v>
      </c>
    </row>
    <row r="102445" spans="1:7" x14ac:dyDescent="0.3">
      <c r="A102445" s="13" t="s">
        <v>501</v>
      </c>
      <c r="B102445" s="14" t="s">
        <v>1</v>
      </c>
      <c r="C102445" s="14" t="s">
        <v>218</v>
      </c>
      <c r="D102445" s="14" t="s">
        <v>107</v>
      </c>
      <c r="E102445" s="15">
        <v>45621</v>
      </c>
      <c r="F102445" s="14" t="s">
        <v>25</v>
      </c>
      <c r="G102445" s="16">
        <v>1.1898710019878802</v>
      </c>
    </row>
    <row r="102446" spans="1:7" x14ac:dyDescent="0.3">
      <c r="A102446" s="13" t="s">
        <v>501</v>
      </c>
      <c r="B102446" s="14" t="s">
        <v>1</v>
      </c>
      <c r="C102446" s="14" t="s">
        <v>218</v>
      </c>
      <c r="D102446" s="14" t="s">
        <v>107</v>
      </c>
      <c r="E102446" s="15">
        <v>45622</v>
      </c>
      <c r="F102446" s="14" t="s">
        <v>25</v>
      </c>
      <c r="G102446" s="16">
        <v>1.1994516308814147</v>
      </c>
    </row>
    <row r="102447" spans="1:7" x14ac:dyDescent="0.3">
      <c r="A102447" s="13" t="s">
        <v>501</v>
      </c>
      <c r="B102447" s="14" t="s">
        <v>1</v>
      </c>
      <c r="C102447" s="14" t="s">
        <v>218</v>
      </c>
      <c r="D102447" s="14" t="s">
        <v>107</v>
      </c>
      <c r="E102447" s="15">
        <v>45623</v>
      </c>
      <c r="F102447" s="14" t="s">
        <v>25</v>
      </c>
      <c r="G102447" s="16">
        <v>1.2025100284862642</v>
      </c>
    </row>
    <row r="102448" spans="1:7" x14ac:dyDescent="0.3">
      <c r="A102448" s="13" t="s">
        <v>501</v>
      </c>
      <c r="B102448" s="14" t="s">
        <v>1</v>
      </c>
      <c r="C102448" s="14" t="s">
        <v>218</v>
      </c>
      <c r="D102448" s="14" t="s">
        <v>107</v>
      </c>
      <c r="E102448" s="15">
        <v>45624</v>
      </c>
      <c r="F102448" s="14" t="s">
        <v>25</v>
      </c>
      <c r="G102448" s="16">
        <v>1.2048786628473402</v>
      </c>
    </row>
    <row r="102449" spans="1:7" x14ac:dyDescent="0.3">
      <c r="A102449" s="13" t="s">
        <v>501</v>
      </c>
      <c r="B102449" s="14" t="s">
        <v>1</v>
      </c>
      <c r="C102449" s="14" t="s">
        <v>218</v>
      </c>
      <c r="D102449" s="14" t="s">
        <v>107</v>
      </c>
      <c r="E102449" s="15">
        <v>45625</v>
      </c>
      <c r="F102449" s="14" t="s">
        <v>25</v>
      </c>
      <c r="G102449" s="16">
        <v>1.2079716069699826</v>
      </c>
    </row>
    <row r="102450" spans="1:7" x14ac:dyDescent="0.3">
      <c r="A102450" s="13" t="s">
        <v>501</v>
      </c>
      <c r="B102450" s="14" t="s">
        <v>1</v>
      </c>
      <c r="C102450" s="14" t="s">
        <v>218</v>
      </c>
      <c r="D102450" s="14" t="s">
        <v>107</v>
      </c>
      <c r="E102450" s="15">
        <v>45626</v>
      </c>
      <c r="F102450" s="14" t="s">
        <v>25</v>
      </c>
      <c r="G102450" s="16">
        <v>1.2079716069699826</v>
      </c>
    </row>
    <row r="102451" spans="1:7" x14ac:dyDescent="0.3">
      <c r="A102451" s="13" t="s">
        <v>501</v>
      </c>
      <c r="B102451" s="14" t="s">
        <v>1</v>
      </c>
      <c r="C102451" s="14" t="s">
        <v>218</v>
      </c>
      <c r="D102451" s="14" t="s">
        <v>107</v>
      </c>
      <c r="E102451" s="15">
        <v>45627</v>
      </c>
      <c r="F102451" s="14" t="s">
        <v>25</v>
      </c>
      <c r="G102451" s="16">
        <v>1.2079716069699826</v>
      </c>
    </row>
    <row r="102452" spans="1:7" x14ac:dyDescent="0.3">
      <c r="A102452" s="13" t="s">
        <v>501</v>
      </c>
      <c r="B102452" s="14" t="s">
        <v>1</v>
      </c>
      <c r="C102452" s="14" t="s">
        <v>218</v>
      </c>
      <c r="D102452" s="14" t="s">
        <v>107</v>
      </c>
      <c r="E102452" s="15">
        <v>45628</v>
      </c>
      <c r="F102452" s="14" t="s">
        <v>25</v>
      </c>
      <c r="G102452" s="16">
        <v>1.2185195184559268</v>
      </c>
    </row>
    <row r="102453" spans="1:7" x14ac:dyDescent="0.3">
      <c r="A102453" s="13" t="s">
        <v>501</v>
      </c>
      <c r="B102453" s="14" t="s">
        <v>1</v>
      </c>
      <c r="C102453" s="14" t="s">
        <v>218</v>
      </c>
      <c r="D102453" s="14" t="s">
        <v>107</v>
      </c>
      <c r="E102453" s="15">
        <v>45629</v>
      </c>
      <c r="F102453" s="14" t="s">
        <v>25</v>
      </c>
      <c r="G102453" s="16">
        <v>1.2258070634214153</v>
      </c>
    </row>
    <row r="102454" spans="1:7" x14ac:dyDescent="0.3">
      <c r="A102454" s="13" t="s">
        <v>501</v>
      </c>
      <c r="B102454" s="14" t="s">
        <v>1</v>
      </c>
      <c r="C102454" s="14" t="s">
        <v>218</v>
      </c>
      <c r="D102454" s="14" t="s">
        <v>107</v>
      </c>
      <c r="E102454" s="15">
        <v>45630</v>
      </c>
      <c r="F102454" s="14" t="s">
        <v>25</v>
      </c>
      <c r="G102454" s="16">
        <v>1.2308939796419918</v>
      </c>
    </row>
    <row r="102455" spans="1:7" x14ac:dyDescent="0.3">
      <c r="A102455" s="13" t="s">
        <v>501</v>
      </c>
      <c r="B102455" s="14" t="s">
        <v>1</v>
      </c>
      <c r="C102455" s="14" t="s">
        <v>218</v>
      </c>
      <c r="D102455" s="14" t="s">
        <v>107</v>
      </c>
      <c r="E102455" s="15">
        <v>45631</v>
      </c>
      <c r="F102455" s="14" t="s">
        <v>25</v>
      </c>
      <c r="G102455" s="16">
        <v>1.2383531678918303</v>
      </c>
    </row>
    <row r="102456" spans="1:7" x14ac:dyDescent="0.3">
      <c r="A102456" s="13" t="s">
        <v>501</v>
      </c>
      <c r="B102456" s="14" t="s">
        <v>1</v>
      </c>
      <c r="C102456" s="14" t="s">
        <v>218</v>
      </c>
      <c r="D102456" s="14" t="s">
        <v>107</v>
      </c>
      <c r="E102456" s="15">
        <v>45632</v>
      </c>
      <c r="F102456" s="14" t="s">
        <v>25</v>
      </c>
      <c r="G102456" s="16">
        <v>1.2412652096408943</v>
      </c>
    </row>
    <row r="102457" spans="1:7" x14ac:dyDescent="0.3">
      <c r="A102457" s="13" t="s">
        <v>501</v>
      </c>
      <c r="B102457" s="14" t="s">
        <v>1</v>
      </c>
      <c r="C102457" s="14" t="s">
        <v>218</v>
      </c>
      <c r="D102457" s="14" t="s">
        <v>107</v>
      </c>
      <c r="E102457" s="15">
        <v>45633</v>
      </c>
      <c r="F102457" s="14" t="s">
        <v>25</v>
      </c>
      <c r="G102457" s="16">
        <v>1.2412652096408943</v>
      </c>
    </row>
    <row r="102458" spans="1:7" x14ac:dyDescent="0.3">
      <c r="A102458" s="13" t="s">
        <v>501</v>
      </c>
      <c r="B102458" s="14" t="s">
        <v>1</v>
      </c>
      <c r="C102458" s="14" t="s">
        <v>218</v>
      </c>
      <c r="D102458" s="14" t="s">
        <v>107</v>
      </c>
      <c r="E102458" s="15">
        <v>45634</v>
      </c>
      <c r="F102458" s="14" t="s">
        <v>25</v>
      </c>
      <c r="G102458" s="16">
        <v>1.2412652096408943</v>
      </c>
    </row>
    <row r="102459" spans="1:7" x14ac:dyDescent="0.3">
      <c r="A102459" s="13" t="s">
        <v>501</v>
      </c>
      <c r="B102459" s="14" t="s">
        <v>1</v>
      </c>
      <c r="C102459" s="14" t="s">
        <v>218</v>
      </c>
      <c r="D102459" s="14" t="s">
        <v>107</v>
      </c>
      <c r="E102459" s="15">
        <v>45635</v>
      </c>
      <c r="F102459" s="14" t="s">
        <v>25</v>
      </c>
      <c r="G102459" s="16">
        <v>1.2441567347734945</v>
      </c>
    </row>
    <row r="102460" spans="1:7" x14ac:dyDescent="0.3">
      <c r="A102460" s="13" t="s">
        <v>501</v>
      </c>
      <c r="B102460" s="14" t="s">
        <v>1</v>
      </c>
      <c r="C102460" s="14" t="s">
        <v>218</v>
      </c>
      <c r="D102460" s="14" t="s">
        <v>107</v>
      </c>
      <c r="E102460" s="15">
        <v>45636</v>
      </c>
      <c r="F102460" s="14" t="s">
        <v>25</v>
      </c>
      <c r="G102460" s="16">
        <v>1.2527820722423957</v>
      </c>
    </row>
    <row r="102461" spans="1:7" x14ac:dyDescent="0.3">
      <c r="A102461" s="13" t="s">
        <v>501</v>
      </c>
      <c r="B102461" s="14" t="s">
        <v>1</v>
      </c>
      <c r="C102461" s="14" t="s">
        <v>218</v>
      </c>
      <c r="D102461" s="14" t="s">
        <v>107</v>
      </c>
      <c r="E102461" s="15">
        <v>45637</v>
      </c>
      <c r="F102461" s="14" t="s">
        <v>25</v>
      </c>
      <c r="G102461" s="16">
        <v>1.2672896697421943</v>
      </c>
    </row>
    <row r="102462" spans="1:7" x14ac:dyDescent="0.3">
      <c r="A102462" s="13" t="s">
        <v>501</v>
      </c>
      <c r="B102462" s="14" t="s">
        <v>1</v>
      </c>
      <c r="C102462" s="14" t="s">
        <v>218</v>
      </c>
      <c r="D102462" s="14" t="s">
        <v>107</v>
      </c>
      <c r="E102462" s="15">
        <v>45638</v>
      </c>
      <c r="F102462" s="14" t="s">
        <v>25</v>
      </c>
      <c r="G102462" s="16">
        <v>1.2702265690360297</v>
      </c>
    </row>
    <row r="102463" spans="1:7" x14ac:dyDescent="0.3">
      <c r="A102463" s="13" t="s">
        <v>501</v>
      </c>
      <c r="B102463" s="14" t="s">
        <v>1</v>
      </c>
      <c r="C102463" s="14" t="s">
        <v>218</v>
      </c>
      <c r="D102463" s="14" t="s">
        <v>107</v>
      </c>
      <c r="E102463" s="15">
        <v>45639</v>
      </c>
      <c r="F102463" s="14" t="s">
        <v>25</v>
      </c>
      <c r="G102463" s="16">
        <v>1.273187516761997</v>
      </c>
    </row>
    <row r="102464" spans="1:7" x14ac:dyDescent="0.3">
      <c r="A102464" s="13" t="s">
        <v>501</v>
      </c>
      <c r="B102464" s="14" t="s">
        <v>1</v>
      </c>
      <c r="C102464" s="14" t="s">
        <v>218</v>
      </c>
      <c r="D102464" s="14" t="s">
        <v>107</v>
      </c>
      <c r="E102464" s="15">
        <v>45640</v>
      </c>
      <c r="F102464" s="14" t="s">
        <v>25</v>
      </c>
      <c r="G102464" s="16">
        <v>1.273187516761997</v>
      </c>
    </row>
    <row r="102465" spans="1:7" x14ac:dyDescent="0.3">
      <c r="A102465" s="13" t="s">
        <v>501</v>
      </c>
      <c r="B102465" s="14" t="s">
        <v>1</v>
      </c>
      <c r="C102465" s="14" t="s">
        <v>218</v>
      </c>
      <c r="D102465" s="14" t="s">
        <v>107</v>
      </c>
      <c r="E102465" s="15">
        <v>45641</v>
      </c>
      <c r="F102465" s="14" t="s">
        <v>25</v>
      </c>
      <c r="G102465" s="16">
        <v>1.273187516761997</v>
      </c>
    </row>
    <row r="102466" spans="1:7" x14ac:dyDescent="0.3">
      <c r="A102466" s="13" t="s">
        <v>501</v>
      </c>
      <c r="B102466" s="14" t="s">
        <v>1</v>
      </c>
      <c r="C102466" s="14" t="s">
        <v>218</v>
      </c>
      <c r="D102466" s="14" t="s">
        <v>107</v>
      </c>
      <c r="E102466" s="15">
        <v>45642</v>
      </c>
      <c r="F102466" s="14" t="s">
        <v>25</v>
      </c>
      <c r="G102466" s="16">
        <v>1.2761603727148079</v>
      </c>
    </row>
    <row r="102467" spans="1:7" x14ac:dyDescent="0.3">
      <c r="A102467" s="13" t="s">
        <v>501</v>
      </c>
      <c r="B102467" s="14" t="s">
        <v>1</v>
      </c>
      <c r="C102467" s="14" t="s">
        <v>218</v>
      </c>
      <c r="D102467" s="14" t="s">
        <v>107</v>
      </c>
      <c r="E102467" s="15">
        <v>45643</v>
      </c>
      <c r="F102467" s="14" t="s">
        <v>25</v>
      </c>
      <c r="G102467" s="16">
        <v>1.2850305073703137</v>
      </c>
    </row>
    <row r="102468" spans="1:7" x14ac:dyDescent="0.3">
      <c r="A102468" s="13" t="s">
        <v>501</v>
      </c>
      <c r="B102468" s="14" t="s">
        <v>1</v>
      </c>
      <c r="C102468" s="14" t="s">
        <v>218</v>
      </c>
      <c r="D102468" s="14" t="s">
        <v>107</v>
      </c>
      <c r="E102468" s="15">
        <v>45644</v>
      </c>
      <c r="F102468" s="14" t="s">
        <v>25</v>
      </c>
      <c r="G102468" s="16">
        <v>1.2875176004592901</v>
      </c>
    </row>
    <row r="102469" spans="1:7" x14ac:dyDescent="0.3">
      <c r="A102469" s="13" t="s">
        <v>501</v>
      </c>
      <c r="B102469" s="14" t="s">
        <v>1</v>
      </c>
      <c r="C102469" s="14" t="s">
        <v>218</v>
      </c>
      <c r="D102469" s="14" t="s">
        <v>107</v>
      </c>
      <c r="E102469" s="15">
        <v>45645</v>
      </c>
      <c r="F102469" s="14" t="s">
        <v>25</v>
      </c>
      <c r="G102469" s="16">
        <v>1.2904914616520293</v>
      </c>
    </row>
    <row r="102470" spans="1:7" x14ac:dyDescent="0.3">
      <c r="A102470" s="13" t="s">
        <v>501</v>
      </c>
      <c r="B102470" s="14" t="s">
        <v>1</v>
      </c>
      <c r="C102470" s="14" t="s">
        <v>218</v>
      </c>
      <c r="D102470" s="14" t="s">
        <v>107</v>
      </c>
      <c r="E102470" s="15">
        <v>45646</v>
      </c>
      <c r="F102470" s="14" t="s">
        <v>25</v>
      </c>
      <c r="G102470" s="16">
        <v>1.2935220262077576</v>
      </c>
    </row>
    <row r="102471" spans="1:7" x14ac:dyDescent="0.3">
      <c r="A102471" s="13" t="s">
        <v>501</v>
      </c>
      <c r="B102471" s="14" t="s">
        <v>1</v>
      </c>
      <c r="C102471" s="14" t="s">
        <v>218</v>
      </c>
      <c r="D102471" s="14" t="s">
        <v>107</v>
      </c>
      <c r="E102471" s="15">
        <v>45647</v>
      </c>
      <c r="F102471" s="14" t="s">
        <v>25</v>
      </c>
      <c r="G102471" s="16">
        <v>1.2935220262077576</v>
      </c>
    </row>
    <row r="102472" spans="1:7" x14ac:dyDescent="0.3">
      <c r="A102472" s="13" t="s">
        <v>501</v>
      </c>
      <c r="B102472" s="14" t="s">
        <v>1</v>
      </c>
      <c r="C102472" s="14" t="s">
        <v>218</v>
      </c>
      <c r="D102472" s="14" t="s">
        <v>107</v>
      </c>
      <c r="E102472" s="15">
        <v>45648</v>
      </c>
      <c r="F102472" s="14" t="s">
        <v>25</v>
      </c>
      <c r="G102472" s="16">
        <v>1.2935220262077576</v>
      </c>
    </row>
    <row r="102473" spans="1:7" x14ac:dyDescent="0.3">
      <c r="A102473" s="13" t="s">
        <v>501</v>
      </c>
      <c r="B102473" s="14" t="s">
        <v>1</v>
      </c>
      <c r="C102473" s="14" t="s">
        <v>218</v>
      </c>
      <c r="D102473" s="14" t="s">
        <v>107</v>
      </c>
      <c r="E102473" s="15">
        <v>45649</v>
      </c>
      <c r="F102473" s="14" t="s">
        <v>25</v>
      </c>
      <c r="G102473" s="16">
        <v>1.2965998374054581</v>
      </c>
    </row>
    <row r="102474" spans="1:7" x14ac:dyDescent="0.3">
      <c r="A102474" s="13" t="s">
        <v>501</v>
      </c>
      <c r="B102474" s="14" t="s">
        <v>1</v>
      </c>
      <c r="C102474" s="14" t="s">
        <v>218</v>
      </c>
      <c r="D102474" s="14" t="s">
        <v>107</v>
      </c>
      <c r="E102474" s="15">
        <v>45650</v>
      </c>
      <c r="F102474" s="14" t="s">
        <v>25</v>
      </c>
      <c r="G102474" s="16">
        <v>1.3057297810536275</v>
      </c>
    </row>
    <row r="102475" spans="1:7" x14ac:dyDescent="0.3">
      <c r="A102475" s="13" t="s">
        <v>501</v>
      </c>
      <c r="B102475" s="14" t="s">
        <v>1</v>
      </c>
      <c r="C102475" s="14" t="s">
        <v>218</v>
      </c>
      <c r="D102475" s="14" t="s">
        <v>107</v>
      </c>
      <c r="E102475" s="15">
        <v>45651</v>
      </c>
      <c r="F102475" s="14" t="s">
        <v>25</v>
      </c>
      <c r="G102475" s="16">
        <v>1.3057297810536275</v>
      </c>
    </row>
    <row r="102476" spans="1:7" x14ac:dyDescent="0.3">
      <c r="A102476" s="13" t="s">
        <v>501</v>
      </c>
      <c r="B102476" s="14" t="s">
        <v>1</v>
      </c>
      <c r="C102476" s="14" t="s">
        <v>218</v>
      </c>
      <c r="D102476" s="14" t="s">
        <v>107</v>
      </c>
      <c r="E102476" s="15">
        <v>45652</v>
      </c>
      <c r="F102476" s="14" t="s">
        <v>25</v>
      </c>
      <c r="G102476" s="16">
        <v>1.3057297810536275</v>
      </c>
    </row>
    <row r="102477" spans="1:7" x14ac:dyDescent="0.3">
      <c r="A102477" s="13" t="s">
        <v>501</v>
      </c>
      <c r="B102477" s="14" t="s">
        <v>1</v>
      </c>
      <c r="C102477" s="14" t="s">
        <v>218</v>
      </c>
      <c r="D102477" s="14" t="s">
        <v>107</v>
      </c>
      <c r="E102477" s="15">
        <v>45653</v>
      </c>
      <c r="F102477" s="14" t="s">
        <v>25</v>
      </c>
      <c r="G102477" s="16">
        <v>1.3057297810536275</v>
      </c>
    </row>
    <row r="102478" spans="1:7" x14ac:dyDescent="0.3">
      <c r="A102478" s="13" t="s">
        <v>501</v>
      </c>
      <c r="B102478" s="14" t="s">
        <v>1</v>
      </c>
      <c r="C102478" s="14" t="s">
        <v>218</v>
      </c>
      <c r="D102478" s="14" t="s">
        <v>107</v>
      </c>
      <c r="E102478" s="15">
        <v>45654</v>
      </c>
      <c r="F102478" s="14" t="s">
        <v>25</v>
      </c>
      <c r="G102478" s="16">
        <v>1.3057297810536275</v>
      </c>
    </row>
    <row r="102479" spans="1:7" x14ac:dyDescent="0.3">
      <c r="A102479" s="13" t="s">
        <v>501</v>
      </c>
      <c r="B102479" s="14" t="s">
        <v>1</v>
      </c>
      <c r="C102479" s="14" t="s">
        <v>218</v>
      </c>
      <c r="D102479" s="14" t="s">
        <v>107</v>
      </c>
      <c r="E102479" s="15">
        <v>45655</v>
      </c>
      <c r="F102479" s="14" t="s">
        <v>25</v>
      </c>
      <c r="G102479" s="16">
        <v>1.3057297810536275</v>
      </c>
    </row>
    <row r="102480" spans="1:7" x14ac:dyDescent="0.3">
      <c r="A102480" s="13" t="s">
        <v>501</v>
      </c>
      <c r="B102480" s="14" t="s">
        <v>1</v>
      </c>
      <c r="C102480" s="14" t="s">
        <v>218</v>
      </c>
      <c r="D102480" s="14" t="s">
        <v>107</v>
      </c>
      <c r="E102480" s="15">
        <v>45656</v>
      </c>
      <c r="F102480" s="14" t="s">
        <v>25</v>
      </c>
      <c r="G102480" s="16">
        <v>1.3088469515651804</v>
      </c>
    </row>
    <row r="102481" spans="1:7" x14ac:dyDescent="0.3">
      <c r="A102481" s="13" t="s">
        <v>501</v>
      </c>
      <c r="B102481" s="14" t="s">
        <v>1</v>
      </c>
      <c r="C102481" s="14" t="s">
        <v>218</v>
      </c>
      <c r="D102481" s="14" t="s">
        <v>107</v>
      </c>
      <c r="E102481" s="15">
        <v>45657</v>
      </c>
      <c r="F102481" s="14" t="s">
        <v>25</v>
      </c>
      <c r="G102481" s="16">
        <v>1.3275995901729274</v>
      </c>
    </row>
    <row r="102482" spans="1:7" x14ac:dyDescent="0.3">
      <c r="A102482" s="13" t="s">
        <v>501</v>
      </c>
      <c r="B102482" s="14" t="s">
        <v>1</v>
      </c>
      <c r="C102482" s="14" t="s">
        <v>218</v>
      </c>
      <c r="D102482" s="14" t="s">
        <v>107</v>
      </c>
      <c r="E102482" s="15">
        <v>45658</v>
      </c>
      <c r="F102482" s="14" t="s">
        <v>25</v>
      </c>
      <c r="G102482" s="16">
        <v>1.3275995901729274</v>
      </c>
    </row>
    <row r="102483" spans="1:7" x14ac:dyDescent="0.3">
      <c r="A102483" s="13" t="s">
        <v>501</v>
      </c>
      <c r="B102483" s="14" t="s">
        <v>1</v>
      </c>
      <c r="C102483" s="14" t="s">
        <v>218</v>
      </c>
      <c r="D102483" s="14" t="s">
        <v>107</v>
      </c>
      <c r="E102483" s="15">
        <v>45659</v>
      </c>
      <c r="F102483" s="14" t="s">
        <v>25</v>
      </c>
      <c r="G102483" s="16">
        <v>1.3275995901729274</v>
      </c>
    </row>
    <row r="102484" spans="1:7" x14ac:dyDescent="0.3">
      <c r="A102484" s="13" t="s">
        <v>501</v>
      </c>
      <c r="B102484" s="14" t="s">
        <v>1</v>
      </c>
      <c r="C102484" s="14" t="s">
        <v>218</v>
      </c>
      <c r="D102484" s="14" t="s">
        <v>107</v>
      </c>
      <c r="E102484" s="15">
        <v>45660</v>
      </c>
      <c r="F102484" s="14" t="s">
        <v>25</v>
      </c>
      <c r="G102484" s="16">
        <v>1.3306971970176733</v>
      </c>
    </row>
    <row r="102485" spans="1:7" x14ac:dyDescent="0.3">
      <c r="A102485" s="13" t="s">
        <v>501</v>
      </c>
      <c r="B102485" s="14" t="s">
        <v>1</v>
      </c>
      <c r="C102485" s="14" t="s">
        <v>218</v>
      </c>
      <c r="D102485" s="14" t="s">
        <v>107</v>
      </c>
      <c r="E102485" s="15">
        <v>45661</v>
      </c>
      <c r="F102485" s="14" t="s">
        <v>25</v>
      </c>
      <c r="G102485" s="16">
        <v>1.3306971970176733</v>
      </c>
    </row>
    <row r="102486" spans="1:7" x14ac:dyDescent="0.3">
      <c r="A102486" s="13" t="s">
        <v>501</v>
      </c>
      <c r="B102486" s="14" t="s">
        <v>1</v>
      </c>
      <c r="C102486" s="14" t="s">
        <v>218</v>
      </c>
      <c r="D102486" s="14" t="s">
        <v>107</v>
      </c>
      <c r="E102486" s="15">
        <v>45662</v>
      </c>
      <c r="F102486" s="14" t="s">
        <v>25</v>
      </c>
      <c r="G102486" s="16">
        <v>1.3306971970176733</v>
      </c>
    </row>
    <row r="102487" spans="1:7" x14ac:dyDescent="0.3">
      <c r="A102487" s="13" t="s">
        <v>501</v>
      </c>
      <c r="B102487" s="14" t="s">
        <v>1</v>
      </c>
      <c r="C102487" s="14" t="s">
        <v>218</v>
      </c>
      <c r="D102487" s="14" t="s">
        <v>107</v>
      </c>
      <c r="E102487" s="15">
        <v>45663</v>
      </c>
      <c r="F102487" s="14" t="s">
        <v>25</v>
      </c>
      <c r="G102487" s="16">
        <v>1.3396026530173344</v>
      </c>
    </row>
    <row r="102488" spans="1:7" x14ac:dyDescent="0.3">
      <c r="A102488" s="13" t="s">
        <v>501</v>
      </c>
      <c r="B102488" s="14" t="s">
        <v>1</v>
      </c>
      <c r="C102488" s="14" t="s">
        <v>218</v>
      </c>
      <c r="D102488" s="14" t="s">
        <v>107</v>
      </c>
      <c r="E102488" s="15">
        <v>45664</v>
      </c>
      <c r="F102488" s="14" t="s">
        <v>25</v>
      </c>
      <c r="G102488" s="16">
        <v>1.3565856753365539</v>
      </c>
    </row>
    <row r="102489" spans="1:7" x14ac:dyDescent="0.3">
      <c r="A102489" s="13" t="s">
        <v>501</v>
      </c>
      <c r="B102489" s="14" t="s">
        <v>1</v>
      </c>
      <c r="C102489" s="14" t="s">
        <v>218</v>
      </c>
      <c r="D102489" s="14" t="s">
        <v>107</v>
      </c>
      <c r="E102489" s="15">
        <v>45665</v>
      </c>
      <c r="F102489" s="14" t="s">
        <v>25</v>
      </c>
      <c r="G102489" s="16">
        <v>1.359779783334369</v>
      </c>
    </row>
    <row r="102490" spans="1:7" x14ac:dyDescent="0.3">
      <c r="A102490" s="13" t="s">
        <v>501</v>
      </c>
      <c r="B102490" s="14" t="s">
        <v>1</v>
      </c>
      <c r="C102490" s="14" t="s">
        <v>218</v>
      </c>
      <c r="D102490" s="14" t="s">
        <v>107</v>
      </c>
      <c r="E102490" s="15">
        <v>45666</v>
      </c>
      <c r="F102490" s="14" t="s">
        <v>25</v>
      </c>
      <c r="G102490" s="16">
        <v>1.3630218456871226</v>
      </c>
    </row>
    <row r="102491" spans="1:7" x14ac:dyDescent="0.3">
      <c r="A102491" s="13" t="s">
        <v>501</v>
      </c>
      <c r="B102491" s="14" t="s">
        <v>1</v>
      </c>
      <c r="C102491" s="14" t="s">
        <v>218</v>
      </c>
      <c r="D102491" s="14" t="s">
        <v>107</v>
      </c>
      <c r="E102491" s="15">
        <v>45667</v>
      </c>
      <c r="F102491" s="14" t="s">
        <v>25</v>
      </c>
      <c r="G102491" s="16">
        <v>1.3662679042361214</v>
      </c>
    </row>
    <row r="102492" spans="1:7" x14ac:dyDescent="0.3">
      <c r="A102492" s="13" t="s">
        <v>501</v>
      </c>
      <c r="B102492" s="14" t="s">
        <v>1</v>
      </c>
      <c r="C102492" s="14" t="s">
        <v>218</v>
      </c>
      <c r="D102492" s="14" t="s">
        <v>107</v>
      </c>
      <c r="E102492" s="15">
        <v>45668</v>
      </c>
      <c r="F102492" s="14" t="s">
        <v>25</v>
      </c>
      <c r="G102492" s="16">
        <v>1.3662679042361214</v>
      </c>
    </row>
    <row r="102493" spans="1:7" x14ac:dyDescent="0.3">
      <c r="A102493" s="13" t="s">
        <v>501</v>
      </c>
      <c r="B102493" s="14" t="s">
        <v>1</v>
      </c>
      <c r="C102493" s="14" t="s">
        <v>218</v>
      </c>
      <c r="D102493" s="14" t="s">
        <v>107</v>
      </c>
      <c r="E102493" s="15">
        <v>45669</v>
      </c>
      <c r="F102493" s="14" t="s">
        <v>25</v>
      </c>
      <c r="G102493" s="16">
        <v>1.3662679042361214</v>
      </c>
    </row>
    <row r="102494" spans="1:7" x14ac:dyDescent="0.3">
      <c r="A102494" s="13" t="s">
        <v>501</v>
      </c>
      <c r="B102494" s="14" t="s">
        <v>1</v>
      </c>
      <c r="C102494" s="14" t="s">
        <v>218</v>
      </c>
      <c r="D102494" s="14" t="s">
        <v>107</v>
      </c>
      <c r="E102494" s="15">
        <v>45670</v>
      </c>
      <c r="F102494" s="14" t="s">
        <v>25</v>
      </c>
      <c r="G102494" s="16">
        <v>1.369539820525528</v>
      </c>
    </row>
    <row r="102495" spans="1:7" x14ac:dyDescent="0.3">
      <c r="A102495" s="13" t="s">
        <v>501</v>
      </c>
      <c r="B102495" s="14" t="s">
        <v>1</v>
      </c>
      <c r="C102495" s="14" t="s">
        <v>218</v>
      </c>
      <c r="D102495" s="14" t="s">
        <v>107</v>
      </c>
      <c r="E102495" s="15">
        <v>45671</v>
      </c>
      <c r="F102495" s="14" t="s">
        <v>25</v>
      </c>
      <c r="G102495" s="16">
        <v>1.3794509333950282</v>
      </c>
    </row>
    <row r="102496" spans="1:7" x14ac:dyDescent="0.3">
      <c r="A102496" s="13" t="s">
        <v>501</v>
      </c>
      <c r="B102496" s="14" t="s">
        <v>1</v>
      </c>
      <c r="C102496" s="14" t="s">
        <v>218</v>
      </c>
      <c r="D102496" s="14" t="s">
        <v>107</v>
      </c>
      <c r="E102496" s="15">
        <v>45672</v>
      </c>
      <c r="F102496" s="14" t="s">
        <v>25</v>
      </c>
      <c r="G102496" s="16">
        <v>1.3827399919386043</v>
      </c>
    </row>
    <row r="102497" spans="1:7" x14ac:dyDescent="0.3">
      <c r="A102497" s="13" t="s">
        <v>501</v>
      </c>
      <c r="B102497" s="14" t="s">
        <v>1</v>
      </c>
      <c r="C102497" s="14" t="s">
        <v>218</v>
      </c>
      <c r="D102497" s="14" t="s">
        <v>107</v>
      </c>
      <c r="E102497" s="15">
        <v>45673</v>
      </c>
      <c r="F102497" s="14" t="s">
        <v>25</v>
      </c>
      <c r="G102497" s="16">
        <v>1.3860139760912271</v>
      </c>
    </row>
    <row r="102498" spans="1:7" x14ac:dyDescent="0.3">
      <c r="A102498" s="13" t="s">
        <v>501</v>
      </c>
      <c r="B102498" s="14" t="s">
        <v>1</v>
      </c>
      <c r="C102498" s="14" t="s">
        <v>218</v>
      </c>
      <c r="D102498" s="14" t="s">
        <v>107</v>
      </c>
      <c r="E102498" s="15">
        <v>45674</v>
      </c>
      <c r="F102498" s="14" t="s">
        <v>25</v>
      </c>
      <c r="G102498" s="16">
        <v>1.438234978744404</v>
      </c>
    </row>
    <row r="102499" spans="1:7" x14ac:dyDescent="0.3">
      <c r="A102499" s="13" t="s">
        <v>501</v>
      </c>
      <c r="B102499" s="14" t="s">
        <v>1</v>
      </c>
      <c r="C102499" s="14" t="s">
        <v>218</v>
      </c>
      <c r="D102499" s="14" t="s">
        <v>107</v>
      </c>
      <c r="E102499" s="15">
        <v>45675</v>
      </c>
      <c r="F102499" s="14" t="s">
        <v>25</v>
      </c>
      <c r="G102499" s="16">
        <v>1.438234978744404</v>
      </c>
    </row>
    <row r="102500" spans="1:7" x14ac:dyDescent="0.3">
      <c r="A102500" s="13" t="s">
        <v>501</v>
      </c>
      <c r="B102500" s="14" t="s">
        <v>1</v>
      </c>
      <c r="C102500" s="14" t="s">
        <v>218</v>
      </c>
      <c r="D102500" s="14" t="s">
        <v>107</v>
      </c>
      <c r="E102500" s="15">
        <v>45676</v>
      </c>
      <c r="F102500" s="14" t="s">
        <v>25</v>
      </c>
      <c r="G102500" s="16">
        <v>1.438234978744404</v>
      </c>
    </row>
    <row r="102501" spans="1:7" x14ac:dyDescent="0.3">
      <c r="A102501" s="13" t="s">
        <v>501</v>
      </c>
      <c r="B102501" s="14" t="s">
        <v>1</v>
      </c>
      <c r="C102501" s="14" t="s">
        <v>218</v>
      </c>
      <c r="D102501" s="14" t="s">
        <v>107</v>
      </c>
      <c r="E102501" s="15">
        <v>45677</v>
      </c>
      <c r="F102501" s="14" t="s">
        <v>25</v>
      </c>
      <c r="G102501" s="16">
        <v>1.4429246209349518</v>
      </c>
    </row>
    <row r="102502" spans="1:7" x14ac:dyDescent="0.3">
      <c r="A102502" s="13" t="s">
        <v>501</v>
      </c>
      <c r="B102502" s="14" t="s">
        <v>1</v>
      </c>
      <c r="C102502" s="14" t="s">
        <v>218</v>
      </c>
      <c r="D102502" s="14" t="s">
        <v>107</v>
      </c>
      <c r="E102502" s="15">
        <v>45678</v>
      </c>
      <c r="F102502" s="14" t="s">
        <v>25</v>
      </c>
      <c r="G102502" s="16">
        <v>1.4510904019768733</v>
      </c>
    </row>
    <row r="102503" spans="1:7" x14ac:dyDescent="0.3">
      <c r="A102503" s="13" t="s">
        <v>501</v>
      </c>
      <c r="B102503" s="14" t="s">
        <v>1</v>
      </c>
      <c r="C102503" s="14" t="s">
        <v>218</v>
      </c>
      <c r="D102503" s="14" t="s">
        <v>107</v>
      </c>
      <c r="E102503" s="15">
        <v>45679</v>
      </c>
      <c r="F102503" s="14" t="s">
        <v>25</v>
      </c>
      <c r="G102503" s="16">
        <v>1.4538864023163471</v>
      </c>
    </row>
    <row r="102504" spans="1:7" x14ac:dyDescent="0.3">
      <c r="A102504" s="13" t="s">
        <v>501</v>
      </c>
      <c r="B102504" s="14" t="s">
        <v>1</v>
      </c>
      <c r="C102504" s="14" t="s">
        <v>218</v>
      </c>
      <c r="D102504" s="14" t="s">
        <v>107</v>
      </c>
      <c r="E102504" s="15">
        <v>45680</v>
      </c>
      <c r="F102504" s="14" t="s">
        <v>25</v>
      </c>
      <c r="G102504" s="16">
        <v>1.4566682704143021</v>
      </c>
    </row>
    <row r="102505" spans="1:7" x14ac:dyDescent="0.3">
      <c r="A102505" s="13" t="s">
        <v>501</v>
      </c>
      <c r="B102505" s="14" t="s">
        <v>1</v>
      </c>
      <c r="C102505" s="14" t="s">
        <v>218</v>
      </c>
      <c r="D102505" s="14" t="s">
        <v>107</v>
      </c>
      <c r="E102505" s="15">
        <v>45681</v>
      </c>
      <c r="F102505" s="14" t="s">
        <v>25</v>
      </c>
      <c r="G102505" s="16">
        <v>1.459458225294904</v>
      </c>
    </row>
    <row r="102506" spans="1:7" x14ac:dyDescent="0.3">
      <c r="A102506" s="13" t="s">
        <v>501</v>
      </c>
      <c r="B102506" s="14" t="s">
        <v>1</v>
      </c>
      <c r="C102506" s="14" t="s">
        <v>218</v>
      </c>
      <c r="D102506" s="14" t="s">
        <v>107</v>
      </c>
      <c r="E102506" s="15">
        <v>45682</v>
      </c>
      <c r="F102506" s="14" t="s">
        <v>25</v>
      </c>
      <c r="G102506" s="16">
        <v>1.459458225294904</v>
      </c>
    </row>
    <row r="102507" spans="1:7" x14ac:dyDescent="0.3">
      <c r="A102507" s="13" t="s">
        <v>501</v>
      </c>
      <c r="B102507" s="14" t="s">
        <v>1</v>
      </c>
      <c r="C102507" s="14" t="s">
        <v>218</v>
      </c>
      <c r="D102507" s="14" t="s">
        <v>107</v>
      </c>
      <c r="E102507" s="15">
        <v>45683</v>
      </c>
      <c r="F102507" s="14" t="s">
        <v>25</v>
      </c>
      <c r="G102507" s="16">
        <v>1.459458225294904</v>
      </c>
    </row>
    <row r="102508" spans="1:7" x14ac:dyDescent="0.3">
      <c r="A102508" s="13" t="s">
        <v>501</v>
      </c>
      <c r="B102508" s="14" t="s">
        <v>1</v>
      </c>
      <c r="C102508" s="14" t="s">
        <v>218</v>
      </c>
      <c r="D102508" s="14" t="s">
        <v>107</v>
      </c>
      <c r="E102508" s="15">
        <v>45684</v>
      </c>
      <c r="F102508" s="14" t="s">
        <v>25</v>
      </c>
      <c r="G102508" s="16">
        <v>1.4653487154522897</v>
      </c>
    </row>
    <row r="102509" spans="1:7" x14ac:dyDescent="0.3">
      <c r="A102509" s="13" t="s">
        <v>501</v>
      </c>
      <c r="B102509" s="14" t="s">
        <v>1</v>
      </c>
      <c r="C102509" s="14" t="s">
        <v>218</v>
      </c>
      <c r="D102509" s="14" t="s">
        <v>107</v>
      </c>
      <c r="E102509" s="15">
        <v>45685</v>
      </c>
      <c r="F102509" s="14" t="s">
        <v>25</v>
      </c>
      <c r="G102509" s="16">
        <v>1.4735311411342225</v>
      </c>
    </row>
    <row r="102510" spans="1:7" x14ac:dyDescent="0.3">
      <c r="A102510" s="13" t="s">
        <v>501</v>
      </c>
      <c r="B102510" s="14" t="s">
        <v>1</v>
      </c>
      <c r="C102510" s="14" t="s">
        <v>218</v>
      </c>
      <c r="D102510" s="14" t="s">
        <v>107</v>
      </c>
      <c r="E102510" s="15">
        <v>45686</v>
      </c>
      <c r="F102510" s="14" t="s">
        <v>25</v>
      </c>
      <c r="G102510" s="16">
        <v>1.4763049224495304</v>
      </c>
    </row>
    <row r="102511" spans="1:7" x14ac:dyDescent="0.3">
      <c r="A102511" s="13" t="s">
        <v>501</v>
      </c>
      <c r="B102511" s="14" t="s">
        <v>1</v>
      </c>
      <c r="C102511" s="14" t="s">
        <v>218</v>
      </c>
      <c r="D102511" s="14" t="s">
        <v>107</v>
      </c>
      <c r="E102511" s="15">
        <v>45687</v>
      </c>
      <c r="F102511" s="14" t="s">
        <v>25</v>
      </c>
      <c r="G102511" s="16">
        <v>1.4791947451701988</v>
      </c>
    </row>
    <row r="102512" spans="1:7" x14ac:dyDescent="0.3">
      <c r="A102512" s="13" t="s">
        <v>501</v>
      </c>
      <c r="B102512" s="14" t="s">
        <v>1</v>
      </c>
      <c r="C102512" s="14" t="s">
        <v>218</v>
      </c>
      <c r="D102512" s="14" t="s">
        <v>107</v>
      </c>
      <c r="E102512" s="15">
        <v>45688</v>
      </c>
      <c r="F102512" s="14" t="s">
        <v>25</v>
      </c>
      <c r="G102512" s="16">
        <v>1.4819923942711832</v>
      </c>
    </row>
    <row r="102513" spans="1:7" x14ac:dyDescent="0.3">
      <c r="A102513" s="13" t="s">
        <v>501</v>
      </c>
      <c r="B102513" s="14" t="s">
        <v>1</v>
      </c>
      <c r="C102513" s="14" t="s">
        <v>218</v>
      </c>
      <c r="D102513" s="14" t="s">
        <v>107</v>
      </c>
      <c r="E102513" s="15">
        <v>45689</v>
      </c>
      <c r="F102513" s="14" t="s">
        <v>25</v>
      </c>
      <c r="G102513" s="16">
        <v>1.4819923942711832</v>
      </c>
    </row>
    <row r="102514" spans="1:7" x14ac:dyDescent="0.3">
      <c r="A102514" s="13" t="s">
        <v>501</v>
      </c>
      <c r="B102514" s="14" t="s">
        <v>1</v>
      </c>
      <c r="C102514" s="14" t="s">
        <v>218</v>
      </c>
      <c r="D102514" s="14" t="s">
        <v>107</v>
      </c>
      <c r="E102514" s="15">
        <v>45690</v>
      </c>
      <c r="F102514" s="14" t="s">
        <v>25</v>
      </c>
      <c r="G102514" s="16">
        <v>1.4819923942711832</v>
      </c>
    </row>
    <row r="102515" spans="1:7" x14ac:dyDescent="0.3">
      <c r="A102515" s="13" t="s">
        <v>501</v>
      </c>
      <c r="B102515" s="14" t="s">
        <v>1</v>
      </c>
      <c r="C102515" s="14" t="s">
        <v>218</v>
      </c>
      <c r="D102515" s="14" t="s">
        <v>107</v>
      </c>
      <c r="E102515" s="15">
        <v>45691</v>
      </c>
      <c r="F102515" s="14" t="s">
        <v>25</v>
      </c>
      <c r="G102515" s="16">
        <v>1.4819923942711832</v>
      </c>
    </row>
    <row r="102516" spans="1:7" x14ac:dyDescent="0.3">
      <c r="A102516" s="13" t="s">
        <v>501</v>
      </c>
      <c r="B102516" s="14" t="s">
        <v>1</v>
      </c>
      <c r="C102516" s="14" t="s">
        <v>218</v>
      </c>
      <c r="D102516" s="14" t="s">
        <v>107</v>
      </c>
      <c r="E102516" s="15">
        <v>45692</v>
      </c>
      <c r="F102516" s="14" t="s">
        <v>25</v>
      </c>
      <c r="G102516" s="16">
        <v>1.5014314643726954</v>
      </c>
    </row>
    <row r="102517" spans="1:7" x14ac:dyDescent="0.3">
      <c r="A102517" s="13" t="s">
        <v>501</v>
      </c>
      <c r="B102517" s="14" t="s">
        <v>1</v>
      </c>
      <c r="C102517" s="14" t="s">
        <v>218</v>
      </c>
      <c r="D102517" s="14" t="s">
        <v>107</v>
      </c>
      <c r="E102517" s="15">
        <v>45693</v>
      </c>
      <c r="F102517" s="14" t="s">
        <v>25</v>
      </c>
      <c r="G102517" s="16">
        <v>1.5125100574165586</v>
      </c>
    </row>
    <row r="102518" spans="1:7" x14ac:dyDescent="0.3">
      <c r="A102518" s="13" t="s">
        <v>501</v>
      </c>
      <c r="B102518" s="14" t="s">
        <v>1</v>
      </c>
      <c r="C102518" s="14" t="s">
        <v>218</v>
      </c>
      <c r="D102518" s="14" t="s">
        <v>107</v>
      </c>
      <c r="E102518" s="15">
        <v>45694</v>
      </c>
      <c r="F102518" s="14" t="s">
        <v>25</v>
      </c>
      <c r="G102518" s="16">
        <v>1.5155902728354673</v>
      </c>
    </row>
    <row r="102519" spans="1:7" x14ac:dyDescent="0.3">
      <c r="A102519" s="13" t="s">
        <v>501</v>
      </c>
      <c r="B102519" s="14" t="s">
        <v>1</v>
      </c>
      <c r="C102519" s="14" t="s">
        <v>218</v>
      </c>
      <c r="D102519" s="14" t="s">
        <v>107</v>
      </c>
      <c r="E102519" s="15">
        <v>45695</v>
      </c>
      <c r="F102519" s="14" t="s">
        <v>25</v>
      </c>
      <c r="G102519" s="16">
        <v>1.5232921488563236</v>
      </c>
    </row>
    <row r="102520" spans="1:7" x14ac:dyDescent="0.3">
      <c r="A102520" s="13" t="s">
        <v>501</v>
      </c>
      <c r="B102520" s="14" t="s">
        <v>1</v>
      </c>
      <c r="C102520" s="14" t="s">
        <v>218</v>
      </c>
      <c r="D102520" s="14" t="s">
        <v>107</v>
      </c>
      <c r="E102520" s="15">
        <v>45696</v>
      </c>
      <c r="F102520" s="14" t="s">
        <v>25</v>
      </c>
      <c r="G102520" s="16">
        <v>1.5232921488563236</v>
      </c>
    </row>
    <row r="102521" spans="1:7" x14ac:dyDescent="0.3">
      <c r="A102521" s="13" t="s">
        <v>501</v>
      </c>
      <c r="B102521" s="14" t="s">
        <v>1</v>
      </c>
      <c r="C102521" s="14" t="s">
        <v>218</v>
      </c>
      <c r="D102521" s="14" t="s">
        <v>107</v>
      </c>
      <c r="E102521" s="15">
        <v>45697</v>
      </c>
      <c r="F102521" s="14" t="s">
        <v>25</v>
      </c>
      <c r="G102521" s="16">
        <v>1.5232921488563236</v>
      </c>
    </row>
    <row r="102522" spans="1:7" x14ac:dyDescent="0.3">
      <c r="A102522" s="13" t="s">
        <v>501</v>
      </c>
      <c r="B102522" s="14" t="s">
        <v>1</v>
      </c>
      <c r="C102522" s="14" t="s">
        <v>218</v>
      </c>
      <c r="D102522" s="14" t="s">
        <v>107</v>
      </c>
      <c r="E102522" s="15">
        <v>45698</v>
      </c>
      <c r="F102522" s="14" t="s">
        <v>25</v>
      </c>
      <c r="G102522" s="16">
        <v>1.5264225924498902</v>
      </c>
    </row>
    <row r="102523" spans="1:7" x14ac:dyDescent="0.3">
      <c r="A102523" s="13" t="s">
        <v>501</v>
      </c>
      <c r="B102523" s="14" t="s">
        <v>1</v>
      </c>
      <c r="C102523" s="14" t="s">
        <v>218</v>
      </c>
      <c r="D102523" s="14" t="s">
        <v>107</v>
      </c>
      <c r="E102523" s="15">
        <v>45699</v>
      </c>
      <c r="F102523" s="14" t="s">
        <v>25</v>
      </c>
      <c r="G102523" s="16">
        <v>1.5358183058061523</v>
      </c>
    </row>
    <row r="102524" spans="1:7" x14ac:dyDescent="0.3">
      <c r="A102524" s="13" t="s">
        <v>501</v>
      </c>
      <c r="B102524" s="14" t="s">
        <v>1</v>
      </c>
      <c r="C102524" s="14" t="s">
        <v>218</v>
      </c>
      <c r="D102524" s="14" t="s">
        <v>107</v>
      </c>
      <c r="E102524" s="15">
        <v>45700</v>
      </c>
      <c r="F102524" s="14" t="s">
        <v>25</v>
      </c>
      <c r="G102524" s="16">
        <v>1.5389724229870614</v>
      </c>
    </row>
    <row r="102525" spans="1:7" x14ac:dyDescent="0.3">
      <c r="A102525" s="13" t="s">
        <v>501</v>
      </c>
      <c r="B102525" s="14" t="s">
        <v>1</v>
      </c>
      <c r="C102525" s="14" t="s">
        <v>218</v>
      </c>
      <c r="D102525" s="14" t="s">
        <v>107</v>
      </c>
      <c r="E102525" s="15">
        <v>45701</v>
      </c>
      <c r="F102525" s="14" t="s">
        <v>25</v>
      </c>
      <c r="G102525" s="16">
        <v>1.5421190147892128</v>
      </c>
    </row>
    <row r="102526" spans="1:7" x14ac:dyDescent="0.3">
      <c r="A102526" s="13" t="s">
        <v>501</v>
      </c>
      <c r="B102526" s="14" t="s">
        <v>1</v>
      </c>
      <c r="C102526" s="14" t="s">
        <v>218</v>
      </c>
      <c r="D102526" s="14" t="s">
        <v>107</v>
      </c>
      <c r="E102526" s="15">
        <v>45702</v>
      </c>
      <c r="F102526" s="14" t="s">
        <v>25</v>
      </c>
      <c r="G102526" s="16">
        <v>1.5452202975400928</v>
      </c>
    </row>
    <row r="102527" spans="1:7" x14ac:dyDescent="0.3">
      <c r="A102527" s="13" t="s">
        <v>501</v>
      </c>
      <c r="B102527" s="14" t="s">
        <v>1</v>
      </c>
      <c r="C102527" s="14" t="s">
        <v>218</v>
      </c>
      <c r="D102527" s="14" t="s">
        <v>107</v>
      </c>
      <c r="E102527" s="15">
        <v>45703</v>
      </c>
      <c r="F102527" s="14" t="s">
        <v>25</v>
      </c>
      <c r="G102527" s="16">
        <v>1.5452202975400928</v>
      </c>
    </row>
    <row r="102528" spans="1:7" x14ac:dyDescent="0.3">
      <c r="A102528" s="13" t="s">
        <v>501</v>
      </c>
      <c r="B102528" s="14" t="s">
        <v>1</v>
      </c>
      <c r="C102528" s="14" t="s">
        <v>218</v>
      </c>
      <c r="D102528" s="14" t="s">
        <v>107</v>
      </c>
      <c r="E102528" s="15">
        <v>45704</v>
      </c>
      <c r="F102528" s="14" t="s">
        <v>25</v>
      </c>
      <c r="G102528" s="16">
        <v>1.5452202975400928</v>
      </c>
    </row>
    <row r="102529" spans="1:7" x14ac:dyDescent="0.3">
      <c r="A102529" s="13" t="s">
        <v>501</v>
      </c>
      <c r="B102529" s="14" t="s">
        <v>1</v>
      </c>
      <c r="C102529" s="14" t="s">
        <v>218</v>
      </c>
      <c r="D102529" s="14" t="s">
        <v>107</v>
      </c>
      <c r="E102529" s="15">
        <v>45705</v>
      </c>
      <c r="F102529" s="14" t="s">
        <v>25</v>
      </c>
      <c r="G102529" s="16">
        <v>1.5482658454545479</v>
      </c>
    </row>
    <row r="102530" spans="1:7" x14ac:dyDescent="0.3">
      <c r="A102530" s="13" t="s">
        <v>501</v>
      </c>
      <c r="B102530" s="14" t="s">
        <v>1</v>
      </c>
      <c r="C102530" s="14" t="s">
        <v>218</v>
      </c>
      <c r="D102530" s="14" t="s">
        <v>107</v>
      </c>
      <c r="E102530" s="15">
        <v>45706</v>
      </c>
      <c r="F102530" s="14" t="s">
        <v>25</v>
      </c>
      <c r="G102530" s="16">
        <v>1.5574551596205044</v>
      </c>
    </row>
    <row r="102531" spans="1:7" x14ac:dyDescent="0.3">
      <c r="A102531" s="13" t="s">
        <v>501</v>
      </c>
      <c r="B102531" s="14" t="s">
        <v>1</v>
      </c>
      <c r="C102531" s="14" t="s">
        <v>218</v>
      </c>
      <c r="D102531" s="14" t="s">
        <v>107</v>
      </c>
      <c r="E102531" s="15">
        <v>45707</v>
      </c>
      <c r="F102531" s="14" t="s">
        <v>25</v>
      </c>
      <c r="G102531" s="16">
        <v>1.5589072869723533</v>
      </c>
    </row>
    <row r="102532" spans="1:7" x14ac:dyDescent="0.3">
      <c r="A102532" s="13" t="s">
        <v>501</v>
      </c>
      <c r="B102532" s="14" t="s">
        <v>1</v>
      </c>
      <c r="C102532" s="14" t="s">
        <v>218</v>
      </c>
      <c r="D102532" s="14" t="s">
        <v>107</v>
      </c>
      <c r="E102532" s="15">
        <v>45708</v>
      </c>
      <c r="F102532" s="14" t="s">
        <v>25</v>
      </c>
      <c r="G102532" s="16">
        <v>1.5619889723827183</v>
      </c>
    </row>
    <row r="102533" spans="1:7" x14ac:dyDescent="0.3">
      <c r="A102533" s="13" t="s">
        <v>501</v>
      </c>
      <c r="B102533" s="14" t="s">
        <v>1</v>
      </c>
      <c r="C102533" s="14" t="s">
        <v>218</v>
      </c>
      <c r="D102533" s="14" t="s">
        <v>107</v>
      </c>
      <c r="E102533" s="15">
        <v>45709</v>
      </c>
      <c r="F102533" s="14" t="s">
        <v>25</v>
      </c>
      <c r="G102533" s="16">
        <v>1.5650506685057579</v>
      </c>
    </row>
    <row r="102534" spans="1:7" x14ac:dyDescent="0.3">
      <c r="A102534" s="13" t="s">
        <v>501</v>
      </c>
      <c r="B102534" s="14" t="s">
        <v>1</v>
      </c>
      <c r="C102534" s="14" t="s">
        <v>218</v>
      </c>
      <c r="D102534" s="14" t="s">
        <v>107</v>
      </c>
      <c r="E102534" s="15">
        <v>45710</v>
      </c>
      <c r="F102534" s="14" t="s">
        <v>25</v>
      </c>
      <c r="G102534" s="16">
        <v>1.5650506685057579</v>
      </c>
    </row>
    <row r="102535" spans="1:7" x14ac:dyDescent="0.3">
      <c r="A102535" s="13" t="s">
        <v>501</v>
      </c>
      <c r="B102535" s="14" t="s">
        <v>1</v>
      </c>
      <c r="C102535" s="14" t="s">
        <v>218</v>
      </c>
      <c r="D102535" s="14" t="s">
        <v>107</v>
      </c>
      <c r="E102535" s="15">
        <v>45711</v>
      </c>
      <c r="F102535" s="14" t="s">
        <v>25</v>
      </c>
      <c r="G102535" s="16">
        <v>1.5650506685057579</v>
      </c>
    </row>
    <row r="102536" spans="1:7" x14ac:dyDescent="0.3">
      <c r="A102536" s="13" t="s">
        <v>501</v>
      </c>
      <c r="B102536" s="14" t="s">
        <v>1</v>
      </c>
      <c r="C102536" s="14" t="s">
        <v>218</v>
      </c>
      <c r="D102536" s="14" t="s">
        <v>107</v>
      </c>
      <c r="E102536" s="15">
        <v>45712</v>
      </c>
      <c r="F102536" s="14" t="s">
        <v>25</v>
      </c>
      <c r="G102536" s="16">
        <v>1.5681168328224351</v>
      </c>
    </row>
    <row r="102537" spans="1:7" x14ac:dyDescent="0.3">
      <c r="A102537" s="13" t="s">
        <v>501</v>
      </c>
      <c r="B102537" s="14" t="s">
        <v>1</v>
      </c>
      <c r="C102537" s="14" t="s">
        <v>218</v>
      </c>
      <c r="D102537" s="14" t="s">
        <v>107</v>
      </c>
      <c r="E102537" s="15">
        <v>45713</v>
      </c>
      <c r="F102537" s="14" t="s">
        <v>25</v>
      </c>
      <c r="G102537" s="16">
        <v>1.577488872591355</v>
      </c>
    </row>
    <row r="102538" spans="1:7" x14ac:dyDescent="0.3">
      <c r="A102538" s="13" t="s">
        <v>501</v>
      </c>
      <c r="B102538" s="14" t="s">
        <v>1</v>
      </c>
      <c r="C102538" s="14" t="s">
        <v>218</v>
      </c>
      <c r="D102538" s="14" t="s">
        <v>107</v>
      </c>
      <c r="E102538" s="15">
        <v>45714</v>
      </c>
      <c r="F102538" s="14" t="s">
        <v>25</v>
      </c>
      <c r="G102538" s="16">
        <v>1.5806095959040263</v>
      </c>
    </row>
    <row r="102539" spans="1:7" x14ac:dyDescent="0.3">
      <c r="A102539" s="13" t="s">
        <v>501</v>
      </c>
      <c r="B102539" s="14" t="s">
        <v>1</v>
      </c>
      <c r="C102539" s="14" t="s">
        <v>218</v>
      </c>
      <c r="D102539" s="14" t="s">
        <v>107</v>
      </c>
      <c r="E102539" s="15">
        <v>45715</v>
      </c>
      <c r="F102539" s="14" t="s">
        <v>25</v>
      </c>
      <c r="G102539" s="16">
        <v>1.591108012416395</v>
      </c>
    </row>
    <row r="102540" spans="1:7" x14ac:dyDescent="0.3">
      <c r="A102540" s="13" t="s">
        <v>501</v>
      </c>
      <c r="B102540" s="14" t="s">
        <v>1</v>
      </c>
      <c r="C102540" s="14" t="s">
        <v>218</v>
      </c>
      <c r="D102540" s="14" t="s">
        <v>107</v>
      </c>
      <c r="E102540" s="15">
        <v>45716</v>
      </c>
      <c r="F102540" s="14" t="s">
        <v>25</v>
      </c>
      <c r="G102540" s="16">
        <v>1.5942600130845284</v>
      </c>
    </row>
    <row r="102541" spans="1:7" x14ac:dyDescent="0.3">
      <c r="A102541" s="13" t="s">
        <v>501</v>
      </c>
      <c r="B102541" s="14" t="s">
        <v>1</v>
      </c>
      <c r="C102541" s="14" t="s">
        <v>218</v>
      </c>
      <c r="D102541" s="14" t="s">
        <v>107</v>
      </c>
      <c r="E102541" s="15">
        <v>45717</v>
      </c>
      <c r="F102541" s="14" t="s">
        <v>25</v>
      </c>
      <c r="G102541" s="16">
        <v>1.5942600130845284</v>
      </c>
    </row>
    <row r="102542" spans="1:7" x14ac:dyDescent="0.3">
      <c r="A102542" s="13" t="s">
        <v>501</v>
      </c>
      <c r="B102542" s="14" t="s">
        <v>1</v>
      </c>
      <c r="C102542" s="14" t="s">
        <v>218</v>
      </c>
      <c r="D102542" s="14" t="s">
        <v>107</v>
      </c>
      <c r="E102542" s="15">
        <v>45718</v>
      </c>
      <c r="F102542" s="14" t="s">
        <v>25</v>
      </c>
      <c r="G102542" s="16">
        <v>1.5942600130845284</v>
      </c>
    </row>
    <row r="102543" spans="1:7" x14ac:dyDescent="0.3">
      <c r="A102543" s="13" t="s">
        <v>501</v>
      </c>
      <c r="B102543" s="14" t="s">
        <v>1</v>
      </c>
      <c r="C102543" s="14" t="s">
        <v>218</v>
      </c>
      <c r="D102543" s="14" t="s">
        <v>107</v>
      </c>
      <c r="E102543" s="15">
        <v>45719</v>
      </c>
      <c r="F102543" s="14" t="s">
        <v>25</v>
      </c>
      <c r="G102543" s="16">
        <v>1.5988318018783039</v>
      </c>
    </row>
    <row r="102544" spans="1:7" x14ac:dyDescent="0.3">
      <c r="A102544" s="13" t="s">
        <v>501</v>
      </c>
      <c r="B102544" s="14" t="s">
        <v>1</v>
      </c>
      <c r="C102544" s="14" t="s">
        <v>218</v>
      </c>
      <c r="D102544" s="14" t="s">
        <v>107</v>
      </c>
      <c r="E102544" s="15">
        <v>45720</v>
      </c>
      <c r="F102544" s="14" t="s">
        <v>25</v>
      </c>
      <c r="G102544" s="16">
        <v>1.6088664669247221</v>
      </c>
    </row>
    <row r="102545" spans="1:7" x14ac:dyDescent="0.3">
      <c r="A102545" s="13" t="s">
        <v>501</v>
      </c>
      <c r="B102545" s="14" t="s">
        <v>1</v>
      </c>
      <c r="C102545" s="14" t="s">
        <v>218</v>
      </c>
      <c r="D102545" s="14" t="s">
        <v>107</v>
      </c>
      <c r="E102545" s="15">
        <v>45721</v>
      </c>
      <c r="F102545" s="14" t="s">
        <v>25</v>
      </c>
      <c r="G102545" s="16">
        <v>1.6117020097382166</v>
      </c>
    </row>
    <row r="102546" spans="1:7" x14ac:dyDescent="0.3">
      <c r="A102546" s="13" t="s">
        <v>501</v>
      </c>
      <c r="B102546" s="14" t="s">
        <v>1</v>
      </c>
      <c r="C102546" s="14" t="s">
        <v>218</v>
      </c>
      <c r="D102546" s="14" t="s">
        <v>107</v>
      </c>
      <c r="E102546" s="15">
        <v>45722</v>
      </c>
      <c r="F102546" s="14" t="s">
        <v>25</v>
      </c>
      <c r="G102546" s="16">
        <v>1.6184857111612567</v>
      </c>
    </row>
    <row r="102547" spans="1:7" x14ac:dyDescent="0.3">
      <c r="A102547" s="13" t="s">
        <v>501</v>
      </c>
      <c r="B102547" s="14" t="s">
        <v>1</v>
      </c>
      <c r="C102547" s="14" t="s">
        <v>218</v>
      </c>
      <c r="D102547" s="14" t="s">
        <v>107</v>
      </c>
      <c r="E102547" s="15">
        <v>45723</v>
      </c>
      <c r="F102547" s="14" t="s">
        <v>25</v>
      </c>
      <c r="G102547" s="16">
        <v>1.6213229001513547</v>
      </c>
    </row>
    <row r="102548" spans="1:7" x14ac:dyDescent="0.3">
      <c r="A102548" s="13" t="s">
        <v>501</v>
      </c>
      <c r="B102548" s="14" t="s">
        <v>1</v>
      </c>
      <c r="C102548" s="14" t="s">
        <v>218</v>
      </c>
      <c r="D102548" s="14" t="s">
        <v>107</v>
      </c>
      <c r="E102548" s="15">
        <v>45724</v>
      </c>
      <c r="F102548" s="14" t="s">
        <v>25</v>
      </c>
      <c r="G102548" s="16">
        <v>1.6213229001513547</v>
      </c>
    </row>
    <row r="102549" spans="1:7" x14ac:dyDescent="0.3">
      <c r="A102549" s="13" t="s">
        <v>501</v>
      </c>
      <c r="B102549" s="14" t="s">
        <v>1</v>
      </c>
      <c r="C102549" s="14" t="s">
        <v>218</v>
      </c>
      <c r="D102549" s="14" t="s">
        <v>107</v>
      </c>
      <c r="E102549" s="15">
        <v>45725</v>
      </c>
      <c r="F102549" s="14" t="s">
        <v>25</v>
      </c>
      <c r="G102549" s="16">
        <v>1.6213229001513547</v>
      </c>
    </row>
    <row r="102550" spans="1:7" x14ac:dyDescent="0.3">
      <c r="A102550" s="13" t="s">
        <v>501</v>
      </c>
      <c r="B102550" s="14" t="s">
        <v>1</v>
      </c>
      <c r="C102550" s="14" t="s">
        <v>218</v>
      </c>
      <c r="D102550" s="14" t="s">
        <v>107</v>
      </c>
      <c r="E102550" s="15">
        <v>45726</v>
      </c>
      <c r="F102550" s="14" t="s">
        <v>25</v>
      </c>
      <c r="G102550" s="16">
        <v>1.6241314770243005</v>
      </c>
    </row>
    <row r="102551" spans="1:7" x14ac:dyDescent="0.3">
      <c r="A102551" s="13" t="s">
        <v>501</v>
      </c>
      <c r="B102551" s="14" t="s">
        <v>1</v>
      </c>
      <c r="C102551" s="14" t="s">
        <v>218</v>
      </c>
      <c r="D102551" s="14" t="s">
        <v>107</v>
      </c>
      <c r="E102551" s="15">
        <v>45727</v>
      </c>
      <c r="F102551" s="14" t="s">
        <v>25</v>
      </c>
      <c r="G102551" s="16">
        <v>1.6325813443379391</v>
      </c>
    </row>
    <row r="102552" spans="1:7" x14ac:dyDescent="0.3">
      <c r="A102552" s="13" t="s">
        <v>501</v>
      </c>
      <c r="B102552" s="14" t="s">
        <v>1</v>
      </c>
      <c r="C102552" s="14" t="s">
        <v>218</v>
      </c>
      <c r="D102552" s="14" t="s">
        <v>107</v>
      </c>
      <c r="E102552" s="15">
        <v>45728</v>
      </c>
      <c r="F102552" s="14" t="s">
        <v>25</v>
      </c>
      <c r="G102552" s="16">
        <v>1.6354345247578974</v>
      </c>
    </row>
    <row r="102553" spans="1:7" x14ac:dyDescent="0.3">
      <c r="A102553" s="13" t="s">
        <v>501</v>
      </c>
      <c r="B102553" s="14" t="s">
        <v>1</v>
      </c>
      <c r="C102553" s="14" t="s">
        <v>218</v>
      </c>
      <c r="D102553" s="14" t="s">
        <v>107</v>
      </c>
      <c r="E102553" s="15">
        <v>45729</v>
      </c>
      <c r="F102553" s="14" t="s">
        <v>25</v>
      </c>
      <c r="G102553" s="16">
        <v>1.6383305057695408</v>
      </c>
    </row>
    <row r="102554" spans="1:7" x14ac:dyDescent="0.3">
      <c r="A102554" s="13" t="s">
        <v>501</v>
      </c>
      <c r="B102554" s="14" t="s">
        <v>1</v>
      </c>
      <c r="C102554" s="14" t="s">
        <v>218</v>
      </c>
      <c r="D102554" s="14" t="s">
        <v>107</v>
      </c>
      <c r="E102554" s="15">
        <v>45730</v>
      </c>
      <c r="F102554" s="14" t="s">
        <v>25</v>
      </c>
      <c r="G102554" s="16">
        <v>1.6412281329577876</v>
      </c>
    </row>
    <row r="102555" spans="1:7" x14ac:dyDescent="0.3">
      <c r="A102555" s="13" t="s">
        <v>501</v>
      </c>
      <c r="B102555" s="14" t="s">
        <v>1</v>
      </c>
      <c r="C102555" s="14" t="s">
        <v>218</v>
      </c>
      <c r="D102555" s="14" t="s">
        <v>107</v>
      </c>
      <c r="E102555" s="15">
        <v>45731</v>
      </c>
      <c r="F102555" s="14" t="s">
        <v>25</v>
      </c>
      <c r="G102555" s="16">
        <v>1.6412281329577876</v>
      </c>
    </row>
    <row r="102556" spans="1:7" x14ac:dyDescent="0.3">
      <c r="A102556" s="13" t="s">
        <v>501</v>
      </c>
      <c r="B102556" s="14" t="s">
        <v>1</v>
      </c>
      <c r="C102556" s="14" t="s">
        <v>218</v>
      </c>
      <c r="D102556" s="14" t="s">
        <v>107</v>
      </c>
      <c r="E102556" s="15">
        <v>45732</v>
      </c>
      <c r="F102556" s="14" t="s">
        <v>25</v>
      </c>
      <c r="G102556" s="16">
        <v>1.6412281329577876</v>
      </c>
    </row>
    <row r="102557" spans="1:7" x14ac:dyDescent="0.3">
      <c r="A102557" s="13" t="s">
        <v>501</v>
      </c>
      <c r="B102557" s="14" t="s">
        <v>1</v>
      </c>
      <c r="C102557" s="14" t="s">
        <v>218</v>
      </c>
      <c r="D102557" s="14" t="s">
        <v>107</v>
      </c>
      <c r="E102557" s="15">
        <v>45733</v>
      </c>
      <c r="F102557" s="14" t="s">
        <v>25</v>
      </c>
      <c r="G102557" s="16">
        <v>1.6412281329577876</v>
      </c>
    </row>
    <row r="102558" spans="1:7" x14ac:dyDescent="0.3">
      <c r="A102558" s="13" t="s">
        <v>501</v>
      </c>
      <c r="B102558" s="14" t="s">
        <v>1</v>
      </c>
      <c r="C102558" s="14" t="s">
        <v>218</v>
      </c>
      <c r="D102558" s="14" t="s">
        <v>107</v>
      </c>
      <c r="E102558" s="15">
        <v>45734</v>
      </c>
      <c r="F102558" s="14" t="s">
        <v>25</v>
      </c>
      <c r="G102558" s="16">
        <v>1.6439136385322983</v>
      </c>
    </row>
    <row r="102559" spans="1:7" x14ac:dyDescent="0.3">
      <c r="A102559" s="13" t="s">
        <v>501</v>
      </c>
      <c r="B102559" s="14" t="s">
        <v>1</v>
      </c>
      <c r="C102559" s="14" t="s">
        <v>218</v>
      </c>
      <c r="D102559" s="14" t="s">
        <v>107</v>
      </c>
      <c r="E102559" s="15">
        <v>45735</v>
      </c>
      <c r="F102559" s="14" t="s">
        <v>25</v>
      </c>
      <c r="G102559" s="16">
        <v>1.6541787683031746</v>
      </c>
    </row>
    <row r="102560" spans="1:7" x14ac:dyDescent="0.3">
      <c r="A102560" s="13" t="s">
        <v>501</v>
      </c>
      <c r="B102560" s="14" t="s">
        <v>1</v>
      </c>
      <c r="C102560" s="14" t="s">
        <v>218</v>
      </c>
      <c r="D102560" s="14" t="s">
        <v>107</v>
      </c>
      <c r="E102560" s="15">
        <v>45736</v>
      </c>
      <c r="F102560" s="14" t="s">
        <v>25</v>
      </c>
      <c r="G102560" s="16">
        <v>1.6568153589157595</v>
      </c>
    </row>
    <row r="102561" spans="1:7" x14ac:dyDescent="0.3">
      <c r="A102561" s="13" t="s">
        <v>501</v>
      </c>
      <c r="B102561" s="14" t="s">
        <v>1</v>
      </c>
      <c r="C102561" s="14" t="s">
        <v>218</v>
      </c>
      <c r="D102561" s="14" t="s">
        <v>107</v>
      </c>
      <c r="E102561" s="15">
        <v>45737</v>
      </c>
      <c r="F102561" s="14" t="s">
        <v>25</v>
      </c>
      <c r="G102561" s="16">
        <v>1.6594577503411367</v>
      </c>
    </row>
    <row r="102562" spans="1:7" x14ac:dyDescent="0.3">
      <c r="A102562" s="13" t="s">
        <v>501</v>
      </c>
      <c r="B102562" s="14" t="s">
        <v>1</v>
      </c>
      <c r="C102562" s="14" t="s">
        <v>218</v>
      </c>
      <c r="D102562" s="14" t="s">
        <v>107</v>
      </c>
      <c r="E102562" s="15">
        <v>45738</v>
      </c>
      <c r="F102562" s="14" t="s">
        <v>25</v>
      </c>
      <c r="G102562" s="16">
        <v>1.6594577503411367</v>
      </c>
    </row>
    <row r="102563" spans="1:7" x14ac:dyDescent="0.3">
      <c r="A102563" s="13" t="s">
        <v>501</v>
      </c>
      <c r="B102563" s="14" t="s">
        <v>1</v>
      </c>
      <c r="C102563" s="14" t="s">
        <v>218</v>
      </c>
      <c r="D102563" s="14" t="s">
        <v>107</v>
      </c>
      <c r="E102563" s="15">
        <v>45739</v>
      </c>
      <c r="F102563" s="14" t="s">
        <v>25</v>
      </c>
      <c r="G102563" s="16">
        <v>1.6594577503411367</v>
      </c>
    </row>
    <row r="102564" spans="1:7" x14ac:dyDescent="0.3">
      <c r="A102564" s="13" t="s">
        <v>501</v>
      </c>
      <c r="B102564" s="14" t="s">
        <v>1</v>
      </c>
      <c r="C102564" s="14" t="s">
        <v>218</v>
      </c>
      <c r="D102564" s="14" t="s">
        <v>107</v>
      </c>
      <c r="E102564" s="15">
        <v>45740</v>
      </c>
      <c r="F102564" s="14" t="s">
        <v>25</v>
      </c>
      <c r="G102564" s="16">
        <v>1.6611618994920105</v>
      </c>
    </row>
    <row r="102565" spans="1:7" x14ac:dyDescent="0.3">
      <c r="A102565" s="13" t="s">
        <v>501</v>
      </c>
      <c r="B102565" s="14" t="s">
        <v>1</v>
      </c>
      <c r="C102565" s="14" t="s">
        <v>218</v>
      </c>
      <c r="D102565" s="14" t="s">
        <v>107</v>
      </c>
      <c r="E102565" s="15">
        <v>45741</v>
      </c>
      <c r="F102565" s="14" t="s">
        <v>25</v>
      </c>
      <c r="G102565" s="16">
        <v>1.6950977945881607</v>
      </c>
    </row>
    <row r="102566" spans="1:7" x14ac:dyDescent="0.3">
      <c r="A102566" s="13" t="s">
        <v>501</v>
      </c>
      <c r="B102566" s="14" t="s">
        <v>1</v>
      </c>
      <c r="C102566" s="14" t="s">
        <v>218</v>
      </c>
      <c r="D102566" s="14" t="s">
        <v>107</v>
      </c>
      <c r="E102566" s="15">
        <v>45742</v>
      </c>
      <c r="F102566" s="14" t="s">
        <v>25</v>
      </c>
      <c r="G102566" s="16">
        <v>1.6975482888552138</v>
      </c>
    </row>
    <row r="102567" spans="1:7" x14ac:dyDescent="0.3">
      <c r="A102567" s="13" t="s">
        <v>501</v>
      </c>
      <c r="B102567" s="14" t="s">
        <v>1</v>
      </c>
      <c r="C102567" s="14" t="s">
        <v>218</v>
      </c>
      <c r="D102567" s="14" t="s">
        <v>107</v>
      </c>
      <c r="E102567" s="15">
        <v>45743</v>
      </c>
      <c r="F102567" s="14" t="s">
        <v>25</v>
      </c>
      <c r="G102567" s="16">
        <v>1.7015968286572345</v>
      </c>
    </row>
    <row r="102568" spans="1:7" x14ac:dyDescent="0.3">
      <c r="A102568" s="13" t="s">
        <v>501</v>
      </c>
      <c r="B102568" s="14" t="s">
        <v>1</v>
      </c>
      <c r="C102568" s="14" t="s">
        <v>218</v>
      </c>
      <c r="D102568" s="14" t="s">
        <v>107</v>
      </c>
      <c r="E102568" s="15">
        <v>45744</v>
      </c>
      <c r="F102568" s="14" t="s">
        <v>25</v>
      </c>
      <c r="G102568" s="16">
        <v>1.7042458831783869</v>
      </c>
    </row>
    <row r="102569" spans="1:7" x14ac:dyDescent="0.3">
      <c r="A102569" s="13" t="s">
        <v>501</v>
      </c>
      <c r="B102569" s="14" t="s">
        <v>1</v>
      </c>
      <c r="C102569" s="14" t="s">
        <v>218</v>
      </c>
      <c r="D102569" s="14" t="s">
        <v>107</v>
      </c>
      <c r="E102569" s="15">
        <v>45745</v>
      </c>
      <c r="F102569" s="14" t="s">
        <v>25</v>
      </c>
      <c r="G102569" s="16">
        <v>1.7042458831783869</v>
      </c>
    </row>
    <row r="102570" spans="1:7" x14ac:dyDescent="0.3">
      <c r="A102570" s="13" t="s">
        <v>501</v>
      </c>
      <c r="B102570" s="14" t="s">
        <v>1</v>
      </c>
      <c r="C102570" s="14" t="s">
        <v>218</v>
      </c>
      <c r="D102570" s="14" t="s">
        <v>107</v>
      </c>
      <c r="E102570" s="15">
        <v>45746</v>
      </c>
      <c r="F102570" s="14" t="s">
        <v>25</v>
      </c>
      <c r="G102570" s="16">
        <v>1.7042458831783869</v>
      </c>
    </row>
    <row r="102571" spans="1:7" x14ac:dyDescent="0.3">
      <c r="A102571" s="13" t="s">
        <v>501</v>
      </c>
      <c r="B102571" s="14" t="s">
        <v>1</v>
      </c>
      <c r="C102571" s="14" t="s">
        <v>218</v>
      </c>
      <c r="D102571" s="14" t="s">
        <v>107</v>
      </c>
      <c r="E102571" s="15">
        <v>45747</v>
      </c>
      <c r="F102571" s="14" t="s">
        <v>25</v>
      </c>
      <c r="G102571" s="16">
        <v>1.7068946241420913</v>
      </c>
    </row>
    <row r="102572" spans="1:7" x14ac:dyDescent="0.3">
      <c r="A102572" s="13" t="s">
        <v>502</v>
      </c>
      <c r="B102572" s="14" t="s">
        <v>1</v>
      </c>
      <c r="C102572" s="14" t="s">
        <v>191</v>
      </c>
      <c r="D102572" s="14" t="s">
        <v>503</v>
      </c>
      <c r="E102572" s="15">
        <v>45383</v>
      </c>
      <c r="F102572" s="14" t="s">
        <v>15</v>
      </c>
      <c r="G102572" s="16">
        <v>0</v>
      </c>
    </row>
    <row r="102573" spans="1:7" x14ac:dyDescent="0.3">
      <c r="A102573" s="13" t="s">
        <v>502</v>
      </c>
      <c r="B102573" s="14" t="s">
        <v>1</v>
      </c>
      <c r="C102573" s="14" t="s">
        <v>191</v>
      </c>
      <c r="D102573" s="14" t="s">
        <v>503</v>
      </c>
      <c r="E102573" s="15">
        <v>45384</v>
      </c>
      <c r="F102573" s="14" t="s">
        <v>15</v>
      </c>
      <c r="G102573" s="16">
        <v>0</v>
      </c>
    </row>
    <row r="102574" spans="1:7" x14ac:dyDescent="0.3">
      <c r="A102574" s="13" t="s">
        <v>502</v>
      </c>
      <c r="B102574" s="14" t="s">
        <v>1</v>
      </c>
      <c r="C102574" s="14" t="s">
        <v>191</v>
      </c>
      <c r="D102574" s="14" t="s">
        <v>503</v>
      </c>
      <c r="E102574" s="15">
        <v>45385</v>
      </c>
      <c r="F102574" s="14" t="s">
        <v>15</v>
      </c>
      <c r="G102574" s="16">
        <v>0</v>
      </c>
    </row>
    <row r="102575" spans="1:7" x14ac:dyDescent="0.3">
      <c r="A102575" s="13" t="s">
        <v>502</v>
      </c>
      <c r="B102575" s="14" t="s">
        <v>1</v>
      </c>
      <c r="C102575" s="14" t="s">
        <v>191</v>
      </c>
      <c r="D102575" s="14" t="s">
        <v>503</v>
      </c>
      <c r="E102575" s="15">
        <v>45386</v>
      </c>
      <c r="F102575" s="14" t="s">
        <v>15</v>
      </c>
      <c r="G102575" s="16">
        <v>0</v>
      </c>
    </row>
    <row r="102576" spans="1:7" x14ac:dyDescent="0.3">
      <c r="A102576" s="13" t="s">
        <v>502</v>
      </c>
      <c r="B102576" s="14" t="s">
        <v>1</v>
      </c>
      <c r="C102576" s="14" t="s">
        <v>191</v>
      </c>
      <c r="D102576" s="14" t="s">
        <v>503</v>
      </c>
      <c r="E102576" s="15">
        <v>45387</v>
      </c>
      <c r="F102576" s="14" t="s">
        <v>15</v>
      </c>
      <c r="G102576" s="16">
        <v>0</v>
      </c>
    </row>
    <row r="102577" spans="1:7" x14ac:dyDescent="0.3">
      <c r="A102577" s="13" t="s">
        <v>502</v>
      </c>
      <c r="B102577" s="14" t="s">
        <v>1</v>
      </c>
      <c r="C102577" s="14" t="s">
        <v>191</v>
      </c>
      <c r="D102577" s="14" t="s">
        <v>503</v>
      </c>
      <c r="E102577" s="15">
        <v>45388</v>
      </c>
      <c r="F102577" s="14" t="s">
        <v>15</v>
      </c>
      <c r="G102577" s="16">
        <v>0</v>
      </c>
    </row>
    <row r="102578" spans="1:7" x14ac:dyDescent="0.3">
      <c r="A102578" s="13" t="s">
        <v>502</v>
      </c>
      <c r="B102578" s="14" t="s">
        <v>1</v>
      </c>
      <c r="C102578" s="14" t="s">
        <v>191</v>
      </c>
      <c r="D102578" s="14" t="s">
        <v>503</v>
      </c>
      <c r="E102578" s="15">
        <v>45389</v>
      </c>
      <c r="F102578" s="14" t="s">
        <v>15</v>
      </c>
      <c r="G102578" s="16">
        <v>0</v>
      </c>
    </row>
    <row r="102579" spans="1:7" x14ac:dyDescent="0.3">
      <c r="A102579" s="13" t="s">
        <v>502</v>
      </c>
      <c r="B102579" s="14" t="s">
        <v>1</v>
      </c>
      <c r="C102579" s="14" t="s">
        <v>191</v>
      </c>
      <c r="D102579" s="14" t="s">
        <v>503</v>
      </c>
      <c r="E102579" s="15">
        <v>45390</v>
      </c>
      <c r="F102579" s="14" t="s">
        <v>15</v>
      </c>
      <c r="G102579" s="16">
        <v>0</v>
      </c>
    </row>
    <row r="102580" spans="1:7" x14ac:dyDescent="0.3">
      <c r="A102580" s="13" t="s">
        <v>502</v>
      </c>
      <c r="B102580" s="14" t="s">
        <v>1</v>
      </c>
      <c r="C102580" s="14" t="s">
        <v>191</v>
      </c>
      <c r="D102580" s="14" t="s">
        <v>503</v>
      </c>
      <c r="E102580" s="15">
        <v>45391</v>
      </c>
      <c r="F102580" s="14" t="s">
        <v>15</v>
      </c>
      <c r="G102580" s="16">
        <v>0</v>
      </c>
    </row>
    <row r="102581" spans="1:7" x14ac:dyDescent="0.3">
      <c r="A102581" s="13" t="s">
        <v>502</v>
      </c>
      <c r="B102581" s="14" t="s">
        <v>1</v>
      </c>
      <c r="C102581" s="14" t="s">
        <v>191</v>
      </c>
      <c r="D102581" s="14" t="s">
        <v>503</v>
      </c>
      <c r="E102581" s="15">
        <v>45392</v>
      </c>
      <c r="F102581" s="14" t="s">
        <v>15</v>
      </c>
      <c r="G102581" s="16">
        <v>0</v>
      </c>
    </row>
    <row r="102582" spans="1:7" x14ac:dyDescent="0.3">
      <c r="A102582" s="13" t="s">
        <v>502</v>
      </c>
      <c r="B102582" s="14" t="s">
        <v>1</v>
      </c>
      <c r="C102582" s="14" t="s">
        <v>191</v>
      </c>
      <c r="D102582" s="14" t="s">
        <v>503</v>
      </c>
      <c r="E102582" s="15">
        <v>45393</v>
      </c>
      <c r="F102582" s="14" t="s">
        <v>15</v>
      </c>
      <c r="G102582" s="16">
        <v>0</v>
      </c>
    </row>
    <row r="102583" spans="1:7" x14ac:dyDescent="0.3">
      <c r="A102583" s="13" t="s">
        <v>502</v>
      </c>
      <c r="B102583" s="14" t="s">
        <v>1</v>
      </c>
      <c r="C102583" s="14" t="s">
        <v>191</v>
      </c>
      <c r="D102583" s="14" t="s">
        <v>503</v>
      </c>
      <c r="E102583" s="15">
        <v>45394</v>
      </c>
      <c r="F102583" s="14" t="s">
        <v>15</v>
      </c>
      <c r="G102583" s="16">
        <v>0</v>
      </c>
    </row>
    <row r="102584" spans="1:7" x14ac:dyDescent="0.3">
      <c r="A102584" s="13" t="s">
        <v>502</v>
      </c>
      <c r="B102584" s="14" t="s">
        <v>1</v>
      </c>
      <c r="C102584" s="14" t="s">
        <v>191</v>
      </c>
      <c r="D102584" s="14" t="s">
        <v>503</v>
      </c>
      <c r="E102584" s="15">
        <v>45395</v>
      </c>
      <c r="F102584" s="14" t="s">
        <v>15</v>
      </c>
      <c r="G102584" s="16">
        <v>0</v>
      </c>
    </row>
    <row r="102585" spans="1:7" x14ac:dyDescent="0.3">
      <c r="A102585" s="13" t="s">
        <v>502</v>
      </c>
      <c r="B102585" s="14" t="s">
        <v>1</v>
      </c>
      <c r="C102585" s="14" t="s">
        <v>191</v>
      </c>
      <c r="D102585" s="14" t="s">
        <v>503</v>
      </c>
      <c r="E102585" s="15">
        <v>45396</v>
      </c>
      <c r="F102585" s="14" t="s">
        <v>15</v>
      </c>
      <c r="G102585" s="16">
        <v>0</v>
      </c>
    </row>
    <row r="102586" spans="1:7" x14ac:dyDescent="0.3">
      <c r="A102586" s="13" t="s">
        <v>502</v>
      </c>
      <c r="B102586" s="14" t="s">
        <v>1</v>
      </c>
      <c r="C102586" s="14" t="s">
        <v>191</v>
      </c>
      <c r="D102586" s="14" t="s">
        <v>503</v>
      </c>
      <c r="E102586" s="15">
        <v>45397</v>
      </c>
      <c r="F102586" s="14" t="s">
        <v>15</v>
      </c>
      <c r="G102586" s="16">
        <v>0</v>
      </c>
    </row>
    <row r="102587" spans="1:7" x14ac:dyDescent="0.3">
      <c r="A102587" s="13" t="s">
        <v>502</v>
      </c>
      <c r="B102587" s="14" t="s">
        <v>1</v>
      </c>
      <c r="C102587" s="14" t="s">
        <v>191</v>
      </c>
      <c r="D102587" s="14" t="s">
        <v>503</v>
      </c>
      <c r="E102587" s="15">
        <v>45398</v>
      </c>
      <c r="F102587" s="14" t="s">
        <v>15</v>
      </c>
      <c r="G102587" s="16">
        <v>0</v>
      </c>
    </row>
    <row r="102588" spans="1:7" x14ac:dyDescent="0.3">
      <c r="A102588" s="13" t="s">
        <v>502</v>
      </c>
      <c r="B102588" s="14" t="s">
        <v>1</v>
      </c>
      <c r="C102588" s="14" t="s">
        <v>191</v>
      </c>
      <c r="D102588" s="14" t="s">
        <v>503</v>
      </c>
      <c r="E102588" s="15">
        <v>45399</v>
      </c>
      <c r="F102588" s="14" t="s">
        <v>15</v>
      </c>
      <c r="G102588" s="16">
        <v>0</v>
      </c>
    </row>
    <row r="102589" spans="1:7" x14ac:dyDescent="0.3">
      <c r="A102589" s="13" t="s">
        <v>502</v>
      </c>
      <c r="B102589" s="14" t="s">
        <v>1</v>
      </c>
      <c r="C102589" s="14" t="s">
        <v>191</v>
      </c>
      <c r="D102589" s="14" t="s">
        <v>503</v>
      </c>
      <c r="E102589" s="15">
        <v>45400</v>
      </c>
      <c r="F102589" s="14" t="s">
        <v>15</v>
      </c>
      <c r="G102589" s="16">
        <v>0</v>
      </c>
    </row>
    <row r="102590" spans="1:7" x14ac:dyDescent="0.3">
      <c r="A102590" s="13" t="s">
        <v>502</v>
      </c>
      <c r="B102590" s="14" t="s">
        <v>1</v>
      </c>
      <c r="C102590" s="14" t="s">
        <v>191</v>
      </c>
      <c r="D102590" s="14" t="s">
        <v>503</v>
      </c>
      <c r="E102590" s="15">
        <v>45401</v>
      </c>
      <c r="F102590" s="14" t="s">
        <v>15</v>
      </c>
      <c r="G102590" s="16">
        <v>0</v>
      </c>
    </row>
    <row r="102591" spans="1:7" x14ac:dyDescent="0.3">
      <c r="A102591" s="13" t="s">
        <v>502</v>
      </c>
      <c r="B102591" s="14" t="s">
        <v>1</v>
      </c>
      <c r="C102591" s="14" t="s">
        <v>191</v>
      </c>
      <c r="D102591" s="14" t="s">
        <v>503</v>
      </c>
      <c r="E102591" s="15">
        <v>45402</v>
      </c>
      <c r="F102591" s="14" t="s">
        <v>15</v>
      </c>
      <c r="G102591" s="16">
        <v>0</v>
      </c>
    </row>
    <row r="102592" spans="1:7" x14ac:dyDescent="0.3">
      <c r="A102592" s="13" t="s">
        <v>502</v>
      </c>
      <c r="B102592" s="14" t="s">
        <v>1</v>
      </c>
      <c r="C102592" s="14" t="s">
        <v>191</v>
      </c>
      <c r="D102592" s="14" t="s">
        <v>503</v>
      </c>
      <c r="E102592" s="15">
        <v>45403</v>
      </c>
      <c r="F102592" s="14" t="s">
        <v>15</v>
      </c>
      <c r="G102592" s="16">
        <v>0</v>
      </c>
    </row>
    <row r="102593" spans="1:7" x14ac:dyDescent="0.3">
      <c r="A102593" s="13" t="s">
        <v>502</v>
      </c>
      <c r="B102593" s="14" t="s">
        <v>1</v>
      </c>
      <c r="C102593" s="14" t="s">
        <v>191</v>
      </c>
      <c r="D102593" s="14" t="s">
        <v>503</v>
      </c>
      <c r="E102593" s="15">
        <v>45404</v>
      </c>
      <c r="F102593" s="14" t="s">
        <v>15</v>
      </c>
      <c r="G102593" s="16">
        <v>0</v>
      </c>
    </row>
    <row r="102594" spans="1:7" x14ac:dyDescent="0.3">
      <c r="A102594" s="13" t="s">
        <v>502</v>
      </c>
      <c r="B102594" s="14" t="s">
        <v>1</v>
      </c>
      <c r="C102594" s="14" t="s">
        <v>191</v>
      </c>
      <c r="D102594" s="14" t="s">
        <v>503</v>
      </c>
      <c r="E102594" s="15">
        <v>45405</v>
      </c>
      <c r="F102594" s="14" t="s">
        <v>15</v>
      </c>
      <c r="G102594" s="16">
        <v>0</v>
      </c>
    </row>
    <row r="102595" spans="1:7" x14ac:dyDescent="0.3">
      <c r="A102595" s="13" t="s">
        <v>502</v>
      </c>
      <c r="B102595" s="14" t="s">
        <v>1</v>
      </c>
      <c r="C102595" s="14" t="s">
        <v>191</v>
      </c>
      <c r="D102595" s="14" t="s">
        <v>503</v>
      </c>
      <c r="E102595" s="15">
        <v>45406</v>
      </c>
      <c r="F102595" s="14" t="s">
        <v>15</v>
      </c>
      <c r="G102595" s="16">
        <v>0</v>
      </c>
    </row>
    <row r="102596" spans="1:7" x14ac:dyDescent="0.3">
      <c r="A102596" s="13" t="s">
        <v>502</v>
      </c>
      <c r="B102596" s="14" t="s">
        <v>1</v>
      </c>
      <c r="C102596" s="14" t="s">
        <v>191</v>
      </c>
      <c r="D102596" s="14" t="s">
        <v>503</v>
      </c>
      <c r="E102596" s="15">
        <v>45407</v>
      </c>
      <c r="F102596" s="14" t="s">
        <v>15</v>
      </c>
      <c r="G102596" s="16">
        <v>0</v>
      </c>
    </row>
    <row r="102597" spans="1:7" x14ac:dyDescent="0.3">
      <c r="A102597" s="13" t="s">
        <v>502</v>
      </c>
      <c r="B102597" s="14" t="s">
        <v>1</v>
      </c>
      <c r="C102597" s="14" t="s">
        <v>191</v>
      </c>
      <c r="D102597" s="14" t="s">
        <v>503</v>
      </c>
      <c r="E102597" s="15">
        <v>45408</v>
      </c>
      <c r="F102597" s="14" t="s">
        <v>15</v>
      </c>
      <c r="G102597" s="16">
        <v>0</v>
      </c>
    </row>
    <row r="102598" spans="1:7" x14ac:dyDescent="0.3">
      <c r="A102598" s="13" t="s">
        <v>502</v>
      </c>
      <c r="B102598" s="14" t="s">
        <v>1</v>
      </c>
      <c r="C102598" s="14" t="s">
        <v>191</v>
      </c>
      <c r="D102598" s="14" t="s">
        <v>503</v>
      </c>
      <c r="E102598" s="15">
        <v>45409</v>
      </c>
      <c r="F102598" s="14" t="s">
        <v>15</v>
      </c>
      <c r="G102598" s="16">
        <v>0</v>
      </c>
    </row>
    <row r="102599" spans="1:7" x14ac:dyDescent="0.3">
      <c r="A102599" s="13" t="s">
        <v>502</v>
      </c>
      <c r="B102599" s="14" t="s">
        <v>1</v>
      </c>
      <c r="C102599" s="14" t="s">
        <v>191</v>
      </c>
      <c r="D102599" s="14" t="s">
        <v>503</v>
      </c>
      <c r="E102599" s="15">
        <v>45410</v>
      </c>
      <c r="F102599" s="14" t="s">
        <v>15</v>
      </c>
      <c r="G102599" s="16">
        <v>0</v>
      </c>
    </row>
    <row r="102600" spans="1:7" x14ac:dyDescent="0.3">
      <c r="A102600" s="13" t="s">
        <v>502</v>
      </c>
      <c r="B102600" s="14" t="s">
        <v>1</v>
      </c>
      <c r="C102600" s="14" t="s">
        <v>191</v>
      </c>
      <c r="D102600" s="14" t="s">
        <v>503</v>
      </c>
      <c r="E102600" s="15">
        <v>45411</v>
      </c>
      <c r="F102600" s="14" t="s">
        <v>15</v>
      </c>
      <c r="G102600" s="16">
        <v>0</v>
      </c>
    </row>
    <row r="102601" spans="1:7" x14ac:dyDescent="0.3">
      <c r="A102601" s="13" t="s">
        <v>502</v>
      </c>
      <c r="B102601" s="14" t="s">
        <v>1</v>
      </c>
      <c r="C102601" s="14" t="s">
        <v>191</v>
      </c>
      <c r="D102601" s="14" t="s">
        <v>503</v>
      </c>
      <c r="E102601" s="15">
        <v>45412</v>
      </c>
      <c r="F102601" s="14" t="s">
        <v>15</v>
      </c>
      <c r="G102601" s="16">
        <v>0</v>
      </c>
    </row>
    <row r="102602" spans="1:7" x14ac:dyDescent="0.3">
      <c r="A102602" s="13" t="s">
        <v>502</v>
      </c>
      <c r="B102602" s="14" t="s">
        <v>1</v>
      </c>
      <c r="C102602" s="14" t="s">
        <v>191</v>
      </c>
      <c r="D102602" s="14" t="s">
        <v>503</v>
      </c>
      <c r="E102602" s="15">
        <v>45413</v>
      </c>
      <c r="F102602" s="14" t="s">
        <v>15</v>
      </c>
      <c r="G102602" s="16">
        <v>0</v>
      </c>
    </row>
    <row r="102603" spans="1:7" x14ac:dyDescent="0.3">
      <c r="A102603" s="13" t="s">
        <v>502</v>
      </c>
      <c r="B102603" s="14" t="s">
        <v>1</v>
      </c>
      <c r="C102603" s="14" t="s">
        <v>191</v>
      </c>
      <c r="D102603" s="14" t="s">
        <v>503</v>
      </c>
      <c r="E102603" s="15">
        <v>45414</v>
      </c>
      <c r="F102603" s="14" t="s">
        <v>15</v>
      </c>
      <c r="G102603" s="16">
        <v>0</v>
      </c>
    </row>
    <row r="102604" spans="1:7" x14ac:dyDescent="0.3">
      <c r="A102604" s="13" t="s">
        <v>502</v>
      </c>
      <c r="B102604" s="14" t="s">
        <v>1</v>
      </c>
      <c r="C102604" s="14" t="s">
        <v>191</v>
      </c>
      <c r="D102604" s="14" t="s">
        <v>503</v>
      </c>
      <c r="E102604" s="15">
        <v>45415</v>
      </c>
      <c r="F102604" s="14" t="s">
        <v>15</v>
      </c>
      <c r="G102604" s="16">
        <v>0</v>
      </c>
    </row>
    <row r="102605" spans="1:7" x14ac:dyDescent="0.3">
      <c r="A102605" s="13" t="s">
        <v>502</v>
      </c>
      <c r="B102605" s="14" t="s">
        <v>1</v>
      </c>
      <c r="C102605" s="14" t="s">
        <v>191</v>
      </c>
      <c r="D102605" s="14" t="s">
        <v>503</v>
      </c>
      <c r="E102605" s="15">
        <v>45416</v>
      </c>
      <c r="F102605" s="14" t="s">
        <v>15</v>
      </c>
      <c r="G102605" s="16">
        <v>0</v>
      </c>
    </row>
    <row r="102606" spans="1:7" x14ac:dyDescent="0.3">
      <c r="A102606" s="13" t="s">
        <v>502</v>
      </c>
      <c r="B102606" s="14" t="s">
        <v>1</v>
      </c>
      <c r="C102606" s="14" t="s">
        <v>191</v>
      </c>
      <c r="D102606" s="14" t="s">
        <v>503</v>
      </c>
      <c r="E102606" s="15">
        <v>45417</v>
      </c>
      <c r="F102606" s="14" t="s">
        <v>15</v>
      </c>
      <c r="G102606" s="16">
        <v>0</v>
      </c>
    </row>
    <row r="102607" spans="1:7" x14ac:dyDescent="0.3">
      <c r="A102607" s="13" t="s">
        <v>502</v>
      </c>
      <c r="B102607" s="14" t="s">
        <v>1</v>
      </c>
      <c r="C102607" s="14" t="s">
        <v>191</v>
      </c>
      <c r="D102607" s="14" t="s">
        <v>503</v>
      </c>
      <c r="E102607" s="15">
        <v>45418</v>
      </c>
      <c r="F102607" s="14" t="s">
        <v>15</v>
      </c>
      <c r="G102607" s="16">
        <v>0</v>
      </c>
    </row>
    <row r="102608" spans="1:7" x14ac:dyDescent="0.3">
      <c r="A102608" s="13" t="s">
        <v>502</v>
      </c>
      <c r="B102608" s="14" t="s">
        <v>1</v>
      </c>
      <c r="C102608" s="14" t="s">
        <v>191</v>
      </c>
      <c r="D102608" s="14" t="s">
        <v>503</v>
      </c>
      <c r="E102608" s="15">
        <v>45419</v>
      </c>
      <c r="F102608" s="14" t="s">
        <v>15</v>
      </c>
      <c r="G102608" s="16">
        <v>2.2604984643769775E-2</v>
      </c>
    </row>
    <row r="102609" spans="1:7" x14ac:dyDescent="0.3">
      <c r="A102609" s="13" t="s">
        <v>502</v>
      </c>
      <c r="B102609" s="14" t="s">
        <v>1</v>
      </c>
      <c r="C102609" s="14" t="s">
        <v>191</v>
      </c>
      <c r="D102609" s="14" t="s">
        <v>503</v>
      </c>
      <c r="E102609" s="15">
        <v>45420</v>
      </c>
      <c r="F102609" s="14" t="s">
        <v>15</v>
      </c>
      <c r="G102609" s="16">
        <v>5.2131193336988152E-2</v>
      </c>
    </row>
    <row r="102610" spans="1:7" x14ac:dyDescent="0.3">
      <c r="A102610" s="13" t="s">
        <v>502</v>
      </c>
      <c r="B102610" s="14" t="s">
        <v>1</v>
      </c>
      <c r="C102610" s="14" t="s">
        <v>191</v>
      </c>
      <c r="D102610" s="14" t="s">
        <v>503</v>
      </c>
      <c r="E102610" s="15">
        <v>45421</v>
      </c>
      <c r="F102610" s="14" t="s">
        <v>15</v>
      </c>
      <c r="G102610" s="16">
        <v>5.0346002122396621E-2</v>
      </c>
    </row>
    <row r="102611" spans="1:7" x14ac:dyDescent="0.3">
      <c r="A102611" s="13" t="s">
        <v>502</v>
      </c>
      <c r="B102611" s="14" t="s">
        <v>1</v>
      </c>
      <c r="C102611" s="14" t="s">
        <v>191</v>
      </c>
      <c r="D102611" s="14" t="s">
        <v>503</v>
      </c>
      <c r="E102611" s="15">
        <v>45422</v>
      </c>
      <c r="F102611" s="14" t="s">
        <v>15</v>
      </c>
      <c r="G102611" s="16">
        <v>4.857127644644909E-2</v>
      </c>
    </row>
    <row r="102612" spans="1:7" x14ac:dyDescent="0.3">
      <c r="A102612" s="13" t="s">
        <v>502</v>
      </c>
      <c r="B102612" s="14" t="s">
        <v>1</v>
      </c>
      <c r="C102612" s="14" t="s">
        <v>191</v>
      </c>
      <c r="D102612" s="14" t="s">
        <v>503</v>
      </c>
      <c r="E102612" s="15">
        <v>45423</v>
      </c>
      <c r="F102612" s="14" t="s">
        <v>15</v>
      </c>
      <c r="G102612" s="16">
        <v>4.857127644644909E-2</v>
      </c>
    </row>
    <row r="102613" spans="1:7" x14ac:dyDescent="0.3">
      <c r="A102613" s="13" t="s">
        <v>502</v>
      </c>
      <c r="B102613" s="14" t="s">
        <v>1</v>
      </c>
      <c r="C102613" s="14" t="s">
        <v>191</v>
      </c>
      <c r="D102613" s="14" t="s">
        <v>503</v>
      </c>
      <c r="E102613" s="15">
        <v>45424</v>
      </c>
      <c r="F102613" s="14" t="s">
        <v>15</v>
      </c>
      <c r="G102613" s="16">
        <v>4.857127644644909E-2</v>
      </c>
    </row>
    <row r="102614" spans="1:7" x14ac:dyDescent="0.3">
      <c r="A102614" s="13" t="s">
        <v>502</v>
      </c>
      <c r="B102614" s="14" t="s">
        <v>1</v>
      </c>
      <c r="C102614" s="14" t="s">
        <v>191</v>
      </c>
      <c r="D102614" s="14" t="s">
        <v>503</v>
      </c>
      <c r="E102614" s="15">
        <v>45425</v>
      </c>
      <c r="F102614" s="14" t="s">
        <v>15</v>
      </c>
      <c r="G102614" s="16">
        <v>4.6803448127664071E-2</v>
      </c>
    </row>
    <row r="102615" spans="1:7" x14ac:dyDescent="0.3">
      <c r="A102615" s="13" t="s">
        <v>502</v>
      </c>
      <c r="B102615" s="14" t="s">
        <v>1</v>
      </c>
      <c r="C102615" s="14" t="s">
        <v>191</v>
      </c>
      <c r="D102615" s="14" t="s">
        <v>503</v>
      </c>
      <c r="E102615" s="15">
        <v>45426</v>
      </c>
      <c r="F102615" s="14" t="s">
        <v>15</v>
      </c>
      <c r="G102615" s="16">
        <v>4.1465389150100458E-2</v>
      </c>
    </row>
    <row r="102616" spans="1:7" x14ac:dyDescent="0.3">
      <c r="A102616" s="13" t="s">
        <v>502</v>
      </c>
      <c r="B102616" s="14" t="s">
        <v>1</v>
      </c>
      <c r="C102616" s="14" t="s">
        <v>191</v>
      </c>
      <c r="D102616" s="14" t="s">
        <v>503</v>
      </c>
      <c r="E102616" s="15">
        <v>45427</v>
      </c>
      <c r="F102616" s="14" t="s">
        <v>15</v>
      </c>
      <c r="G102616" s="16">
        <v>3.9682579594055682E-2</v>
      </c>
    </row>
    <row r="102617" spans="1:7" x14ac:dyDescent="0.3">
      <c r="A102617" s="13" t="s">
        <v>502</v>
      </c>
      <c r="B102617" s="14" t="s">
        <v>1</v>
      </c>
      <c r="C102617" s="14" t="s">
        <v>191</v>
      </c>
      <c r="D102617" s="14" t="s">
        <v>503</v>
      </c>
      <c r="E102617" s="15">
        <v>45428</v>
      </c>
      <c r="F102617" s="14" t="s">
        <v>15</v>
      </c>
      <c r="G102617" s="16">
        <v>3.7906018688785056E-2</v>
      </c>
    </row>
    <row r="102618" spans="1:7" x14ac:dyDescent="0.3">
      <c r="A102618" s="13" t="s">
        <v>502</v>
      </c>
      <c r="B102618" s="14" t="s">
        <v>1</v>
      </c>
      <c r="C102618" s="14" t="s">
        <v>191</v>
      </c>
      <c r="D102618" s="14" t="s">
        <v>503</v>
      </c>
      <c r="E102618" s="15">
        <v>45429</v>
      </c>
      <c r="F102618" s="14" t="s">
        <v>15</v>
      </c>
      <c r="G102618" s="16">
        <v>3.8531345993508798E-2</v>
      </c>
    </row>
    <row r="102619" spans="1:7" x14ac:dyDescent="0.3">
      <c r="A102619" s="13" t="s">
        <v>502</v>
      </c>
      <c r="B102619" s="14" t="s">
        <v>1</v>
      </c>
      <c r="C102619" s="14" t="s">
        <v>191</v>
      </c>
      <c r="D102619" s="14" t="s">
        <v>503</v>
      </c>
      <c r="E102619" s="15">
        <v>45430</v>
      </c>
      <c r="F102619" s="14" t="s">
        <v>15</v>
      </c>
      <c r="G102619" s="16">
        <v>3.8531345993508798E-2</v>
      </c>
    </row>
    <row r="102620" spans="1:7" x14ac:dyDescent="0.3">
      <c r="A102620" s="13" t="s">
        <v>502</v>
      </c>
      <c r="B102620" s="14" t="s">
        <v>1</v>
      </c>
      <c r="C102620" s="14" t="s">
        <v>191</v>
      </c>
      <c r="D102620" s="14" t="s">
        <v>503</v>
      </c>
      <c r="E102620" s="15">
        <v>45431</v>
      </c>
      <c r="F102620" s="14" t="s">
        <v>15</v>
      </c>
      <c r="G102620" s="16">
        <v>3.8531345993508798E-2</v>
      </c>
    </row>
    <row r="102621" spans="1:7" x14ac:dyDescent="0.3">
      <c r="A102621" s="13" t="s">
        <v>502</v>
      </c>
      <c r="B102621" s="14" t="s">
        <v>1</v>
      </c>
      <c r="C102621" s="14" t="s">
        <v>191</v>
      </c>
      <c r="D102621" s="14" t="s">
        <v>503</v>
      </c>
      <c r="E102621" s="15">
        <v>45432</v>
      </c>
      <c r="F102621" s="14" t="s">
        <v>15</v>
      </c>
      <c r="G102621" s="16">
        <v>3.6706464776351103E-2</v>
      </c>
    </row>
    <row r="102622" spans="1:7" x14ac:dyDescent="0.3">
      <c r="A102622" s="13" t="s">
        <v>502</v>
      </c>
      <c r="B102622" s="14" t="s">
        <v>1</v>
      </c>
      <c r="C102622" s="14" t="s">
        <v>191</v>
      </c>
      <c r="D102622" s="14" t="s">
        <v>503</v>
      </c>
      <c r="E102622" s="15">
        <v>45433</v>
      </c>
      <c r="F102622" s="14" t="s">
        <v>15</v>
      </c>
      <c r="G102622" s="16">
        <v>3.1307006012919747E-2</v>
      </c>
    </row>
    <row r="102623" spans="1:7" x14ac:dyDescent="0.3">
      <c r="A102623" s="13" t="s">
        <v>502</v>
      </c>
      <c r="B102623" s="14" t="s">
        <v>1</v>
      </c>
      <c r="C102623" s="14" t="s">
        <v>191</v>
      </c>
      <c r="D102623" s="14" t="s">
        <v>503</v>
      </c>
      <c r="E102623" s="15">
        <v>45434</v>
      </c>
      <c r="F102623" s="14" t="s">
        <v>15</v>
      </c>
      <c r="G102623" s="16">
        <v>3.1307006012919747E-2</v>
      </c>
    </row>
    <row r="102624" spans="1:7" x14ac:dyDescent="0.3">
      <c r="A102624" s="13" t="s">
        <v>502</v>
      </c>
      <c r="B102624" s="14" t="s">
        <v>1</v>
      </c>
      <c r="C102624" s="14" t="s">
        <v>191</v>
      </c>
      <c r="D102624" s="14" t="s">
        <v>503</v>
      </c>
      <c r="E102624" s="15">
        <v>45435</v>
      </c>
      <c r="F102624" s="14" t="s">
        <v>15</v>
      </c>
      <c r="G102624" s="16">
        <v>2.9503602062408877E-2</v>
      </c>
    </row>
    <row r="102625" spans="1:7" x14ac:dyDescent="0.3">
      <c r="A102625" s="13" t="s">
        <v>502</v>
      </c>
      <c r="B102625" s="14" t="s">
        <v>1</v>
      </c>
      <c r="C102625" s="14" t="s">
        <v>191</v>
      </c>
      <c r="D102625" s="14" t="s">
        <v>503</v>
      </c>
      <c r="E102625" s="15">
        <v>45436</v>
      </c>
      <c r="F102625" s="14" t="s">
        <v>15</v>
      </c>
      <c r="G102625" s="16">
        <v>2.5921896473494219E-2</v>
      </c>
    </row>
    <row r="102626" spans="1:7" x14ac:dyDescent="0.3">
      <c r="A102626" s="13" t="s">
        <v>502</v>
      </c>
      <c r="B102626" s="14" t="s">
        <v>1</v>
      </c>
      <c r="C102626" s="14" t="s">
        <v>191</v>
      </c>
      <c r="D102626" s="14" t="s">
        <v>503</v>
      </c>
      <c r="E102626" s="15">
        <v>45437</v>
      </c>
      <c r="F102626" s="14" t="s">
        <v>15</v>
      </c>
      <c r="G102626" s="16">
        <v>2.5921896473494219E-2</v>
      </c>
    </row>
    <row r="102627" spans="1:7" x14ac:dyDescent="0.3">
      <c r="A102627" s="13" t="s">
        <v>502</v>
      </c>
      <c r="B102627" s="14" t="s">
        <v>1</v>
      </c>
      <c r="C102627" s="14" t="s">
        <v>191</v>
      </c>
      <c r="D102627" s="14" t="s">
        <v>503</v>
      </c>
      <c r="E102627" s="15">
        <v>45438</v>
      </c>
      <c r="F102627" s="14" t="s">
        <v>15</v>
      </c>
      <c r="G102627" s="16">
        <v>2.5921896473494219E-2</v>
      </c>
    </row>
    <row r="102628" spans="1:7" x14ac:dyDescent="0.3">
      <c r="A102628" s="13" t="s">
        <v>502</v>
      </c>
      <c r="B102628" s="14" t="s">
        <v>1</v>
      </c>
      <c r="C102628" s="14" t="s">
        <v>191</v>
      </c>
      <c r="D102628" s="14" t="s">
        <v>503</v>
      </c>
      <c r="E102628" s="15">
        <v>45439</v>
      </c>
      <c r="F102628" s="14" t="s">
        <v>15</v>
      </c>
      <c r="G102628" s="16">
        <v>2.4153477699502358E-2</v>
      </c>
    </row>
    <row r="102629" spans="1:7" x14ac:dyDescent="0.3">
      <c r="A102629" s="13" t="s">
        <v>502</v>
      </c>
      <c r="B102629" s="14" t="s">
        <v>1</v>
      </c>
      <c r="C102629" s="14" t="s">
        <v>191</v>
      </c>
      <c r="D102629" s="14" t="s">
        <v>503</v>
      </c>
      <c r="E102629" s="15">
        <v>45440</v>
      </c>
      <c r="F102629" s="14" t="s">
        <v>15</v>
      </c>
      <c r="G102629" s="16">
        <v>1.8908400786921242E-2</v>
      </c>
    </row>
    <row r="102630" spans="1:7" x14ac:dyDescent="0.3">
      <c r="A102630" s="13" t="s">
        <v>502</v>
      </c>
      <c r="B102630" s="14" t="s">
        <v>1</v>
      </c>
      <c r="C102630" s="14" t="s">
        <v>191</v>
      </c>
      <c r="D102630" s="14" t="s">
        <v>503</v>
      </c>
      <c r="E102630" s="15">
        <v>45441</v>
      </c>
      <c r="F102630" s="14" t="s">
        <v>15</v>
      </c>
      <c r="G102630" s="16">
        <v>1.7149563424030762E-2</v>
      </c>
    </row>
    <row r="102631" spans="1:7" x14ac:dyDescent="0.3">
      <c r="A102631" s="13" t="s">
        <v>502</v>
      </c>
      <c r="B102631" s="14" t="s">
        <v>1</v>
      </c>
      <c r="C102631" s="14" t="s">
        <v>191</v>
      </c>
      <c r="D102631" s="14" t="s">
        <v>503</v>
      </c>
      <c r="E102631" s="15">
        <v>45442</v>
      </c>
      <c r="F102631" s="14" t="s">
        <v>15</v>
      </c>
      <c r="G102631" s="16">
        <v>1.5383814630929539E-2</v>
      </c>
    </row>
    <row r="102632" spans="1:7" x14ac:dyDescent="0.3">
      <c r="A102632" s="13" t="s">
        <v>502</v>
      </c>
      <c r="B102632" s="14" t="s">
        <v>1</v>
      </c>
      <c r="C102632" s="14" t="s">
        <v>191</v>
      </c>
      <c r="D102632" s="14" t="s">
        <v>503</v>
      </c>
      <c r="E102632" s="15">
        <v>45443</v>
      </c>
      <c r="F102632" s="14" t="s">
        <v>15</v>
      </c>
      <c r="G102632" s="16">
        <v>4.8090663530977115E-2</v>
      </c>
    </row>
    <row r="102633" spans="1:7" x14ac:dyDescent="0.3">
      <c r="A102633" s="13" t="s">
        <v>502</v>
      </c>
      <c r="B102633" s="14" t="s">
        <v>1</v>
      </c>
      <c r="C102633" s="14" t="s">
        <v>191</v>
      </c>
      <c r="D102633" s="14" t="s">
        <v>503</v>
      </c>
      <c r="E102633" s="15">
        <v>45444</v>
      </c>
      <c r="F102633" s="14" t="s">
        <v>15</v>
      </c>
      <c r="G102633" s="16">
        <v>4.8090663530977115E-2</v>
      </c>
    </row>
    <row r="102634" spans="1:7" x14ac:dyDescent="0.3">
      <c r="A102634" s="13" t="s">
        <v>502</v>
      </c>
      <c r="B102634" s="14" t="s">
        <v>1</v>
      </c>
      <c r="C102634" s="14" t="s">
        <v>191</v>
      </c>
      <c r="D102634" s="14" t="s">
        <v>503</v>
      </c>
      <c r="E102634" s="15">
        <v>45445</v>
      </c>
      <c r="F102634" s="14" t="s">
        <v>15</v>
      </c>
      <c r="G102634" s="16">
        <v>4.8090663530977115E-2</v>
      </c>
    </row>
    <row r="102635" spans="1:7" x14ac:dyDescent="0.3">
      <c r="A102635" s="13" t="s">
        <v>502</v>
      </c>
      <c r="B102635" s="14" t="s">
        <v>1</v>
      </c>
      <c r="C102635" s="14" t="s">
        <v>191</v>
      </c>
      <c r="D102635" s="14" t="s">
        <v>503</v>
      </c>
      <c r="E102635" s="15">
        <v>45446</v>
      </c>
      <c r="F102635" s="14" t="s">
        <v>15</v>
      </c>
      <c r="G102635" s="16">
        <v>4.8090663530977115E-2</v>
      </c>
    </row>
    <row r="102636" spans="1:7" x14ac:dyDescent="0.3">
      <c r="A102636" s="13" t="s">
        <v>502</v>
      </c>
      <c r="B102636" s="14" t="s">
        <v>1</v>
      </c>
      <c r="C102636" s="14" t="s">
        <v>191</v>
      </c>
      <c r="D102636" s="14" t="s">
        <v>503</v>
      </c>
      <c r="E102636" s="15">
        <v>45447</v>
      </c>
      <c r="F102636" s="14" t="s">
        <v>15</v>
      </c>
      <c r="G102636" s="16">
        <v>4.6351047806753524E-2</v>
      </c>
    </row>
    <row r="102637" spans="1:7" x14ac:dyDescent="0.3">
      <c r="A102637" s="13" t="s">
        <v>502</v>
      </c>
      <c r="B102637" s="14" t="s">
        <v>1</v>
      </c>
      <c r="C102637" s="14" t="s">
        <v>191</v>
      </c>
      <c r="D102637" s="14" t="s">
        <v>503</v>
      </c>
      <c r="E102637" s="15">
        <v>45448</v>
      </c>
      <c r="F102637" s="14" t="s">
        <v>15</v>
      </c>
      <c r="G102637" s="16">
        <v>4.0181367627060198E-2</v>
      </c>
    </row>
    <row r="102638" spans="1:7" x14ac:dyDescent="0.3">
      <c r="A102638" s="13" t="s">
        <v>502</v>
      </c>
      <c r="B102638" s="14" t="s">
        <v>1</v>
      </c>
      <c r="C102638" s="14" t="s">
        <v>191</v>
      </c>
      <c r="D102638" s="14" t="s">
        <v>503</v>
      </c>
      <c r="E102638" s="15">
        <v>45449</v>
      </c>
      <c r="F102638" s="14" t="s">
        <v>15</v>
      </c>
      <c r="G102638" s="16">
        <v>3.8421193036371398E-2</v>
      </c>
    </row>
    <row r="102639" spans="1:7" x14ac:dyDescent="0.3">
      <c r="A102639" s="13" t="s">
        <v>502</v>
      </c>
      <c r="B102639" s="14" t="s">
        <v>1</v>
      </c>
      <c r="C102639" s="14" t="s">
        <v>191</v>
      </c>
      <c r="D102639" s="14" t="s">
        <v>503</v>
      </c>
      <c r="E102639" s="15">
        <v>45450</v>
      </c>
      <c r="F102639" s="14" t="s">
        <v>15</v>
      </c>
      <c r="G102639" s="16">
        <v>3.6648103956410438E-2</v>
      </c>
    </row>
    <row r="102640" spans="1:7" x14ac:dyDescent="0.3">
      <c r="A102640" s="13" t="s">
        <v>502</v>
      </c>
      <c r="B102640" s="14" t="s">
        <v>1</v>
      </c>
      <c r="C102640" s="14" t="s">
        <v>191</v>
      </c>
      <c r="D102640" s="14" t="s">
        <v>503</v>
      </c>
      <c r="E102640" s="15">
        <v>45451</v>
      </c>
      <c r="F102640" s="14" t="s">
        <v>15</v>
      </c>
      <c r="G102640" s="16">
        <v>3.6648103956410438E-2</v>
      </c>
    </row>
    <row r="102641" spans="1:7" x14ac:dyDescent="0.3">
      <c r="A102641" s="13" t="s">
        <v>502</v>
      </c>
      <c r="B102641" s="14" t="s">
        <v>1</v>
      </c>
      <c r="C102641" s="14" t="s">
        <v>191</v>
      </c>
      <c r="D102641" s="14" t="s">
        <v>503</v>
      </c>
      <c r="E102641" s="15">
        <v>45452</v>
      </c>
      <c r="F102641" s="14" t="s">
        <v>15</v>
      </c>
      <c r="G102641" s="16">
        <v>3.6648103956410438E-2</v>
      </c>
    </row>
    <row r="102642" spans="1:7" x14ac:dyDescent="0.3">
      <c r="A102642" s="13" t="s">
        <v>502</v>
      </c>
      <c r="B102642" s="14" t="s">
        <v>1</v>
      </c>
      <c r="C102642" s="14" t="s">
        <v>191</v>
      </c>
      <c r="D102642" s="14" t="s">
        <v>503</v>
      </c>
      <c r="E102642" s="15">
        <v>45453</v>
      </c>
      <c r="F102642" s="14" t="s">
        <v>15</v>
      </c>
      <c r="G102642" s="16">
        <v>4.1229375389788207E-2</v>
      </c>
    </row>
    <row r="102643" spans="1:7" x14ac:dyDescent="0.3">
      <c r="A102643" s="13" t="s">
        <v>502</v>
      </c>
      <c r="B102643" s="14" t="s">
        <v>1</v>
      </c>
      <c r="C102643" s="14" t="s">
        <v>191</v>
      </c>
      <c r="D102643" s="14" t="s">
        <v>503</v>
      </c>
      <c r="E102643" s="15">
        <v>45454</v>
      </c>
      <c r="F102643" s="14" t="s">
        <v>15</v>
      </c>
      <c r="G102643" s="16">
        <v>3.5907820648455928E-2</v>
      </c>
    </row>
    <row r="102644" spans="1:7" x14ac:dyDescent="0.3">
      <c r="A102644" s="13" t="s">
        <v>502</v>
      </c>
      <c r="B102644" s="14" t="s">
        <v>1</v>
      </c>
      <c r="C102644" s="14" t="s">
        <v>191</v>
      </c>
      <c r="D102644" s="14" t="s">
        <v>503</v>
      </c>
      <c r="E102644" s="15">
        <v>45455</v>
      </c>
      <c r="F102644" s="14" t="s">
        <v>15</v>
      </c>
      <c r="G102644" s="16">
        <v>3.4157216203552478E-2</v>
      </c>
    </row>
    <row r="102645" spans="1:7" x14ac:dyDescent="0.3">
      <c r="A102645" s="13" t="s">
        <v>502</v>
      </c>
      <c r="B102645" s="14" t="s">
        <v>1</v>
      </c>
      <c r="C102645" s="14" t="s">
        <v>191</v>
      </c>
      <c r="D102645" s="14" t="s">
        <v>503</v>
      </c>
      <c r="E102645" s="15">
        <v>45456</v>
      </c>
      <c r="F102645" s="14" t="s">
        <v>15</v>
      </c>
      <c r="G102645" s="16">
        <v>3.2434944654780286E-2</v>
      </c>
    </row>
    <row r="102646" spans="1:7" x14ac:dyDescent="0.3">
      <c r="A102646" s="13" t="s">
        <v>502</v>
      </c>
      <c r="B102646" s="14" t="s">
        <v>1</v>
      </c>
      <c r="C102646" s="14" t="s">
        <v>191</v>
      </c>
      <c r="D102646" s="14" t="s">
        <v>503</v>
      </c>
      <c r="E102646" s="15">
        <v>45457</v>
      </c>
      <c r="F102646" s="14" t="s">
        <v>15</v>
      </c>
      <c r="G102646" s="16">
        <v>3.0715037464516957E-2</v>
      </c>
    </row>
    <row r="102647" spans="1:7" x14ac:dyDescent="0.3">
      <c r="A102647" s="13" t="s">
        <v>502</v>
      </c>
      <c r="B102647" s="14" t="s">
        <v>1</v>
      </c>
      <c r="C102647" s="14" t="s">
        <v>191</v>
      </c>
      <c r="D102647" s="14" t="s">
        <v>503</v>
      </c>
      <c r="E102647" s="15">
        <v>45458</v>
      </c>
      <c r="F102647" s="14" t="s">
        <v>15</v>
      </c>
      <c r="G102647" s="16">
        <v>3.0715037464516957E-2</v>
      </c>
    </row>
    <row r="102648" spans="1:7" x14ac:dyDescent="0.3">
      <c r="A102648" s="13" t="s">
        <v>502</v>
      </c>
      <c r="B102648" s="14" t="s">
        <v>1</v>
      </c>
      <c r="C102648" s="14" t="s">
        <v>191</v>
      </c>
      <c r="D102648" s="14" t="s">
        <v>503</v>
      </c>
      <c r="E102648" s="15">
        <v>45459</v>
      </c>
      <c r="F102648" s="14" t="s">
        <v>15</v>
      </c>
      <c r="G102648" s="16">
        <v>3.0715037464516957E-2</v>
      </c>
    </row>
    <row r="102649" spans="1:7" x14ac:dyDescent="0.3">
      <c r="A102649" s="13" t="s">
        <v>502</v>
      </c>
      <c r="B102649" s="14" t="s">
        <v>1</v>
      </c>
      <c r="C102649" s="14" t="s">
        <v>191</v>
      </c>
      <c r="D102649" s="14" t="s">
        <v>503</v>
      </c>
      <c r="E102649" s="15">
        <v>45460</v>
      </c>
      <c r="F102649" s="14" t="s">
        <v>15</v>
      </c>
      <c r="G102649" s="16">
        <v>3.0715037464516957E-2</v>
      </c>
    </row>
    <row r="102650" spans="1:7" x14ac:dyDescent="0.3">
      <c r="A102650" s="13" t="s">
        <v>502</v>
      </c>
      <c r="B102650" s="14" t="s">
        <v>1</v>
      </c>
      <c r="C102650" s="14" t="s">
        <v>191</v>
      </c>
      <c r="D102650" s="14" t="s">
        <v>503</v>
      </c>
      <c r="E102650" s="15">
        <v>45461</v>
      </c>
      <c r="F102650" s="14" t="s">
        <v>15</v>
      </c>
      <c r="G102650" s="16">
        <v>2.5038179279787954E-2</v>
      </c>
    </row>
    <row r="102651" spans="1:7" x14ac:dyDescent="0.3">
      <c r="A102651" s="13" t="s">
        <v>502</v>
      </c>
      <c r="B102651" s="14" t="s">
        <v>1</v>
      </c>
      <c r="C102651" s="14" t="s">
        <v>191</v>
      </c>
      <c r="D102651" s="14" t="s">
        <v>503</v>
      </c>
      <c r="E102651" s="15">
        <v>45462</v>
      </c>
      <c r="F102651" s="14" t="s">
        <v>15</v>
      </c>
      <c r="G102651" s="16">
        <v>1.8128136514738259E-2</v>
      </c>
    </row>
    <row r="102652" spans="1:7" x14ac:dyDescent="0.3">
      <c r="A102652" s="13" t="s">
        <v>502</v>
      </c>
      <c r="B102652" s="14" t="s">
        <v>1</v>
      </c>
      <c r="C102652" s="14" t="s">
        <v>191</v>
      </c>
      <c r="D102652" s="14" t="s">
        <v>503</v>
      </c>
      <c r="E102652" s="15">
        <v>45463</v>
      </c>
      <c r="F102652" s="14" t="s">
        <v>15</v>
      </c>
      <c r="G102652" s="16">
        <v>1.6410424039675131E-2</v>
      </c>
    </row>
    <row r="102653" spans="1:7" x14ac:dyDescent="0.3">
      <c r="A102653" s="13" t="s">
        <v>502</v>
      </c>
      <c r="B102653" s="14" t="s">
        <v>1</v>
      </c>
      <c r="C102653" s="14" t="s">
        <v>191</v>
      </c>
      <c r="D102653" s="14" t="s">
        <v>503</v>
      </c>
      <c r="E102653" s="15">
        <v>45464</v>
      </c>
      <c r="F102653" s="14" t="s">
        <v>15</v>
      </c>
      <c r="G102653" s="16">
        <v>1.4680900802393742E-2</v>
      </c>
    </row>
    <row r="102654" spans="1:7" x14ac:dyDescent="0.3">
      <c r="A102654" s="13" t="s">
        <v>502</v>
      </c>
      <c r="B102654" s="14" t="s">
        <v>1</v>
      </c>
      <c r="C102654" s="14" t="s">
        <v>191</v>
      </c>
      <c r="D102654" s="14" t="s">
        <v>503</v>
      </c>
      <c r="E102654" s="15">
        <v>45465</v>
      </c>
      <c r="F102654" s="14" t="s">
        <v>15</v>
      </c>
      <c r="G102654" s="16">
        <v>1.4680900802393742E-2</v>
      </c>
    </row>
    <row r="102655" spans="1:7" x14ac:dyDescent="0.3">
      <c r="A102655" s="13" t="s">
        <v>502</v>
      </c>
      <c r="B102655" s="14" t="s">
        <v>1</v>
      </c>
      <c r="C102655" s="14" t="s">
        <v>191</v>
      </c>
      <c r="D102655" s="14" t="s">
        <v>503</v>
      </c>
      <c r="E102655" s="15">
        <v>45466</v>
      </c>
      <c r="F102655" s="14" t="s">
        <v>15</v>
      </c>
      <c r="G102655" s="16">
        <v>1.4680900802393742E-2</v>
      </c>
    </row>
    <row r="102656" spans="1:7" x14ac:dyDescent="0.3">
      <c r="A102656" s="13" t="s">
        <v>502</v>
      </c>
      <c r="B102656" s="14" t="s">
        <v>1</v>
      </c>
      <c r="C102656" s="14" t="s">
        <v>191</v>
      </c>
      <c r="D102656" s="14" t="s">
        <v>503</v>
      </c>
      <c r="E102656" s="15">
        <v>45467</v>
      </c>
      <c r="F102656" s="14" t="s">
        <v>15</v>
      </c>
      <c r="G102656" s="16">
        <v>1.2953290658058956E-2</v>
      </c>
    </row>
    <row r="102657" spans="1:7" x14ac:dyDescent="0.3">
      <c r="A102657" s="13" t="s">
        <v>502</v>
      </c>
      <c r="B102657" s="14" t="s">
        <v>1</v>
      </c>
      <c r="C102657" s="14" t="s">
        <v>191</v>
      </c>
      <c r="D102657" s="14" t="s">
        <v>503</v>
      </c>
      <c r="E102657" s="15">
        <v>45468</v>
      </c>
      <c r="F102657" s="14" t="s">
        <v>15</v>
      </c>
      <c r="G102657" s="16">
        <v>3.2338919606736535E-3</v>
      </c>
    </row>
    <row r="102658" spans="1:7" x14ac:dyDescent="0.3">
      <c r="A102658" s="13" t="s">
        <v>502</v>
      </c>
      <c r="B102658" s="14" t="s">
        <v>1</v>
      </c>
      <c r="C102658" s="14" t="s">
        <v>191</v>
      </c>
      <c r="D102658" s="14" t="s">
        <v>503</v>
      </c>
      <c r="E102658" s="15">
        <v>45469</v>
      </c>
      <c r="F102658" s="14" t="s">
        <v>15</v>
      </c>
      <c r="G102658" s="16">
        <v>1.5096294510077489E-3</v>
      </c>
    </row>
    <row r="102659" spans="1:7" x14ac:dyDescent="0.3">
      <c r="A102659" s="13" t="s">
        <v>502</v>
      </c>
      <c r="B102659" s="14" t="s">
        <v>1</v>
      </c>
      <c r="C102659" s="14" t="s">
        <v>191</v>
      </c>
      <c r="D102659" s="14" t="s">
        <v>503</v>
      </c>
      <c r="E102659" s="15">
        <v>45470</v>
      </c>
      <c r="F102659" s="14" t="s">
        <v>15</v>
      </c>
      <c r="G102659" s="16">
        <v>0</v>
      </c>
    </row>
    <row r="102660" spans="1:7" x14ac:dyDescent="0.3">
      <c r="A102660" s="13" t="s">
        <v>502</v>
      </c>
      <c r="B102660" s="14" t="s">
        <v>1</v>
      </c>
      <c r="C102660" s="14" t="s">
        <v>191</v>
      </c>
      <c r="D102660" s="14" t="s">
        <v>503</v>
      </c>
      <c r="E102660" s="15">
        <v>45471</v>
      </c>
      <c r="F102660" s="14" t="s">
        <v>15</v>
      </c>
      <c r="G102660" s="16">
        <v>0.64476961509025155</v>
      </c>
    </row>
    <row r="102661" spans="1:7" x14ac:dyDescent="0.3">
      <c r="A102661" s="13" t="s">
        <v>502</v>
      </c>
      <c r="B102661" s="14" t="s">
        <v>1</v>
      </c>
      <c r="C102661" s="14" t="s">
        <v>191</v>
      </c>
      <c r="D102661" s="14" t="s">
        <v>503</v>
      </c>
      <c r="E102661" s="15">
        <v>45472</v>
      </c>
      <c r="F102661" s="14" t="s">
        <v>15</v>
      </c>
      <c r="G102661" s="16">
        <v>0.64476961509025155</v>
      </c>
    </row>
    <row r="102662" spans="1:7" x14ac:dyDescent="0.3">
      <c r="A102662" s="13" t="s">
        <v>502</v>
      </c>
      <c r="B102662" s="14" t="s">
        <v>1</v>
      </c>
      <c r="C102662" s="14" t="s">
        <v>191</v>
      </c>
      <c r="D102662" s="14" t="s">
        <v>503</v>
      </c>
      <c r="E102662" s="15">
        <v>45473</v>
      </c>
      <c r="F102662" s="14" t="s">
        <v>15</v>
      </c>
      <c r="G102662" s="16">
        <v>0.64476961509025155</v>
      </c>
    </row>
    <row r="102663" spans="1:7" x14ac:dyDescent="0.3">
      <c r="A102663" s="13" t="s">
        <v>502</v>
      </c>
      <c r="B102663" s="14" t="s">
        <v>1</v>
      </c>
      <c r="C102663" s="14" t="s">
        <v>191</v>
      </c>
      <c r="D102663" s="14" t="s">
        <v>503</v>
      </c>
      <c r="E102663" s="15">
        <v>45474</v>
      </c>
      <c r="F102663" s="14" t="s">
        <v>15</v>
      </c>
      <c r="G102663" s="16">
        <v>0</v>
      </c>
    </row>
    <row r="102664" spans="1:7" x14ac:dyDescent="0.3">
      <c r="A102664" s="13" t="s">
        <v>502</v>
      </c>
      <c r="B102664" s="14" t="s">
        <v>1</v>
      </c>
      <c r="C102664" s="14" t="s">
        <v>191</v>
      </c>
      <c r="D102664" s="14" t="s">
        <v>503</v>
      </c>
      <c r="E102664" s="15">
        <v>45475</v>
      </c>
      <c r="F102664" s="14" t="s">
        <v>15</v>
      </c>
      <c r="G102664" s="16">
        <v>0</v>
      </c>
    </row>
    <row r="102665" spans="1:7" x14ac:dyDescent="0.3">
      <c r="A102665" s="13" t="s">
        <v>502</v>
      </c>
      <c r="B102665" s="14" t="s">
        <v>1</v>
      </c>
      <c r="C102665" s="14" t="s">
        <v>191</v>
      </c>
      <c r="D102665" s="14" t="s">
        <v>503</v>
      </c>
      <c r="E102665" s="15">
        <v>45476</v>
      </c>
      <c r="F102665" s="14" t="s">
        <v>15</v>
      </c>
      <c r="G102665" s="16">
        <v>0</v>
      </c>
    </row>
    <row r="102666" spans="1:7" x14ac:dyDescent="0.3">
      <c r="A102666" s="13" t="s">
        <v>502</v>
      </c>
      <c r="B102666" s="14" t="s">
        <v>1</v>
      </c>
      <c r="C102666" s="14" t="s">
        <v>191</v>
      </c>
      <c r="D102666" s="14" t="s">
        <v>503</v>
      </c>
      <c r="E102666" s="15">
        <v>45477</v>
      </c>
      <c r="F102666" s="14" t="s">
        <v>15</v>
      </c>
      <c r="G102666" s="16">
        <v>0</v>
      </c>
    </row>
    <row r="102667" spans="1:7" x14ac:dyDescent="0.3">
      <c r="A102667" s="13" t="s">
        <v>502</v>
      </c>
      <c r="B102667" s="14" t="s">
        <v>1</v>
      </c>
      <c r="C102667" s="14" t="s">
        <v>191</v>
      </c>
      <c r="D102667" s="14" t="s">
        <v>503</v>
      </c>
      <c r="E102667" s="15">
        <v>45478</v>
      </c>
      <c r="F102667" s="14" t="s">
        <v>15</v>
      </c>
      <c r="G102667" s="16">
        <v>0</v>
      </c>
    </row>
    <row r="102668" spans="1:7" x14ac:dyDescent="0.3">
      <c r="A102668" s="13" t="s">
        <v>502</v>
      </c>
      <c r="B102668" s="14" t="s">
        <v>1</v>
      </c>
      <c r="C102668" s="14" t="s">
        <v>191</v>
      </c>
      <c r="D102668" s="14" t="s">
        <v>503</v>
      </c>
      <c r="E102668" s="15">
        <v>45479</v>
      </c>
      <c r="F102668" s="14" t="s">
        <v>15</v>
      </c>
      <c r="G102668" s="16">
        <v>0</v>
      </c>
    </row>
    <row r="102669" spans="1:7" x14ac:dyDescent="0.3">
      <c r="A102669" s="13" t="s">
        <v>502</v>
      </c>
      <c r="B102669" s="14" t="s">
        <v>1</v>
      </c>
      <c r="C102669" s="14" t="s">
        <v>191</v>
      </c>
      <c r="D102669" s="14" t="s">
        <v>503</v>
      </c>
      <c r="E102669" s="15">
        <v>45480</v>
      </c>
      <c r="F102669" s="14" t="s">
        <v>15</v>
      </c>
      <c r="G102669" s="16">
        <v>0</v>
      </c>
    </row>
    <row r="102670" spans="1:7" x14ac:dyDescent="0.3">
      <c r="A102670" s="13" t="s">
        <v>502</v>
      </c>
      <c r="B102670" s="14" t="s">
        <v>1</v>
      </c>
      <c r="C102670" s="14" t="s">
        <v>191</v>
      </c>
      <c r="D102670" s="14" t="s">
        <v>503</v>
      </c>
      <c r="E102670" s="15">
        <v>45481</v>
      </c>
      <c r="F102670" s="14" t="s">
        <v>15</v>
      </c>
      <c r="G102670" s="16">
        <v>0</v>
      </c>
    </row>
    <row r="102671" spans="1:7" x14ac:dyDescent="0.3">
      <c r="A102671" s="13" t="s">
        <v>502</v>
      </c>
      <c r="B102671" s="14" t="s">
        <v>1</v>
      </c>
      <c r="C102671" s="14" t="s">
        <v>191</v>
      </c>
      <c r="D102671" s="14" t="s">
        <v>503</v>
      </c>
      <c r="E102671" s="15">
        <v>45482</v>
      </c>
      <c r="F102671" s="14" t="s">
        <v>15</v>
      </c>
      <c r="G102671" s="16">
        <v>0</v>
      </c>
    </row>
    <row r="102672" spans="1:7" x14ac:dyDescent="0.3">
      <c r="A102672" s="13" t="s">
        <v>502</v>
      </c>
      <c r="B102672" s="14" t="s">
        <v>1</v>
      </c>
      <c r="C102672" s="14" t="s">
        <v>191</v>
      </c>
      <c r="D102672" s="14" t="s">
        <v>503</v>
      </c>
      <c r="E102672" s="15">
        <v>45483</v>
      </c>
      <c r="F102672" s="14" t="s">
        <v>15</v>
      </c>
      <c r="G102672" s="16">
        <v>0</v>
      </c>
    </row>
    <row r="102673" spans="1:7" x14ac:dyDescent="0.3">
      <c r="A102673" s="13" t="s">
        <v>502</v>
      </c>
      <c r="B102673" s="14" t="s">
        <v>1</v>
      </c>
      <c r="C102673" s="14" t="s">
        <v>191</v>
      </c>
      <c r="D102673" s="14" t="s">
        <v>503</v>
      </c>
      <c r="E102673" s="15">
        <v>45484</v>
      </c>
      <c r="F102673" s="14" t="s">
        <v>15</v>
      </c>
      <c r="G102673" s="16">
        <v>0</v>
      </c>
    </row>
    <row r="102674" spans="1:7" x14ac:dyDescent="0.3">
      <c r="A102674" s="13" t="s">
        <v>502</v>
      </c>
      <c r="B102674" s="14" t="s">
        <v>1</v>
      </c>
      <c r="C102674" s="14" t="s">
        <v>191</v>
      </c>
      <c r="D102674" s="14" t="s">
        <v>503</v>
      </c>
      <c r="E102674" s="15">
        <v>45485</v>
      </c>
      <c r="F102674" s="14" t="s">
        <v>15</v>
      </c>
      <c r="G102674" s="16">
        <v>0</v>
      </c>
    </row>
    <row r="102675" spans="1:7" x14ac:dyDescent="0.3">
      <c r="A102675" s="13" t="s">
        <v>502</v>
      </c>
      <c r="B102675" s="14" t="s">
        <v>1</v>
      </c>
      <c r="C102675" s="14" t="s">
        <v>191</v>
      </c>
      <c r="D102675" s="14" t="s">
        <v>503</v>
      </c>
      <c r="E102675" s="15">
        <v>45486</v>
      </c>
      <c r="F102675" s="14" t="s">
        <v>15</v>
      </c>
      <c r="G102675" s="16">
        <v>0</v>
      </c>
    </row>
    <row r="102676" spans="1:7" x14ac:dyDescent="0.3">
      <c r="A102676" s="13" t="s">
        <v>502</v>
      </c>
      <c r="B102676" s="14" t="s">
        <v>1</v>
      </c>
      <c r="C102676" s="14" t="s">
        <v>191</v>
      </c>
      <c r="D102676" s="14" t="s">
        <v>503</v>
      </c>
      <c r="E102676" s="15">
        <v>45487</v>
      </c>
      <c r="F102676" s="14" t="s">
        <v>15</v>
      </c>
      <c r="G102676" s="16">
        <v>0</v>
      </c>
    </row>
    <row r="102677" spans="1:7" x14ac:dyDescent="0.3">
      <c r="A102677" s="13" t="s">
        <v>502</v>
      </c>
      <c r="B102677" s="14" t="s">
        <v>1</v>
      </c>
      <c r="C102677" s="14" t="s">
        <v>191</v>
      </c>
      <c r="D102677" s="14" t="s">
        <v>503</v>
      </c>
      <c r="E102677" s="15">
        <v>45488</v>
      </c>
      <c r="F102677" s="14" t="s">
        <v>15</v>
      </c>
      <c r="G102677" s="16">
        <v>0</v>
      </c>
    </row>
    <row r="102678" spans="1:7" x14ac:dyDescent="0.3">
      <c r="A102678" s="13" t="s">
        <v>502</v>
      </c>
      <c r="B102678" s="14" t="s">
        <v>1</v>
      </c>
      <c r="C102678" s="14" t="s">
        <v>191</v>
      </c>
      <c r="D102678" s="14" t="s">
        <v>503</v>
      </c>
      <c r="E102678" s="15">
        <v>45489</v>
      </c>
      <c r="F102678" s="14" t="s">
        <v>15</v>
      </c>
      <c r="G102678" s="16">
        <v>0</v>
      </c>
    </row>
    <row r="102679" spans="1:7" x14ac:dyDescent="0.3">
      <c r="A102679" s="13" t="s">
        <v>502</v>
      </c>
      <c r="B102679" s="14" t="s">
        <v>1</v>
      </c>
      <c r="C102679" s="14" t="s">
        <v>191</v>
      </c>
      <c r="D102679" s="14" t="s">
        <v>503</v>
      </c>
      <c r="E102679" s="15">
        <v>45490</v>
      </c>
      <c r="F102679" s="14" t="s">
        <v>15</v>
      </c>
      <c r="G102679" s="16">
        <v>0</v>
      </c>
    </row>
    <row r="102680" spans="1:7" x14ac:dyDescent="0.3">
      <c r="A102680" s="13" t="s">
        <v>502</v>
      </c>
      <c r="B102680" s="14" t="s">
        <v>1</v>
      </c>
      <c r="C102680" s="14" t="s">
        <v>191</v>
      </c>
      <c r="D102680" s="14" t="s">
        <v>503</v>
      </c>
      <c r="E102680" s="15">
        <v>45491</v>
      </c>
      <c r="F102680" s="14" t="s">
        <v>15</v>
      </c>
      <c r="G102680" s="16">
        <v>0</v>
      </c>
    </row>
    <row r="102681" spans="1:7" x14ac:dyDescent="0.3">
      <c r="A102681" s="13" t="s">
        <v>502</v>
      </c>
      <c r="B102681" s="14" t="s">
        <v>1</v>
      </c>
      <c r="C102681" s="14" t="s">
        <v>191</v>
      </c>
      <c r="D102681" s="14" t="s">
        <v>503</v>
      </c>
      <c r="E102681" s="15">
        <v>45492</v>
      </c>
      <c r="F102681" s="14" t="s">
        <v>15</v>
      </c>
      <c r="G102681" s="16">
        <v>0</v>
      </c>
    </row>
    <row r="102682" spans="1:7" x14ac:dyDescent="0.3">
      <c r="A102682" s="13" t="s">
        <v>502</v>
      </c>
      <c r="B102682" s="14" t="s">
        <v>1</v>
      </c>
      <c r="C102682" s="14" t="s">
        <v>191</v>
      </c>
      <c r="D102682" s="14" t="s">
        <v>503</v>
      </c>
      <c r="E102682" s="15">
        <v>45493</v>
      </c>
      <c r="F102682" s="14" t="s">
        <v>15</v>
      </c>
      <c r="G102682" s="16">
        <v>0</v>
      </c>
    </row>
    <row r="102683" spans="1:7" x14ac:dyDescent="0.3">
      <c r="A102683" s="13" t="s">
        <v>502</v>
      </c>
      <c r="B102683" s="14" t="s">
        <v>1</v>
      </c>
      <c r="C102683" s="14" t="s">
        <v>191</v>
      </c>
      <c r="D102683" s="14" t="s">
        <v>503</v>
      </c>
      <c r="E102683" s="15">
        <v>45494</v>
      </c>
      <c r="F102683" s="14" t="s">
        <v>15</v>
      </c>
      <c r="G102683" s="16">
        <v>0</v>
      </c>
    </row>
    <row r="102684" spans="1:7" x14ac:dyDescent="0.3">
      <c r="A102684" s="13" t="s">
        <v>502</v>
      </c>
      <c r="B102684" s="14" t="s">
        <v>1</v>
      </c>
      <c r="C102684" s="14" t="s">
        <v>191</v>
      </c>
      <c r="D102684" s="14" t="s">
        <v>503</v>
      </c>
      <c r="E102684" s="15">
        <v>45495</v>
      </c>
      <c r="F102684" s="14" t="s">
        <v>15</v>
      </c>
      <c r="G102684" s="16">
        <v>0</v>
      </c>
    </row>
    <row r="102685" spans="1:7" x14ac:dyDescent="0.3">
      <c r="A102685" s="13" t="s">
        <v>502</v>
      </c>
      <c r="B102685" s="14" t="s">
        <v>1</v>
      </c>
      <c r="C102685" s="14" t="s">
        <v>191</v>
      </c>
      <c r="D102685" s="14" t="s">
        <v>503</v>
      </c>
      <c r="E102685" s="15">
        <v>45496</v>
      </c>
      <c r="F102685" s="14" t="s">
        <v>15</v>
      </c>
      <c r="G102685" s="16">
        <v>0</v>
      </c>
    </row>
    <row r="102686" spans="1:7" x14ac:dyDescent="0.3">
      <c r="A102686" s="13" t="s">
        <v>502</v>
      </c>
      <c r="B102686" s="14" t="s">
        <v>1</v>
      </c>
      <c r="C102686" s="14" t="s">
        <v>191</v>
      </c>
      <c r="D102686" s="14" t="s">
        <v>503</v>
      </c>
      <c r="E102686" s="15">
        <v>45497</v>
      </c>
      <c r="F102686" s="14" t="s">
        <v>15</v>
      </c>
      <c r="G102686" s="16">
        <v>0</v>
      </c>
    </row>
    <row r="102687" spans="1:7" x14ac:dyDescent="0.3">
      <c r="A102687" s="13" t="s">
        <v>502</v>
      </c>
      <c r="B102687" s="14" t="s">
        <v>1</v>
      </c>
      <c r="C102687" s="14" t="s">
        <v>191</v>
      </c>
      <c r="D102687" s="14" t="s">
        <v>503</v>
      </c>
      <c r="E102687" s="15">
        <v>45498</v>
      </c>
      <c r="F102687" s="14" t="s">
        <v>15</v>
      </c>
      <c r="G102687" s="16">
        <v>0</v>
      </c>
    </row>
    <row r="102688" spans="1:7" x14ac:dyDescent="0.3">
      <c r="A102688" s="13" t="s">
        <v>502</v>
      </c>
      <c r="B102688" s="14" t="s">
        <v>1</v>
      </c>
      <c r="C102688" s="14" t="s">
        <v>191</v>
      </c>
      <c r="D102688" s="14" t="s">
        <v>503</v>
      </c>
      <c r="E102688" s="15">
        <v>45499</v>
      </c>
      <c r="F102688" s="14" t="s">
        <v>15</v>
      </c>
      <c r="G102688" s="16">
        <v>0</v>
      </c>
    </row>
    <row r="102689" spans="1:7" x14ac:dyDescent="0.3">
      <c r="A102689" s="13" t="s">
        <v>502</v>
      </c>
      <c r="B102689" s="14" t="s">
        <v>1</v>
      </c>
      <c r="C102689" s="14" t="s">
        <v>191</v>
      </c>
      <c r="D102689" s="14" t="s">
        <v>503</v>
      </c>
      <c r="E102689" s="15">
        <v>45500</v>
      </c>
      <c r="F102689" s="14" t="s">
        <v>15</v>
      </c>
      <c r="G102689" s="16">
        <v>0</v>
      </c>
    </row>
    <row r="102690" spans="1:7" x14ac:dyDescent="0.3">
      <c r="A102690" s="13" t="s">
        <v>502</v>
      </c>
      <c r="B102690" s="14" t="s">
        <v>1</v>
      </c>
      <c r="C102690" s="14" t="s">
        <v>191</v>
      </c>
      <c r="D102690" s="14" t="s">
        <v>503</v>
      </c>
      <c r="E102690" s="15">
        <v>45501</v>
      </c>
      <c r="F102690" s="14" t="s">
        <v>15</v>
      </c>
      <c r="G102690" s="16">
        <v>0</v>
      </c>
    </row>
    <row r="102691" spans="1:7" x14ac:dyDescent="0.3">
      <c r="A102691" s="13" t="s">
        <v>502</v>
      </c>
      <c r="B102691" s="14" t="s">
        <v>1</v>
      </c>
      <c r="C102691" s="14" t="s">
        <v>191</v>
      </c>
      <c r="D102691" s="14" t="s">
        <v>503</v>
      </c>
      <c r="E102691" s="15">
        <v>45502</v>
      </c>
      <c r="F102691" s="14" t="s">
        <v>15</v>
      </c>
      <c r="G102691" s="16">
        <v>0</v>
      </c>
    </row>
    <row r="102692" spans="1:7" x14ac:dyDescent="0.3">
      <c r="A102692" s="13" t="s">
        <v>502</v>
      </c>
      <c r="B102692" s="14" t="s">
        <v>1</v>
      </c>
      <c r="C102692" s="14" t="s">
        <v>191</v>
      </c>
      <c r="D102692" s="14" t="s">
        <v>503</v>
      </c>
      <c r="E102692" s="15">
        <v>45503</v>
      </c>
      <c r="F102692" s="14" t="s">
        <v>15</v>
      </c>
      <c r="G102692" s="16">
        <v>0</v>
      </c>
    </row>
    <row r="102693" spans="1:7" x14ac:dyDescent="0.3">
      <c r="A102693" s="13" t="s">
        <v>502</v>
      </c>
      <c r="B102693" s="14" t="s">
        <v>1</v>
      </c>
      <c r="C102693" s="14" t="s">
        <v>191</v>
      </c>
      <c r="D102693" s="14" t="s">
        <v>503</v>
      </c>
      <c r="E102693" s="15">
        <v>45504</v>
      </c>
      <c r="F102693" s="14" t="s">
        <v>15</v>
      </c>
      <c r="G102693" s="16">
        <v>0</v>
      </c>
    </row>
    <row r="102694" spans="1:7" x14ac:dyDescent="0.3">
      <c r="A102694" s="13" t="s">
        <v>502</v>
      </c>
      <c r="B102694" s="14" t="s">
        <v>1</v>
      </c>
      <c r="C102694" s="14" t="s">
        <v>191</v>
      </c>
      <c r="D102694" s="14" t="s">
        <v>503</v>
      </c>
      <c r="E102694" s="15">
        <v>45505</v>
      </c>
      <c r="F102694" s="14" t="s">
        <v>15</v>
      </c>
      <c r="G102694" s="16">
        <v>0</v>
      </c>
    </row>
    <row r="102695" spans="1:7" x14ac:dyDescent="0.3">
      <c r="A102695" s="13" t="s">
        <v>502</v>
      </c>
      <c r="B102695" s="14" t="s">
        <v>1</v>
      </c>
      <c r="C102695" s="14" t="s">
        <v>191</v>
      </c>
      <c r="D102695" s="14" t="s">
        <v>503</v>
      </c>
      <c r="E102695" s="15">
        <v>45506</v>
      </c>
      <c r="F102695" s="14" t="s">
        <v>15</v>
      </c>
      <c r="G102695" s="16">
        <v>0</v>
      </c>
    </row>
    <row r="102696" spans="1:7" x14ac:dyDescent="0.3">
      <c r="A102696" s="13" t="s">
        <v>502</v>
      </c>
      <c r="B102696" s="14" t="s">
        <v>1</v>
      </c>
      <c r="C102696" s="14" t="s">
        <v>191</v>
      </c>
      <c r="D102696" s="14" t="s">
        <v>503</v>
      </c>
      <c r="E102696" s="15">
        <v>45507</v>
      </c>
      <c r="F102696" s="14" t="s">
        <v>15</v>
      </c>
      <c r="G102696" s="16">
        <v>0</v>
      </c>
    </row>
    <row r="102697" spans="1:7" x14ac:dyDescent="0.3">
      <c r="A102697" s="13" t="s">
        <v>502</v>
      </c>
      <c r="B102697" s="14" t="s">
        <v>1</v>
      </c>
      <c r="C102697" s="14" t="s">
        <v>191</v>
      </c>
      <c r="D102697" s="14" t="s">
        <v>503</v>
      </c>
      <c r="E102697" s="15">
        <v>45508</v>
      </c>
      <c r="F102697" s="14" t="s">
        <v>15</v>
      </c>
      <c r="G102697" s="16">
        <v>0</v>
      </c>
    </row>
    <row r="102698" spans="1:7" x14ac:dyDescent="0.3">
      <c r="A102698" s="13" t="s">
        <v>502</v>
      </c>
      <c r="B102698" s="14" t="s">
        <v>1</v>
      </c>
      <c r="C102698" s="14" t="s">
        <v>191</v>
      </c>
      <c r="D102698" s="14" t="s">
        <v>503</v>
      </c>
      <c r="E102698" s="15">
        <v>45509</v>
      </c>
      <c r="F102698" s="14" t="s">
        <v>15</v>
      </c>
      <c r="G102698" s="16">
        <v>0</v>
      </c>
    </row>
    <row r="102699" spans="1:7" x14ac:dyDescent="0.3">
      <c r="A102699" s="13" t="s">
        <v>502</v>
      </c>
      <c r="B102699" s="14" t="s">
        <v>1</v>
      </c>
      <c r="C102699" s="14" t="s">
        <v>191</v>
      </c>
      <c r="D102699" s="14" t="s">
        <v>503</v>
      </c>
      <c r="E102699" s="15">
        <v>45510</v>
      </c>
      <c r="F102699" s="14" t="s">
        <v>15</v>
      </c>
      <c r="G102699" s="16">
        <v>0</v>
      </c>
    </row>
    <row r="102700" spans="1:7" x14ac:dyDescent="0.3">
      <c r="A102700" s="13" t="s">
        <v>502</v>
      </c>
      <c r="B102700" s="14" t="s">
        <v>1</v>
      </c>
      <c r="C102700" s="14" t="s">
        <v>191</v>
      </c>
      <c r="D102700" s="14" t="s">
        <v>503</v>
      </c>
      <c r="E102700" s="15">
        <v>45511</v>
      </c>
      <c r="F102700" s="14" t="s">
        <v>15</v>
      </c>
      <c r="G102700" s="16">
        <v>0.19260590918760306</v>
      </c>
    </row>
    <row r="102701" spans="1:7" x14ac:dyDescent="0.3">
      <c r="A102701" s="13" t="s">
        <v>502</v>
      </c>
      <c r="B102701" s="14" t="s">
        <v>1</v>
      </c>
      <c r="C102701" s="14" t="s">
        <v>191</v>
      </c>
      <c r="D102701" s="14" t="s">
        <v>503</v>
      </c>
      <c r="E102701" s="15">
        <v>45512</v>
      </c>
      <c r="F102701" s="14" t="s">
        <v>15</v>
      </c>
      <c r="G102701" s="16">
        <v>0.19081560211181595</v>
      </c>
    </row>
    <row r="102702" spans="1:7" x14ac:dyDescent="0.3">
      <c r="A102702" s="13" t="s">
        <v>502</v>
      </c>
      <c r="B102702" s="14" t="s">
        <v>1</v>
      </c>
      <c r="C102702" s="14" t="s">
        <v>191</v>
      </c>
      <c r="D102702" s="14" t="s">
        <v>503</v>
      </c>
      <c r="E102702" s="15">
        <v>45513</v>
      </c>
      <c r="F102702" s="14" t="s">
        <v>15</v>
      </c>
      <c r="G102702" s="16">
        <v>0.19081560211181595</v>
      </c>
    </row>
    <row r="102703" spans="1:7" x14ac:dyDescent="0.3">
      <c r="A102703" s="13" t="s">
        <v>502</v>
      </c>
      <c r="B102703" s="14" t="s">
        <v>1</v>
      </c>
      <c r="C102703" s="14" t="s">
        <v>191</v>
      </c>
      <c r="D102703" s="14" t="s">
        <v>503</v>
      </c>
      <c r="E102703" s="15">
        <v>45514</v>
      </c>
      <c r="F102703" s="14" t="s">
        <v>15</v>
      </c>
      <c r="G102703" s="16">
        <v>0.19081560211181595</v>
      </c>
    </row>
    <row r="102704" spans="1:7" x14ac:dyDescent="0.3">
      <c r="A102704" s="13" t="s">
        <v>502</v>
      </c>
      <c r="B102704" s="14" t="s">
        <v>1</v>
      </c>
      <c r="C102704" s="14" t="s">
        <v>191</v>
      </c>
      <c r="D102704" s="14" t="s">
        <v>503</v>
      </c>
      <c r="E102704" s="15">
        <v>45515</v>
      </c>
      <c r="F102704" s="14" t="s">
        <v>15</v>
      </c>
      <c r="G102704" s="16">
        <v>0.19081560211181595</v>
      </c>
    </row>
    <row r="102705" spans="1:7" x14ac:dyDescent="0.3">
      <c r="A102705" s="13" t="s">
        <v>502</v>
      </c>
      <c r="B102705" s="14" t="s">
        <v>1</v>
      </c>
      <c r="C102705" s="14" t="s">
        <v>191</v>
      </c>
      <c r="D102705" s="14" t="s">
        <v>503</v>
      </c>
      <c r="E102705" s="15">
        <v>45516</v>
      </c>
      <c r="F102705" s="14" t="s">
        <v>15</v>
      </c>
      <c r="G102705" s="16">
        <v>0.19366037205422887</v>
      </c>
    </row>
    <row r="102706" spans="1:7" x14ac:dyDescent="0.3">
      <c r="A102706" s="13" t="s">
        <v>502</v>
      </c>
      <c r="B102706" s="14" t="s">
        <v>1</v>
      </c>
      <c r="C102706" s="14" t="s">
        <v>191</v>
      </c>
      <c r="D102706" s="14" t="s">
        <v>503</v>
      </c>
      <c r="E102706" s="15">
        <v>45517</v>
      </c>
      <c r="F102706" s="14" t="s">
        <v>15</v>
      </c>
      <c r="G102706" s="16">
        <v>0.18645204218044545</v>
      </c>
    </row>
    <row r="102707" spans="1:7" x14ac:dyDescent="0.3">
      <c r="A102707" s="13" t="s">
        <v>502</v>
      </c>
      <c r="B102707" s="14" t="s">
        <v>1</v>
      </c>
      <c r="C102707" s="14" t="s">
        <v>191</v>
      </c>
      <c r="D102707" s="14" t="s">
        <v>503</v>
      </c>
      <c r="E102707" s="15">
        <v>45518</v>
      </c>
      <c r="F102707" s="14" t="s">
        <v>15</v>
      </c>
      <c r="G102707" s="16">
        <v>0.18463853211874556</v>
      </c>
    </row>
    <row r="102708" spans="1:7" x14ac:dyDescent="0.3">
      <c r="A102708" s="13" t="s">
        <v>502</v>
      </c>
      <c r="B102708" s="14" t="s">
        <v>1</v>
      </c>
      <c r="C102708" s="14" t="s">
        <v>191</v>
      </c>
      <c r="D102708" s="14" t="s">
        <v>503</v>
      </c>
      <c r="E102708" s="15">
        <v>45519</v>
      </c>
      <c r="F102708" s="14" t="s">
        <v>15</v>
      </c>
      <c r="G102708" s="16">
        <v>0.18280972918789437</v>
      </c>
    </row>
    <row r="102709" spans="1:7" x14ac:dyDescent="0.3">
      <c r="A102709" s="13" t="s">
        <v>502</v>
      </c>
      <c r="B102709" s="14" t="s">
        <v>1</v>
      </c>
      <c r="C102709" s="14" t="s">
        <v>191</v>
      </c>
      <c r="D102709" s="14" t="s">
        <v>503</v>
      </c>
      <c r="E102709" s="15">
        <v>45520</v>
      </c>
      <c r="F102709" s="14" t="s">
        <v>15</v>
      </c>
      <c r="G102709" s="16">
        <v>0.33029205354155999</v>
      </c>
    </row>
    <row r="102710" spans="1:7" x14ac:dyDescent="0.3">
      <c r="A102710" s="13" t="s">
        <v>502</v>
      </c>
      <c r="B102710" s="14" t="s">
        <v>1</v>
      </c>
      <c r="C102710" s="14" t="s">
        <v>191</v>
      </c>
      <c r="D102710" s="14" t="s">
        <v>503</v>
      </c>
      <c r="E102710" s="15">
        <v>45521</v>
      </c>
      <c r="F102710" s="14" t="s">
        <v>15</v>
      </c>
      <c r="G102710" s="16">
        <v>0.33029205354155999</v>
      </c>
    </row>
    <row r="102711" spans="1:7" x14ac:dyDescent="0.3">
      <c r="A102711" s="13" t="s">
        <v>502</v>
      </c>
      <c r="B102711" s="14" t="s">
        <v>1</v>
      </c>
      <c r="C102711" s="14" t="s">
        <v>191</v>
      </c>
      <c r="D102711" s="14" t="s">
        <v>503</v>
      </c>
      <c r="E102711" s="15">
        <v>45522</v>
      </c>
      <c r="F102711" s="14" t="s">
        <v>15</v>
      </c>
      <c r="G102711" s="16">
        <v>0.33029205354155999</v>
      </c>
    </row>
    <row r="102712" spans="1:7" x14ac:dyDescent="0.3">
      <c r="A102712" s="13" t="s">
        <v>502</v>
      </c>
      <c r="B102712" s="14" t="s">
        <v>1</v>
      </c>
      <c r="C102712" s="14" t="s">
        <v>191</v>
      </c>
      <c r="D102712" s="14" t="s">
        <v>503</v>
      </c>
      <c r="E102712" s="15">
        <v>45523</v>
      </c>
      <c r="F102712" s="14" t="s">
        <v>15</v>
      </c>
      <c r="G102712" s="16">
        <v>0.32843638800547181</v>
      </c>
    </row>
    <row r="102713" spans="1:7" x14ac:dyDescent="0.3">
      <c r="A102713" s="13" t="s">
        <v>502</v>
      </c>
      <c r="B102713" s="14" t="s">
        <v>1</v>
      </c>
      <c r="C102713" s="14" t="s">
        <v>191</v>
      </c>
      <c r="D102713" s="14" t="s">
        <v>503</v>
      </c>
      <c r="E102713" s="15">
        <v>45524</v>
      </c>
      <c r="F102713" s="14" t="s">
        <v>15</v>
      </c>
      <c r="G102713" s="16">
        <v>0.32285031695535132</v>
      </c>
    </row>
    <row r="102714" spans="1:7" x14ac:dyDescent="0.3">
      <c r="A102714" s="13" t="s">
        <v>502</v>
      </c>
      <c r="B102714" s="14" t="s">
        <v>1</v>
      </c>
      <c r="C102714" s="14" t="s">
        <v>191</v>
      </c>
      <c r="D102714" s="14" t="s">
        <v>503</v>
      </c>
      <c r="E102714" s="15">
        <v>45525</v>
      </c>
      <c r="F102714" s="14" t="s">
        <v>15</v>
      </c>
      <c r="G102714" s="16">
        <v>0.47495063125830916</v>
      </c>
    </row>
    <row r="102715" spans="1:7" x14ac:dyDescent="0.3">
      <c r="A102715" s="13" t="s">
        <v>502</v>
      </c>
      <c r="B102715" s="14" t="s">
        <v>1</v>
      </c>
      <c r="C102715" s="14" t="s">
        <v>191</v>
      </c>
      <c r="D102715" s="14" t="s">
        <v>503</v>
      </c>
      <c r="E102715" s="15">
        <v>45526</v>
      </c>
      <c r="F102715" s="14" t="s">
        <v>15</v>
      </c>
      <c r="G102715" s="16">
        <v>0.47306376126253663</v>
      </c>
    </row>
    <row r="102716" spans="1:7" x14ac:dyDescent="0.3">
      <c r="A102716" s="13" t="s">
        <v>502</v>
      </c>
      <c r="B102716" s="14" t="s">
        <v>1</v>
      </c>
      <c r="C102716" s="14" t="s">
        <v>191</v>
      </c>
      <c r="D102716" s="14" t="s">
        <v>503</v>
      </c>
      <c r="E102716" s="15">
        <v>45527</v>
      </c>
      <c r="F102716" s="14" t="s">
        <v>15</v>
      </c>
      <c r="G102716" s="16">
        <v>0.47117601066662329</v>
      </c>
    </row>
    <row r="102717" spans="1:7" x14ac:dyDescent="0.3">
      <c r="A102717" s="13" t="s">
        <v>502</v>
      </c>
      <c r="B102717" s="14" t="s">
        <v>1</v>
      </c>
      <c r="C102717" s="14" t="s">
        <v>191</v>
      </c>
      <c r="D102717" s="14" t="s">
        <v>503</v>
      </c>
      <c r="E102717" s="15">
        <v>45528</v>
      </c>
      <c r="F102717" s="14" t="s">
        <v>15</v>
      </c>
      <c r="G102717" s="16">
        <v>0.47117601066662329</v>
      </c>
    </row>
    <row r="102718" spans="1:7" x14ac:dyDescent="0.3">
      <c r="A102718" s="13" t="s">
        <v>502</v>
      </c>
      <c r="B102718" s="14" t="s">
        <v>1</v>
      </c>
      <c r="C102718" s="14" t="s">
        <v>191</v>
      </c>
      <c r="D102718" s="14" t="s">
        <v>503</v>
      </c>
      <c r="E102718" s="15">
        <v>45529</v>
      </c>
      <c r="F102718" s="14" t="s">
        <v>15</v>
      </c>
      <c r="G102718" s="16">
        <v>0.47117601066662329</v>
      </c>
    </row>
    <row r="102719" spans="1:7" x14ac:dyDescent="0.3">
      <c r="A102719" s="13" t="s">
        <v>502</v>
      </c>
      <c r="B102719" s="14" t="s">
        <v>1</v>
      </c>
      <c r="C102719" s="14" t="s">
        <v>191</v>
      </c>
      <c r="D102719" s="14" t="s">
        <v>503</v>
      </c>
      <c r="E102719" s="15">
        <v>45530</v>
      </c>
      <c r="F102719" s="14" t="s">
        <v>15</v>
      </c>
      <c r="G102719" s="16">
        <v>0.55213311993626069</v>
      </c>
    </row>
    <row r="102720" spans="1:7" x14ac:dyDescent="0.3">
      <c r="A102720" s="13" t="s">
        <v>502</v>
      </c>
      <c r="B102720" s="14" t="s">
        <v>1</v>
      </c>
      <c r="C102720" s="14" t="s">
        <v>191</v>
      </c>
      <c r="D102720" s="14" t="s">
        <v>503</v>
      </c>
      <c r="E102720" s="15">
        <v>45531</v>
      </c>
      <c r="F102720" s="14" t="s">
        <v>15</v>
      </c>
      <c r="G102720" s="16">
        <v>0.54641932183847108</v>
      </c>
    </row>
    <row r="102721" spans="1:7" x14ac:dyDescent="0.3">
      <c r="A102721" s="13" t="s">
        <v>502</v>
      </c>
      <c r="B102721" s="14" t="s">
        <v>1</v>
      </c>
      <c r="C102721" s="14" t="s">
        <v>191</v>
      </c>
      <c r="D102721" s="14" t="s">
        <v>503</v>
      </c>
      <c r="E102721" s="15">
        <v>45532</v>
      </c>
      <c r="F102721" s="14" t="s">
        <v>15</v>
      </c>
      <c r="G102721" s="16">
        <v>0.5462220032943147</v>
      </c>
    </row>
    <row r="102722" spans="1:7" x14ac:dyDescent="0.3">
      <c r="A102722" s="13" t="s">
        <v>502</v>
      </c>
      <c r="B102722" s="14" t="s">
        <v>1</v>
      </c>
      <c r="C102722" s="14" t="s">
        <v>191</v>
      </c>
      <c r="D102722" s="14" t="s">
        <v>503</v>
      </c>
      <c r="E102722" s="15">
        <v>45533</v>
      </c>
      <c r="F102722" s="14" t="s">
        <v>15</v>
      </c>
      <c r="G102722" s="16">
        <v>0.54426984880629892</v>
      </c>
    </row>
    <row r="102723" spans="1:7" x14ac:dyDescent="0.3">
      <c r="A102723" s="13" t="s">
        <v>502</v>
      </c>
      <c r="B102723" s="14" t="s">
        <v>1</v>
      </c>
      <c r="C102723" s="14" t="s">
        <v>191</v>
      </c>
      <c r="D102723" s="14" t="s">
        <v>503</v>
      </c>
      <c r="E102723" s="15">
        <v>45534</v>
      </c>
      <c r="F102723" s="14" t="s">
        <v>15</v>
      </c>
      <c r="G102723" s="16">
        <v>0.78098586311101736</v>
      </c>
    </row>
    <row r="102724" spans="1:7" x14ac:dyDescent="0.3">
      <c r="A102724" s="13" t="s">
        <v>502</v>
      </c>
      <c r="B102724" s="14" t="s">
        <v>1</v>
      </c>
      <c r="C102724" s="14" t="s">
        <v>191</v>
      </c>
      <c r="D102724" s="14" t="s">
        <v>503</v>
      </c>
      <c r="E102724" s="15">
        <v>45535</v>
      </c>
      <c r="F102724" s="14" t="s">
        <v>15</v>
      </c>
      <c r="G102724" s="16">
        <v>0.78098586311101736</v>
      </c>
    </row>
    <row r="102725" spans="1:7" x14ac:dyDescent="0.3">
      <c r="A102725" s="13" t="s">
        <v>502</v>
      </c>
      <c r="B102725" s="14" t="s">
        <v>1</v>
      </c>
      <c r="C102725" s="14" t="s">
        <v>191</v>
      </c>
      <c r="D102725" s="14" t="s">
        <v>503</v>
      </c>
      <c r="E102725" s="15">
        <v>45536</v>
      </c>
      <c r="F102725" s="14" t="s">
        <v>15</v>
      </c>
      <c r="G102725" s="16">
        <v>0.78098586311101736</v>
      </c>
    </row>
    <row r="102726" spans="1:7" x14ac:dyDescent="0.3">
      <c r="A102726" s="13" t="s">
        <v>502</v>
      </c>
      <c r="B102726" s="14" t="s">
        <v>1</v>
      </c>
      <c r="C102726" s="14" t="s">
        <v>191</v>
      </c>
      <c r="D102726" s="14" t="s">
        <v>503</v>
      </c>
      <c r="E102726" s="15">
        <v>45537</v>
      </c>
      <c r="F102726" s="14" t="s">
        <v>15</v>
      </c>
      <c r="G102726" s="16">
        <v>0.78332689046693316</v>
      </c>
    </row>
    <row r="102727" spans="1:7" x14ac:dyDescent="0.3">
      <c r="A102727" s="13" t="s">
        <v>502</v>
      </c>
      <c r="B102727" s="14" t="s">
        <v>1</v>
      </c>
      <c r="C102727" s="14" t="s">
        <v>191</v>
      </c>
      <c r="D102727" s="14" t="s">
        <v>503</v>
      </c>
      <c r="E102727" s="15">
        <v>45538</v>
      </c>
      <c r="F102727" s="14" t="s">
        <v>15</v>
      </c>
      <c r="G102727" s="16">
        <v>0.77748265329272426</v>
      </c>
    </row>
    <row r="102728" spans="1:7" x14ac:dyDescent="0.3">
      <c r="A102728" s="13" t="s">
        <v>502</v>
      </c>
      <c r="B102728" s="14" t="s">
        <v>1</v>
      </c>
      <c r="C102728" s="14" t="s">
        <v>191</v>
      </c>
      <c r="D102728" s="14" t="s">
        <v>503</v>
      </c>
      <c r="E102728" s="15">
        <v>45539</v>
      </c>
      <c r="F102728" s="14" t="s">
        <v>15</v>
      </c>
      <c r="G102728" s="16">
        <v>0.77434927955743205</v>
      </c>
    </row>
    <row r="102729" spans="1:7" x14ac:dyDescent="0.3">
      <c r="A102729" s="13" t="s">
        <v>502</v>
      </c>
      <c r="B102729" s="14" t="s">
        <v>1</v>
      </c>
      <c r="C102729" s="14" t="s">
        <v>191</v>
      </c>
      <c r="D102729" s="14" t="s">
        <v>503</v>
      </c>
      <c r="E102729" s="15">
        <v>45540</v>
      </c>
      <c r="F102729" s="14" t="s">
        <v>15</v>
      </c>
      <c r="G102729" s="16">
        <v>0.75997463084108585</v>
      </c>
    </row>
    <row r="102730" spans="1:7" x14ac:dyDescent="0.3">
      <c r="A102730" s="13" t="s">
        <v>502</v>
      </c>
      <c r="B102730" s="14" t="s">
        <v>1</v>
      </c>
      <c r="C102730" s="14" t="s">
        <v>191</v>
      </c>
      <c r="D102730" s="14" t="s">
        <v>503</v>
      </c>
      <c r="E102730" s="15">
        <v>45541</v>
      </c>
      <c r="F102730" s="14" t="s">
        <v>15</v>
      </c>
      <c r="G102730" s="16">
        <v>0.75162951485744078</v>
      </c>
    </row>
    <row r="102731" spans="1:7" x14ac:dyDescent="0.3">
      <c r="A102731" s="13" t="s">
        <v>502</v>
      </c>
      <c r="B102731" s="14" t="s">
        <v>1</v>
      </c>
      <c r="C102731" s="14" t="s">
        <v>191</v>
      </c>
      <c r="D102731" s="14" t="s">
        <v>503</v>
      </c>
      <c r="E102731" s="15">
        <v>45542</v>
      </c>
      <c r="F102731" s="14" t="s">
        <v>15</v>
      </c>
      <c r="G102731" s="16">
        <v>0.75162951485744078</v>
      </c>
    </row>
    <row r="102732" spans="1:7" x14ac:dyDescent="0.3">
      <c r="A102732" s="13" t="s">
        <v>502</v>
      </c>
      <c r="B102732" s="14" t="s">
        <v>1</v>
      </c>
      <c r="C102732" s="14" t="s">
        <v>191</v>
      </c>
      <c r="D102732" s="14" t="s">
        <v>503</v>
      </c>
      <c r="E102732" s="15">
        <v>45543</v>
      </c>
      <c r="F102732" s="14" t="s">
        <v>15</v>
      </c>
      <c r="G102732" s="16">
        <v>0.75162951485744078</v>
      </c>
    </row>
    <row r="102733" spans="1:7" x14ac:dyDescent="0.3">
      <c r="A102733" s="13" t="s">
        <v>502</v>
      </c>
      <c r="B102733" s="14" t="s">
        <v>1</v>
      </c>
      <c r="C102733" s="14" t="s">
        <v>191</v>
      </c>
      <c r="D102733" s="14" t="s">
        <v>503</v>
      </c>
      <c r="E102733" s="15">
        <v>45544</v>
      </c>
      <c r="F102733" s="14" t="s">
        <v>15</v>
      </c>
      <c r="G102733" s="16">
        <v>0.75579747325386315</v>
      </c>
    </row>
    <row r="102734" spans="1:7" x14ac:dyDescent="0.3">
      <c r="A102734" s="13" t="s">
        <v>502</v>
      </c>
      <c r="B102734" s="14" t="s">
        <v>1</v>
      </c>
      <c r="C102734" s="14" t="s">
        <v>191</v>
      </c>
      <c r="D102734" s="14" t="s">
        <v>503</v>
      </c>
      <c r="E102734" s="15">
        <v>45545</v>
      </c>
      <c r="F102734" s="14" t="s">
        <v>15</v>
      </c>
      <c r="G102734" s="16">
        <v>0.74981408857667442</v>
      </c>
    </row>
    <row r="102735" spans="1:7" x14ac:dyDescent="0.3">
      <c r="A102735" s="13" t="s">
        <v>502</v>
      </c>
      <c r="B102735" s="14" t="s">
        <v>1</v>
      </c>
      <c r="C102735" s="14" t="s">
        <v>191</v>
      </c>
      <c r="D102735" s="14" t="s">
        <v>503</v>
      </c>
      <c r="E102735" s="15">
        <v>45546</v>
      </c>
      <c r="F102735" s="14" t="s">
        <v>15</v>
      </c>
      <c r="G102735" s="16">
        <v>0.80948547981499197</v>
      </c>
    </row>
    <row r="102736" spans="1:7" x14ac:dyDescent="0.3">
      <c r="A102736" s="13" t="s">
        <v>502</v>
      </c>
      <c r="B102736" s="14" t="s">
        <v>1</v>
      </c>
      <c r="C102736" s="14" t="s">
        <v>191</v>
      </c>
      <c r="D102736" s="14" t="s">
        <v>503</v>
      </c>
      <c r="E102736" s="15">
        <v>45547</v>
      </c>
      <c r="F102736" s="14" t="s">
        <v>15</v>
      </c>
      <c r="G102736" s="16">
        <v>0.80748838717755911</v>
      </c>
    </row>
    <row r="102737" spans="1:7" x14ac:dyDescent="0.3">
      <c r="A102737" s="13" t="s">
        <v>502</v>
      </c>
      <c r="B102737" s="14" t="s">
        <v>1</v>
      </c>
      <c r="C102737" s="14" t="s">
        <v>191</v>
      </c>
      <c r="D102737" s="14" t="s">
        <v>503</v>
      </c>
      <c r="E102737" s="15">
        <v>45548</v>
      </c>
      <c r="F102737" s="14" t="s">
        <v>15</v>
      </c>
      <c r="G102737" s="16">
        <v>0.80548550212055448</v>
      </c>
    </row>
    <row r="102738" spans="1:7" x14ac:dyDescent="0.3">
      <c r="A102738" s="13" t="s">
        <v>502</v>
      </c>
      <c r="B102738" s="14" t="s">
        <v>1</v>
      </c>
      <c r="C102738" s="14" t="s">
        <v>191</v>
      </c>
      <c r="D102738" s="14" t="s">
        <v>503</v>
      </c>
      <c r="E102738" s="15">
        <v>45549</v>
      </c>
      <c r="F102738" s="14" t="s">
        <v>15</v>
      </c>
      <c r="G102738" s="16">
        <v>0.80548550212055448</v>
      </c>
    </row>
    <row r="102739" spans="1:7" x14ac:dyDescent="0.3">
      <c r="A102739" s="13" t="s">
        <v>502</v>
      </c>
      <c r="B102739" s="14" t="s">
        <v>1</v>
      </c>
      <c r="C102739" s="14" t="s">
        <v>191</v>
      </c>
      <c r="D102739" s="14" t="s">
        <v>503</v>
      </c>
      <c r="E102739" s="15">
        <v>45550</v>
      </c>
      <c r="F102739" s="14" t="s">
        <v>15</v>
      </c>
      <c r="G102739" s="16">
        <v>0.80548550212055448</v>
      </c>
    </row>
    <row r="102740" spans="1:7" x14ac:dyDescent="0.3">
      <c r="A102740" s="13" t="s">
        <v>502</v>
      </c>
      <c r="B102740" s="14" t="s">
        <v>1</v>
      </c>
      <c r="C102740" s="14" t="s">
        <v>191</v>
      </c>
      <c r="D102740" s="14" t="s">
        <v>503</v>
      </c>
      <c r="E102740" s="15">
        <v>45551</v>
      </c>
      <c r="F102740" s="14" t="s">
        <v>15</v>
      </c>
      <c r="G102740" s="16">
        <v>0.80346996744139676</v>
      </c>
    </row>
    <row r="102741" spans="1:7" x14ac:dyDescent="0.3">
      <c r="A102741" s="13" t="s">
        <v>502</v>
      </c>
      <c r="B102741" s="14" t="s">
        <v>1</v>
      </c>
      <c r="C102741" s="14" t="s">
        <v>191</v>
      </c>
      <c r="D102741" s="14" t="s">
        <v>503</v>
      </c>
      <c r="E102741" s="15">
        <v>45552</v>
      </c>
      <c r="F102741" s="14" t="s">
        <v>15</v>
      </c>
      <c r="G102741" s="16">
        <v>0.78945918365536571</v>
      </c>
    </row>
    <row r="102742" spans="1:7" x14ac:dyDescent="0.3">
      <c r="A102742" s="13" t="s">
        <v>502</v>
      </c>
      <c r="B102742" s="14" t="s">
        <v>1</v>
      </c>
      <c r="C102742" s="14" t="s">
        <v>191</v>
      </c>
      <c r="D102742" s="14" t="s">
        <v>503</v>
      </c>
      <c r="E102742" s="15">
        <v>45553</v>
      </c>
      <c r="F102742" s="14" t="s">
        <v>15</v>
      </c>
      <c r="G102742" s="16">
        <v>0.78561601282733107</v>
      </c>
    </row>
    <row r="102743" spans="1:7" x14ac:dyDescent="0.3">
      <c r="A102743" s="13" t="s">
        <v>502</v>
      </c>
      <c r="B102743" s="14" t="s">
        <v>1</v>
      </c>
      <c r="C102743" s="14" t="s">
        <v>191</v>
      </c>
      <c r="D102743" s="14" t="s">
        <v>503</v>
      </c>
      <c r="E102743" s="15">
        <v>45554</v>
      </c>
      <c r="F102743" s="14" t="s">
        <v>15</v>
      </c>
      <c r="G102743" s="16">
        <v>0.78179970648333608</v>
      </c>
    </row>
    <row r="102744" spans="1:7" x14ac:dyDescent="0.3">
      <c r="A102744" s="13" t="s">
        <v>502</v>
      </c>
      <c r="B102744" s="14" t="s">
        <v>1</v>
      </c>
      <c r="C102744" s="14" t="s">
        <v>191</v>
      </c>
      <c r="D102744" s="14" t="s">
        <v>503</v>
      </c>
      <c r="E102744" s="15">
        <v>45555</v>
      </c>
      <c r="F102744" s="14" t="s">
        <v>15</v>
      </c>
      <c r="G102744" s="16">
        <v>0.78103565597446745</v>
      </c>
    </row>
    <row r="102745" spans="1:7" x14ac:dyDescent="0.3">
      <c r="A102745" s="13" t="s">
        <v>502</v>
      </c>
      <c r="B102745" s="14" t="s">
        <v>1</v>
      </c>
      <c r="C102745" s="14" t="s">
        <v>191</v>
      </c>
      <c r="D102745" s="14" t="s">
        <v>503</v>
      </c>
      <c r="E102745" s="15">
        <v>45556</v>
      </c>
      <c r="F102745" s="14" t="s">
        <v>15</v>
      </c>
      <c r="G102745" s="16">
        <v>0.78103565597446745</v>
      </c>
    </row>
    <row r="102746" spans="1:7" x14ac:dyDescent="0.3">
      <c r="A102746" s="13" t="s">
        <v>502</v>
      </c>
      <c r="B102746" s="14" t="s">
        <v>1</v>
      </c>
      <c r="C102746" s="14" t="s">
        <v>191</v>
      </c>
      <c r="D102746" s="14" t="s">
        <v>503</v>
      </c>
      <c r="E102746" s="15">
        <v>45557</v>
      </c>
      <c r="F102746" s="14" t="s">
        <v>15</v>
      </c>
      <c r="G102746" s="16">
        <v>0.78103565597446745</v>
      </c>
    </row>
    <row r="102747" spans="1:7" x14ac:dyDescent="0.3">
      <c r="A102747" s="13" t="s">
        <v>502</v>
      </c>
      <c r="B102747" s="14" t="s">
        <v>1</v>
      </c>
      <c r="C102747" s="14" t="s">
        <v>191</v>
      </c>
      <c r="D102747" s="14" t="s">
        <v>503</v>
      </c>
      <c r="E102747" s="15">
        <v>45558</v>
      </c>
      <c r="F102747" s="14" t="s">
        <v>15</v>
      </c>
      <c r="G102747" s="16">
        <v>0.77759294833445403</v>
      </c>
    </row>
    <row r="102748" spans="1:7" x14ac:dyDescent="0.3">
      <c r="A102748" s="13" t="s">
        <v>502</v>
      </c>
      <c r="B102748" s="14" t="s">
        <v>1</v>
      </c>
      <c r="C102748" s="14" t="s">
        <v>191</v>
      </c>
      <c r="D102748" s="14" t="s">
        <v>503</v>
      </c>
      <c r="E102748" s="15">
        <v>45559</v>
      </c>
      <c r="F102748" s="14" t="s">
        <v>15</v>
      </c>
      <c r="G102748" s="16">
        <v>0.77145846437496757</v>
      </c>
    </row>
    <row r="102749" spans="1:7" x14ac:dyDescent="0.3">
      <c r="A102749" s="13" t="s">
        <v>502</v>
      </c>
      <c r="B102749" s="14" t="s">
        <v>1</v>
      </c>
      <c r="C102749" s="14" t="s">
        <v>191</v>
      </c>
      <c r="D102749" s="14" t="s">
        <v>503</v>
      </c>
      <c r="E102749" s="15">
        <v>45560</v>
      </c>
      <c r="F102749" s="14" t="s">
        <v>15</v>
      </c>
      <c r="G102749" s="16">
        <v>0.7694192969122301</v>
      </c>
    </row>
    <row r="102750" spans="1:7" x14ac:dyDescent="0.3">
      <c r="A102750" s="13" t="s">
        <v>502</v>
      </c>
      <c r="B102750" s="14" t="s">
        <v>1</v>
      </c>
      <c r="C102750" s="14" t="s">
        <v>191</v>
      </c>
      <c r="D102750" s="14" t="s">
        <v>503</v>
      </c>
      <c r="E102750" s="15">
        <v>45561</v>
      </c>
      <c r="F102750" s="14" t="s">
        <v>15</v>
      </c>
      <c r="G102750" s="16">
        <v>0.76737625332566828</v>
      </c>
    </row>
    <row r="102751" spans="1:7" x14ac:dyDescent="0.3">
      <c r="A102751" s="13" t="s">
        <v>502</v>
      </c>
      <c r="B102751" s="14" t="s">
        <v>1</v>
      </c>
      <c r="C102751" s="14" t="s">
        <v>191</v>
      </c>
      <c r="D102751" s="14" t="s">
        <v>503</v>
      </c>
      <c r="E102751" s="15">
        <v>45562</v>
      </c>
      <c r="F102751" s="14" t="s">
        <v>15</v>
      </c>
      <c r="G102751" s="16">
        <v>0.76981614349830962</v>
      </c>
    </row>
    <row r="102752" spans="1:7" x14ac:dyDescent="0.3">
      <c r="A102752" s="13" t="s">
        <v>502</v>
      </c>
      <c r="B102752" s="14" t="s">
        <v>1</v>
      </c>
      <c r="C102752" s="14" t="s">
        <v>191</v>
      </c>
      <c r="D102752" s="14" t="s">
        <v>503</v>
      </c>
      <c r="E102752" s="15">
        <v>45563</v>
      </c>
      <c r="F102752" s="14" t="s">
        <v>15</v>
      </c>
      <c r="G102752" s="16">
        <v>0.76981614349830962</v>
      </c>
    </row>
    <row r="102753" spans="1:7" x14ac:dyDescent="0.3">
      <c r="A102753" s="13" t="s">
        <v>502</v>
      </c>
      <c r="B102753" s="14" t="s">
        <v>1</v>
      </c>
      <c r="C102753" s="14" t="s">
        <v>191</v>
      </c>
      <c r="D102753" s="14" t="s">
        <v>503</v>
      </c>
      <c r="E102753" s="15">
        <v>45564</v>
      </c>
      <c r="F102753" s="14" t="s">
        <v>15</v>
      </c>
      <c r="G102753" s="16">
        <v>0.76981614349830962</v>
      </c>
    </row>
    <row r="102754" spans="1:7" x14ac:dyDescent="0.3">
      <c r="A102754" s="13" t="s">
        <v>502</v>
      </c>
      <c r="B102754" s="14" t="s">
        <v>1</v>
      </c>
      <c r="C102754" s="14" t="s">
        <v>191</v>
      </c>
      <c r="D102754" s="14" t="s">
        <v>503</v>
      </c>
      <c r="E102754" s="15">
        <v>45565</v>
      </c>
      <c r="F102754" s="14" t="s">
        <v>15</v>
      </c>
      <c r="G102754" s="16">
        <v>0.81801696770430676</v>
      </c>
    </row>
    <row r="102755" spans="1:7" x14ac:dyDescent="0.3">
      <c r="A102755" s="13" t="s">
        <v>502</v>
      </c>
      <c r="B102755" s="14" t="s">
        <v>1</v>
      </c>
      <c r="C102755" s="14" t="s">
        <v>191</v>
      </c>
      <c r="D102755" s="14" t="s">
        <v>503</v>
      </c>
      <c r="E102755" s="15">
        <v>45566</v>
      </c>
      <c r="F102755" s="14" t="s">
        <v>15</v>
      </c>
      <c r="G102755" s="16">
        <v>0</v>
      </c>
    </row>
    <row r="102756" spans="1:7" x14ac:dyDescent="0.3">
      <c r="A102756" s="13" t="s">
        <v>502</v>
      </c>
      <c r="B102756" s="14" t="s">
        <v>1</v>
      </c>
      <c r="C102756" s="14" t="s">
        <v>191</v>
      </c>
      <c r="D102756" s="14" t="s">
        <v>503</v>
      </c>
      <c r="E102756" s="15">
        <v>45567</v>
      </c>
      <c r="F102756" s="14" t="s">
        <v>15</v>
      </c>
      <c r="G102756" s="16">
        <v>0</v>
      </c>
    </row>
    <row r="102757" spans="1:7" x14ac:dyDescent="0.3">
      <c r="A102757" s="13" t="s">
        <v>502</v>
      </c>
      <c r="B102757" s="14" t="s">
        <v>1</v>
      </c>
      <c r="C102757" s="14" t="s">
        <v>191</v>
      </c>
      <c r="D102757" s="14" t="s">
        <v>503</v>
      </c>
      <c r="E102757" s="15">
        <v>45568</v>
      </c>
      <c r="F102757" s="14" t="s">
        <v>15</v>
      </c>
      <c r="G102757" s="16">
        <v>0</v>
      </c>
    </row>
    <row r="102758" spans="1:7" x14ac:dyDescent="0.3">
      <c r="A102758" s="13" t="s">
        <v>502</v>
      </c>
      <c r="B102758" s="14" t="s">
        <v>1</v>
      </c>
      <c r="C102758" s="14" t="s">
        <v>191</v>
      </c>
      <c r="D102758" s="14" t="s">
        <v>503</v>
      </c>
      <c r="E102758" s="15">
        <v>45569</v>
      </c>
      <c r="F102758" s="14" t="s">
        <v>15</v>
      </c>
      <c r="G102758" s="16">
        <v>0</v>
      </c>
    </row>
    <row r="102759" spans="1:7" x14ac:dyDescent="0.3">
      <c r="A102759" s="13" t="s">
        <v>502</v>
      </c>
      <c r="B102759" s="14" t="s">
        <v>1</v>
      </c>
      <c r="C102759" s="14" t="s">
        <v>191</v>
      </c>
      <c r="D102759" s="14" t="s">
        <v>503</v>
      </c>
      <c r="E102759" s="15">
        <v>45570</v>
      </c>
      <c r="F102759" s="14" t="s">
        <v>15</v>
      </c>
      <c r="G102759" s="16">
        <v>0</v>
      </c>
    </row>
    <row r="102760" spans="1:7" x14ac:dyDescent="0.3">
      <c r="A102760" s="13" t="s">
        <v>502</v>
      </c>
      <c r="B102760" s="14" t="s">
        <v>1</v>
      </c>
      <c r="C102760" s="14" t="s">
        <v>191</v>
      </c>
      <c r="D102760" s="14" t="s">
        <v>503</v>
      </c>
      <c r="E102760" s="15">
        <v>45571</v>
      </c>
      <c r="F102760" s="14" t="s">
        <v>15</v>
      </c>
      <c r="G102760" s="16">
        <v>0</v>
      </c>
    </row>
    <row r="102761" spans="1:7" x14ac:dyDescent="0.3">
      <c r="A102761" s="13" t="s">
        <v>502</v>
      </c>
      <c r="B102761" s="14" t="s">
        <v>1</v>
      </c>
      <c r="C102761" s="14" t="s">
        <v>191</v>
      </c>
      <c r="D102761" s="14" t="s">
        <v>503</v>
      </c>
      <c r="E102761" s="15">
        <v>45572</v>
      </c>
      <c r="F102761" s="14" t="s">
        <v>15</v>
      </c>
      <c r="G102761" s="16">
        <v>0</v>
      </c>
    </row>
    <row r="102762" spans="1:7" x14ac:dyDescent="0.3">
      <c r="A102762" s="13" t="s">
        <v>502</v>
      </c>
      <c r="B102762" s="14" t="s">
        <v>1</v>
      </c>
      <c r="C102762" s="14" t="s">
        <v>191</v>
      </c>
      <c r="D102762" s="14" t="s">
        <v>503</v>
      </c>
      <c r="E102762" s="15">
        <v>45573</v>
      </c>
      <c r="F102762" s="14" t="s">
        <v>15</v>
      </c>
      <c r="G102762" s="16">
        <v>0</v>
      </c>
    </row>
    <row r="102763" spans="1:7" x14ac:dyDescent="0.3">
      <c r="A102763" s="13" t="s">
        <v>502</v>
      </c>
      <c r="B102763" s="14" t="s">
        <v>1</v>
      </c>
      <c r="C102763" s="14" t="s">
        <v>191</v>
      </c>
      <c r="D102763" s="14" t="s">
        <v>503</v>
      </c>
      <c r="E102763" s="15">
        <v>45574</v>
      </c>
      <c r="F102763" s="14" t="s">
        <v>15</v>
      </c>
      <c r="G102763" s="16">
        <v>0</v>
      </c>
    </row>
    <row r="102764" spans="1:7" x14ac:dyDescent="0.3">
      <c r="A102764" s="13" t="s">
        <v>502</v>
      </c>
      <c r="B102764" s="14" t="s">
        <v>1</v>
      </c>
      <c r="C102764" s="14" t="s">
        <v>191</v>
      </c>
      <c r="D102764" s="14" t="s">
        <v>503</v>
      </c>
      <c r="E102764" s="15">
        <v>45575</v>
      </c>
      <c r="F102764" s="14" t="s">
        <v>15</v>
      </c>
      <c r="G102764" s="16">
        <v>0</v>
      </c>
    </row>
    <row r="102765" spans="1:7" x14ac:dyDescent="0.3">
      <c r="A102765" s="13" t="s">
        <v>502</v>
      </c>
      <c r="B102765" s="14" t="s">
        <v>1</v>
      </c>
      <c r="C102765" s="14" t="s">
        <v>191</v>
      </c>
      <c r="D102765" s="14" t="s">
        <v>503</v>
      </c>
      <c r="E102765" s="15">
        <v>45576</v>
      </c>
      <c r="F102765" s="14" t="s">
        <v>15</v>
      </c>
      <c r="G102765" s="16">
        <v>0</v>
      </c>
    </row>
    <row r="102766" spans="1:7" x14ac:dyDescent="0.3">
      <c r="A102766" s="13" t="s">
        <v>502</v>
      </c>
      <c r="B102766" s="14" t="s">
        <v>1</v>
      </c>
      <c r="C102766" s="14" t="s">
        <v>191</v>
      </c>
      <c r="D102766" s="14" t="s">
        <v>503</v>
      </c>
      <c r="E102766" s="15">
        <v>45577</v>
      </c>
      <c r="F102766" s="14" t="s">
        <v>15</v>
      </c>
      <c r="G102766" s="16">
        <v>0</v>
      </c>
    </row>
    <row r="102767" spans="1:7" x14ac:dyDescent="0.3">
      <c r="A102767" s="13" t="s">
        <v>502</v>
      </c>
      <c r="B102767" s="14" t="s">
        <v>1</v>
      </c>
      <c r="C102767" s="14" t="s">
        <v>191</v>
      </c>
      <c r="D102767" s="14" t="s">
        <v>503</v>
      </c>
      <c r="E102767" s="15">
        <v>45578</v>
      </c>
      <c r="F102767" s="14" t="s">
        <v>15</v>
      </c>
      <c r="G102767" s="16">
        <v>0</v>
      </c>
    </row>
    <row r="102768" spans="1:7" x14ac:dyDescent="0.3">
      <c r="A102768" s="13" t="s">
        <v>502</v>
      </c>
      <c r="B102768" s="14" t="s">
        <v>1</v>
      </c>
      <c r="C102768" s="14" t="s">
        <v>191</v>
      </c>
      <c r="D102768" s="14" t="s">
        <v>503</v>
      </c>
      <c r="E102768" s="15">
        <v>45579</v>
      </c>
      <c r="F102768" s="14" t="s">
        <v>15</v>
      </c>
      <c r="G102768" s="16">
        <v>0</v>
      </c>
    </row>
    <row r="102769" spans="1:7" x14ac:dyDescent="0.3">
      <c r="A102769" s="13" t="s">
        <v>502</v>
      </c>
      <c r="B102769" s="14" t="s">
        <v>1</v>
      </c>
      <c r="C102769" s="14" t="s">
        <v>191</v>
      </c>
      <c r="D102769" s="14" t="s">
        <v>503</v>
      </c>
      <c r="E102769" s="15">
        <v>45580</v>
      </c>
      <c r="F102769" s="14" t="s">
        <v>15</v>
      </c>
      <c r="G102769" s="16">
        <v>0</v>
      </c>
    </row>
    <row r="102770" spans="1:7" x14ac:dyDescent="0.3">
      <c r="A102770" s="13" t="s">
        <v>502</v>
      </c>
      <c r="B102770" s="14" t="s">
        <v>1</v>
      </c>
      <c r="C102770" s="14" t="s">
        <v>191</v>
      </c>
      <c r="D102770" s="14" t="s">
        <v>503</v>
      </c>
      <c r="E102770" s="15">
        <v>45581</v>
      </c>
      <c r="F102770" s="14" t="s">
        <v>15</v>
      </c>
      <c r="G102770" s="16">
        <v>0</v>
      </c>
    </row>
    <row r="102771" spans="1:7" x14ac:dyDescent="0.3">
      <c r="A102771" s="13" t="s">
        <v>502</v>
      </c>
      <c r="B102771" s="14" t="s">
        <v>1</v>
      </c>
      <c r="C102771" s="14" t="s">
        <v>191</v>
      </c>
      <c r="D102771" s="14" t="s">
        <v>503</v>
      </c>
      <c r="E102771" s="15">
        <v>45582</v>
      </c>
      <c r="F102771" s="14" t="s">
        <v>15</v>
      </c>
      <c r="G102771" s="16">
        <v>0</v>
      </c>
    </row>
    <row r="102772" spans="1:7" x14ac:dyDescent="0.3">
      <c r="A102772" s="13" t="s">
        <v>502</v>
      </c>
      <c r="B102772" s="14" t="s">
        <v>1</v>
      </c>
      <c r="C102772" s="14" t="s">
        <v>191</v>
      </c>
      <c r="D102772" s="14" t="s">
        <v>503</v>
      </c>
      <c r="E102772" s="15">
        <v>45583</v>
      </c>
      <c r="F102772" s="14" t="s">
        <v>15</v>
      </c>
      <c r="G102772" s="16">
        <v>0</v>
      </c>
    </row>
    <row r="102773" spans="1:7" x14ac:dyDescent="0.3">
      <c r="A102773" s="13" t="s">
        <v>502</v>
      </c>
      <c r="B102773" s="14" t="s">
        <v>1</v>
      </c>
      <c r="C102773" s="14" t="s">
        <v>191</v>
      </c>
      <c r="D102773" s="14" t="s">
        <v>503</v>
      </c>
      <c r="E102773" s="15">
        <v>45584</v>
      </c>
      <c r="F102773" s="14" t="s">
        <v>15</v>
      </c>
      <c r="G102773" s="16">
        <v>0</v>
      </c>
    </row>
    <row r="102774" spans="1:7" x14ac:dyDescent="0.3">
      <c r="A102774" s="13" t="s">
        <v>502</v>
      </c>
      <c r="B102774" s="14" t="s">
        <v>1</v>
      </c>
      <c r="C102774" s="14" t="s">
        <v>191</v>
      </c>
      <c r="D102774" s="14" t="s">
        <v>503</v>
      </c>
      <c r="E102774" s="15">
        <v>45585</v>
      </c>
      <c r="F102774" s="14" t="s">
        <v>15</v>
      </c>
      <c r="G102774" s="16">
        <v>0</v>
      </c>
    </row>
    <row r="102775" spans="1:7" x14ac:dyDescent="0.3">
      <c r="A102775" s="13" t="s">
        <v>502</v>
      </c>
      <c r="B102775" s="14" t="s">
        <v>1</v>
      </c>
      <c r="C102775" s="14" t="s">
        <v>191</v>
      </c>
      <c r="D102775" s="14" t="s">
        <v>503</v>
      </c>
      <c r="E102775" s="15">
        <v>45586</v>
      </c>
      <c r="F102775" s="14" t="s">
        <v>15</v>
      </c>
      <c r="G102775" s="16">
        <v>0</v>
      </c>
    </row>
    <row r="102776" spans="1:7" x14ac:dyDescent="0.3">
      <c r="A102776" s="13" t="s">
        <v>502</v>
      </c>
      <c r="B102776" s="14" t="s">
        <v>1</v>
      </c>
      <c r="C102776" s="14" t="s">
        <v>191</v>
      </c>
      <c r="D102776" s="14" t="s">
        <v>503</v>
      </c>
      <c r="E102776" s="15">
        <v>45587</v>
      </c>
      <c r="F102776" s="14" t="s">
        <v>15</v>
      </c>
      <c r="G102776" s="16">
        <v>0</v>
      </c>
    </row>
    <row r="102777" spans="1:7" x14ac:dyDescent="0.3">
      <c r="A102777" s="13" t="s">
        <v>502</v>
      </c>
      <c r="B102777" s="14" t="s">
        <v>1</v>
      </c>
      <c r="C102777" s="14" t="s">
        <v>191</v>
      </c>
      <c r="D102777" s="14" t="s">
        <v>503</v>
      </c>
      <c r="E102777" s="15">
        <v>45588</v>
      </c>
      <c r="F102777" s="14" t="s">
        <v>15</v>
      </c>
      <c r="G102777" s="16">
        <v>0</v>
      </c>
    </row>
    <row r="102778" spans="1:7" x14ac:dyDescent="0.3">
      <c r="A102778" s="13" t="s">
        <v>502</v>
      </c>
      <c r="B102778" s="14" t="s">
        <v>1</v>
      </c>
      <c r="C102778" s="14" t="s">
        <v>191</v>
      </c>
      <c r="D102778" s="14" t="s">
        <v>503</v>
      </c>
      <c r="E102778" s="15">
        <v>45589</v>
      </c>
      <c r="F102778" s="14" t="s">
        <v>15</v>
      </c>
      <c r="G102778" s="16">
        <v>0</v>
      </c>
    </row>
    <row r="102779" spans="1:7" x14ac:dyDescent="0.3">
      <c r="A102779" s="13" t="s">
        <v>502</v>
      </c>
      <c r="B102779" s="14" t="s">
        <v>1</v>
      </c>
      <c r="C102779" s="14" t="s">
        <v>191</v>
      </c>
      <c r="D102779" s="14" t="s">
        <v>503</v>
      </c>
      <c r="E102779" s="15">
        <v>45590</v>
      </c>
      <c r="F102779" s="14" t="s">
        <v>15</v>
      </c>
      <c r="G102779" s="16">
        <v>0</v>
      </c>
    </row>
    <row r="102780" spans="1:7" x14ac:dyDescent="0.3">
      <c r="A102780" s="13" t="s">
        <v>502</v>
      </c>
      <c r="B102780" s="14" t="s">
        <v>1</v>
      </c>
      <c r="C102780" s="14" t="s">
        <v>191</v>
      </c>
      <c r="D102780" s="14" t="s">
        <v>503</v>
      </c>
      <c r="E102780" s="15">
        <v>45591</v>
      </c>
      <c r="F102780" s="14" t="s">
        <v>15</v>
      </c>
      <c r="G102780" s="16">
        <v>0</v>
      </c>
    </row>
    <row r="102781" spans="1:7" x14ac:dyDescent="0.3">
      <c r="A102781" s="13" t="s">
        <v>502</v>
      </c>
      <c r="B102781" s="14" t="s">
        <v>1</v>
      </c>
      <c r="C102781" s="14" t="s">
        <v>191</v>
      </c>
      <c r="D102781" s="14" t="s">
        <v>503</v>
      </c>
      <c r="E102781" s="15">
        <v>45592</v>
      </c>
      <c r="F102781" s="14" t="s">
        <v>15</v>
      </c>
      <c r="G102781" s="16">
        <v>0</v>
      </c>
    </row>
    <row r="102782" spans="1:7" x14ac:dyDescent="0.3">
      <c r="A102782" s="13" t="s">
        <v>502</v>
      </c>
      <c r="B102782" s="14" t="s">
        <v>1</v>
      </c>
      <c r="C102782" s="14" t="s">
        <v>191</v>
      </c>
      <c r="D102782" s="14" t="s">
        <v>503</v>
      </c>
      <c r="E102782" s="15">
        <v>45593</v>
      </c>
      <c r="F102782" s="14" t="s">
        <v>15</v>
      </c>
      <c r="G102782" s="16">
        <v>0</v>
      </c>
    </row>
    <row r="102783" spans="1:7" x14ac:dyDescent="0.3">
      <c r="A102783" s="13" t="s">
        <v>502</v>
      </c>
      <c r="B102783" s="14" t="s">
        <v>1</v>
      </c>
      <c r="C102783" s="14" t="s">
        <v>191</v>
      </c>
      <c r="D102783" s="14" t="s">
        <v>503</v>
      </c>
      <c r="E102783" s="15">
        <v>45594</v>
      </c>
      <c r="F102783" s="14" t="s">
        <v>15</v>
      </c>
      <c r="G102783" s="16">
        <v>0</v>
      </c>
    </row>
    <row r="102784" spans="1:7" x14ac:dyDescent="0.3">
      <c r="A102784" s="13" t="s">
        <v>502</v>
      </c>
      <c r="B102784" s="14" t="s">
        <v>1</v>
      </c>
      <c r="C102784" s="14" t="s">
        <v>191</v>
      </c>
      <c r="D102784" s="14" t="s">
        <v>503</v>
      </c>
      <c r="E102784" s="15">
        <v>45595</v>
      </c>
      <c r="F102784" s="14" t="s">
        <v>15</v>
      </c>
      <c r="G102784" s="16">
        <v>0</v>
      </c>
    </row>
    <row r="102785" spans="1:7" x14ac:dyDescent="0.3">
      <c r="A102785" s="13" t="s">
        <v>502</v>
      </c>
      <c r="B102785" s="14" t="s">
        <v>1</v>
      </c>
      <c r="C102785" s="14" t="s">
        <v>191</v>
      </c>
      <c r="D102785" s="14" t="s">
        <v>503</v>
      </c>
      <c r="E102785" s="15">
        <v>45596</v>
      </c>
      <c r="F102785" s="14" t="s">
        <v>15</v>
      </c>
      <c r="G102785" s="16">
        <v>0</v>
      </c>
    </row>
    <row r="102786" spans="1:7" x14ac:dyDescent="0.3">
      <c r="A102786" s="13" t="s">
        <v>502</v>
      </c>
      <c r="B102786" s="14" t="s">
        <v>1</v>
      </c>
      <c r="C102786" s="14" t="s">
        <v>191</v>
      </c>
      <c r="D102786" s="14" t="s">
        <v>503</v>
      </c>
      <c r="E102786" s="15">
        <v>45597</v>
      </c>
      <c r="F102786" s="14" t="s">
        <v>15</v>
      </c>
      <c r="G102786" s="16">
        <v>0</v>
      </c>
    </row>
    <row r="102787" spans="1:7" x14ac:dyDescent="0.3">
      <c r="A102787" s="13" t="s">
        <v>502</v>
      </c>
      <c r="B102787" s="14" t="s">
        <v>1</v>
      </c>
      <c r="C102787" s="14" t="s">
        <v>191</v>
      </c>
      <c r="D102787" s="14" t="s">
        <v>503</v>
      </c>
      <c r="E102787" s="15">
        <v>45598</v>
      </c>
      <c r="F102787" s="14" t="s">
        <v>15</v>
      </c>
      <c r="G102787" s="16">
        <v>0</v>
      </c>
    </row>
    <row r="102788" spans="1:7" x14ac:dyDescent="0.3">
      <c r="A102788" s="13" t="s">
        <v>502</v>
      </c>
      <c r="B102788" s="14" t="s">
        <v>1</v>
      </c>
      <c r="C102788" s="14" t="s">
        <v>191</v>
      </c>
      <c r="D102788" s="14" t="s">
        <v>503</v>
      </c>
      <c r="E102788" s="15">
        <v>45599</v>
      </c>
      <c r="F102788" s="14" t="s">
        <v>15</v>
      </c>
      <c r="G102788" s="16">
        <v>0</v>
      </c>
    </row>
    <row r="102789" spans="1:7" x14ac:dyDescent="0.3">
      <c r="A102789" s="13" t="s">
        <v>502</v>
      </c>
      <c r="B102789" s="14" t="s">
        <v>1</v>
      </c>
      <c r="C102789" s="14" t="s">
        <v>191</v>
      </c>
      <c r="D102789" s="14" t="s">
        <v>503</v>
      </c>
      <c r="E102789" s="15">
        <v>45600</v>
      </c>
      <c r="F102789" s="14" t="s">
        <v>15</v>
      </c>
      <c r="G102789" s="16">
        <v>0</v>
      </c>
    </row>
    <row r="102790" spans="1:7" x14ac:dyDescent="0.3">
      <c r="A102790" s="13" t="s">
        <v>502</v>
      </c>
      <c r="B102790" s="14" t="s">
        <v>1</v>
      </c>
      <c r="C102790" s="14" t="s">
        <v>191</v>
      </c>
      <c r="D102790" s="14" t="s">
        <v>503</v>
      </c>
      <c r="E102790" s="15">
        <v>45601</v>
      </c>
      <c r="F102790" s="14" t="s">
        <v>15</v>
      </c>
      <c r="G102790" s="16">
        <v>0</v>
      </c>
    </row>
    <row r="102791" spans="1:7" x14ac:dyDescent="0.3">
      <c r="A102791" s="13" t="s">
        <v>502</v>
      </c>
      <c r="B102791" s="14" t="s">
        <v>1</v>
      </c>
      <c r="C102791" s="14" t="s">
        <v>191</v>
      </c>
      <c r="D102791" s="14" t="s">
        <v>503</v>
      </c>
      <c r="E102791" s="15">
        <v>45602</v>
      </c>
      <c r="F102791" s="14" t="s">
        <v>15</v>
      </c>
      <c r="G102791" s="16">
        <v>0</v>
      </c>
    </row>
    <row r="102792" spans="1:7" x14ac:dyDescent="0.3">
      <c r="A102792" s="13" t="s">
        <v>502</v>
      </c>
      <c r="B102792" s="14" t="s">
        <v>1</v>
      </c>
      <c r="C102792" s="14" t="s">
        <v>191</v>
      </c>
      <c r="D102792" s="14" t="s">
        <v>503</v>
      </c>
      <c r="E102792" s="15">
        <v>45603</v>
      </c>
      <c r="F102792" s="14" t="s">
        <v>15</v>
      </c>
      <c r="G102792" s="16">
        <v>0</v>
      </c>
    </row>
    <row r="102793" spans="1:7" x14ac:dyDescent="0.3">
      <c r="A102793" s="13" t="s">
        <v>502</v>
      </c>
      <c r="B102793" s="14" t="s">
        <v>1</v>
      </c>
      <c r="C102793" s="14" t="s">
        <v>191</v>
      </c>
      <c r="D102793" s="14" t="s">
        <v>503</v>
      </c>
      <c r="E102793" s="15">
        <v>45604</v>
      </c>
      <c r="F102793" s="14" t="s">
        <v>15</v>
      </c>
      <c r="G102793" s="16">
        <v>0</v>
      </c>
    </row>
    <row r="102794" spans="1:7" x14ac:dyDescent="0.3">
      <c r="A102794" s="13" t="s">
        <v>502</v>
      </c>
      <c r="B102794" s="14" t="s">
        <v>1</v>
      </c>
      <c r="C102794" s="14" t="s">
        <v>191</v>
      </c>
      <c r="D102794" s="14" t="s">
        <v>503</v>
      </c>
      <c r="E102794" s="15">
        <v>45605</v>
      </c>
      <c r="F102794" s="14" t="s">
        <v>15</v>
      </c>
      <c r="G102794" s="16">
        <v>0</v>
      </c>
    </row>
    <row r="102795" spans="1:7" x14ac:dyDescent="0.3">
      <c r="A102795" s="13" t="s">
        <v>502</v>
      </c>
      <c r="B102795" s="14" t="s">
        <v>1</v>
      </c>
      <c r="C102795" s="14" t="s">
        <v>191</v>
      </c>
      <c r="D102795" s="14" t="s">
        <v>503</v>
      </c>
      <c r="E102795" s="15">
        <v>45606</v>
      </c>
      <c r="F102795" s="14" t="s">
        <v>15</v>
      </c>
      <c r="G102795" s="16">
        <v>0</v>
      </c>
    </row>
    <row r="102796" spans="1:7" x14ac:dyDescent="0.3">
      <c r="A102796" s="13" t="s">
        <v>502</v>
      </c>
      <c r="B102796" s="14" t="s">
        <v>1</v>
      </c>
      <c r="C102796" s="14" t="s">
        <v>191</v>
      </c>
      <c r="D102796" s="14" t="s">
        <v>503</v>
      </c>
      <c r="E102796" s="15">
        <v>45607</v>
      </c>
      <c r="F102796" s="14" t="s">
        <v>15</v>
      </c>
      <c r="G102796" s="16">
        <v>0</v>
      </c>
    </row>
    <row r="102797" spans="1:7" x14ac:dyDescent="0.3">
      <c r="A102797" s="13" t="s">
        <v>502</v>
      </c>
      <c r="B102797" s="14" t="s">
        <v>1</v>
      </c>
      <c r="C102797" s="14" t="s">
        <v>191</v>
      </c>
      <c r="D102797" s="14" t="s">
        <v>503</v>
      </c>
      <c r="E102797" s="15">
        <v>45608</v>
      </c>
      <c r="F102797" s="14" t="s">
        <v>15</v>
      </c>
      <c r="G102797" s="16">
        <v>0</v>
      </c>
    </row>
    <row r="102798" spans="1:7" x14ac:dyDescent="0.3">
      <c r="A102798" s="13" t="s">
        <v>502</v>
      </c>
      <c r="B102798" s="14" t="s">
        <v>1</v>
      </c>
      <c r="C102798" s="14" t="s">
        <v>191</v>
      </c>
      <c r="D102798" s="14" t="s">
        <v>503</v>
      </c>
      <c r="E102798" s="15">
        <v>45609</v>
      </c>
      <c r="F102798" s="14" t="s">
        <v>15</v>
      </c>
      <c r="G102798" s="16">
        <v>0</v>
      </c>
    </row>
    <row r="102799" spans="1:7" x14ac:dyDescent="0.3">
      <c r="A102799" s="13" t="s">
        <v>502</v>
      </c>
      <c r="B102799" s="14" t="s">
        <v>1</v>
      </c>
      <c r="C102799" s="14" t="s">
        <v>191</v>
      </c>
      <c r="D102799" s="14" t="s">
        <v>503</v>
      </c>
      <c r="E102799" s="15">
        <v>45610</v>
      </c>
      <c r="F102799" s="14" t="s">
        <v>15</v>
      </c>
      <c r="G102799" s="16">
        <v>0</v>
      </c>
    </row>
    <row r="102800" spans="1:7" x14ac:dyDescent="0.3">
      <c r="A102800" s="13" t="s">
        <v>502</v>
      </c>
      <c r="B102800" s="14" t="s">
        <v>1</v>
      </c>
      <c r="C102800" s="14" t="s">
        <v>191</v>
      </c>
      <c r="D102800" s="14" t="s">
        <v>503</v>
      </c>
      <c r="E102800" s="15">
        <v>45611</v>
      </c>
      <c r="F102800" s="14" t="s">
        <v>15</v>
      </c>
      <c r="G102800" s="16">
        <v>0</v>
      </c>
    </row>
    <row r="102801" spans="1:7" x14ac:dyDescent="0.3">
      <c r="A102801" s="13" t="s">
        <v>502</v>
      </c>
      <c r="B102801" s="14" t="s">
        <v>1</v>
      </c>
      <c r="C102801" s="14" t="s">
        <v>191</v>
      </c>
      <c r="D102801" s="14" t="s">
        <v>503</v>
      </c>
      <c r="E102801" s="15">
        <v>45612</v>
      </c>
      <c r="F102801" s="14" t="s">
        <v>15</v>
      </c>
      <c r="G102801" s="16">
        <v>0</v>
      </c>
    </row>
    <row r="102802" spans="1:7" x14ac:dyDescent="0.3">
      <c r="A102802" s="13" t="s">
        <v>502</v>
      </c>
      <c r="B102802" s="14" t="s">
        <v>1</v>
      </c>
      <c r="C102802" s="14" t="s">
        <v>191</v>
      </c>
      <c r="D102802" s="14" t="s">
        <v>503</v>
      </c>
      <c r="E102802" s="15">
        <v>45613</v>
      </c>
      <c r="F102802" s="14" t="s">
        <v>15</v>
      </c>
      <c r="G102802" s="16">
        <v>0</v>
      </c>
    </row>
    <row r="102803" spans="1:7" x14ac:dyDescent="0.3">
      <c r="A102803" s="13" t="s">
        <v>502</v>
      </c>
      <c r="B102803" s="14" t="s">
        <v>1</v>
      </c>
      <c r="C102803" s="14" t="s">
        <v>191</v>
      </c>
      <c r="D102803" s="14" t="s">
        <v>503</v>
      </c>
      <c r="E102803" s="15">
        <v>45614</v>
      </c>
      <c r="F102803" s="14" t="s">
        <v>15</v>
      </c>
      <c r="G102803" s="16">
        <v>0</v>
      </c>
    </row>
    <row r="102804" spans="1:7" x14ac:dyDescent="0.3">
      <c r="A102804" s="13" t="s">
        <v>502</v>
      </c>
      <c r="B102804" s="14" t="s">
        <v>1</v>
      </c>
      <c r="C102804" s="14" t="s">
        <v>191</v>
      </c>
      <c r="D102804" s="14" t="s">
        <v>503</v>
      </c>
      <c r="E102804" s="15">
        <v>45615</v>
      </c>
      <c r="F102804" s="14" t="s">
        <v>15</v>
      </c>
      <c r="G102804" s="16">
        <v>9.3263275864121642E-2</v>
      </c>
    </row>
    <row r="102805" spans="1:7" x14ac:dyDescent="0.3">
      <c r="A102805" s="13" t="s">
        <v>502</v>
      </c>
      <c r="B102805" s="14" t="s">
        <v>1</v>
      </c>
      <c r="C102805" s="14" t="s">
        <v>191</v>
      </c>
      <c r="D102805" s="14" t="s">
        <v>503</v>
      </c>
      <c r="E102805" s="15">
        <v>45616</v>
      </c>
      <c r="F102805" s="14" t="s">
        <v>15</v>
      </c>
      <c r="G102805" s="16">
        <v>9.1458928900074635E-2</v>
      </c>
    </row>
    <row r="102806" spans="1:7" x14ac:dyDescent="0.3">
      <c r="A102806" s="13" t="s">
        <v>502</v>
      </c>
      <c r="B102806" s="14" t="s">
        <v>1</v>
      </c>
      <c r="C102806" s="14" t="s">
        <v>191</v>
      </c>
      <c r="D102806" s="14" t="s">
        <v>503</v>
      </c>
      <c r="E102806" s="15">
        <v>45617</v>
      </c>
      <c r="F102806" s="14" t="s">
        <v>15</v>
      </c>
      <c r="G102806" s="16">
        <v>8.9649014032124566E-2</v>
      </c>
    </row>
    <row r="102807" spans="1:7" x14ac:dyDescent="0.3">
      <c r="A102807" s="13" t="s">
        <v>502</v>
      </c>
      <c r="B102807" s="14" t="s">
        <v>1</v>
      </c>
      <c r="C102807" s="14" t="s">
        <v>191</v>
      </c>
      <c r="D102807" s="14" t="s">
        <v>503</v>
      </c>
      <c r="E102807" s="15">
        <v>45618</v>
      </c>
      <c r="F102807" s="14" t="s">
        <v>15</v>
      </c>
      <c r="G102807" s="16">
        <v>8.7852137339148095E-2</v>
      </c>
    </row>
    <row r="102808" spans="1:7" x14ac:dyDescent="0.3">
      <c r="A102808" s="13" t="s">
        <v>502</v>
      </c>
      <c r="B102808" s="14" t="s">
        <v>1</v>
      </c>
      <c r="C102808" s="14" t="s">
        <v>191</v>
      </c>
      <c r="D102808" s="14" t="s">
        <v>503</v>
      </c>
      <c r="E102808" s="15">
        <v>45619</v>
      </c>
      <c r="F102808" s="14" t="s">
        <v>15</v>
      </c>
      <c r="G102808" s="16">
        <v>8.7852137339148095E-2</v>
      </c>
    </row>
    <row r="102809" spans="1:7" x14ac:dyDescent="0.3">
      <c r="A102809" s="13" t="s">
        <v>502</v>
      </c>
      <c r="B102809" s="14" t="s">
        <v>1</v>
      </c>
      <c r="C102809" s="14" t="s">
        <v>191</v>
      </c>
      <c r="D102809" s="14" t="s">
        <v>503</v>
      </c>
      <c r="E102809" s="15">
        <v>45620</v>
      </c>
      <c r="F102809" s="14" t="s">
        <v>15</v>
      </c>
      <c r="G102809" s="16">
        <v>8.7852137339148095E-2</v>
      </c>
    </row>
    <row r="102810" spans="1:7" x14ac:dyDescent="0.3">
      <c r="A102810" s="13" t="s">
        <v>502</v>
      </c>
      <c r="B102810" s="14" t="s">
        <v>1</v>
      </c>
      <c r="C102810" s="14" t="s">
        <v>191</v>
      </c>
      <c r="D102810" s="14" t="s">
        <v>503</v>
      </c>
      <c r="E102810" s="15">
        <v>45621</v>
      </c>
      <c r="F102810" s="14" t="s">
        <v>15</v>
      </c>
      <c r="G102810" s="16">
        <v>8.6056606222948168E-2</v>
      </c>
    </row>
    <row r="102811" spans="1:7" x14ac:dyDescent="0.3">
      <c r="A102811" s="13" t="s">
        <v>502</v>
      </c>
      <c r="B102811" s="14" t="s">
        <v>1</v>
      </c>
      <c r="C102811" s="14" t="s">
        <v>191</v>
      </c>
      <c r="D102811" s="14" t="s">
        <v>503</v>
      </c>
      <c r="E102811" s="15">
        <v>45622</v>
      </c>
      <c r="F102811" s="14" t="s">
        <v>15</v>
      </c>
      <c r="G102811" s="16">
        <v>8.0669173899514821E-2</v>
      </c>
    </row>
    <row r="102812" spans="1:7" x14ac:dyDescent="0.3">
      <c r="A102812" s="13" t="s">
        <v>502</v>
      </c>
      <c r="B102812" s="14" t="s">
        <v>1</v>
      </c>
      <c r="C102812" s="14" t="s">
        <v>191</v>
      </c>
      <c r="D102812" s="14" t="s">
        <v>503</v>
      </c>
      <c r="E102812" s="15">
        <v>45623</v>
      </c>
      <c r="F102812" s="14" t="s">
        <v>15</v>
      </c>
      <c r="G102812" s="16">
        <v>7.8854108720453966E-2</v>
      </c>
    </row>
    <row r="102813" spans="1:7" x14ac:dyDescent="0.3">
      <c r="A102813" s="13" t="s">
        <v>502</v>
      </c>
      <c r="B102813" s="14" t="s">
        <v>1</v>
      </c>
      <c r="C102813" s="14" t="s">
        <v>191</v>
      </c>
      <c r="D102813" s="14" t="s">
        <v>503</v>
      </c>
      <c r="E102813" s="15">
        <v>45624</v>
      </c>
      <c r="F102813" s="14" t="s">
        <v>15</v>
      </c>
      <c r="G102813" s="16">
        <v>7.8061960286832183E-2</v>
      </c>
    </row>
    <row r="102814" spans="1:7" x14ac:dyDescent="0.3">
      <c r="A102814" s="13" t="s">
        <v>502</v>
      </c>
      <c r="B102814" s="14" t="s">
        <v>1</v>
      </c>
      <c r="C102814" s="14" t="s">
        <v>191</v>
      </c>
      <c r="D102814" s="14" t="s">
        <v>503</v>
      </c>
      <c r="E102814" s="15">
        <v>45625</v>
      </c>
      <c r="F102814" s="14" t="s">
        <v>15</v>
      </c>
      <c r="G102814" s="16">
        <v>9.78289722218392E-2</v>
      </c>
    </row>
    <row r="102815" spans="1:7" x14ac:dyDescent="0.3">
      <c r="A102815" s="13" t="s">
        <v>502</v>
      </c>
      <c r="B102815" s="14" t="s">
        <v>1</v>
      </c>
      <c r="C102815" s="14" t="s">
        <v>191</v>
      </c>
      <c r="D102815" s="14" t="s">
        <v>503</v>
      </c>
      <c r="E102815" s="15">
        <v>45626</v>
      </c>
      <c r="F102815" s="14" t="s">
        <v>15</v>
      </c>
      <c r="G102815" s="16">
        <v>9.78289722218392E-2</v>
      </c>
    </row>
    <row r="102816" spans="1:7" x14ac:dyDescent="0.3">
      <c r="A102816" s="13" t="s">
        <v>502</v>
      </c>
      <c r="B102816" s="14" t="s">
        <v>1</v>
      </c>
      <c r="C102816" s="14" t="s">
        <v>191</v>
      </c>
      <c r="D102816" s="14" t="s">
        <v>503</v>
      </c>
      <c r="E102816" s="15">
        <v>45627</v>
      </c>
      <c r="F102816" s="14" t="s">
        <v>15</v>
      </c>
      <c r="G102816" s="16">
        <v>9.78289722218392E-2</v>
      </c>
    </row>
    <row r="102817" spans="1:7" x14ac:dyDescent="0.3">
      <c r="A102817" s="13" t="s">
        <v>502</v>
      </c>
      <c r="B102817" s="14" t="s">
        <v>1</v>
      </c>
      <c r="C102817" s="14" t="s">
        <v>191</v>
      </c>
      <c r="D102817" s="14" t="s">
        <v>503</v>
      </c>
      <c r="E102817" s="15">
        <v>45628</v>
      </c>
      <c r="F102817" s="14" t="s">
        <v>15</v>
      </c>
      <c r="G102817" s="16">
        <v>9.5987691495233687E-2</v>
      </c>
    </row>
    <row r="102818" spans="1:7" x14ac:dyDescent="0.3">
      <c r="A102818" s="13" t="s">
        <v>502</v>
      </c>
      <c r="B102818" s="14" t="s">
        <v>1</v>
      </c>
      <c r="C102818" s="14" t="s">
        <v>191</v>
      </c>
      <c r="D102818" s="14" t="s">
        <v>503</v>
      </c>
      <c r="E102818" s="15">
        <v>45629</v>
      </c>
      <c r="F102818" s="14" t="s">
        <v>15</v>
      </c>
      <c r="G102818" s="16">
        <v>9.0471824912672083E-2</v>
      </c>
    </row>
    <row r="102819" spans="1:7" x14ac:dyDescent="0.3">
      <c r="A102819" s="13" t="s">
        <v>502</v>
      </c>
      <c r="B102819" s="14" t="s">
        <v>1</v>
      </c>
      <c r="C102819" s="14" t="s">
        <v>191</v>
      </c>
      <c r="D102819" s="14" t="s">
        <v>503</v>
      </c>
      <c r="E102819" s="15">
        <v>45630</v>
      </c>
      <c r="F102819" s="14" t="s">
        <v>15</v>
      </c>
      <c r="G102819" s="16">
        <v>8.6272497897387515E-2</v>
      </c>
    </row>
    <row r="102820" spans="1:7" x14ac:dyDescent="0.3">
      <c r="A102820" s="13" t="s">
        <v>502</v>
      </c>
      <c r="B102820" s="14" t="s">
        <v>1</v>
      </c>
      <c r="C102820" s="14" t="s">
        <v>191</v>
      </c>
      <c r="D102820" s="14" t="s">
        <v>503</v>
      </c>
      <c r="E102820" s="15">
        <v>45631</v>
      </c>
      <c r="F102820" s="14" t="s">
        <v>15</v>
      </c>
      <c r="G102820" s="16">
        <v>8.4432285615414909E-2</v>
      </c>
    </row>
    <row r="102821" spans="1:7" x14ac:dyDescent="0.3">
      <c r="A102821" s="13" t="s">
        <v>502</v>
      </c>
      <c r="B102821" s="14" t="s">
        <v>1</v>
      </c>
      <c r="C102821" s="14" t="s">
        <v>191</v>
      </c>
      <c r="D102821" s="14" t="s">
        <v>503</v>
      </c>
      <c r="E102821" s="15">
        <v>45632</v>
      </c>
      <c r="F102821" s="14" t="s">
        <v>15</v>
      </c>
      <c r="G102821" s="16">
        <v>8.2612552323016203E-2</v>
      </c>
    </row>
    <row r="102822" spans="1:7" x14ac:dyDescent="0.3">
      <c r="A102822" s="13" t="s">
        <v>502</v>
      </c>
      <c r="B102822" s="14" t="s">
        <v>1</v>
      </c>
      <c r="C102822" s="14" t="s">
        <v>191</v>
      </c>
      <c r="D102822" s="14" t="s">
        <v>503</v>
      </c>
      <c r="E102822" s="15">
        <v>45633</v>
      </c>
      <c r="F102822" s="14" t="s">
        <v>15</v>
      </c>
      <c r="G102822" s="16">
        <v>8.2612552323016203E-2</v>
      </c>
    </row>
    <row r="102823" spans="1:7" x14ac:dyDescent="0.3">
      <c r="A102823" s="13" t="s">
        <v>502</v>
      </c>
      <c r="B102823" s="14" t="s">
        <v>1</v>
      </c>
      <c r="C102823" s="14" t="s">
        <v>191</v>
      </c>
      <c r="D102823" s="14" t="s">
        <v>503</v>
      </c>
      <c r="E102823" s="15">
        <v>45634</v>
      </c>
      <c r="F102823" s="14" t="s">
        <v>15</v>
      </c>
      <c r="G102823" s="16">
        <v>8.2612552323016203E-2</v>
      </c>
    </row>
    <row r="102824" spans="1:7" x14ac:dyDescent="0.3">
      <c r="A102824" s="13" t="s">
        <v>502</v>
      </c>
      <c r="B102824" s="14" t="s">
        <v>1</v>
      </c>
      <c r="C102824" s="14" t="s">
        <v>191</v>
      </c>
      <c r="D102824" s="14" t="s">
        <v>503</v>
      </c>
      <c r="E102824" s="15">
        <v>45635</v>
      </c>
      <c r="F102824" s="14" t="s">
        <v>15</v>
      </c>
      <c r="G102824" s="16">
        <v>8.9365406820004517E-2</v>
      </c>
    </row>
    <row r="102825" spans="1:7" x14ac:dyDescent="0.3">
      <c r="A102825" s="13" t="s">
        <v>502</v>
      </c>
      <c r="B102825" s="14" t="s">
        <v>1</v>
      </c>
      <c r="C102825" s="14" t="s">
        <v>191</v>
      </c>
      <c r="D102825" s="14" t="s">
        <v>503</v>
      </c>
      <c r="E102825" s="15">
        <v>45636</v>
      </c>
      <c r="F102825" s="14" t="s">
        <v>15</v>
      </c>
      <c r="G102825" s="16">
        <v>8.3943349101727696E-2</v>
      </c>
    </row>
    <row r="102826" spans="1:7" x14ac:dyDescent="0.3">
      <c r="A102826" s="13" t="s">
        <v>502</v>
      </c>
      <c r="B102826" s="14" t="s">
        <v>1</v>
      </c>
      <c r="C102826" s="14" t="s">
        <v>191</v>
      </c>
      <c r="D102826" s="14" t="s">
        <v>503</v>
      </c>
      <c r="E102826" s="15">
        <v>45637</v>
      </c>
      <c r="F102826" s="14" t="s">
        <v>15</v>
      </c>
      <c r="G102826" s="16">
        <v>7.9476306356492901E-2</v>
      </c>
    </row>
    <row r="102827" spans="1:7" x14ac:dyDescent="0.3">
      <c r="A102827" s="13" t="s">
        <v>502</v>
      </c>
      <c r="B102827" s="14" t="s">
        <v>1</v>
      </c>
      <c r="C102827" s="14" t="s">
        <v>191</v>
      </c>
      <c r="D102827" s="14" t="s">
        <v>503</v>
      </c>
      <c r="E102827" s="15">
        <v>45638</v>
      </c>
      <c r="F102827" s="14" t="s">
        <v>15</v>
      </c>
      <c r="G102827" s="16">
        <v>7.769540535683539E-2</v>
      </c>
    </row>
    <row r="102828" spans="1:7" x14ac:dyDescent="0.3">
      <c r="A102828" s="13" t="s">
        <v>502</v>
      </c>
      <c r="B102828" s="14" t="s">
        <v>1</v>
      </c>
      <c r="C102828" s="14" t="s">
        <v>191</v>
      </c>
      <c r="D102828" s="14" t="s">
        <v>503</v>
      </c>
      <c r="E102828" s="15">
        <v>45639</v>
      </c>
      <c r="F102828" s="14" t="s">
        <v>15</v>
      </c>
      <c r="G102828" s="16">
        <v>7.5921082360969894E-2</v>
      </c>
    </row>
    <row r="102829" spans="1:7" x14ac:dyDescent="0.3">
      <c r="A102829" s="13" t="s">
        <v>502</v>
      </c>
      <c r="B102829" s="14" t="s">
        <v>1</v>
      </c>
      <c r="C102829" s="14" t="s">
        <v>191</v>
      </c>
      <c r="D102829" s="14" t="s">
        <v>503</v>
      </c>
      <c r="E102829" s="15">
        <v>45640</v>
      </c>
      <c r="F102829" s="14" t="s">
        <v>15</v>
      </c>
      <c r="G102829" s="16">
        <v>7.5921082360969894E-2</v>
      </c>
    </row>
    <row r="102830" spans="1:7" x14ac:dyDescent="0.3">
      <c r="A102830" s="13" t="s">
        <v>502</v>
      </c>
      <c r="B102830" s="14" t="s">
        <v>1</v>
      </c>
      <c r="C102830" s="14" t="s">
        <v>191</v>
      </c>
      <c r="D102830" s="14" t="s">
        <v>503</v>
      </c>
      <c r="E102830" s="15">
        <v>45641</v>
      </c>
      <c r="F102830" s="14" t="s">
        <v>15</v>
      </c>
      <c r="G102830" s="16">
        <v>7.5921082360969894E-2</v>
      </c>
    </row>
    <row r="102831" spans="1:7" x14ac:dyDescent="0.3">
      <c r="A102831" s="13" t="s">
        <v>502</v>
      </c>
      <c r="B102831" s="14" t="s">
        <v>1</v>
      </c>
      <c r="C102831" s="14" t="s">
        <v>191</v>
      </c>
      <c r="D102831" s="14" t="s">
        <v>503</v>
      </c>
      <c r="E102831" s="15">
        <v>45642</v>
      </c>
      <c r="F102831" s="14" t="s">
        <v>15</v>
      </c>
      <c r="G102831" s="16">
        <v>7.4150372634792711E-2</v>
      </c>
    </row>
    <row r="102832" spans="1:7" x14ac:dyDescent="0.3">
      <c r="A102832" s="13" t="s">
        <v>502</v>
      </c>
      <c r="B102832" s="14" t="s">
        <v>1</v>
      </c>
      <c r="C102832" s="14" t="s">
        <v>191</v>
      </c>
      <c r="D102832" s="14" t="s">
        <v>503</v>
      </c>
      <c r="E102832" s="15">
        <v>45643</v>
      </c>
      <c r="F102832" s="14" t="s">
        <v>15</v>
      </c>
      <c r="G102832" s="16">
        <v>6.888428772473433E-2</v>
      </c>
    </row>
    <row r="102833" spans="1:7" x14ac:dyDescent="0.3">
      <c r="A102833" s="13" t="s">
        <v>502</v>
      </c>
      <c r="B102833" s="14" t="s">
        <v>1</v>
      </c>
      <c r="C102833" s="14" t="s">
        <v>191</v>
      </c>
      <c r="D102833" s="14" t="s">
        <v>503</v>
      </c>
      <c r="E102833" s="15">
        <v>45644</v>
      </c>
      <c r="F102833" s="14" t="s">
        <v>15</v>
      </c>
      <c r="G102833" s="16">
        <v>6.7141187084894707E-2</v>
      </c>
    </row>
    <row r="102834" spans="1:7" x14ac:dyDescent="0.3">
      <c r="A102834" s="13" t="s">
        <v>502</v>
      </c>
      <c r="B102834" s="14" t="s">
        <v>1</v>
      </c>
      <c r="C102834" s="14" t="s">
        <v>191</v>
      </c>
      <c r="D102834" s="14" t="s">
        <v>503</v>
      </c>
      <c r="E102834" s="15">
        <v>45645</v>
      </c>
      <c r="F102834" s="14" t="s">
        <v>15</v>
      </c>
      <c r="G102834" s="16">
        <v>6.5396279810210789E-2</v>
      </c>
    </row>
    <row r="102835" spans="1:7" x14ac:dyDescent="0.3">
      <c r="A102835" s="13" t="s">
        <v>502</v>
      </c>
      <c r="B102835" s="14" t="s">
        <v>1</v>
      </c>
      <c r="C102835" s="14" t="s">
        <v>191</v>
      </c>
      <c r="D102835" s="14" t="s">
        <v>503</v>
      </c>
      <c r="E102835" s="15">
        <v>45646</v>
      </c>
      <c r="F102835" s="14" t="s">
        <v>15</v>
      </c>
      <c r="G102835" s="16">
        <v>6.2094058379740198E-2</v>
      </c>
    </row>
    <row r="102836" spans="1:7" x14ac:dyDescent="0.3">
      <c r="A102836" s="13" t="s">
        <v>502</v>
      </c>
      <c r="B102836" s="14" t="s">
        <v>1</v>
      </c>
      <c r="C102836" s="14" t="s">
        <v>191</v>
      </c>
      <c r="D102836" s="14" t="s">
        <v>503</v>
      </c>
      <c r="E102836" s="15">
        <v>45647</v>
      </c>
      <c r="F102836" s="14" t="s">
        <v>15</v>
      </c>
      <c r="G102836" s="16">
        <v>6.2094058379740198E-2</v>
      </c>
    </row>
    <row r="102837" spans="1:7" x14ac:dyDescent="0.3">
      <c r="A102837" s="13" t="s">
        <v>502</v>
      </c>
      <c r="B102837" s="14" t="s">
        <v>1</v>
      </c>
      <c r="C102837" s="14" t="s">
        <v>191</v>
      </c>
      <c r="D102837" s="14" t="s">
        <v>503</v>
      </c>
      <c r="E102837" s="15">
        <v>45648</v>
      </c>
      <c r="F102837" s="14" t="s">
        <v>15</v>
      </c>
      <c r="G102837" s="16">
        <v>6.2094058379740198E-2</v>
      </c>
    </row>
    <row r="102838" spans="1:7" x14ac:dyDescent="0.3">
      <c r="A102838" s="13" t="s">
        <v>502</v>
      </c>
      <c r="B102838" s="14" t="s">
        <v>1</v>
      </c>
      <c r="C102838" s="14" t="s">
        <v>191</v>
      </c>
      <c r="D102838" s="14" t="s">
        <v>503</v>
      </c>
      <c r="E102838" s="15">
        <v>45649</v>
      </c>
      <c r="F102838" s="14" t="s">
        <v>15</v>
      </c>
      <c r="G102838" s="16">
        <v>5.6206305191268208E-2</v>
      </c>
    </row>
    <row r="102839" spans="1:7" x14ac:dyDescent="0.3">
      <c r="A102839" s="13" t="s">
        <v>502</v>
      </c>
      <c r="B102839" s="14" t="s">
        <v>1</v>
      </c>
      <c r="C102839" s="14" t="s">
        <v>191</v>
      </c>
      <c r="D102839" s="14" t="s">
        <v>503</v>
      </c>
      <c r="E102839" s="15">
        <v>45650</v>
      </c>
      <c r="F102839" s="14" t="s">
        <v>15</v>
      </c>
      <c r="G102839" s="16">
        <v>5.1096520665460984E-2</v>
      </c>
    </row>
    <row r="102840" spans="1:7" x14ac:dyDescent="0.3">
      <c r="A102840" s="13" t="s">
        <v>502</v>
      </c>
      <c r="B102840" s="14" t="s">
        <v>1</v>
      </c>
      <c r="C102840" s="14" t="s">
        <v>191</v>
      </c>
      <c r="D102840" s="14" t="s">
        <v>503</v>
      </c>
      <c r="E102840" s="15">
        <v>45651</v>
      </c>
      <c r="F102840" s="14" t="s">
        <v>15</v>
      </c>
      <c r="G102840" s="16">
        <v>5.1096520665460984E-2</v>
      </c>
    </row>
    <row r="102841" spans="1:7" x14ac:dyDescent="0.3">
      <c r="A102841" s="13" t="s">
        <v>502</v>
      </c>
      <c r="B102841" s="14" t="s">
        <v>1</v>
      </c>
      <c r="C102841" s="14" t="s">
        <v>191</v>
      </c>
      <c r="D102841" s="14" t="s">
        <v>503</v>
      </c>
      <c r="E102841" s="15">
        <v>45652</v>
      </c>
      <c r="F102841" s="14" t="s">
        <v>15</v>
      </c>
      <c r="G102841" s="16">
        <v>5.1096520665460984E-2</v>
      </c>
    </row>
    <row r="102842" spans="1:7" x14ac:dyDescent="0.3">
      <c r="A102842" s="13" t="s">
        <v>502</v>
      </c>
      <c r="B102842" s="14" t="s">
        <v>1</v>
      </c>
      <c r="C102842" s="14" t="s">
        <v>191</v>
      </c>
      <c r="D102842" s="14" t="s">
        <v>503</v>
      </c>
      <c r="E102842" s="15">
        <v>45653</v>
      </c>
      <c r="F102842" s="14" t="s">
        <v>15</v>
      </c>
      <c r="G102842" s="16">
        <v>5.1096520665460984E-2</v>
      </c>
    </row>
    <row r="102843" spans="1:7" x14ac:dyDescent="0.3">
      <c r="A102843" s="13" t="s">
        <v>502</v>
      </c>
      <c r="B102843" s="14" t="s">
        <v>1</v>
      </c>
      <c r="C102843" s="14" t="s">
        <v>191</v>
      </c>
      <c r="D102843" s="14" t="s">
        <v>503</v>
      </c>
      <c r="E102843" s="15">
        <v>45654</v>
      </c>
      <c r="F102843" s="14" t="s">
        <v>15</v>
      </c>
      <c r="G102843" s="16">
        <v>5.1096520665460984E-2</v>
      </c>
    </row>
    <row r="102844" spans="1:7" x14ac:dyDescent="0.3">
      <c r="A102844" s="13" t="s">
        <v>502</v>
      </c>
      <c r="B102844" s="14" t="s">
        <v>1</v>
      </c>
      <c r="C102844" s="14" t="s">
        <v>191</v>
      </c>
      <c r="D102844" s="14" t="s">
        <v>503</v>
      </c>
      <c r="E102844" s="15">
        <v>45655</v>
      </c>
      <c r="F102844" s="14" t="s">
        <v>15</v>
      </c>
      <c r="G102844" s="16">
        <v>5.1096520665460984E-2</v>
      </c>
    </row>
    <row r="102845" spans="1:7" x14ac:dyDescent="0.3">
      <c r="A102845" s="13" t="s">
        <v>502</v>
      </c>
      <c r="B102845" s="14" t="s">
        <v>1</v>
      </c>
      <c r="C102845" s="14" t="s">
        <v>191</v>
      </c>
      <c r="D102845" s="14" t="s">
        <v>503</v>
      </c>
      <c r="E102845" s="15">
        <v>45656</v>
      </c>
      <c r="F102845" s="14" t="s">
        <v>15</v>
      </c>
      <c r="G102845" s="16">
        <v>4.9370417918189441E-2</v>
      </c>
    </row>
    <row r="102846" spans="1:7" x14ac:dyDescent="0.3">
      <c r="A102846" s="13" t="s">
        <v>502</v>
      </c>
      <c r="B102846" s="14" t="s">
        <v>1</v>
      </c>
      <c r="C102846" s="14" t="s">
        <v>191</v>
      </c>
      <c r="D102846" s="14" t="s">
        <v>503</v>
      </c>
      <c r="E102846" s="15">
        <v>45657</v>
      </c>
      <c r="F102846" s="14" t="s">
        <v>15</v>
      </c>
      <c r="G102846" s="16">
        <v>0.36015661789803693</v>
      </c>
    </row>
    <row r="102847" spans="1:7" x14ac:dyDescent="0.3">
      <c r="A102847" s="13" t="s">
        <v>502</v>
      </c>
      <c r="B102847" s="14" t="s">
        <v>1</v>
      </c>
      <c r="C102847" s="14" t="s">
        <v>191</v>
      </c>
      <c r="D102847" s="14" t="s">
        <v>503</v>
      </c>
      <c r="E102847" s="15">
        <v>45658</v>
      </c>
      <c r="F102847" s="14" t="s">
        <v>15</v>
      </c>
      <c r="G102847" s="16">
        <v>0.36015661789803693</v>
      </c>
    </row>
    <row r="102848" spans="1:7" x14ac:dyDescent="0.3">
      <c r="A102848" s="13" t="s">
        <v>502</v>
      </c>
      <c r="B102848" s="14" t="s">
        <v>1</v>
      </c>
      <c r="C102848" s="14" t="s">
        <v>191</v>
      </c>
      <c r="D102848" s="14" t="s">
        <v>503</v>
      </c>
      <c r="E102848" s="15">
        <v>45659</v>
      </c>
      <c r="F102848" s="14" t="s">
        <v>15</v>
      </c>
      <c r="G102848" s="16">
        <v>0</v>
      </c>
    </row>
    <row r="102849" spans="1:7" x14ac:dyDescent="0.3">
      <c r="A102849" s="13" t="s">
        <v>502</v>
      </c>
      <c r="B102849" s="14" t="s">
        <v>1</v>
      </c>
      <c r="C102849" s="14" t="s">
        <v>191</v>
      </c>
      <c r="D102849" s="14" t="s">
        <v>503</v>
      </c>
      <c r="E102849" s="15">
        <v>45660</v>
      </c>
      <c r="F102849" s="14" t="s">
        <v>15</v>
      </c>
      <c r="G102849" s="16">
        <v>0</v>
      </c>
    </row>
    <row r="102850" spans="1:7" x14ac:dyDescent="0.3">
      <c r="A102850" s="13" t="s">
        <v>502</v>
      </c>
      <c r="B102850" s="14" t="s">
        <v>1</v>
      </c>
      <c r="C102850" s="14" t="s">
        <v>191</v>
      </c>
      <c r="D102850" s="14" t="s">
        <v>503</v>
      </c>
      <c r="E102850" s="15">
        <v>45661</v>
      </c>
      <c r="F102850" s="14" t="s">
        <v>15</v>
      </c>
      <c r="G102850" s="16">
        <v>0</v>
      </c>
    </row>
    <row r="102851" spans="1:7" x14ac:dyDescent="0.3">
      <c r="A102851" s="13" t="s">
        <v>502</v>
      </c>
      <c r="B102851" s="14" t="s">
        <v>1</v>
      </c>
      <c r="C102851" s="14" t="s">
        <v>191</v>
      </c>
      <c r="D102851" s="14" t="s">
        <v>503</v>
      </c>
      <c r="E102851" s="15">
        <v>45662</v>
      </c>
      <c r="F102851" s="14" t="s">
        <v>15</v>
      </c>
      <c r="G102851" s="16">
        <v>0</v>
      </c>
    </row>
    <row r="102852" spans="1:7" x14ac:dyDescent="0.3">
      <c r="A102852" s="13" t="s">
        <v>502</v>
      </c>
      <c r="B102852" s="14" t="s">
        <v>1</v>
      </c>
      <c r="C102852" s="14" t="s">
        <v>191</v>
      </c>
      <c r="D102852" s="14" t="s">
        <v>503</v>
      </c>
      <c r="E102852" s="15">
        <v>45663</v>
      </c>
      <c r="F102852" s="14" t="s">
        <v>15</v>
      </c>
      <c r="G102852" s="16">
        <v>0</v>
      </c>
    </row>
    <row r="102853" spans="1:7" x14ac:dyDescent="0.3">
      <c r="A102853" s="13" t="s">
        <v>502</v>
      </c>
      <c r="B102853" s="14" t="s">
        <v>1</v>
      </c>
      <c r="C102853" s="14" t="s">
        <v>191</v>
      </c>
      <c r="D102853" s="14" t="s">
        <v>503</v>
      </c>
      <c r="E102853" s="15">
        <v>45664</v>
      </c>
      <c r="F102853" s="14" t="s">
        <v>15</v>
      </c>
      <c r="G102853" s="16">
        <v>0</v>
      </c>
    </row>
    <row r="102854" spans="1:7" x14ac:dyDescent="0.3">
      <c r="A102854" s="13" t="s">
        <v>502</v>
      </c>
      <c r="B102854" s="14" t="s">
        <v>1</v>
      </c>
      <c r="C102854" s="14" t="s">
        <v>191</v>
      </c>
      <c r="D102854" s="14" t="s">
        <v>503</v>
      </c>
      <c r="E102854" s="15">
        <v>45665</v>
      </c>
      <c r="F102854" s="14" t="s">
        <v>15</v>
      </c>
      <c r="G102854" s="16">
        <v>0</v>
      </c>
    </row>
    <row r="102855" spans="1:7" x14ac:dyDescent="0.3">
      <c r="A102855" s="13" t="s">
        <v>502</v>
      </c>
      <c r="B102855" s="14" t="s">
        <v>1</v>
      </c>
      <c r="C102855" s="14" t="s">
        <v>191</v>
      </c>
      <c r="D102855" s="14" t="s">
        <v>503</v>
      </c>
      <c r="E102855" s="15">
        <v>45666</v>
      </c>
      <c r="F102855" s="14" t="s">
        <v>15</v>
      </c>
      <c r="G102855" s="16">
        <v>0</v>
      </c>
    </row>
    <row r="102856" spans="1:7" x14ac:dyDescent="0.3">
      <c r="A102856" s="13" t="s">
        <v>502</v>
      </c>
      <c r="B102856" s="14" t="s">
        <v>1</v>
      </c>
      <c r="C102856" s="14" t="s">
        <v>191</v>
      </c>
      <c r="D102856" s="14" t="s">
        <v>503</v>
      </c>
      <c r="E102856" s="15">
        <v>45667</v>
      </c>
      <c r="F102856" s="14" t="s">
        <v>15</v>
      </c>
      <c r="G102856" s="16">
        <v>0</v>
      </c>
    </row>
    <row r="102857" spans="1:7" x14ac:dyDescent="0.3">
      <c r="A102857" s="13" t="s">
        <v>502</v>
      </c>
      <c r="B102857" s="14" t="s">
        <v>1</v>
      </c>
      <c r="C102857" s="14" t="s">
        <v>191</v>
      </c>
      <c r="D102857" s="14" t="s">
        <v>503</v>
      </c>
      <c r="E102857" s="15">
        <v>45668</v>
      </c>
      <c r="F102857" s="14" t="s">
        <v>15</v>
      </c>
      <c r="G102857" s="16">
        <v>0</v>
      </c>
    </row>
    <row r="102858" spans="1:7" x14ac:dyDescent="0.3">
      <c r="A102858" s="13" t="s">
        <v>502</v>
      </c>
      <c r="B102858" s="14" t="s">
        <v>1</v>
      </c>
      <c r="C102858" s="14" t="s">
        <v>191</v>
      </c>
      <c r="D102858" s="14" t="s">
        <v>503</v>
      </c>
      <c r="E102858" s="15">
        <v>45669</v>
      </c>
      <c r="F102858" s="14" t="s">
        <v>15</v>
      </c>
      <c r="G102858" s="16">
        <v>0</v>
      </c>
    </row>
    <row r="102859" spans="1:7" x14ac:dyDescent="0.3">
      <c r="A102859" s="13" t="s">
        <v>502</v>
      </c>
      <c r="B102859" s="14" t="s">
        <v>1</v>
      </c>
      <c r="C102859" s="14" t="s">
        <v>191</v>
      </c>
      <c r="D102859" s="14" t="s">
        <v>503</v>
      </c>
      <c r="E102859" s="15">
        <v>45670</v>
      </c>
      <c r="F102859" s="14" t="s">
        <v>15</v>
      </c>
      <c r="G102859" s="16">
        <v>0</v>
      </c>
    </row>
    <row r="102860" spans="1:7" x14ac:dyDescent="0.3">
      <c r="A102860" s="13" t="s">
        <v>502</v>
      </c>
      <c r="B102860" s="14" t="s">
        <v>1</v>
      </c>
      <c r="C102860" s="14" t="s">
        <v>191</v>
      </c>
      <c r="D102860" s="14" t="s">
        <v>503</v>
      </c>
      <c r="E102860" s="15">
        <v>45671</v>
      </c>
      <c r="F102860" s="14" t="s">
        <v>15</v>
      </c>
      <c r="G102860" s="16">
        <v>0</v>
      </c>
    </row>
    <row r="102861" spans="1:7" x14ac:dyDescent="0.3">
      <c r="A102861" s="13" t="s">
        <v>502</v>
      </c>
      <c r="B102861" s="14" t="s">
        <v>1</v>
      </c>
      <c r="C102861" s="14" t="s">
        <v>191</v>
      </c>
      <c r="D102861" s="14" t="s">
        <v>503</v>
      </c>
      <c r="E102861" s="15">
        <v>45672</v>
      </c>
      <c r="F102861" s="14" t="s">
        <v>15</v>
      </c>
      <c r="G102861" s="16">
        <v>0</v>
      </c>
    </row>
    <row r="102862" spans="1:7" x14ac:dyDescent="0.3">
      <c r="A102862" s="13" t="s">
        <v>502</v>
      </c>
      <c r="B102862" s="14" t="s">
        <v>1</v>
      </c>
      <c r="C102862" s="14" t="s">
        <v>191</v>
      </c>
      <c r="D102862" s="14" t="s">
        <v>503</v>
      </c>
      <c r="E102862" s="15">
        <v>45673</v>
      </c>
      <c r="F102862" s="14" t="s">
        <v>15</v>
      </c>
      <c r="G102862" s="16">
        <v>0</v>
      </c>
    </row>
    <row r="102863" spans="1:7" x14ac:dyDescent="0.3">
      <c r="A102863" s="13" t="s">
        <v>502</v>
      </c>
      <c r="B102863" s="14" t="s">
        <v>1</v>
      </c>
      <c r="C102863" s="14" t="s">
        <v>191</v>
      </c>
      <c r="D102863" s="14" t="s">
        <v>503</v>
      </c>
      <c r="E102863" s="15">
        <v>45674</v>
      </c>
      <c r="F102863" s="14" t="s">
        <v>15</v>
      </c>
      <c r="G102863" s="16">
        <v>0</v>
      </c>
    </row>
    <row r="102864" spans="1:7" x14ac:dyDescent="0.3">
      <c r="A102864" s="13" t="s">
        <v>502</v>
      </c>
      <c r="B102864" s="14" t="s">
        <v>1</v>
      </c>
      <c r="C102864" s="14" t="s">
        <v>191</v>
      </c>
      <c r="D102864" s="14" t="s">
        <v>503</v>
      </c>
      <c r="E102864" s="15">
        <v>45675</v>
      </c>
      <c r="F102864" s="14" t="s">
        <v>15</v>
      </c>
      <c r="G102864" s="16">
        <v>0</v>
      </c>
    </row>
    <row r="102865" spans="1:7" x14ac:dyDescent="0.3">
      <c r="A102865" s="13" t="s">
        <v>502</v>
      </c>
      <c r="B102865" s="14" t="s">
        <v>1</v>
      </c>
      <c r="C102865" s="14" t="s">
        <v>191</v>
      </c>
      <c r="D102865" s="14" t="s">
        <v>503</v>
      </c>
      <c r="E102865" s="15">
        <v>45676</v>
      </c>
      <c r="F102865" s="14" t="s">
        <v>15</v>
      </c>
      <c r="G102865" s="16">
        <v>0</v>
      </c>
    </row>
    <row r="102866" spans="1:7" x14ac:dyDescent="0.3">
      <c r="A102866" s="13" t="s">
        <v>502</v>
      </c>
      <c r="B102866" s="14" t="s">
        <v>1</v>
      </c>
      <c r="C102866" s="14" t="s">
        <v>191</v>
      </c>
      <c r="D102866" s="14" t="s">
        <v>503</v>
      </c>
      <c r="E102866" s="15">
        <v>45677</v>
      </c>
      <c r="F102866" s="14" t="s">
        <v>15</v>
      </c>
      <c r="G102866" s="16">
        <v>0</v>
      </c>
    </row>
    <row r="102867" spans="1:7" x14ac:dyDescent="0.3">
      <c r="A102867" s="13" t="s">
        <v>502</v>
      </c>
      <c r="B102867" s="14" t="s">
        <v>1</v>
      </c>
      <c r="C102867" s="14" t="s">
        <v>191</v>
      </c>
      <c r="D102867" s="14" t="s">
        <v>503</v>
      </c>
      <c r="E102867" s="15">
        <v>45678</v>
      </c>
      <c r="F102867" s="14" t="s">
        <v>15</v>
      </c>
      <c r="G102867" s="16">
        <v>0</v>
      </c>
    </row>
    <row r="102868" spans="1:7" x14ac:dyDescent="0.3">
      <c r="A102868" s="13" t="s">
        <v>502</v>
      </c>
      <c r="B102868" s="14" t="s">
        <v>1</v>
      </c>
      <c r="C102868" s="14" t="s">
        <v>191</v>
      </c>
      <c r="D102868" s="14" t="s">
        <v>503</v>
      </c>
      <c r="E102868" s="15">
        <v>45679</v>
      </c>
      <c r="F102868" s="14" t="s">
        <v>15</v>
      </c>
      <c r="G102868" s="16">
        <v>0</v>
      </c>
    </row>
    <row r="102869" spans="1:7" x14ac:dyDescent="0.3">
      <c r="A102869" s="13" t="s">
        <v>502</v>
      </c>
      <c r="B102869" s="14" t="s">
        <v>1</v>
      </c>
      <c r="C102869" s="14" t="s">
        <v>191</v>
      </c>
      <c r="D102869" s="14" t="s">
        <v>503</v>
      </c>
      <c r="E102869" s="15">
        <v>45680</v>
      </c>
      <c r="F102869" s="14" t="s">
        <v>15</v>
      </c>
      <c r="G102869" s="16">
        <v>0</v>
      </c>
    </row>
    <row r="102870" spans="1:7" x14ac:dyDescent="0.3">
      <c r="A102870" s="13" t="s">
        <v>502</v>
      </c>
      <c r="B102870" s="14" t="s">
        <v>1</v>
      </c>
      <c r="C102870" s="14" t="s">
        <v>191</v>
      </c>
      <c r="D102870" s="14" t="s">
        <v>503</v>
      </c>
      <c r="E102870" s="15">
        <v>45681</v>
      </c>
      <c r="F102870" s="14" t="s">
        <v>15</v>
      </c>
      <c r="G102870" s="16">
        <v>0</v>
      </c>
    </row>
    <row r="102871" spans="1:7" x14ac:dyDescent="0.3">
      <c r="A102871" s="13" t="s">
        <v>502</v>
      </c>
      <c r="B102871" s="14" t="s">
        <v>1</v>
      </c>
      <c r="C102871" s="14" t="s">
        <v>191</v>
      </c>
      <c r="D102871" s="14" t="s">
        <v>503</v>
      </c>
      <c r="E102871" s="15">
        <v>45682</v>
      </c>
      <c r="F102871" s="14" t="s">
        <v>15</v>
      </c>
      <c r="G102871" s="16">
        <v>0</v>
      </c>
    </row>
    <row r="102872" spans="1:7" x14ac:dyDescent="0.3">
      <c r="A102872" s="13" t="s">
        <v>502</v>
      </c>
      <c r="B102872" s="14" t="s">
        <v>1</v>
      </c>
      <c r="C102872" s="14" t="s">
        <v>191</v>
      </c>
      <c r="D102872" s="14" t="s">
        <v>503</v>
      </c>
      <c r="E102872" s="15">
        <v>45683</v>
      </c>
      <c r="F102872" s="14" t="s">
        <v>15</v>
      </c>
      <c r="G102872" s="16">
        <v>0</v>
      </c>
    </row>
    <row r="102873" spans="1:7" x14ac:dyDescent="0.3">
      <c r="A102873" s="13" t="s">
        <v>502</v>
      </c>
      <c r="B102873" s="14" t="s">
        <v>1</v>
      </c>
      <c r="C102873" s="14" t="s">
        <v>191</v>
      </c>
      <c r="D102873" s="14" t="s">
        <v>503</v>
      </c>
      <c r="E102873" s="15">
        <v>45684</v>
      </c>
      <c r="F102873" s="14" t="s">
        <v>15</v>
      </c>
      <c r="G102873" s="16">
        <v>0</v>
      </c>
    </row>
    <row r="102874" spans="1:7" x14ac:dyDescent="0.3">
      <c r="A102874" s="13" t="s">
        <v>502</v>
      </c>
      <c r="B102874" s="14" t="s">
        <v>1</v>
      </c>
      <c r="C102874" s="14" t="s">
        <v>191</v>
      </c>
      <c r="D102874" s="14" t="s">
        <v>503</v>
      </c>
      <c r="E102874" s="15">
        <v>45685</v>
      </c>
      <c r="F102874" s="14" t="s">
        <v>15</v>
      </c>
      <c r="G102874" s="16">
        <v>0</v>
      </c>
    </row>
    <row r="102875" spans="1:7" x14ac:dyDescent="0.3">
      <c r="A102875" s="13" t="s">
        <v>502</v>
      </c>
      <c r="B102875" s="14" t="s">
        <v>1</v>
      </c>
      <c r="C102875" s="14" t="s">
        <v>191</v>
      </c>
      <c r="D102875" s="14" t="s">
        <v>503</v>
      </c>
      <c r="E102875" s="15">
        <v>45686</v>
      </c>
      <c r="F102875" s="14" t="s">
        <v>15</v>
      </c>
      <c r="G102875" s="16">
        <v>0</v>
      </c>
    </row>
    <row r="102876" spans="1:7" x14ac:dyDescent="0.3">
      <c r="A102876" s="13" t="s">
        <v>502</v>
      </c>
      <c r="B102876" s="14" t="s">
        <v>1</v>
      </c>
      <c r="C102876" s="14" t="s">
        <v>191</v>
      </c>
      <c r="D102876" s="14" t="s">
        <v>503</v>
      </c>
      <c r="E102876" s="15">
        <v>45687</v>
      </c>
      <c r="F102876" s="14" t="s">
        <v>15</v>
      </c>
      <c r="G102876" s="16">
        <v>0</v>
      </c>
    </row>
    <row r="102877" spans="1:7" x14ac:dyDescent="0.3">
      <c r="A102877" s="13" t="s">
        <v>502</v>
      </c>
      <c r="B102877" s="14" t="s">
        <v>1</v>
      </c>
      <c r="C102877" s="14" t="s">
        <v>191</v>
      </c>
      <c r="D102877" s="14" t="s">
        <v>503</v>
      </c>
      <c r="E102877" s="15">
        <v>45688</v>
      </c>
      <c r="F102877" s="14" t="s">
        <v>15</v>
      </c>
      <c r="G102877" s="16">
        <v>0</v>
      </c>
    </row>
    <row r="102878" spans="1:7" x14ac:dyDescent="0.3">
      <c r="A102878" s="13" t="s">
        <v>502</v>
      </c>
      <c r="B102878" s="14" t="s">
        <v>1</v>
      </c>
      <c r="C102878" s="14" t="s">
        <v>191</v>
      </c>
      <c r="D102878" s="14" t="s">
        <v>503</v>
      </c>
      <c r="E102878" s="15">
        <v>45689</v>
      </c>
      <c r="F102878" s="14" t="s">
        <v>15</v>
      </c>
      <c r="G102878" s="16">
        <v>0</v>
      </c>
    </row>
    <row r="102879" spans="1:7" x14ac:dyDescent="0.3">
      <c r="A102879" s="13" t="s">
        <v>502</v>
      </c>
      <c r="B102879" s="14" t="s">
        <v>1</v>
      </c>
      <c r="C102879" s="14" t="s">
        <v>191</v>
      </c>
      <c r="D102879" s="14" t="s">
        <v>503</v>
      </c>
      <c r="E102879" s="15">
        <v>45690</v>
      </c>
      <c r="F102879" s="14" t="s">
        <v>15</v>
      </c>
      <c r="G102879" s="16">
        <v>0</v>
      </c>
    </row>
    <row r="102880" spans="1:7" x14ac:dyDescent="0.3">
      <c r="A102880" s="13" t="s">
        <v>502</v>
      </c>
      <c r="B102880" s="14" t="s">
        <v>1</v>
      </c>
      <c r="C102880" s="14" t="s">
        <v>191</v>
      </c>
      <c r="D102880" s="14" t="s">
        <v>503</v>
      </c>
      <c r="E102880" s="15">
        <v>45691</v>
      </c>
      <c r="F102880" s="14" t="s">
        <v>15</v>
      </c>
      <c r="G102880" s="16">
        <v>0</v>
      </c>
    </row>
    <row r="102881" spans="1:7" x14ac:dyDescent="0.3">
      <c r="A102881" s="13" t="s">
        <v>502</v>
      </c>
      <c r="B102881" s="14" t="s">
        <v>1</v>
      </c>
      <c r="C102881" s="14" t="s">
        <v>191</v>
      </c>
      <c r="D102881" s="14" t="s">
        <v>503</v>
      </c>
      <c r="E102881" s="15">
        <v>45692</v>
      </c>
      <c r="F102881" s="14" t="s">
        <v>15</v>
      </c>
      <c r="G102881" s="16">
        <v>0</v>
      </c>
    </row>
    <row r="102882" spans="1:7" x14ac:dyDescent="0.3">
      <c r="A102882" s="13" t="s">
        <v>502</v>
      </c>
      <c r="B102882" s="14" t="s">
        <v>1</v>
      </c>
      <c r="C102882" s="14" t="s">
        <v>191</v>
      </c>
      <c r="D102882" s="14" t="s">
        <v>503</v>
      </c>
      <c r="E102882" s="15">
        <v>45693</v>
      </c>
      <c r="F102882" s="14" t="s">
        <v>15</v>
      </c>
      <c r="G102882" s="16">
        <v>0</v>
      </c>
    </row>
    <row r="102883" spans="1:7" x14ac:dyDescent="0.3">
      <c r="A102883" s="13" t="s">
        <v>502</v>
      </c>
      <c r="B102883" s="14" t="s">
        <v>1</v>
      </c>
      <c r="C102883" s="14" t="s">
        <v>191</v>
      </c>
      <c r="D102883" s="14" t="s">
        <v>503</v>
      </c>
      <c r="E102883" s="15">
        <v>45694</v>
      </c>
      <c r="F102883" s="14" t="s">
        <v>15</v>
      </c>
      <c r="G102883" s="16">
        <v>0</v>
      </c>
    </row>
    <row r="102884" spans="1:7" x14ac:dyDescent="0.3">
      <c r="A102884" s="13" t="s">
        <v>502</v>
      </c>
      <c r="B102884" s="14" t="s">
        <v>1</v>
      </c>
      <c r="C102884" s="14" t="s">
        <v>191</v>
      </c>
      <c r="D102884" s="14" t="s">
        <v>503</v>
      </c>
      <c r="E102884" s="15">
        <v>45695</v>
      </c>
      <c r="F102884" s="14" t="s">
        <v>15</v>
      </c>
      <c r="G102884" s="16">
        <v>0</v>
      </c>
    </row>
    <row r="102885" spans="1:7" x14ac:dyDescent="0.3">
      <c r="A102885" s="13" t="s">
        <v>502</v>
      </c>
      <c r="B102885" s="14" t="s">
        <v>1</v>
      </c>
      <c r="C102885" s="14" t="s">
        <v>191</v>
      </c>
      <c r="D102885" s="14" t="s">
        <v>503</v>
      </c>
      <c r="E102885" s="15">
        <v>45696</v>
      </c>
      <c r="F102885" s="14" t="s">
        <v>15</v>
      </c>
      <c r="G102885" s="16">
        <v>0</v>
      </c>
    </row>
    <row r="102886" spans="1:7" x14ac:dyDescent="0.3">
      <c r="A102886" s="13" t="s">
        <v>502</v>
      </c>
      <c r="B102886" s="14" t="s">
        <v>1</v>
      </c>
      <c r="C102886" s="14" t="s">
        <v>191</v>
      </c>
      <c r="D102886" s="14" t="s">
        <v>503</v>
      </c>
      <c r="E102886" s="15">
        <v>45697</v>
      </c>
      <c r="F102886" s="14" t="s">
        <v>15</v>
      </c>
      <c r="G102886" s="16">
        <v>0</v>
      </c>
    </row>
    <row r="102887" spans="1:7" x14ac:dyDescent="0.3">
      <c r="A102887" s="13" t="s">
        <v>502</v>
      </c>
      <c r="B102887" s="14" t="s">
        <v>1</v>
      </c>
      <c r="C102887" s="14" t="s">
        <v>191</v>
      </c>
      <c r="D102887" s="14" t="s">
        <v>503</v>
      </c>
      <c r="E102887" s="15">
        <v>45698</v>
      </c>
      <c r="F102887" s="14" t="s">
        <v>15</v>
      </c>
      <c r="G102887" s="16">
        <v>0</v>
      </c>
    </row>
    <row r="102888" spans="1:7" x14ac:dyDescent="0.3">
      <c r="A102888" s="13" t="s">
        <v>502</v>
      </c>
      <c r="B102888" s="14" t="s">
        <v>1</v>
      </c>
      <c r="C102888" s="14" t="s">
        <v>191</v>
      </c>
      <c r="D102888" s="14" t="s">
        <v>503</v>
      </c>
      <c r="E102888" s="15">
        <v>45699</v>
      </c>
      <c r="F102888" s="14" t="s">
        <v>15</v>
      </c>
      <c r="G102888" s="16">
        <v>0</v>
      </c>
    </row>
    <row r="102889" spans="1:7" x14ac:dyDescent="0.3">
      <c r="A102889" s="13" t="s">
        <v>502</v>
      </c>
      <c r="B102889" s="14" t="s">
        <v>1</v>
      </c>
      <c r="C102889" s="14" t="s">
        <v>191</v>
      </c>
      <c r="D102889" s="14" t="s">
        <v>503</v>
      </c>
      <c r="E102889" s="15">
        <v>45700</v>
      </c>
      <c r="F102889" s="14" t="s">
        <v>15</v>
      </c>
      <c r="G102889" s="16">
        <v>0</v>
      </c>
    </row>
    <row r="102890" spans="1:7" x14ac:dyDescent="0.3">
      <c r="A102890" s="13" t="s">
        <v>502</v>
      </c>
      <c r="B102890" s="14" t="s">
        <v>1</v>
      </c>
      <c r="C102890" s="14" t="s">
        <v>191</v>
      </c>
      <c r="D102890" s="14" t="s">
        <v>503</v>
      </c>
      <c r="E102890" s="15">
        <v>45701</v>
      </c>
      <c r="F102890" s="14" t="s">
        <v>15</v>
      </c>
      <c r="G102890" s="16">
        <v>0</v>
      </c>
    </row>
    <row r="102891" spans="1:7" x14ac:dyDescent="0.3">
      <c r="A102891" s="13" t="s">
        <v>502</v>
      </c>
      <c r="B102891" s="14" t="s">
        <v>1</v>
      </c>
      <c r="C102891" s="14" t="s">
        <v>191</v>
      </c>
      <c r="D102891" s="14" t="s">
        <v>503</v>
      </c>
      <c r="E102891" s="15">
        <v>45702</v>
      </c>
      <c r="F102891" s="14" t="s">
        <v>15</v>
      </c>
      <c r="G102891" s="16">
        <v>0</v>
      </c>
    </row>
    <row r="102892" spans="1:7" x14ac:dyDescent="0.3">
      <c r="A102892" s="13" t="s">
        <v>502</v>
      </c>
      <c r="B102892" s="14" t="s">
        <v>1</v>
      </c>
      <c r="C102892" s="14" t="s">
        <v>191</v>
      </c>
      <c r="D102892" s="14" t="s">
        <v>503</v>
      </c>
      <c r="E102892" s="15">
        <v>45703</v>
      </c>
      <c r="F102892" s="14" t="s">
        <v>15</v>
      </c>
      <c r="G102892" s="16">
        <v>0</v>
      </c>
    </row>
    <row r="102893" spans="1:7" x14ac:dyDescent="0.3">
      <c r="A102893" s="13" t="s">
        <v>502</v>
      </c>
      <c r="B102893" s="14" t="s">
        <v>1</v>
      </c>
      <c r="C102893" s="14" t="s">
        <v>191</v>
      </c>
      <c r="D102893" s="14" t="s">
        <v>503</v>
      </c>
      <c r="E102893" s="15">
        <v>45704</v>
      </c>
      <c r="F102893" s="14" t="s">
        <v>15</v>
      </c>
      <c r="G102893" s="16">
        <v>0</v>
      </c>
    </row>
    <row r="102894" spans="1:7" x14ac:dyDescent="0.3">
      <c r="A102894" s="13" t="s">
        <v>502</v>
      </c>
      <c r="B102894" s="14" t="s">
        <v>1</v>
      </c>
      <c r="C102894" s="14" t="s">
        <v>191</v>
      </c>
      <c r="D102894" s="14" t="s">
        <v>503</v>
      </c>
      <c r="E102894" s="15">
        <v>45705</v>
      </c>
      <c r="F102894" s="14" t="s">
        <v>15</v>
      </c>
      <c r="G102894" s="16">
        <v>0</v>
      </c>
    </row>
    <row r="102895" spans="1:7" x14ac:dyDescent="0.3">
      <c r="A102895" s="13" t="s">
        <v>502</v>
      </c>
      <c r="B102895" s="14" t="s">
        <v>1</v>
      </c>
      <c r="C102895" s="14" t="s">
        <v>191</v>
      </c>
      <c r="D102895" s="14" t="s">
        <v>503</v>
      </c>
      <c r="E102895" s="15">
        <v>45706</v>
      </c>
      <c r="F102895" s="14" t="s">
        <v>15</v>
      </c>
      <c r="G102895" s="16">
        <v>0</v>
      </c>
    </row>
    <row r="102896" spans="1:7" x14ac:dyDescent="0.3">
      <c r="A102896" s="13" t="s">
        <v>502</v>
      </c>
      <c r="B102896" s="14" t="s">
        <v>1</v>
      </c>
      <c r="C102896" s="14" t="s">
        <v>191</v>
      </c>
      <c r="D102896" s="14" t="s">
        <v>503</v>
      </c>
      <c r="E102896" s="15">
        <v>45707</v>
      </c>
      <c r="F102896" s="14" t="s">
        <v>15</v>
      </c>
      <c r="G102896" s="16">
        <v>0</v>
      </c>
    </row>
    <row r="102897" spans="1:7" x14ac:dyDescent="0.3">
      <c r="A102897" s="13" t="s">
        <v>502</v>
      </c>
      <c r="B102897" s="14" t="s">
        <v>1</v>
      </c>
      <c r="C102897" s="14" t="s">
        <v>191</v>
      </c>
      <c r="D102897" s="14" t="s">
        <v>503</v>
      </c>
      <c r="E102897" s="15">
        <v>45708</v>
      </c>
      <c r="F102897" s="14" t="s">
        <v>15</v>
      </c>
      <c r="G102897" s="16">
        <v>0</v>
      </c>
    </row>
    <row r="102898" spans="1:7" x14ac:dyDescent="0.3">
      <c r="A102898" s="13" t="s">
        <v>502</v>
      </c>
      <c r="B102898" s="14" t="s">
        <v>1</v>
      </c>
      <c r="C102898" s="14" t="s">
        <v>191</v>
      </c>
      <c r="D102898" s="14" t="s">
        <v>503</v>
      </c>
      <c r="E102898" s="15">
        <v>45709</v>
      </c>
      <c r="F102898" s="14" t="s">
        <v>15</v>
      </c>
      <c r="G102898" s="16">
        <v>0</v>
      </c>
    </row>
    <row r="102899" spans="1:7" x14ac:dyDescent="0.3">
      <c r="A102899" s="13" t="s">
        <v>502</v>
      </c>
      <c r="B102899" s="14" t="s">
        <v>1</v>
      </c>
      <c r="C102899" s="14" t="s">
        <v>191</v>
      </c>
      <c r="D102899" s="14" t="s">
        <v>503</v>
      </c>
      <c r="E102899" s="15">
        <v>45710</v>
      </c>
      <c r="F102899" s="14" t="s">
        <v>15</v>
      </c>
      <c r="G102899" s="16">
        <v>0</v>
      </c>
    </row>
    <row r="102900" spans="1:7" x14ac:dyDescent="0.3">
      <c r="A102900" s="13" t="s">
        <v>502</v>
      </c>
      <c r="B102900" s="14" t="s">
        <v>1</v>
      </c>
      <c r="C102900" s="14" t="s">
        <v>191</v>
      </c>
      <c r="D102900" s="14" t="s">
        <v>503</v>
      </c>
      <c r="E102900" s="15">
        <v>45711</v>
      </c>
      <c r="F102900" s="14" t="s">
        <v>15</v>
      </c>
      <c r="G102900" s="16">
        <v>0</v>
      </c>
    </row>
    <row r="102901" spans="1:7" x14ac:dyDescent="0.3">
      <c r="A102901" s="13" t="s">
        <v>502</v>
      </c>
      <c r="B102901" s="14" t="s">
        <v>1</v>
      </c>
      <c r="C102901" s="14" t="s">
        <v>191</v>
      </c>
      <c r="D102901" s="14" t="s">
        <v>503</v>
      </c>
      <c r="E102901" s="15">
        <v>45712</v>
      </c>
      <c r="F102901" s="14" t="s">
        <v>15</v>
      </c>
      <c r="G102901" s="16">
        <v>0</v>
      </c>
    </row>
    <row r="102902" spans="1:7" x14ac:dyDescent="0.3">
      <c r="A102902" s="13" t="s">
        <v>502</v>
      </c>
      <c r="B102902" s="14" t="s">
        <v>1</v>
      </c>
      <c r="C102902" s="14" t="s">
        <v>191</v>
      </c>
      <c r="D102902" s="14" t="s">
        <v>503</v>
      </c>
      <c r="E102902" s="15">
        <v>45713</v>
      </c>
      <c r="F102902" s="14" t="s">
        <v>15</v>
      </c>
      <c r="G102902" s="16">
        <v>0</v>
      </c>
    </row>
    <row r="102903" spans="1:7" x14ac:dyDescent="0.3">
      <c r="A102903" s="13" t="s">
        <v>502</v>
      </c>
      <c r="B102903" s="14" t="s">
        <v>1</v>
      </c>
      <c r="C102903" s="14" t="s">
        <v>191</v>
      </c>
      <c r="D102903" s="14" t="s">
        <v>503</v>
      </c>
      <c r="E102903" s="15">
        <v>45714</v>
      </c>
      <c r="F102903" s="14" t="s">
        <v>15</v>
      </c>
      <c r="G102903" s="16">
        <v>0</v>
      </c>
    </row>
    <row r="102904" spans="1:7" x14ac:dyDescent="0.3">
      <c r="A102904" s="13" t="s">
        <v>502</v>
      </c>
      <c r="B102904" s="14" t="s">
        <v>1</v>
      </c>
      <c r="C102904" s="14" t="s">
        <v>191</v>
      </c>
      <c r="D102904" s="14" t="s">
        <v>503</v>
      </c>
      <c r="E102904" s="15">
        <v>45715</v>
      </c>
      <c r="F102904" s="14" t="s">
        <v>15</v>
      </c>
      <c r="G102904" s="16">
        <v>0</v>
      </c>
    </row>
    <row r="102905" spans="1:7" x14ac:dyDescent="0.3">
      <c r="A102905" s="13" t="s">
        <v>502</v>
      </c>
      <c r="B102905" s="14" t="s">
        <v>1</v>
      </c>
      <c r="C102905" s="14" t="s">
        <v>191</v>
      </c>
      <c r="D102905" s="14" t="s">
        <v>503</v>
      </c>
      <c r="E102905" s="15">
        <v>45716</v>
      </c>
      <c r="F102905" s="14" t="s">
        <v>15</v>
      </c>
      <c r="G102905" s="16">
        <v>0</v>
      </c>
    </row>
    <row r="102906" spans="1:7" x14ac:dyDescent="0.3">
      <c r="A102906" s="13" t="s">
        <v>502</v>
      </c>
      <c r="B102906" s="14" t="s">
        <v>1</v>
      </c>
      <c r="C102906" s="14" t="s">
        <v>191</v>
      </c>
      <c r="D102906" s="14" t="s">
        <v>503</v>
      </c>
      <c r="E102906" s="15">
        <v>45717</v>
      </c>
      <c r="F102906" s="14" t="s">
        <v>15</v>
      </c>
      <c r="G102906" s="16">
        <v>0</v>
      </c>
    </row>
    <row r="102907" spans="1:7" x14ac:dyDescent="0.3">
      <c r="A102907" s="13" t="s">
        <v>502</v>
      </c>
      <c r="B102907" s="14" t="s">
        <v>1</v>
      </c>
      <c r="C102907" s="14" t="s">
        <v>191</v>
      </c>
      <c r="D102907" s="14" t="s">
        <v>503</v>
      </c>
      <c r="E102907" s="15">
        <v>45718</v>
      </c>
      <c r="F102907" s="14" t="s">
        <v>15</v>
      </c>
      <c r="G102907" s="16">
        <v>0</v>
      </c>
    </row>
    <row r="102908" spans="1:7" x14ac:dyDescent="0.3">
      <c r="A102908" s="13" t="s">
        <v>502</v>
      </c>
      <c r="B102908" s="14" t="s">
        <v>1</v>
      </c>
      <c r="C102908" s="14" t="s">
        <v>191</v>
      </c>
      <c r="D102908" s="14" t="s">
        <v>503</v>
      </c>
      <c r="E102908" s="15">
        <v>45719</v>
      </c>
      <c r="F102908" s="14" t="s">
        <v>15</v>
      </c>
      <c r="G102908" s="16">
        <v>0</v>
      </c>
    </row>
    <row r="102909" spans="1:7" x14ac:dyDescent="0.3">
      <c r="A102909" s="13" t="s">
        <v>502</v>
      </c>
      <c r="B102909" s="14" t="s">
        <v>1</v>
      </c>
      <c r="C102909" s="14" t="s">
        <v>191</v>
      </c>
      <c r="D102909" s="14" t="s">
        <v>503</v>
      </c>
      <c r="E102909" s="15">
        <v>45720</v>
      </c>
      <c r="F102909" s="14" t="s">
        <v>15</v>
      </c>
      <c r="G102909" s="16">
        <v>0</v>
      </c>
    </row>
    <row r="102910" spans="1:7" x14ac:dyDescent="0.3">
      <c r="A102910" s="13" t="s">
        <v>502</v>
      </c>
      <c r="B102910" s="14" t="s">
        <v>1</v>
      </c>
      <c r="C102910" s="14" t="s">
        <v>191</v>
      </c>
      <c r="D102910" s="14" t="s">
        <v>503</v>
      </c>
      <c r="E102910" s="15">
        <v>45721</v>
      </c>
      <c r="F102910" s="14" t="s">
        <v>15</v>
      </c>
      <c r="G102910" s="16">
        <v>0</v>
      </c>
    </row>
    <row r="102911" spans="1:7" x14ac:dyDescent="0.3">
      <c r="A102911" s="13" t="s">
        <v>502</v>
      </c>
      <c r="B102911" s="14" t="s">
        <v>1</v>
      </c>
      <c r="C102911" s="14" t="s">
        <v>191</v>
      </c>
      <c r="D102911" s="14" t="s">
        <v>503</v>
      </c>
      <c r="E102911" s="15">
        <v>45722</v>
      </c>
      <c r="F102911" s="14" t="s">
        <v>15</v>
      </c>
      <c r="G102911" s="16">
        <v>0</v>
      </c>
    </row>
    <row r="102912" spans="1:7" x14ac:dyDescent="0.3">
      <c r="A102912" s="13" t="s">
        <v>502</v>
      </c>
      <c r="B102912" s="14" t="s">
        <v>1</v>
      </c>
      <c r="C102912" s="14" t="s">
        <v>191</v>
      </c>
      <c r="D102912" s="14" t="s">
        <v>503</v>
      </c>
      <c r="E102912" s="15">
        <v>45723</v>
      </c>
      <c r="F102912" s="14" t="s">
        <v>15</v>
      </c>
      <c r="G102912" s="16">
        <v>5.0648007407009003E-3</v>
      </c>
    </row>
    <row r="102913" spans="1:7" x14ac:dyDescent="0.3">
      <c r="A102913" s="13" t="s">
        <v>502</v>
      </c>
      <c r="B102913" s="14" t="s">
        <v>1</v>
      </c>
      <c r="C102913" s="14" t="s">
        <v>191</v>
      </c>
      <c r="D102913" s="14" t="s">
        <v>503</v>
      </c>
      <c r="E102913" s="15">
        <v>45724</v>
      </c>
      <c r="F102913" s="14" t="s">
        <v>15</v>
      </c>
      <c r="G102913" s="16">
        <v>5.0648007407009003E-3</v>
      </c>
    </row>
    <row r="102914" spans="1:7" x14ac:dyDescent="0.3">
      <c r="A102914" s="13" t="s">
        <v>502</v>
      </c>
      <c r="B102914" s="14" t="s">
        <v>1</v>
      </c>
      <c r="C102914" s="14" t="s">
        <v>191</v>
      </c>
      <c r="D102914" s="14" t="s">
        <v>503</v>
      </c>
      <c r="E102914" s="15">
        <v>45725</v>
      </c>
      <c r="F102914" s="14" t="s">
        <v>15</v>
      </c>
      <c r="G102914" s="16">
        <v>5.0648007407009003E-3</v>
      </c>
    </row>
    <row r="102915" spans="1:7" x14ac:dyDescent="0.3">
      <c r="A102915" s="13" t="s">
        <v>502</v>
      </c>
      <c r="B102915" s="14" t="s">
        <v>1</v>
      </c>
      <c r="C102915" s="14" t="s">
        <v>191</v>
      </c>
      <c r="D102915" s="14" t="s">
        <v>503</v>
      </c>
      <c r="E102915" s="15">
        <v>45726</v>
      </c>
      <c r="F102915" s="14" t="s">
        <v>15</v>
      </c>
      <c r="G102915" s="16">
        <v>1.0019461270469291E-2</v>
      </c>
    </row>
    <row r="102916" spans="1:7" x14ac:dyDescent="0.3">
      <c r="A102916" s="13" t="s">
        <v>502</v>
      </c>
      <c r="B102916" s="14" t="s">
        <v>1</v>
      </c>
      <c r="C102916" s="14" t="s">
        <v>191</v>
      </c>
      <c r="D102916" s="14" t="s">
        <v>503</v>
      </c>
      <c r="E102916" s="15">
        <v>45727</v>
      </c>
      <c r="F102916" s="14" t="s">
        <v>15</v>
      </c>
      <c r="G102916" s="16">
        <v>0</v>
      </c>
    </row>
    <row r="102917" spans="1:7" x14ac:dyDescent="0.3">
      <c r="A102917" s="13" t="s">
        <v>502</v>
      </c>
      <c r="B102917" s="14" t="s">
        <v>1</v>
      </c>
      <c r="C102917" s="14" t="s">
        <v>191</v>
      </c>
      <c r="D102917" s="14" t="s">
        <v>503</v>
      </c>
      <c r="E102917" s="15">
        <v>45728</v>
      </c>
      <c r="F102917" s="14" t="s">
        <v>15</v>
      </c>
      <c r="G102917" s="16">
        <v>0</v>
      </c>
    </row>
    <row r="102918" spans="1:7" x14ac:dyDescent="0.3">
      <c r="A102918" s="13" t="s">
        <v>502</v>
      </c>
      <c r="B102918" s="14" t="s">
        <v>1</v>
      </c>
      <c r="C102918" s="14" t="s">
        <v>191</v>
      </c>
      <c r="D102918" s="14" t="s">
        <v>503</v>
      </c>
      <c r="E102918" s="15">
        <v>45729</v>
      </c>
      <c r="F102918" s="14" t="s">
        <v>15</v>
      </c>
      <c r="G102918" s="16">
        <v>0</v>
      </c>
    </row>
    <row r="102919" spans="1:7" x14ac:dyDescent="0.3">
      <c r="A102919" s="13" t="s">
        <v>502</v>
      </c>
      <c r="B102919" s="14" t="s">
        <v>1</v>
      </c>
      <c r="C102919" s="14" t="s">
        <v>191</v>
      </c>
      <c r="D102919" s="14" t="s">
        <v>503</v>
      </c>
      <c r="E102919" s="15">
        <v>45730</v>
      </c>
      <c r="F102919" s="14" t="s">
        <v>15</v>
      </c>
      <c r="G102919" s="16">
        <v>0</v>
      </c>
    </row>
    <row r="102920" spans="1:7" x14ac:dyDescent="0.3">
      <c r="A102920" s="13" t="s">
        <v>502</v>
      </c>
      <c r="B102920" s="14" t="s">
        <v>1</v>
      </c>
      <c r="C102920" s="14" t="s">
        <v>191</v>
      </c>
      <c r="D102920" s="14" t="s">
        <v>503</v>
      </c>
      <c r="E102920" s="15">
        <v>45731</v>
      </c>
      <c r="F102920" s="14" t="s">
        <v>15</v>
      </c>
      <c r="G102920" s="16">
        <v>0</v>
      </c>
    </row>
    <row r="102921" spans="1:7" x14ac:dyDescent="0.3">
      <c r="A102921" s="13" t="s">
        <v>502</v>
      </c>
      <c r="B102921" s="14" t="s">
        <v>1</v>
      </c>
      <c r="C102921" s="14" t="s">
        <v>191</v>
      </c>
      <c r="D102921" s="14" t="s">
        <v>503</v>
      </c>
      <c r="E102921" s="15">
        <v>45732</v>
      </c>
      <c r="F102921" s="14" t="s">
        <v>15</v>
      </c>
      <c r="G102921" s="16">
        <v>0</v>
      </c>
    </row>
    <row r="102922" spans="1:7" x14ac:dyDescent="0.3">
      <c r="A102922" s="13" t="s">
        <v>502</v>
      </c>
      <c r="B102922" s="14" t="s">
        <v>1</v>
      </c>
      <c r="C102922" s="14" t="s">
        <v>191</v>
      </c>
      <c r="D102922" s="14" t="s">
        <v>503</v>
      </c>
      <c r="E102922" s="15">
        <v>45733</v>
      </c>
      <c r="F102922" s="14" t="s">
        <v>15</v>
      </c>
      <c r="G102922" s="16">
        <v>0</v>
      </c>
    </row>
    <row r="102923" spans="1:7" x14ac:dyDescent="0.3">
      <c r="A102923" s="13" t="s">
        <v>502</v>
      </c>
      <c r="B102923" s="14" t="s">
        <v>1</v>
      </c>
      <c r="C102923" s="14" t="s">
        <v>191</v>
      </c>
      <c r="D102923" s="14" t="s">
        <v>503</v>
      </c>
      <c r="E102923" s="15">
        <v>45734</v>
      </c>
      <c r="F102923" s="14" t="s">
        <v>15</v>
      </c>
      <c r="G102923" s="16">
        <v>0</v>
      </c>
    </row>
    <row r="102924" spans="1:7" x14ac:dyDescent="0.3">
      <c r="A102924" s="13" t="s">
        <v>502</v>
      </c>
      <c r="B102924" s="14" t="s">
        <v>1</v>
      </c>
      <c r="C102924" s="14" t="s">
        <v>191</v>
      </c>
      <c r="D102924" s="14" t="s">
        <v>503</v>
      </c>
      <c r="E102924" s="15">
        <v>45735</v>
      </c>
      <c r="F102924" s="14" t="s">
        <v>15</v>
      </c>
      <c r="G102924" s="16">
        <v>0</v>
      </c>
    </row>
    <row r="102925" spans="1:7" x14ac:dyDescent="0.3">
      <c r="A102925" s="13" t="s">
        <v>502</v>
      </c>
      <c r="B102925" s="14" t="s">
        <v>1</v>
      </c>
      <c r="C102925" s="14" t="s">
        <v>191</v>
      </c>
      <c r="D102925" s="14" t="s">
        <v>503</v>
      </c>
      <c r="E102925" s="15">
        <v>45736</v>
      </c>
      <c r="F102925" s="14" t="s">
        <v>15</v>
      </c>
      <c r="G102925" s="16">
        <v>0</v>
      </c>
    </row>
    <row r="102926" spans="1:7" x14ac:dyDescent="0.3">
      <c r="A102926" s="13" t="s">
        <v>502</v>
      </c>
      <c r="B102926" s="14" t="s">
        <v>1</v>
      </c>
      <c r="C102926" s="14" t="s">
        <v>191</v>
      </c>
      <c r="D102926" s="14" t="s">
        <v>503</v>
      </c>
      <c r="E102926" s="15">
        <v>45737</v>
      </c>
      <c r="F102926" s="14" t="s">
        <v>15</v>
      </c>
      <c r="G102926" s="16">
        <v>0</v>
      </c>
    </row>
    <row r="102927" spans="1:7" x14ac:dyDescent="0.3">
      <c r="A102927" s="13" t="s">
        <v>502</v>
      </c>
      <c r="B102927" s="14" t="s">
        <v>1</v>
      </c>
      <c r="C102927" s="14" t="s">
        <v>191</v>
      </c>
      <c r="D102927" s="14" t="s">
        <v>503</v>
      </c>
      <c r="E102927" s="15">
        <v>45738</v>
      </c>
      <c r="F102927" s="14" t="s">
        <v>15</v>
      </c>
      <c r="G102927" s="16">
        <v>0</v>
      </c>
    </row>
    <row r="102928" spans="1:7" x14ac:dyDescent="0.3">
      <c r="A102928" s="13" t="s">
        <v>502</v>
      </c>
      <c r="B102928" s="14" t="s">
        <v>1</v>
      </c>
      <c r="C102928" s="14" t="s">
        <v>191</v>
      </c>
      <c r="D102928" s="14" t="s">
        <v>503</v>
      </c>
      <c r="E102928" s="15">
        <v>45739</v>
      </c>
      <c r="F102928" s="14" t="s">
        <v>15</v>
      </c>
      <c r="G102928" s="16">
        <v>0</v>
      </c>
    </row>
    <row r="102929" spans="1:7" x14ac:dyDescent="0.3">
      <c r="A102929" s="13" t="s">
        <v>502</v>
      </c>
      <c r="B102929" s="14" t="s">
        <v>1</v>
      </c>
      <c r="C102929" s="14" t="s">
        <v>191</v>
      </c>
      <c r="D102929" s="14" t="s">
        <v>503</v>
      </c>
      <c r="E102929" s="15">
        <v>45740</v>
      </c>
      <c r="F102929" s="14" t="s">
        <v>15</v>
      </c>
      <c r="G102929" s="16">
        <v>0</v>
      </c>
    </row>
    <row r="102930" spans="1:7" x14ac:dyDescent="0.3">
      <c r="A102930" s="13" t="s">
        <v>502</v>
      </c>
      <c r="B102930" s="14" t="s">
        <v>1</v>
      </c>
      <c r="C102930" s="14" t="s">
        <v>191</v>
      </c>
      <c r="D102930" s="14" t="s">
        <v>503</v>
      </c>
      <c r="E102930" s="15">
        <v>45741</v>
      </c>
      <c r="F102930" s="14" t="s">
        <v>15</v>
      </c>
      <c r="G102930" s="16">
        <v>0</v>
      </c>
    </row>
    <row r="102931" spans="1:7" x14ac:dyDescent="0.3">
      <c r="A102931" s="13" t="s">
        <v>502</v>
      </c>
      <c r="B102931" s="14" t="s">
        <v>1</v>
      </c>
      <c r="C102931" s="14" t="s">
        <v>191</v>
      </c>
      <c r="D102931" s="14" t="s">
        <v>503</v>
      </c>
      <c r="E102931" s="15">
        <v>45742</v>
      </c>
      <c r="F102931" s="14" t="s">
        <v>15</v>
      </c>
      <c r="G102931" s="16">
        <v>0</v>
      </c>
    </row>
    <row r="102932" spans="1:7" x14ac:dyDescent="0.3">
      <c r="A102932" s="13" t="s">
        <v>502</v>
      </c>
      <c r="B102932" s="14" t="s">
        <v>1</v>
      </c>
      <c r="C102932" s="14" t="s">
        <v>191</v>
      </c>
      <c r="D102932" s="14" t="s">
        <v>503</v>
      </c>
      <c r="E102932" s="15">
        <v>45743</v>
      </c>
      <c r="F102932" s="14" t="s">
        <v>15</v>
      </c>
      <c r="G102932" s="16">
        <v>0</v>
      </c>
    </row>
    <row r="102933" spans="1:7" x14ac:dyDescent="0.3">
      <c r="A102933" s="13" t="s">
        <v>502</v>
      </c>
      <c r="B102933" s="14" t="s">
        <v>1</v>
      </c>
      <c r="C102933" s="14" t="s">
        <v>191</v>
      </c>
      <c r="D102933" s="14" t="s">
        <v>503</v>
      </c>
      <c r="E102933" s="15">
        <v>45744</v>
      </c>
      <c r="F102933" s="14" t="s">
        <v>15</v>
      </c>
      <c r="G102933" s="16">
        <v>0</v>
      </c>
    </row>
    <row r="102934" spans="1:7" x14ac:dyDescent="0.3">
      <c r="A102934" s="13" t="s">
        <v>502</v>
      </c>
      <c r="B102934" s="14" t="s">
        <v>1</v>
      </c>
      <c r="C102934" s="14" t="s">
        <v>191</v>
      </c>
      <c r="D102934" s="14" t="s">
        <v>503</v>
      </c>
      <c r="E102934" s="15">
        <v>45745</v>
      </c>
      <c r="F102934" s="14" t="s">
        <v>15</v>
      </c>
      <c r="G102934" s="16">
        <v>0</v>
      </c>
    </row>
    <row r="102935" spans="1:7" x14ac:dyDescent="0.3">
      <c r="A102935" s="13" t="s">
        <v>502</v>
      </c>
      <c r="B102935" s="14" t="s">
        <v>1</v>
      </c>
      <c r="C102935" s="14" t="s">
        <v>191</v>
      </c>
      <c r="D102935" s="14" t="s">
        <v>503</v>
      </c>
      <c r="E102935" s="15">
        <v>45746</v>
      </c>
      <c r="F102935" s="14" t="s">
        <v>15</v>
      </c>
      <c r="G102935" s="16">
        <v>0</v>
      </c>
    </row>
    <row r="102936" spans="1:7" x14ac:dyDescent="0.3">
      <c r="A102936" s="13" t="s">
        <v>502</v>
      </c>
      <c r="B102936" s="14" t="s">
        <v>1</v>
      </c>
      <c r="C102936" s="14" t="s">
        <v>191</v>
      </c>
      <c r="D102936" s="14" t="s">
        <v>503</v>
      </c>
      <c r="E102936" s="15">
        <v>45747</v>
      </c>
      <c r="F102936" s="14" t="s">
        <v>15</v>
      </c>
      <c r="G102936" s="16">
        <v>0</v>
      </c>
    </row>
    <row r="102937" spans="1:7" x14ac:dyDescent="0.3">
      <c r="A102937" s="13" t="s">
        <v>504</v>
      </c>
      <c r="B102937" s="14" t="s">
        <v>1</v>
      </c>
      <c r="C102937" s="14" t="s">
        <v>218</v>
      </c>
      <c r="D102937" s="14" t="s">
        <v>277</v>
      </c>
      <c r="E102937" s="15">
        <v>45383</v>
      </c>
      <c r="F102937" s="14" t="s">
        <v>25</v>
      </c>
      <c r="G102937" s="16">
        <v>0</v>
      </c>
    </row>
    <row r="102938" spans="1:7" x14ac:dyDescent="0.3">
      <c r="A102938" s="13" t="s">
        <v>504</v>
      </c>
      <c r="B102938" s="14" t="s">
        <v>1</v>
      </c>
      <c r="C102938" s="14" t="s">
        <v>218</v>
      </c>
      <c r="D102938" s="14" t="s">
        <v>277</v>
      </c>
      <c r="E102938" s="15">
        <v>45384</v>
      </c>
      <c r="F102938" s="14" t="s">
        <v>25</v>
      </c>
      <c r="G102938" s="16">
        <v>0</v>
      </c>
    </row>
    <row r="102939" spans="1:7" x14ac:dyDescent="0.3">
      <c r="A102939" s="13" t="s">
        <v>504</v>
      </c>
      <c r="B102939" s="14" t="s">
        <v>1</v>
      </c>
      <c r="C102939" s="14" t="s">
        <v>218</v>
      </c>
      <c r="D102939" s="14" t="s">
        <v>277</v>
      </c>
      <c r="E102939" s="15">
        <v>45385</v>
      </c>
      <c r="F102939" s="14" t="s">
        <v>25</v>
      </c>
      <c r="G102939" s="16">
        <v>7.7563604731400969E-3</v>
      </c>
    </row>
    <row r="102940" spans="1:7" x14ac:dyDescent="0.3">
      <c r="A102940" s="13" t="s">
        <v>504</v>
      </c>
      <c r="B102940" s="14" t="s">
        <v>1</v>
      </c>
      <c r="C102940" s="14" t="s">
        <v>218</v>
      </c>
      <c r="D102940" s="14" t="s">
        <v>277</v>
      </c>
      <c r="E102940" s="15">
        <v>45386</v>
      </c>
      <c r="F102940" s="14" t="s">
        <v>25</v>
      </c>
      <c r="G102940" s="16">
        <v>1.1214067372320726E-2</v>
      </c>
    </row>
    <row r="102941" spans="1:7" x14ac:dyDescent="0.3">
      <c r="A102941" s="13" t="s">
        <v>504</v>
      </c>
      <c r="B102941" s="14" t="s">
        <v>1</v>
      </c>
      <c r="C102941" s="14" t="s">
        <v>218</v>
      </c>
      <c r="D102941" s="14" t="s">
        <v>277</v>
      </c>
      <c r="E102941" s="15">
        <v>45387</v>
      </c>
      <c r="F102941" s="14" t="s">
        <v>25</v>
      </c>
      <c r="G102941" s="16">
        <v>1.3123816963942884E-2</v>
      </c>
    </row>
    <row r="102942" spans="1:7" x14ac:dyDescent="0.3">
      <c r="A102942" s="13" t="s">
        <v>504</v>
      </c>
      <c r="B102942" s="14" t="s">
        <v>1</v>
      </c>
      <c r="C102942" s="14" t="s">
        <v>218</v>
      </c>
      <c r="D102942" s="14" t="s">
        <v>277</v>
      </c>
      <c r="E102942" s="15">
        <v>45388</v>
      </c>
      <c r="F102942" s="14" t="s">
        <v>25</v>
      </c>
      <c r="G102942" s="16">
        <v>1.3123816963942884E-2</v>
      </c>
    </row>
    <row r="102943" spans="1:7" x14ac:dyDescent="0.3">
      <c r="A102943" s="13" t="s">
        <v>504</v>
      </c>
      <c r="B102943" s="14" t="s">
        <v>1</v>
      </c>
      <c r="C102943" s="14" t="s">
        <v>218</v>
      </c>
      <c r="D102943" s="14" t="s">
        <v>277</v>
      </c>
      <c r="E102943" s="15">
        <v>45389</v>
      </c>
      <c r="F102943" s="14" t="s">
        <v>25</v>
      </c>
      <c r="G102943" s="16">
        <v>1.3123816963942884E-2</v>
      </c>
    </row>
    <row r="102944" spans="1:7" x14ac:dyDescent="0.3">
      <c r="A102944" s="13" t="s">
        <v>504</v>
      </c>
      <c r="B102944" s="14" t="s">
        <v>1</v>
      </c>
      <c r="C102944" s="14" t="s">
        <v>218</v>
      </c>
      <c r="D102944" s="14" t="s">
        <v>277</v>
      </c>
      <c r="E102944" s="15">
        <v>45390</v>
      </c>
      <c r="F102944" s="14" t="s">
        <v>25</v>
      </c>
      <c r="G102944" s="16">
        <v>1.9237507676329476E-2</v>
      </c>
    </row>
    <row r="102945" spans="1:7" x14ac:dyDescent="0.3">
      <c r="A102945" s="13" t="s">
        <v>504</v>
      </c>
      <c r="B102945" s="14" t="s">
        <v>1</v>
      </c>
      <c r="C102945" s="14" t="s">
        <v>218</v>
      </c>
      <c r="D102945" s="14" t="s">
        <v>277</v>
      </c>
      <c r="E102945" s="15">
        <v>45391</v>
      </c>
      <c r="F102945" s="14" t="s">
        <v>25</v>
      </c>
      <c r="G102945" s="16">
        <v>2.5003582511213027E-2</v>
      </c>
    </row>
    <row r="102946" spans="1:7" x14ac:dyDescent="0.3">
      <c r="A102946" s="13" t="s">
        <v>504</v>
      </c>
      <c r="B102946" s="14" t="s">
        <v>1</v>
      </c>
      <c r="C102946" s="14" t="s">
        <v>218</v>
      </c>
      <c r="D102946" s="14" t="s">
        <v>277</v>
      </c>
      <c r="E102946" s="15">
        <v>45392</v>
      </c>
      <c r="F102946" s="14" t="s">
        <v>25</v>
      </c>
      <c r="G102946" s="16">
        <v>2.691258615357241E-2</v>
      </c>
    </row>
    <row r="102947" spans="1:7" x14ac:dyDescent="0.3">
      <c r="A102947" s="13" t="s">
        <v>504</v>
      </c>
      <c r="B102947" s="14" t="s">
        <v>1</v>
      </c>
      <c r="C102947" s="14" t="s">
        <v>218</v>
      </c>
      <c r="D102947" s="14" t="s">
        <v>277</v>
      </c>
      <c r="E102947" s="15">
        <v>45393</v>
      </c>
      <c r="F102947" s="14" t="s">
        <v>25</v>
      </c>
      <c r="G102947" s="16">
        <v>2.9023319955189138E-2</v>
      </c>
    </row>
    <row r="102948" spans="1:7" x14ac:dyDescent="0.3">
      <c r="A102948" s="13" t="s">
        <v>504</v>
      </c>
      <c r="B102948" s="14" t="s">
        <v>1</v>
      </c>
      <c r="C102948" s="14" t="s">
        <v>218</v>
      </c>
      <c r="D102948" s="14" t="s">
        <v>277</v>
      </c>
      <c r="E102948" s="15">
        <v>45394</v>
      </c>
      <c r="F102948" s="14" t="s">
        <v>25</v>
      </c>
      <c r="G102948" s="16">
        <v>3.0981115044668495E-2</v>
      </c>
    </row>
    <row r="102949" spans="1:7" x14ac:dyDescent="0.3">
      <c r="A102949" s="13" t="s">
        <v>504</v>
      </c>
      <c r="B102949" s="14" t="s">
        <v>1</v>
      </c>
      <c r="C102949" s="14" t="s">
        <v>218</v>
      </c>
      <c r="D102949" s="14" t="s">
        <v>277</v>
      </c>
      <c r="E102949" s="15">
        <v>45395</v>
      </c>
      <c r="F102949" s="14" t="s">
        <v>25</v>
      </c>
      <c r="G102949" s="16">
        <v>3.0981115044668495E-2</v>
      </c>
    </row>
    <row r="102950" spans="1:7" x14ac:dyDescent="0.3">
      <c r="A102950" s="13" t="s">
        <v>504</v>
      </c>
      <c r="B102950" s="14" t="s">
        <v>1</v>
      </c>
      <c r="C102950" s="14" t="s">
        <v>218</v>
      </c>
      <c r="D102950" s="14" t="s">
        <v>277</v>
      </c>
      <c r="E102950" s="15">
        <v>45396</v>
      </c>
      <c r="F102950" s="14" t="s">
        <v>25</v>
      </c>
      <c r="G102950" s="16">
        <v>3.0981115044668495E-2</v>
      </c>
    </row>
    <row r="102951" spans="1:7" x14ac:dyDescent="0.3">
      <c r="A102951" s="13" t="s">
        <v>504</v>
      </c>
      <c r="B102951" s="14" t="s">
        <v>1</v>
      </c>
      <c r="C102951" s="14" t="s">
        <v>218</v>
      </c>
      <c r="D102951" s="14" t="s">
        <v>277</v>
      </c>
      <c r="E102951" s="15">
        <v>45397</v>
      </c>
      <c r="F102951" s="14" t="s">
        <v>25</v>
      </c>
      <c r="G102951" s="16">
        <v>3.2940019994177873E-2</v>
      </c>
    </row>
    <row r="102952" spans="1:7" x14ac:dyDescent="0.3">
      <c r="A102952" s="13" t="s">
        <v>504</v>
      </c>
      <c r="B102952" s="14" t="s">
        <v>1</v>
      </c>
      <c r="C102952" s="14" t="s">
        <v>218</v>
      </c>
      <c r="D102952" s="14" t="s">
        <v>277</v>
      </c>
      <c r="E102952" s="15">
        <v>45398</v>
      </c>
      <c r="F102952" s="14" t="s">
        <v>25</v>
      </c>
      <c r="G102952" s="16">
        <v>3.8899526407913602E-2</v>
      </c>
    </row>
    <row r="102953" spans="1:7" x14ac:dyDescent="0.3">
      <c r="A102953" s="13" t="s">
        <v>504</v>
      </c>
      <c r="B102953" s="14" t="s">
        <v>1</v>
      </c>
      <c r="C102953" s="14" t="s">
        <v>218</v>
      </c>
      <c r="D102953" s="14" t="s">
        <v>277</v>
      </c>
      <c r="E102953" s="15">
        <v>45399</v>
      </c>
      <c r="F102953" s="14" t="s">
        <v>25</v>
      </c>
      <c r="G102953" s="16">
        <v>4.0888397578233655E-2</v>
      </c>
    </row>
    <row r="102954" spans="1:7" x14ac:dyDescent="0.3">
      <c r="A102954" s="13" t="s">
        <v>504</v>
      </c>
      <c r="B102954" s="14" t="s">
        <v>1</v>
      </c>
      <c r="C102954" s="14" t="s">
        <v>218</v>
      </c>
      <c r="D102954" s="14" t="s">
        <v>277</v>
      </c>
      <c r="E102954" s="15">
        <v>45400</v>
      </c>
      <c r="F102954" s="14" t="s">
        <v>25</v>
      </c>
      <c r="G102954" s="16">
        <v>4.2498362534303329E-2</v>
      </c>
    </row>
    <row r="102955" spans="1:7" x14ac:dyDescent="0.3">
      <c r="A102955" s="13" t="s">
        <v>504</v>
      </c>
      <c r="B102955" s="14" t="s">
        <v>1</v>
      </c>
      <c r="C102955" s="14" t="s">
        <v>218</v>
      </c>
      <c r="D102955" s="14" t="s">
        <v>277</v>
      </c>
      <c r="E102955" s="15">
        <v>45401</v>
      </c>
      <c r="F102955" s="14" t="s">
        <v>25</v>
      </c>
      <c r="G102955" s="16">
        <v>4.4396003210155355E-2</v>
      </c>
    </row>
    <row r="102956" spans="1:7" x14ac:dyDescent="0.3">
      <c r="A102956" s="13" t="s">
        <v>504</v>
      </c>
      <c r="B102956" s="14" t="s">
        <v>1</v>
      </c>
      <c r="C102956" s="14" t="s">
        <v>218</v>
      </c>
      <c r="D102956" s="14" t="s">
        <v>277</v>
      </c>
      <c r="E102956" s="15">
        <v>45402</v>
      </c>
      <c r="F102956" s="14" t="s">
        <v>25</v>
      </c>
      <c r="G102956" s="16">
        <v>4.4396003210155355E-2</v>
      </c>
    </row>
    <row r="102957" spans="1:7" x14ac:dyDescent="0.3">
      <c r="A102957" s="13" t="s">
        <v>504</v>
      </c>
      <c r="B102957" s="14" t="s">
        <v>1</v>
      </c>
      <c r="C102957" s="14" t="s">
        <v>218</v>
      </c>
      <c r="D102957" s="14" t="s">
        <v>277</v>
      </c>
      <c r="E102957" s="15">
        <v>45403</v>
      </c>
      <c r="F102957" s="14" t="s">
        <v>25</v>
      </c>
      <c r="G102957" s="16">
        <v>4.4396003210155355E-2</v>
      </c>
    </row>
    <row r="102958" spans="1:7" x14ac:dyDescent="0.3">
      <c r="A102958" s="13" t="s">
        <v>504</v>
      </c>
      <c r="B102958" s="14" t="s">
        <v>1</v>
      </c>
      <c r="C102958" s="14" t="s">
        <v>218</v>
      </c>
      <c r="D102958" s="14" t="s">
        <v>277</v>
      </c>
      <c r="E102958" s="15">
        <v>45404</v>
      </c>
      <c r="F102958" s="14" t="s">
        <v>25</v>
      </c>
      <c r="G102958" s="16">
        <v>4.6224388620133852E-2</v>
      </c>
    </row>
    <row r="102959" spans="1:7" x14ac:dyDescent="0.3">
      <c r="A102959" s="13" t="s">
        <v>504</v>
      </c>
      <c r="B102959" s="14" t="s">
        <v>1</v>
      </c>
      <c r="C102959" s="14" t="s">
        <v>218</v>
      </c>
      <c r="D102959" s="14" t="s">
        <v>277</v>
      </c>
      <c r="E102959" s="15">
        <v>45405</v>
      </c>
      <c r="F102959" s="14" t="s">
        <v>25</v>
      </c>
      <c r="G102959" s="16">
        <v>5.1994991078958518E-2</v>
      </c>
    </row>
    <row r="102960" spans="1:7" x14ac:dyDescent="0.3">
      <c r="A102960" s="13" t="s">
        <v>504</v>
      </c>
      <c r="B102960" s="14" t="s">
        <v>1</v>
      </c>
      <c r="C102960" s="14" t="s">
        <v>218</v>
      </c>
      <c r="D102960" s="14" t="s">
        <v>277</v>
      </c>
      <c r="E102960" s="15">
        <v>45406</v>
      </c>
      <c r="F102960" s="14" t="s">
        <v>25</v>
      </c>
      <c r="G102960" s="16">
        <v>5.3903062528047517E-2</v>
      </c>
    </row>
    <row r="102961" spans="1:7" x14ac:dyDescent="0.3">
      <c r="A102961" s="13" t="s">
        <v>504</v>
      </c>
      <c r="B102961" s="14" t="s">
        <v>1</v>
      </c>
      <c r="C102961" s="14" t="s">
        <v>218</v>
      </c>
      <c r="D102961" s="14" t="s">
        <v>277</v>
      </c>
      <c r="E102961" s="15">
        <v>45407</v>
      </c>
      <c r="F102961" s="14" t="s">
        <v>25</v>
      </c>
      <c r="G102961" s="16">
        <v>5.5823120453461196E-2</v>
      </c>
    </row>
    <row r="102962" spans="1:7" x14ac:dyDescent="0.3">
      <c r="A102962" s="13" t="s">
        <v>504</v>
      </c>
      <c r="B102962" s="14" t="s">
        <v>1</v>
      </c>
      <c r="C102962" s="14" t="s">
        <v>218</v>
      </c>
      <c r="D102962" s="14" t="s">
        <v>277</v>
      </c>
      <c r="E102962" s="15">
        <v>45408</v>
      </c>
      <c r="F102962" s="14" t="s">
        <v>25</v>
      </c>
      <c r="G102962" s="16">
        <v>5.8016272635416297E-2</v>
      </c>
    </row>
    <row r="102963" spans="1:7" x14ac:dyDescent="0.3">
      <c r="A102963" s="13" t="s">
        <v>504</v>
      </c>
      <c r="B102963" s="14" t="s">
        <v>1</v>
      </c>
      <c r="C102963" s="14" t="s">
        <v>218</v>
      </c>
      <c r="D102963" s="14" t="s">
        <v>277</v>
      </c>
      <c r="E102963" s="15">
        <v>45409</v>
      </c>
      <c r="F102963" s="14" t="s">
        <v>25</v>
      </c>
      <c r="G102963" s="16">
        <v>5.8016272635416297E-2</v>
      </c>
    </row>
    <row r="102964" spans="1:7" x14ac:dyDescent="0.3">
      <c r="A102964" s="13" t="s">
        <v>504</v>
      </c>
      <c r="B102964" s="14" t="s">
        <v>1</v>
      </c>
      <c r="C102964" s="14" t="s">
        <v>218</v>
      </c>
      <c r="D102964" s="14" t="s">
        <v>277</v>
      </c>
      <c r="E102964" s="15">
        <v>45410</v>
      </c>
      <c r="F102964" s="14" t="s">
        <v>25</v>
      </c>
      <c r="G102964" s="16">
        <v>5.8016272635416297E-2</v>
      </c>
    </row>
    <row r="102965" spans="1:7" x14ac:dyDescent="0.3">
      <c r="A102965" s="13" t="s">
        <v>504</v>
      </c>
      <c r="B102965" s="14" t="s">
        <v>1</v>
      </c>
      <c r="C102965" s="14" t="s">
        <v>218</v>
      </c>
      <c r="D102965" s="14" t="s">
        <v>277</v>
      </c>
      <c r="E102965" s="15">
        <v>45411</v>
      </c>
      <c r="F102965" s="14" t="s">
        <v>25</v>
      </c>
      <c r="G102965" s="16">
        <v>5.9949857291270413E-2</v>
      </c>
    </row>
    <row r="102966" spans="1:7" x14ac:dyDescent="0.3">
      <c r="A102966" s="13" t="s">
        <v>504</v>
      </c>
      <c r="B102966" s="14" t="s">
        <v>1</v>
      </c>
      <c r="C102966" s="14" t="s">
        <v>218</v>
      </c>
      <c r="D102966" s="14" t="s">
        <v>277</v>
      </c>
      <c r="E102966" s="15">
        <v>45412</v>
      </c>
      <c r="F102966" s="14" t="s">
        <v>25</v>
      </c>
      <c r="G102966" s="16">
        <v>6.5668168792846773E-2</v>
      </c>
    </row>
    <row r="102967" spans="1:7" x14ac:dyDescent="0.3">
      <c r="A102967" s="13" t="s">
        <v>504</v>
      </c>
      <c r="B102967" s="14" t="s">
        <v>1</v>
      </c>
      <c r="C102967" s="14" t="s">
        <v>218</v>
      </c>
      <c r="D102967" s="14" t="s">
        <v>277</v>
      </c>
      <c r="E102967" s="15">
        <v>45413</v>
      </c>
      <c r="F102967" s="14" t="s">
        <v>25</v>
      </c>
      <c r="G102967" s="16">
        <v>6.5668168792846773E-2</v>
      </c>
    </row>
    <row r="102968" spans="1:7" x14ac:dyDescent="0.3">
      <c r="A102968" s="13" t="s">
        <v>504</v>
      </c>
      <c r="B102968" s="14" t="s">
        <v>1</v>
      </c>
      <c r="C102968" s="14" t="s">
        <v>218</v>
      </c>
      <c r="D102968" s="14" t="s">
        <v>277</v>
      </c>
      <c r="E102968" s="15">
        <v>45414</v>
      </c>
      <c r="F102968" s="14" t="s">
        <v>25</v>
      </c>
      <c r="G102968" s="16">
        <v>6.7603540488467492E-2</v>
      </c>
    </row>
    <row r="102969" spans="1:7" x14ac:dyDescent="0.3">
      <c r="A102969" s="13" t="s">
        <v>504</v>
      </c>
      <c r="B102969" s="14" t="s">
        <v>1</v>
      </c>
      <c r="C102969" s="14" t="s">
        <v>218</v>
      </c>
      <c r="D102969" s="14" t="s">
        <v>277</v>
      </c>
      <c r="E102969" s="15">
        <v>45415</v>
      </c>
      <c r="F102969" s="14" t="s">
        <v>25</v>
      </c>
      <c r="G102969" s="16">
        <v>7.4874154008884392E-2</v>
      </c>
    </row>
    <row r="102970" spans="1:7" x14ac:dyDescent="0.3">
      <c r="A102970" s="13" t="s">
        <v>504</v>
      </c>
      <c r="B102970" s="14" t="s">
        <v>1</v>
      </c>
      <c r="C102970" s="14" t="s">
        <v>218</v>
      </c>
      <c r="D102970" s="14" t="s">
        <v>277</v>
      </c>
      <c r="E102970" s="15">
        <v>45416</v>
      </c>
      <c r="F102970" s="14" t="s">
        <v>25</v>
      </c>
      <c r="G102970" s="16">
        <v>7.4874154008884392E-2</v>
      </c>
    </row>
    <row r="102971" spans="1:7" x14ac:dyDescent="0.3">
      <c r="A102971" s="13" t="s">
        <v>504</v>
      </c>
      <c r="B102971" s="14" t="s">
        <v>1</v>
      </c>
      <c r="C102971" s="14" t="s">
        <v>218</v>
      </c>
      <c r="D102971" s="14" t="s">
        <v>277</v>
      </c>
      <c r="E102971" s="15">
        <v>45417</v>
      </c>
      <c r="F102971" s="14" t="s">
        <v>25</v>
      </c>
      <c r="G102971" s="16">
        <v>7.4874154008884392E-2</v>
      </c>
    </row>
    <row r="102972" spans="1:7" x14ac:dyDescent="0.3">
      <c r="A102972" s="13" t="s">
        <v>504</v>
      </c>
      <c r="B102972" s="14" t="s">
        <v>1</v>
      </c>
      <c r="C102972" s="14" t="s">
        <v>218</v>
      </c>
      <c r="D102972" s="14" t="s">
        <v>277</v>
      </c>
      <c r="E102972" s="15">
        <v>45418</v>
      </c>
      <c r="F102972" s="14" t="s">
        <v>25</v>
      </c>
      <c r="G102972" s="16">
        <v>7.4874154008884392E-2</v>
      </c>
    </row>
    <row r="102973" spans="1:7" x14ac:dyDescent="0.3">
      <c r="A102973" s="13" t="s">
        <v>504</v>
      </c>
      <c r="B102973" s="14" t="s">
        <v>1</v>
      </c>
      <c r="C102973" s="14" t="s">
        <v>218</v>
      </c>
      <c r="D102973" s="14" t="s">
        <v>277</v>
      </c>
      <c r="E102973" s="15">
        <v>45419</v>
      </c>
      <c r="F102973" s="14" t="s">
        <v>25</v>
      </c>
      <c r="G102973" s="16">
        <v>7.6790265699808055E-2</v>
      </c>
    </row>
    <row r="102974" spans="1:7" x14ac:dyDescent="0.3">
      <c r="A102974" s="13" t="s">
        <v>504</v>
      </c>
      <c r="B102974" s="14" t="s">
        <v>1</v>
      </c>
      <c r="C102974" s="14" t="s">
        <v>218</v>
      </c>
      <c r="D102974" s="14" t="s">
        <v>277</v>
      </c>
      <c r="E102974" s="15">
        <v>45420</v>
      </c>
      <c r="F102974" s="14" t="s">
        <v>25</v>
      </c>
      <c r="G102974" s="16">
        <v>8.4384364681545393E-2</v>
      </c>
    </row>
    <row r="102975" spans="1:7" x14ac:dyDescent="0.3">
      <c r="A102975" s="13" t="s">
        <v>504</v>
      </c>
      <c r="B102975" s="14" t="s">
        <v>1</v>
      </c>
      <c r="C102975" s="14" t="s">
        <v>218</v>
      </c>
      <c r="D102975" s="14" t="s">
        <v>277</v>
      </c>
      <c r="E102975" s="15">
        <v>45421</v>
      </c>
      <c r="F102975" s="14" t="s">
        <v>25</v>
      </c>
      <c r="G102975" s="16">
        <v>8.4384364681545393E-2</v>
      </c>
    </row>
    <row r="102976" spans="1:7" x14ac:dyDescent="0.3">
      <c r="A102976" s="13" t="s">
        <v>504</v>
      </c>
      <c r="B102976" s="14" t="s">
        <v>1</v>
      </c>
      <c r="C102976" s="14" t="s">
        <v>218</v>
      </c>
      <c r="D102976" s="14" t="s">
        <v>277</v>
      </c>
      <c r="E102976" s="15">
        <v>45422</v>
      </c>
      <c r="F102976" s="14" t="s">
        <v>25</v>
      </c>
      <c r="G102976" s="16">
        <v>8.6264457124072796E-2</v>
      </c>
    </row>
    <row r="102977" spans="1:7" x14ac:dyDescent="0.3">
      <c r="A102977" s="13" t="s">
        <v>504</v>
      </c>
      <c r="B102977" s="14" t="s">
        <v>1</v>
      </c>
      <c r="C102977" s="14" t="s">
        <v>218</v>
      </c>
      <c r="D102977" s="14" t="s">
        <v>277</v>
      </c>
      <c r="E102977" s="15">
        <v>45423</v>
      </c>
      <c r="F102977" s="14" t="s">
        <v>25</v>
      </c>
      <c r="G102977" s="16">
        <v>8.6264457124072796E-2</v>
      </c>
    </row>
    <row r="102978" spans="1:7" x14ac:dyDescent="0.3">
      <c r="A102978" s="13" t="s">
        <v>504</v>
      </c>
      <c r="B102978" s="14" t="s">
        <v>1</v>
      </c>
      <c r="C102978" s="14" t="s">
        <v>218</v>
      </c>
      <c r="D102978" s="14" t="s">
        <v>277</v>
      </c>
      <c r="E102978" s="15">
        <v>45424</v>
      </c>
      <c r="F102978" s="14" t="s">
        <v>25</v>
      </c>
      <c r="G102978" s="16">
        <v>8.6264457124072796E-2</v>
      </c>
    </row>
    <row r="102979" spans="1:7" x14ac:dyDescent="0.3">
      <c r="A102979" s="13" t="s">
        <v>504</v>
      </c>
      <c r="B102979" s="14" t="s">
        <v>1</v>
      </c>
      <c r="C102979" s="14" t="s">
        <v>218</v>
      </c>
      <c r="D102979" s="14" t="s">
        <v>277</v>
      </c>
      <c r="E102979" s="15">
        <v>45425</v>
      </c>
      <c r="F102979" s="14" t="s">
        <v>25</v>
      </c>
      <c r="G102979" s="16">
        <v>9.3682085962660699E-2</v>
      </c>
    </row>
    <row r="102980" spans="1:7" x14ac:dyDescent="0.3">
      <c r="A102980" s="13" t="s">
        <v>504</v>
      </c>
      <c r="B102980" s="14" t="s">
        <v>1</v>
      </c>
      <c r="C102980" s="14" t="s">
        <v>218</v>
      </c>
      <c r="D102980" s="14" t="s">
        <v>277</v>
      </c>
      <c r="E102980" s="15">
        <v>45426</v>
      </c>
      <c r="F102980" s="14" t="s">
        <v>25</v>
      </c>
      <c r="G102980" s="16">
        <v>9.9275303608989965E-2</v>
      </c>
    </row>
    <row r="102981" spans="1:7" x14ac:dyDescent="0.3">
      <c r="A102981" s="13" t="s">
        <v>504</v>
      </c>
      <c r="B102981" s="14" t="s">
        <v>1</v>
      </c>
      <c r="C102981" s="14" t="s">
        <v>218</v>
      </c>
      <c r="D102981" s="14" t="s">
        <v>277</v>
      </c>
      <c r="E102981" s="15">
        <v>45427</v>
      </c>
      <c r="F102981" s="14" t="s">
        <v>25</v>
      </c>
      <c r="G102981" s="16">
        <v>0.10113799077712454</v>
      </c>
    </row>
    <row r="102982" spans="1:7" x14ac:dyDescent="0.3">
      <c r="A102982" s="13" t="s">
        <v>504</v>
      </c>
      <c r="B102982" s="14" t="s">
        <v>1</v>
      </c>
      <c r="C102982" s="14" t="s">
        <v>218</v>
      </c>
      <c r="D102982" s="14" t="s">
        <v>277</v>
      </c>
      <c r="E102982" s="15">
        <v>45428</v>
      </c>
      <c r="F102982" s="14" t="s">
        <v>25</v>
      </c>
      <c r="G102982" s="16">
        <v>0.10298931616891938</v>
      </c>
    </row>
    <row r="102983" spans="1:7" x14ac:dyDescent="0.3">
      <c r="A102983" s="13" t="s">
        <v>504</v>
      </c>
      <c r="B102983" s="14" t="s">
        <v>1</v>
      </c>
      <c r="C102983" s="14" t="s">
        <v>218</v>
      </c>
      <c r="D102983" s="14" t="s">
        <v>277</v>
      </c>
      <c r="E102983" s="15">
        <v>45429</v>
      </c>
      <c r="F102983" s="14" t="s">
        <v>25</v>
      </c>
      <c r="G102983" s="16">
        <v>0.12186928515486853</v>
      </c>
    </row>
    <row r="102984" spans="1:7" x14ac:dyDescent="0.3">
      <c r="A102984" s="13" t="s">
        <v>504</v>
      </c>
      <c r="B102984" s="14" t="s">
        <v>1</v>
      </c>
      <c r="C102984" s="14" t="s">
        <v>218</v>
      </c>
      <c r="D102984" s="14" t="s">
        <v>277</v>
      </c>
      <c r="E102984" s="15">
        <v>45430</v>
      </c>
      <c r="F102984" s="14" t="s">
        <v>25</v>
      </c>
      <c r="G102984" s="16">
        <v>0.12186928515486853</v>
      </c>
    </row>
    <row r="102985" spans="1:7" x14ac:dyDescent="0.3">
      <c r="A102985" s="13" t="s">
        <v>504</v>
      </c>
      <c r="B102985" s="14" t="s">
        <v>1</v>
      </c>
      <c r="C102985" s="14" t="s">
        <v>218</v>
      </c>
      <c r="D102985" s="14" t="s">
        <v>277</v>
      </c>
      <c r="E102985" s="15">
        <v>45431</v>
      </c>
      <c r="F102985" s="14" t="s">
        <v>25</v>
      </c>
      <c r="G102985" s="16">
        <v>0.12186928515486853</v>
      </c>
    </row>
    <row r="102986" spans="1:7" x14ac:dyDescent="0.3">
      <c r="A102986" s="13" t="s">
        <v>504</v>
      </c>
      <c r="B102986" s="14" t="s">
        <v>1</v>
      </c>
      <c r="C102986" s="14" t="s">
        <v>218</v>
      </c>
      <c r="D102986" s="14" t="s">
        <v>277</v>
      </c>
      <c r="E102986" s="15">
        <v>45432</v>
      </c>
      <c r="F102986" s="14" t="s">
        <v>25</v>
      </c>
      <c r="G102986" s="16">
        <v>0.12186928515486853</v>
      </c>
    </row>
    <row r="102987" spans="1:7" x14ac:dyDescent="0.3">
      <c r="A102987" s="13" t="s">
        <v>504</v>
      </c>
      <c r="B102987" s="14" t="s">
        <v>1</v>
      </c>
      <c r="C102987" s="14" t="s">
        <v>218</v>
      </c>
      <c r="D102987" s="14" t="s">
        <v>277</v>
      </c>
      <c r="E102987" s="15">
        <v>45433</v>
      </c>
      <c r="F102987" s="14" t="s">
        <v>25</v>
      </c>
      <c r="G102987" s="16">
        <v>0.12371601748814302</v>
      </c>
    </row>
    <row r="102988" spans="1:7" x14ac:dyDescent="0.3">
      <c r="A102988" s="13" t="s">
        <v>504</v>
      </c>
      <c r="B102988" s="14" t="s">
        <v>1</v>
      </c>
      <c r="C102988" s="14" t="s">
        <v>218</v>
      </c>
      <c r="D102988" s="14" t="s">
        <v>277</v>
      </c>
      <c r="E102988" s="15">
        <v>45434</v>
      </c>
      <c r="F102988" s="14" t="s">
        <v>25</v>
      </c>
      <c r="G102988" s="16">
        <v>0.12100716098901869</v>
      </c>
    </row>
    <row r="102989" spans="1:7" x14ac:dyDescent="0.3">
      <c r="A102989" s="13" t="s">
        <v>504</v>
      </c>
      <c r="B102989" s="14" t="s">
        <v>1</v>
      </c>
      <c r="C102989" s="14" t="s">
        <v>218</v>
      </c>
      <c r="D102989" s="14" t="s">
        <v>277</v>
      </c>
      <c r="E102989" s="15">
        <v>45435</v>
      </c>
      <c r="F102989" s="14" t="s">
        <v>25</v>
      </c>
      <c r="G102989" s="16">
        <v>0.14858662455239088</v>
      </c>
    </row>
    <row r="102990" spans="1:7" x14ac:dyDescent="0.3">
      <c r="A102990" s="13" t="s">
        <v>504</v>
      </c>
      <c r="B102990" s="14" t="s">
        <v>1</v>
      </c>
      <c r="C102990" s="14" t="s">
        <v>218</v>
      </c>
      <c r="D102990" s="14" t="s">
        <v>277</v>
      </c>
      <c r="E102990" s="15">
        <v>45436</v>
      </c>
      <c r="F102990" s="14" t="s">
        <v>25</v>
      </c>
      <c r="G102990" s="16">
        <v>0.1504894405475978</v>
      </c>
    </row>
    <row r="102991" spans="1:7" x14ac:dyDescent="0.3">
      <c r="A102991" s="13" t="s">
        <v>504</v>
      </c>
      <c r="B102991" s="14" t="s">
        <v>1</v>
      </c>
      <c r="C102991" s="14" t="s">
        <v>218</v>
      </c>
      <c r="D102991" s="14" t="s">
        <v>277</v>
      </c>
      <c r="E102991" s="15">
        <v>45437</v>
      </c>
      <c r="F102991" s="14" t="s">
        <v>25</v>
      </c>
      <c r="G102991" s="16">
        <v>0.1504894405475978</v>
      </c>
    </row>
    <row r="102992" spans="1:7" x14ac:dyDescent="0.3">
      <c r="A102992" s="13" t="s">
        <v>504</v>
      </c>
      <c r="B102992" s="14" t="s">
        <v>1</v>
      </c>
      <c r="C102992" s="14" t="s">
        <v>218</v>
      </c>
      <c r="D102992" s="14" t="s">
        <v>277</v>
      </c>
      <c r="E102992" s="15">
        <v>45438</v>
      </c>
      <c r="F102992" s="14" t="s">
        <v>25</v>
      </c>
      <c r="G102992" s="16">
        <v>0.1504894405475978</v>
      </c>
    </row>
    <row r="102993" spans="1:7" x14ac:dyDescent="0.3">
      <c r="A102993" s="13" t="s">
        <v>504</v>
      </c>
      <c r="B102993" s="14" t="s">
        <v>1</v>
      </c>
      <c r="C102993" s="14" t="s">
        <v>218</v>
      </c>
      <c r="D102993" s="14" t="s">
        <v>277</v>
      </c>
      <c r="E102993" s="15">
        <v>45439</v>
      </c>
      <c r="F102993" s="14" t="s">
        <v>25</v>
      </c>
      <c r="G102993" s="16">
        <v>0.15241087051680816</v>
      </c>
    </row>
    <row r="102994" spans="1:7" x14ac:dyDescent="0.3">
      <c r="A102994" s="13" t="s">
        <v>504</v>
      </c>
      <c r="B102994" s="14" t="s">
        <v>1</v>
      </c>
      <c r="C102994" s="14" t="s">
        <v>218</v>
      </c>
      <c r="D102994" s="14" t="s">
        <v>277</v>
      </c>
      <c r="E102994" s="15">
        <v>45440</v>
      </c>
      <c r="F102994" s="14" t="s">
        <v>25</v>
      </c>
      <c r="G102994" s="16">
        <v>0.15814768167687818</v>
      </c>
    </row>
    <row r="102995" spans="1:7" x14ac:dyDescent="0.3">
      <c r="A102995" s="13" t="s">
        <v>504</v>
      </c>
      <c r="B102995" s="14" t="s">
        <v>1</v>
      </c>
      <c r="C102995" s="14" t="s">
        <v>218</v>
      </c>
      <c r="D102995" s="14" t="s">
        <v>277</v>
      </c>
      <c r="E102995" s="15">
        <v>45441</v>
      </c>
      <c r="F102995" s="14" t="s">
        <v>25</v>
      </c>
      <c r="G102995" s="16">
        <v>0.16062704738634731</v>
      </c>
    </row>
    <row r="102996" spans="1:7" x14ac:dyDescent="0.3">
      <c r="A102996" s="13" t="s">
        <v>504</v>
      </c>
      <c r="B102996" s="14" t="s">
        <v>1</v>
      </c>
      <c r="C102996" s="14" t="s">
        <v>218</v>
      </c>
      <c r="D102996" s="14" t="s">
        <v>277</v>
      </c>
      <c r="E102996" s="15">
        <v>45442</v>
      </c>
      <c r="F102996" s="14" t="s">
        <v>25</v>
      </c>
      <c r="G102996" s="16">
        <v>0.16253929123851701</v>
      </c>
    </row>
    <row r="102997" spans="1:7" x14ac:dyDescent="0.3">
      <c r="A102997" s="13" t="s">
        <v>504</v>
      </c>
      <c r="B102997" s="14" t="s">
        <v>1</v>
      </c>
      <c r="C102997" s="14" t="s">
        <v>218</v>
      </c>
      <c r="D102997" s="14" t="s">
        <v>277</v>
      </c>
      <c r="E102997" s="15">
        <v>45443</v>
      </c>
      <c r="F102997" s="14" t="s">
        <v>25</v>
      </c>
      <c r="G102997" s="16">
        <v>0.16441527410236831</v>
      </c>
    </row>
    <row r="102998" spans="1:7" x14ac:dyDescent="0.3">
      <c r="A102998" s="13" t="s">
        <v>504</v>
      </c>
      <c r="B102998" s="14" t="s">
        <v>1</v>
      </c>
      <c r="C102998" s="14" t="s">
        <v>218</v>
      </c>
      <c r="D102998" s="14" t="s">
        <v>277</v>
      </c>
      <c r="E102998" s="15">
        <v>45444</v>
      </c>
      <c r="F102998" s="14" t="s">
        <v>25</v>
      </c>
      <c r="G102998" s="16">
        <v>0.16441527410236831</v>
      </c>
    </row>
    <row r="102999" spans="1:7" x14ac:dyDescent="0.3">
      <c r="A102999" s="13" t="s">
        <v>504</v>
      </c>
      <c r="B102999" s="14" t="s">
        <v>1</v>
      </c>
      <c r="C102999" s="14" t="s">
        <v>218</v>
      </c>
      <c r="D102999" s="14" t="s">
        <v>277</v>
      </c>
      <c r="E102999" s="15">
        <v>45445</v>
      </c>
      <c r="F102999" s="14" t="s">
        <v>25</v>
      </c>
      <c r="G102999" s="16">
        <v>0.16441527410236831</v>
      </c>
    </row>
    <row r="103000" spans="1:7" x14ac:dyDescent="0.3">
      <c r="A103000" s="13" t="s">
        <v>504</v>
      </c>
      <c r="B103000" s="14" t="s">
        <v>1</v>
      </c>
      <c r="C103000" s="14" t="s">
        <v>218</v>
      </c>
      <c r="D103000" s="14" t="s">
        <v>277</v>
      </c>
      <c r="E103000" s="15">
        <v>45446</v>
      </c>
      <c r="F103000" s="14" t="s">
        <v>25</v>
      </c>
      <c r="G103000" s="16">
        <v>0.16441527410236831</v>
      </c>
    </row>
    <row r="103001" spans="1:7" x14ac:dyDescent="0.3">
      <c r="A103001" s="13" t="s">
        <v>504</v>
      </c>
      <c r="B103001" s="14" t="s">
        <v>1</v>
      </c>
      <c r="C103001" s="14" t="s">
        <v>218</v>
      </c>
      <c r="D103001" s="14" t="s">
        <v>277</v>
      </c>
      <c r="E103001" s="15">
        <v>45447</v>
      </c>
      <c r="F103001" s="14" t="s">
        <v>25</v>
      </c>
      <c r="G103001" s="16">
        <v>0.16627699431081444</v>
      </c>
    </row>
    <row r="103002" spans="1:7" x14ac:dyDescent="0.3">
      <c r="A103002" s="13" t="s">
        <v>504</v>
      </c>
      <c r="B103002" s="14" t="s">
        <v>1</v>
      </c>
      <c r="C103002" s="14" t="s">
        <v>218</v>
      </c>
      <c r="D103002" s="14" t="s">
        <v>277</v>
      </c>
      <c r="E103002" s="15">
        <v>45448</v>
      </c>
      <c r="F103002" s="14" t="s">
        <v>25</v>
      </c>
      <c r="G103002" s="16">
        <v>0.17529711709315249</v>
      </c>
    </row>
    <row r="103003" spans="1:7" x14ac:dyDescent="0.3">
      <c r="A103003" s="13" t="s">
        <v>504</v>
      </c>
      <c r="B103003" s="14" t="s">
        <v>1</v>
      </c>
      <c r="C103003" s="14" t="s">
        <v>218</v>
      </c>
      <c r="D103003" s="14" t="s">
        <v>277</v>
      </c>
      <c r="E103003" s="15">
        <v>45449</v>
      </c>
      <c r="F103003" s="14" t="s">
        <v>25</v>
      </c>
      <c r="G103003" s="16">
        <v>0.17709115012340426</v>
      </c>
    </row>
    <row r="103004" spans="1:7" x14ac:dyDescent="0.3">
      <c r="A103004" s="13" t="s">
        <v>504</v>
      </c>
      <c r="B103004" s="14" t="s">
        <v>1</v>
      </c>
      <c r="C103004" s="14" t="s">
        <v>218</v>
      </c>
      <c r="D103004" s="14" t="s">
        <v>277</v>
      </c>
      <c r="E103004" s="15">
        <v>45450</v>
      </c>
      <c r="F103004" s="14" t="s">
        <v>25</v>
      </c>
      <c r="G103004" s="16">
        <v>0.17885375696378011</v>
      </c>
    </row>
    <row r="103005" spans="1:7" x14ac:dyDescent="0.3">
      <c r="A103005" s="13" t="s">
        <v>504</v>
      </c>
      <c r="B103005" s="14" t="s">
        <v>1</v>
      </c>
      <c r="C103005" s="14" t="s">
        <v>218</v>
      </c>
      <c r="D103005" s="14" t="s">
        <v>277</v>
      </c>
      <c r="E103005" s="15">
        <v>45451</v>
      </c>
      <c r="F103005" s="14" t="s">
        <v>25</v>
      </c>
      <c r="G103005" s="16">
        <v>0.17885375696378011</v>
      </c>
    </row>
    <row r="103006" spans="1:7" x14ac:dyDescent="0.3">
      <c r="A103006" s="13" t="s">
        <v>504</v>
      </c>
      <c r="B103006" s="14" t="s">
        <v>1</v>
      </c>
      <c r="C103006" s="14" t="s">
        <v>218</v>
      </c>
      <c r="D103006" s="14" t="s">
        <v>277</v>
      </c>
      <c r="E103006" s="15">
        <v>45452</v>
      </c>
      <c r="F103006" s="14" t="s">
        <v>25</v>
      </c>
      <c r="G103006" s="16">
        <v>0.17885375696378011</v>
      </c>
    </row>
    <row r="103007" spans="1:7" x14ac:dyDescent="0.3">
      <c r="A103007" s="13" t="s">
        <v>504</v>
      </c>
      <c r="B103007" s="14" t="s">
        <v>1</v>
      </c>
      <c r="C103007" s="14" t="s">
        <v>218</v>
      </c>
      <c r="D103007" s="14" t="s">
        <v>277</v>
      </c>
      <c r="E103007" s="15">
        <v>45453</v>
      </c>
      <c r="F103007" s="14" t="s">
        <v>25</v>
      </c>
      <c r="G103007" s="16">
        <v>0.18172135698817801</v>
      </c>
    </row>
    <row r="103008" spans="1:7" x14ac:dyDescent="0.3">
      <c r="A103008" s="13" t="s">
        <v>504</v>
      </c>
      <c r="B103008" s="14" t="s">
        <v>1</v>
      </c>
      <c r="C103008" s="14" t="s">
        <v>218</v>
      </c>
      <c r="D103008" s="14" t="s">
        <v>277</v>
      </c>
      <c r="E103008" s="15">
        <v>45454</v>
      </c>
      <c r="F103008" s="14" t="s">
        <v>25</v>
      </c>
      <c r="G103008" s="16">
        <v>0.18709096520654397</v>
      </c>
    </row>
    <row r="103009" spans="1:7" x14ac:dyDescent="0.3">
      <c r="A103009" s="13" t="s">
        <v>504</v>
      </c>
      <c r="B103009" s="14" t="s">
        <v>1</v>
      </c>
      <c r="C103009" s="14" t="s">
        <v>218</v>
      </c>
      <c r="D103009" s="14" t="s">
        <v>277</v>
      </c>
      <c r="E103009" s="15">
        <v>45455</v>
      </c>
      <c r="F103009" s="14" t="s">
        <v>25</v>
      </c>
      <c r="G103009" s="16">
        <v>0.18888959129531607</v>
      </c>
    </row>
    <row r="103010" spans="1:7" x14ac:dyDescent="0.3">
      <c r="A103010" s="13" t="s">
        <v>504</v>
      </c>
      <c r="B103010" s="14" t="s">
        <v>1</v>
      </c>
      <c r="C103010" s="14" t="s">
        <v>218</v>
      </c>
      <c r="D103010" s="14" t="s">
        <v>277</v>
      </c>
      <c r="E103010" s="15">
        <v>45456</v>
      </c>
      <c r="F103010" s="14" t="s">
        <v>25</v>
      </c>
      <c r="G103010" s="16">
        <v>0.19064567115779463</v>
      </c>
    </row>
    <row r="103011" spans="1:7" x14ac:dyDescent="0.3">
      <c r="A103011" s="13" t="s">
        <v>504</v>
      </c>
      <c r="B103011" s="14" t="s">
        <v>1</v>
      </c>
      <c r="C103011" s="14" t="s">
        <v>218</v>
      </c>
      <c r="D103011" s="14" t="s">
        <v>277</v>
      </c>
      <c r="E103011" s="15">
        <v>45457</v>
      </c>
      <c r="F103011" s="14" t="s">
        <v>25</v>
      </c>
      <c r="G103011" s="16">
        <v>0.20078142368072813</v>
      </c>
    </row>
    <row r="103012" spans="1:7" x14ac:dyDescent="0.3">
      <c r="A103012" s="13" t="s">
        <v>504</v>
      </c>
      <c r="B103012" s="14" t="s">
        <v>1</v>
      </c>
      <c r="C103012" s="14" t="s">
        <v>218</v>
      </c>
      <c r="D103012" s="14" t="s">
        <v>277</v>
      </c>
      <c r="E103012" s="15">
        <v>45458</v>
      </c>
      <c r="F103012" s="14" t="s">
        <v>25</v>
      </c>
      <c r="G103012" s="16">
        <v>0.20078142368072813</v>
      </c>
    </row>
    <row r="103013" spans="1:7" x14ac:dyDescent="0.3">
      <c r="A103013" s="13" t="s">
        <v>504</v>
      </c>
      <c r="B103013" s="14" t="s">
        <v>1</v>
      </c>
      <c r="C103013" s="14" t="s">
        <v>218</v>
      </c>
      <c r="D103013" s="14" t="s">
        <v>277</v>
      </c>
      <c r="E103013" s="15">
        <v>45459</v>
      </c>
      <c r="F103013" s="14" t="s">
        <v>25</v>
      </c>
      <c r="G103013" s="16">
        <v>0.20078142368072813</v>
      </c>
    </row>
    <row r="103014" spans="1:7" x14ac:dyDescent="0.3">
      <c r="A103014" s="13" t="s">
        <v>504</v>
      </c>
      <c r="B103014" s="14" t="s">
        <v>1</v>
      </c>
      <c r="C103014" s="14" t="s">
        <v>218</v>
      </c>
      <c r="D103014" s="14" t="s">
        <v>277</v>
      </c>
      <c r="E103014" s="15">
        <v>45460</v>
      </c>
      <c r="F103014" s="14" t="s">
        <v>25</v>
      </c>
      <c r="G103014" s="16">
        <v>0.20255926013619768</v>
      </c>
    </row>
    <row r="103015" spans="1:7" x14ac:dyDescent="0.3">
      <c r="A103015" s="13" t="s">
        <v>504</v>
      </c>
      <c r="B103015" s="14" t="s">
        <v>1</v>
      </c>
      <c r="C103015" s="14" t="s">
        <v>218</v>
      </c>
      <c r="D103015" s="14" t="s">
        <v>277</v>
      </c>
      <c r="E103015" s="15">
        <v>45461</v>
      </c>
      <c r="F103015" s="14" t="s">
        <v>25</v>
      </c>
      <c r="G103015" s="16">
        <v>0.20792282485651054</v>
      </c>
    </row>
    <row r="103016" spans="1:7" x14ac:dyDescent="0.3">
      <c r="A103016" s="13" t="s">
        <v>504</v>
      </c>
      <c r="B103016" s="14" t="s">
        <v>1</v>
      </c>
      <c r="C103016" s="14" t="s">
        <v>218</v>
      </c>
      <c r="D103016" s="14" t="s">
        <v>277</v>
      </c>
      <c r="E103016" s="15">
        <v>45462</v>
      </c>
      <c r="F103016" s="14" t="s">
        <v>25</v>
      </c>
      <c r="G103016" s="16">
        <v>0.20966899338218206</v>
      </c>
    </row>
    <row r="103017" spans="1:7" x14ac:dyDescent="0.3">
      <c r="A103017" s="13" t="s">
        <v>504</v>
      </c>
      <c r="B103017" s="14" t="s">
        <v>1</v>
      </c>
      <c r="C103017" s="14" t="s">
        <v>218</v>
      </c>
      <c r="D103017" s="14" t="s">
        <v>277</v>
      </c>
      <c r="E103017" s="15">
        <v>45463</v>
      </c>
      <c r="F103017" s="14" t="s">
        <v>25</v>
      </c>
      <c r="G103017" s="16">
        <v>0.21141806278691908</v>
      </c>
    </row>
    <row r="103018" spans="1:7" x14ac:dyDescent="0.3">
      <c r="A103018" s="13" t="s">
        <v>504</v>
      </c>
      <c r="B103018" s="14" t="s">
        <v>1</v>
      </c>
      <c r="C103018" s="14" t="s">
        <v>218</v>
      </c>
      <c r="D103018" s="14" t="s">
        <v>277</v>
      </c>
      <c r="E103018" s="15">
        <v>45464</v>
      </c>
      <c r="F103018" s="14" t="s">
        <v>25</v>
      </c>
      <c r="G103018" s="16">
        <v>0.2131975914218435</v>
      </c>
    </row>
    <row r="103019" spans="1:7" x14ac:dyDescent="0.3">
      <c r="A103019" s="13" t="s">
        <v>504</v>
      </c>
      <c r="B103019" s="14" t="s">
        <v>1</v>
      </c>
      <c r="C103019" s="14" t="s">
        <v>218</v>
      </c>
      <c r="D103019" s="14" t="s">
        <v>277</v>
      </c>
      <c r="E103019" s="15">
        <v>45465</v>
      </c>
      <c r="F103019" s="14" t="s">
        <v>25</v>
      </c>
      <c r="G103019" s="16">
        <v>0.2131975914218435</v>
      </c>
    </row>
    <row r="103020" spans="1:7" x14ac:dyDescent="0.3">
      <c r="A103020" s="13" t="s">
        <v>504</v>
      </c>
      <c r="B103020" s="14" t="s">
        <v>1</v>
      </c>
      <c r="C103020" s="14" t="s">
        <v>218</v>
      </c>
      <c r="D103020" s="14" t="s">
        <v>277</v>
      </c>
      <c r="E103020" s="15">
        <v>45466</v>
      </c>
      <c r="F103020" s="14" t="s">
        <v>25</v>
      </c>
      <c r="G103020" s="16">
        <v>0.2131975914218435</v>
      </c>
    </row>
    <row r="103021" spans="1:7" x14ac:dyDescent="0.3">
      <c r="A103021" s="13" t="s">
        <v>504</v>
      </c>
      <c r="B103021" s="14" t="s">
        <v>1</v>
      </c>
      <c r="C103021" s="14" t="s">
        <v>218</v>
      </c>
      <c r="D103021" s="14" t="s">
        <v>277</v>
      </c>
      <c r="E103021" s="15">
        <v>45467</v>
      </c>
      <c r="F103021" s="14" t="s">
        <v>25</v>
      </c>
      <c r="G103021" s="16">
        <v>0.2234184363973642</v>
      </c>
    </row>
    <row r="103022" spans="1:7" x14ac:dyDescent="0.3">
      <c r="A103022" s="13" t="s">
        <v>504</v>
      </c>
      <c r="B103022" s="14" t="s">
        <v>1</v>
      </c>
      <c r="C103022" s="14" t="s">
        <v>218</v>
      </c>
      <c r="D103022" s="14" t="s">
        <v>277</v>
      </c>
      <c r="E103022" s="15">
        <v>45468</v>
      </c>
      <c r="F103022" s="14" t="s">
        <v>25</v>
      </c>
      <c r="G103022" s="16">
        <v>0.22856105082885708</v>
      </c>
    </row>
    <row r="103023" spans="1:7" x14ac:dyDescent="0.3">
      <c r="A103023" s="13" t="s">
        <v>504</v>
      </c>
      <c r="B103023" s="14" t="s">
        <v>1</v>
      </c>
      <c r="C103023" s="14" t="s">
        <v>218</v>
      </c>
      <c r="D103023" s="14" t="s">
        <v>277</v>
      </c>
      <c r="E103023" s="15">
        <v>45469</v>
      </c>
      <c r="F103023" s="14" t="s">
        <v>25</v>
      </c>
      <c r="G103023" s="16">
        <v>0.23026418964839079</v>
      </c>
    </row>
    <row r="103024" spans="1:7" x14ac:dyDescent="0.3">
      <c r="A103024" s="13" t="s">
        <v>504</v>
      </c>
      <c r="B103024" s="14" t="s">
        <v>1</v>
      </c>
      <c r="C103024" s="14" t="s">
        <v>218</v>
      </c>
      <c r="D103024" s="14" t="s">
        <v>277</v>
      </c>
      <c r="E103024" s="15">
        <v>45470</v>
      </c>
      <c r="F103024" s="14" t="s">
        <v>25</v>
      </c>
      <c r="G103024" s="16">
        <v>0.23198062416364126</v>
      </c>
    </row>
    <row r="103025" spans="1:7" x14ac:dyDescent="0.3">
      <c r="A103025" s="13" t="s">
        <v>504</v>
      </c>
      <c r="B103025" s="14" t="s">
        <v>1</v>
      </c>
      <c r="C103025" s="14" t="s">
        <v>218</v>
      </c>
      <c r="D103025" s="14" t="s">
        <v>277</v>
      </c>
      <c r="E103025" s="15">
        <v>45471</v>
      </c>
      <c r="F103025" s="14" t="s">
        <v>25</v>
      </c>
      <c r="G103025" s="16">
        <v>0.23276901911786335</v>
      </c>
    </row>
    <row r="103026" spans="1:7" x14ac:dyDescent="0.3">
      <c r="A103026" s="13" t="s">
        <v>504</v>
      </c>
      <c r="B103026" s="14" t="s">
        <v>1</v>
      </c>
      <c r="C103026" s="14" t="s">
        <v>218</v>
      </c>
      <c r="D103026" s="14" t="s">
        <v>277</v>
      </c>
      <c r="E103026" s="15">
        <v>45472</v>
      </c>
      <c r="F103026" s="14" t="s">
        <v>25</v>
      </c>
      <c r="G103026" s="16">
        <v>0.23276901911786335</v>
      </c>
    </row>
    <row r="103027" spans="1:7" x14ac:dyDescent="0.3">
      <c r="A103027" s="13" t="s">
        <v>504</v>
      </c>
      <c r="B103027" s="14" t="s">
        <v>1</v>
      </c>
      <c r="C103027" s="14" t="s">
        <v>218</v>
      </c>
      <c r="D103027" s="14" t="s">
        <v>277</v>
      </c>
      <c r="E103027" s="15">
        <v>45473</v>
      </c>
      <c r="F103027" s="14" t="s">
        <v>25</v>
      </c>
      <c r="G103027" s="16">
        <v>0.23276901911786335</v>
      </c>
    </row>
    <row r="103028" spans="1:7" x14ac:dyDescent="0.3">
      <c r="A103028" s="13" t="s">
        <v>504</v>
      </c>
      <c r="B103028" s="14" t="s">
        <v>1</v>
      </c>
      <c r="C103028" s="14" t="s">
        <v>218</v>
      </c>
      <c r="D103028" s="14" t="s">
        <v>277</v>
      </c>
      <c r="E103028" s="15">
        <v>45474</v>
      </c>
      <c r="F103028" s="14" t="s">
        <v>25</v>
      </c>
      <c r="G103028" s="16">
        <v>0.23449657366953144</v>
      </c>
    </row>
    <row r="103029" spans="1:7" x14ac:dyDescent="0.3">
      <c r="A103029" s="13" t="s">
        <v>504</v>
      </c>
      <c r="B103029" s="14" t="s">
        <v>1</v>
      </c>
      <c r="C103029" s="14" t="s">
        <v>218</v>
      </c>
      <c r="D103029" s="14" t="s">
        <v>277</v>
      </c>
      <c r="E103029" s="15">
        <v>45475</v>
      </c>
      <c r="F103029" s="14" t="s">
        <v>25</v>
      </c>
      <c r="G103029" s="16">
        <v>0.24310235422535151</v>
      </c>
    </row>
    <row r="103030" spans="1:7" x14ac:dyDescent="0.3">
      <c r="A103030" s="13" t="s">
        <v>504</v>
      </c>
      <c r="B103030" s="14" t="s">
        <v>1</v>
      </c>
      <c r="C103030" s="14" t="s">
        <v>218</v>
      </c>
      <c r="D103030" s="14" t="s">
        <v>277</v>
      </c>
      <c r="E103030" s="15">
        <v>45476</v>
      </c>
      <c r="F103030" s="14" t="s">
        <v>25</v>
      </c>
      <c r="G103030" s="16">
        <v>0.24441218219159191</v>
      </c>
    </row>
    <row r="103031" spans="1:7" x14ac:dyDescent="0.3">
      <c r="A103031" s="13" t="s">
        <v>504</v>
      </c>
      <c r="B103031" s="14" t="s">
        <v>1</v>
      </c>
      <c r="C103031" s="14" t="s">
        <v>218</v>
      </c>
      <c r="D103031" s="14" t="s">
        <v>277</v>
      </c>
      <c r="E103031" s="15">
        <v>45477</v>
      </c>
      <c r="F103031" s="14" t="s">
        <v>25</v>
      </c>
      <c r="G103031" s="16">
        <v>0.24603868945581278</v>
      </c>
    </row>
    <row r="103032" spans="1:7" x14ac:dyDescent="0.3">
      <c r="A103032" s="13" t="s">
        <v>504</v>
      </c>
      <c r="B103032" s="14" t="s">
        <v>1</v>
      </c>
      <c r="C103032" s="14" t="s">
        <v>218</v>
      </c>
      <c r="D103032" s="14" t="s">
        <v>277</v>
      </c>
      <c r="E103032" s="15">
        <v>45478</v>
      </c>
      <c r="F103032" s="14" t="s">
        <v>25</v>
      </c>
      <c r="G103032" s="16">
        <v>0.24777784752374274</v>
      </c>
    </row>
    <row r="103033" spans="1:7" x14ac:dyDescent="0.3">
      <c r="A103033" s="13" t="s">
        <v>504</v>
      </c>
      <c r="B103033" s="14" t="s">
        <v>1</v>
      </c>
      <c r="C103033" s="14" t="s">
        <v>218</v>
      </c>
      <c r="D103033" s="14" t="s">
        <v>277</v>
      </c>
      <c r="E103033" s="15">
        <v>45479</v>
      </c>
      <c r="F103033" s="14" t="s">
        <v>25</v>
      </c>
      <c r="G103033" s="16">
        <v>0.24777784752374274</v>
      </c>
    </row>
    <row r="103034" spans="1:7" x14ac:dyDescent="0.3">
      <c r="A103034" s="13" t="s">
        <v>504</v>
      </c>
      <c r="B103034" s="14" t="s">
        <v>1</v>
      </c>
      <c r="C103034" s="14" t="s">
        <v>218</v>
      </c>
      <c r="D103034" s="14" t="s">
        <v>277</v>
      </c>
      <c r="E103034" s="15">
        <v>45480</v>
      </c>
      <c r="F103034" s="14" t="s">
        <v>25</v>
      </c>
      <c r="G103034" s="16">
        <v>0.24777784752374274</v>
      </c>
    </row>
    <row r="103035" spans="1:7" x14ac:dyDescent="0.3">
      <c r="A103035" s="13" t="s">
        <v>504</v>
      </c>
      <c r="B103035" s="14" t="s">
        <v>1</v>
      </c>
      <c r="C103035" s="14" t="s">
        <v>218</v>
      </c>
      <c r="D103035" s="14" t="s">
        <v>277</v>
      </c>
      <c r="E103035" s="15">
        <v>45481</v>
      </c>
      <c r="F103035" s="14" t="s">
        <v>25</v>
      </c>
      <c r="G103035" s="16">
        <v>0.24941482623758623</v>
      </c>
    </row>
    <row r="103036" spans="1:7" x14ac:dyDescent="0.3">
      <c r="A103036" s="13" t="s">
        <v>504</v>
      </c>
      <c r="B103036" s="14" t="s">
        <v>1</v>
      </c>
      <c r="C103036" s="14" t="s">
        <v>218</v>
      </c>
      <c r="D103036" s="14" t="s">
        <v>277</v>
      </c>
      <c r="E103036" s="15">
        <v>45482</v>
      </c>
      <c r="F103036" s="14" t="s">
        <v>25</v>
      </c>
      <c r="G103036" s="16">
        <v>0.25430391696773413</v>
      </c>
    </row>
    <row r="103037" spans="1:7" x14ac:dyDescent="0.3">
      <c r="A103037" s="13" t="s">
        <v>504</v>
      </c>
      <c r="B103037" s="14" t="s">
        <v>1</v>
      </c>
      <c r="C103037" s="14" t="s">
        <v>218</v>
      </c>
      <c r="D103037" s="14" t="s">
        <v>277</v>
      </c>
      <c r="E103037" s="15">
        <v>45483</v>
      </c>
      <c r="F103037" s="14" t="s">
        <v>25</v>
      </c>
      <c r="G103037" s="16">
        <v>0.25956236114017694</v>
      </c>
    </row>
    <row r="103038" spans="1:7" x14ac:dyDescent="0.3">
      <c r="A103038" s="13" t="s">
        <v>504</v>
      </c>
      <c r="B103038" s="14" t="s">
        <v>1</v>
      </c>
      <c r="C103038" s="14" t="s">
        <v>218</v>
      </c>
      <c r="D103038" s="14" t="s">
        <v>277</v>
      </c>
      <c r="E103038" s="15">
        <v>45484</v>
      </c>
      <c r="F103038" s="14" t="s">
        <v>25</v>
      </c>
      <c r="G103038" s="16">
        <v>0.26120396590240785</v>
      </c>
    </row>
    <row r="103039" spans="1:7" x14ac:dyDescent="0.3">
      <c r="A103039" s="13" t="s">
        <v>504</v>
      </c>
      <c r="B103039" s="14" t="s">
        <v>1</v>
      </c>
      <c r="C103039" s="14" t="s">
        <v>218</v>
      </c>
      <c r="D103039" s="14" t="s">
        <v>277</v>
      </c>
      <c r="E103039" s="15">
        <v>45485</v>
      </c>
      <c r="F103039" s="14" t="s">
        <v>25</v>
      </c>
      <c r="G103039" s="16">
        <v>0.26281051008738726</v>
      </c>
    </row>
    <row r="103040" spans="1:7" x14ac:dyDescent="0.3">
      <c r="A103040" s="13" t="s">
        <v>504</v>
      </c>
      <c r="B103040" s="14" t="s">
        <v>1</v>
      </c>
      <c r="C103040" s="14" t="s">
        <v>218</v>
      </c>
      <c r="D103040" s="14" t="s">
        <v>277</v>
      </c>
      <c r="E103040" s="15">
        <v>45486</v>
      </c>
      <c r="F103040" s="14" t="s">
        <v>25</v>
      </c>
      <c r="G103040" s="16">
        <v>0.26281051008738726</v>
      </c>
    </row>
    <row r="103041" spans="1:7" x14ac:dyDescent="0.3">
      <c r="A103041" s="13" t="s">
        <v>504</v>
      </c>
      <c r="B103041" s="14" t="s">
        <v>1</v>
      </c>
      <c r="C103041" s="14" t="s">
        <v>218</v>
      </c>
      <c r="D103041" s="14" t="s">
        <v>277</v>
      </c>
      <c r="E103041" s="15">
        <v>45487</v>
      </c>
      <c r="F103041" s="14" t="s">
        <v>25</v>
      </c>
      <c r="G103041" s="16">
        <v>0.26281051008738726</v>
      </c>
    </row>
    <row r="103042" spans="1:7" x14ac:dyDescent="0.3">
      <c r="A103042" s="13" t="s">
        <v>504</v>
      </c>
      <c r="B103042" s="14" t="s">
        <v>1</v>
      </c>
      <c r="C103042" s="14" t="s">
        <v>218</v>
      </c>
      <c r="D103042" s="14" t="s">
        <v>277</v>
      </c>
      <c r="E103042" s="15">
        <v>45488</v>
      </c>
      <c r="F103042" s="14" t="s">
        <v>25</v>
      </c>
      <c r="G103042" s="16">
        <v>0.26442192379698498</v>
      </c>
    </row>
    <row r="103043" spans="1:7" x14ac:dyDescent="0.3">
      <c r="A103043" s="13" t="s">
        <v>504</v>
      </c>
      <c r="B103043" s="14" t="s">
        <v>1</v>
      </c>
      <c r="C103043" s="14" t="s">
        <v>218</v>
      </c>
      <c r="D103043" s="14" t="s">
        <v>277</v>
      </c>
      <c r="E103043" s="15">
        <v>45489</v>
      </c>
      <c r="F103043" s="14" t="s">
        <v>25</v>
      </c>
      <c r="G103043" s="16">
        <v>0.26924478899232451</v>
      </c>
    </row>
    <row r="103044" spans="1:7" x14ac:dyDescent="0.3">
      <c r="A103044" s="13" t="s">
        <v>504</v>
      </c>
      <c r="B103044" s="14" t="s">
        <v>1</v>
      </c>
      <c r="C103044" s="14" t="s">
        <v>218</v>
      </c>
      <c r="D103044" s="14" t="s">
        <v>277</v>
      </c>
      <c r="E103044" s="15">
        <v>45490</v>
      </c>
      <c r="F103044" s="14" t="s">
        <v>25</v>
      </c>
      <c r="G103044" s="16">
        <v>0.27085328098715122</v>
      </c>
    </row>
    <row r="103045" spans="1:7" x14ac:dyDescent="0.3">
      <c r="A103045" s="13" t="s">
        <v>504</v>
      </c>
      <c r="B103045" s="14" t="s">
        <v>1</v>
      </c>
      <c r="C103045" s="14" t="s">
        <v>218</v>
      </c>
      <c r="D103045" s="14" t="s">
        <v>277</v>
      </c>
      <c r="E103045" s="15">
        <v>45491</v>
      </c>
      <c r="F103045" s="14" t="s">
        <v>25</v>
      </c>
      <c r="G103045" s="16">
        <v>0.27240791013589138</v>
      </c>
    </row>
    <row r="103046" spans="1:7" x14ac:dyDescent="0.3">
      <c r="A103046" s="13" t="s">
        <v>504</v>
      </c>
      <c r="B103046" s="14" t="s">
        <v>1</v>
      </c>
      <c r="C103046" s="14" t="s">
        <v>218</v>
      </c>
      <c r="D103046" s="14" t="s">
        <v>277</v>
      </c>
      <c r="E103046" s="15">
        <v>45492</v>
      </c>
      <c r="F103046" s="14" t="s">
        <v>25</v>
      </c>
      <c r="G103046" s="16">
        <v>0.31286347856085883</v>
      </c>
    </row>
    <row r="103047" spans="1:7" x14ac:dyDescent="0.3">
      <c r="A103047" s="13" t="s">
        <v>504</v>
      </c>
      <c r="B103047" s="14" t="s">
        <v>1</v>
      </c>
      <c r="C103047" s="14" t="s">
        <v>218</v>
      </c>
      <c r="D103047" s="14" t="s">
        <v>277</v>
      </c>
      <c r="E103047" s="15">
        <v>45493</v>
      </c>
      <c r="F103047" s="14" t="s">
        <v>25</v>
      </c>
      <c r="G103047" s="16">
        <v>0.31286347856085883</v>
      </c>
    </row>
    <row r="103048" spans="1:7" x14ac:dyDescent="0.3">
      <c r="A103048" s="13" t="s">
        <v>504</v>
      </c>
      <c r="B103048" s="14" t="s">
        <v>1</v>
      </c>
      <c r="C103048" s="14" t="s">
        <v>218</v>
      </c>
      <c r="D103048" s="14" t="s">
        <v>277</v>
      </c>
      <c r="E103048" s="15">
        <v>45494</v>
      </c>
      <c r="F103048" s="14" t="s">
        <v>25</v>
      </c>
      <c r="G103048" s="16">
        <v>0.31286347856085883</v>
      </c>
    </row>
    <row r="103049" spans="1:7" x14ac:dyDescent="0.3">
      <c r="A103049" s="13" t="s">
        <v>504</v>
      </c>
      <c r="B103049" s="14" t="s">
        <v>1</v>
      </c>
      <c r="C103049" s="14" t="s">
        <v>218</v>
      </c>
      <c r="D103049" s="14" t="s">
        <v>277</v>
      </c>
      <c r="E103049" s="15">
        <v>45495</v>
      </c>
      <c r="F103049" s="14" t="s">
        <v>25</v>
      </c>
      <c r="G103049" s="16">
        <v>0.3139604003051083</v>
      </c>
    </row>
    <row r="103050" spans="1:7" x14ac:dyDescent="0.3">
      <c r="A103050" s="13" t="s">
        <v>504</v>
      </c>
      <c r="B103050" s="14" t="s">
        <v>1</v>
      </c>
      <c r="C103050" s="14" t="s">
        <v>218</v>
      </c>
      <c r="D103050" s="14" t="s">
        <v>277</v>
      </c>
      <c r="E103050" s="15">
        <v>45496</v>
      </c>
      <c r="F103050" s="14" t="s">
        <v>25</v>
      </c>
      <c r="G103050" s="16">
        <v>0.31878577649617007</v>
      </c>
    </row>
    <row r="103051" spans="1:7" x14ac:dyDescent="0.3">
      <c r="A103051" s="13" t="s">
        <v>504</v>
      </c>
      <c r="B103051" s="14" t="s">
        <v>1</v>
      </c>
      <c r="C103051" s="14" t="s">
        <v>218</v>
      </c>
      <c r="D103051" s="14" t="s">
        <v>277</v>
      </c>
      <c r="E103051" s="15">
        <v>45497</v>
      </c>
      <c r="F103051" s="14" t="s">
        <v>25</v>
      </c>
      <c r="G103051" s="16">
        <v>0.32039906712163013</v>
      </c>
    </row>
    <row r="103052" spans="1:7" x14ac:dyDescent="0.3">
      <c r="A103052" s="13" t="s">
        <v>504</v>
      </c>
      <c r="B103052" s="14" t="s">
        <v>1</v>
      </c>
      <c r="C103052" s="14" t="s">
        <v>218</v>
      </c>
      <c r="D103052" s="14" t="s">
        <v>277</v>
      </c>
      <c r="E103052" s="15">
        <v>45498</v>
      </c>
      <c r="F103052" s="14" t="s">
        <v>25</v>
      </c>
      <c r="G103052" s="16">
        <v>0.32196281591170905</v>
      </c>
    </row>
    <row r="103053" spans="1:7" x14ac:dyDescent="0.3">
      <c r="A103053" s="13" t="s">
        <v>504</v>
      </c>
      <c r="B103053" s="14" t="s">
        <v>1</v>
      </c>
      <c r="C103053" s="14" t="s">
        <v>218</v>
      </c>
      <c r="D103053" s="14" t="s">
        <v>277</v>
      </c>
      <c r="E103053" s="15">
        <v>45499</v>
      </c>
      <c r="F103053" s="14" t="s">
        <v>25</v>
      </c>
      <c r="G103053" s="16">
        <v>0.32353198719123272</v>
      </c>
    </row>
    <row r="103054" spans="1:7" x14ac:dyDescent="0.3">
      <c r="A103054" s="13" t="s">
        <v>504</v>
      </c>
      <c r="B103054" s="14" t="s">
        <v>1</v>
      </c>
      <c r="C103054" s="14" t="s">
        <v>218</v>
      </c>
      <c r="D103054" s="14" t="s">
        <v>277</v>
      </c>
      <c r="E103054" s="15">
        <v>45500</v>
      </c>
      <c r="F103054" s="14" t="s">
        <v>25</v>
      </c>
      <c r="G103054" s="16">
        <v>0.32353198719123272</v>
      </c>
    </row>
    <row r="103055" spans="1:7" x14ac:dyDescent="0.3">
      <c r="A103055" s="13" t="s">
        <v>504</v>
      </c>
      <c r="B103055" s="14" t="s">
        <v>1</v>
      </c>
      <c r="C103055" s="14" t="s">
        <v>218</v>
      </c>
      <c r="D103055" s="14" t="s">
        <v>277</v>
      </c>
      <c r="E103055" s="15">
        <v>45501</v>
      </c>
      <c r="F103055" s="14" t="s">
        <v>25</v>
      </c>
      <c r="G103055" s="16">
        <v>0.32353198719123272</v>
      </c>
    </row>
    <row r="103056" spans="1:7" x14ac:dyDescent="0.3">
      <c r="A103056" s="13" t="s">
        <v>504</v>
      </c>
      <c r="B103056" s="14" t="s">
        <v>1</v>
      </c>
      <c r="C103056" s="14" t="s">
        <v>218</v>
      </c>
      <c r="D103056" s="14" t="s">
        <v>277</v>
      </c>
      <c r="E103056" s="15">
        <v>45502</v>
      </c>
      <c r="F103056" s="14" t="s">
        <v>25</v>
      </c>
      <c r="G103056" s="16">
        <v>0.32513911589686922</v>
      </c>
    </row>
    <row r="103057" spans="1:7" x14ac:dyDescent="0.3">
      <c r="A103057" s="13" t="s">
        <v>504</v>
      </c>
      <c r="B103057" s="14" t="s">
        <v>1</v>
      </c>
      <c r="C103057" s="14" t="s">
        <v>218</v>
      </c>
      <c r="D103057" s="14" t="s">
        <v>277</v>
      </c>
      <c r="E103057" s="15">
        <v>45503</v>
      </c>
      <c r="F103057" s="14" t="s">
        <v>25</v>
      </c>
      <c r="G103057" s="16">
        <v>0.32994452746770281</v>
      </c>
    </row>
    <row r="103058" spans="1:7" x14ac:dyDescent="0.3">
      <c r="A103058" s="13" t="s">
        <v>504</v>
      </c>
      <c r="B103058" s="14" t="s">
        <v>1</v>
      </c>
      <c r="C103058" s="14" t="s">
        <v>218</v>
      </c>
      <c r="D103058" s="14" t="s">
        <v>277</v>
      </c>
      <c r="E103058" s="15">
        <v>45504</v>
      </c>
      <c r="F103058" s="14" t="s">
        <v>25</v>
      </c>
      <c r="G103058" s="16">
        <v>0.33402135363860397</v>
      </c>
    </row>
    <row r="103059" spans="1:7" x14ac:dyDescent="0.3">
      <c r="A103059" s="13" t="s">
        <v>504</v>
      </c>
      <c r="B103059" s="14" t="s">
        <v>1</v>
      </c>
      <c r="C103059" s="14" t="s">
        <v>218</v>
      </c>
      <c r="D103059" s="14" t="s">
        <v>277</v>
      </c>
      <c r="E103059" s="15">
        <v>45505</v>
      </c>
      <c r="F103059" s="14" t="s">
        <v>25</v>
      </c>
      <c r="G103059" s="16">
        <v>0.33402135363860397</v>
      </c>
    </row>
    <row r="103060" spans="1:7" x14ac:dyDescent="0.3">
      <c r="A103060" s="13" t="s">
        <v>504</v>
      </c>
      <c r="B103060" s="14" t="s">
        <v>1</v>
      </c>
      <c r="C103060" s="14" t="s">
        <v>218</v>
      </c>
      <c r="D103060" s="14" t="s">
        <v>277</v>
      </c>
      <c r="E103060" s="15">
        <v>45506</v>
      </c>
      <c r="F103060" s="14" t="s">
        <v>25</v>
      </c>
      <c r="G103060" s="16">
        <v>0.33557253211224303</v>
      </c>
    </row>
    <row r="103061" spans="1:7" x14ac:dyDescent="0.3">
      <c r="A103061" s="13" t="s">
        <v>504</v>
      </c>
      <c r="B103061" s="14" t="s">
        <v>1</v>
      </c>
      <c r="C103061" s="14" t="s">
        <v>218</v>
      </c>
      <c r="D103061" s="14" t="s">
        <v>277</v>
      </c>
      <c r="E103061" s="15">
        <v>45507</v>
      </c>
      <c r="F103061" s="14" t="s">
        <v>25</v>
      </c>
      <c r="G103061" s="16">
        <v>0.33557253211224303</v>
      </c>
    </row>
    <row r="103062" spans="1:7" x14ac:dyDescent="0.3">
      <c r="A103062" s="13" t="s">
        <v>504</v>
      </c>
      <c r="B103062" s="14" t="s">
        <v>1</v>
      </c>
      <c r="C103062" s="14" t="s">
        <v>218</v>
      </c>
      <c r="D103062" s="14" t="s">
        <v>277</v>
      </c>
      <c r="E103062" s="15">
        <v>45508</v>
      </c>
      <c r="F103062" s="14" t="s">
        <v>25</v>
      </c>
      <c r="G103062" s="16">
        <v>0.33557253211224303</v>
      </c>
    </row>
    <row r="103063" spans="1:7" x14ac:dyDescent="0.3">
      <c r="A103063" s="13" t="s">
        <v>504</v>
      </c>
      <c r="B103063" s="14" t="s">
        <v>1</v>
      </c>
      <c r="C103063" s="14" t="s">
        <v>218</v>
      </c>
      <c r="D103063" s="14" t="s">
        <v>277</v>
      </c>
      <c r="E103063" s="15">
        <v>45509</v>
      </c>
      <c r="F103063" s="14" t="s">
        <v>25</v>
      </c>
      <c r="G103063" s="16">
        <v>0.33557253211224303</v>
      </c>
    </row>
    <row r="103064" spans="1:7" x14ac:dyDescent="0.3">
      <c r="A103064" s="13" t="s">
        <v>504</v>
      </c>
      <c r="B103064" s="14" t="s">
        <v>1</v>
      </c>
      <c r="C103064" s="14" t="s">
        <v>218</v>
      </c>
      <c r="D103064" s="14" t="s">
        <v>277</v>
      </c>
      <c r="E103064" s="15">
        <v>45510</v>
      </c>
      <c r="F103064" s="14" t="s">
        <v>25</v>
      </c>
      <c r="G103064" s="16">
        <v>0.34028896556082505</v>
      </c>
    </row>
    <row r="103065" spans="1:7" x14ac:dyDescent="0.3">
      <c r="A103065" s="13" t="s">
        <v>504</v>
      </c>
      <c r="B103065" s="14" t="s">
        <v>1</v>
      </c>
      <c r="C103065" s="14" t="s">
        <v>218</v>
      </c>
      <c r="D103065" s="14" t="s">
        <v>277</v>
      </c>
      <c r="E103065" s="15">
        <v>45511</v>
      </c>
      <c r="F103065" s="14" t="s">
        <v>25</v>
      </c>
      <c r="G103065" s="16">
        <v>0.36265091909281677</v>
      </c>
    </row>
    <row r="103066" spans="1:7" x14ac:dyDescent="0.3">
      <c r="A103066" s="13" t="s">
        <v>504</v>
      </c>
      <c r="B103066" s="14" t="s">
        <v>1</v>
      </c>
      <c r="C103066" s="14" t="s">
        <v>218</v>
      </c>
      <c r="D103066" s="14" t="s">
        <v>277</v>
      </c>
      <c r="E103066" s="15">
        <v>45512</v>
      </c>
      <c r="F103066" s="14" t="s">
        <v>25</v>
      </c>
      <c r="G103066" s="16">
        <v>0.36419593564663222</v>
      </c>
    </row>
    <row r="103067" spans="1:7" x14ac:dyDescent="0.3">
      <c r="A103067" s="13" t="s">
        <v>504</v>
      </c>
      <c r="B103067" s="14" t="s">
        <v>1</v>
      </c>
      <c r="C103067" s="14" t="s">
        <v>218</v>
      </c>
      <c r="D103067" s="14" t="s">
        <v>277</v>
      </c>
      <c r="E103067" s="15">
        <v>45513</v>
      </c>
      <c r="F103067" s="14" t="s">
        <v>25</v>
      </c>
      <c r="G103067" s="16">
        <v>0.3657177833819113</v>
      </c>
    </row>
    <row r="103068" spans="1:7" x14ac:dyDescent="0.3">
      <c r="A103068" s="13" t="s">
        <v>504</v>
      </c>
      <c r="B103068" s="14" t="s">
        <v>1</v>
      </c>
      <c r="C103068" s="14" t="s">
        <v>218</v>
      </c>
      <c r="D103068" s="14" t="s">
        <v>277</v>
      </c>
      <c r="E103068" s="15">
        <v>45514</v>
      </c>
      <c r="F103068" s="14" t="s">
        <v>25</v>
      </c>
      <c r="G103068" s="16">
        <v>0.3657177833819113</v>
      </c>
    </row>
    <row r="103069" spans="1:7" x14ac:dyDescent="0.3">
      <c r="A103069" s="13" t="s">
        <v>504</v>
      </c>
      <c r="B103069" s="14" t="s">
        <v>1</v>
      </c>
      <c r="C103069" s="14" t="s">
        <v>218</v>
      </c>
      <c r="D103069" s="14" t="s">
        <v>277</v>
      </c>
      <c r="E103069" s="15">
        <v>45515</v>
      </c>
      <c r="F103069" s="14" t="s">
        <v>25</v>
      </c>
      <c r="G103069" s="16">
        <v>0.3657177833819113</v>
      </c>
    </row>
    <row r="103070" spans="1:7" x14ac:dyDescent="0.3">
      <c r="A103070" s="13" t="s">
        <v>504</v>
      </c>
      <c r="B103070" s="14" t="s">
        <v>1</v>
      </c>
      <c r="C103070" s="14" t="s">
        <v>218</v>
      </c>
      <c r="D103070" s="14" t="s">
        <v>277</v>
      </c>
      <c r="E103070" s="15">
        <v>45516</v>
      </c>
      <c r="F103070" s="14" t="s">
        <v>25</v>
      </c>
      <c r="G103070" s="16">
        <v>0.36722804670792214</v>
      </c>
    </row>
    <row r="103071" spans="1:7" x14ac:dyDescent="0.3">
      <c r="A103071" s="13" t="s">
        <v>504</v>
      </c>
      <c r="B103071" s="14" t="s">
        <v>1</v>
      </c>
      <c r="C103071" s="14" t="s">
        <v>218</v>
      </c>
      <c r="D103071" s="14" t="s">
        <v>277</v>
      </c>
      <c r="E103071" s="15">
        <v>45517</v>
      </c>
      <c r="F103071" s="14" t="s">
        <v>25</v>
      </c>
      <c r="G103071" s="16">
        <v>0.37176726334237986</v>
      </c>
    </row>
    <row r="103072" spans="1:7" x14ac:dyDescent="0.3">
      <c r="A103072" s="13" t="s">
        <v>504</v>
      </c>
      <c r="B103072" s="14" t="s">
        <v>1</v>
      </c>
      <c r="C103072" s="14" t="s">
        <v>218</v>
      </c>
      <c r="D103072" s="14" t="s">
        <v>277</v>
      </c>
      <c r="E103072" s="15">
        <v>45518</v>
      </c>
      <c r="F103072" s="14" t="s">
        <v>25</v>
      </c>
      <c r="G103072" s="16">
        <v>0.3732479494532378</v>
      </c>
    </row>
    <row r="103073" spans="1:7" x14ac:dyDescent="0.3">
      <c r="A103073" s="13" t="s">
        <v>504</v>
      </c>
      <c r="B103073" s="14" t="s">
        <v>1</v>
      </c>
      <c r="C103073" s="14" t="s">
        <v>218</v>
      </c>
      <c r="D103073" s="14" t="s">
        <v>277</v>
      </c>
      <c r="E103073" s="15">
        <v>45519</v>
      </c>
      <c r="F103073" s="14" t="s">
        <v>25</v>
      </c>
      <c r="G103073" s="16">
        <v>0.37533053189245669</v>
      </c>
    </row>
    <row r="103074" spans="1:7" x14ac:dyDescent="0.3">
      <c r="A103074" s="13" t="s">
        <v>504</v>
      </c>
      <c r="B103074" s="14" t="s">
        <v>1</v>
      </c>
      <c r="C103074" s="14" t="s">
        <v>218</v>
      </c>
      <c r="D103074" s="14" t="s">
        <v>277</v>
      </c>
      <c r="E103074" s="15">
        <v>45520</v>
      </c>
      <c r="F103074" s="14" t="s">
        <v>25</v>
      </c>
      <c r="G103074" s="16">
        <v>0.37683290796109348</v>
      </c>
    </row>
    <row r="103075" spans="1:7" x14ac:dyDescent="0.3">
      <c r="A103075" s="13" t="s">
        <v>504</v>
      </c>
      <c r="B103075" s="14" t="s">
        <v>1</v>
      </c>
      <c r="C103075" s="14" t="s">
        <v>218</v>
      </c>
      <c r="D103075" s="14" t="s">
        <v>277</v>
      </c>
      <c r="E103075" s="15">
        <v>45521</v>
      </c>
      <c r="F103075" s="14" t="s">
        <v>25</v>
      </c>
      <c r="G103075" s="16">
        <v>0.37683290796109348</v>
      </c>
    </row>
    <row r="103076" spans="1:7" x14ac:dyDescent="0.3">
      <c r="A103076" s="13" t="s">
        <v>504</v>
      </c>
      <c r="B103076" s="14" t="s">
        <v>1</v>
      </c>
      <c r="C103076" s="14" t="s">
        <v>218</v>
      </c>
      <c r="D103076" s="14" t="s">
        <v>277</v>
      </c>
      <c r="E103076" s="15">
        <v>45522</v>
      </c>
      <c r="F103076" s="14" t="s">
        <v>25</v>
      </c>
      <c r="G103076" s="16">
        <v>0.37683290796109348</v>
      </c>
    </row>
    <row r="103077" spans="1:7" x14ac:dyDescent="0.3">
      <c r="A103077" s="13" t="s">
        <v>504</v>
      </c>
      <c r="B103077" s="14" t="s">
        <v>1</v>
      </c>
      <c r="C103077" s="14" t="s">
        <v>218</v>
      </c>
      <c r="D103077" s="14" t="s">
        <v>277</v>
      </c>
      <c r="E103077" s="15">
        <v>45523</v>
      </c>
      <c r="F103077" s="14" t="s">
        <v>25</v>
      </c>
      <c r="G103077" s="16">
        <v>0.37830229237822721</v>
      </c>
    </row>
    <row r="103078" spans="1:7" x14ac:dyDescent="0.3">
      <c r="A103078" s="13" t="s">
        <v>504</v>
      </c>
      <c r="B103078" s="14" t="s">
        <v>1</v>
      </c>
      <c r="C103078" s="14" t="s">
        <v>218</v>
      </c>
      <c r="D103078" s="14" t="s">
        <v>277</v>
      </c>
      <c r="E103078" s="15">
        <v>45524</v>
      </c>
      <c r="F103078" s="14" t="s">
        <v>25</v>
      </c>
      <c r="G103078" s="16">
        <v>0.38263038510041142</v>
      </c>
    </row>
    <row r="103079" spans="1:7" x14ac:dyDescent="0.3">
      <c r="A103079" s="13" t="s">
        <v>504</v>
      </c>
      <c r="B103079" s="14" t="s">
        <v>1</v>
      </c>
      <c r="C103079" s="14" t="s">
        <v>218</v>
      </c>
      <c r="D103079" s="14" t="s">
        <v>277</v>
      </c>
      <c r="E103079" s="15">
        <v>45525</v>
      </c>
      <c r="F103079" s="14" t="s">
        <v>25</v>
      </c>
      <c r="G103079" s="16">
        <v>0.38351954884586997</v>
      </c>
    </row>
    <row r="103080" spans="1:7" x14ac:dyDescent="0.3">
      <c r="A103080" s="13" t="s">
        <v>504</v>
      </c>
      <c r="B103080" s="14" t="s">
        <v>1</v>
      </c>
      <c r="C103080" s="14" t="s">
        <v>218</v>
      </c>
      <c r="D103080" s="14" t="s">
        <v>277</v>
      </c>
      <c r="E103080" s="15">
        <v>45526</v>
      </c>
      <c r="F103080" s="14" t="s">
        <v>25</v>
      </c>
      <c r="G103080" s="16">
        <v>0.41029804064969844</v>
      </c>
    </row>
    <row r="103081" spans="1:7" x14ac:dyDescent="0.3">
      <c r="A103081" s="13" t="s">
        <v>504</v>
      </c>
      <c r="B103081" s="14" t="s">
        <v>1</v>
      </c>
      <c r="C103081" s="14" t="s">
        <v>218</v>
      </c>
      <c r="D103081" s="14" t="s">
        <v>277</v>
      </c>
      <c r="E103081" s="15">
        <v>45527</v>
      </c>
      <c r="F103081" s="14" t="s">
        <v>25</v>
      </c>
      <c r="G103081" s="16">
        <v>0.41167941938417124</v>
      </c>
    </row>
    <row r="103082" spans="1:7" x14ac:dyDescent="0.3">
      <c r="A103082" s="13" t="s">
        <v>504</v>
      </c>
      <c r="B103082" s="14" t="s">
        <v>1</v>
      </c>
      <c r="C103082" s="14" t="s">
        <v>218</v>
      </c>
      <c r="D103082" s="14" t="s">
        <v>277</v>
      </c>
      <c r="E103082" s="15">
        <v>45528</v>
      </c>
      <c r="F103082" s="14" t="s">
        <v>25</v>
      </c>
      <c r="G103082" s="16">
        <v>0.41167941938417124</v>
      </c>
    </row>
    <row r="103083" spans="1:7" x14ac:dyDescent="0.3">
      <c r="A103083" s="13" t="s">
        <v>504</v>
      </c>
      <c r="B103083" s="14" t="s">
        <v>1</v>
      </c>
      <c r="C103083" s="14" t="s">
        <v>218</v>
      </c>
      <c r="D103083" s="14" t="s">
        <v>277</v>
      </c>
      <c r="E103083" s="15">
        <v>45529</v>
      </c>
      <c r="F103083" s="14" t="s">
        <v>25</v>
      </c>
      <c r="G103083" s="16">
        <v>0.41167941938417124</v>
      </c>
    </row>
    <row r="103084" spans="1:7" x14ac:dyDescent="0.3">
      <c r="A103084" s="13" t="s">
        <v>504</v>
      </c>
      <c r="B103084" s="14" t="s">
        <v>1</v>
      </c>
      <c r="C103084" s="14" t="s">
        <v>218</v>
      </c>
      <c r="D103084" s="14" t="s">
        <v>277</v>
      </c>
      <c r="E103084" s="15">
        <v>45530</v>
      </c>
      <c r="F103084" s="14" t="s">
        <v>25</v>
      </c>
      <c r="G103084" s="16">
        <v>0.41305212955352866</v>
      </c>
    </row>
    <row r="103085" spans="1:7" x14ac:dyDescent="0.3">
      <c r="A103085" s="13" t="s">
        <v>504</v>
      </c>
      <c r="B103085" s="14" t="s">
        <v>1</v>
      </c>
      <c r="C103085" s="14" t="s">
        <v>218</v>
      </c>
      <c r="D103085" s="14" t="s">
        <v>277</v>
      </c>
      <c r="E103085" s="15">
        <v>45531</v>
      </c>
      <c r="F103085" s="14" t="s">
        <v>25</v>
      </c>
      <c r="G103085" s="16">
        <v>0.41711283792854265</v>
      </c>
    </row>
    <row r="103086" spans="1:7" x14ac:dyDescent="0.3">
      <c r="A103086" s="13" t="s">
        <v>504</v>
      </c>
      <c r="B103086" s="14" t="s">
        <v>1</v>
      </c>
      <c r="C103086" s="14" t="s">
        <v>218</v>
      </c>
      <c r="D103086" s="14" t="s">
        <v>277</v>
      </c>
      <c r="E103086" s="15">
        <v>45532</v>
      </c>
      <c r="F103086" s="14" t="s">
        <v>25</v>
      </c>
      <c r="G103086" s="16">
        <v>0.42165873827673284</v>
      </c>
    </row>
    <row r="103087" spans="1:7" x14ac:dyDescent="0.3">
      <c r="A103087" s="13" t="s">
        <v>504</v>
      </c>
      <c r="B103087" s="14" t="s">
        <v>1</v>
      </c>
      <c r="C103087" s="14" t="s">
        <v>218</v>
      </c>
      <c r="D103087" s="14" t="s">
        <v>277</v>
      </c>
      <c r="E103087" s="15">
        <v>45533</v>
      </c>
      <c r="F103087" s="14" t="s">
        <v>25</v>
      </c>
      <c r="G103087" s="16">
        <v>0.42299553581918337</v>
      </c>
    </row>
    <row r="103088" spans="1:7" x14ac:dyDescent="0.3">
      <c r="A103088" s="13" t="s">
        <v>504</v>
      </c>
      <c r="B103088" s="14" t="s">
        <v>1</v>
      </c>
      <c r="C103088" s="14" t="s">
        <v>218</v>
      </c>
      <c r="D103088" s="14" t="s">
        <v>277</v>
      </c>
      <c r="E103088" s="15">
        <v>45534</v>
      </c>
      <c r="F103088" s="14" t="s">
        <v>25</v>
      </c>
      <c r="G103088" s="16">
        <v>0.42436849366182977</v>
      </c>
    </row>
    <row r="103089" spans="1:7" x14ac:dyDescent="0.3">
      <c r="A103089" s="13" t="s">
        <v>504</v>
      </c>
      <c r="B103089" s="14" t="s">
        <v>1</v>
      </c>
      <c r="C103089" s="14" t="s">
        <v>218</v>
      </c>
      <c r="D103089" s="14" t="s">
        <v>277</v>
      </c>
      <c r="E103089" s="15">
        <v>45535</v>
      </c>
      <c r="F103089" s="14" t="s">
        <v>25</v>
      </c>
      <c r="G103089" s="16">
        <v>0.42436849366182977</v>
      </c>
    </row>
    <row r="103090" spans="1:7" x14ac:dyDescent="0.3">
      <c r="A103090" s="13" t="s">
        <v>504</v>
      </c>
      <c r="B103090" s="14" t="s">
        <v>1</v>
      </c>
      <c r="C103090" s="14" t="s">
        <v>218</v>
      </c>
      <c r="D103090" s="14" t="s">
        <v>277</v>
      </c>
      <c r="E103090" s="15">
        <v>45536</v>
      </c>
      <c r="F103090" s="14" t="s">
        <v>25</v>
      </c>
      <c r="G103090" s="16">
        <v>0.42436849366182977</v>
      </c>
    </row>
    <row r="103091" spans="1:7" x14ac:dyDescent="0.3">
      <c r="A103091" s="13" t="s">
        <v>504</v>
      </c>
      <c r="B103091" s="14" t="s">
        <v>1</v>
      </c>
      <c r="C103091" s="14" t="s">
        <v>218</v>
      </c>
      <c r="D103091" s="14" t="s">
        <v>277</v>
      </c>
      <c r="E103091" s="15">
        <v>45537</v>
      </c>
      <c r="F103091" s="14" t="s">
        <v>25</v>
      </c>
      <c r="G103091" s="16">
        <v>0.42573499743851856</v>
      </c>
    </row>
    <row r="103092" spans="1:7" x14ac:dyDescent="0.3">
      <c r="A103092" s="13" t="s">
        <v>504</v>
      </c>
      <c r="B103092" s="14" t="s">
        <v>1</v>
      </c>
      <c r="C103092" s="14" t="s">
        <v>218</v>
      </c>
      <c r="D103092" s="14" t="s">
        <v>277</v>
      </c>
      <c r="E103092" s="15">
        <v>45538</v>
      </c>
      <c r="F103092" s="14" t="s">
        <v>25</v>
      </c>
      <c r="G103092" s="16">
        <v>0.43214072027718703</v>
      </c>
    </row>
    <row r="103093" spans="1:7" x14ac:dyDescent="0.3">
      <c r="A103093" s="13" t="s">
        <v>504</v>
      </c>
      <c r="B103093" s="14" t="s">
        <v>1</v>
      </c>
      <c r="C103093" s="14" t="s">
        <v>218</v>
      </c>
      <c r="D103093" s="14" t="s">
        <v>277</v>
      </c>
      <c r="E103093" s="15">
        <v>45539</v>
      </c>
      <c r="F103093" s="14" t="s">
        <v>25</v>
      </c>
      <c r="G103093" s="16">
        <v>0.43334493602785057</v>
      </c>
    </row>
    <row r="103094" spans="1:7" x14ac:dyDescent="0.3">
      <c r="A103094" s="13" t="s">
        <v>504</v>
      </c>
      <c r="B103094" s="14" t="s">
        <v>1</v>
      </c>
      <c r="C103094" s="14" t="s">
        <v>218</v>
      </c>
      <c r="D103094" s="14" t="s">
        <v>277</v>
      </c>
      <c r="E103094" s="15">
        <v>45540</v>
      </c>
      <c r="F103094" s="14" t="s">
        <v>25</v>
      </c>
      <c r="G103094" s="16">
        <v>0.43856364505387357</v>
      </c>
    </row>
    <row r="103095" spans="1:7" x14ac:dyDescent="0.3">
      <c r="A103095" s="13" t="s">
        <v>504</v>
      </c>
      <c r="B103095" s="14" t="s">
        <v>1</v>
      </c>
      <c r="C103095" s="14" t="s">
        <v>218</v>
      </c>
      <c r="D103095" s="14" t="s">
        <v>277</v>
      </c>
      <c r="E103095" s="15">
        <v>45541</v>
      </c>
      <c r="F103095" s="14" t="s">
        <v>25</v>
      </c>
      <c r="G103095" s="16">
        <v>0.43994245860343423</v>
      </c>
    </row>
    <row r="103096" spans="1:7" x14ac:dyDescent="0.3">
      <c r="A103096" s="13" t="s">
        <v>504</v>
      </c>
      <c r="B103096" s="14" t="s">
        <v>1</v>
      </c>
      <c r="C103096" s="14" t="s">
        <v>218</v>
      </c>
      <c r="D103096" s="14" t="s">
        <v>277</v>
      </c>
      <c r="E103096" s="15">
        <v>45542</v>
      </c>
      <c r="F103096" s="14" t="s">
        <v>25</v>
      </c>
      <c r="G103096" s="16">
        <v>0.43994245860343423</v>
      </c>
    </row>
    <row r="103097" spans="1:7" x14ac:dyDescent="0.3">
      <c r="A103097" s="13" t="s">
        <v>504</v>
      </c>
      <c r="B103097" s="14" t="s">
        <v>1</v>
      </c>
      <c r="C103097" s="14" t="s">
        <v>218</v>
      </c>
      <c r="D103097" s="14" t="s">
        <v>277</v>
      </c>
      <c r="E103097" s="15">
        <v>45543</v>
      </c>
      <c r="F103097" s="14" t="s">
        <v>25</v>
      </c>
      <c r="G103097" s="16">
        <v>0.43994245860343423</v>
      </c>
    </row>
    <row r="103098" spans="1:7" x14ac:dyDescent="0.3">
      <c r="A103098" s="13" t="s">
        <v>504</v>
      </c>
      <c r="B103098" s="14" t="s">
        <v>1</v>
      </c>
      <c r="C103098" s="14" t="s">
        <v>218</v>
      </c>
      <c r="D103098" s="14" t="s">
        <v>277</v>
      </c>
      <c r="E103098" s="15">
        <v>45544</v>
      </c>
      <c r="F103098" s="14" t="s">
        <v>25</v>
      </c>
      <c r="G103098" s="16">
        <v>0.44129162821016049</v>
      </c>
    </row>
    <row r="103099" spans="1:7" x14ac:dyDescent="0.3">
      <c r="A103099" s="13" t="s">
        <v>504</v>
      </c>
      <c r="B103099" s="14" t="s">
        <v>1</v>
      </c>
      <c r="C103099" s="14" t="s">
        <v>218</v>
      </c>
      <c r="D103099" s="14" t="s">
        <v>277</v>
      </c>
      <c r="E103099" s="15">
        <v>45545</v>
      </c>
      <c r="F103099" s="14" t="s">
        <v>25</v>
      </c>
      <c r="G103099" s="16">
        <v>0.44537582837313455</v>
      </c>
    </row>
    <row r="103100" spans="1:7" x14ac:dyDescent="0.3">
      <c r="A103100" s="13" t="s">
        <v>504</v>
      </c>
      <c r="B103100" s="14" t="s">
        <v>1</v>
      </c>
      <c r="C103100" s="14" t="s">
        <v>218</v>
      </c>
      <c r="D103100" s="14" t="s">
        <v>277</v>
      </c>
      <c r="E103100" s="15">
        <v>45546</v>
      </c>
      <c r="F103100" s="14" t="s">
        <v>25</v>
      </c>
      <c r="G103100" s="16">
        <v>0.44672512496509204</v>
      </c>
    </row>
    <row r="103101" spans="1:7" x14ac:dyDescent="0.3">
      <c r="A103101" s="13" t="s">
        <v>504</v>
      </c>
      <c r="B103101" s="14" t="s">
        <v>1</v>
      </c>
      <c r="C103101" s="14" t="s">
        <v>218</v>
      </c>
      <c r="D103101" s="14" t="s">
        <v>277</v>
      </c>
      <c r="E103101" s="15">
        <v>45547</v>
      </c>
      <c r="F103101" s="14" t="s">
        <v>25</v>
      </c>
      <c r="G103101" s="16">
        <v>0.44813795657830008</v>
      </c>
    </row>
    <row r="103102" spans="1:7" x14ac:dyDescent="0.3">
      <c r="A103102" s="13" t="s">
        <v>504</v>
      </c>
      <c r="B103102" s="14" t="s">
        <v>1</v>
      </c>
      <c r="C103102" s="14" t="s">
        <v>218</v>
      </c>
      <c r="D103102" s="14" t="s">
        <v>277</v>
      </c>
      <c r="E103102" s="15">
        <v>45548</v>
      </c>
      <c r="F103102" s="14" t="s">
        <v>25</v>
      </c>
      <c r="G103102" s="16">
        <v>0.44951054090713038</v>
      </c>
    </row>
    <row r="103103" spans="1:7" x14ac:dyDescent="0.3">
      <c r="A103103" s="13" t="s">
        <v>504</v>
      </c>
      <c r="B103103" s="14" t="s">
        <v>1</v>
      </c>
      <c r="C103103" s="14" t="s">
        <v>218</v>
      </c>
      <c r="D103103" s="14" t="s">
        <v>277</v>
      </c>
      <c r="E103103" s="15">
        <v>45549</v>
      </c>
      <c r="F103103" s="14" t="s">
        <v>25</v>
      </c>
      <c r="G103103" s="16">
        <v>0.44951054090713038</v>
      </c>
    </row>
    <row r="103104" spans="1:7" x14ac:dyDescent="0.3">
      <c r="A103104" s="13" t="s">
        <v>504</v>
      </c>
      <c r="B103104" s="14" t="s">
        <v>1</v>
      </c>
      <c r="C103104" s="14" t="s">
        <v>218</v>
      </c>
      <c r="D103104" s="14" t="s">
        <v>277</v>
      </c>
      <c r="E103104" s="15">
        <v>45550</v>
      </c>
      <c r="F103104" s="14" t="s">
        <v>25</v>
      </c>
      <c r="G103104" s="16">
        <v>0.44951054090713038</v>
      </c>
    </row>
    <row r="103105" spans="1:7" x14ac:dyDescent="0.3">
      <c r="A103105" s="13" t="s">
        <v>504</v>
      </c>
      <c r="B103105" s="14" t="s">
        <v>1</v>
      </c>
      <c r="C103105" s="14" t="s">
        <v>218</v>
      </c>
      <c r="D103105" s="14" t="s">
        <v>277</v>
      </c>
      <c r="E103105" s="15">
        <v>45551</v>
      </c>
      <c r="F103105" s="14" t="s">
        <v>25</v>
      </c>
      <c r="G103105" s="16">
        <v>0.45083756227251415</v>
      </c>
    </row>
    <row r="103106" spans="1:7" x14ac:dyDescent="0.3">
      <c r="A103106" s="13" t="s">
        <v>504</v>
      </c>
      <c r="B103106" s="14" t="s">
        <v>1</v>
      </c>
      <c r="C103106" s="14" t="s">
        <v>218</v>
      </c>
      <c r="D103106" s="14" t="s">
        <v>277</v>
      </c>
      <c r="E103106" s="15">
        <v>45552</v>
      </c>
      <c r="F103106" s="14" t="s">
        <v>25</v>
      </c>
      <c r="G103106" s="16">
        <v>0.46325435581320867</v>
      </c>
    </row>
    <row r="103107" spans="1:7" x14ac:dyDescent="0.3">
      <c r="A103107" s="13" t="s">
        <v>504</v>
      </c>
      <c r="B103107" s="14" t="s">
        <v>1</v>
      </c>
      <c r="C103107" s="14" t="s">
        <v>218</v>
      </c>
      <c r="D103107" s="14" t="s">
        <v>277</v>
      </c>
      <c r="E103107" s="15">
        <v>45553</v>
      </c>
      <c r="F103107" s="14" t="s">
        <v>25</v>
      </c>
      <c r="G103107" s="16">
        <v>0.4645811240510177</v>
      </c>
    </row>
    <row r="103108" spans="1:7" x14ac:dyDescent="0.3">
      <c r="A103108" s="13" t="s">
        <v>504</v>
      </c>
      <c r="B103108" s="14" t="s">
        <v>1</v>
      </c>
      <c r="C103108" s="14" t="s">
        <v>218</v>
      </c>
      <c r="D103108" s="14" t="s">
        <v>277</v>
      </c>
      <c r="E103108" s="15">
        <v>45554</v>
      </c>
      <c r="F103108" s="14" t="s">
        <v>25</v>
      </c>
      <c r="G103108" s="16">
        <v>0.46390691881079998</v>
      </c>
    </row>
    <row r="103109" spans="1:7" x14ac:dyDescent="0.3">
      <c r="A103109" s="13" t="s">
        <v>504</v>
      </c>
      <c r="B103109" s="14" t="s">
        <v>1</v>
      </c>
      <c r="C103109" s="14" t="s">
        <v>218</v>
      </c>
      <c r="D103109" s="14" t="s">
        <v>277</v>
      </c>
      <c r="E103109" s="15">
        <v>45555</v>
      </c>
      <c r="F103109" s="14" t="s">
        <v>25</v>
      </c>
      <c r="G103109" s="16">
        <v>0.46524786219279246</v>
      </c>
    </row>
    <row r="103110" spans="1:7" x14ac:dyDescent="0.3">
      <c r="A103110" s="13" t="s">
        <v>504</v>
      </c>
      <c r="B103110" s="14" t="s">
        <v>1</v>
      </c>
      <c r="C103110" s="14" t="s">
        <v>218</v>
      </c>
      <c r="D103110" s="14" t="s">
        <v>277</v>
      </c>
      <c r="E103110" s="15">
        <v>45556</v>
      </c>
      <c r="F103110" s="14" t="s">
        <v>25</v>
      </c>
      <c r="G103110" s="16">
        <v>0.46524786219279246</v>
      </c>
    </row>
    <row r="103111" spans="1:7" x14ac:dyDescent="0.3">
      <c r="A103111" s="13" t="s">
        <v>504</v>
      </c>
      <c r="B103111" s="14" t="s">
        <v>1</v>
      </c>
      <c r="C103111" s="14" t="s">
        <v>218</v>
      </c>
      <c r="D103111" s="14" t="s">
        <v>277</v>
      </c>
      <c r="E103111" s="15">
        <v>45557</v>
      </c>
      <c r="F103111" s="14" t="s">
        <v>25</v>
      </c>
      <c r="G103111" s="16">
        <v>0.46524786219279246</v>
      </c>
    </row>
    <row r="103112" spans="1:7" x14ac:dyDescent="0.3">
      <c r="A103112" s="13" t="s">
        <v>504</v>
      </c>
      <c r="B103112" s="14" t="s">
        <v>1</v>
      </c>
      <c r="C103112" s="14" t="s">
        <v>218</v>
      </c>
      <c r="D103112" s="14" t="s">
        <v>277</v>
      </c>
      <c r="E103112" s="15">
        <v>45558</v>
      </c>
      <c r="F103112" s="14" t="s">
        <v>25</v>
      </c>
      <c r="G103112" s="16">
        <v>0.46567400251980828</v>
      </c>
    </row>
    <row r="103113" spans="1:7" x14ac:dyDescent="0.3">
      <c r="A103113" s="13" t="s">
        <v>504</v>
      </c>
      <c r="B103113" s="14" t="s">
        <v>1</v>
      </c>
      <c r="C103113" s="14" t="s">
        <v>218</v>
      </c>
      <c r="D103113" s="14" t="s">
        <v>277</v>
      </c>
      <c r="E103113" s="15">
        <v>45559</v>
      </c>
      <c r="F103113" s="14" t="s">
        <v>25</v>
      </c>
      <c r="G103113" s="16">
        <v>0.46955052481760012</v>
      </c>
    </row>
    <row r="103114" spans="1:7" x14ac:dyDescent="0.3">
      <c r="A103114" s="13" t="s">
        <v>504</v>
      </c>
      <c r="B103114" s="14" t="s">
        <v>1</v>
      </c>
      <c r="C103114" s="14" t="s">
        <v>218</v>
      </c>
      <c r="D103114" s="14" t="s">
        <v>277</v>
      </c>
      <c r="E103114" s="15">
        <v>45560</v>
      </c>
      <c r="F103114" s="14" t="s">
        <v>25</v>
      </c>
      <c r="G103114" s="16">
        <v>0.4708279331783421</v>
      </c>
    </row>
    <row r="103115" spans="1:7" x14ac:dyDescent="0.3">
      <c r="A103115" s="13" t="s">
        <v>504</v>
      </c>
      <c r="B103115" s="14" t="s">
        <v>1</v>
      </c>
      <c r="C103115" s="14" t="s">
        <v>218</v>
      </c>
      <c r="D103115" s="14" t="s">
        <v>277</v>
      </c>
      <c r="E103115" s="15">
        <v>45561</v>
      </c>
      <c r="F103115" s="14" t="s">
        <v>25</v>
      </c>
      <c r="G103115" s="16">
        <v>0.47211597289722163</v>
      </c>
    </row>
    <row r="103116" spans="1:7" x14ac:dyDescent="0.3">
      <c r="A103116" s="13" t="s">
        <v>504</v>
      </c>
      <c r="B103116" s="14" t="s">
        <v>1</v>
      </c>
      <c r="C103116" s="14" t="s">
        <v>218</v>
      </c>
      <c r="D103116" s="14" t="s">
        <v>277</v>
      </c>
      <c r="E103116" s="15">
        <v>45562</v>
      </c>
      <c r="F103116" s="14" t="s">
        <v>25</v>
      </c>
      <c r="G103116" s="16">
        <v>0.48096974269639753</v>
      </c>
    </row>
    <row r="103117" spans="1:7" x14ac:dyDescent="0.3">
      <c r="A103117" s="13" t="s">
        <v>504</v>
      </c>
      <c r="B103117" s="14" t="s">
        <v>1</v>
      </c>
      <c r="C103117" s="14" t="s">
        <v>218</v>
      </c>
      <c r="D103117" s="14" t="s">
        <v>277</v>
      </c>
      <c r="E103117" s="15">
        <v>45563</v>
      </c>
      <c r="F103117" s="14" t="s">
        <v>25</v>
      </c>
      <c r="G103117" s="16">
        <v>0.48096974269639753</v>
      </c>
    </row>
    <row r="103118" spans="1:7" x14ac:dyDescent="0.3">
      <c r="A103118" s="13" t="s">
        <v>504</v>
      </c>
      <c r="B103118" s="14" t="s">
        <v>1</v>
      </c>
      <c r="C103118" s="14" t="s">
        <v>218</v>
      </c>
      <c r="D103118" s="14" t="s">
        <v>277</v>
      </c>
      <c r="E103118" s="15">
        <v>45564</v>
      </c>
      <c r="F103118" s="14" t="s">
        <v>25</v>
      </c>
      <c r="G103118" s="16">
        <v>0.48096974269639753</v>
      </c>
    </row>
    <row r="103119" spans="1:7" x14ac:dyDescent="0.3">
      <c r="A103119" s="13" t="s">
        <v>504</v>
      </c>
      <c r="B103119" s="14" t="s">
        <v>1</v>
      </c>
      <c r="C103119" s="14" t="s">
        <v>218</v>
      </c>
      <c r="D103119" s="14" t="s">
        <v>277</v>
      </c>
      <c r="E103119" s="15">
        <v>45565</v>
      </c>
      <c r="F103119" s="14" t="s">
        <v>25</v>
      </c>
      <c r="G103119" s="16">
        <v>0.48220931044688192</v>
      </c>
    </row>
    <row r="103120" spans="1:7" x14ac:dyDescent="0.3">
      <c r="A103120" s="13" t="s">
        <v>504</v>
      </c>
      <c r="B103120" s="14" t="s">
        <v>1</v>
      </c>
      <c r="C103120" s="14" t="s">
        <v>218</v>
      </c>
      <c r="D103120" s="14" t="s">
        <v>277</v>
      </c>
      <c r="E103120" s="15">
        <v>45566</v>
      </c>
      <c r="F103120" s="14" t="s">
        <v>25</v>
      </c>
      <c r="G103120" s="16">
        <v>0.48596573701576606</v>
      </c>
    </row>
    <row r="103121" spans="1:7" x14ac:dyDescent="0.3">
      <c r="A103121" s="13" t="s">
        <v>504</v>
      </c>
      <c r="B103121" s="14" t="s">
        <v>1</v>
      </c>
      <c r="C103121" s="14" t="s">
        <v>218</v>
      </c>
      <c r="D103121" s="14" t="s">
        <v>277</v>
      </c>
      <c r="E103121" s="15">
        <v>45567</v>
      </c>
      <c r="F103121" s="14" t="s">
        <v>25</v>
      </c>
      <c r="G103121" s="16">
        <v>0.48953461222329508</v>
      </c>
    </row>
    <row r="103122" spans="1:7" x14ac:dyDescent="0.3">
      <c r="A103122" s="13" t="s">
        <v>504</v>
      </c>
      <c r="B103122" s="14" t="s">
        <v>1</v>
      </c>
      <c r="C103122" s="14" t="s">
        <v>218</v>
      </c>
      <c r="D103122" s="14" t="s">
        <v>277</v>
      </c>
      <c r="E103122" s="15">
        <v>45568</v>
      </c>
      <c r="F103122" s="14" t="s">
        <v>25</v>
      </c>
      <c r="G103122" s="16">
        <v>0.49079932090693695</v>
      </c>
    </row>
    <row r="103123" spans="1:7" x14ac:dyDescent="0.3">
      <c r="A103123" s="13" t="s">
        <v>504</v>
      </c>
      <c r="B103123" s="14" t="s">
        <v>1</v>
      </c>
      <c r="C103123" s="14" t="s">
        <v>218</v>
      </c>
      <c r="D103123" s="14" t="s">
        <v>277</v>
      </c>
      <c r="E103123" s="15">
        <v>45569</v>
      </c>
      <c r="F103123" s="14" t="s">
        <v>25</v>
      </c>
      <c r="G103123" s="16">
        <v>0.49557899681680334</v>
      </c>
    </row>
    <row r="103124" spans="1:7" x14ac:dyDescent="0.3">
      <c r="A103124" s="13" t="s">
        <v>504</v>
      </c>
      <c r="B103124" s="14" t="s">
        <v>1</v>
      </c>
      <c r="C103124" s="14" t="s">
        <v>218</v>
      </c>
      <c r="D103124" s="14" t="s">
        <v>277</v>
      </c>
      <c r="E103124" s="15">
        <v>45570</v>
      </c>
      <c r="F103124" s="14" t="s">
        <v>25</v>
      </c>
      <c r="G103124" s="16">
        <v>0.49557899681680334</v>
      </c>
    </row>
    <row r="103125" spans="1:7" x14ac:dyDescent="0.3">
      <c r="A103125" s="13" t="s">
        <v>504</v>
      </c>
      <c r="B103125" s="14" t="s">
        <v>1</v>
      </c>
      <c r="C103125" s="14" t="s">
        <v>218</v>
      </c>
      <c r="D103125" s="14" t="s">
        <v>277</v>
      </c>
      <c r="E103125" s="15">
        <v>45571</v>
      </c>
      <c r="F103125" s="14" t="s">
        <v>25</v>
      </c>
      <c r="G103125" s="16">
        <v>0.49557899681680334</v>
      </c>
    </row>
    <row r="103126" spans="1:7" x14ac:dyDescent="0.3">
      <c r="A103126" s="13" t="s">
        <v>504</v>
      </c>
      <c r="B103126" s="14" t="s">
        <v>1</v>
      </c>
      <c r="C103126" s="14" t="s">
        <v>218</v>
      </c>
      <c r="D103126" s="14" t="s">
        <v>277</v>
      </c>
      <c r="E103126" s="15">
        <v>45572</v>
      </c>
      <c r="F103126" s="14" t="s">
        <v>25</v>
      </c>
      <c r="G103126" s="16">
        <v>0.49688802517963027</v>
      </c>
    </row>
    <row r="103127" spans="1:7" x14ac:dyDescent="0.3">
      <c r="A103127" s="13" t="s">
        <v>504</v>
      </c>
      <c r="B103127" s="14" t="s">
        <v>1</v>
      </c>
      <c r="C103127" s="14" t="s">
        <v>218</v>
      </c>
      <c r="D103127" s="14" t="s">
        <v>277</v>
      </c>
      <c r="E103127" s="15">
        <v>45573</v>
      </c>
      <c r="F103127" s="14" t="s">
        <v>25</v>
      </c>
      <c r="G103127" s="16">
        <v>0.50077987882360331</v>
      </c>
    </row>
    <row r="103128" spans="1:7" x14ac:dyDescent="0.3">
      <c r="A103128" s="13" t="s">
        <v>504</v>
      </c>
      <c r="B103128" s="14" t="s">
        <v>1</v>
      </c>
      <c r="C103128" s="14" t="s">
        <v>218</v>
      </c>
      <c r="D103128" s="14" t="s">
        <v>277</v>
      </c>
      <c r="E103128" s="15">
        <v>45574</v>
      </c>
      <c r="F103128" s="14" t="s">
        <v>25</v>
      </c>
      <c r="G103128" s="16">
        <v>0.50205930460441128</v>
      </c>
    </row>
    <row r="103129" spans="1:7" x14ac:dyDescent="0.3">
      <c r="A103129" s="13" t="s">
        <v>504</v>
      </c>
      <c r="B103129" s="14" t="s">
        <v>1</v>
      </c>
      <c r="C103129" s="14" t="s">
        <v>218</v>
      </c>
      <c r="D103129" s="14" t="s">
        <v>277</v>
      </c>
      <c r="E103129" s="15">
        <v>45575</v>
      </c>
      <c r="F103129" s="14" t="s">
        <v>25</v>
      </c>
      <c r="G103129" s="16">
        <v>0.50336424985247707</v>
      </c>
    </row>
    <row r="103130" spans="1:7" x14ac:dyDescent="0.3">
      <c r="A103130" s="13" t="s">
        <v>504</v>
      </c>
      <c r="B103130" s="14" t="s">
        <v>1</v>
      </c>
      <c r="C103130" s="14" t="s">
        <v>218</v>
      </c>
      <c r="D103130" s="14" t="s">
        <v>277</v>
      </c>
      <c r="E103130" s="15">
        <v>45576</v>
      </c>
      <c r="F103130" s="14" t="s">
        <v>25</v>
      </c>
      <c r="G103130" s="16">
        <v>0.50466102887102038</v>
      </c>
    </row>
    <row r="103131" spans="1:7" x14ac:dyDescent="0.3">
      <c r="A103131" s="13" t="s">
        <v>504</v>
      </c>
      <c r="B103131" s="14" t="s">
        <v>1</v>
      </c>
      <c r="C103131" s="14" t="s">
        <v>218</v>
      </c>
      <c r="D103131" s="14" t="s">
        <v>277</v>
      </c>
      <c r="E103131" s="15">
        <v>45577</v>
      </c>
      <c r="F103131" s="14" t="s">
        <v>25</v>
      </c>
      <c r="G103131" s="16">
        <v>0.50466102887102038</v>
      </c>
    </row>
    <row r="103132" spans="1:7" x14ac:dyDescent="0.3">
      <c r="A103132" s="13" t="s">
        <v>504</v>
      </c>
      <c r="B103132" s="14" t="s">
        <v>1</v>
      </c>
      <c r="C103132" s="14" t="s">
        <v>218</v>
      </c>
      <c r="D103132" s="14" t="s">
        <v>277</v>
      </c>
      <c r="E103132" s="15">
        <v>45578</v>
      </c>
      <c r="F103132" s="14" t="s">
        <v>25</v>
      </c>
      <c r="G103132" s="16">
        <v>0.50466102887102038</v>
      </c>
    </row>
    <row r="103133" spans="1:7" x14ac:dyDescent="0.3">
      <c r="A103133" s="13" t="s">
        <v>504</v>
      </c>
      <c r="B103133" s="14" t="s">
        <v>1</v>
      </c>
      <c r="C103133" s="14" t="s">
        <v>218</v>
      </c>
      <c r="D103133" s="14" t="s">
        <v>277</v>
      </c>
      <c r="E103133" s="15">
        <v>45579</v>
      </c>
      <c r="F103133" s="14" t="s">
        <v>25</v>
      </c>
      <c r="G103133" s="16">
        <v>0.50595882866825381</v>
      </c>
    </row>
    <row r="103134" spans="1:7" x14ac:dyDescent="0.3">
      <c r="A103134" s="13" t="s">
        <v>504</v>
      </c>
      <c r="B103134" s="14" t="s">
        <v>1</v>
      </c>
      <c r="C103134" s="14" t="s">
        <v>218</v>
      </c>
      <c r="D103134" s="14" t="s">
        <v>277</v>
      </c>
      <c r="E103134" s="15">
        <v>45580</v>
      </c>
      <c r="F103134" s="14" t="s">
        <v>25</v>
      </c>
      <c r="G103134" s="16">
        <v>0.50991907448447737</v>
      </c>
    </row>
    <row r="103135" spans="1:7" x14ac:dyDescent="0.3">
      <c r="A103135" s="13" t="s">
        <v>504</v>
      </c>
      <c r="B103135" s="14" t="s">
        <v>1</v>
      </c>
      <c r="C103135" s="14" t="s">
        <v>218</v>
      </c>
      <c r="D103135" s="14" t="s">
        <v>277</v>
      </c>
      <c r="E103135" s="15">
        <v>45581</v>
      </c>
      <c r="F103135" s="14" t="s">
        <v>25</v>
      </c>
      <c r="G103135" s="16">
        <v>0.51121789506040116</v>
      </c>
    </row>
    <row r="103136" spans="1:7" x14ac:dyDescent="0.3">
      <c r="A103136" s="13" t="s">
        <v>504</v>
      </c>
      <c r="B103136" s="14" t="s">
        <v>1</v>
      </c>
      <c r="C103136" s="14" t="s">
        <v>218</v>
      </c>
      <c r="D103136" s="14" t="s">
        <v>277</v>
      </c>
      <c r="E103136" s="15">
        <v>45582</v>
      </c>
      <c r="F103136" s="14" t="s">
        <v>25</v>
      </c>
      <c r="G103136" s="16">
        <v>0.51253279290069742</v>
      </c>
    </row>
    <row r="103137" spans="1:7" x14ac:dyDescent="0.3">
      <c r="A103137" s="13" t="s">
        <v>504</v>
      </c>
      <c r="B103137" s="14" t="s">
        <v>1</v>
      </c>
      <c r="C103137" s="14" t="s">
        <v>218</v>
      </c>
      <c r="D103137" s="14" t="s">
        <v>277</v>
      </c>
      <c r="E103137" s="15">
        <v>45583</v>
      </c>
      <c r="F103137" s="14" t="s">
        <v>25</v>
      </c>
      <c r="G103137" s="16">
        <v>0.51384488359959524</v>
      </c>
    </row>
    <row r="103138" spans="1:7" x14ac:dyDescent="0.3">
      <c r="A103138" s="13" t="s">
        <v>504</v>
      </c>
      <c r="B103138" s="14" t="s">
        <v>1</v>
      </c>
      <c r="C103138" s="14" t="s">
        <v>218</v>
      </c>
      <c r="D103138" s="14" t="s">
        <v>277</v>
      </c>
      <c r="E103138" s="15">
        <v>45584</v>
      </c>
      <c r="F103138" s="14" t="s">
        <v>25</v>
      </c>
      <c r="G103138" s="16">
        <v>0.51384488359959524</v>
      </c>
    </row>
    <row r="103139" spans="1:7" x14ac:dyDescent="0.3">
      <c r="A103139" s="13" t="s">
        <v>504</v>
      </c>
      <c r="B103139" s="14" t="s">
        <v>1</v>
      </c>
      <c r="C103139" s="14" t="s">
        <v>218</v>
      </c>
      <c r="D103139" s="14" t="s">
        <v>277</v>
      </c>
      <c r="E103139" s="15">
        <v>45585</v>
      </c>
      <c r="F103139" s="14" t="s">
        <v>25</v>
      </c>
      <c r="G103139" s="16">
        <v>0.51384488359959524</v>
      </c>
    </row>
    <row r="103140" spans="1:7" x14ac:dyDescent="0.3">
      <c r="A103140" s="13" t="s">
        <v>504</v>
      </c>
      <c r="B103140" s="14" t="s">
        <v>1</v>
      </c>
      <c r="C103140" s="14" t="s">
        <v>218</v>
      </c>
      <c r="D103140" s="14" t="s">
        <v>277</v>
      </c>
      <c r="E103140" s="15">
        <v>45586</v>
      </c>
      <c r="F103140" s="14" t="s">
        <v>25</v>
      </c>
      <c r="G103140" s="16">
        <v>0.51408898459376073</v>
      </c>
    </row>
    <row r="103141" spans="1:7" x14ac:dyDescent="0.3">
      <c r="A103141" s="13" t="s">
        <v>504</v>
      </c>
      <c r="B103141" s="14" t="s">
        <v>1</v>
      </c>
      <c r="C103141" s="14" t="s">
        <v>218</v>
      </c>
      <c r="D103141" s="14" t="s">
        <v>277</v>
      </c>
      <c r="E103141" s="15">
        <v>45587</v>
      </c>
      <c r="F103141" s="14" t="s">
        <v>25</v>
      </c>
      <c r="G103141" s="16">
        <v>0.51774172082952963</v>
      </c>
    </row>
    <row r="103142" spans="1:7" x14ac:dyDescent="0.3">
      <c r="A103142" s="13" t="s">
        <v>504</v>
      </c>
      <c r="B103142" s="14" t="s">
        <v>1</v>
      </c>
      <c r="C103142" s="14" t="s">
        <v>218</v>
      </c>
      <c r="D103142" s="14" t="s">
        <v>277</v>
      </c>
      <c r="E103142" s="15">
        <v>45588</v>
      </c>
      <c r="F103142" s="14" t="s">
        <v>25</v>
      </c>
      <c r="G103142" s="16">
        <v>0.51898261221477859</v>
      </c>
    </row>
    <row r="103143" spans="1:7" x14ac:dyDescent="0.3">
      <c r="A103143" s="13" t="s">
        <v>504</v>
      </c>
      <c r="B103143" s="14" t="s">
        <v>1</v>
      </c>
      <c r="C103143" s="14" t="s">
        <v>218</v>
      </c>
      <c r="D103143" s="14" t="s">
        <v>277</v>
      </c>
      <c r="E103143" s="15">
        <v>45589</v>
      </c>
      <c r="F103143" s="14" t="s">
        <v>25</v>
      </c>
      <c r="G103143" s="16">
        <v>0.52022707632544363</v>
      </c>
    </row>
    <row r="103144" spans="1:7" x14ac:dyDescent="0.3">
      <c r="A103144" s="13" t="s">
        <v>504</v>
      </c>
      <c r="B103144" s="14" t="s">
        <v>1</v>
      </c>
      <c r="C103144" s="14" t="s">
        <v>218</v>
      </c>
      <c r="D103144" s="14" t="s">
        <v>277</v>
      </c>
      <c r="E103144" s="15">
        <v>45590</v>
      </c>
      <c r="F103144" s="14" t="s">
        <v>25</v>
      </c>
      <c r="G103144" s="16">
        <v>0.52147536835619734</v>
      </c>
    </row>
    <row r="103145" spans="1:7" x14ac:dyDescent="0.3">
      <c r="A103145" s="13" t="s">
        <v>504</v>
      </c>
      <c r="B103145" s="14" t="s">
        <v>1</v>
      </c>
      <c r="C103145" s="14" t="s">
        <v>218</v>
      </c>
      <c r="D103145" s="14" t="s">
        <v>277</v>
      </c>
      <c r="E103145" s="15">
        <v>45591</v>
      </c>
      <c r="F103145" s="14" t="s">
        <v>25</v>
      </c>
      <c r="G103145" s="16">
        <v>0.52147536835619734</v>
      </c>
    </row>
    <row r="103146" spans="1:7" x14ac:dyDescent="0.3">
      <c r="A103146" s="13" t="s">
        <v>504</v>
      </c>
      <c r="B103146" s="14" t="s">
        <v>1</v>
      </c>
      <c r="C103146" s="14" t="s">
        <v>218</v>
      </c>
      <c r="D103146" s="14" t="s">
        <v>277</v>
      </c>
      <c r="E103146" s="15">
        <v>45592</v>
      </c>
      <c r="F103146" s="14" t="s">
        <v>25</v>
      </c>
      <c r="G103146" s="16">
        <v>0.52147536835619734</v>
      </c>
    </row>
    <row r="103147" spans="1:7" x14ac:dyDescent="0.3">
      <c r="A103147" s="13" t="s">
        <v>504</v>
      </c>
      <c r="B103147" s="14" t="s">
        <v>1</v>
      </c>
      <c r="C103147" s="14" t="s">
        <v>218</v>
      </c>
      <c r="D103147" s="14" t="s">
        <v>277</v>
      </c>
      <c r="E103147" s="15">
        <v>45593</v>
      </c>
      <c r="F103147" s="14" t="s">
        <v>25</v>
      </c>
      <c r="G103147" s="16">
        <v>0.52147536835619734</v>
      </c>
    </row>
    <row r="103148" spans="1:7" x14ac:dyDescent="0.3">
      <c r="A103148" s="13" t="s">
        <v>504</v>
      </c>
      <c r="B103148" s="14" t="s">
        <v>1</v>
      </c>
      <c r="C103148" s="14" t="s">
        <v>218</v>
      </c>
      <c r="D103148" s="14" t="s">
        <v>277</v>
      </c>
      <c r="E103148" s="15">
        <v>45594</v>
      </c>
      <c r="F103148" s="14" t="s">
        <v>25</v>
      </c>
      <c r="G103148" s="16">
        <v>0.52626831438903776</v>
      </c>
    </row>
    <row r="103149" spans="1:7" x14ac:dyDescent="0.3">
      <c r="A103149" s="13" t="s">
        <v>504</v>
      </c>
      <c r="B103149" s="14" t="s">
        <v>1</v>
      </c>
      <c r="C103149" s="14" t="s">
        <v>218</v>
      </c>
      <c r="D103149" s="14" t="s">
        <v>277</v>
      </c>
      <c r="E103149" s="15">
        <v>45595</v>
      </c>
      <c r="F103149" s="14" t="s">
        <v>25</v>
      </c>
      <c r="G103149" s="16">
        <v>0.53083464755263021</v>
      </c>
    </row>
    <row r="103150" spans="1:7" x14ac:dyDescent="0.3">
      <c r="A103150" s="13" t="s">
        <v>504</v>
      </c>
      <c r="B103150" s="14" t="s">
        <v>1</v>
      </c>
      <c r="C103150" s="14" t="s">
        <v>218</v>
      </c>
      <c r="D103150" s="14" t="s">
        <v>277</v>
      </c>
      <c r="E103150" s="15">
        <v>45596</v>
      </c>
      <c r="F103150" s="14" t="s">
        <v>25</v>
      </c>
      <c r="G103150" s="16">
        <v>0.5320801324419856</v>
      </c>
    </row>
    <row r="103151" spans="1:7" x14ac:dyDescent="0.3">
      <c r="A103151" s="13" t="s">
        <v>504</v>
      </c>
      <c r="B103151" s="14" t="s">
        <v>1</v>
      </c>
      <c r="C103151" s="14" t="s">
        <v>218</v>
      </c>
      <c r="D103151" s="14" t="s">
        <v>277</v>
      </c>
      <c r="E103151" s="15">
        <v>45597</v>
      </c>
      <c r="F103151" s="14" t="s">
        <v>25</v>
      </c>
      <c r="G103151" s="16">
        <v>0.53331566473911052</v>
      </c>
    </row>
    <row r="103152" spans="1:7" x14ac:dyDescent="0.3">
      <c r="A103152" s="13" t="s">
        <v>504</v>
      </c>
      <c r="B103152" s="14" t="s">
        <v>1</v>
      </c>
      <c r="C103152" s="14" t="s">
        <v>218</v>
      </c>
      <c r="D103152" s="14" t="s">
        <v>277</v>
      </c>
      <c r="E103152" s="15">
        <v>45598</v>
      </c>
      <c r="F103152" s="14" t="s">
        <v>25</v>
      </c>
      <c r="G103152" s="16">
        <v>0.53331566473911052</v>
      </c>
    </row>
    <row r="103153" spans="1:7" x14ac:dyDescent="0.3">
      <c r="A103153" s="13" t="s">
        <v>504</v>
      </c>
      <c r="B103153" s="14" t="s">
        <v>1</v>
      </c>
      <c r="C103153" s="14" t="s">
        <v>218</v>
      </c>
      <c r="D103153" s="14" t="s">
        <v>277</v>
      </c>
      <c r="E103153" s="15">
        <v>45599</v>
      </c>
      <c r="F103153" s="14" t="s">
        <v>25</v>
      </c>
      <c r="G103153" s="16">
        <v>0.53331566473911052</v>
      </c>
    </row>
    <row r="103154" spans="1:7" x14ac:dyDescent="0.3">
      <c r="A103154" s="13" t="s">
        <v>504</v>
      </c>
      <c r="B103154" s="14" t="s">
        <v>1</v>
      </c>
      <c r="C103154" s="14" t="s">
        <v>218</v>
      </c>
      <c r="D103154" s="14" t="s">
        <v>277</v>
      </c>
      <c r="E103154" s="15">
        <v>45600</v>
      </c>
      <c r="F103154" s="14" t="s">
        <v>25</v>
      </c>
      <c r="G103154" s="16">
        <v>0.5359517053993349</v>
      </c>
    </row>
    <row r="103155" spans="1:7" x14ac:dyDescent="0.3">
      <c r="A103155" s="13" t="s">
        <v>504</v>
      </c>
      <c r="B103155" s="14" t="s">
        <v>1</v>
      </c>
      <c r="C103155" s="14" t="s">
        <v>218</v>
      </c>
      <c r="D103155" s="14" t="s">
        <v>277</v>
      </c>
      <c r="E103155" s="15">
        <v>45601</v>
      </c>
      <c r="F103155" s="14" t="s">
        <v>25</v>
      </c>
      <c r="G103155" s="16">
        <v>0.53947735468816072</v>
      </c>
    </row>
    <row r="103156" spans="1:7" x14ac:dyDescent="0.3">
      <c r="A103156" s="13" t="s">
        <v>504</v>
      </c>
      <c r="B103156" s="14" t="s">
        <v>1</v>
      </c>
      <c r="C103156" s="14" t="s">
        <v>218</v>
      </c>
      <c r="D103156" s="14" t="s">
        <v>277</v>
      </c>
      <c r="E103156" s="15">
        <v>45602</v>
      </c>
      <c r="F103156" s="14" t="s">
        <v>25</v>
      </c>
      <c r="G103156" s="16">
        <v>0.54346694789173045</v>
      </c>
    </row>
    <row r="103157" spans="1:7" x14ac:dyDescent="0.3">
      <c r="A103157" s="13" t="s">
        <v>504</v>
      </c>
      <c r="B103157" s="14" t="s">
        <v>1</v>
      </c>
      <c r="C103157" s="14" t="s">
        <v>218</v>
      </c>
      <c r="D103157" s="14" t="s">
        <v>277</v>
      </c>
      <c r="E103157" s="15">
        <v>45603</v>
      </c>
      <c r="F103157" s="14" t="s">
        <v>25</v>
      </c>
      <c r="G103157" s="16">
        <v>0.54469686590605859</v>
      </c>
    </row>
    <row r="103158" spans="1:7" x14ac:dyDescent="0.3">
      <c r="A103158" s="13" t="s">
        <v>504</v>
      </c>
      <c r="B103158" s="14" t="s">
        <v>1</v>
      </c>
      <c r="C103158" s="14" t="s">
        <v>218</v>
      </c>
      <c r="D103158" s="14" t="s">
        <v>277</v>
      </c>
      <c r="E103158" s="15">
        <v>45604</v>
      </c>
      <c r="F103158" s="14" t="s">
        <v>25</v>
      </c>
      <c r="G103158" s="16">
        <v>0.54683144903467029</v>
      </c>
    </row>
    <row r="103159" spans="1:7" x14ac:dyDescent="0.3">
      <c r="A103159" s="13" t="s">
        <v>504</v>
      </c>
      <c r="B103159" s="14" t="s">
        <v>1</v>
      </c>
      <c r="C103159" s="14" t="s">
        <v>218</v>
      </c>
      <c r="D103159" s="14" t="s">
        <v>277</v>
      </c>
      <c r="E103159" s="15">
        <v>45605</v>
      </c>
      <c r="F103159" s="14" t="s">
        <v>25</v>
      </c>
      <c r="G103159" s="16">
        <v>0.54683144903467029</v>
      </c>
    </row>
    <row r="103160" spans="1:7" x14ac:dyDescent="0.3">
      <c r="A103160" s="13" t="s">
        <v>504</v>
      </c>
      <c r="B103160" s="14" t="s">
        <v>1</v>
      </c>
      <c r="C103160" s="14" t="s">
        <v>218</v>
      </c>
      <c r="D103160" s="14" t="s">
        <v>277</v>
      </c>
      <c r="E103160" s="15">
        <v>45606</v>
      </c>
      <c r="F103160" s="14" t="s">
        <v>25</v>
      </c>
      <c r="G103160" s="16">
        <v>0.54683144903467029</v>
      </c>
    </row>
    <row r="103161" spans="1:7" x14ac:dyDescent="0.3">
      <c r="A103161" s="13" t="s">
        <v>504</v>
      </c>
      <c r="B103161" s="14" t="s">
        <v>1</v>
      </c>
      <c r="C103161" s="14" t="s">
        <v>218</v>
      </c>
      <c r="D103161" s="14" t="s">
        <v>277</v>
      </c>
      <c r="E103161" s="15">
        <v>45607</v>
      </c>
      <c r="F103161" s="14" t="s">
        <v>25</v>
      </c>
      <c r="G103161" s="16">
        <v>0.54802666057352811</v>
      </c>
    </row>
    <row r="103162" spans="1:7" x14ac:dyDescent="0.3">
      <c r="A103162" s="13" t="s">
        <v>504</v>
      </c>
      <c r="B103162" s="14" t="s">
        <v>1</v>
      </c>
      <c r="C103162" s="14" t="s">
        <v>218</v>
      </c>
      <c r="D103162" s="14" t="s">
        <v>277</v>
      </c>
      <c r="E103162" s="15">
        <v>45608</v>
      </c>
      <c r="F103162" s="14" t="s">
        <v>25</v>
      </c>
      <c r="G103162" s="16">
        <v>0.55171053055935126</v>
      </c>
    </row>
    <row r="103163" spans="1:7" x14ac:dyDescent="0.3">
      <c r="A103163" s="13" t="s">
        <v>504</v>
      </c>
      <c r="B103163" s="14" t="s">
        <v>1</v>
      </c>
      <c r="C103163" s="14" t="s">
        <v>218</v>
      </c>
      <c r="D103163" s="14" t="s">
        <v>277</v>
      </c>
      <c r="E103163" s="15">
        <v>45609</v>
      </c>
      <c r="F103163" s="14" t="s">
        <v>25</v>
      </c>
      <c r="G103163" s="16">
        <v>0.55293993818433429</v>
      </c>
    </row>
    <row r="103164" spans="1:7" x14ac:dyDescent="0.3">
      <c r="A103164" s="13" t="s">
        <v>504</v>
      </c>
      <c r="B103164" s="14" t="s">
        <v>1</v>
      </c>
      <c r="C103164" s="14" t="s">
        <v>218</v>
      </c>
      <c r="D103164" s="14" t="s">
        <v>277</v>
      </c>
      <c r="E103164" s="15">
        <v>45610</v>
      </c>
      <c r="F103164" s="14" t="s">
        <v>25</v>
      </c>
      <c r="G103164" s="16">
        <v>0.58042402891865308</v>
      </c>
    </row>
    <row r="103165" spans="1:7" x14ac:dyDescent="0.3">
      <c r="A103165" s="13" t="s">
        <v>504</v>
      </c>
      <c r="B103165" s="14" t="s">
        <v>1</v>
      </c>
      <c r="C103165" s="14" t="s">
        <v>218</v>
      </c>
      <c r="D103165" s="14" t="s">
        <v>277</v>
      </c>
      <c r="E103165" s="15">
        <v>45611</v>
      </c>
      <c r="F103165" s="14" t="s">
        <v>25</v>
      </c>
      <c r="G103165" s="16">
        <v>0.59984830630899055</v>
      </c>
    </row>
    <row r="103166" spans="1:7" x14ac:dyDescent="0.3">
      <c r="A103166" s="13" t="s">
        <v>504</v>
      </c>
      <c r="B103166" s="14" t="s">
        <v>1</v>
      </c>
      <c r="C103166" s="14" t="s">
        <v>218</v>
      </c>
      <c r="D103166" s="14" t="s">
        <v>277</v>
      </c>
      <c r="E103166" s="15">
        <v>45612</v>
      </c>
      <c r="F103166" s="14" t="s">
        <v>25</v>
      </c>
      <c r="G103166" s="16">
        <v>0.59984830630899055</v>
      </c>
    </row>
    <row r="103167" spans="1:7" x14ac:dyDescent="0.3">
      <c r="A103167" s="13" t="s">
        <v>504</v>
      </c>
      <c r="B103167" s="14" t="s">
        <v>1</v>
      </c>
      <c r="C103167" s="14" t="s">
        <v>218</v>
      </c>
      <c r="D103167" s="14" t="s">
        <v>277</v>
      </c>
      <c r="E103167" s="15">
        <v>45613</v>
      </c>
      <c r="F103167" s="14" t="s">
        <v>25</v>
      </c>
      <c r="G103167" s="16">
        <v>0.59984830630899055</v>
      </c>
    </row>
    <row r="103168" spans="1:7" x14ac:dyDescent="0.3">
      <c r="A103168" s="13" t="s">
        <v>504</v>
      </c>
      <c r="B103168" s="14" t="s">
        <v>1</v>
      </c>
      <c r="C103168" s="14" t="s">
        <v>218</v>
      </c>
      <c r="D103168" s="14" t="s">
        <v>277</v>
      </c>
      <c r="E103168" s="15">
        <v>45614</v>
      </c>
      <c r="F103168" s="14" t="s">
        <v>25</v>
      </c>
      <c r="G103168" s="16">
        <v>0.60103637239701624</v>
      </c>
    </row>
    <row r="103169" spans="1:7" x14ac:dyDescent="0.3">
      <c r="A103169" s="13" t="s">
        <v>504</v>
      </c>
      <c r="B103169" s="14" t="s">
        <v>1</v>
      </c>
      <c r="C103169" s="14" t="s">
        <v>218</v>
      </c>
      <c r="D103169" s="14" t="s">
        <v>277</v>
      </c>
      <c r="E103169" s="15">
        <v>45615</v>
      </c>
      <c r="F103169" s="14" t="s">
        <v>25</v>
      </c>
      <c r="G103169" s="16">
        <v>0.60420883225899624</v>
      </c>
    </row>
    <row r="103170" spans="1:7" x14ac:dyDescent="0.3">
      <c r="A103170" s="13" t="s">
        <v>504</v>
      </c>
      <c r="B103170" s="14" t="s">
        <v>1</v>
      </c>
      <c r="C103170" s="14" t="s">
        <v>218</v>
      </c>
      <c r="D103170" s="14" t="s">
        <v>277</v>
      </c>
      <c r="E103170" s="15">
        <v>45616</v>
      </c>
      <c r="F103170" s="14" t="s">
        <v>25</v>
      </c>
      <c r="G103170" s="16">
        <v>0.60538362822404801</v>
      </c>
    </row>
    <row r="103171" spans="1:7" x14ac:dyDescent="0.3">
      <c r="A103171" s="13" t="s">
        <v>504</v>
      </c>
      <c r="B103171" s="14" t="s">
        <v>1</v>
      </c>
      <c r="C103171" s="14" t="s">
        <v>218</v>
      </c>
      <c r="D103171" s="14" t="s">
        <v>277</v>
      </c>
      <c r="E103171" s="15">
        <v>45617</v>
      </c>
      <c r="F103171" s="14" t="s">
        <v>25</v>
      </c>
      <c r="G103171" s="16">
        <v>0.60657705340019774</v>
      </c>
    </row>
    <row r="103172" spans="1:7" x14ac:dyDescent="0.3">
      <c r="A103172" s="13" t="s">
        <v>504</v>
      </c>
      <c r="B103172" s="14" t="s">
        <v>1</v>
      </c>
      <c r="C103172" s="14" t="s">
        <v>218</v>
      </c>
      <c r="D103172" s="14" t="s">
        <v>277</v>
      </c>
      <c r="E103172" s="15">
        <v>45618</v>
      </c>
      <c r="F103172" s="14" t="s">
        <v>25</v>
      </c>
      <c r="G103172" s="16">
        <v>0.60776746682332061</v>
      </c>
    </row>
    <row r="103173" spans="1:7" x14ac:dyDescent="0.3">
      <c r="A103173" s="13" t="s">
        <v>504</v>
      </c>
      <c r="B103173" s="14" t="s">
        <v>1</v>
      </c>
      <c r="C103173" s="14" t="s">
        <v>218</v>
      </c>
      <c r="D103173" s="14" t="s">
        <v>277</v>
      </c>
      <c r="E103173" s="15">
        <v>45619</v>
      </c>
      <c r="F103173" s="14" t="s">
        <v>25</v>
      </c>
      <c r="G103173" s="16">
        <v>0.60776746682332061</v>
      </c>
    </row>
    <row r="103174" spans="1:7" x14ac:dyDescent="0.3">
      <c r="A103174" s="13" t="s">
        <v>504</v>
      </c>
      <c r="B103174" s="14" t="s">
        <v>1</v>
      </c>
      <c r="C103174" s="14" t="s">
        <v>218</v>
      </c>
      <c r="D103174" s="14" t="s">
        <v>277</v>
      </c>
      <c r="E103174" s="15">
        <v>45620</v>
      </c>
      <c r="F103174" s="14" t="s">
        <v>25</v>
      </c>
      <c r="G103174" s="16">
        <v>0.60776746682332061</v>
      </c>
    </row>
    <row r="103175" spans="1:7" x14ac:dyDescent="0.3">
      <c r="A103175" s="13" t="s">
        <v>504</v>
      </c>
      <c r="B103175" s="14" t="s">
        <v>1</v>
      </c>
      <c r="C103175" s="14" t="s">
        <v>218</v>
      </c>
      <c r="D103175" s="14" t="s">
        <v>277</v>
      </c>
      <c r="E103175" s="15">
        <v>45621</v>
      </c>
      <c r="F103175" s="14" t="s">
        <v>25</v>
      </c>
      <c r="G103175" s="16">
        <v>0.60899318179366668</v>
      </c>
    </row>
    <row r="103176" spans="1:7" x14ac:dyDescent="0.3">
      <c r="A103176" s="13" t="s">
        <v>504</v>
      </c>
      <c r="B103176" s="14" t="s">
        <v>1</v>
      </c>
      <c r="C103176" s="14" t="s">
        <v>218</v>
      </c>
      <c r="D103176" s="14" t="s">
        <v>277</v>
      </c>
      <c r="E103176" s="15">
        <v>45622</v>
      </c>
      <c r="F103176" s="14" t="s">
        <v>25</v>
      </c>
      <c r="G103176" s="16">
        <v>0.61253677589003142</v>
      </c>
    </row>
    <row r="103177" spans="1:7" x14ac:dyDescent="0.3">
      <c r="A103177" s="13" t="s">
        <v>504</v>
      </c>
      <c r="B103177" s="14" t="s">
        <v>1</v>
      </c>
      <c r="C103177" s="14" t="s">
        <v>218</v>
      </c>
      <c r="D103177" s="14" t="s">
        <v>277</v>
      </c>
      <c r="E103177" s="15">
        <v>45623</v>
      </c>
      <c r="F103177" s="14" t="s">
        <v>25</v>
      </c>
      <c r="G103177" s="16">
        <v>0.61360670359763103</v>
      </c>
    </row>
    <row r="103178" spans="1:7" x14ac:dyDescent="0.3">
      <c r="A103178" s="13" t="s">
        <v>504</v>
      </c>
      <c r="B103178" s="14" t="s">
        <v>1</v>
      </c>
      <c r="C103178" s="14" t="s">
        <v>218</v>
      </c>
      <c r="D103178" s="14" t="s">
        <v>277</v>
      </c>
      <c r="E103178" s="15">
        <v>45624</v>
      </c>
      <c r="F103178" s="14" t="s">
        <v>25</v>
      </c>
      <c r="G103178" s="16">
        <v>0.61415670317372595</v>
      </c>
    </row>
    <row r="103179" spans="1:7" x14ac:dyDescent="0.3">
      <c r="A103179" s="13" t="s">
        <v>504</v>
      </c>
      <c r="B103179" s="14" t="s">
        <v>1</v>
      </c>
      <c r="C103179" s="14" t="s">
        <v>218</v>
      </c>
      <c r="D103179" s="14" t="s">
        <v>277</v>
      </c>
      <c r="E103179" s="15">
        <v>45625</v>
      </c>
      <c r="F103179" s="14" t="s">
        <v>25</v>
      </c>
      <c r="G103179" s="16">
        <v>0.61525425418060875</v>
      </c>
    </row>
    <row r="103180" spans="1:7" x14ac:dyDescent="0.3">
      <c r="A103180" s="13" t="s">
        <v>504</v>
      </c>
      <c r="B103180" s="14" t="s">
        <v>1</v>
      </c>
      <c r="C103180" s="14" t="s">
        <v>218</v>
      </c>
      <c r="D103180" s="14" t="s">
        <v>277</v>
      </c>
      <c r="E103180" s="15">
        <v>45626</v>
      </c>
      <c r="F103180" s="14" t="s">
        <v>25</v>
      </c>
      <c r="G103180" s="16">
        <v>0.61525425418060875</v>
      </c>
    </row>
    <row r="103181" spans="1:7" x14ac:dyDescent="0.3">
      <c r="A103181" s="13" t="s">
        <v>504</v>
      </c>
      <c r="B103181" s="14" t="s">
        <v>1</v>
      </c>
      <c r="C103181" s="14" t="s">
        <v>218</v>
      </c>
      <c r="D103181" s="14" t="s">
        <v>277</v>
      </c>
      <c r="E103181" s="15">
        <v>45627</v>
      </c>
      <c r="F103181" s="14" t="s">
        <v>25</v>
      </c>
      <c r="G103181" s="16">
        <v>0.61525425418060875</v>
      </c>
    </row>
    <row r="103182" spans="1:7" x14ac:dyDescent="0.3">
      <c r="A103182" s="13" t="s">
        <v>504</v>
      </c>
      <c r="B103182" s="14" t="s">
        <v>1</v>
      </c>
      <c r="C103182" s="14" t="s">
        <v>218</v>
      </c>
      <c r="D103182" s="14" t="s">
        <v>277</v>
      </c>
      <c r="E103182" s="15">
        <v>45628</v>
      </c>
      <c r="F103182" s="14" t="s">
        <v>25</v>
      </c>
      <c r="G103182" s="16">
        <v>0.62196965722093722</v>
      </c>
    </row>
    <row r="103183" spans="1:7" x14ac:dyDescent="0.3">
      <c r="A103183" s="13" t="s">
        <v>504</v>
      </c>
      <c r="B103183" s="14" t="s">
        <v>1</v>
      </c>
      <c r="C103183" s="14" t="s">
        <v>218</v>
      </c>
      <c r="D103183" s="14" t="s">
        <v>277</v>
      </c>
      <c r="E103183" s="15">
        <v>45629</v>
      </c>
      <c r="F103183" s="14" t="s">
        <v>25</v>
      </c>
      <c r="G103183" s="16">
        <v>0.62377504989010313</v>
      </c>
    </row>
    <row r="103184" spans="1:7" x14ac:dyDescent="0.3">
      <c r="A103184" s="13" t="s">
        <v>504</v>
      </c>
      <c r="B103184" s="14" t="s">
        <v>1</v>
      </c>
      <c r="C103184" s="14" t="s">
        <v>218</v>
      </c>
      <c r="D103184" s="14" t="s">
        <v>277</v>
      </c>
      <c r="E103184" s="15">
        <v>45630</v>
      </c>
      <c r="F103184" s="14" t="s">
        <v>25</v>
      </c>
      <c r="G103184" s="16">
        <v>0.6263667623188921</v>
      </c>
    </row>
    <row r="103185" spans="1:7" x14ac:dyDescent="0.3">
      <c r="A103185" s="13" t="s">
        <v>504</v>
      </c>
      <c r="B103185" s="14" t="s">
        <v>1</v>
      </c>
      <c r="C103185" s="14" t="s">
        <v>218</v>
      </c>
      <c r="D103185" s="14" t="s">
        <v>277</v>
      </c>
      <c r="E103185" s="15">
        <v>45631</v>
      </c>
      <c r="F103185" s="14" t="s">
        <v>25</v>
      </c>
      <c r="G103185" s="16">
        <v>0.63074680080242729</v>
      </c>
    </row>
    <row r="103186" spans="1:7" x14ac:dyDescent="0.3">
      <c r="A103186" s="13" t="s">
        <v>504</v>
      </c>
      <c r="B103186" s="14" t="s">
        <v>1</v>
      </c>
      <c r="C103186" s="14" t="s">
        <v>218</v>
      </c>
      <c r="D103186" s="14" t="s">
        <v>277</v>
      </c>
      <c r="E103186" s="15">
        <v>45632</v>
      </c>
      <c r="F103186" s="14" t="s">
        <v>25</v>
      </c>
      <c r="G103186" s="16">
        <v>0.6316986800469272</v>
      </c>
    </row>
    <row r="103187" spans="1:7" x14ac:dyDescent="0.3">
      <c r="A103187" s="13" t="s">
        <v>504</v>
      </c>
      <c r="B103187" s="14" t="s">
        <v>1</v>
      </c>
      <c r="C103187" s="14" t="s">
        <v>218</v>
      </c>
      <c r="D103187" s="14" t="s">
        <v>277</v>
      </c>
      <c r="E103187" s="15">
        <v>45633</v>
      </c>
      <c r="F103187" s="14" t="s">
        <v>25</v>
      </c>
      <c r="G103187" s="16">
        <v>0.6316986800469272</v>
      </c>
    </row>
    <row r="103188" spans="1:7" x14ac:dyDescent="0.3">
      <c r="A103188" s="13" t="s">
        <v>504</v>
      </c>
      <c r="B103188" s="14" t="s">
        <v>1</v>
      </c>
      <c r="C103188" s="14" t="s">
        <v>218</v>
      </c>
      <c r="D103188" s="14" t="s">
        <v>277</v>
      </c>
      <c r="E103188" s="15">
        <v>45634</v>
      </c>
      <c r="F103188" s="14" t="s">
        <v>25</v>
      </c>
      <c r="G103188" s="16">
        <v>0.6316986800469272</v>
      </c>
    </row>
    <row r="103189" spans="1:7" x14ac:dyDescent="0.3">
      <c r="A103189" s="13" t="s">
        <v>504</v>
      </c>
      <c r="B103189" s="14" t="s">
        <v>1</v>
      </c>
      <c r="C103189" s="14" t="s">
        <v>218</v>
      </c>
      <c r="D103189" s="14" t="s">
        <v>277</v>
      </c>
      <c r="E103189" s="15">
        <v>45635</v>
      </c>
      <c r="F103189" s="14" t="s">
        <v>25</v>
      </c>
      <c r="G103189" s="16">
        <v>0.63263619728668519</v>
      </c>
    </row>
    <row r="103190" spans="1:7" x14ac:dyDescent="0.3">
      <c r="A103190" s="13" t="s">
        <v>504</v>
      </c>
      <c r="B103190" s="14" t="s">
        <v>1</v>
      </c>
      <c r="C103190" s="14" t="s">
        <v>218</v>
      </c>
      <c r="D103190" s="14" t="s">
        <v>277</v>
      </c>
      <c r="E103190" s="15">
        <v>45636</v>
      </c>
      <c r="F103190" s="14" t="s">
        <v>25</v>
      </c>
      <c r="G103190" s="16">
        <v>0.63544128807164058</v>
      </c>
    </row>
    <row r="103191" spans="1:7" x14ac:dyDescent="0.3">
      <c r="A103191" s="13" t="s">
        <v>504</v>
      </c>
      <c r="B103191" s="14" t="s">
        <v>1</v>
      </c>
      <c r="C103191" s="14" t="s">
        <v>218</v>
      </c>
      <c r="D103191" s="14" t="s">
        <v>277</v>
      </c>
      <c r="E103191" s="15">
        <v>45637</v>
      </c>
      <c r="F103191" s="14" t="s">
        <v>25</v>
      </c>
      <c r="G103191" s="16">
        <v>0.64513475538096576</v>
      </c>
    </row>
    <row r="103192" spans="1:7" x14ac:dyDescent="0.3">
      <c r="A103192" s="13" t="s">
        <v>504</v>
      </c>
      <c r="B103192" s="14" t="s">
        <v>1</v>
      </c>
      <c r="C103192" s="14" t="s">
        <v>218</v>
      </c>
      <c r="D103192" s="14" t="s">
        <v>277</v>
      </c>
      <c r="E103192" s="15">
        <v>45638</v>
      </c>
      <c r="F103192" s="14" t="s">
        <v>25</v>
      </c>
      <c r="G103192" s="16">
        <v>0.64610843409694907</v>
      </c>
    </row>
    <row r="103193" spans="1:7" x14ac:dyDescent="0.3">
      <c r="A103193" s="13" t="s">
        <v>504</v>
      </c>
      <c r="B103193" s="14" t="s">
        <v>1</v>
      </c>
      <c r="C103193" s="14" t="s">
        <v>218</v>
      </c>
      <c r="D103193" s="14" t="s">
        <v>277</v>
      </c>
      <c r="E103193" s="15">
        <v>45639</v>
      </c>
      <c r="F103193" s="14" t="s">
        <v>25</v>
      </c>
      <c r="G103193" s="16">
        <v>0.64709750067515581</v>
      </c>
    </row>
    <row r="103194" spans="1:7" x14ac:dyDescent="0.3">
      <c r="A103194" s="13" t="s">
        <v>504</v>
      </c>
      <c r="B103194" s="14" t="s">
        <v>1</v>
      </c>
      <c r="C103194" s="14" t="s">
        <v>218</v>
      </c>
      <c r="D103194" s="14" t="s">
        <v>277</v>
      </c>
      <c r="E103194" s="15">
        <v>45640</v>
      </c>
      <c r="F103194" s="14" t="s">
        <v>25</v>
      </c>
      <c r="G103194" s="16">
        <v>0.64709750067515581</v>
      </c>
    </row>
    <row r="103195" spans="1:7" x14ac:dyDescent="0.3">
      <c r="A103195" s="13" t="s">
        <v>504</v>
      </c>
      <c r="B103195" s="14" t="s">
        <v>1</v>
      </c>
      <c r="C103195" s="14" t="s">
        <v>218</v>
      </c>
      <c r="D103195" s="14" t="s">
        <v>277</v>
      </c>
      <c r="E103195" s="15">
        <v>45641</v>
      </c>
      <c r="F103195" s="14" t="s">
        <v>25</v>
      </c>
      <c r="G103195" s="16">
        <v>0.64709750067515581</v>
      </c>
    </row>
    <row r="103196" spans="1:7" x14ac:dyDescent="0.3">
      <c r="A103196" s="13" t="s">
        <v>504</v>
      </c>
      <c r="B103196" s="14" t="s">
        <v>1</v>
      </c>
      <c r="C103196" s="14" t="s">
        <v>218</v>
      </c>
      <c r="D103196" s="14" t="s">
        <v>277</v>
      </c>
      <c r="E103196" s="15">
        <v>45642</v>
      </c>
      <c r="F103196" s="14" t="s">
        <v>25</v>
      </c>
      <c r="G103196" s="16">
        <v>0.64809659637863926</v>
      </c>
    </row>
    <row r="103197" spans="1:7" x14ac:dyDescent="0.3">
      <c r="A103197" s="13" t="s">
        <v>504</v>
      </c>
      <c r="B103197" s="14" t="s">
        <v>1</v>
      </c>
      <c r="C103197" s="14" t="s">
        <v>218</v>
      </c>
      <c r="D103197" s="14" t="s">
        <v>277</v>
      </c>
      <c r="E103197" s="15">
        <v>45643</v>
      </c>
      <c r="F103197" s="14" t="s">
        <v>25</v>
      </c>
      <c r="G103197" s="16">
        <v>0.65108849379016487</v>
      </c>
    </row>
    <row r="103198" spans="1:7" x14ac:dyDescent="0.3">
      <c r="A103198" s="13" t="s">
        <v>504</v>
      </c>
      <c r="B103198" s="14" t="s">
        <v>1</v>
      </c>
      <c r="C103198" s="14" t="s">
        <v>218</v>
      </c>
      <c r="D103198" s="14" t="s">
        <v>277</v>
      </c>
      <c r="E103198" s="15">
        <v>45644</v>
      </c>
      <c r="F103198" s="14" t="s">
        <v>25</v>
      </c>
      <c r="G103198" s="16">
        <v>0.65172235391467093</v>
      </c>
    </row>
    <row r="103199" spans="1:7" x14ac:dyDescent="0.3">
      <c r="A103199" s="13" t="s">
        <v>504</v>
      </c>
      <c r="B103199" s="14" t="s">
        <v>1</v>
      </c>
      <c r="C103199" s="14" t="s">
        <v>218</v>
      </c>
      <c r="D103199" s="14" t="s">
        <v>277</v>
      </c>
      <c r="E103199" s="15">
        <v>45645</v>
      </c>
      <c r="F103199" s="14" t="s">
        <v>25</v>
      </c>
      <c r="G103199" s="16">
        <v>0.65272359806273661</v>
      </c>
    </row>
    <row r="103200" spans="1:7" x14ac:dyDescent="0.3">
      <c r="A103200" s="13" t="s">
        <v>504</v>
      </c>
      <c r="B103200" s="14" t="s">
        <v>1</v>
      </c>
      <c r="C103200" s="14" t="s">
        <v>218</v>
      </c>
      <c r="D103200" s="14" t="s">
        <v>277</v>
      </c>
      <c r="E103200" s="15">
        <v>45646</v>
      </c>
      <c r="F103200" s="14" t="s">
        <v>25</v>
      </c>
      <c r="G103200" s="16">
        <v>0.65377664359684029</v>
      </c>
    </row>
    <row r="103201" spans="1:7" x14ac:dyDescent="0.3">
      <c r="A103201" s="13" t="s">
        <v>504</v>
      </c>
      <c r="B103201" s="14" t="s">
        <v>1</v>
      </c>
      <c r="C103201" s="14" t="s">
        <v>218</v>
      </c>
      <c r="D103201" s="14" t="s">
        <v>277</v>
      </c>
      <c r="E103201" s="15">
        <v>45647</v>
      </c>
      <c r="F103201" s="14" t="s">
        <v>25</v>
      </c>
      <c r="G103201" s="16">
        <v>0.65377664359684029</v>
      </c>
    </row>
    <row r="103202" spans="1:7" x14ac:dyDescent="0.3">
      <c r="A103202" s="13" t="s">
        <v>504</v>
      </c>
      <c r="B103202" s="14" t="s">
        <v>1</v>
      </c>
      <c r="C103202" s="14" t="s">
        <v>218</v>
      </c>
      <c r="D103202" s="14" t="s">
        <v>277</v>
      </c>
      <c r="E103202" s="15">
        <v>45648</v>
      </c>
      <c r="F103202" s="14" t="s">
        <v>25</v>
      </c>
      <c r="G103202" s="16">
        <v>0.65377664359684029</v>
      </c>
    </row>
    <row r="103203" spans="1:7" x14ac:dyDescent="0.3">
      <c r="A103203" s="13" t="s">
        <v>504</v>
      </c>
      <c r="B103203" s="14" t="s">
        <v>1</v>
      </c>
      <c r="C103203" s="14" t="s">
        <v>218</v>
      </c>
      <c r="D103203" s="14" t="s">
        <v>277</v>
      </c>
      <c r="E103203" s="15">
        <v>45649</v>
      </c>
      <c r="F103203" s="14" t="s">
        <v>25</v>
      </c>
      <c r="G103203" s="16">
        <v>0.65487098701013546</v>
      </c>
    </row>
    <row r="103204" spans="1:7" x14ac:dyDescent="0.3">
      <c r="A103204" s="13" t="s">
        <v>504</v>
      </c>
      <c r="B103204" s="14" t="s">
        <v>1</v>
      </c>
      <c r="C103204" s="14" t="s">
        <v>218</v>
      </c>
      <c r="D103204" s="14" t="s">
        <v>277</v>
      </c>
      <c r="E103204" s="15">
        <v>45650</v>
      </c>
      <c r="F103204" s="14" t="s">
        <v>25</v>
      </c>
      <c r="G103204" s="16">
        <v>0.65809921332570542</v>
      </c>
    </row>
    <row r="103205" spans="1:7" x14ac:dyDescent="0.3">
      <c r="A103205" s="13" t="s">
        <v>504</v>
      </c>
      <c r="B103205" s="14" t="s">
        <v>1</v>
      </c>
      <c r="C103205" s="14" t="s">
        <v>218</v>
      </c>
      <c r="D103205" s="14" t="s">
        <v>277</v>
      </c>
      <c r="E103205" s="15">
        <v>45651</v>
      </c>
      <c r="F103205" s="14" t="s">
        <v>25</v>
      </c>
      <c r="G103205" s="16">
        <v>0.65809921332570542</v>
      </c>
    </row>
    <row r="103206" spans="1:7" x14ac:dyDescent="0.3">
      <c r="A103206" s="13" t="s">
        <v>504</v>
      </c>
      <c r="B103206" s="14" t="s">
        <v>1</v>
      </c>
      <c r="C103206" s="14" t="s">
        <v>218</v>
      </c>
      <c r="D103206" s="14" t="s">
        <v>277</v>
      </c>
      <c r="E103206" s="15">
        <v>45652</v>
      </c>
      <c r="F103206" s="14" t="s">
        <v>25</v>
      </c>
      <c r="G103206" s="16">
        <v>0.65809921332570542</v>
      </c>
    </row>
    <row r="103207" spans="1:7" x14ac:dyDescent="0.3">
      <c r="A103207" s="13" t="s">
        <v>504</v>
      </c>
      <c r="B103207" s="14" t="s">
        <v>1</v>
      </c>
      <c r="C103207" s="14" t="s">
        <v>218</v>
      </c>
      <c r="D103207" s="14" t="s">
        <v>277</v>
      </c>
      <c r="E103207" s="15">
        <v>45653</v>
      </c>
      <c r="F103207" s="14" t="s">
        <v>25</v>
      </c>
      <c r="G103207" s="16">
        <v>0.65809921332570542</v>
      </c>
    </row>
    <row r="103208" spans="1:7" x14ac:dyDescent="0.3">
      <c r="A103208" s="13" t="s">
        <v>504</v>
      </c>
      <c r="B103208" s="14" t="s">
        <v>1</v>
      </c>
      <c r="C103208" s="14" t="s">
        <v>218</v>
      </c>
      <c r="D103208" s="14" t="s">
        <v>277</v>
      </c>
      <c r="E103208" s="15">
        <v>45654</v>
      </c>
      <c r="F103208" s="14" t="s">
        <v>25</v>
      </c>
      <c r="G103208" s="16">
        <v>0.65809921332570542</v>
      </c>
    </row>
    <row r="103209" spans="1:7" x14ac:dyDescent="0.3">
      <c r="A103209" s="13" t="s">
        <v>504</v>
      </c>
      <c r="B103209" s="14" t="s">
        <v>1</v>
      </c>
      <c r="C103209" s="14" t="s">
        <v>218</v>
      </c>
      <c r="D103209" s="14" t="s">
        <v>277</v>
      </c>
      <c r="E103209" s="15">
        <v>45655</v>
      </c>
      <c r="F103209" s="14" t="s">
        <v>25</v>
      </c>
      <c r="G103209" s="16">
        <v>0.65809921332570542</v>
      </c>
    </row>
    <row r="103210" spans="1:7" x14ac:dyDescent="0.3">
      <c r="A103210" s="13" t="s">
        <v>504</v>
      </c>
      <c r="B103210" s="14" t="s">
        <v>1</v>
      </c>
      <c r="C103210" s="14" t="s">
        <v>218</v>
      </c>
      <c r="D103210" s="14" t="s">
        <v>277</v>
      </c>
      <c r="E103210" s="15">
        <v>45656</v>
      </c>
      <c r="F103210" s="14" t="s">
        <v>25</v>
      </c>
      <c r="G103210" s="16">
        <v>0.65921862192579328</v>
      </c>
    </row>
    <row r="103211" spans="1:7" x14ac:dyDescent="0.3">
      <c r="A103211" s="13" t="s">
        <v>504</v>
      </c>
      <c r="B103211" s="14" t="s">
        <v>1</v>
      </c>
      <c r="C103211" s="14" t="s">
        <v>218</v>
      </c>
      <c r="D103211" s="14" t="s">
        <v>277</v>
      </c>
      <c r="E103211" s="15">
        <v>45657</v>
      </c>
      <c r="F103211" s="14" t="s">
        <v>25</v>
      </c>
      <c r="G103211" s="16">
        <v>0.6660314086687662</v>
      </c>
    </row>
    <row r="103212" spans="1:7" x14ac:dyDescent="0.3">
      <c r="A103212" s="13" t="s">
        <v>504</v>
      </c>
      <c r="B103212" s="14" t="s">
        <v>1</v>
      </c>
      <c r="C103212" s="14" t="s">
        <v>218</v>
      </c>
      <c r="D103212" s="14" t="s">
        <v>277</v>
      </c>
      <c r="E103212" s="15">
        <v>45658</v>
      </c>
      <c r="F103212" s="14" t="s">
        <v>25</v>
      </c>
      <c r="G103212" s="16">
        <v>0.6660314086687662</v>
      </c>
    </row>
    <row r="103213" spans="1:7" x14ac:dyDescent="0.3">
      <c r="A103213" s="13" t="s">
        <v>504</v>
      </c>
      <c r="B103213" s="14" t="s">
        <v>1</v>
      </c>
      <c r="C103213" s="14" t="s">
        <v>218</v>
      </c>
      <c r="D103213" s="14" t="s">
        <v>277</v>
      </c>
      <c r="E103213" s="15">
        <v>45659</v>
      </c>
      <c r="F103213" s="14" t="s">
        <v>25</v>
      </c>
      <c r="G103213" s="16">
        <v>0.6660314086687662</v>
      </c>
    </row>
    <row r="103214" spans="1:7" x14ac:dyDescent="0.3">
      <c r="A103214" s="13" t="s">
        <v>504</v>
      </c>
      <c r="B103214" s="14" t="s">
        <v>1</v>
      </c>
      <c r="C103214" s="14" t="s">
        <v>218</v>
      </c>
      <c r="D103214" s="14" t="s">
        <v>277</v>
      </c>
      <c r="E103214" s="15">
        <v>45660</v>
      </c>
      <c r="F103214" s="14" t="s">
        <v>25</v>
      </c>
      <c r="G103214" s="16">
        <v>0.6671355394407138</v>
      </c>
    </row>
    <row r="103215" spans="1:7" x14ac:dyDescent="0.3">
      <c r="A103215" s="13" t="s">
        <v>504</v>
      </c>
      <c r="B103215" s="14" t="s">
        <v>1</v>
      </c>
      <c r="C103215" s="14" t="s">
        <v>218</v>
      </c>
      <c r="D103215" s="14" t="s">
        <v>277</v>
      </c>
      <c r="E103215" s="15">
        <v>45661</v>
      </c>
      <c r="F103215" s="14" t="s">
        <v>25</v>
      </c>
      <c r="G103215" s="16">
        <v>0.6671355394407138</v>
      </c>
    </row>
    <row r="103216" spans="1:7" x14ac:dyDescent="0.3">
      <c r="A103216" s="13" t="s">
        <v>504</v>
      </c>
      <c r="B103216" s="14" t="s">
        <v>1</v>
      </c>
      <c r="C103216" s="14" t="s">
        <v>218</v>
      </c>
      <c r="D103216" s="14" t="s">
        <v>277</v>
      </c>
      <c r="E103216" s="15">
        <v>45662</v>
      </c>
      <c r="F103216" s="14" t="s">
        <v>25</v>
      </c>
      <c r="G103216" s="16">
        <v>0.6671355394407138</v>
      </c>
    </row>
    <row r="103217" spans="1:7" x14ac:dyDescent="0.3">
      <c r="A103217" s="13" t="s">
        <v>504</v>
      </c>
      <c r="B103217" s="14" t="s">
        <v>1</v>
      </c>
      <c r="C103217" s="14" t="s">
        <v>218</v>
      </c>
      <c r="D103217" s="14" t="s">
        <v>277</v>
      </c>
      <c r="E103217" s="15">
        <v>45663</v>
      </c>
      <c r="F103217" s="14" t="s">
        <v>25</v>
      </c>
      <c r="G103217" s="16">
        <v>0.67017732850975986</v>
      </c>
    </row>
    <row r="103218" spans="1:7" x14ac:dyDescent="0.3">
      <c r="A103218" s="13" t="s">
        <v>504</v>
      </c>
      <c r="B103218" s="14" t="s">
        <v>1</v>
      </c>
      <c r="C103218" s="14" t="s">
        <v>218</v>
      </c>
      <c r="D103218" s="14" t="s">
        <v>277</v>
      </c>
      <c r="E103218" s="15">
        <v>45664</v>
      </c>
      <c r="F103218" s="14" t="s">
        <v>25</v>
      </c>
      <c r="G103218" s="16">
        <v>0.67929802216616719</v>
      </c>
    </row>
    <row r="103219" spans="1:7" x14ac:dyDescent="0.3">
      <c r="A103219" s="13" t="s">
        <v>504</v>
      </c>
      <c r="B103219" s="14" t="s">
        <v>1</v>
      </c>
      <c r="C103219" s="14" t="s">
        <v>218</v>
      </c>
      <c r="D103219" s="14" t="s">
        <v>277</v>
      </c>
      <c r="E103219" s="15">
        <v>45665</v>
      </c>
      <c r="F103219" s="14" t="s">
        <v>25</v>
      </c>
      <c r="G103219" s="16">
        <v>0.68046827728803427</v>
      </c>
    </row>
    <row r="103220" spans="1:7" x14ac:dyDescent="0.3">
      <c r="A103220" s="13" t="s">
        <v>504</v>
      </c>
      <c r="B103220" s="14" t="s">
        <v>1</v>
      </c>
      <c r="C103220" s="14" t="s">
        <v>218</v>
      </c>
      <c r="D103220" s="14" t="s">
        <v>277</v>
      </c>
      <c r="E103220" s="15">
        <v>45666</v>
      </c>
      <c r="F103220" s="14" t="s">
        <v>25</v>
      </c>
      <c r="G103220" s="16">
        <v>0.68167553339992859</v>
      </c>
    </row>
    <row r="103221" spans="1:7" x14ac:dyDescent="0.3">
      <c r="A103221" s="13" t="s">
        <v>504</v>
      </c>
      <c r="B103221" s="14" t="s">
        <v>1</v>
      </c>
      <c r="C103221" s="14" t="s">
        <v>218</v>
      </c>
      <c r="D103221" s="14" t="s">
        <v>277</v>
      </c>
      <c r="E103221" s="15">
        <v>45667</v>
      </c>
      <c r="F103221" s="14" t="s">
        <v>25</v>
      </c>
      <c r="G103221" s="16">
        <v>0.68288565410459912</v>
      </c>
    </row>
    <row r="103222" spans="1:7" x14ac:dyDescent="0.3">
      <c r="A103222" s="13" t="s">
        <v>504</v>
      </c>
      <c r="B103222" s="14" t="s">
        <v>1</v>
      </c>
      <c r="C103222" s="14" t="s">
        <v>218</v>
      </c>
      <c r="D103222" s="14" t="s">
        <v>277</v>
      </c>
      <c r="E103222" s="15">
        <v>45668</v>
      </c>
      <c r="F103222" s="14" t="s">
        <v>25</v>
      </c>
      <c r="G103222" s="16">
        <v>0.68288565410459912</v>
      </c>
    </row>
    <row r="103223" spans="1:7" x14ac:dyDescent="0.3">
      <c r="A103223" s="13" t="s">
        <v>504</v>
      </c>
      <c r="B103223" s="14" t="s">
        <v>1</v>
      </c>
      <c r="C103223" s="14" t="s">
        <v>218</v>
      </c>
      <c r="D103223" s="14" t="s">
        <v>277</v>
      </c>
      <c r="E103223" s="15">
        <v>45669</v>
      </c>
      <c r="F103223" s="14" t="s">
        <v>25</v>
      </c>
      <c r="G103223" s="16">
        <v>0.68288565410459912</v>
      </c>
    </row>
    <row r="103224" spans="1:7" x14ac:dyDescent="0.3">
      <c r="A103224" s="13" t="s">
        <v>504</v>
      </c>
      <c r="B103224" s="14" t="s">
        <v>1</v>
      </c>
      <c r="C103224" s="14" t="s">
        <v>218</v>
      </c>
      <c r="D103224" s="14" t="s">
        <v>277</v>
      </c>
      <c r="E103224" s="15">
        <v>45670</v>
      </c>
      <c r="F103224" s="14" t="s">
        <v>25</v>
      </c>
      <c r="G103224" s="16">
        <v>0.68411511081050957</v>
      </c>
    </row>
    <row r="103225" spans="1:7" x14ac:dyDescent="0.3">
      <c r="A103225" s="13" t="s">
        <v>504</v>
      </c>
      <c r="B103225" s="14" t="s">
        <v>1</v>
      </c>
      <c r="C103225" s="14" t="s">
        <v>218</v>
      </c>
      <c r="D103225" s="14" t="s">
        <v>277</v>
      </c>
      <c r="E103225" s="15">
        <v>45671</v>
      </c>
      <c r="F103225" s="14" t="s">
        <v>25</v>
      </c>
      <c r="G103225" s="16">
        <v>0.68792088207360469</v>
      </c>
    </row>
    <row r="103226" spans="1:7" x14ac:dyDescent="0.3">
      <c r="A103226" s="13" t="s">
        <v>504</v>
      </c>
      <c r="B103226" s="14" t="s">
        <v>1</v>
      </c>
      <c r="C103226" s="14" t="s">
        <v>218</v>
      </c>
      <c r="D103226" s="14" t="s">
        <v>277</v>
      </c>
      <c r="E103226" s="15">
        <v>45672</v>
      </c>
      <c r="F103226" s="14" t="s">
        <v>25</v>
      </c>
      <c r="G103226" s="16">
        <v>0.68916985493053129</v>
      </c>
    </row>
    <row r="103227" spans="1:7" x14ac:dyDescent="0.3">
      <c r="A103227" s="13" t="s">
        <v>504</v>
      </c>
      <c r="B103227" s="14" t="s">
        <v>1</v>
      </c>
      <c r="C103227" s="14" t="s">
        <v>218</v>
      </c>
      <c r="D103227" s="14" t="s">
        <v>277</v>
      </c>
      <c r="E103227" s="15">
        <v>45673</v>
      </c>
      <c r="F103227" s="14" t="s">
        <v>25</v>
      </c>
      <c r="G103227" s="16">
        <v>0.69040864322687756</v>
      </c>
    </row>
    <row r="103228" spans="1:7" x14ac:dyDescent="0.3">
      <c r="A103228" s="13" t="s">
        <v>504</v>
      </c>
      <c r="B103228" s="14" t="s">
        <v>1</v>
      </c>
      <c r="C103228" s="14" t="s">
        <v>218</v>
      </c>
      <c r="D103228" s="14" t="s">
        <v>277</v>
      </c>
      <c r="E103228" s="15">
        <v>45674</v>
      </c>
      <c r="F103228" s="14" t="s">
        <v>25</v>
      </c>
      <c r="G103228" s="16">
        <v>0.72851435657298191</v>
      </c>
    </row>
    <row r="103229" spans="1:7" x14ac:dyDescent="0.3">
      <c r="A103229" s="13" t="s">
        <v>504</v>
      </c>
      <c r="B103229" s="14" t="s">
        <v>1</v>
      </c>
      <c r="C103229" s="14" t="s">
        <v>218</v>
      </c>
      <c r="D103229" s="14" t="s">
        <v>277</v>
      </c>
      <c r="E103229" s="15">
        <v>45675</v>
      </c>
      <c r="F103229" s="14" t="s">
        <v>25</v>
      </c>
      <c r="G103229" s="16">
        <v>0.72851435657298191</v>
      </c>
    </row>
    <row r="103230" spans="1:7" x14ac:dyDescent="0.3">
      <c r="A103230" s="13" t="s">
        <v>504</v>
      </c>
      <c r="B103230" s="14" t="s">
        <v>1</v>
      </c>
      <c r="C103230" s="14" t="s">
        <v>218</v>
      </c>
      <c r="D103230" s="14" t="s">
        <v>277</v>
      </c>
      <c r="E103230" s="15">
        <v>45676</v>
      </c>
      <c r="F103230" s="14" t="s">
        <v>25</v>
      </c>
      <c r="G103230" s="16">
        <v>0.72851435657298191</v>
      </c>
    </row>
    <row r="103231" spans="1:7" x14ac:dyDescent="0.3">
      <c r="A103231" s="13" t="s">
        <v>504</v>
      </c>
      <c r="B103231" s="14" t="s">
        <v>1</v>
      </c>
      <c r="C103231" s="14" t="s">
        <v>218</v>
      </c>
      <c r="D103231" s="14" t="s">
        <v>277</v>
      </c>
      <c r="E103231" s="15">
        <v>45677</v>
      </c>
      <c r="F103231" s="14" t="s">
        <v>25</v>
      </c>
      <c r="G103231" s="16">
        <v>0.73080926011648928</v>
      </c>
    </row>
    <row r="103232" spans="1:7" x14ac:dyDescent="0.3">
      <c r="A103232" s="13" t="s">
        <v>504</v>
      </c>
      <c r="B103232" s="14" t="s">
        <v>1</v>
      </c>
      <c r="C103232" s="14" t="s">
        <v>218</v>
      </c>
      <c r="D103232" s="14" t="s">
        <v>277</v>
      </c>
      <c r="E103232" s="15">
        <v>45678</v>
      </c>
      <c r="F103232" s="14" t="s">
        <v>25</v>
      </c>
      <c r="G103232" s="16">
        <v>0.73326380072583808</v>
      </c>
    </row>
    <row r="103233" spans="1:7" x14ac:dyDescent="0.3">
      <c r="A103233" s="13" t="s">
        <v>504</v>
      </c>
      <c r="B103233" s="14" t="s">
        <v>1</v>
      </c>
      <c r="C103233" s="14" t="s">
        <v>218</v>
      </c>
      <c r="D103233" s="14" t="s">
        <v>277</v>
      </c>
      <c r="E103233" s="15">
        <v>45679</v>
      </c>
      <c r="F103233" s="14" t="s">
        <v>25</v>
      </c>
      <c r="G103233" s="16">
        <v>0.73412857138292353</v>
      </c>
    </row>
    <row r="103234" spans="1:7" x14ac:dyDescent="0.3">
      <c r="A103234" s="13" t="s">
        <v>504</v>
      </c>
      <c r="B103234" s="14" t="s">
        <v>1</v>
      </c>
      <c r="C103234" s="14" t="s">
        <v>218</v>
      </c>
      <c r="D103234" s="14" t="s">
        <v>277</v>
      </c>
      <c r="E103234" s="15">
        <v>45680</v>
      </c>
      <c r="F103234" s="14" t="s">
        <v>25</v>
      </c>
      <c r="G103234" s="16">
        <v>0.73497932147939959</v>
      </c>
    </row>
    <row r="103235" spans="1:7" x14ac:dyDescent="0.3">
      <c r="A103235" s="13" t="s">
        <v>504</v>
      </c>
      <c r="B103235" s="14" t="s">
        <v>1</v>
      </c>
      <c r="C103235" s="14" t="s">
        <v>218</v>
      </c>
      <c r="D103235" s="14" t="s">
        <v>277</v>
      </c>
      <c r="E103235" s="15">
        <v>45681</v>
      </c>
      <c r="F103235" s="14" t="s">
        <v>25</v>
      </c>
      <c r="G103235" s="16">
        <v>0.73583436819928827</v>
      </c>
    </row>
    <row r="103236" spans="1:7" x14ac:dyDescent="0.3">
      <c r="A103236" s="13" t="s">
        <v>504</v>
      </c>
      <c r="B103236" s="14" t="s">
        <v>1</v>
      </c>
      <c r="C103236" s="14" t="s">
        <v>218</v>
      </c>
      <c r="D103236" s="14" t="s">
        <v>277</v>
      </c>
      <c r="E103236" s="15">
        <v>45682</v>
      </c>
      <c r="F103236" s="14" t="s">
        <v>25</v>
      </c>
      <c r="G103236" s="16">
        <v>0.73583436819928827</v>
      </c>
    </row>
    <row r="103237" spans="1:7" x14ac:dyDescent="0.3">
      <c r="A103237" s="13" t="s">
        <v>504</v>
      </c>
      <c r="B103237" s="14" t="s">
        <v>1</v>
      </c>
      <c r="C103237" s="14" t="s">
        <v>218</v>
      </c>
      <c r="D103237" s="14" t="s">
        <v>277</v>
      </c>
      <c r="E103237" s="15">
        <v>45683</v>
      </c>
      <c r="F103237" s="14" t="s">
        <v>25</v>
      </c>
      <c r="G103237" s="16">
        <v>0.73583436819928827</v>
      </c>
    </row>
    <row r="103238" spans="1:7" x14ac:dyDescent="0.3">
      <c r="A103238" s="13" t="s">
        <v>504</v>
      </c>
      <c r="B103238" s="14" t="s">
        <v>1</v>
      </c>
      <c r="C103238" s="14" t="s">
        <v>218</v>
      </c>
      <c r="D103238" s="14" t="s">
        <v>277</v>
      </c>
      <c r="E103238" s="15">
        <v>45684</v>
      </c>
      <c r="F103238" s="14" t="s">
        <v>25</v>
      </c>
      <c r="G103238" s="16">
        <v>0.73902270757027078</v>
      </c>
    </row>
    <row r="103239" spans="1:7" x14ac:dyDescent="0.3">
      <c r="A103239" s="13" t="s">
        <v>504</v>
      </c>
      <c r="B103239" s="14" t="s">
        <v>1</v>
      </c>
      <c r="C103239" s="14" t="s">
        <v>218</v>
      </c>
      <c r="D103239" s="14" t="s">
        <v>277</v>
      </c>
      <c r="E103239" s="15">
        <v>45685</v>
      </c>
      <c r="F103239" s="14" t="s">
        <v>25</v>
      </c>
      <c r="G103239" s="16">
        <v>0.74147180157621861</v>
      </c>
    </row>
    <row r="103240" spans="1:7" x14ac:dyDescent="0.3">
      <c r="A103240" s="13" t="s">
        <v>504</v>
      </c>
      <c r="B103240" s="14" t="s">
        <v>1</v>
      </c>
      <c r="C103240" s="14" t="s">
        <v>218</v>
      </c>
      <c r="D103240" s="14" t="s">
        <v>277</v>
      </c>
      <c r="E103240" s="15">
        <v>45686</v>
      </c>
      <c r="F103240" s="14" t="s">
        <v>25</v>
      </c>
      <c r="G103240" s="16">
        <v>0.74231576753046458</v>
      </c>
    </row>
    <row r="103241" spans="1:7" x14ac:dyDescent="0.3">
      <c r="A103241" s="13" t="s">
        <v>504</v>
      </c>
      <c r="B103241" s="14" t="s">
        <v>1</v>
      </c>
      <c r="C103241" s="14" t="s">
        <v>218</v>
      </c>
      <c r="D103241" s="14" t="s">
        <v>277</v>
      </c>
      <c r="E103241" s="15">
        <v>45687</v>
      </c>
      <c r="F103241" s="14" t="s">
        <v>25</v>
      </c>
      <c r="G103241" s="16">
        <v>0.74324385684836669</v>
      </c>
    </row>
    <row r="103242" spans="1:7" x14ac:dyDescent="0.3">
      <c r="A103242" s="13" t="s">
        <v>504</v>
      </c>
      <c r="B103242" s="14" t="s">
        <v>1</v>
      </c>
      <c r="C103242" s="14" t="s">
        <v>218</v>
      </c>
      <c r="D103242" s="14" t="s">
        <v>277</v>
      </c>
      <c r="E103242" s="15">
        <v>45688</v>
      </c>
      <c r="F103242" s="14" t="s">
        <v>25</v>
      </c>
      <c r="G103242" s="16">
        <v>0.7441020695012962</v>
      </c>
    </row>
    <row r="103243" spans="1:7" x14ac:dyDescent="0.3">
      <c r="A103243" s="13" t="s">
        <v>504</v>
      </c>
      <c r="B103243" s="14" t="s">
        <v>1</v>
      </c>
      <c r="C103243" s="14" t="s">
        <v>218</v>
      </c>
      <c r="D103243" s="14" t="s">
        <v>277</v>
      </c>
      <c r="E103243" s="15">
        <v>45689</v>
      </c>
      <c r="F103243" s="14" t="s">
        <v>25</v>
      </c>
      <c r="G103243" s="16">
        <v>0.7441020695012962</v>
      </c>
    </row>
    <row r="103244" spans="1:7" x14ac:dyDescent="0.3">
      <c r="A103244" s="13" t="s">
        <v>504</v>
      </c>
      <c r="B103244" s="14" t="s">
        <v>1</v>
      </c>
      <c r="C103244" s="14" t="s">
        <v>218</v>
      </c>
      <c r="D103244" s="14" t="s">
        <v>277</v>
      </c>
      <c r="E103244" s="15">
        <v>45690</v>
      </c>
      <c r="F103244" s="14" t="s">
        <v>25</v>
      </c>
      <c r="G103244" s="16">
        <v>0.7441020695012962</v>
      </c>
    </row>
    <row r="103245" spans="1:7" x14ac:dyDescent="0.3">
      <c r="A103245" s="13" t="s">
        <v>504</v>
      </c>
      <c r="B103245" s="14" t="s">
        <v>1</v>
      </c>
      <c r="C103245" s="14" t="s">
        <v>218</v>
      </c>
      <c r="D103245" s="14" t="s">
        <v>277</v>
      </c>
      <c r="E103245" s="15">
        <v>45691</v>
      </c>
      <c r="F103245" s="14" t="s">
        <v>25</v>
      </c>
      <c r="G103245" s="16">
        <v>0.7441020695012962</v>
      </c>
    </row>
    <row r="103246" spans="1:7" x14ac:dyDescent="0.3">
      <c r="A103246" s="13" t="s">
        <v>504</v>
      </c>
      <c r="B103246" s="14" t="s">
        <v>1</v>
      </c>
      <c r="C103246" s="14" t="s">
        <v>218</v>
      </c>
      <c r="D103246" s="14" t="s">
        <v>277</v>
      </c>
      <c r="E103246" s="15">
        <v>45692</v>
      </c>
      <c r="F103246" s="14" t="s">
        <v>25</v>
      </c>
      <c r="G103246" s="16">
        <v>0.75749081899176751</v>
      </c>
    </row>
    <row r="103247" spans="1:7" x14ac:dyDescent="0.3">
      <c r="A103247" s="13" t="s">
        <v>504</v>
      </c>
      <c r="B103247" s="14" t="s">
        <v>1</v>
      </c>
      <c r="C103247" s="14" t="s">
        <v>218</v>
      </c>
      <c r="D103247" s="14" t="s">
        <v>277</v>
      </c>
      <c r="E103247" s="15">
        <v>45693</v>
      </c>
      <c r="F103247" s="14" t="s">
        <v>25</v>
      </c>
      <c r="G103247" s="16">
        <v>0.76086526999793602</v>
      </c>
    </row>
    <row r="103248" spans="1:7" x14ac:dyDescent="0.3">
      <c r="A103248" s="13" t="s">
        <v>504</v>
      </c>
      <c r="B103248" s="14" t="s">
        <v>1</v>
      </c>
      <c r="C103248" s="14" t="s">
        <v>218</v>
      </c>
      <c r="D103248" s="14" t="s">
        <v>277</v>
      </c>
      <c r="E103248" s="15">
        <v>45694</v>
      </c>
      <c r="F103248" s="14" t="s">
        <v>25</v>
      </c>
      <c r="G103248" s="16">
        <v>0.76193356492193232</v>
      </c>
    </row>
    <row r="103249" spans="1:7" x14ac:dyDescent="0.3">
      <c r="A103249" s="13" t="s">
        <v>504</v>
      </c>
      <c r="B103249" s="14" t="s">
        <v>1</v>
      </c>
      <c r="C103249" s="14" t="s">
        <v>218</v>
      </c>
      <c r="D103249" s="14" t="s">
        <v>277</v>
      </c>
      <c r="E103249" s="15">
        <v>45695</v>
      </c>
      <c r="F103249" s="14" t="s">
        <v>25</v>
      </c>
      <c r="G103249" s="16">
        <v>0.76648031570550623</v>
      </c>
    </row>
    <row r="103250" spans="1:7" x14ac:dyDescent="0.3">
      <c r="A103250" s="13" t="s">
        <v>504</v>
      </c>
      <c r="B103250" s="14" t="s">
        <v>1</v>
      </c>
      <c r="C103250" s="14" t="s">
        <v>218</v>
      </c>
      <c r="D103250" s="14" t="s">
        <v>277</v>
      </c>
      <c r="E103250" s="15">
        <v>45696</v>
      </c>
      <c r="F103250" s="14" t="s">
        <v>25</v>
      </c>
      <c r="G103250" s="16">
        <v>0.76648031570550623</v>
      </c>
    </row>
    <row r="103251" spans="1:7" x14ac:dyDescent="0.3">
      <c r="A103251" s="13" t="s">
        <v>504</v>
      </c>
      <c r="B103251" s="14" t="s">
        <v>1</v>
      </c>
      <c r="C103251" s="14" t="s">
        <v>218</v>
      </c>
      <c r="D103251" s="14" t="s">
        <v>277</v>
      </c>
      <c r="E103251" s="15">
        <v>45697</v>
      </c>
      <c r="F103251" s="14" t="s">
        <v>25</v>
      </c>
      <c r="G103251" s="16">
        <v>0.76648031570550623</v>
      </c>
    </row>
    <row r="103252" spans="1:7" x14ac:dyDescent="0.3">
      <c r="A103252" s="13" t="s">
        <v>504</v>
      </c>
      <c r="B103252" s="14" t="s">
        <v>1</v>
      </c>
      <c r="C103252" s="14" t="s">
        <v>218</v>
      </c>
      <c r="D103252" s="14" t="s">
        <v>277</v>
      </c>
      <c r="E103252" s="15">
        <v>45698</v>
      </c>
      <c r="F103252" s="14" t="s">
        <v>25</v>
      </c>
      <c r="G103252" s="16">
        <v>0.76758094837413382</v>
      </c>
    </row>
    <row r="103253" spans="1:7" x14ac:dyDescent="0.3">
      <c r="A103253" s="13" t="s">
        <v>504</v>
      </c>
      <c r="B103253" s="14" t="s">
        <v>1</v>
      </c>
      <c r="C103253" s="14" t="s">
        <v>218</v>
      </c>
      <c r="D103253" s="14" t="s">
        <v>277</v>
      </c>
      <c r="E103253" s="15">
        <v>45699</v>
      </c>
      <c r="F103253" s="14" t="s">
        <v>25</v>
      </c>
      <c r="G103253" s="16">
        <v>0.77091944342648144</v>
      </c>
    </row>
    <row r="103254" spans="1:7" x14ac:dyDescent="0.3">
      <c r="A103254" s="13" t="s">
        <v>504</v>
      </c>
      <c r="B103254" s="14" t="s">
        <v>1</v>
      </c>
      <c r="C103254" s="14" t="s">
        <v>218</v>
      </c>
      <c r="D103254" s="14" t="s">
        <v>277</v>
      </c>
      <c r="E103254" s="15">
        <v>45700</v>
      </c>
      <c r="F103254" s="14" t="s">
        <v>25</v>
      </c>
      <c r="G103254" s="16">
        <v>0.77203658417453636</v>
      </c>
    </row>
    <row r="103255" spans="1:7" x14ac:dyDescent="0.3">
      <c r="A103255" s="13" t="s">
        <v>504</v>
      </c>
      <c r="B103255" s="14" t="s">
        <v>1</v>
      </c>
      <c r="C103255" s="14" t="s">
        <v>218</v>
      </c>
      <c r="D103255" s="14" t="s">
        <v>277</v>
      </c>
      <c r="E103255" s="15">
        <v>45701</v>
      </c>
      <c r="F103255" s="14" t="s">
        <v>25</v>
      </c>
      <c r="G103255" s="16">
        <v>0.77314603622806322</v>
      </c>
    </row>
    <row r="103256" spans="1:7" x14ac:dyDescent="0.3">
      <c r="A103256" s="13" t="s">
        <v>504</v>
      </c>
      <c r="B103256" s="14" t="s">
        <v>1</v>
      </c>
      <c r="C103256" s="14" t="s">
        <v>218</v>
      </c>
      <c r="D103256" s="14" t="s">
        <v>277</v>
      </c>
      <c r="E103256" s="15">
        <v>45702</v>
      </c>
      <c r="F103256" s="14" t="s">
        <v>25</v>
      </c>
      <c r="G103256" s="16">
        <v>0.77422337667503316</v>
      </c>
    </row>
    <row r="103257" spans="1:7" x14ac:dyDescent="0.3">
      <c r="A103257" s="13" t="s">
        <v>504</v>
      </c>
      <c r="B103257" s="14" t="s">
        <v>1</v>
      </c>
      <c r="C103257" s="14" t="s">
        <v>218</v>
      </c>
      <c r="D103257" s="14" t="s">
        <v>277</v>
      </c>
      <c r="E103257" s="15">
        <v>45703</v>
      </c>
      <c r="F103257" s="14" t="s">
        <v>25</v>
      </c>
      <c r="G103257" s="16">
        <v>0.77422337667503316</v>
      </c>
    </row>
    <row r="103258" spans="1:7" x14ac:dyDescent="0.3">
      <c r="A103258" s="13" t="s">
        <v>504</v>
      </c>
      <c r="B103258" s="14" t="s">
        <v>1</v>
      </c>
      <c r="C103258" s="14" t="s">
        <v>218</v>
      </c>
      <c r="D103258" s="14" t="s">
        <v>277</v>
      </c>
      <c r="E103258" s="15">
        <v>45704</v>
      </c>
      <c r="F103258" s="14" t="s">
        <v>25</v>
      </c>
      <c r="G103258" s="16">
        <v>0.77422337667503316</v>
      </c>
    </row>
    <row r="103259" spans="1:7" x14ac:dyDescent="0.3">
      <c r="A103259" s="13" t="s">
        <v>504</v>
      </c>
      <c r="B103259" s="14" t="s">
        <v>1</v>
      </c>
      <c r="C103259" s="14" t="s">
        <v>218</v>
      </c>
      <c r="D103259" s="14" t="s">
        <v>277</v>
      </c>
      <c r="E103259" s="15">
        <v>45705</v>
      </c>
      <c r="F103259" s="14" t="s">
        <v>25</v>
      </c>
      <c r="G103259" s="16">
        <v>0.77525481109291106</v>
      </c>
    </row>
    <row r="103260" spans="1:7" x14ac:dyDescent="0.3">
      <c r="A103260" s="13" t="s">
        <v>504</v>
      </c>
      <c r="B103260" s="14" t="s">
        <v>1</v>
      </c>
      <c r="C103260" s="14" t="s">
        <v>218</v>
      </c>
      <c r="D103260" s="14" t="s">
        <v>277</v>
      </c>
      <c r="E103260" s="15">
        <v>45706</v>
      </c>
      <c r="F103260" s="14" t="s">
        <v>25</v>
      </c>
      <c r="G103260" s="16">
        <v>0.7784279992129125</v>
      </c>
    </row>
    <row r="103261" spans="1:7" x14ac:dyDescent="0.3">
      <c r="A103261" s="13" t="s">
        <v>504</v>
      </c>
      <c r="B103261" s="14" t="s">
        <v>1</v>
      </c>
      <c r="C103261" s="14" t="s">
        <v>218</v>
      </c>
      <c r="D103261" s="14" t="s">
        <v>277</v>
      </c>
      <c r="E103261" s="15">
        <v>45707</v>
      </c>
      <c r="F103261" s="14" t="s">
        <v>25</v>
      </c>
      <c r="G103261" s="16">
        <v>0.77826044956061213</v>
      </c>
    </row>
    <row r="103262" spans="1:7" x14ac:dyDescent="0.3">
      <c r="A103262" s="13" t="s">
        <v>504</v>
      </c>
      <c r="B103262" s="14" t="s">
        <v>1</v>
      </c>
      <c r="C103262" s="14" t="s">
        <v>218</v>
      </c>
      <c r="D103262" s="14" t="s">
        <v>277</v>
      </c>
      <c r="E103262" s="15">
        <v>45708</v>
      </c>
      <c r="F103262" s="14" t="s">
        <v>25</v>
      </c>
      <c r="G103262" s="16">
        <v>0.77931924668548591</v>
      </c>
    </row>
    <row r="103263" spans="1:7" x14ac:dyDescent="0.3">
      <c r="A103263" s="13" t="s">
        <v>504</v>
      </c>
      <c r="B103263" s="14" t="s">
        <v>1</v>
      </c>
      <c r="C103263" s="14" t="s">
        <v>218</v>
      </c>
      <c r="D103263" s="14" t="s">
        <v>277</v>
      </c>
      <c r="E103263" s="15">
        <v>45709</v>
      </c>
      <c r="F103263" s="14" t="s">
        <v>25</v>
      </c>
      <c r="G103263" s="16">
        <v>0.78036424938782467</v>
      </c>
    </row>
    <row r="103264" spans="1:7" x14ac:dyDescent="0.3">
      <c r="A103264" s="13" t="s">
        <v>504</v>
      </c>
      <c r="B103264" s="14" t="s">
        <v>1</v>
      </c>
      <c r="C103264" s="14" t="s">
        <v>218</v>
      </c>
      <c r="D103264" s="14" t="s">
        <v>277</v>
      </c>
      <c r="E103264" s="15">
        <v>45710</v>
      </c>
      <c r="F103264" s="14" t="s">
        <v>25</v>
      </c>
      <c r="G103264" s="16">
        <v>0.78036424938782467</v>
      </c>
    </row>
    <row r="103265" spans="1:7" x14ac:dyDescent="0.3">
      <c r="A103265" s="13" t="s">
        <v>504</v>
      </c>
      <c r="B103265" s="14" t="s">
        <v>1</v>
      </c>
      <c r="C103265" s="14" t="s">
        <v>218</v>
      </c>
      <c r="D103265" s="14" t="s">
        <v>277</v>
      </c>
      <c r="E103265" s="15">
        <v>45711</v>
      </c>
      <c r="F103265" s="14" t="s">
        <v>25</v>
      </c>
      <c r="G103265" s="16">
        <v>0.78036424938782467</v>
      </c>
    </row>
    <row r="103266" spans="1:7" x14ac:dyDescent="0.3">
      <c r="A103266" s="13" t="s">
        <v>504</v>
      </c>
      <c r="B103266" s="14" t="s">
        <v>1</v>
      </c>
      <c r="C103266" s="14" t="s">
        <v>218</v>
      </c>
      <c r="D103266" s="14" t="s">
        <v>277</v>
      </c>
      <c r="E103266" s="15">
        <v>45712</v>
      </c>
      <c r="F103266" s="14" t="s">
        <v>25</v>
      </c>
      <c r="G103266" s="16">
        <v>0.78141400098972447</v>
      </c>
    </row>
    <row r="103267" spans="1:7" x14ac:dyDescent="0.3">
      <c r="A103267" s="13" t="s">
        <v>504</v>
      </c>
      <c r="B103267" s="14" t="s">
        <v>1</v>
      </c>
      <c r="C103267" s="14" t="s">
        <v>218</v>
      </c>
      <c r="D103267" s="14" t="s">
        <v>277</v>
      </c>
      <c r="E103267" s="15">
        <v>45713</v>
      </c>
      <c r="F103267" s="14" t="s">
        <v>25</v>
      </c>
      <c r="G103267" s="16">
        <v>0.78472649016352247</v>
      </c>
    </row>
    <row r="103268" spans="1:7" x14ac:dyDescent="0.3">
      <c r="A103268" s="13" t="s">
        <v>504</v>
      </c>
      <c r="B103268" s="14" t="s">
        <v>1</v>
      </c>
      <c r="C103268" s="14" t="s">
        <v>218</v>
      </c>
      <c r="D103268" s="14" t="s">
        <v>277</v>
      </c>
      <c r="E103268" s="15">
        <v>45714</v>
      </c>
      <c r="F103268" s="14" t="s">
        <v>25</v>
      </c>
      <c r="G103268" s="16">
        <v>0.78582101710414265</v>
      </c>
    </row>
    <row r="103269" spans="1:7" x14ac:dyDescent="0.3">
      <c r="A103269" s="13" t="s">
        <v>504</v>
      </c>
      <c r="B103269" s="14" t="s">
        <v>1</v>
      </c>
      <c r="C103269" s="14" t="s">
        <v>218</v>
      </c>
      <c r="D103269" s="14" t="s">
        <v>277</v>
      </c>
      <c r="E103269" s="15">
        <v>45715</v>
      </c>
      <c r="F103269" s="14" t="s">
        <v>25</v>
      </c>
      <c r="G103269" s="16">
        <v>0.79247107811720152</v>
      </c>
    </row>
    <row r="103270" spans="1:7" x14ac:dyDescent="0.3">
      <c r="A103270" s="13" t="s">
        <v>504</v>
      </c>
      <c r="B103270" s="14" t="s">
        <v>1</v>
      </c>
      <c r="C103270" s="14" t="s">
        <v>218</v>
      </c>
      <c r="D103270" s="14" t="s">
        <v>277</v>
      </c>
      <c r="E103270" s="15">
        <v>45716</v>
      </c>
      <c r="F103270" s="14" t="s">
        <v>25</v>
      </c>
      <c r="G103270" s="16">
        <v>0.79358776658910746</v>
      </c>
    </row>
    <row r="103271" spans="1:7" x14ac:dyDescent="0.3">
      <c r="A103271" s="13" t="s">
        <v>504</v>
      </c>
      <c r="B103271" s="14" t="s">
        <v>1</v>
      </c>
      <c r="C103271" s="14" t="s">
        <v>218</v>
      </c>
      <c r="D103271" s="14" t="s">
        <v>277</v>
      </c>
      <c r="E103271" s="15">
        <v>45717</v>
      </c>
      <c r="F103271" s="14" t="s">
        <v>25</v>
      </c>
      <c r="G103271" s="16">
        <v>0.79358776658910746</v>
      </c>
    </row>
    <row r="103272" spans="1:7" x14ac:dyDescent="0.3">
      <c r="A103272" s="13" t="s">
        <v>504</v>
      </c>
      <c r="B103272" s="14" t="s">
        <v>1</v>
      </c>
      <c r="C103272" s="14" t="s">
        <v>218</v>
      </c>
      <c r="D103272" s="14" t="s">
        <v>277</v>
      </c>
      <c r="E103272" s="15">
        <v>45718</v>
      </c>
      <c r="F103272" s="14" t="s">
        <v>25</v>
      </c>
      <c r="G103272" s="16">
        <v>0.79358776658910746</v>
      </c>
    </row>
    <row r="103273" spans="1:7" x14ac:dyDescent="0.3">
      <c r="A103273" s="13" t="s">
        <v>504</v>
      </c>
      <c r="B103273" s="14" t="s">
        <v>1</v>
      </c>
      <c r="C103273" s="14" t="s">
        <v>218</v>
      </c>
      <c r="D103273" s="14" t="s">
        <v>277</v>
      </c>
      <c r="E103273" s="15">
        <v>45719</v>
      </c>
      <c r="F103273" s="14" t="s">
        <v>25</v>
      </c>
      <c r="G103273" s="16">
        <v>0.79577521884303815</v>
      </c>
    </row>
    <row r="103274" spans="1:7" x14ac:dyDescent="0.3">
      <c r="A103274" s="13" t="s">
        <v>504</v>
      </c>
      <c r="B103274" s="14" t="s">
        <v>1</v>
      </c>
      <c r="C103274" s="14" t="s">
        <v>218</v>
      </c>
      <c r="D103274" s="14" t="s">
        <v>277</v>
      </c>
      <c r="E103274" s="15">
        <v>45720</v>
      </c>
      <c r="F103274" s="14" t="s">
        <v>25</v>
      </c>
      <c r="G103274" s="16">
        <v>0.79958860385151076</v>
      </c>
    </row>
    <row r="103275" spans="1:7" x14ac:dyDescent="0.3">
      <c r="A103275" s="13" t="s">
        <v>504</v>
      </c>
      <c r="B103275" s="14" t="s">
        <v>1</v>
      </c>
      <c r="C103275" s="14" t="s">
        <v>218</v>
      </c>
      <c r="D103275" s="14" t="s">
        <v>277</v>
      </c>
      <c r="E103275" s="15">
        <v>45721</v>
      </c>
      <c r="F103275" s="14" t="s">
        <v>25</v>
      </c>
      <c r="G103275" s="16">
        <v>0.80046716893113123</v>
      </c>
    </row>
    <row r="103276" spans="1:7" x14ac:dyDescent="0.3">
      <c r="A103276" s="13" t="s">
        <v>504</v>
      </c>
      <c r="B103276" s="14" t="s">
        <v>1</v>
      </c>
      <c r="C103276" s="14" t="s">
        <v>218</v>
      </c>
      <c r="D103276" s="14" t="s">
        <v>277</v>
      </c>
      <c r="E103276" s="15">
        <v>45722</v>
      </c>
      <c r="F103276" s="14" t="s">
        <v>25</v>
      </c>
      <c r="G103276" s="16">
        <v>0.8043255554163985</v>
      </c>
    </row>
    <row r="103277" spans="1:7" x14ac:dyDescent="0.3">
      <c r="A103277" s="13" t="s">
        <v>504</v>
      </c>
      <c r="B103277" s="14" t="s">
        <v>1</v>
      </c>
      <c r="C103277" s="14" t="s">
        <v>218</v>
      </c>
      <c r="D103277" s="14" t="s">
        <v>277</v>
      </c>
      <c r="E103277" s="15">
        <v>45723</v>
      </c>
      <c r="F103277" s="14" t="s">
        <v>25</v>
      </c>
      <c r="G103277" s="16">
        <v>0.80521045236210076</v>
      </c>
    </row>
    <row r="103278" spans="1:7" x14ac:dyDescent="0.3">
      <c r="A103278" s="13" t="s">
        <v>504</v>
      </c>
      <c r="B103278" s="14" t="s">
        <v>1</v>
      </c>
      <c r="C103278" s="14" t="s">
        <v>218</v>
      </c>
      <c r="D103278" s="14" t="s">
        <v>277</v>
      </c>
      <c r="E103278" s="15">
        <v>45724</v>
      </c>
      <c r="F103278" s="14" t="s">
        <v>25</v>
      </c>
      <c r="G103278" s="16">
        <v>0.80521045236210076</v>
      </c>
    </row>
    <row r="103279" spans="1:7" x14ac:dyDescent="0.3">
      <c r="A103279" s="13" t="s">
        <v>504</v>
      </c>
      <c r="B103279" s="14" t="s">
        <v>1</v>
      </c>
      <c r="C103279" s="14" t="s">
        <v>218</v>
      </c>
      <c r="D103279" s="14" t="s">
        <v>277</v>
      </c>
      <c r="E103279" s="15">
        <v>45725</v>
      </c>
      <c r="F103279" s="14" t="s">
        <v>25</v>
      </c>
      <c r="G103279" s="16">
        <v>0.80521045236210076</v>
      </c>
    </row>
    <row r="103280" spans="1:7" x14ac:dyDescent="0.3">
      <c r="A103280" s="13" t="s">
        <v>504</v>
      </c>
      <c r="B103280" s="14" t="s">
        <v>1</v>
      </c>
      <c r="C103280" s="14" t="s">
        <v>218</v>
      </c>
      <c r="D103280" s="14" t="s">
        <v>277</v>
      </c>
      <c r="E103280" s="15">
        <v>45726</v>
      </c>
      <c r="F103280" s="14" t="s">
        <v>25</v>
      </c>
      <c r="G103280" s="16">
        <v>0.80607861509030143</v>
      </c>
    </row>
    <row r="103281" spans="1:7" x14ac:dyDescent="0.3">
      <c r="A103281" s="13" t="s">
        <v>504</v>
      </c>
      <c r="B103281" s="14" t="s">
        <v>1</v>
      </c>
      <c r="C103281" s="14" t="s">
        <v>218</v>
      </c>
      <c r="D103281" s="14" t="s">
        <v>277</v>
      </c>
      <c r="E103281" s="15">
        <v>45727</v>
      </c>
      <c r="F103281" s="14" t="s">
        <v>25</v>
      </c>
      <c r="G103281" s="16">
        <v>0.80873620840079574</v>
      </c>
    </row>
    <row r="103282" spans="1:7" x14ac:dyDescent="0.3">
      <c r="A103282" s="13" t="s">
        <v>504</v>
      </c>
      <c r="B103282" s="14" t="s">
        <v>1</v>
      </c>
      <c r="C103282" s="14" t="s">
        <v>218</v>
      </c>
      <c r="D103282" s="14" t="s">
        <v>277</v>
      </c>
      <c r="E103282" s="15">
        <v>45728</v>
      </c>
      <c r="F103282" s="14" t="s">
        <v>25</v>
      </c>
      <c r="G103282" s="16">
        <v>0.80964484984430418</v>
      </c>
    </row>
    <row r="103283" spans="1:7" x14ac:dyDescent="0.3">
      <c r="A103283" s="13" t="s">
        <v>504</v>
      </c>
      <c r="B103283" s="14" t="s">
        <v>1</v>
      </c>
      <c r="C103283" s="14" t="s">
        <v>218</v>
      </c>
      <c r="D103283" s="14" t="s">
        <v>277</v>
      </c>
      <c r="E103283" s="15">
        <v>45729</v>
      </c>
      <c r="F103283" s="14" t="s">
        <v>25</v>
      </c>
      <c r="G103283" s="16">
        <v>0.81059261317467446</v>
      </c>
    </row>
    <row r="103284" spans="1:7" x14ac:dyDescent="0.3">
      <c r="A103284" s="13" t="s">
        <v>504</v>
      </c>
      <c r="B103284" s="14" t="s">
        <v>1</v>
      </c>
      <c r="C103284" s="14" t="s">
        <v>218</v>
      </c>
      <c r="D103284" s="14" t="s">
        <v>277</v>
      </c>
      <c r="E103284" s="15">
        <v>45730</v>
      </c>
      <c r="F103284" s="14" t="s">
        <v>25</v>
      </c>
      <c r="G103284" s="16">
        <v>0.81153766284815254</v>
      </c>
    </row>
    <row r="103285" spans="1:7" x14ac:dyDescent="0.3">
      <c r="A103285" s="13" t="s">
        <v>504</v>
      </c>
      <c r="B103285" s="14" t="s">
        <v>1</v>
      </c>
      <c r="C103285" s="14" t="s">
        <v>218</v>
      </c>
      <c r="D103285" s="14" t="s">
        <v>277</v>
      </c>
      <c r="E103285" s="15">
        <v>45731</v>
      </c>
      <c r="F103285" s="14" t="s">
        <v>25</v>
      </c>
      <c r="G103285" s="16">
        <v>0.81153766284815254</v>
      </c>
    </row>
    <row r="103286" spans="1:7" x14ac:dyDescent="0.3">
      <c r="A103286" s="13" t="s">
        <v>504</v>
      </c>
      <c r="B103286" s="14" t="s">
        <v>1</v>
      </c>
      <c r="C103286" s="14" t="s">
        <v>218</v>
      </c>
      <c r="D103286" s="14" t="s">
        <v>277</v>
      </c>
      <c r="E103286" s="15">
        <v>45732</v>
      </c>
      <c r="F103286" s="14" t="s">
        <v>25</v>
      </c>
      <c r="G103286" s="16">
        <v>0.81153766284815254</v>
      </c>
    </row>
    <row r="103287" spans="1:7" x14ac:dyDescent="0.3">
      <c r="A103287" s="13" t="s">
        <v>504</v>
      </c>
      <c r="B103287" s="14" t="s">
        <v>1</v>
      </c>
      <c r="C103287" s="14" t="s">
        <v>218</v>
      </c>
      <c r="D103287" s="14" t="s">
        <v>277</v>
      </c>
      <c r="E103287" s="15">
        <v>45733</v>
      </c>
      <c r="F103287" s="14" t="s">
        <v>25</v>
      </c>
      <c r="G103287" s="16">
        <v>0.81153766284815254</v>
      </c>
    </row>
    <row r="103288" spans="1:7" x14ac:dyDescent="0.3">
      <c r="A103288" s="13" t="s">
        <v>504</v>
      </c>
      <c r="B103288" s="14" t="s">
        <v>1</v>
      </c>
      <c r="C103288" s="14" t="s">
        <v>218</v>
      </c>
      <c r="D103288" s="14" t="s">
        <v>277</v>
      </c>
      <c r="E103288" s="15">
        <v>45734</v>
      </c>
      <c r="F103288" s="14" t="s">
        <v>25</v>
      </c>
      <c r="G103288" s="16">
        <v>0.8123246420076633</v>
      </c>
    </row>
    <row r="103289" spans="1:7" x14ac:dyDescent="0.3">
      <c r="A103289" s="13" t="s">
        <v>504</v>
      </c>
      <c r="B103289" s="14" t="s">
        <v>1</v>
      </c>
      <c r="C103289" s="14" t="s">
        <v>218</v>
      </c>
      <c r="D103289" s="14" t="s">
        <v>277</v>
      </c>
      <c r="E103289" s="15">
        <v>45735</v>
      </c>
      <c r="F103289" s="14" t="s">
        <v>25</v>
      </c>
      <c r="G103289" s="16">
        <v>0.81513442624219179</v>
      </c>
    </row>
    <row r="103290" spans="1:7" x14ac:dyDescent="0.3">
      <c r="A103290" s="13" t="s">
        <v>504</v>
      </c>
      <c r="B103290" s="14" t="s">
        <v>1</v>
      </c>
      <c r="C103290" s="14" t="s">
        <v>218</v>
      </c>
      <c r="D103290" s="14" t="s">
        <v>277</v>
      </c>
      <c r="E103290" s="15">
        <v>45736</v>
      </c>
      <c r="F103290" s="14" t="s">
        <v>25</v>
      </c>
      <c r="G103290" s="16">
        <v>0.81587730847720519</v>
      </c>
    </row>
    <row r="103291" spans="1:7" x14ac:dyDescent="0.3">
      <c r="A103291" s="13" t="s">
        <v>504</v>
      </c>
      <c r="B103291" s="14" t="s">
        <v>1</v>
      </c>
      <c r="C103291" s="14" t="s">
        <v>218</v>
      </c>
      <c r="D103291" s="14" t="s">
        <v>277</v>
      </c>
      <c r="E103291" s="15">
        <v>45737</v>
      </c>
      <c r="F103291" s="14" t="s">
        <v>25</v>
      </c>
      <c r="G103291" s="16">
        <v>0.816621773678739</v>
      </c>
    </row>
    <row r="103292" spans="1:7" x14ac:dyDescent="0.3">
      <c r="A103292" s="13" t="s">
        <v>504</v>
      </c>
      <c r="B103292" s="14" t="s">
        <v>1</v>
      </c>
      <c r="C103292" s="14" t="s">
        <v>218</v>
      </c>
      <c r="D103292" s="14" t="s">
        <v>277</v>
      </c>
      <c r="E103292" s="15">
        <v>45738</v>
      </c>
      <c r="F103292" s="14" t="s">
        <v>25</v>
      </c>
      <c r="G103292" s="16">
        <v>0.816621773678739</v>
      </c>
    </row>
    <row r="103293" spans="1:7" x14ac:dyDescent="0.3">
      <c r="A103293" s="13" t="s">
        <v>504</v>
      </c>
      <c r="B103293" s="14" t="s">
        <v>1</v>
      </c>
      <c r="C103293" s="14" t="s">
        <v>218</v>
      </c>
      <c r="D103293" s="14" t="s">
        <v>277</v>
      </c>
      <c r="E103293" s="15">
        <v>45739</v>
      </c>
      <c r="F103293" s="14" t="s">
        <v>25</v>
      </c>
      <c r="G103293" s="16">
        <v>0.816621773678739</v>
      </c>
    </row>
    <row r="103294" spans="1:7" x14ac:dyDescent="0.3">
      <c r="A103294" s="13" t="s">
        <v>504</v>
      </c>
      <c r="B103294" s="14" t="s">
        <v>1</v>
      </c>
      <c r="C103294" s="14" t="s">
        <v>218</v>
      </c>
      <c r="D103294" s="14" t="s">
        <v>277</v>
      </c>
      <c r="E103294" s="15">
        <v>45740</v>
      </c>
      <c r="F103294" s="14" t="s">
        <v>25</v>
      </c>
      <c r="G103294" s="16">
        <v>0.81665933125986978</v>
      </c>
    </row>
    <row r="103295" spans="1:7" x14ac:dyDescent="0.3">
      <c r="A103295" s="13" t="s">
        <v>504</v>
      </c>
      <c r="B103295" s="14" t="s">
        <v>1</v>
      </c>
      <c r="C103295" s="14" t="s">
        <v>218</v>
      </c>
      <c r="D103295" s="14" t="s">
        <v>277</v>
      </c>
      <c r="E103295" s="15">
        <v>45741</v>
      </c>
      <c r="F103295" s="14" t="s">
        <v>25</v>
      </c>
      <c r="G103295" s="16">
        <v>0.83849840831247258</v>
      </c>
    </row>
    <row r="103296" spans="1:7" x14ac:dyDescent="0.3">
      <c r="A103296" s="13" t="s">
        <v>504</v>
      </c>
      <c r="B103296" s="14" t="s">
        <v>1</v>
      </c>
      <c r="C103296" s="14" t="s">
        <v>218</v>
      </c>
      <c r="D103296" s="14" t="s">
        <v>277</v>
      </c>
      <c r="E103296" s="15">
        <v>45742</v>
      </c>
      <c r="F103296" s="14" t="s">
        <v>25</v>
      </c>
      <c r="G103296" s="16">
        <v>0.83909633604183076</v>
      </c>
    </row>
    <row r="103297" spans="1:7" x14ac:dyDescent="0.3">
      <c r="A103297" s="13" t="s">
        <v>504</v>
      </c>
      <c r="B103297" s="14" t="s">
        <v>1</v>
      </c>
      <c r="C103297" s="14" t="s">
        <v>218</v>
      </c>
      <c r="D103297" s="14" t="s">
        <v>277</v>
      </c>
      <c r="E103297" s="15">
        <v>45743</v>
      </c>
      <c r="F103297" s="14" t="s">
        <v>25</v>
      </c>
      <c r="G103297" s="16">
        <v>0.8408967163507346</v>
      </c>
    </row>
    <row r="103298" spans="1:7" x14ac:dyDescent="0.3">
      <c r="A103298" s="13" t="s">
        <v>504</v>
      </c>
      <c r="B103298" s="14" t="s">
        <v>1</v>
      </c>
      <c r="C103298" s="14" t="s">
        <v>218</v>
      </c>
      <c r="D103298" s="14" t="s">
        <v>277</v>
      </c>
      <c r="E103298" s="15">
        <v>45744</v>
      </c>
      <c r="F103298" s="14" t="s">
        <v>25</v>
      </c>
      <c r="G103298" s="16">
        <v>0.84164633872164574</v>
      </c>
    </row>
    <row r="103299" spans="1:7" x14ac:dyDescent="0.3">
      <c r="A103299" s="13" t="s">
        <v>504</v>
      </c>
      <c r="B103299" s="14" t="s">
        <v>1</v>
      </c>
      <c r="C103299" s="14" t="s">
        <v>218</v>
      </c>
      <c r="D103299" s="14" t="s">
        <v>277</v>
      </c>
      <c r="E103299" s="15">
        <v>45745</v>
      </c>
      <c r="F103299" s="14" t="s">
        <v>25</v>
      </c>
      <c r="G103299" s="16">
        <v>0.84164633872164574</v>
      </c>
    </row>
    <row r="103300" spans="1:7" x14ac:dyDescent="0.3">
      <c r="A103300" s="13" t="s">
        <v>504</v>
      </c>
      <c r="B103300" s="14" t="s">
        <v>1</v>
      </c>
      <c r="C103300" s="14" t="s">
        <v>218</v>
      </c>
      <c r="D103300" s="14" t="s">
        <v>277</v>
      </c>
      <c r="E103300" s="15">
        <v>45746</v>
      </c>
      <c r="F103300" s="14" t="s">
        <v>25</v>
      </c>
      <c r="G103300" s="16">
        <v>0.84164633872164574</v>
      </c>
    </row>
    <row r="103301" spans="1:7" x14ac:dyDescent="0.3">
      <c r="A103301" s="13" t="s">
        <v>504</v>
      </c>
      <c r="B103301" s="14" t="s">
        <v>1</v>
      </c>
      <c r="C103301" s="14" t="s">
        <v>218</v>
      </c>
      <c r="D103301" s="14" t="s">
        <v>277</v>
      </c>
      <c r="E103301" s="15">
        <v>45747</v>
      </c>
      <c r="F103301" s="14" t="s">
        <v>25</v>
      </c>
      <c r="G103301" s="16">
        <v>0.84239735221074474</v>
      </c>
    </row>
    <row r="103302" spans="1:7" x14ac:dyDescent="0.3">
      <c r="A103302" s="13" t="s">
        <v>505</v>
      </c>
      <c r="B103302" s="14" t="s">
        <v>1</v>
      </c>
      <c r="C103302" s="14" t="s">
        <v>109</v>
      </c>
      <c r="D103302" s="14" t="s">
        <v>506</v>
      </c>
      <c r="E103302" s="15">
        <v>45383</v>
      </c>
      <c r="F103302" s="14" t="s">
        <v>61</v>
      </c>
      <c r="G103302" s="16">
        <v>0</v>
      </c>
    </row>
    <row r="103303" spans="1:7" x14ac:dyDescent="0.3">
      <c r="A103303" s="13" t="s">
        <v>505</v>
      </c>
      <c r="B103303" s="14" t="s">
        <v>1</v>
      </c>
      <c r="C103303" s="14" t="s">
        <v>109</v>
      </c>
      <c r="D103303" s="14" t="s">
        <v>506</v>
      </c>
      <c r="E103303" s="15">
        <v>45384</v>
      </c>
      <c r="F103303" s="14" t="s">
        <v>61</v>
      </c>
      <c r="G103303" s="16">
        <v>0</v>
      </c>
    </row>
    <row r="103304" spans="1:7" x14ac:dyDescent="0.3">
      <c r="A103304" s="13" t="s">
        <v>505</v>
      </c>
      <c r="B103304" s="14" t="s">
        <v>1</v>
      </c>
      <c r="C103304" s="14" t="s">
        <v>109</v>
      </c>
      <c r="D103304" s="14" t="s">
        <v>506</v>
      </c>
      <c r="E103304" s="15">
        <v>45385</v>
      </c>
      <c r="F103304" s="14" t="s">
        <v>61</v>
      </c>
      <c r="G103304" s="16">
        <v>0</v>
      </c>
    </row>
    <row r="103305" spans="1:7" x14ac:dyDescent="0.3">
      <c r="A103305" s="13" t="s">
        <v>505</v>
      </c>
      <c r="B103305" s="14" t="s">
        <v>1</v>
      </c>
      <c r="C103305" s="14" t="s">
        <v>109</v>
      </c>
      <c r="D103305" s="14" t="s">
        <v>506</v>
      </c>
      <c r="E103305" s="15">
        <v>45386</v>
      </c>
      <c r="F103305" s="14" t="s">
        <v>61</v>
      </c>
      <c r="G103305" s="16">
        <v>0</v>
      </c>
    </row>
    <row r="103306" spans="1:7" x14ac:dyDescent="0.3">
      <c r="A103306" s="13" t="s">
        <v>505</v>
      </c>
      <c r="B103306" s="14" t="s">
        <v>1</v>
      </c>
      <c r="C103306" s="14" t="s">
        <v>109</v>
      </c>
      <c r="D103306" s="14" t="s">
        <v>506</v>
      </c>
      <c r="E103306" s="15">
        <v>45387</v>
      </c>
      <c r="F103306" s="14" t="s">
        <v>61</v>
      </c>
      <c r="G103306" s="16">
        <v>0</v>
      </c>
    </row>
    <row r="103307" spans="1:7" x14ac:dyDescent="0.3">
      <c r="A103307" s="13" t="s">
        <v>505</v>
      </c>
      <c r="B103307" s="14" t="s">
        <v>1</v>
      </c>
      <c r="C103307" s="14" t="s">
        <v>109</v>
      </c>
      <c r="D103307" s="14" t="s">
        <v>506</v>
      </c>
      <c r="E103307" s="15">
        <v>45388</v>
      </c>
      <c r="F103307" s="14" t="s">
        <v>61</v>
      </c>
      <c r="G103307" s="16">
        <v>0</v>
      </c>
    </row>
    <row r="103308" spans="1:7" x14ac:dyDescent="0.3">
      <c r="A103308" s="13" t="s">
        <v>505</v>
      </c>
      <c r="B103308" s="14" t="s">
        <v>1</v>
      </c>
      <c r="C103308" s="14" t="s">
        <v>109</v>
      </c>
      <c r="D103308" s="14" t="s">
        <v>506</v>
      </c>
      <c r="E103308" s="15">
        <v>45389</v>
      </c>
      <c r="F103308" s="14" t="s">
        <v>61</v>
      </c>
      <c r="G103308" s="16">
        <v>0</v>
      </c>
    </row>
    <row r="103309" spans="1:7" x14ac:dyDescent="0.3">
      <c r="A103309" s="13" t="s">
        <v>505</v>
      </c>
      <c r="B103309" s="14" t="s">
        <v>1</v>
      </c>
      <c r="C103309" s="14" t="s">
        <v>109</v>
      </c>
      <c r="D103309" s="14" t="s">
        <v>506</v>
      </c>
      <c r="E103309" s="15">
        <v>45390</v>
      </c>
      <c r="F103309" s="14" t="s">
        <v>61</v>
      </c>
      <c r="G103309" s="16">
        <v>0</v>
      </c>
    </row>
    <row r="103310" spans="1:7" x14ac:dyDescent="0.3">
      <c r="A103310" s="13" t="s">
        <v>505</v>
      </c>
      <c r="B103310" s="14" t="s">
        <v>1</v>
      </c>
      <c r="C103310" s="14" t="s">
        <v>109</v>
      </c>
      <c r="D103310" s="14" t="s">
        <v>506</v>
      </c>
      <c r="E103310" s="15">
        <v>45391</v>
      </c>
      <c r="F103310" s="14" t="s">
        <v>61</v>
      </c>
      <c r="G103310" s="16">
        <v>0</v>
      </c>
    </row>
    <row r="103311" spans="1:7" x14ac:dyDescent="0.3">
      <c r="A103311" s="13" t="s">
        <v>505</v>
      </c>
      <c r="B103311" s="14" t="s">
        <v>1</v>
      </c>
      <c r="C103311" s="14" t="s">
        <v>109</v>
      </c>
      <c r="D103311" s="14" t="s">
        <v>506</v>
      </c>
      <c r="E103311" s="15">
        <v>45392</v>
      </c>
      <c r="F103311" s="14" t="s">
        <v>61</v>
      </c>
      <c r="G103311" s="16">
        <v>0</v>
      </c>
    </row>
    <row r="103312" spans="1:7" x14ac:dyDescent="0.3">
      <c r="A103312" s="13" t="s">
        <v>505</v>
      </c>
      <c r="B103312" s="14" t="s">
        <v>1</v>
      </c>
      <c r="C103312" s="14" t="s">
        <v>109</v>
      </c>
      <c r="D103312" s="14" t="s">
        <v>506</v>
      </c>
      <c r="E103312" s="15">
        <v>45393</v>
      </c>
      <c r="F103312" s="14" t="s">
        <v>61</v>
      </c>
      <c r="G103312" s="16">
        <v>0</v>
      </c>
    </row>
    <row r="103313" spans="1:7" x14ac:dyDescent="0.3">
      <c r="A103313" s="13" t="s">
        <v>505</v>
      </c>
      <c r="B103313" s="14" t="s">
        <v>1</v>
      </c>
      <c r="C103313" s="14" t="s">
        <v>109</v>
      </c>
      <c r="D103313" s="14" t="s">
        <v>506</v>
      </c>
      <c r="E103313" s="15">
        <v>45394</v>
      </c>
      <c r="F103313" s="14" t="s">
        <v>61</v>
      </c>
      <c r="G103313" s="16">
        <v>0</v>
      </c>
    </row>
    <row r="103314" spans="1:7" x14ac:dyDescent="0.3">
      <c r="A103314" s="13" t="s">
        <v>505</v>
      </c>
      <c r="B103314" s="14" t="s">
        <v>1</v>
      </c>
      <c r="C103314" s="14" t="s">
        <v>109</v>
      </c>
      <c r="D103314" s="14" t="s">
        <v>506</v>
      </c>
      <c r="E103314" s="15">
        <v>45395</v>
      </c>
      <c r="F103314" s="14" t="s">
        <v>61</v>
      </c>
      <c r="G103314" s="16">
        <v>0</v>
      </c>
    </row>
    <row r="103315" spans="1:7" x14ac:dyDescent="0.3">
      <c r="A103315" s="13" t="s">
        <v>505</v>
      </c>
      <c r="B103315" s="14" t="s">
        <v>1</v>
      </c>
      <c r="C103315" s="14" t="s">
        <v>109</v>
      </c>
      <c r="D103315" s="14" t="s">
        <v>506</v>
      </c>
      <c r="E103315" s="15">
        <v>45396</v>
      </c>
      <c r="F103315" s="14" t="s">
        <v>61</v>
      </c>
      <c r="G103315" s="16">
        <v>0</v>
      </c>
    </row>
    <row r="103316" spans="1:7" x14ac:dyDescent="0.3">
      <c r="A103316" s="13" t="s">
        <v>505</v>
      </c>
      <c r="B103316" s="14" t="s">
        <v>1</v>
      </c>
      <c r="C103316" s="14" t="s">
        <v>109</v>
      </c>
      <c r="D103316" s="14" t="s">
        <v>506</v>
      </c>
      <c r="E103316" s="15">
        <v>45397</v>
      </c>
      <c r="F103316" s="14" t="s">
        <v>61</v>
      </c>
      <c r="G103316" s="16">
        <v>0</v>
      </c>
    </row>
    <row r="103317" spans="1:7" x14ac:dyDescent="0.3">
      <c r="A103317" s="13" t="s">
        <v>505</v>
      </c>
      <c r="B103317" s="14" t="s">
        <v>1</v>
      </c>
      <c r="C103317" s="14" t="s">
        <v>109</v>
      </c>
      <c r="D103317" s="14" t="s">
        <v>506</v>
      </c>
      <c r="E103317" s="15">
        <v>45398</v>
      </c>
      <c r="F103317" s="14" t="s">
        <v>61</v>
      </c>
      <c r="G103317" s="16">
        <v>0</v>
      </c>
    </row>
    <row r="103318" spans="1:7" x14ac:dyDescent="0.3">
      <c r="A103318" s="13" t="s">
        <v>505</v>
      </c>
      <c r="B103318" s="14" t="s">
        <v>1</v>
      </c>
      <c r="C103318" s="14" t="s">
        <v>109</v>
      </c>
      <c r="D103318" s="14" t="s">
        <v>506</v>
      </c>
      <c r="E103318" s="15">
        <v>45399</v>
      </c>
      <c r="F103318" s="14" t="s">
        <v>61</v>
      </c>
      <c r="G103318" s="16">
        <v>0</v>
      </c>
    </row>
    <row r="103319" spans="1:7" x14ac:dyDescent="0.3">
      <c r="A103319" s="13" t="s">
        <v>505</v>
      </c>
      <c r="B103319" s="14" t="s">
        <v>1</v>
      </c>
      <c r="C103319" s="14" t="s">
        <v>109</v>
      </c>
      <c r="D103319" s="14" t="s">
        <v>506</v>
      </c>
      <c r="E103319" s="15">
        <v>45400</v>
      </c>
      <c r="F103319" s="14" t="s">
        <v>61</v>
      </c>
      <c r="G103319" s="16">
        <v>0</v>
      </c>
    </row>
    <row r="103320" spans="1:7" x14ac:dyDescent="0.3">
      <c r="A103320" s="13" t="s">
        <v>505</v>
      </c>
      <c r="B103320" s="14" t="s">
        <v>1</v>
      </c>
      <c r="C103320" s="14" t="s">
        <v>109</v>
      </c>
      <c r="D103320" s="14" t="s">
        <v>506</v>
      </c>
      <c r="E103320" s="15">
        <v>45401</v>
      </c>
      <c r="F103320" s="14" t="s">
        <v>61</v>
      </c>
      <c r="G103320" s="16">
        <v>0</v>
      </c>
    </row>
    <row r="103321" spans="1:7" x14ac:dyDescent="0.3">
      <c r="A103321" s="13" t="s">
        <v>505</v>
      </c>
      <c r="B103321" s="14" t="s">
        <v>1</v>
      </c>
      <c r="C103321" s="14" t="s">
        <v>109</v>
      </c>
      <c r="D103321" s="14" t="s">
        <v>506</v>
      </c>
      <c r="E103321" s="15">
        <v>45402</v>
      </c>
      <c r="F103321" s="14" t="s">
        <v>61</v>
      </c>
      <c r="G103321" s="16">
        <v>0</v>
      </c>
    </row>
    <row r="103322" spans="1:7" x14ac:dyDescent="0.3">
      <c r="A103322" s="13" t="s">
        <v>505</v>
      </c>
      <c r="B103322" s="14" t="s">
        <v>1</v>
      </c>
      <c r="C103322" s="14" t="s">
        <v>109</v>
      </c>
      <c r="D103322" s="14" t="s">
        <v>506</v>
      </c>
      <c r="E103322" s="15">
        <v>45403</v>
      </c>
      <c r="F103322" s="14" t="s">
        <v>61</v>
      </c>
      <c r="G103322" s="16">
        <v>0</v>
      </c>
    </row>
    <row r="103323" spans="1:7" x14ac:dyDescent="0.3">
      <c r="A103323" s="13" t="s">
        <v>505</v>
      </c>
      <c r="B103323" s="14" t="s">
        <v>1</v>
      </c>
      <c r="C103323" s="14" t="s">
        <v>109</v>
      </c>
      <c r="D103323" s="14" t="s">
        <v>506</v>
      </c>
      <c r="E103323" s="15">
        <v>45404</v>
      </c>
      <c r="F103323" s="14" t="s">
        <v>61</v>
      </c>
      <c r="G103323" s="16">
        <v>0</v>
      </c>
    </row>
    <row r="103324" spans="1:7" x14ac:dyDescent="0.3">
      <c r="A103324" s="13" t="s">
        <v>505</v>
      </c>
      <c r="B103324" s="14" t="s">
        <v>1</v>
      </c>
      <c r="C103324" s="14" t="s">
        <v>109</v>
      </c>
      <c r="D103324" s="14" t="s">
        <v>506</v>
      </c>
      <c r="E103324" s="15">
        <v>45405</v>
      </c>
      <c r="F103324" s="14" t="s">
        <v>61</v>
      </c>
      <c r="G103324" s="16">
        <v>0</v>
      </c>
    </row>
    <row r="103325" spans="1:7" x14ac:dyDescent="0.3">
      <c r="A103325" s="13" t="s">
        <v>505</v>
      </c>
      <c r="B103325" s="14" t="s">
        <v>1</v>
      </c>
      <c r="C103325" s="14" t="s">
        <v>109</v>
      </c>
      <c r="D103325" s="14" t="s">
        <v>506</v>
      </c>
      <c r="E103325" s="15">
        <v>45406</v>
      </c>
      <c r="F103325" s="14" t="s">
        <v>61</v>
      </c>
      <c r="G103325" s="16">
        <v>0</v>
      </c>
    </row>
    <row r="103326" spans="1:7" x14ac:dyDescent="0.3">
      <c r="A103326" s="13" t="s">
        <v>505</v>
      </c>
      <c r="B103326" s="14" t="s">
        <v>1</v>
      </c>
      <c r="C103326" s="14" t="s">
        <v>109</v>
      </c>
      <c r="D103326" s="14" t="s">
        <v>506</v>
      </c>
      <c r="E103326" s="15">
        <v>45407</v>
      </c>
      <c r="F103326" s="14" t="s">
        <v>61</v>
      </c>
      <c r="G103326" s="16">
        <v>0</v>
      </c>
    </row>
    <row r="103327" spans="1:7" x14ac:dyDescent="0.3">
      <c r="A103327" s="13" t="s">
        <v>505</v>
      </c>
      <c r="B103327" s="14" t="s">
        <v>1</v>
      </c>
      <c r="C103327" s="14" t="s">
        <v>109</v>
      </c>
      <c r="D103327" s="14" t="s">
        <v>506</v>
      </c>
      <c r="E103327" s="15">
        <v>45408</v>
      </c>
      <c r="F103327" s="14" t="s">
        <v>61</v>
      </c>
      <c r="G103327" s="16">
        <v>0</v>
      </c>
    </row>
    <row r="103328" spans="1:7" x14ac:dyDescent="0.3">
      <c r="A103328" s="13" t="s">
        <v>505</v>
      </c>
      <c r="B103328" s="14" t="s">
        <v>1</v>
      </c>
      <c r="C103328" s="14" t="s">
        <v>109</v>
      </c>
      <c r="D103328" s="14" t="s">
        <v>506</v>
      </c>
      <c r="E103328" s="15">
        <v>45409</v>
      </c>
      <c r="F103328" s="14" t="s">
        <v>61</v>
      </c>
      <c r="G103328" s="16">
        <v>0</v>
      </c>
    </row>
    <row r="103329" spans="1:7" x14ac:dyDescent="0.3">
      <c r="A103329" s="13" t="s">
        <v>505</v>
      </c>
      <c r="B103329" s="14" t="s">
        <v>1</v>
      </c>
      <c r="C103329" s="14" t="s">
        <v>109</v>
      </c>
      <c r="D103329" s="14" t="s">
        <v>506</v>
      </c>
      <c r="E103329" s="15">
        <v>45410</v>
      </c>
      <c r="F103329" s="14" t="s">
        <v>61</v>
      </c>
      <c r="G103329" s="16">
        <v>0</v>
      </c>
    </row>
    <row r="103330" spans="1:7" x14ac:dyDescent="0.3">
      <c r="A103330" s="13" t="s">
        <v>505</v>
      </c>
      <c r="B103330" s="14" t="s">
        <v>1</v>
      </c>
      <c r="C103330" s="14" t="s">
        <v>109</v>
      </c>
      <c r="D103330" s="14" t="s">
        <v>506</v>
      </c>
      <c r="E103330" s="15">
        <v>45411</v>
      </c>
      <c r="F103330" s="14" t="s">
        <v>61</v>
      </c>
      <c r="G103330" s="16">
        <v>0</v>
      </c>
    </row>
    <row r="103331" spans="1:7" x14ac:dyDescent="0.3">
      <c r="A103331" s="13" t="s">
        <v>505</v>
      </c>
      <c r="B103331" s="14" t="s">
        <v>1</v>
      </c>
      <c r="C103331" s="14" t="s">
        <v>109</v>
      </c>
      <c r="D103331" s="14" t="s">
        <v>506</v>
      </c>
      <c r="E103331" s="15">
        <v>45412</v>
      </c>
      <c r="F103331" s="14" t="s">
        <v>61</v>
      </c>
      <c r="G103331" s="16">
        <v>0</v>
      </c>
    </row>
    <row r="103332" spans="1:7" x14ac:dyDescent="0.3">
      <c r="A103332" s="13" t="s">
        <v>505</v>
      </c>
      <c r="B103332" s="14" t="s">
        <v>1</v>
      </c>
      <c r="C103332" s="14" t="s">
        <v>109</v>
      </c>
      <c r="D103332" s="14" t="s">
        <v>506</v>
      </c>
      <c r="E103332" s="15">
        <v>45413</v>
      </c>
      <c r="F103332" s="14" t="s">
        <v>61</v>
      </c>
      <c r="G103332" s="16">
        <v>0</v>
      </c>
    </row>
    <row r="103333" spans="1:7" x14ac:dyDescent="0.3">
      <c r="A103333" s="13" t="s">
        <v>505</v>
      </c>
      <c r="B103333" s="14" t="s">
        <v>1</v>
      </c>
      <c r="C103333" s="14" t="s">
        <v>109</v>
      </c>
      <c r="D103333" s="14" t="s">
        <v>506</v>
      </c>
      <c r="E103333" s="15">
        <v>45414</v>
      </c>
      <c r="F103333" s="14" t="s">
        <v>61</v>
      </c>
      <c r="G103333" s="16">
        <v>0</v>
      </c>
    </row>
    <row r="103334" spans="1:7" x14ac:dyDescent="0.3">
      <c r="A103334" s="13" t="s">
        <v>505</v>
      </c>
      <c r="B103334" s="14" t="s">
        <v>1</v>
      </c>
      <c r="C103334" s="14" t="s">
        <v>109</v>
      </c>
      <c r="D103334" s="14" t="s">
        <v>506</v>
      </c>
      <c r="E103334" s="15">
        <v>45415</v>
      </c>
      <c r="F103334" s="14" t="s">
        <v>61</v>
      </c>
      <c r="G103334" s="16">
        <v>0</v>
      </c>
    </row>
    <row r="103335" spans="1:7" x14ac:dyDescent="0.3">
      <c r="A103335" s="13" t="s">
        <v>505</v>
      </c>
      <c r="B103335" s="14" t="s">
        <v>1</v>
      </c>
      <c r="C103335" s="14" t="s">
        <v>109</v>
      </c>
      <c r="D103335" s="14" t="s">
        <v>506</v>
      </c>
      <c r="E103335" s="15">
        <v>45416</v>
      </c>
      <c r="F103335" s="14" t="s">
        <v>61</v>
      </c>
      <c r="G103335" s="16">
        <v>0</v>
      </c>
    </row>
    <row r="103336" spans="1:7" x14ac:dyDescent="0.3">
      <c r="A103336" s="13" t="s">
        <v>505</v>
      </c>
      <c r="B103336" s="14" t="s">
        <v>1</v>
      </c>
      <c r="C103336" s="14" t="s">
        <v>109</v>
      </c>
      <c r="D103336" s="14" t="s">
        <v>506</v>
      </c>
      <c r="E103336" s="15">
        <v>45417</v>
      </c>
      <c r="F103336" s="14" t="s">
        <v>61</v>
      </c>
      <c r="G103336" s="16">
        <v>0</v>
      </c>
    </row>
    <row r="103337" spans="1:7" x14ac:dyDescent="0.3">
      <c r="A103337" s="13" t="s">
        <v>505</v>
      </c>
      <c r="B103337" s="14" t="s">
        <v>1</v>
      </c>
      <c r="C103337" s="14" t="s">
        <v>109</v>
      </c>
      <c r="D103337" s="14" t="s">
        <v>506</v>
      </c>
      <c r="E103337" s="15">
        <v>45418</v>
      </c>
      <c r="F103337" s="14" t="s">
        <v>61</v>
      </c>
      <c r="G103337" s="16">
        <v>0</v>
      </c>
    </row>
    <row r="103338" spans="1:7" x14ac:dyDescent="0.3">
      <c r="A103338" s="13" t="s">
        <v>505</v>
      </c>
      <c r="B103338" s="14" t="s">
        <v>1</v>
      </c>
      <c r="C103338" s="14" t="s">
        <v>109</v>
      </c>
      <c r="D103338" s="14" t="s">
        <v>506</v>
      </c>
      <c r="E103338" s="15">
        <v>45419</v>
      </c>
      <c r="F103338" s="14" t="s">
        <v>61</v>
      </c>
      <c r="G103338" s="16">
        <v>0</v>
      </c>
    </row>
    <row r="103339" spans="1:7" x14ac:dyDescent="0.3">
      <c r="A103339" s="13" t="s">
        <v>505</v>
      </c>
      <c r="B103339" s="14" t="s">
        <v>1</v>
      </c>
      <c r="C103339" s="14" t="s">
        <v>109</v>
      </c>
      <c r="D103339" s="14" t="s">
        <v>506</v>
      </c>
      <c r="E103339" s="15">
        <v>45420</v>
      </c>
      <c r="F103339" s="14" t="s">
        <v>61</v>
      </c>
      <c r="G103339" s="16">
        <v>0</v>
      </c>
    </row>
    <row r="103340" spans="1:7" x14ac:dyDescent="0.3">
      <c r="A103340" s="13" t="s">
        <v>505</v>
      </c>
      <c r="B103340" s="14" t="s">
        <v>1</v>
      </c>
      <c r="C103340" s="14" t="s">
        <v>109</v>
      </c>
      <c r="D103340" s="14" t="s">
        <v>506</v>
      </c>
      <c r="E103340" s="15">
        <v>45421</v>
      </c>
      <c r="F103340" s="14" t="s">
        <v>61</v>
      </c>
      <c r="G103340" s="16">
        <v>0</v>
      </c>
    </row>
    <row r="103341" spans="1:7" x14ac:dyDescent="0.3">
      <c r="A103341" s="13" t="s">
        <v>505</v>
      </c>
      <c r="B103341" s="14" t="s">
        <v>1</v>
      </c>
      <c r="C103341" s="14" t="s">
        <v>109</v>
      </c>
      <c r="D103341" s="14" t="s">
        <v>506</v>
      </c>
      <c r="E103341" s="15">
        <v>45422</v>
      </c>
      <c r="F103341" s="14" t="s">
        <v>61</v>
      </c>
      <c r="G103341" s="16">
        <v>0</v>
      </c>
    </row>
    <row r="103342" spans="1:7" x14ac:dyDescent="0.3">
      <c r="A103342" s="13" t="s">
        <v>505</v>
      </c>
      <c r="B103342" s="14" t="s">
        <v>1</v>
      </c>
      <c r="C103342" s="14" t="s">
        <v>109</v>
      </c>
      <c r="D103342" s="14" t="s">
        <v>506</v>
      </c>
      <c r="E103342" s="15">
        <v>45423</v>
      </c>
      <c r="F103342" s="14" t="s">
        <v>61</v>
      </c>
      <c r="G103342" s="16">
        <v>0</v>
      </c>
    </row>
    <row r="103343" spans="1:7" x14ac:dyDescent="0.3">
      <c r="A103343" s="13" t="s">
        <v>505</v>
      </c>
      <c r="B103343" s="14" t="s">
        <v>1</v>
      </c>
      <c r="C103343" s="14" t="s">
        <v>109</v>
      </c>
      <c r="D103343" s="14" t="s">
        <v>506</v>
      </c>
      <c r="E103343" s="15">
        <v>45424</v>
      </c>
      <c r="F103343" s="14" t="s">
        <v>61</v>
      </c>
      <c r="G103343" s="16">
        <v>0</v>
      </c>
    </row>
    <row r="103344" spans="1:7" x14ac:dyDescent="0.3">
      <c r="A103344" s="13" t="s">
        <v>505</v>
      </c>
      <c r="B103344" s="14" t="s">
        <v>1</v>
      </c>
      <c r="C103344" s="14" t="s">
        <v>109</v>
      </c>
      <c r="D103344" s="14" t="s">
        <v>506</v>
      </c>
      <c r="E103344" s="15">
        <v>45425</v>
      </c>
      <c r="F103344" s="14" t="s">
        <v>61</v>
      </c>
      <c r="G103344" s="16">
        <v>0</v>
      </c>
    </row>
    <row r="103345" spans="1:7" x14ac:dyDescent="0.3">
      <c r="A103345" s="13" t="s">
        <v>505</v>
      </c>
      <c r="B103345" s="14" t="s">
        <v>1</v>
      </c>
      <c r="C103345" s="14" t="s">
        <v>109</v>
      </c>
      <c r="D103345" s="14" t="s">
        <v>506</v>
      </c>
      <c r="E103345" s="15">
        <v>45426</v>
      </c>
      <c r="F103345" s="14" t="s">
        <v>61</v>
      </c>
      <c r="G103345" s="16">
        <v>0</v>
      </c>
    </row>
    <row r="103346" spans="1:7" x14ac:dyDescent="0.3">
      <c r="A103346" s="13" t="s">
        <v>505</v>
      </c>
      <c r="B103346" s="14" t="s">
        <v>1</v>
      </c>
      <c r="C103346" s="14" t="s">
        <v>109</v>
      </c>
      <c r="D103346" s="14" t="s">
        <v>506</v>
      </c>
      <c r="E103346" s="15">
        <v>45427</v>
      </c>
      <c r="F103346" s="14" t="s">
        <v>61</v>
      </c>
      <c r="G103346" s="16">
        <v>0</v>
      </c>
    </row>
    <row r="103347" spans="1:7" x14ac:dyDescent="0.3">
      <c r="A103347" s="13" t="s">
        <v>505</v>
      </c>
      <c r="B103347" s="14" t="s">
        <v>1</v>
      </c>
      <c r="C103347" s="14" t="s">
        <v>109</v>
      </c>
      <c r="D103347" s="14" t="s">
        <v>506</v>
      </c>
      <c r="E103347" s="15">
        <v>45428</v>
      </c>
      <c r="F103347" s="14" t="s">
        <v>61</v>
      </c>
      <c r="G103347" s="16">
        <v>0</v>
      </c>
    </row>
    <row r="103348" spans="1:7" x14ac:dyDescent="0.3">
      <c r="A103348" s="13" t="s">
        <v>505</v>
      </c>
      <c r="B103348" s="14" t="s">
        <v>1</v>
      </c>
      <c r="C103348" s="14" t="s">
        <v>109</v>
      </c>
      <c r="D103348" s="14" t="s">
        <v>506</v>
      </c>
      <c r="E103348" s="15">
        <v>45429</v>
      </c>
      <c r="F103348" s="14" t="s">
        <v>61</v>
      </c>
      <c r="G103348" s="16">
        <v>0</v>
      </c>
    </row>
    <row r="103349" spans="1:7" x14ac:dyDescent="0.3">
      <c r="A103349" s="13" t="s">
        <v>505</v>
      </c>
      <c r="B103349" s="14" t="s">
        <v>1</v>
      </c>
      <c r="C103349" s="14" t="s">
        <v>109</v>
      </c>
      <c r="D103349" s="14" t="s">
        <v>506</v>
      </c>
      <c r="E103349" s="15">
        <v>45430</v>
      </c>
      <c r="F103349" s="14" t="s">
        <v>61</v>
      </c>
      <c r="G103349" s="16">
        <v>0</v>
      </c>
    </row>
    <row r="103350" spans="1:7" x14ac:dyDescent="0.3">
      <c r="A103350" s="13" t="s">
        <v>505</v>
      </c>
      <c r="B103350" s="14" t="s">
        <v>1</v>
      </c>
      <c r="C103350" s="14" t="s">
        <v>109</v>
      </c>
      <c r="D103350" s="14" t="s">
        <v>506</v>
      </c>
      <c r="E103350" s="15">
        <v>45431</v>
      </c>
      <c r="F103350" s="14" t="s">
        <v>61</v>
      </c>
      <c r="G103350" s="16">
        <v>0</v>
      </c>
    </row>
    <row r="103351" spans="1:7" x14ac:dyDescent="0.3">
      <c r="A103351" s="13" t="s">
        <v>505</v>
      </c>
      <c r="B103351" s="14" t="s">
        <v>1</v>
      </c>
      <c r="C103351" s="14" t="s">
        <v>109</v>
      </c>
      <c r="D103351" s="14" t="s">
        <v>506</v>
      </c>
      <c r="E103351" s="15">
        <v>45432</v>
      </c>
      <c r="F103351" s="14" t="s">
        <v>61</v>
      </c>
      <c r="G103351" s="16">
        <v>0</v>
      </c>
    </row>
    <row r="103352" spans="1:7" x14ac:dyDescent="0.3">
      <c r="A103352" s="13" t="s">
        <v>505</v>
      </c>
      <c r="B103352" s="14" t="s">
        <v>1</v>
      </c>
      <c r="C103352" s="14" t="s">
        <v>109</v>
      </c>
      <c r="D103352" s="14" t="s">
        <v>506</v>
      </c>
      <c r="E103352" s="15">
        <v>45433</v>
      </c>
      <c r="F103352" s="14" t="s">
        <v>61</v>
      </c>
      <c r="G103352" s="16">
        <v>0</v>
      </c>
    </row>
    <row r="103353" spans="1:7" x14ac:dyDescent="0.3">
      <c r="A103353" s="13" t="s">
        <v>505</v>
      </c>
      <c r="B103353" s="14" t="s">
        <v>1</v>
      </c>
      <c r="C103353" s="14" t="s">
        <v>109</v>
      </c>
      <c r="D103353" s="14" t="s">
        <v>506</v>
      </c>
      <c r="E103353" s="15">
        <v>45434</v>
      </c>
      <c r="F103353" s="14" t="s">
        <v>61</v>
      </c>
      <c r="G103353" s="16">
        <v>0</v>
      </c>
    </row>
    <row r="103354" spans="1:7" x14ac:dyDescent="0.3">
      <c r="A103354" s="13" t="s">
        <v>505</v>
      </c>
      <c r="B103354" s="14" t="s">
        <v>1</v>
      </c>
      <c r="C103354" s="14" t="s">
        <v>109</v>
      </c>
      <c r="D103354" s="14" t="s">
        <v>506</v>
      </c>
      <c r="E103354" s="15">
        <v>45435</v>
      </c>
      <c r="F103354" s="14" t="s">
        <v>61</v>
      </c>
      <c r="G103354" s="16">
        <v>0</v>
      </c>
    </row>
    <row r="103355" spans="1:7" x14ac:dyDescent="0.3">
      <c r="A103355" s="13" t="s">
        <v>505</v>
      </c>
      <c r="B103355" s="14" t="s">
        <v>1</v>
      </c>
      <c r="C103355" s="14" t="s">
        <v>109</v>
      </c>
      <c r="D103355" s="14" t="s">
        <v>506</v>
      </c>
      <c r="E103355" s="15">
        <v>45436</v>
      </c>
      <c r="F103355" s="14" t="s">
        <v>61</v>
      </c>
      <c r="G103355" s="16">
        <v>0</v>
      </c>
    </row>
    <row r="103356" spans="1:7" x14ac:dyDescent="0.3">
      <c r="A103356" s="13" t="s">
        <v>505</v>
      </c>
      <c r="B103356" s="14" t="s">
        <v>1</v>
      </c>
      <c r="C103356" s="14" t="s">
        <v>109</v>
      </c>
      <c r="D103356" s="14" t="s">
        <v>506</v>
      </c>
      <c r="E103356" s="15">
        <v>45437</v>
      </c>
      <c r="F103356" s="14" t="s">
        <v>61</v>
      </c>
      <c r="G103356" s="16">
        <v>0</v>
      </c>
    </row>
    <row r="103357" spans="1:7" x14ac:dyDescent="0.3">
      <c r="A103357" s="13" t="s">
        <v>505</v>
      </c>
      <c r="B103357" s="14" t="s">
        <v>1</v>
      </c>
      <c r="C103357" s="14" t="s">
        <v>109</v>
      </c>
      <c r="D103357" s="14" t="s">
        <v>506</v>
      </c>
      <c r="E103357" s="15">
        <v>45438</v>
      </c>
      <c r="F103357" s="14" t="s">
        <v>61</v>
      </c>
      <c r="G103357" s="16">
        <v>0</v>
      </c>
    </row>
    <row r="103358" spans="1:7" x14ac:dyDescent="0.3">
      <c r="A103358" s="13" t="s">
        <v>505</v>
      </c>
      <c r="B103358" s="14" t="s">
        <v>1</v>
      </c>
      <c r="C103358" s="14" t="s">
        <v>109</v>
      </c>
      <c r="D103358" s="14" t="s">
        <v>506</v>
      </c>
      <c r="E103358" s="15">
        <v>45439</v>
      </c>
      <c r="F103358" s="14" t="s">
        <v>61</v>
      </c>
      <c r="G103358" s="16">
        <v>0</v>
      </c>
    </row>
    <row r="103359" spans="1:7" x14ac:dyDescent="0.3">
      <c r="A103359" s="13" t="s">
        <v>505</v>
      </c>
      <c r="B103359" s="14" t="s">
        <v>1</v>
      </c>
      <c r="C103359" s="14" t="s">
        <v>109</v>
      </c>
      <c r="D103359" s="14" t="s">
        <v>506</v>
      </c>
      <c r="E103359" s="15">
        <v>45440</v>
      </c>
      <c r="F103359" s="14" t="s">
        <v>61</v>
      </c>
      <c r="G103359" s="16">
        <v>0</v>
      </c>
    </row>
    <row r="103360" spans="1:7" x14ac:dyDescent="0.3">
      <c r="A103360" s="13" t="s">
        <v>505</v>
      </c>
      <c r="B103360" s="14" t="s">
        <v>1</v>
      </c>
      <c r="C103360" s="14" t="s">
        <v>109</v>
      </c>
      <c r="D103360" s="14" t="s">
        <v>506</v>
      </c>
      <c r="E103360" s="15">
        <v>45441</v>
      </c>
      <c r="F103360" s="14" t="s">
        <v>61</v>
      </c>
      <c r="G103360" s="16">
        <v>0</v>
      </c>
    </row>
    <row r="103361" spans="1:7" x14ac:dyDescent="0.3">
      <c r="A103361" s="13" t="s">
        <v>505</v>
      </c>
      <c r="B103361" s="14" t="s">
        <v>1</v>
      </c>
      <c r="C103361" s="14" t="s">
        <v>109</v>
      </c>
      <c r="D103361" s="14" t="s">
        <v>506</v>
      </c>
      <c r="E103361" s="15">
        <v>45442</v>
      </c>
      <c r="F103361" s="14" t="s">
        <v>61</v>
      </c>
      <c r="G103361" s="16">
        <v>0</v>
      </c>
    </row>
    <row r="103362" spans="1:7" x14ac:dyDescent="0.3">
      <c r="A103362" s="13" t="s">
        <v>505</v>
      </c>
      <c r="B103362" s="14" t="s">
        <v>1</v>
      </c>
      <c r="C103362" s="14" t="s">
        <v>109</v>
      </c>
      <c r="D103362" s="14" t="s">
        <v>506</v>
      </c>
      <c r="E103362" s="15">
        <v>45443</v>
      </c>
      <c r="F103362" s="14" t="s">
        <v>61</v>
      </c>
      <c r="G103362" s="16">
        <v>0</v>
      </c>
    </row>
    <row r="103363" spans="1:7" x14ac:dyDescent="0.3">
      <c r="A103363" s="13" t="s">
        <v>505</v>
      </c>
      <c r="B103363" s="14" t="s">
        <v>1</v>
      </c>
      <c r="C103363" s="14" t="s">
        <v>109</v>
      </c>
      <c r="D103363" s="14" t="s">
        <v>506</v>
      </c>
      <c r="E103363" s="15">
        <v>45444</v>
      </c>
      <c r="F103363" s="14" t="s">
        <v>61</v>
      </c>
      <c r="G103363" s="16">
        <v>0</v>
      </c>
    </row>
    <row r="103364" spans="1:7" x14ac:dyDescent="0.3">
      <c r="A103364" s="13" t="s">
        <v>505</v>
      </c>
      <c r="B103364" s="14" t="s">
        <v>1</v>
      </c>
      <c r="C103364" s="14" t="s">
        <v>109</v>
      </c>
      <c r="D103364" s="14" t="s">
        <v>506</v>
      </c>
      <c r="E103364" s="15">
        <v>45445</v>
      </c>
      <c r="F103364" s="14" t="s">
        <v>61</v>
      </c>
      <c r="G103364" s="16">
        <v>0</v>
      </c>
    </row>
    <row r="103365" spans="1:7" x14ac:dyDescent="0.3">
      <c r="A103365" s="13" t="s">
        <v>505</v>
      </c>
      <c r="B103365" s="14" t="s">
        <v>1</v>
      </c>
      <c r="C103365" s="14" t="s">
        <v>109</v>
      </c>
      <c r="D103365" s="14" t="s">
        <v>506</v>
      </c>
      <c r="E103365" s="15">
        <v>45446</v>
      </c>
      <c r="F103365" s="14" t="s">
        <v>61</v>
      </c>
      <c r="G103365" s="16">
        <v>0</v>
      </c>
    </row>
    <row r="103366" spans="1:7" x14ac:dyDescent="0.3">
      <c r="A103366" s="13" t="s">
        <v>505</v>
      </c>
      <c r="B103366" s="14" t="s">
        <v>1</v>
      </c>
      <c r="C103366" s="14" t="s">
        <v>109</v>
      </c>
      <c r="D103366" s="14" t="s">
        <v>506</v>
      </c>
      <c r="E103366" s="15">
        <v>45447</v>
      </c>
      <c r="F103366" s="14" t="s">
        <v>61</v>
      </c>
      <c r="G103366" s="16">
        <v>0</v>
      </c>
    </row>
    <row r="103367" spans="1:7" x14ac:dyDescent="0.3">
      <c r="A103367" s="13" t="s">
        <v>505</v>
      </c>
      <c r="B103367" s="14" t="s">
        <v>1</v>
      </c>
      <c r="C103367" s="14" t="s">
        <v>109</v>
      </c>
      <c r="D103367" s="14" t="s">
        <v>506</v>
      </c>
      <c r="E103367" s="15">
        <v>45448</v>
      </c>
      <c r="F103367" s="14" t="s">
        <v>61</v>
      </c>
      <c r="G103367" s="16">
        <v>0</v>
      </c>
    </row>
    <row r="103368" spans="1:7" x14ac:dyDescent="0.3">
      <c r="A103368" s="13" t="s">
        <v>505</v>
      </c>
      <c r="B103368" s="14" t="s">
        <v>1</v>
      </c>
      <c r="C103368" s="14" t="s">
        <v>109</v>
      </c>
      <c r="D103368" s="14" t="s">
        <v>506</v>
      </c>
      <c r="E103368" s="15">
        <v>45449</v>
      </c>
      <c r="F103368" s="14" t="s">
        <v>61</v>
      </c>
      <c r="G103368" s="16">
        <v>0</v>
      </c>
    </row>
    <row r="103369" spans="1:7" x14ac:dyDescent="0.3">
      <c r="A103369" s="13" t="s">
        <v>505</v>
      </c>
      <c r="B103369" s="14" t="s">
        <v>1</v>
      </c>
      <c r="C103369" s="14" t="s">
        <v>109</v>
      </c>
      <c r="D103369" s="14" t="s">
        <v>506</v>
      </c>
      <c r="E103369" s="15">
        <v>45450</v>
      </c>
      <c r="F103369" s="14" t="s">
        <v>61</v>
      </c>
      <c r="G103369" s="16">
        <v>0</v>
      </c>
    </row>
    <row r="103370" spans="1:7" x14ac:dyDescent="0.3">
      <c r="A103370" s="13" t="s">
        <v>505</v>
      </c>
      <c r="B103370" s="14" t="s">
        <v>1</v>
      </c>
      <c r="C103370" s="14" t="s">
        <v>109</v>
      </c>
      <c r="D103370" s="14" t="s">
        <v>506</v>
      </c>
      <c r="E103370" s="15">
        <v>45451</v>
      </c>
      <c r="F103370" s="14" t="s">
        <v>61</v>
      </c>
      <c r="G103370" s="16">
        <v>0</v>
      </c>
    </row>
    <row r="103371" spans="1:7" x14ac:dyDescent="0.3">
      <c r="A103371" s="13" t="s">
        <v>505</v>
      </c>
      <c r="B103371" s="14" t="s">
        <v>1</v>
      </c>
      <c r="C103371" s="14" t="s">
        <v>109</v>
      </c>
      <c r="D103371" s="14" t="s">
        <v>506</v>
      </c>
      <c r="E103371" s="15">
        <v>45452</v>
      </c>
      <c r="F103371" s="14" t="s">
        <v>61</v>
      </c>
      <c r="G103371" s="16">
        <v>0</v>
      </c>
    </row>
    <row r="103372" spans="1:7" x14ac:dyDescent="0.3">
      <c r="A103372" s="13" t="s">
        <v>505</v>
      </c>
      <c r="B103372" s="14" t="s">
        <v>1</v>
      </c>
      <c r="C103372" s="14" t="s">
        <v>109</v>
      </c>
      <c r="D103372" s="14" t="s">
        <v>506</v>
      </c>
      <c r="E103372" s="15">
        <v>45453</v>
      </c>
      <c r="F103372" s="14" t="s">
        <v>61</v>
      </c>
      <c r="G103372" s="16">
        <v>0</v>
      </c>
    </row>
    <row r="103373" spans="1:7" x14ac:dyDescent="0.3">
      <c r="A103373" s="13" t="s">
        <v>505</v>
      </c>
      <c r="B103373" s="14" t="s">
        <v>1</v>
      </c>
      <c r="C103373" s="14" t="s">
        <v>109</v>
      </c>
      <c r="D103373" s="14" t="s">
        <v>506</v>
      </c>
      <c r="E103373" s="15">
        <v>45454</v>
      </c>
      <c r="F103373" s="14" t="s">
        <v>61</v>
      </c>
      <c r="G103373" s="16">
        <v>0</v>
      </c>
    </row>
    <row r="103374" spans="1:7" x14ac:dyDescent="0.3">
      <c r="A103374" s="13" t="s">
        <v>505</v>
      </c>
      <c r="B103374" s="14" t="s">
        <v>1</v>
      </c>
      <c r="C103374" s="14" t="s">
        <v>109</v>
      </c>
      <c r="D103374" s="14" t="s">
        <v>506</v>
      </c>
      <c r="E103374" s="15">
        <v>45455</v>
      </c>
      <c r="F103374" s="14" t="s">
        <v>61</v>
      </c>
      <c r="G103374" s="16">
        <v>0</v>
      </c>
    </row>
    <row r="103375" spans="1:7" x14ac:dyDescent="0.3">
      <c r="A103375" s="13" t="s">
        <v>505</v>
      </c>
      <c r="B103375" s="14" t="s">
        <v>1</v>
      </c>
      <c r="C103375" s="14" t="s">
        <v>109</v>
      </c>
      <c r="D103375" s="14" t="s">
        <v>506</v>
      </c>
      <c r="E103375" s="15">
        <v>45456</v>
      </c>
      <c r="F103375" s="14" t="s">
        <v>61</v>
      </c>
      <c r="G103375" s="16">
        <v>0</v>
      </c>
    </row>
    <row r="103376" spans="1:7" x14ac:dyDescent="0.3">
      <c r="A103376" s="13" t="s">
        <v>505</v>
      </c>
      <c r="B103376" s="14" t="s">
        <v>1</v>
      </c>
      <c r="C103376" s="14" t="s">
        <v>109</v>
      </c>
      <c r="D103376" s="14" t="s">
        <v>506</v>
      </c>
      <c r="E103376" s="15">
        <v>45457</v>
      </c>
      <c r="F103376" s="14" t="s">
        <v>61</v>
      </c>
      <c r="G103376" s="16">
        <v>0</v>
      </c>
    </row>
    <row r="103377" spans="1:7" x14ac:dyDescent="0.3">
      <c r="A103377" s="13" t="s">
        <v>505</v>
      </c>
      <c r="B103377" s="14" t="s">
        <v>1</v>
      </c>
      <c r="C103377" s="14" t="s">
        <v>109</v>
      </c>
      <c r="D103377" s="14" t="s">
        <v>506</v>
      </c>
      <c r="E103377" s="15">
        <v>45458</v>
      </c>
      <c r="F103377" s="14" t="s">
        <v>61</v>
      </c>
      <c r="G103377" s="16">
        <v>0</v>
      </c>
    </row>
    <row r="103378" spans="1:7" x14ac:dyDescent="0.3">
      <c r="A103378" s="13" t="s">
        <v>505</v>
      </c>
      <c r="B103378" s="14" t="s">
        <v>1</v>
      </c>
      <c r="C103378" s="14" t="s">
        <v>109</v>
      </c>
      <c r="D103378" s="14" t="s">
        <v>506</v>
      </c>
      <c r="E103378" s="15">
        <v>45459</v>
      </c>
      <c r="F103378" s="14" t="s">
        <v>61</v>
      </c>
      <c r="G103378" s="16">
        <v>0</v>
      </c>
    </row>
    <row r="103379" spans="1:7" x14ac:dyDescent="0.3">
      <c r="A103379" s="13" t="s">
        <v>505</v>
      </c>
      <c r="B103379" s="14" t="s">
        <v>1</v>
      </c>
      <c r="C103379" s="14" t="s">
        <v>109</v>
      </c>
      <c r="D103379" s="14" t="s">
        <v>506</v>
      </c>
      <c r="E103379" s="15">
        <v>45460</v>
      </c>
      <c r="F103379" s="14" t="s">
        <v>61</v>
      </c>
      <c r="G103379" s="16">
        <v>0</v>
      </c>
    </row>
    <row r="103380" spans="1:7" x14ac:dyDescent="0.3">
      <c r="A103380" s="13" t="s">
        <v>505</v>
      </c>
      <c r="B103380" s="14" t="s">
        <v>1</v>
      </c>
      <c r="C103380" s="14" t="s">
        <v>109</v>
      </c>
      <c r="D103380" s="14" t="s">
        <v>506</v>
      </c>
      <c r="E103380" s="15">
        <v>45461</v>
      </c>
      <c r="F103380" s="14" t="s">
        <v>61</v>
      </c>
      <c r="G103380" s="16">
        <v>0</v>
      </c>
    </row>
    <row r="103381" spans="1:7" x14ac:dyDescent="0.3">
      <c r="A103381" s="13" t="s">
        <v>505</v>
      </c>
      <c r="B103381" s="14" t="s">
        <v>1</v>
      </c>
      <c r="C103381" s="14" t="s">
        <v>109</v>
      </c>
      <c r="D103381" s="14" t="s">
        <v>506</v>
      </c>
      <c r="E103381" s="15">
        <v>45462</v>
      </c>
      <c r="F103381" s="14" t="s">
        <v>61</v>
      </c>
      <c r="G103381" s="16">
        <v>0</v>
      </c>
    </row>
    <row r="103382" spans="1:7" x14ac:dyDescent="0.3">
      <c r="A103382" s="13" t="s">
        <v>505</v>
      </c>
      <c r="B103382" s="14" t="s">
        <v>1</v>
      </c>
      <c r="C103382" s="14" t="s">
        <v>109</v>
      </c>
      <c r="D103382" s="14" t="s">
        <v>506</v>
      </c>
      <c r="E103382" s="15">
        <v>45463</v>
      </c>
      <c r="F103382" s="14" t="s">
        <v>61</v>
      </c>
      <c r="G103382" s="16">
        <v>0</v>
      </c>
    </row>
    <row r="103383" spans="1:7" x14ac:dyDescent="0.3">
      <c r="A103383" s="13" t="s">
        <v>505</v>
      </c>
      <c r="B103383" s="14" t="s">
        <v>1</v>
      </c>
      <c r="C103383" s="14" t="s">
        <v>109</v>
      </c>
      <c r="D103383" s="14" t="s">
        <v>506</v>
      </c>
      <c r="E103383" s="15">
        <v>45464</v>
      </c>
      <c r="F103383" s="14" t="s">
        <v>61</v>
      </c>
      <c r="G103383" s="16">
        <v>0</v>
      </c>
    </row>
    <row r="103384" spans="1:7" x14ac:dyDescent="0.3">
      <c r="A103384" s="13" t="s">
        <v>505</v>
      </c>
      <c r="B103384" s="14" t="s">
        <v>1</v>
      </c>
      <c r="C103384" s="14" t="s">
        <v>109</v>
      </c>
      <c r="D103384" s="14" t="s">
        <v>506</v>
      </c>
      <c r="E103384" s="15">
        <v>45465</v>
      </c>
      <c r="F103384" s="14" t="s">
        <v>61</v>
      </c>
      <c r="G103384" s="16">
        <v>0</v>
      </c>
    </row>
    <row r="103385" spans="1:7" x14ac:dyDescent="0.3">
      <c r="A103385" s="13" t="s">
        <v>505</v>
      </c>
      <c r="B103385" s="14" t="s">
        <v>1</v>
      </c>
      <c r="C103385" s="14" t="s">
        <v>109</v>
      </c>
      <c r="D103385" s="14" t="s">
        <v>506</v>
      </c>
      <c r="E103385" s="15">
        <v>45466</v>
      </c>
      <c r="F103385" s="14" t="s">
        <v>61</v>
      </c>
      <c r="G103385" s="16">
        <v>0</v>
      </c>
    </row>
    <row r="103386" spans="1:7" x14ac:dyDescent="0.3">
      <c r="A103386" s="13" t="s">
        <v>505</v>
      </c>
      <c r="B103386" s="14" t="s">
        <v>1</v>
      </c>
      <c r="C103386" s="14" t="s">
        <v>109</v>
      </c>
      <c r="D103386" s="14" t="s">
        <v>506</v>
      </c>
      <c r="E103386" s="15">
        <v>45467</v>
      </c>
      <c r="F103386" s="14" t="s">
        <v>61</v>
      </c>
      <c r="G103386" s="16">
        <v>0</v>
      </c>
    </row>
    <row r="103387" spans="1:7" x14ac:dyDescent="0.3">
      <c r="A103387" s="13" t="s">
        <v>505</v>
      </c>
      <c r="B103387" s="14" t="s">
        <v>1</v>
      </c>
      <c r="C103387" s="14" t="s">
        <v>109</v>
      </c>
      <c r="D103387" s="14" t="s">
        <v>506</v>
      </c>
      <c r="E103387" s="15">
        <v>45468</v>
      </c>
      <c r="F103387" s="14" t="s">
        <v>61</v>
      </c>
      <c r="G103387" s="16">
        <v>0</v>
      </c>
    </row>
    <row r="103388" spans="1:7" x14ac:dyDescent="0.3">
      <c r="A103388" s="13" t="s">
        <v>505</v>
      </c>
      <c r="B103388" s="14" t="s">
        <v>1</v>
      </c>
      <c r="C103388" s="14" t="s">
        <v>109</v>
      </c>
      <c r="D103388" s="14" t="s">
        <v>506</v>
      </c>
      <c r="E103388" s="15">
        <v>45469</v>
      </c>
      <c r="F103388" s="14" t="s">
        <v>61</v>
      </c>
      <c r="G103388" s="16">
        <v>0</v>
      </c>
    </row>
    <row r="103389" spans="1:7" x14ac:dyDescent="0.3">
      <c r="A103389" s="13" t="s">
        <v>505</v>
      </c>
      <c r="B103389" s="14" t="s">
        <v>1</v>
      </c>
      <c r="C103389" s="14" t="s">
        <v>109</v>
      </c>
      <c r="D103389" s="14" t="s">
        <v>506</v>
      </c>
      <c r="E103389" s="15">
        <v>45470</v>
      </c>
      <c r="F103389" s="14" t="s">
        <v>61</v>
      </c>
      <c r="G103389" s="16">
        <v>0</v>
      </c>
    </row>
    <row r="103390" spans="1:7" x14ac:dyDescent="0.3">
      <c r="A103390" s="13" t="s">
        <v>505</v>
      </c>
      <c r="B103390" s="14" t="s">
        <v>1</v>
      </c>
      <c r="C103390" s="14" t="s">
        <v>109</v>
      </c>
      <c r="D103390" s="14" t="s">
        <v>506</v>
      </c>
      <c r="E103390" s="15">
        <v>45471</v>
      </c>
      <c r="F103390" s="14" t="s">
        <v>61</v>
      </c>
      <c r="G103390" s="16">
        <v>0</v>
      </c>
    </row>
    <row r="103391" spans="1:7" x14ac:dyDescent="0.3">
      <c r="A103391" s="13" t="s">
        <v>505</v>
      </c>
      <c r="B103391" s="14" t="s">
        <v>1</v>
      </c>
      <c r="C103391" s="14" t="s">
        <v>109</v>
      </c>
      <c r="D103391" s="14" t="s">
        <v>506</v>
      </c>
      <c r="E103391" s="15">
        <v>45472</v>
      </c>
      <c r="F103391" s="14" t="s">
        <v>61</v>
      </c>
      <c r="G103391" s="16">
        <v>0</v>
      </c>
    </row>
    <row r="103392" spans="1:7" x14ac:dyDescent="0.3">
      <c r="A103392" s="13" t="s">
        <v>505</v>
      </c>
      <c r="B103392" s="14" t="s">
        <v>1</v>
      </c>
      <c r="C103392" s="14" t="s">
        <v>109</v>
      </c>
      <c r="D103392" s="14" t="s">
        <v>506</v>
      </c>
      <c r="E103392" s="15">
        <v>45473</v>
      </c>
      <c r="F103392" s="14" t="s">
        <v>61</v>
      </c>
      <c r="G103392" s="16">
        <v>0</v>
      </c>
    </row>
    <row r="103393" spans="1:7" x14ac:dyDescent="0.3">
      <c r="A103393" s="13" t="s">
        <v>505</v>
      </c>
      <c r="B103393" s="14" t="s">
        <v>1</v>
      </c>
      <c r="C103393" s="14" t="s">
        <v>109</v>
      </c>
      <c r="D103393" s="14" t="s">
        <v>506</v>
      </c>
      <c r="E103393" s="15">
        <v>45474</v>
      </c>
      <c r="F103393" s="14" t="s">
        <v>61</v>
      </c>
      <c r="G103393" s="16">
        <v>0</v>
      </c>
    </row>
    <row r="103394" spans="1:7" x14ac:dyDescent="0.3">
      <c r="A103394" s="13" t="s">
        <v>505</v>
      </c>
      <c r="B103394" s="14" t="s">
        <v>1</v>
      </c>
      <c r="C103394" s="14" t="s">
        <v>109</v>
      </c>
      <c r="D103394" s="14" t="s">
        <v>506</v>
      </c>
      <c r="E103394" s="15">
        <v>45475</v>
      </c>
      <c r="F103394" s="14" t="s">
        <v>61</v>
      </c>
      <c r="G103394" s="16">
        <v>0</v>
      </c>
    </row>
    <row r="103395" spans="1:7" x14ac:dyDescent="0.3">
      <c r="A103395" s="13" t="s">
        <v>505</v>
      </c>
      <c r="B103395" s="14" t="s">
        <v>1</v>
      </c>
      <c r="C103395" s="14" t="s">
        <v>109</v>
      </c>
      <c r="D103395" s="14" t="s">
        <v>506</v>
      </c>
      <c r="E103395" s="15">
        <v>45476</v>
      </c>
      <c r="F103395" s="14" t="s">
        <v>61</v>
      </c>
      <c r="G103395" s="16">
        <v>0</v>
      </c>
    </row>
    <row r="103396" spans="1:7" x14ac:dyDescent="0.3">
      <c r="A103396" s="13" t="s">
        <v>505</v>
      </c>
      <c r="B103396" s="14" t="s">
        <v>1</v>
      </c>
      <c r="C103396" s="14" t="s">
        <v>109</v>
      </c>
      <c r="D103396" s="14" t="s">
        <v>506</v>
      </c>
      <c r="E103396" s="15">
        <v>45477</v>
      </c>
      <c r="F103396" s="14" t="s">
        <v>61</v>
      </c>
      <c r="G103396" s="16">
        <v>0</v>
      </c>
    </row>
    <row r="103397" spans="1:7" x14ac:dyDescent="0.3">
      <c r="A103397" s="13" t="s">
        <v>505</v>
      </c>
      <c r="B103397" s="14" t="s">
        <v>1</v>
      </c>
      <c r="C103397" s="14" t="s">
        <v>109</v>
      </c>
      <c r="D103397" s="14" t="s">
        <v>506</v>
      </c>
      <c r="E103397" s="15">
        <v>45478</v>
      </c>
      <c r="F103397" s="14" t="s">
        <v>61</v>
      </c>
      <c r="G103397" s="16">
        <v>0</v>
      </c>
    </row>
    <row r="103398" spans="1:7" x14ac:dyDescent="0.3">
      <c r="A103398" s="13" t="s">
        <v>505</v>
      </c>
      <c r="B103398" s="14" t="s">
        <v>1</v>
      </c>
      <c r="C103398" s="14" t="s">
        <v>109</v>
      </c>
      <c r="D103398" s="14" t="s">
        <v>506</v>
      </c>
      <c r="E103398" s="15">
        <v>45479</v>
      </c>
      <c r="F103398" s="14" t="s">
        <v>61</v>
      </c>
      <c r="G103398" s="16">
        <v>0</v>
      </c>
    </row>
    <row r="103399" spans="1:7" x14ac:dyDescent="0.3">
      <c r="A103399" s="13" t="s">
        <v>505</v>
      </c>
      <c r="B103399" s="14" t="s">
        <v>1</v>
      </c>
      <c r="C103399" s="14" t="s">
        <v>109</v>
      </c>
      <c r="D103399" s="14" t="s">
        <v>506</v>
      </c>
      <c r="E103399" s="15">
        <v>45480</v>
      </c>
      <c r="F103399" s="14" t="s">
        <v>61</v>
      </c>
      <c r="G103399" s="16">
        <v>0</v>
      </c>
    </row>
    <row r="103400" spans="1:7" x14ac:dyDescent="0.3">
      <c r="A103400" s="13" t="s">
        <v>505</v>
      </c>
      <c r="B103400" s="14" t="s">
        <v>1</v>
      </c>
      <c r="C103400" s="14" t="s">
        <v>109</v>
      </c>
      <c r="D103400" s="14" t="s">
        <v>506</v>
      </c>
      <c r="E103400" s="15">
        <v>45481</v>
      </c>
      <c r="F103400" s="14" t="s">
        <v>61</v>
      </c>
      <c r="G103400" s="16">
        <v>0</v>
      </c>
    </row>
    <row r="103401" spans="1:7" x14ac:dyDescent="0.3">
      <c r="A103401" s="13" t="s">
        <v>505</v>
      </c>
      <c r="B103401" s="14" t="s">
        <v>1</v>
      </c>
      <c r="C103401" s="14" t="s">
        <v>109</v>
      </c>
      <c r="D103401" s="14" t="s">
        <v>506</v>
      </c>
      <c r="E103401" s="15">
        <v>45482</v>
      </c>
      <c r="F103401" s="14" t="s">
        <v>61</v>
      </c>
      <c r="G103401" s="16">
        <v>0</v>
      </c>
    </row>
    <row r="103402" spans="1:7" x14ac:dyDescent="0.3">
      <c r="A103402" s="13" t="s">
        <v>505</v>
      </c>
      <c r="B103402" s="14" t="s">
        <v>1</v>
      </c>
      <c r="C103402" s="14" t="s">
        <v>109</v>
      </c>
      <c r="D103402" s="14" t="s">
        <v>506</v>
      </c>
      <c r="E103402" s="15">
        <v>45483</v>
      </c>
      <c r="F103402" s="14" t="s">
        <v>61</v>
      </c>
      <c r="G103402" s="16">
        <v>0</v>
      </c>
    </row>
    <row r="103403" spans="1:7" x14ac:dyDescent="0.3">
      <c r="A103403" s="13" t="s">
        <v>505</v>
      </c>
      <c r="B103403" s="14" t="s">
        <v>1</v>
      </c>
      <c r="C103403" s="14" t="s">
        <v>109</v>
      </c>
      <c r="D103403" s="14" t="s">
        <v>506</v>
      </c>
      <c r="E103403" s="15">
        <v>45484</v>
      </c>
      <c r="F103403" s="14" t="s">
        <v>61</v>
      </c>
      <c r="G103403" s="16">
        <v>0</v>
      </c>
    </row>
    <row r="103404" spans="1:7" x14ac:dyDescent="0.3">
      <c r="A103404" s="13" t="s">
        <v>505</v>
      </c>
      <c r="B103404" s="14" t="s">
        <v>1</v>
      </c>
      <c r="C103404" s="14" t="s">
        <v>109</v>
      </c>
      <c r="D103404" s="14" t="s">
        <v>506</v>
      </c>
      <c r="E103404" s="15">
        <v>45485</v>
      </c>
      <c r="F103404" s="14" t="s">
        <v>61</v>
      </c>
      <c r="G103404" s="16">
        <v>0</v>
      </c>
    </row>
    <row r="103405" spans="1:7" x14ac:dyDescent="0.3">
      <c r="A103405" s="13" t="s">
        <v>505</v>
      </c>
      <c r="B103405" s="14" t="s">
        <v>1</v>
      </c>
      <c r="C103405" s="14" t="s">
        <v>109</v>
      </c>
      <c r="D103405" s="14" t="s">
        <v>506</v>
      </c>
      <c r="E103405" s="15">
        <v>45486</v>
      </c>
      <c r="F103405" s="14" t="s">
        <v>61</v>
      </c>
      <c r="G103405" s="16">
        <v>0</v>
      </c>
    </row>
    <row r="103406" spans="1:7" x14ac:dyDescent="0.3">
      <c r="A103406" s="13" t="s">
        <v>505</v>
      </c>
      <c r="B103406" s="14" t="s">
        <v>1</v>
      </c>
      <c r="C103406" s="14" t="s">
        <v>109</v>
      </c>
      <c r="D103406" s="14" t="s">
        <v>506</v>
      </c>
      <c r="E103406" s="15">
        <v>45487</v>
      </c>
      <c r="F103406" s="14" t="s">
        <v>61</v>
      </c>
      <c r="G103406" s="16">
        <v>0</v>
      </c>
    </row>
    <row r="103407" spans="1:7" x14ac:dyDescent="0.3">
      <c r="A103407" s="13" t="s">
        <v>505</v>
      </c>
      <c r="B103407" s="14" t="s">
        <v>1</v>
      </c>
      <c r="C103407" s="14" t="s">
        <v>109</v>
      </c>
      <c r="D103407" s="14" t="s">
        <v>506</v>
      </c>
      <c r="E103407" s="15">
        <v>45488</v>
      </c>
      <c r="F103407" s="14" t="s">
        <v>61</v>
      </c>
      <c r="G103407" s="16">
        <v>0</v>
      </c>
    </row>
    <row r="103408" spans="1:7" x14ac:dyDescent="0.3">
      <c r="A103408" s="13" t="s">
        <v>505</v>
      </c>
      <c r="B103408" s="14" t="s">
        <v>1</v>
      </c>
      <c r="C103408" s="14" t="s">
        <v>109</v>
      </c>
      <c r="D103408" s="14" t="s">
        <v>506</v>
      </c>
      <c r="E103408" s="15">
        <v>45489</v>
      </c>
      <c r="F103408" s="14" t="s">
        <v>61</v>
      </c>
      <c r="G103408" s="16">
        <v>0</v>
      </c>
    </row>
    <row r="103409" spans="1:7" x14ac:dyDescent="0.3">
      <c r="A103409" s="13" t="s">
        <v>505</v>
      </c>
      <c r="B103409" s="14" t="s">
        <v>1</v>
      </c>
      <c r="C103409" s="14" t="s">
        <v>109</v>
      </c>
      <c r="D103409" s="14" t="s">
        <v>506</v>
      </c>
      <c r="E103409" s="15">
        <v>45490</v>
      </c>
      <c r="F103409" s="14" t="s">
        <v>61</v>
      </c>
      <c r="G103409" s="16">
        <v>0</v>
      </c>
    </row>
    <row r="103410" spans="1:7" x14ac:dyDescent="0.3">
      <c r="A103410" s="13" t="s">
        <v>505</v>
      </c>
      <c r="B103410" s="14" t="s">
        <v>1</v>
      </c>
      <c r="C103410" s="14" t="s">
        <v>109</v>
      </c>
      <c r="D103410" s="14" t="s">
        <v>506</v>
      </c>
      <c r="E103410" s="15">
        <v>45491</v>
      </c>
      <c r="F103410" s="14" t="s">
        <v>61</v>
      </c>
      <c r="G103410" s="16">
        <v>0</v>
      </c>
    </row>
    <row r="103411" spans="1:7" x14ac:dyDescent="0.3">
      <c r="A103411" s="13" t="s">
        <v>505</v>
      </c>
      <c r="B103411" s="14" t="s">
        <v>1</v>
      </c>
      <c r="C103411" s="14" t="s">
        <v>109</v>
      </c>
      <c r="D103411" s="14" t="s">
        <v>506</v>
      </c>
      <c r="E103411" s="15">
        <v>45492</v>
      </c>
      <c r="F103411" s="14" t="s">
        <v>61</v>
      </c>
      <c r="G103411" s="16">
        <v>0</v>
      </c>
    </row>
    <row r="103412" spans="1:7" x14ac:dyDescent="0.3">
      <c r="A103412" s="13" t="s">
        <v>505</v>
      </c>
      <c r="B103412" s="14" t="s">
        <v>1</v>
      </c>
      <c r="C103412" s="14" t="s">
        <v>109</v>
      </c>
      <c r="D103412" s="14" t="s">
        <v>506</v>
      </c>
      <c r="E103412" s="15">
        <v>45493</v>
      </c>
      <c r="F103412" s="14" t="s">
        <v>61</v>
      </c>
      <c r="G103412" s="16">
        <v>0</v>
      </c>
    </row>
    <row r="103413" spans="1:7" x14ac:dyDescent="0.3">
      <c r="A103413" s="13" t="s">
        <v>505</v>
      </c>
      <c r="B103413" s="14" t="s">
        <v>1</v>
      </c>
      <c r="C103413" s="14" t="s">
        <v>109</v>
      </c>
      <c r="D103413" s="14" t="s">
        <v>506</v>
      </c>
      <c r="E103413" s="15">
        <v>45494</v>
      </c>
      <c r="F103413" s="14" t="s">
        <v>61</v>
      </c>
      <c r="G103413" s="16">
        <v>0</v>
      </c>
    </row>
    <row r="103414" spans="1:7" x14ac:dyDescent="0.3">
      <c r="A103414" s="13" t="s">
        <v>505</v>
      </c>
      <c r="B103414" s="14" t="s">
        <v>1</v>
      </c>
      <c r="C103414" s="14" t="s">
        <v>109</v>
      </c>
      <c r="D103414" s="14" t="s">
        <v>506</v>
      </c>
      <c r="E103414" s="15">
        <v>45495</v>
      </c>
      <c r="F103414" s="14" t="s">
        <v>61</v>
      </c>
      <c r="G103414" s="16">
        <v>0</v>
      </c>
    </row>
    <row r="103415" spans="1:7" x14ac:dyDescent="0.3">
      <c r="A103415" s="13" t="s">
        <v>505</v>
      </c>
      <c r="B103415" s="14" t="s">
        <v>1</v>
      </c>
      <c r="C103415" s="14" t="s">
        <v>109</v>
      </c>
      <c r="D103415" s="14" t="s">
        <v>506</v>
      </c>
      <c r="E103415" s="15">
        <v>45496</v>
      </c>
      <c r="F103415" s="14" t="s">
        <v>61</v>
      </c>
      <c r="G103415" s="16">
        <v>0</v>
      </c>
    </row>
    <row r="103416" spans="1:7" x14ac:dyDescent="0.3">
      <c r="A103416" s="13" t="s">
        <v>505</v>
      </c>
      <c r="B103416" s="14" t="s">
        <v>1</v>
      </c>
      <c r="C103416" s="14" t="s">
        <v>109</v>
      </c>
      <c r="D103416" s="14" t="s">
        <v>506</v>
      </c>
      <c r="E103416" s="15">
        <v>45497</v>
      </c>
      <c r="F103416" s="14" t="s">
        <v>61</v>
      </c>
      <c r="G103416" s="16">
        <v>0</v>
      </c>
    </row>
    <row r="103417" spans="1:7" x14ac:dyDescent="0.3">
      <c r="A103417" s="13" t="s">
        <v>505</v>
      </c>
      <c r="B103417" s="14" t="s">
        <v>1</v>
      </c>
      <c r="C103417" s="14" t="s">
        <v>109</v>
      </c>
      <c r="D103417" s="14" t="s">
        <v>506</v>
      </c>
      <c r="E103417" s="15">
        <v>45498</v>
      </c>
      <c r="F103417" s="14" t="s">
        <v>61</v>
      </c>
      <c r="G103417" s="16">
        <v>0</v>
      </c>
    </row>
    <row r="103418" spans="1:7" x14ac:dyDescent="0.3">
      <c r="A103418" s="13" t="s">
        <v>505</v>
      </c>
      <c r="B103418" s="14" t="s">
        <v>1</v>
      </c>
      <c r="C103418" s="14" t="s">
        <v>109</v>
      </c>
      <c r="D103418" s="14" t="s">
        <v>506</v>
      </c>
      <c r="E103418" s="15">
        <v>45499</v>
      </c>
      <c r="F103418" s="14" t="s">
        <v>61</v>
      </c>
      <c r="G103418" s="16">
        <v>0</v>
      </c>
    </row>
    <row r="103419" spans="1:7" x14ac:dyDescent="0.3">
      <c r="A103419" s="13" t="s">
        <v>505</v>
      </c>
      <c r="B103419" s="14" t="s">
        <v>1</v>
      </c>
      <c r="C103419" s="14" t="s">
        <v>109</v>
      </c>
      <c r="D103419" s="14" t="s">
        <v>506</v>
      </c>
      <c r="E103419" s="15">
        <v>45500</v>
      </c>
      <c r="F103419" s="14" t="s">
        <v>61</v>
      </c>
      <c r="G103419" s="16">
        <v>0</v>
      </c>
    </row>
    <row r="103420" spans="1:7" x14ac:dyDescent="0.3">
      <c r="A103420" s="13" t="s">
        <v>505</v>
      </c>
      <c r="B103420" s="14" t="s">
        <v>1</v>
      </c>
      <c r="C103420" s="14" t="s">
        <v>109</v>
      </c>
      <c r="D103420" s="14" t="s">
        <v>506</v>
      </c>
      <c r="E103420" s="15">
        <v>45501</v>
      </c>
      <c r="F103420" s="14" t="s">
        <v>61</v>
      </c>
      <c r="G103420" s="16">
        <v>0</v>
      </c>
    </row>
    <row r="103421" spans="1:7" x14ac:dyDescent="0.3">
      <c r="A103421" s="13" t="s">
        <v>505</v>
      </c>
      <c r="B103421" s="14" t="s">
        <v>1</v>
      </c>
      <c r="C103421" s="14" t="s">
        <v>109</v>
      </c>
      <c r="D103421" s="14" t="s">
        <v>506</v>
      </c>
      <c r="E103421" s="15">
        <v>45502</v>
      </c>
      <c r="F103421" s="14" t="s">
        <v>61</v>
      </c>
      <c r="G103421" s="16">
        <v>0</v>
      </c>
    </row>
    <row r="103422" spans="1:7" x14ac:dyDescent="0.3">
      <c r="A103422" s="13" t="s">
        <v>505</v>
      </c>
      <c r="B103422" s="14" t="s">
        <v>1</v>
      </c>
      <c r="C103422" s="14" t="s">
        <v>109</v>
      </c>
      <c r="D103422" s="14" t="s">
        <v>506</v>
      </c>
      <c r="E103422" s="15">
        <v>45503</v>
      </c>
      <c r="F103422" s="14" t="s">
        <v>61</v>
      </c>
      <c r="G103422" s="16">
        <v>0</v>
      </c>
    </row>
    <row r="103423" spans="1:7" x14ac:dyDescent="0.3">
      <c r="A103423" s="13" t="s">
        <v>505</v>
      </c>
      <c r="B103423" s="14" t="s">
        <v>1</v>
      </c>
      <c r="C103423" s="14" t="s">
        <v>109</v>
      </c>
      <c r="D103423" s="14" t="s">
        <v>506</v>
      </c>
      <c r="E103423" s="15">
        <v>45504</v>
      </c>
      <c r="F103423" s="14" t="s">
        <v>61</v>
      </c>
      <c r="G103423" s="16">
        <v>0</v>
      </c>
    </row>
    <row r="103424" spans="1:7" x14ac:dyDescent="0.3">
      <c r="A103424" s="13" t="s">
        <v>505</v>
      </c>
      <c r="B103424" s="14" t="s">
        <v>1</v>
      </c>
      <c r="C103424" s="14" t="s">
        <v>109</v>
      </c>
      <c r="D103424" s="14" t="s">
        <v>506</v>
      </c>
      <c r="E103424" s="15">
        <v>45505</v>
      </c>
      <c r="F103424" s="14" t="s">
        <v>61</v>
      </c>
      <c r="G103424" s="16">
        <v>0</v>
      </c>
    </row>
    <row r="103425" spans="1:7" x14ac:dyDescent="0.3">
      <c r="A103425" s="13" t="s">
        <v>505</v>
      </c>
      <c r="B103425" s="14" t="s">
        <v>1</v>
      </c>
      <c r="C103425" s="14" t="s">
        <v>109</v>
      </c>
      <c r="D103425" s="14" t="s">
        <v>506</v>
      </c>
      <c r="E103425" s="15">
        <v>45506</v>
      </c>
      <c r="F103425" s="14" t="s">
        <v>61</v>
      </c>
      <c r="G103425" s="16">
        <v>0</v>
      </c>
    </row>
    <row r="103426" spans="1:7" x14ac:dyDescent="0.3">
      <c r="A103426" s="13" t="s">
        <v>505</v>
      </c>
      <c r="B103426" s="14" t="s">
        <v>1</v>
      </c>
      <c r="C103426" s="14" t="s">
        <v>109</v>
      </c>
      <c r="D103426" s="14" t="s">
        <v>506</v>
      </c>
      <c r="E103426" s="15">
        <v>45507</v>
      </c>
      <c r="F103426" s="14" t="s">
        <v>61</v>
      </c>
      <c r="G103426" s="16">
        <v>0</v>
      </c>
    </row>
    <row r="103427" spans="1:7" x14ac:dyDescent="0.3">
      <c r="A103427" s="13" t="s">
        <v>505</v>
      </c>
      <c r="B103427" s="14" t="s">
        <v>1</v>
      </c>
      <c r="C103427" s="14" t="s">
        <v>109</v>
      </c>
      <c r="D103427" s="14" t="s">
        <v>506</v>
      </c>
      <c r="E103427" s="15">
        <v>45508</v>
      </c>
      <c r="F103427" s="14" t="s">
        <v>61</v>
      </c>
      <c r="G103427" s="16">
        <v>0</v>
      </c>
    </row>
    <row r="103428" spans="1:7" x14ac:dyDescent="0.3">
      <c r="A103428" s="13" t="s">
        <v>505</v>
      </c>
      <c r="B103428" s="14" t="s">
        <v>1</v>
      </c>
      <c r="C103428" s="14" t="s">
        <v>109</v>
      </c>
      <c r="D103428" s="14" t="s">
        <v>506</v>
      </c>
      <c r="E103428" s="15">
        <v>45509</v>
      </c>
      <c r="F103428" s="14" t="s">
        <v>61</v>
      </c>
      <c r="G103428" s="16">
        <v>0</v>
      </c>
    </row>
    <row r="103429" spans="1:7" x14ac:dyDescent="0.3">
      <c r="A103429" s="13" t="s">
        <v>505</v>
      </c>
      <c r="B103429" s="14" t="s">
        <v>1</v>
      </c>
      <c r="C103429" s="14" t="s">
        <v>109</v>
      </c>
      <c r="D103429" s="14" t="s">
        <v>506</v>
      </c>
      <c r="E103429" s="15">
        <v>45510</v>
      </c>
      <c r="F103429" s="14" t="s">
        <v>61</v>
      </c>
      <c r="G103429" s="16">
        <v>0</v>
      </c>
    </row>
    <row r="103430" spans="1:7" x14ac:dyDescent="0.3">
      <c r="A103430" s="13" t="s">
        <v>505</v>
      </c>
      <c r="B103430" s="14" t="s">
        <v>1</v>
      </c>
      <c r="C103430" s="14" t="s">
        <v>109</v>
      </c>
      <c r="D103430" s="14" t="s">
        <v>506</v>
      </c>
      <c r="E103430" s="15">
        <v>45511</v>
      </c>
      <c r="F103430" s="14" t="s">
        <v>61</v>
      </c>
      <c r="G103430" s="16">
        <v>0</v>
      </c>
    </row>
    <row r="103431" spans="1:7" x14ac:dyDescent="0.3">
      <c r="A103431" s="13" t="s">
        <v>505</v>
      </c>
      <c r="B103431" s="14" t="s">
        <v>1</v>
      </c>
      <c r="C103431" s="14" t="s">
        <v>109</v>
      </c>
      <c r="D103431" s="14" t="s">
        <v>506</v>
      </c>
      <c r="E103431" s="15">
        <v>45512</v>
      </c>
      <c r="F103431" s="14" t="s">
        <v>61</v>
      </c>
      <c r="G103431" s="16">
        <v>0</v>
      </c>
    </row>
    <row r="103432" spans="1:7" x14ac:dyDescent="0.3">
      <c r="A103432" s="13" t="s">
        <v>505</v>
      </c>
      <c r="B103432" s="14" t="s">
        <v>1</v>
      </c>
      <c r="C103432" s="14" t="s">
        <v>109</v>
      </c>
      <c r="D103432" s="14" t="s">
        <v>506</v>
      </c>
      <c r="E103432" s="15">
        <v>45513</v>
      </c>
      <c r="F103432" s="14" t="s">
        <v>61</v>
      </c>
      <c r="G103432" s="16">
        <v>0</v>
      </c>
    </row>
    <row r="103433" spans="1:7" x14ac:dyDescent="0.3">
      <c r="A103433" s="13" t="s">
        <v>505</v>
      </c>
      <c r="B103433" s="14" t="s">
        <v>1</v>
      </c>
      <c r="C103433" s="14" t="s">
        <v>109</v>
      </c>
      <c r="D103433" s="14" t="s">
        <v>506</v>
      </c>
      <c r="E103433" s="15">
        <v>45514</v>
      </c>
      <c r="F103433" s="14" t="s">
        <v>61</v>
      </c>
      <c r="G103433" s="16">
        <v>0</v>
      </c>
    </row>
    <row r="103434" spans="1:7" x14ac:dyDescent="0.3">
      <c r="A103434" s="13" t="s">
        <v>505</v>
      </c>
      <c r="B103434" s="14" t="s">
        <v>1</v>
      </c>
      <c r="C103434" s="14" t="s">
        <v>109</v>
      </c>
      <c r="D103434" s="14" t="s">
        <v>506</v>
      </c>
      <c r="E103434" s="15">
        <v>45515</v>
      </c>
      <c r="F103434" s="14" t="s">
        <v>61</v>
      </c>
      <c r="G103434" s="16">
        <v>0</v>
      </c>
    </row>
    <row r="103435" spans="1:7" x14ac:dyDescent="0.3">
      <c r="A103435" s="13" t="s">
        <v>505</v>
      </c>
      <c r="B103435" s="14" t="s">
        <v>1</v>
      </c>
      <c r="C103435" s="14" t="s">
        <v>109</v>
      </c>
      <c r="D103435" s="14" t="s">
        <v>506</v>
      </c>
      <c r="E103435" s="15">
        <v>45516</v>
      </c>
      <c r="F103435" s="14" t="s">
        <v>61</v>
      </c>
      <c r="G103435" s="16">
        <v>0</v>
      </c>
    </row>
    <row r="103436" spans="1:7" x14ac:dyDescent="0.3">
      <c r="A103436" s="13" t="s">
        <v>505</v>
      </c>
      <c r="B103436" s="14" t="s">
        <v>1</v>
      </c>
      <c r="C103436" s="14" t="s">
        <v>109</v>
      </c>
      <c r="D103436" s="14" t="s">
        <v>506</v>
      </c>
      <c r="E103436" s="15">
        <v>45517</v>
      </c>
      <c r="F103436" s="14" t="s">
        <v>61</v>
      </c>
      <c r="G103436" s="16">
        <v>0</v>
      </c>
    </row>
    <row r="103437" spans="1:7" x14ac:dyDescent="0.3">
      <c r="A103437" s="13" t="s">
        <v>505</v>
      </c>
      <c r="B103437" s="14" t="s">
        <v>1</v>
      </c>
      <c r="C103437" s="14" t="s">
        <v>109</v>
      </c>
      <c r="D103437" s="14" t="s">
        <v>506</v>
      </c>
      <c r="E103437" s="15">
        <v>45518</v>
      </c>
      <c r="F103437" s="14" t="s">
        <v>61</v>
      </c>
      <c r="G103437" s="16">
        <v>0</v>
      </c>
    </row>
    <row r="103438" spans="1:7" x14ac:dyDescent="0.3">
      <c r="A103438" s="13" t="s">
        <v>505</v>
      </c>
      <c r="B103438" s="14" t="s">
        <v>1</v>
      </c>
      <c r="C103438" s="14" t="s">
        <v>109</v>
      </c>
      <c r="D103438" s="14" t="s">
        <v>506</v>
      </c>
      <c r="E103438" s="15">
        <v>45519</v>
      </c>
      <c r="F103438" s="14" t="s">
        <v>61</v>
      </c>
      <c r="G103438" s="16">
        <v>0</v>
      </c>
    </row>
    <row r="103439" spans="1:7" x14ac:dyDescent="0.3">
      <c r="A103439" s="13" t="s">
        <v>505</v>
      </c>
      <c r="B103439" s="14" t="s">
        <v>1</v>
      </c>
      <c r="C103439" s="14" t="s">
        <v>109</v>
      </c>
      <c r="D103439" s="14" t="s">
        <v>506</v>
      </c>
      <c r="E103439" s="15">
        <v>45520</v>
      </c>
      <c r="F103439" s="14" t="s">
        <v>61</v>
      </c>
      <c r="G103439" s="16">
        <v>0</v>
      </c>
    </row>
    <row r="103440" spans="1:7" x14ac:dyDescent="0.3">
      <c r="A103440" s="13" t="s">
        <v>505</v>
      </c>
      <c r="B103440" s="14" t="s">
        <v>1</v>
      </c>
      <c r="C103440" s="14" t="s">
        <v>109</v>
      </c>
      <c r="D103440" s="14" t="s">
        <v>506</v>
      </c>
      <c r="E103440" s="15">
        <v>45521</v>
      </c>
      <c r="F103440" s="14" t="s">
        <v>61</v>
      </c>
      <c r="G103440" s="16">
        <v>0</v>
      </c>
    </row>
    <row r="103441" spans="1:7" x14ac:dyDescent="0.3">
      <c r="A103441" s="13" t="s">
        <v>505</v>
      </c>
      <c r="B103441" s="14" t="s">
        <v>1</v>
      </c>
      <c r="C103441" s="14" t="s">
        <v>109</v>
      </c>
      <c r="D103441" s="14" t="s">
        <v>506</v>
      </c>
      <c r="E103441" s="15">
        <v>45522</v>
      </c>
      <c r="F103441" s="14" t="s">
        <v>61</v>
      </c>
      <c r="G103441" s="16">
        <v>0</v>
      </c>
    </row>
    <row r="103442" spans="1:7" x14ac:dyDescent="0.3">
      <c r="A103442" s="13" t="s">
        <v>505</v>
      </c>
      <c r="B103442" s="14" t="s">
        <v>1</v>
      </c>
      <c r="C103442" s="14" t="s">
        <v>109</v>
      </c>
      <c r="D103442" s="14" t="s">
        <v>506</v>
      </c>
      <c r="E103442" s="15">
        <v>45523</v>
      </c>
      <c r="F103442" s="14" t="s">
        <v>61</v>
      </c>
      <c r="G103442" s="16">
        <v>0</v>
      </c>
    </row>
    <row r="103443" spans="1:7" x14ac:dyDescent="0.3">
      <c r="A103443" s="13" t="s">
        <v>505</v>
      </c>
      <c r="B103443" s="14" t="s">
        <v>1</v>
      </c>
      <c r="C103443" s="14" t="s">
        <v>109</v>
      </c>
      <c r="D103443" s="14" t="s">
        <v>506</v>
      </c>
      <c r="E103443" s="15">
        <v>45524</v>
      </c>
      <c r="F103443" s="14" t="s">
        <v>61</v>
      </c>
      <c r="G103443" s="16">
        <v>0</v>
      </c>
    </row>
    <row r="103444" spans="1:7" x14ac:dyDescent="0.3">
      <c r="A103444" s="13" t="s">
        <v>505</v>
      </c>
      <c r="B103444" s="14" t="s">
        <v>1</v>
      </c>
      <c r="C103444" s="14" t="s">
        <v>109</v>
      </c>
      <c r="D103444" s="14" t="s">
        <v>506</v>
      </c>
      <c r="E103444" s="15">
        <v>45525</v>
      </c>
      <c r="F103444" s="14" t="s">
        <v>61</v>
      </c>
      <c r="G103444" s="16">
        <v>0</v>
      </c>
    </row>
    <row r="103445" spans="1:7" x14ac:dyDescent="0.3">
      <c r="A103445" s="13" t="s">
        <v>505</v>
      </c>
      <c r="B103445" s="14" t="s">
        <v>1</v>
      </c>
      <c r="C103445" s="14" t="s">
        <v>109</v>
      </c>
      <c r="D103445" s="14" t="s">
        <v>506</v>
      </c>
      <c r="E103445" s="15">
        <v>45526</v>
      </c>
      <c r="F103445" s="14" t="s">
        <v>61</v>
      </c>
      <c r="G103445" s="16">
        <v>0</v>
      </c>
    </row>
    <row r="103446" spans="1:7" x14ac:dyDescent="0.3">
      <c r="A103446" s="13" t="s">
        <v>505</v>
      </c>
      <c r="B103446" s="14" t="s">
        <v>1</v>
      </c>
      <c r="C103446" s="14" t="s">
        <v>109</v>
      </c>
      <c r="D103446" s="14" t="s">
        <v>506</v>
      </c>
      <c r="E103446" s="15">
        <v>45527</v>
      </c>
      <c r="F103446" s="14" t="s">
        <v>61</v>
      </c>
      <c r="G103446" s="16">
        <v>0</v>
      </c>
    </row>
    <row r="103447" spans="1:7" x14ac:dyDescent="0.3">
      <c r="A103447" s="13" t="s">
        <v>505</v>
      </c>
      <c r="B103447" s="14" t="s">
        <v>1</v>
      </c>
      <c r="C103447" s="14" t="s">
        <v>109</v>
      </c>
      <c r="D103447" s="14" t="s">
        <v>506</v>
      </c>
      <c r="E103447" s="15">
        <v>45528</v>
      </c>
      <c r="F103447" s="14" t="s">
        <v>61</v>
      </c>
      <c r="G103447" s="16">
        <v>0</v>
      </c>
    </row>
    <row r="103448" spans="1:7" x14ac:dyDescent="0.3">
      <c r="A103448" s="13" t="s">
        <v>505</v>
      </c>
      <c r="B103448" s="14" t="s">
        <v>1</v>
      </c>
      <c r="C103448" s="14" t="s">
        <v>109</v>
      </c>
      <c r="D103448" s="14" t="s">
        <v>506</v>
      </c>
      <c r="E103448" s="15">
        <v>45529</v>
      </c>
      <c r="F103448" s="14" t="s">
        <v>61</v>
      </c>
      <c r="G103448" s="16">
        <v>0</v>
      </c>
    </row>
    <row r="103449" spans="1:7" x14ac:dyDescent="0.3">
      <c r="A103449" s="13" t="s">
        <v>505</v>
      </c>
      <c r="B103449" s="14" t="s">
        <v>1</v>
      </c>
      <c r="C103449" s="14" t="s">
        <v>109</v>
      </c>
      <c r="D103449" s="14" t="s">
        <v>506</v>
      </c>
      <c r="E103449" s="15">
        <v>45530</v>
      </c>
      <c r="F103449" s="14" t="s">
        <v>61</v>
      </c>
      <c r="G103449" s="16">
        <v>0</v>
      </c>
    </row>
    <row r="103450" spans="1:7" x14ac:dyDescent="0.3">
      <c r="A103450" s="13" t="s">
        <v>505</v>
      </c>
      <c r="B103450" s="14" t="s">
        <v>1</v>
      </c>
      <c r="C103450" s="14" t="s">
        <v>109</v>
      </c>
      <c r="D103450" s="14" t="s">
        <v>506</v>
      </c>
      <c r="E103450" s="15">
        <v>45531</v>
      </c>
      <c r="F103450" s="14" t="s">
        <v>61</v>
      </c>
      <c r="G103450" s="16">
        <v>0</v>
      </c>
    </row>
    <row r="103451" spans="1:7" x14ac:dyDescent="0.3">
      <c r="A103451" s="13" t="s">
        <v>505</v>
      </c>
      <c r="B103451" s="14" t="s">
        <v>1</v>
      </c>
      <c r="C103451" s="14" t="s">
        <v>109</v>
      </c>
      <c r="D103451" s="14" t="s">
        <v>506</v>
      </c>
      <c r="E103451" s="15">
        <v>45532</v>
      </c>
      <c r="F103451" s="14" t="s">
        <v>61</v>
      </c>
      <c r="G103451" s="16">
        <v>0</v>
      </c>
    </row>
    <row r="103452" spans="1:7" x14ac:dyDescent="0.3">
      <c r="A103452" s="13" t="s">
        <v>505</v>
      </c>
      <c r="B103452" s="14" t="s">
        <v>1</v>
      </c>
      <c r="C103452" s="14" t="s">
        <v>109</v>
      </c>
      <c r="D103452" s="14" t="s">
        <v>506</v>
      </c>
      <c r="E103452" s="15">
        <v>45533</v>
      </c>
      <c r="F103452" s="14" t="s">
        <v>61</v>
      </c>
      <c r="G103452" s="16">
        <v>0</v>
      </c>
    </row>
    <row r="103453" spans="1:7" x14ac:dyDescent="0.3">
      <c r="A103453" s="13" t="s">
        <v>505</v>
      </c>
      <c r="B103453" s="14" t="s">
        <v>1</v>
      </c>
      <c r="C103453" s="14" t="s">
        <v>109</v>
      </c>
      <c r="D103453" s="14" t="s">
        <v>506</v>
      </c>
      <c r="E103453" s="15">
        <v>45534</v>
      </c>
      <c r="F103453" s="14" t="s">
        <v>61</v>
      </c>
      <c r="G103453" s="16">
        <v>0</v>
      </c>
    </row>
    <row r="103454" spans="1:7" x14ac:dyDescent="0.3">
      <c r="A103454" s="13" t="s">
        <v>505</v>
      </c>
      <c r="B103454" s="14" t="s">
        <v>1</v>
      </c>
      <c r="C103454" s="14" t="s">
        <v>109</v>
      </c>
      <c r="D103454" s="14" t="s">
        <v>506</v>
      </c>
      <c r="E103454" s="15">
        <v>45535</v>
      </c>
      <c r="F103454" s="14" t="s">
        <v>61</v>
      </c>
      <c r="G103454" s="16">
        <v>0</v>
      </c>
    </row>
    <row r="103455" spans="1:7" x14ac:dyDescent="0.3">
      <c r="A103455" s="13" t="s">
        <v>505</v>
      </c>
      <c r="B103455" s="14" t="s">
        <v>1</v>
      </c>
      <c r="C103455" s="14" t="s">
        <v>109</v>
      </c>
      <c r="D103455" s="14" t="s">
        <v>506</v>
      </c>
      <c r="E103455" s="15">
        <v>45536</v>
      </c>
      <c r="F103455" s="14" t="s">
        <v>61</v>
      </c>
      <c r="G103455" s="16">
        <v>0</v>
      </c>
    </row>
    <row r="103456" spans="1:7" x14ac:dyDescent="0.3">
      <c r="A103456" s="13" t="s">
        <v>505</v>
      </c>
      <c r="B103456" s="14" t="s">
        <v>1</v>
      </c>
      <c r="C103456" s="14" t="s">
        <v>109</v>
      </c>
      <c r="D103456" s="14" t="s">
        <v>506</v>
      </c>
      <c r="E103456" s="15">
        <v>45537</v>
      </c>
      <c r="F103456" s="14" t="s">
        <v>61</v>
      </c>
      <c r="G103456" s="16">
        <v>0</v>
      </c>
    </row>
    <row r="103457" spans="1:7" x14ac:dyDescent="0.3">
      <c r="A103457" s="13" t="s">
        <v>505</v>
      </c>
      <c r="B103457" s="14" t="s">
        <v>1</v>
      </c>
      <c r="C103457" s="14" t="s">
        <v>109</v>
      </c>
      <c r="D103457" s="14" t="s">
        <v>506</v>
      </c>
      <c r="E103457" s="15">
        <v>45538</v>
      </c>
      <c r="F103457" s="14" t="s">
        <v>61</v>
      </c>
      <c r="G103457" s="16">
        <v>0</v>
      </c>
    </row>
    <row r="103458" spans="1:7" x14ac:dyDescent="0.3">
      <c r="A103458" s="13" t="s">
        <v>505</v>
      </c>
      <c r="B103458" s="14" t="s">
        <v>1</v>
      </c>
      <c r="C103458" s="14" t="s">
        <v>109</v>
      </c>
      <c r="D103458" s="14" t="s">
        <v>506</v>
      </c>
      <c r="E103458" s="15">
        <v>45539</v>
      </c>
      <c r="F103458" s="14" t="s">
        <v>61</v>
      </c>
      <c r="G103458" s="16">
        <v>0</v>
      </c>
    </row>
    <row r="103459" spans="1:7" x14ac:dyDescent="0.3">
      <c r="A103459" s="13" t="s">
        <v>505</v>
      </c>
      <c r="B103459" s="14" t="s">
        <v>1</v>
      </c>
      <c r="C103459" s="14" t="s">
        <v>109</v>
      </c>
      <c r="D103459" s="14" t="s">
        <v>506</v>
      </c>
      <c r="E103459" s="15">
        <v>45540</v>
      </c>
      <c r="F103459" s="14" t="s">
        <v>61</v>
      </c>
      <c r="G103459" s="16">
        <v>0</v>
      </c>
    </row>
    <row r="103460" spans="1:7" x14ac:dyDescent="0.3">
      <c r="A103460" s="13" t="s">
        <v>505</v>
      </c>
      <c r="B103460" s="14" t="s">
        <v>1</v>
      </c>
      <c r="C103460" s="14" t="s">
        <v>109</v>
      </c>
      <c r="D103460" s="14" t="s">
        <v>506</v>
      </c>
      <c r="E103460" s="15">
        <v>45541</v>
      </c>
      <c r="F103460" s="14" t="s">
        <v>61</v>
      </c>
      <c r="G103460" s="16">
        <v>0</v>
      </c>
    </row>
    <row r="103461" spans="1:7" x14ac:dyDescent="0.3">
      <c r="A103461" s="13" t="s">
        <v>505</v>
      </c>
      <c r="B103461" s="14" t="s">
        <v>1</v>
      </c>
      <c r="C103461" s="14" t="s">
        <v>109</v>
      </c>
      <c r="D103461" s="14" t="s">
        <v>506</v>
      </c>
      <c r="E103461" s="15">
        <v>45542</v>
      </c>
      <c r="F103461" s="14" t="s">
        <v>61</v>
      </c>
      <c r="G103461" s="16">
        <v>0</v>
      </c>
    </row>
    <row r="103462" spans="1:7" x14ac:dyDescent="0.3">
      <c r="A103462" s="13" t="s">
        <v>505</v>
      </c>
      <c r="B103462" s="14" t="s">
        <v>1</v>
      </c>
      <c r="C103462" s="14" t="s">
        <v>109</v>
      </c>
      <c r="D103462" s="14" t="s">
        <v>506</v>
      </c>
      <c r="E103462" s="15">
        <v>45543</v>
      </c>
      <c r="F103462" s="14" t="s">
        <v>61</v>
      </c>
      <c r="G103462" s="16">
        <v>0</v>
      </c>
    </row>
    <row r="103463" spans="1:7" x14ac:dyDescent="0.3">
      <c r="A103463" s="13" t="s">
        <v>505</v>
      </c>
      <c r="B103463" s="14" t="s">
        <v>1</v>
      </c>
      <c r="C103463" s="14" t="s">
        <v>109</v>
      </c>
      <c r="D103463" s="14" t="s">
        <v>506</v>
      </c>
      <c r="E103463" s="15">
        <v>45544</v>
      </c>
      <c r="F103463" s="14" t="s">
        <v>61</v>
      </c>
      <c r="G103463" s="16">
        <v>0</v>
      </c>
    </row>
    <row r="103464" spans="1:7" x14ac:dyDescent="0.3">
      <c r="A103464" s="13" t="s">
        <v>505</v>
      </c>
      <c r="B103464" s="14" t="s">
        <v>1</v>
      </c>
      <c r="C103464" s="14" t="s">
        <v>109</v>
      </c>
      <c r="D103464" s="14" t="s">
        <v>506</v>
      </c>
      <c r="E103464" s="15">
        <v>45545</v>
      </c>
      <c r="F103464" s="14" t="s">
        <v>61</v>
      </c>
      <c r="G103464" s="16">
        <v>0</v>
      </c>
    </row>
    <row r="103465" spans="1:7" x14ac:dyDescent="0.3">
      <c r="A103465" s="13" t="s">
        <v>505</v>
      </c>
      <c r="B103465" s="14" t="s">
        <v>1</v>
      </c>
      <c r="C103465" s="14" t="s">
        <v>109</v>
      </c>
      <c r="D103465" s="14" t="s">
        <v>506</v>
      </c>
      <c r="E103465" s="15">
        <v>45546</v>
      </c>
      <c r="F103465" s="14" t="s">
        <v>61</v>
      </c>
      <c r="G103465" s="16">
        <v>0</v>
      </c>
    </row>
    <row r="103466" spans="1:7" x14ac:dyDescent="0.3">
      <c r="A103466" s="13" t="s">
        <v>505</v>
      </c>
      <c r="B103466" s="14" t="s">
        <v>1</v>
      </c>
      <c r="C103466" s="14" t="s">
        <v>109</v>
      </c>
      <c r="D103466" s="14" t="s">
        <v>506</v>
      </c>
      <c r="E103466" s="15">
        <v>45547</v>
      </c>
      <c r="F103466" s="14" t="s">
        <v>61</v>
      </c>
      <c r="G103466" s="16">
        <v>0</v>
      </c>
    </row>
    <row r="103467" spans="1:7" x14ac:dyDescent="0.3">
      <c r="A103467" s="13" t="s">
        <v>505</v>
      </c>
      <c r="B103467" s="14" t="s">
        <v>1</v>
      </c>
      <c r="C103467" s="14" t="s">
        <v>109</v>
      </c>
      <c r="D103467" s="14" t="s">
        <v>506</v>
      </c>
      <c r="E103467" s="15">
        <v>45548</v>
      </c>
      <c r="F103467" s="14" t="s">
        <v>61</v>
      </c>
      <c r="G103467" s="16">
        <v>0</v>
      </c>
    </row>
    <row r="103468" spans="1:7" x14ac:dyDescent="0.3">
      <c r="A103468" s="13" t="s">
        <v>505</v>
      </c>
      <c r="B103468" s="14" t="s">
        <v>1</v>
      </c>
      <c r="C103468" s="14" t="s">
        <v>109</v>
      </c>
      <c r="D103468" s="14" t="s">
        <v>506</v>
      </c>
      <c r="E103468" s="15">
        <v>45549</v>
      </c>
      <c r="F103468" s="14" t="s">
        <v>61</v>
      </c>
      <c r="G103468" s="16">
        <v>0</v>
      </c>
    </row>
    <row r="103469" spans="1:7" x14ac:dyDescent="0.3">
      <c r="A103469" s="13" t="s">
        <v>505</v>
      </c>
      <c r="B103469" s="14" t="s">
        <v>1</v>
      </c>
      <c r="C103469" s="14" t="s">
        <v>109</v>
      </c>
      <c r="D103469" s="14" t="s">
        <v>506</v>
      </c>
      <c r="E103469" s="15">
        <v>45550</v>
      </c>
      <c r="F103469" s="14" t="s">
        <v>61</v>
      </c>
      <c r="G103469" s="16">
        <v>0</v>
      </c>
    </row>
    <row r="103470" spans="1:7" x14ac:dyDescent="0.3">
      <c r="A103470" s="13" t="s">
        <v>505</v>
      </c>
      <c r="B103470" s="14" t="s">
        <v>1</v>
      </c>
      <c r="C103470" s="14" t="s">
        <v>109</v>
      </c>
      <c r="D103470" s="14" t="s">
        <v>506</v>
      </c>
      <c r="E103470" s="15">
        <v>45551</v>
      </c>
      <c r="F103470" s="14" t="s">
        <v>61</v>
      </c>
      <c r="G103470" s="16">
        <v>0</v>
      </c>
    </row>
    <row r="103471" spans="1:7" x14ac:dyDescent="0.3">
      <c r="A103471" s="13" t="s">
        <v>505</v>
      </c>
      <c r="B103471" s="14" t="s">
        <v>1</v>
      </c>
      <c r="C103471" s="14" t="s">
        <v>109</v>
      </c>
      <c r="D103471" s="14" t="s">
        <v>506</v>
      </c>
      <c r="E103471" s="15">
        <v>45552</v>
      </c>
      <c r="F103471" s="14" t="s">
        <v>61</v>
      </c>
      <c r="G103471" s="16">
        <v>0</v>
      </c>
    </row>
    <row r="103472" spans="1:7" x14ac:dyDescent="0.3">
      <c r="A103472" s="13" t="s">
        <v>505</v>
      </c>
      <c r="B103472" s="14" t="s">
        <v>1</v>
      </c>
      <c r="C103472" s="14" t="s">
        <v>109</v>
      </c>
      <c r="D103472" s="14" t="s">
        <v>506</v>
      </c>
      <c r="E103472" s="15">
        <v>45553</v>
      </c>
      <c r="F103472" s="14" t="s">
        <v>61</v>
      </c>
      <c r="G103472" s="16">
        <v>0</v>
      </c>
    </row>
    <row r="103473" spans="1:7" x14ac:dyDescent="0.3">
      <c r="A103473" s="13" t="s">
        <v>505</v>
      </c>
      <c r="B103473" s="14" t="s">
        <v>1</v>
      </c>
      <c r="C103473" s="14" t="s">
        <v>109</v>
      </c>
      <c r="D103473" s="14" t="s">
        <v>506</v>
      </c>
      <c r="E103473" s="15">
        <v>45554</v>
      </c>
      <c r="F103473" s="14" t="s">
        <v>61</v>
      </c>
      <c r="G103473" s="16">
        <v>0</v>
      </c>
    </row>
    <row r="103474" spans="1:7" x14ac:dyDescent="0.3">
      <c r="A103474" s="13" t="s">
        <v>505</v>
      </c>
      <c r="B103474" s="14" t="s">
        <v>1</v>
      </c>
      <c r="C103474" s="14" t="s">
        <v>109</v>
      </c>
      <c r="D103474" s="14" t="s">
        <v>506</v>
      </c>
      <c r="E103474" s="15">
        <v>45555</v>
      </c>
      <c r="F103474" s="14" t="s">
        <v>61</v>
      </c>
      <c r="G103474" s="16">
        <v>0</v>
      </c>
    </row>
    <row r="103475" spans="1:7" x14ac:dyDescent="0.3">
      <c r="A103475" s="13" t="s">
        <v>505</v>
      </c>
      <c r="B103475" s="14" t="s">
        <v>1</v>
      </c>
      <c r="C103475" s="14" t="s">
        <v>109</v>
      </c>
      <c r="D103475" s="14" t="s">
        <v>506</v>
      </c>
      <c r="E103475" s="15">
        <v>45556</v>
      </c>
      <c r="F103475" s="14" t="s">
        <v>61</v>
      </c>
      <c r="G103475" s="16">
        <v>0</v>
      </c>
    </row>
    <row r="103476" spans="1:7" x14ac:dyDescent="0.3">
      <c r="A103476" s="13" t="s">
        <v>505</v>
      </c>
      <c r="B103476" s="14" t="s">
        <v>1</v>
      </c>
      <c r="C103476" s="14" t="s">
        <v>109</v>
      </c>
      <c r="D103476" s="14" t="s">
        <v>506</v>
      </c>
      <c r="E103476" s="15">
        <v>45557</v>
      </c>
      <c r="F103476" s="14" t="s">
        <v>61</v>
      </c>
      <c r="G103476" s="16">
        <v>0</v>
      </c>
    </row>
    <row r="103477" spans="1:7" x14ac:dyDescent="0.3">
      <c r="A103477" s="13" t="s">
        <v>505</v>
      </c>
      <c r="B103477" s="14" t="s">
        <v>1</v>
      </c>
      <c r="C103477" s="14" t="s">
        <v>109</v>
      </c>
      <c r="D103477" s="14" t="s">
        <v>506</v>
      </c>
      <c r="E103477" s="15">
        <v>45558</v>
      </c>
      <c r="F103477" s="14" t="s">
        <v>61</v>
      </c>
      <c r="G103477" s="16">
        <v>0</v>
      </c>
    </row>
    <row r="103478" spans="1:7" x14ac:dyDescent="0.3">
      <c r="A103478" s="13" t="s">
        <v>505</v>
      </c>
      <c r="B103478" s="14" t="s">
        <v>1</v>
      </c>
      <c r="C103478" s="14" t="s">
        <v>109</v>
      </c>
      <c r="D103478" s="14" t="s">
        <v>506</v>
      </c>
      <c r="E103478" s="15">
        <v>45559</v>
      </c>
      <c r="F103478" s="14" t="s">
        <v>61</v>
      </c>
      <c r="G103478" s="16">
        <v>0</v>
      </c>
    </row>
    <row r="103479" spans="1:7" x14ac:dyDescent="0.3">
      <c r="A103479" s="13" t="s">
        <v>505</v>
      </c>
      <c r="B103479" s="14" t="s">
        <v>1</v>
      </c>
      <c r="C103479" s="14" t="s">
        <v>109</v>
      </c>
      <c r="D103479" s="14" t="s">
        <v>506</v>
      </c>
      <c r="E103479" s="15">
        <v>45560</v>
      </c>
      <c r="F103479" s="14" t="s">
        <v>61</v>
      </c>
      <c r="G103479" s="16">
        <v>0</v>
      </c>
    </row>
    <row r="103480" spans="1:7" x14ac:dyDescent="0.3">
      <c r="A103480" s="13" t="s">
        <v>505</v>
      </c>
      <c r="B103480" s="14" t="s">
        <v>1</v>
      </c>
      <c r="C103480" s="14" t="s">
        <v>109</v>
      </c>
      <c r="D103480" s="14" t="s">
        <v>506</v>
      </c>
      <c r="E103480" s="15">
        <v>45561</v>
      </c>
      <c r="F103480" s="14" t="s">
        <v>61</v>
      </c>
      <c r="G103480" s="16">
        <v>0</v>
      </c>
    </row>
    <row r="103481" spans="1:7" x14ac:dyDescent="0.3">
      <c r="A103481" s="13" t="s">
        <v>505</v>
      </c>
      <c r="B103481" s="14" t="s">
        <v>1</v>
      </c>
      <c r="C103481" s="14" t="s">
        <v>109</v>
      </c>
      <c r="D103481" s="14" t="s">
        <v>506</v>
      </c>
      <c r="E103481" s="15">
        <v>45562</v>
      </c>
      <c r="F103481" s="14" t="s">
        <v>61</v>
      </c>
      <c r="G103481" s="16">
        <v>0</v>
      </c>
    </row>
    <row r="103482" spans="1:7" x14ac:dyDescent="0.3">
      <c r="A103482" s="13" t="s">
        <v>505</v>
      </c>
      <c r="B103482" s="14" t="s">
        <v>1</v>
      </c>
      <c r="C103482" s="14" t="s">
        <v>109</v>
      </c>
      <c r="D103482" s="14" t="s">
        <v>506</v>
      </c>
      <c r="E103482" s="15">
        <v>45563</v>
      </c>
      <c r="F103482" s="14" t="s">
        <v>61</v>
      </c>
      <c r="G103482" s="16">
        <v>0</v>
      </c>
    </row>
    <row r="103483" spans="1:7" x14ac:dyDescent="0.3">
      <c r="A103483" s="13" t="s">
        <v>505</v>
      </c>
      <c r="B103483" s="14" t="s">
        <v>1</v>
      </c>
      <c r="C103483" s="14" t="s">
        <v>109</v>
      </c>
      <c r="D103483" s="14" t="s">
        <v>506</v>
      </c>
      <c r="E103483" s="15">
        <v>45564</v>
      </c>
      <c r="F103483" s="14" t="s">
        <v>61</v>
      </c>
      <c r="G103483" s="16">
        <v>0</v>
      </c>
    </row>
    <row r="103484" spans="1:7" x14ac:dyDescent="0.3">
      <c r="A103484" s="13" t="s">
        <v>505</v>
      </c>
      <c r="B103484" s="14" t="s">
        <v>1</v>
      </c>
      <c r="C103484" s="14" t="s">
        <v>109</v>
      </c>
      <c r="D103484" s="14" t="s">
        <v>506</v>
      </c>
      <c r="E103484" s="15">
        <v>45565</v>
      </c>
      <c r="F103484" s="14" t="s">
        <v>61</v>
      </c>
      <c r="G103484" s="16">
        <v>0</v>
      </c>
    </row>
    <row r="103485" spans="1:7" x14ac:dyDescent="0.3">
      <c r="A103485" s="13" t="s">
        <v>505</v>
      </c>
      <c r="B103485" s="14" t="s">
        <v>1</v>
      </c>
      <c r="C103485" s="14" t="s">
        <v>109</v>
      </c>
      <c r="D103485" s="14" t="s">
        <v>506</v>
      </c>
      <c r="E103485" s="15">
        <v>45566</v>
      </c>
      <c r="F103485" s="14" t="s">
        <v>61</v>
      </c>
      <c r="G103485" s="16">
        <v>0</v>
      </c>
    </row>
    <row r="103486" spans="1:7" x14ac:dyDescent="0.3">
      <c r="A103486" s="13" t="s">
        <v>505</v>
      </c>
      <c r="B103486" s="14" t="s">
        <v>1</v>
      </c>
      <c r="C103486" s="14" t="s">
        <v>109</v>
      </c>
      <c r="D103486" s="14" t="s">
        <v>506</v>
      </c>
      <c r="E103486" s="15">
        <v>45567</v>
      </c>
      <c r="F103486" s="14" t="s">
        <v>61</v>
      </c>
      <c r="G103486" s="16">
        <v>0</v>
      </c>
    </row>
    <row r="103487" spans="1:7" x14ac:dyDescent="0.3">
      <c r="A103487" s="13" t="s">
        <v>505</v>
      </c>
      <c r="B103487" s="14" t="s">
        <v>1</v>
      </c>
      <c r="C103487" s="14" t="s">
        <v>109</v>
      </c>
      <c r="D103487" s="14" t="s">
        <v>506</v>
      </c>
      <c r="E103487" s="15">
        <v>45568</v>
      </c>
      <c r="F103487" s="14" t="s">
        <v>61</v>
      </c>
      <c r="G103487" s="16">
        <v>0</v>
      </c>
    </row>
    <row r="103488" spans="1:7" x14ac:dyDescent="0.3">
      <c r="A103488" s="13" t="s">
        <v>505</v>
      </c>
      <c r="B103488" s="14" t="s">
        <v>1</v>
      </c>
      <c r="C103488" s="14" t="s">
        <v>109</v>
      </c>
      <c r="D103488" s="14" t="s">
        <v>506</v>
      </c>
      <c r="E103488" s="15">
        <v>45569</v>
      </c>
      <c r="F103488" s="14" t="s">
        <v>61</v>
      </c>
      <c r="G103488" s="16">
        <v>0</v>
      </c>
    </row>
    <row r="103489" spans="1:7" x14ac:dyDescent="0.3">
      <c r="A103489" s="13" t="s">
        <v>505</v>
      </c>
      <c r="B103489" s="14" t="s">
        <v>1</v>
      </c>
      <c r="C103489" s="14" t="s">
        <v>109</v>
      </c>
      <c r="D103489" s="14" t="s">
        <v>506</v>
      </c>
      <c r="E103489" s="15">
        <v>45570</v>
      </c>
      <c r="F103489" s="14" t="s">
        <v>61</v>
      </c>
      <c r="G103489" s="16">
        <v>0</v>
      </c>
    </row>
    <row r="103490" spans="1:7" x14ac:dyDescent="0.3">
      <c r="A103490" s="13" t="s">
        <v>505</v>
      </c>
      <c r="B103490" s="14" t="s">
        <v>1</v>
      </c>
      <c r="C103490" s="14" t="s">
        <v>109</v>
      </c>
      <c r="D103490" s="14" t="s">
        <v>506</v>
      </c>
      <c r="E103490" s="15">
        <v>45571</v>
      </c>
      <c r="F103490" s="14" t="s">
        <v>61</v>
      </c>
      <c r="G103490" s="16">
        <v>0</v>
      </c>
    </row>
    <row r="103491" spans="1:7" x14ac:dyDescent="0.3">
      <c r="A103491" s="13" t="s">
        <v>505</v>
      </c>
      <c r="B103491" s="14" t="s">
        <v>1</v>
      </c>
      <c r="C103491" s="14" t="s">
        <v>109</v>
      </c>
      <c r="D103491" s="14" t="s">
        <v>506</v>
      </c>
      <c r="E103491" s="15">
        <v>45572</v>
      </c>
      <c r="F103491" s="14" t="s">
        <v>61</v>
      </c>
      <c r="G103491" s="16">
        <v>0</v>
      </c>
    </row>
    <row r="103492" spans="1:7" x14ac:dyDescent="0.3">
      <c r="A103492" s="13" t="s">
        <v>505</v>
      </c>
      <c r="B103492" s="14" t="s">
        <v>1</v>
      </c>
      <c r="C103492" s="14" t="s">
        <v>109</v>
      </c>
      <c r="D103492" s="14" t="s">
        <v>506</v>
      </c>
      <c r="E103492" s="15">
        <v>45573</v>
      </c>
      <c r="F103492" s="14" t="s">
        <v>61</v>
      </c>
      <c r="G103492" s="16">
        <v>0</v>
      </c>
    </row>
    <row r="103493" spans="1:7" x14ac:dyDescent="0.3">
      <c r="A103493" s="13" t="s">
        <v>505</v>
      </c>
      <c r="B103493" s="14" t="s">
        <v>1</v>
      </c>
      <c r="C103493" s="14" t="s">
        <v>109</v>
      </c>
      <c r="D103493" s="14" t="s">
        <v>506</v>
      </c>
      <c r="E103493" s="15">
        <v>45574</v>
      </c>
      <c r="F103493" s="14" t="s">
        <v>61</v>
      </c>
      <c r="G103493" s="16">
        <v>0</v>
      </c>
    </row>
    <row r="103494" spans="1:7" x14ac:dyDescent="0.3">
      <c r="A103494" s="13" t="s">
        <v>505</v>
      </c>
      <c r="B103494" s="14" t="s">
        <v>1</v>
      </c>
      <c r="C103494" s="14" t="s">
        <v>109</v>
      </c>
      <c r="D103494" s="14" t="s">
        <v>506</v>
      </c>
      <c r="E103494" s="15">
        <v>45575</v>
      </c>
      <c r="F103494" s="14" t="s">
        <v>61</v>
      </c>
      <c r="G103494" s="16">
        <v>0</v>
      </c>
    </row>
    <row r="103495" spans="1:7" x14ac:dyDescent="0.3">
      <c r="A103495" s="13" t="s">
        <v>505</v>
      </c>
      <c r="B103495" s="14" t="s">
        <v>1</v>
      </c>
      <c r="C103495" s="14" t="s">
        <v>109</v>
      </c>
      <c r="D103495" s="14" t="s">
        <v>506</v>
      </c>
      <c r="E103495" s="15">
        <v>45576</v>
      </c>
      <c r="F103495" s="14" t="s">
        <v>61</v>
      </c>
      <c r="G103495" s="16">
        <v>0</v>
      </c>
    </row>
    <row r="103496" spans="1:7" x14ac:dyDescent="0.3">
      <c r="A103496" s="13" t="s">
        <v>505</v>
      </c>
      <c r="B103496" s="14" t="s">
        <v>1</v>
      </c>
      <c r="C103496" s="14" t="s">
        <v>109</v>
      </c>
      <c r="D103496" s="14" t="s">
        <v>506</v>
      </c>
      <c r="E103496" s="15">
        <v>45577</v>
      </c>
      <c r="F103496" s="14" t="s">
        <v>61</v>
      </c>
      <c r="G103496" s="16">
        <v>0</v>
      </c>
    </row>
    <row r="103497" spans="1:7" x14ac:dyDescent="0.3">
      <c r="A103497" s="13" t="s">
        <v>505</v>
      </c>
      <c r="B103497" s="14" t="s">
        <v>1</v>
      </c>
      <c r="C103497" s="14" t="s">
        <v>109</v>
      </c>
      <c r="D103497" s="14" t="s">
        <v>506</v>
      </c>
      <c r="E103497" s="15">
        <v>45578</v>
      </c>
      <c r="F103497" s="14" t="s">
        <v>61</v>
      </c>
      <c r="G103497" s="16">
        <v>0</v>
      </c>
    </row>
    <row r="103498" spans="1:7" x14ac:dyDescent="0.3">
      <c r="A103498" s="13" t="s">
        <v>505</v>
      </c>
      <c r="B103498" s="14" t="s">
        <v>1</v>
      </c>
      <c r="C103498" s="14" t="s">
        <v>109</v>
      </c>
      <c r="D103498" s="14" t="s">
        <v>506</v>
      </c>
      <c r="E103498" s="15">
        <v>45579</v>
      </c>
      <c r="F103498" s="14" t="s">
        <v>61</v>
      </c>
      <c r="G103498" s="16">
        <v>0</v>
      </c>
    </row>
    <row r="103499" spans="1:7" x14ac:dyDescent="0.3">
      <c r="A103499" s="13" t="s">
        <v>505</v>
      </c>
      <c r="B103499" s="14" t="s">
        <v>1</v>
      </c>
      <c r="C103499" s="14" t="s">
        <v>109</v>
      </c>
      <c r="D103499" s="14" t="s">
        <v>506</v>
      </c>
      <c r="E103499" s="15">
        <v>45580</v>
      </c>
      <c r="F103499" s="14" t="s">
        <v>61</v>
      </c>
      <c r="G103499" s="16">
        <v>0</v>
      </c>
    </row>
    <row r="103500" spans="1:7" x14ac:dyDescent="0.3">
      <c r="A103500" s="13" t="s">
        <v>505</v>
      </c>
      <c r="B103500" s="14" t="s">
        <v>1</v>
      </c>
      <c r="C103500" s="14" t="s">
        <v>109</v>
      </c>
      <c r="D103500" s="14" t="s">
        <v>506</v>
      </c>
      <c r="E103500" s="15">
        <v>45581</v>
      </c>
      <c r="F103500" s="14" t="s">
        <v>61</v>
      </c>
      <c r="G103500" s="16">
        <v>0</v>
      </c>
    </row>
    <row r="103501" spans="1:7" x14ac:dyDescent="0.3">
      <c r="A103501" s="13" t="s">
        <v>505</v>
      </c>
      <c r="B103501" s="14" t="s">
        <v>1</v>
      </c>
      <c r="C103501" s="14" t="s">
        <v>109</v>
      </c>
      <c r="D103501" s="14" t="s">
        <v>506</v>
      </c>
      <c r="E103501" s="15">
        <v>45582</v>
      </c>
      <c r="F103501" s="14" t="s">
        <v>61</v>
      </c>
      <c r="G103501" s="16">
        <v>0</v>
      </c>
    </row>
    <row r="103502" spans="1:7" x14ac:dyDescent="0.3">
      <c r="A103502" s="13" t="s">
        <v>505</v>
      </c>
      <c r="B103502" s="14" t="s">
        <v>1</v>
      </c>
      <c r="C103502" s="14" t="s">
        <v>109</v>
      </c>
      <c r="D103502" s="14" t="s">
        <v>506</v>
      </c>
      <c r="E103502" s="15">
        <v>45583</v>
      </c>
      <c r="F103502" s="14" t="s">
        <v>61</v>
      </c>
      <c r="G103502" s="16">
        <v>0</v>
      </c>
    </row>
    <row r="103503" spans="1:7" x14ac:dyDescent="0.3">
      <c r="A103503" s="13" t="s">
        <v>505</v>
      </c>
      <c r="B103503" s="14" t="s">
        <v>1</v>
      </c>
      <c r="C103503" s="14" t="s">
        <v>109</v>
      </c>
      <c r="D103503" s="14" t="s">
        <v>506</v>
      </c>
      <c r="E103503" s="15">
        <v>45584</v>
      </c>
      <c r="F103503" s="14" t="s">
        <v>61</v>
      </c>
      <c r="G103503" s="16">
        <v>0</v>
      </c>
    </row>
    <row r="103504" spans="1:7" x14ac:dyDescent="0.3">
      <c r="A103504" s="13" t="s">
        <v>505</v>
      </c>
      <c r="B103504" s="14" t="s">
        <v>1</v>
      </c>
      <c r="C103504" s="14" t="s">
        <v>109</v>
      </c>
      <c r="D103504" s="14" t="s">
        <v>506</v>
      </c>
      <c r="E103504" s="15">
        <v>45585</v>
      </c>
      <c r="F103504" s="14" t="s">
        <v>61</v>
      </c>
      <c r="G103504" s="16">
        <v>0</v>
      </c>
    </row>
    <row r="103505" spans="1:7" x14ac:dyDescent="0.3">
      <c r="A103505" s="13" t="s">
        <v>505</v>
      </c>
      <c r="B103505" s="14" t="s">
        <v>1</v>
      </c>
      <c r="C103505" s="14" t="s">
        <v>109</v>
      </c>
      <c r="D103505" s="14" t="s">
        <v>506</v>
      </c>
      <c r="E103505" s="15">
        <v>45586</v>
      </c>
      <c r="F103505" s="14" t="s">
        <v>61</v>
      </c>
      <c r="G103505" s="16">
        <v>0</v>
      </c>
    </row>
    <row r="103506" spans="1:7" x14ac:dyDescent="0.3">
      <c r="A103506" s="13" t="s">
        <v>505</v>
      </c>
      <c r="B103506" s="14" t="s">
        <v>1</v>
      </c>
      <c r="C103506" s="14" t="s">
        <v>109</v>
      </c>
      <c r="D103506" s="14" t="s">
        <v>506</v>
      </c>
      <c r="E103506" s="15">
        <v>45587</v>
      </c>
      <c r="F103506" s="14" t="s">
        <v>61</v>
      </c>
      <c r="G103506" s="16">
        <v>0</v>
      </c>
    </row>
    <row r="103507" spans="1:7" x14ac:dyDescent="0.3">
      <c r="A103507" s="13" t="s">
        <v>505</v>
      </c>
      <c r="B103507" s="14" t="s">
        <v>1</v>
      </c>
      <c r="C103507" s="14" t="s">
        <v>109</v>
      </c>
      <c r="D103507" s="14" t="s">
        <v>506</v>
      </c>
      <c r="E103507" s="15">
        <v>45588</v>
      </c>
      <c r="F103507" s="14" t="s">
        <v>61</v>
      </c>
      <c r="G103507" s="16">
        <v>0</v>
      </c>
    </row>
    <row r="103508" spans="1:7" x14ac:dyDescent="0.3">
      <c r="A103508" s="13" t="s">
        <v>505</v>
      </c>
      <c r="B103508" s="14" t="s">
        <v>1</v>
      </c>
      <c r="C103508" s="14" t="s">
        <v>109</v>
      </c>
      <c r="D103508" s="14" t="s">
        <v>506</v>
      </c>
      <c r="E103508" s="15">
        <v>45589</v>
      </c>
      <c r="F103508" s="14" t="s">
        <v>61</v>
      </c>
      <c r="G103508" s="16">
        <v>0</v>
      </c>
    </row>
    <row r="103509" spans="1:7" x14ac:dyDescent="0.3">
      <c r="A103509" s="13" t="s">
        <v>505</v>
      </c>
      <c r="B103509" s="14" t="s">
        <v>1</v>
      </c>
      <c r="C103509" s="14" t="s">
        <v>109</v>
      </c>
      <c r="D103509" s="14" t="s">
        <v>506</v>
      </c>
      <c r="E103509" s="15">
        <v>45590</v>
      </c>
      <c r="F103509" s="14" t="s">
        <v>61</v>
      </c>
      <c r="G103509" s="16">
        <v>0</v>
      </c>
    </row>
    <row r="103510" spans="1:7" x14ac:dyDescent="0.3">
      <c r="A103510" s="13" t="s">
        <v>505</v>
      </c>
      <c r="B103510" s="14" t="s">
        <v>1</v>
      </c>
      <c r="C103510" s="14" t="s">
        <v>109</v>
      </c>
      <c r="D103510" s="14" t="s">
        <v>506</v>
      </c>
      <c r="E103510" s="15">
        <v>45591</v>
      </c>
      <c r="F103510" s="14" t="s">
        <v>61</v>
      </c>
      <c r="G103510" s="16">
        <v>0</v>
      </c>
    </row>
    <row r="103511" spans="1:7" x14ac:dyDescent="0.3">
      <c r="A103511" s="13" t="s">
        <v>505</v>
      </c>
      <c r="B103511" s="14" t="s">
        <v>1</v>
      </c>
      <c r="C103511" s="14" t="s">
        <v>109</v>
      </c>
      <c r="D103511" s="14" t="s">
        <v>506</v>
      </c>
      <c r="E103511" s="15">
        <v>45592</v>
      </c>
      <c r="F103511" s="14" t="s">
        <v>61</v>
      </c>
      <c r="G103511" s="16">
        <v>0</v>
      </c>
    </row>
    <row r="103512" spans="1:7" x14ac:dyDescent="0.3">
      <c r="A103512" s="13" t="s">
        <v>505</v>
      </c>
      <c r="B103512" s="14" t="s">
        <v>1</v>
      </c>
      <c r="C103512" s="14" t="s">
        <v>109</v>
      </c>
      <c r="D103512" s="14" t="s">
        <v>506</v>
      </c>
      <c r="E103512" s="15">
        <v>45593</v>
      </c>
      <c r="F103512" s="14" t="s">
        <v>61</v>
      </c>
      <c r="G103512" s="16">
        <v>0</v>
      </c>
    </row>
    <row r="103513" spans="1:7" x14ac:dyDescent="0.3">
      <c r="A103513" s="13" t="s">
        <v>505</v>
      </c>
      <c r="B103513" s="14" t="s">
        <v>1</v>
      </c>
      <c r="C103513" s="14" t="s">
        <v>109</v>
      </c>
      <c r="D103513" s="14" t="s">
        <v>506</v>
      </c>
      <c r="E103513" s="15">
        <v>45594</v>
      </c>
      <c r="F103513" s="14" t="s">
        <v>61</v>
      </c>
      <c r="G103513" s="16">
        <v>0</v>
      </c>
    </row>
    <row r="103514" spans="1:7" x14ac:dyDescent="0.3">
      <c r="A103514" s="13" t="s">
        <v>505</v>
      </c>
      <c r="B103514" s="14" t="s">
        <v>1</v>
      </c>
      <c r="C103514" s="14" t="s">
        <v>109</v>
      </c>
      <c r="D103514" s="14" t="s">
        <v>506</v>
      </c>
      <c r="E103514" s="15">
        <v>45595</v>
      </c>
      <c r="F103514" s="14" t="s">
        <v>61</v>
      </c>
      <c r="G103514" s="16">
        <v>0</v>
      </c>
    </row>
    <row r="103515" spans="1:7" x14ac:dyDescent="0.3">
      <c r="A103515" s="13" t="s">
        <v>505</v>
      </c>
      <c r="B103515" s="14" t="s">
        <v>1</v>
      </c>
      <c r="C103515" s="14" t="s">
        <v>109</v>
      </c>
      <c r="D103515" s="14" t="s">
        <v>506</v>
      </c>
      <c r="E103515" s="15">
        <v>45596</v>
      </c>
      <c r="F103515" s="14" t="s">
        <v>61</v>
      </c>
      <c r="G103515" s="16">
        <v>0</v>
      </c>
    </row>
    <row r="103516" spans="1:7" x14ac:dyDescent="0.3">
      <c r="A103516" s="13" t="s">
        <v>505</v>
      </c>
      <c r="B103516" s="14" t="s">
        <v>1</v>
      </c>
      <c r="C103516" s="14" t="s">
        <v>109</v>
      </c>
      <c r="D103516" s="14" t="s">
        <v>506</v>
      </c>
      <c r="E103516" s="15">
        <v>45597</v>
      </c>
      <c r="F103516" s="14" t="s">
        <v>61</v>
      </c>
      <c r="G103516" s="16">
        <v>0</v>
      </c>
    </row>
    <row r="103517" spans="1:7" x14ac:dyDescent="0.3">
      <c r="A103517" s="13" t="s">
        <v>505</v>
      </c>
      <c r="B103517" s="14" t="s">
        <v>1</v>
      </c>
      <c r="C103517" s="14" t="s">
        <v>109</v>
      </c>
      <c r="D103517" s="14" t="s">
        <v>506</v>
      </c>
      <c r="E103517" s="15">
        <v>45598</v>
      </c>
      <c r="F103517" s="14" t="s">
        <v>61</v>
      </c>
      <c r="G103517" s="16">
        <v>0</v>
      </c>
    </row>
    <row r="103518" spans="1:7" x14ac:dyDescent="0.3">
      <c r="A103518" s="13" t="s">
        <v>505</v>
      </c>
      <c r="B103518" s="14" t="s">
        <v>1</v>
      </c>
      <c r="C103518" s="14" t="s">
        <v>109</v>
      </c>
      <c r="D103518" s="14" t="s">
        <v>506</v>
      </c>
      <c r="E103518" s="15">
        <v>45599</v>
      </c>
      <c r="F103518" s="14" t="s">
        <v>61</v>
      </c>
      <c r="G103518" s="16">
        <v>0</v>
      </c>
    </row>
    <row r="103519" spans="1:7" x14ac:dyDescent="0.3">
      <c r="A103519" s="13" t="s">
        <v>505</v>
      </c>
      <c r="B103519" s="14" t="s">
        <v>1</v>
      </c>
      <c r="C103519" s="14" t="s">
        <v>109</v>
      </c>
      <c r="D103519" s="14" t="s">
        <v>506</v>
      </c>
      <c r="E103519" s="15">
        <v>45600</v>
      </c>
      <c r="F103519" s="14" t="s">
        <v>61</v>
      </c>
      <c r="G103519" s="16">
        <v>0</v>
      </c>
    </row>
    <row r="103520" spans="1:7" x14ac:dyDescent="0.3">
      <c r="A103520" s="13" t="s">
        <v>505</v>
      </c>
      <c r="B103520" s="14" t="s">
        <v>1</v>
      </c>
      <c r="C103520" s="14" t="s">
        <v>109</v>
      </c>
      <c r="D103520" s="14" t="s">
        <v>506</v>
      </c>
      <c r="E103520" s="15">
        <v>45601</v>
      </c>
      <c r="F103520" s="14" t="s">
        <v>61</v>
      </c>
      <c r="G103520" s="16">
        <v>0</v>
      </c>
    </row>
    <row r="103521" spans="1:7" x14ac:dyDescent="0.3">
      <c r="A103521" s="13" t="s">
        <v>505</v>
      </c>
      <c r="B103521" s="14" t="s">
        <v>1</v>
      </c>
      <c r="C103521" s="14" t="s">
        <v>109</v>
      </c>
      <c r="D103521" s="14" t="s">
        <v>506</v>
      </c>
      <c r="E103521" s="15">
        <v>45602</v>
      </c>
      <c r="F103521" s="14" t="s">
        <v>61</v>
      </c>
      <c r="G103521" s="16">
        <v>0</v>
      </c>
    </row>
    <row r="103522" spans="1:7" x14ac:dyDescent="0.3">
      <c r="A103522" s="13" t="s">
        <v>505</v>
      </c>
      <c r="B103522" s="14" t="s">
        <v>1</v>
      </c>
      <c r="C103522" s="14" t="s">
        <v>109</v>
      </c>
      <c r="D103522" s="14" t="s">
        <v>506</v>
      </c>
      <c r="E103522" s="15">
        <v>45603</v>
      </c>
      <c r="F103522" s="14" t="s">
        <v>61</v>
      </c>
      <c r="G103522" s="16">
        <v>0</v>
      </c>
    </row>
    <row r="103523" spans="1:7" x14ac:dyDescent="0.3">
      <c r="A103523" s="13" t="s">
        <v>505</v>
      </c>
      <c r="B103523" s="14" t="s">
        <v>1</v>
      </c>
      <c r="C103523" s="14" t="s">
        <v>109</v>
      </c>
      <c r="D103523" s="14" t="s">
        <v>506</v>
      </c>
      <c r="E103523" s="15">
        <v>45604</v>
      </c>
      <c r="F103523" s="14" t="s">
        <v>61</v>
      </c>
      <c r="G103523" s="16">
        <v>0</v>
      </c>
    </row>
    <row r="103524" spans="1:7" x14ac:dyDescent="0.3">
      <c r="A103524" s="13" t="s">
        <v>505</v>
      </c>
      <c r="B103524" s="14" t="s">
        <v>1</v>
      </c>
      <c r="C103524" s="14" t="s">
        <v>109</v>
      </c>
      <c r="D103524" s="14" t="s">
        <v>506</v>
      </c>
      <c r="E103524" s="15">
        <v>45605</v>
      </c>
      <c r="F103524" s="14" t="s">
        <v>61</v>
      </c>
      <c r="G103524" s="16">
        <v>0</v>
      </c>
    </row>
    <row r="103525" spans="1:7" x14ac:dyDescent="0.3">
      <c r="A103525" s="13" t="s">
        <v>505</v>
      </c>
      <c r="B103525" s="14" t="s">
        <v>1</v>
      </c>
      <c r="C103525" s="14" t="s">
        <v>109</v>
      </c>
      <c r="D103525" s="14" t="s">
        <v>506</v>
      </c>
      <c r="E103525" s="15">
        <v>45606</v>
      </c>
      <c r="F103525" s="14" t="s">
        <v>61</v>
      </c>
      <c r="G103525" s="16">
        <v>0</v>
      </c>
    </row>
    <row r="103526" spans="1:7" x14ac:dyDescent="0.3">
      <c r="A103526" s="13" t="s">
        <v>505</v>
      </c>
      <c r="B103526" s="14" t="s">
        <v>1</v>
      </c>
      <c r="C103526" s="14" t="s">
        <v>109</v>
      </c>
      <c r="D103526" s="14" t="s">
        <v>506</v>
      </c>
      <c r="E103526" s="15">
        <v>45607</v>
      </c>
      <c r="F103526" s="14" t="s">
        <v>61</v>
      </c>
      <c r="G103526" s="16">
        <v>0</v>
      </c>
    </row>
    <row r="103527" spans="1:7" x14ac:dyDescent="0.3">
      <c r="A103527" s="13" t="s">
        <v>505</v>
      </c>
      <c r="B103527" s="14" t="s">
        <v>1</v>
      </c>
      <c r="C103527" s="14" t="s">
        <v>109</v>
      </c>
      <c r="D103527" s="14" t="s">
        <v>506</v>
      </c>
      <c r="E103527" s="15">
        <v>45608</v>
      </c>
      <c r="F103527" s="14" t="s">
        <v>61</v>
      </c>
      <c r="G103527" s="16">
        <v>0</v>
      </c>
    </row>
    <row r="103528" spans="1:7" x14ac:dyDescent="0.3">
      <c r="A103528" s="13" t="s">
        <v>505</v>
      </c>
      <c r="B103528" s="14" t="s">
        <v>1</v>
      </c>
      <c r="C103528" s="14" t="s">
        <v>109</v>
      </c>
      <c r="D103528" s="14" t="s">
        <v>506</v>
      </c>
      <c r="E103528" s="15">
        <v>45609</v>
      </c>
      <c r="F103528" s="14" t="s">
        <v>61</v>
      </c>
      <c r="G103528" s="16">
        <v>0</v>
      </c>
    </row>
    <row r="103529" spans="1:7" x14ac:dyDescent="0.3">
      <c r="A103529" s="13" t="s">
        <v>505</v>
      </c>
      <c r="B103529" s="14" t="s">
        <v>1</v>
      </c>
      <c r="C103529" s="14" t="s">
        <v>109</v>
      </c>
      <c r="D103529" s="14" t="s">
        <v>506</v>
      </c>
      <c r="E103529" s="15">
        <v>45610</v>
      </c>
      <c r="F103529" s="14" t="s">
        <v>61</v>
      </c>
      <c r="G103529" s="16">
        <v>0</v>
      </c>
    </row>
    <row r="103530" spans="1:7" x14ac:dyDescent="0.3">
      <c r="A103530" s="13" t="s">
        <v>505</v>
      </c>
      <c r="B103530" s="14" t="s">
        <v>1</v>
      </c>
      <c r="C103530" s="14" t="s">
        <v>109</v>
      </c>
      <c r="D103530" s="14" t="s">
        <v>506</v>
      </c>
      <c r="E103530" s="15">
        <v>45611</v>
      </c>
      <c r="F103530" s="14" t="s">
        <v>61</v>
      </c>
      <c r="G103530" s="16">
        <v>0</v>
      </c>
    </row>
    <row r="103531" spans="1:7" x14ac:dyDescent="0.3">
      <c r="A103531" s="13" t="s">
        <v>505</v>
      </c>
      <c r="B103531" s="14" t="s">
        <v>1</v>
      </c>
      <c r="C103531" s="14" t="s">
        <v>109</v>
      </c>
      <c r="D103531" s="14" t="s">
        <v>506</v>
      </c>
      <c r="E103531" s="15">
        <v>45612</v>
      </c>
      <c r="F103531" s="14" t="s">
        <v>61</v>
      </c>
      <c r="G103531" s="16">
        <v>0</v>
      </c>
    </row>
    <row r="103532" spans="1:7" x14ac:dyDescent="0.3">
      <c r="A103532" s="13" t="s">
        <v>505</v>
      </c>
      <c r="B103532" s="14" t="s">
        <v>1</v>
      </c>
      <c r="C103532" s="14" t="s">
        <v>109</v>
      </c>
      <c r="D103532" s="14" t="s">
        <v>506</v>
      </c>
      <c r="E103532" s="15">
        <v>45613</v>
      </c>
      <c r="F103532" s="14" t="s">
        <v>61</v>
      </c>
      <c r="G103532" s="16">
        <v>0</v>
      </c>
    </row>
    <row r="103533" spans="1:7" x14ac:dyDescent="0.3">
      <c r="A103533" s="13" t="s">
        <v>505</v>
      </c>
      <c r="B103533" s="14" t="s">
        <v>1</v>
      </c>
      <c r="C103533" s="14" t="s">
        <v>109</v>
      </c>
      <c r="D103533" s="14" t="s">
        <v>506</v>
      </c>
      <c r="E103533" s="15">
        <v>45614</v>
      </c>
      <c r="F103533" s="14" t="s">
        <v>61</v>
      </c>
      <c r="G103533" s="16">
        <v>0</v>
      </c>
    </row>
    <row r="103534" spans="1:7" x14ac:dyDescent="0.3">
      <c r="A103534" s="13" t="s">
        <v>505</v>
      </c>
      <c r="B103534" s="14" t="s">
        <v>1</v>
      </c>
      <c r="C103534" s="14" t="s">
        <v>109</v>
      </c>
      <c r="D103534" s="14" t="s">
        <v>506</v>
      </c>
      <c r="E103534" s="15">
        <v>45615</v>
      </c>
      <c r="F103534" s="14" t="s">
        <v>61</v>
      </c>
      <c r="G103534" s="16">
        <v>0</v>
      </c>
    </row>
    <row r="103535" spans="1:7" x14ac:dyDescent="0.3">
      <c r="A103535" s="13" t="s">
        <v>505</v>
      </c>
      <c r="B103535" s="14" t="s">
        <v>1</v>
      </c>
      <c r="C103535" s="14" t="s">
        <v>109</v>
      </c>
      <c r="D103535" s="14" t="s">
        <v>506</v>
      </c>
      <c r="E103535" s="15">
        <v>45616</v>
      </c>
      <c r="F103535" s="14" t="s">
        <v>61</v>
      </c>
      <c r="G103535" s="16">
        <v>0</v>
      </c>
    </row>
    <row r="103536" spans="1:7" x14ac:dyDescent="0.3">
      <c r="A103536" s="13" t="s">
        <v>505</v>
      </c>
      <c r="B103536" s="14" t="s">
        <v>1</v>
      </c>
      <c r="C103536" s="14" t="s">
        <v>109</v>
      </c>
      <c r="D103536" s="14" t="s">
        <v>506</v>
      </c>
      <c r="E103536" s="15">
        <v>45617</v>
      </c>
      <c r="F103536" s="14" t="s">
        <v>61</v>
      </c>
      <c r="G103536" s="16">
        <v>0</v>
      </c>
    </row>
    <row r="103537" spans="1:7" x14ac:dyDescent="0.3">
      <c r="A103537" s="13" t="s">
        <v>505</v>
      </c>
      <c r="B103537" s="14" t="s">
        <v>1</v>
      </c>
      <c r="C103537" s="14" t="s">
        <v>109</v>
      </c>
      <c r="D103537" s="14" t="s">
        <v>506</v>
      </c>
      <c r="E103537" s="15">
        <v>45618</v>
      </c>
      <c r="F103537" s="14" t="s">
        <v>61</v>
      </c>
      <c r="G103537" s="16">
        <v>0</v>
      </c>
    </row>
    <row r="103538" spans="1:7" x14ac:dyDescent="0.3">
      <c r="A103538" s="13" t="s">
        <v>505</v>
      </c>
      <c r="B103538" s="14" t="s">
        <v>1</v>
      </c>
      <c r="C103538" s="14" t="s">
        <v>109</v>
      </c>
      <c r="D103538" s="14" t="s">
        <v>506</v>
      </c>
      <c r="E103538" s="15">
        <v>45619</v>
      </c>
      <c r="F103538" s="14" t="s">
        <v>61</v>
      </c>
      <c r="G103538" s="16">
        <v>0</v>
      </c>
    </row>
    <row r="103539" spans="1:7" x14ac:dyDescent="0.3">
      <c r="A103539" s="13" t="s">
        <v>505</v>
      </c>
      <c r="B103539" s="14" t="s">
        <v>1</v>
      </c>
      <c r="C103539" s="14" t="s">
        <v>109</v>
      </c>
      <c r="D103539" s="14" t="s">
        <v>506</v>
      </c>
      <c r="E103539" s="15">
        <v>45620</v>
      </c>
      <c r="F103539" s="14" t="s">
        <v>61</v>
      </c>
      <c r="G103539" s="16">
        <v>0</v>
      </c>
    </row>
    <row r="103540" spans="1:7" x14ac:dyDescent="0.3">
      <c r="A103540" s="13" t="s">
        <v>505</v>
      </c>
      <c r="B103540" s="14" t="s">
        <v>1</v>
      </c>
      <c r="C103540" s="14" t="s">
        <v>109</v>
      </c>
      <c r="D103540" s="14" t="s">
        <v>506</v>
      </c>
      <c r="E103540" s="15">
        <v>45621</v>
      </c>
      <c r="F103540" s="14" t="s">
        <v>61</v>
      </c>
      <c r="G103540" s="16">
        <v>0</v>
      </c>
    </row>
    <row r="103541" spans="1:7" x14ac:dyDescent="0.3">
      <c r="A103541" s="13" t="s">
        <v>505</v>
      </c>
      <c r="B103541" s="14" t="s">
        <v>1</v>
      </c>
      <c r="C103541" s="14" t="s">
        <v>109</v>
      </c>
      <c r="D103541" s="14" t="s">
        <v>506</v>
      </c>
      <c r="E103541" s="15">
        <v>45622</v>
      </c>
      <c r="F103541" s="14" t="s">
        <v>61</v>
      </c>
      <c r="G103541" s="16">
        <v>0</v>
      </c>
    </row>
    <row r="103542" spans="1:7" x14ac:dyDescent="0.3">
      <c r="A103542" s="13" t="s">
        <v>505</v>
      </c>
      <c r="B103542" s="14" t="s">
        <v>1</v>
      </c>
      <c r="C103542" s="14" t="s">
        <v>109</v>
      </c>
      <c r="D103542" s="14" t="s">
        <v>506</v>
      </c>
      <c r="E103542" s="15">
        <v>45623</v>
      </c>
      <c r="F103542" s="14" t="s">
        <v>61</v>
      </c>
      <c r="G103542" s="16">
        <v>0</v>
      </c>
    </row>
    <row r="103543" spans="1:7" x14ac:dyDescent="0.3">
      <c r="A103543" s="13" t="s">
        <v>505</v>
      </c>
      <c r="B103543" s="14" t="s">
        <v>1</v>
      </c>
      <c r="C103543" s="14" t="s">
        <v>109</v>
      </c>
      <c r="D103543" s="14" t="s">
        <v>506</v>
      </c>
      <c r="E103543" s="15">
        <v>45624</v>
      </c>
      <c r="F103543" s="14" t="s">
        <v>61</v>
      </c>
      <c r="G103543" s="16">
        <v>0</v>
      </c>
    </row>
    <row r="103544" spans="1:7" x14ac:dyDescent="0.3">
      <c r="A103544" s="13" t="s">
        <v>505</v>
      </c>
      <c r="B103544" s="14" t="s">
        <v>1</v>
      </c>
      <c r="C103544" s="14" t="s">
        <v>109</v>
      </c>
      <c r="D103544" s="14" t="s">
        <v>506</v>
      </c>
      <c r="E103544" s="15">
        <v>45625</v>
      </c>
      <c r="F103544" s="14" t="s">
        <v>61</v>
      </c>
      <c r="G103544" s="16">
        <v>0</v>
      </c>
    </row>
    <row r="103545" spans="1:7" x14ac:dyDescent="0.3">
      <c r="A103545" s="13" t="s">
        <v>505</v>
      </c>
      <c r="B103545" s="14" t="s">
        <v>1</v>
      </c>
      <c r="C103545" s="14" t="s">
        <v>109</v>
      </c>
      <c r="D103545" s="14" t="s">
        <v>506</v>
      </c>
      <c r="E103545" s="15">
        <v>45626</v>
      </c>
      <c r="F103545" s="14" t="s">
        <v>61</v>
      </c>
      <c r="G103545" s="16">
        <v>0</v>
      </c>
    </row>
    <row r="103546" spans="1:7" x14ac:dyDescent="0.3">
      <c r="A103546" s="13" t="s">
        <v>505</v>
      </c>
      <c r="B103546" s="14" t="s">
        <v>1</v>
      </c>
      <c r="C103546" s="14" t="s">
        <v>109</v>
      </c>
      <c r="D103546" s="14" t="s">
        <v>506</v>
      </c>
      <c r="E103546" s="15">
        <v>45627</v>
      </c>
      <c r="F103546" s="14" t="s">
        <v>61</v>
      </c>
      <c r="G103546" s="16">
        <v>0</v>
      </c>
    </row>
    <row r="103547" spans="1:7" x14ac:dyDescent="0.3">
      <c r="A103547" s="13" t="s">
        <v>505</v>
      </c>
      <c r="B103547" s="14" t="s">
        <v>1</v>
      </c>
      <c r="C103547" s="14" t="s">
        <v>109</v>
      </c>
      <c r="D103547" s="14" t="s">
        <v>506</v>
      </c>
      <c r="E103547" s="15">
        <v>45628</v>
      </c>
      <c r="F103547" s="14" t="s">
        <v>61</v>
      </c>
      <c r="G103547" s="16">
        <v>0</v>
      </c>
    </row>
    <row r="103548" spans="1:7" x14ac:dyDescent="0.3">
      <c r="A103548" s="13" t="s">
        <v>505</v>
      </c>
      <c r="B103548" s="14" t="s">
        <v>1</v>
      </c>
      <c r="C103548" s="14" t="s">
        <v>109</v>
      </c>
      <c r="D103548" s="14" t="s">
        <v>506</v>
      </c>
      <c r="E103548" s="15">
        <v>45629</v>
      </c>
      <c r="F103548" s="14" t="s">
        <v>61</v>
      </c>
      <c r="G103548" s="16">
        <v>0</v>
      </c>
    </row>
    <row r="103549" spans="1:7" x14ac:dyDescent="0.3">
      <c r="A103549" s="13" t="s">
        <v>505</v>
      </c>
      <c r="B103549" s="14" t="s">
        <v>1</v>
      </c>
      <c r="C103549" s="14" t="s">
        <v>109</v>
      </c>
      <c r="D103549" s="14" t="s">
        <v>506</v>
      </c>
      <c r="E103549" s="15">
        <v>45630</v>
      </c>
      <c r="F103549" s="14" t="s">
        <v>61</v>
      </c>
      <c r="G103549" s="16">
        <v>0</v>
      </c>
    </row>
    <row r="103550" spans="1:7" x14ac:dyDescent="0.3">
      <c r="A103550" s="13" t="s">
        <v>505</v>
      </c>
      <c r="B103550" s="14" t="s">
        <v>1</v>
      </c>
      <c r="C103550" s="14" t="s">
        <v>109</v>
      </c>
      <c r="D103550" s="14" t="s">
        <v>506</v>
      </c>
      <c r="E103550" s="15">
        <v>45631</v>
      </c>
      <c r="F103550" s="14" t="s">
        <v>61</v>
      </c>
      <c r="G103550" s="16">
        <v>0</v>
      </c>
    </row>
    <row r="103551" spans="1:7" x14ac:dyDescent="0.3">
      <c r="A103551" s="13" t="s">
        <v>505</v>
      </c>
      <c r="B103551" s="14" t="s">
        <v>1</v>
      </c>
      <c r="C103551" s="14" t="s">
        <v>109</v>
      </c>
      <c r="D103551" s="14" t="s">
        <v>506</v>
      </c>
      <c r="E103551" s="15">
        <v>45632</v>
      </c>
      <c r="F103551" s="14" t="s">
        <v>61</v>
      </c>
      <c r="G103551" s="16">
        <v>0</v>
      </c>
    </row>
    <row r="103552" spans="1:7" x14ac:dyDescent="0.3">
      <c r="A103552" s="13" t="s">
        <v>505</v>
      </c>
      <c r="B103552" s="14" t="s">
        <v>1</v>
      </c>
      <c r="C103552" s="14" t="s">
        <v>109</v>
      </c>
      <c r="D103552" s="14" t="s">
        <v>506</v>
      </c>
      <c r="E103552" s="15">
        <v>45633</v>
      </c>
      <c r="F103552" s="14" t="s">
        <v>61</v>
      </c>
      <c r="G103552" s="16">
        <v>0</v>
      </c>
    </row>
    <row r="103553" spans="1:7" x14ac:dyDescent="0.3">
      <c r="A103553" s="13" t="s">
        <v>505</v>
      </c>
      <c r="B103553" s="14" t="s">
        <v>1</v>
      </c>
      <c r="C103553" s="14" t="s">
        <v>109</v>
      </c>
      <c r="D103553" s="14" t="s">
        <v>506</v>
      </c>
      <c r="E103553" s="15">
        <v>45634</v>
      </c>
      <c r="F103553" s="14" t="s">
        <v>61</v>
      </c>
      <c r="G103553" s="16">
        <v>0</v>
      </c>
    </row>
    <row r="103554" spans="1:7" x14ac:dyDescent="0.3">
      <c r="A103554" s="13" t="s">
        <v>505</v>
      </c>
      <c r="B103554" s="14" t="s">
        <v>1</v>
      </c>
      <c r="C103554" s="14" t="s">
        <v>109</v>
      </c>
      <c r="D103554" s="14" t="s">
        <v>506</v>
      </c>
      <c r="E103554" s="15">
        <v>45635</v>
      </c>
      <c r="F103554" s="14" t="s">
        <v>61</v>
      </c>
      <c r="G103554" s="16">
        <v>0</v>
      </c>
    </row>
    <row r="103555" spans="1:7" x14ac:dyDescent="0.3">
      <c r="A103555" s="13" t="s">
        <v>505</v>
      </c>
      <c r="B103555" s="14" t="s">
        <v>1</v>
      </c>
      <c r="C103555" s="14" t="s">
        <v>109</v>
      </c>
      <c r="D103555" s="14" t="s">
        <v>506</v>
      </c>
      <c r="E103555" s="15">
        <v>45636</v>
      </c>
      <c r="F103555" s="14" t="s">
        <v>61</v>
      </c>
      <c r="G103555" s="16">
        <v>0</v>
      </c>
    </row>
    <row r="103556" spans="1:7" x14ac:dyDescent="0.3">
      <c r="A103556" s="13" t="s">
        <v>505</v>
      </c>
      <c r="B103556" s="14" t="s">
        <v>1</v>
      </c>
      <c r="C103556" s="14" t="s">
        <v>109</v>
      </c>
      <c r="D103556" s="14" t="s">
        <v>506</v>
      </c>
      <c r="E103556" s="15">
        <v>45637</v>
      </c>
      <c r="F103556" s="14" t="s">
        <v>61</v>
      </c>
      <c r="G103556" s="16">
        <v>0</v>
      </c>
    </row>
    <row r="103557" spans="1:7" x14ac:dyDescent="0.3">
      <c r="A103557" s="13" t="s">
        <v>505</v>
      </c>
      <c r="B103557" s="14" t="s">
        <v>1</v>
      </c>
      <c r="C103557" s="14" t="s">
        <v>109</v>
      </c>
      <c r="D103557" s="14" t="s">
        <v>506</v>
      </c>
      <c r="E103557" s="15">
        <v>45638</v>
      </c>
      <c r="F103557" s="14" t="s">
        <v>61</v>
      </c>
      <c r="G103557" s="16">
        <v>0</v>
      </c>
    </row>
    <row r="103558" spans="1:7" x14ac:dyDescent="0.3">
      <c r="A103558" s="13" t="s">
        <v>505</v>
      </c>
      <c r="B103558" s="14" t="s">
        <v>1</v>
      </c>
      <c r="C103558" s="14" t="s">
        <v>109</v>
      </c>
      <c r="D103558" s="14" t="s">
        <v>506</v>
      </c>
      <c r="E103558" s="15">
        <v>45639</v>
      </c>
      <c r="F103558" s="14" t="s">
        <v>61</v>
      </c>
      <c r="G103558" s="16">
        <v>0</v>
      </c>
    </row>
    <row r="103559" spans="1:7" x14ac:dyDescent="0.3">
      <c r="A103559" s="13" t="s">
        <v>505</v>
      </c>
      <c r="B103559" s="14" t="s">
        <v>1</v>
      </c>
      <c r="C103559" s="14" t="s">
        <v>109</v>
      </c>
      <c r="D103559" s="14" t="s">
        <v>506</v>
      </c>
      <c r="E103559" s="15">
        <v>45640</v>
      </c>
      <c r="F103559" s="14" t="s">
        <v>61</v>
      </c>
      <c r="G103559" s="16">
        <v>0</v>
      </c>
    </row>
    <row r="103560" spans="1:7" x14ac:dyDescent="0.3">
      <c r="A103560" s="13" t="s">
        <v>505</v>
      </c>
      <c r="B103560" s="14" t="s">
        <v>1</v>
      </c>
      <c r="C103560" s="14" t="s">
        <v>109</v>
      </c>
      <c r="D103560" s="14" t="s">
        <v>506</v>
      </c>
      <c r="E103560" s="15">
        <v>45641</v>
      </c>
      <c r="F103560" s="14" t="s">
        <v>61</v>
      </c>
      <c r="G103560" s="16">
        <v>0</v>
      </c>
    </row>
    <row r="103561" spans="1:7" x14ac:dyDescent="0.3">
      <c r="A103561" s="13" t="s">
        <v>505</v>
      </c>
      <c r="B103561" s="14" t="s">
        <v>1</v>
      </c>
      <c r="C103561" s="14" t="s">
        <v>109</v>
      </c>
      <c r="D103561" s="14" t="s">
        <v>506</v>
      </c>
      <c r="E103561" s="15">
        <v>45642</v>
      </c>
      <c r="F103561" s="14" t="s">
        <v>61</v>
      </c>
      <c r="G103561" s="16">
        <v>0</v>
      </c>
    </row>
    <row r="103562" spans="1:7" x14ac:dyDescent="0.3">
      <c r="A103562" s="13" t="s">
        <v>505</v>
      </c>
      <c r="B103562" s="14" t="s">
        <v>1</v>
      </c>
      <c r="C103562" s="14" t="s">
        <v>109</v>
      </c>
      <c r="D103562" s="14" t="s">
        <v>506</v>
      </c>
      <c r="E103562" s="15">
        <v>45643</v>
      </c>
      <c r="F103562" s="14" t="s">
        <v>61</v>
      </c>
      <c r="G103562" s="16">
        <v>0</v>
      </c>
    </row>
    <row r="103563" spans="1:7" x14ac:dyDescent="0.3">
      <c r="A103563" s="13" t="s">
        <v>505</v>
      </c>
      <c r="B103563" s="14" t="s">
        <v>1</v>
      </c>
      <c r="C103563" s="14" t="s">
        <v>109</v>
      </c>
      <c r="D103563" s="14" t="s">
        <v>506</v>
      </c>
      <c r="E103563" s="15">
        <v>45644</v>
      </c>
      <c r="F103563" s="14" t="s">
        <v>61</v>
      </c>
      <c r="G103563" s="16">
        <v>0</v>
      </c>
    </row>
    <row r="103564" spans="1:7" x14ac:dyDescent="0.3">
      <c r="A103564" s="13" t="s">
        <v>505</v>
      </c>
      <c r="B103564" s="14" t="s">
        <v>1</v>
      </c>
      <c r="C103564" s="14" t="s">
        <v>109</v>
      </c>
      <c r="D103564" s="14" t="s">
        <v>506</v>
      </c>
      <c r="E103564" s="15">
        <v>45645</v>
      </c>
      <c r="F103564" s="14" t="s">
        <v>61</v>
      </c>
      <c r="G103564" s="16">
        <v>0</v>
      </c>
    </row>
    <row r="103565" spans="1:7" x14ac:dyDescent="0.3">
      <c r="A103565" s="13" t="s">
        <v>505</v>
      </c>
      <c r="B103565" s="14" t="s">
        <v>1</v>
      </c>
      <c r="C103565" s="14" t="s">
        <v>109</v>
      </c>
      <c r="D103565" s="14" t="s">
        <v>506</v>
      </c>
      <c r="E103565" s="15">
        <v>45646</v>
      </c>
      <c r="F103565" s="14" t="s">
        <v>61</v>
      </c>
      <c r="G103565" s="16">
        <v>0</v>
      </c>
    </row>
    <row r="103566" spans="1:7" x14ac:dyDescent="0.3">
      <c r="A103566" s="13" t="s">
        <v>505</v>
      </c>
      <c r="B103566" s="14" t="s">
        <v>1</v>
      </c>
      <c r="C103566" s="14" t="s">
        <v>109</v>
      </c>
      <c r="D103566" s="14" t="s">
        <v>506</v>
      </c>
      <c r="E103566" s="15">
        <v>45647</v>
      </c>
      <c r="F103566" s="14" t="s">
        <v>61</v>
      </c>
      <c r="G103566" s="16">
        <v>0</v>
      </c>
    </row>
    <row r="103567" spans="1:7" x14ac:dyDescent="0.3">
      <c r="A103567" s="13" t="s">
        <v>505</v>
      </c>
      <c r="B103567" s="14" t="s">
        <v>1</v>
      </c>
      <c r="C103567" s="14" t="s">
        <v>109</v>
      </c>
      <c r="D103567" s="14" t="s">
        <v>506</v>
      </c>
      <c r="E103567" s="15">
        <v>45648</v>
      </c>
      <c r="F103567" s="14" t="s">
        <v>61</v>
      </c>
      <c r="G103567" s="16">
        <v>0</v>
      </c>
    </row>
    <row r="103568" spans="1:7" x14ac:dyDescent="0.3">
      <c r="A103568" s="13" t="s">
        <v>505</v>
      </c>
      <c r="B103568" s="14" t="s">
        <v>1</v>
      </c>
      <c r="C103568" s="14" t="s">
        <v>109</v>
      </c>
      <c r="D103568" s="14" t="s">
        <v>506</v>
      </c>
      <c r="E103568" s="15">
        <v>45649</v>
      </c>
      <c r="F103568" s="14" t="s">
        <v>61</v>
      </c>
      <c r="G103568" s="16">
        <v>0</v>
      </c>
    </row>
    <row r="103569" spans="1:7" x14ac:dyDescent="0.3">
      <c r="A103569" s="13" t="s">
        <v>505</v>
      </c>
      <c r="B103569" s="14" t="s">
        <v>1</v>
      </c>
      <c r="C103569" s="14" t="s">
        <v>109</v>
      </c>
      <c r="D103569" s="14" t="s">
        <v>506</v>
      </c>
      <c r="E103569" s="15">
        <v>45650</v>
      </c>
      <c r="F103569" s="14" t="s">
        <v>61</v>
      </c>
      <c r="G103569" s="16">
        <v>0</v>
      </c>
    </row>
    <row r="103570" spans="1:7" x14ac:dyDescent="0.3">
      <c r="A103570" s="13" t="s">
        <v>505</v>
      </c>
      <c r="B103570" s="14" t="s">
        <v>1</v>
      </c>
      <c r="C103570" s="14" t="s">
        <v>109</v>
      </c>
      <c r="D103570" s="14" t="s">
        <v>506</v>
      </c>
      <c r="E103570" s="15">
        <v>45651</v>
      </c>
      <c r="F103570" s="14" t="s">
        <v>61</v>
      </c>
      <c r="G103570" s="16">
        <v>0</v>
      </c>
    </row>
    <row r="103571" spans="1:7" x14ac:dyDescent="0.3">
      <c r="A103571" s="13" t="s">
        <v>505</v>
      </c>
      <c r="B103571" s="14" t="s">
        <v>1</v>
      </c>
      <c r="C103571" s="14" t="s">
        <v>109</v>
      </c>
      <c r="D103571" s="14" t="s">
        <v>506</v>
      </c>
      <c r="E103571" s="15">
        <v>45652</v>
      </c>
      <c r="F103571" s="14" t="s">
        <v>61</v>
      </c>
      <c r="G103571" s="16">
        <v>0</v>
      </c>
    </row>
    <row r="103572" spans="1:7" x14ac:dyDescent="0.3">
      <c r="A103572" s="13" t="s">
        <v>505</v>
      </c>
      <c r="B103572" s="14" t="s">
        <v>1</v>
      </c>
      <c r="C103572" s="14" t="s">
        <v>109</v>
      </c>
      <c r="D103572" s="14" t="s">
        <v>506</v>
      </c>
      <c r="E103572" s="15">
        <v>45653</v>
      </c>
      <c r="F103572" s="14" t="s">
        <v>61</v>
      </c>
      <c r="G103572" s="16">
        <v>0</v>
      </c>
    </row>
    <row r="103573" spans="1:7" x14ac:dyDescent="0.3">
      <c r="A103573" s="13" t="s">
        <v>505</v>
      </c>
      <c r="B103573" s="14" t="s">
        <v>1</v>
      </c>
      <c r="C103573" s="14" t="s">
        <v>109</v>
      </c>
      <c r="D103573" s="14" t="s">
        <v>506</v>
      </c>
      <c r="E103573" s="15">
        <v>45654</v>
      </c>
      <c r="F103573" s="14" t="s">
        <v>61</v>
      </c>
      <c r="G103573" s="16">
        <v>0</v>
      </c>
    </row>
    <row r="103574" spans="1:7" x14ac:dyDescent="0.3">
      <c r="A103574" s="13" t="s">
        <v>505</v>
      </c>
      <c r="B103574" s="14" t="s">
        <v>1</v>
      </c>
      <c r="C103574" s="14" t="s">
        <v>109</v>
      </c>
      <c r="D103574" s="14" t="s">
        <v>506</v>
      </c>
      <c r="E103574" s="15">
        <v>45655</v>
      </c>
      <c r="F103574" s="14" t="s">
        <v>61</v>
      </c>
      <c r="G103574" s="16">
        <v>0</v>
      </c>
    </row>
    <row r="103575" spans="1:7" x14ac:dyDescent="0.3">
      <c r="A103575" s="13" t="s">
        <v>505</v>
      </c>
      <c r="B103575" s="14" t="s">
        <v>1</v>
      </c>
      <c r="C103575" s="14" t="s">
        <v>109</v>
      </c>
      <c r="D103575" s="14" t="s">
        <v>506</v>
      </c>
      <c r="E103575" s="15">
        <v>45656</v>
      </c>
      <c r="F103575" s="14" t="s">
        <v>61</v>
      </c>
      <c r="G103575" s="16">
        <v>0</v>
      </c>
    </row>
    <row r="103576" spans="1:7" x14ac:dyDescent="0.3">
      <c r="A103576" s="13" t="s">
        <v>505</v>
      </c>
      <c r="B103576" s="14" t="s">
        <v>1</v>
      </c>
      <c r="C103576" s="14" t="s">
        <v>109</v>
      </c>
      <c r="D103576" s="14" t="s">
        <v>506</v>
      </c>
      <c r="E103576" s="15">
        <v>45657</v>
      </c>
      <c r="F103576" s="14" t="s">
        <v>61</v>
      </c>
      <c r="G103576" s="16">
        <v>0</v>
      </c>
    </row>
    <row r="103577" spans="1:7" x14ac:dyDescent="0.3">
      <c r="A103577" s="13" t="s">
        <v>505</v>
      </c>
      <c r="B103577" s="14" t="s">
        <v>1</v>
      </c>
      <c r="C103577" s="14" t="s">
        <v>109</v>
      </c>
      <c r="D103577" s="14" t="s">
        <v>506</v>
      </c>
      <c r="E103577" s="15">
        <v>45658</v>
      </c>
      <c r="F103577" s="14" t="s">
        <v>61</v>
      </c>
      <c r="G103577" s="16">
        <v>0</v>
      </c>
    </row>
    <row r="103578" spans="1:7" x14ac:dyDescent="0.3">
      <c r="A103578" s="13" t="s">
        <v>505</v>
      </c>
      <c r="B103578" s="14" t="s">
        <v>1</v>
      </c>
      <c r="C103578" s="14" t="s">
        <v>109</v>
      </c>
      <c r="D103578" s="14" t="s">
        <v>506</v>
      </c>
      <c r="E103578" s="15">
        <v>45659</v>
      </c>
      <c r="F103578" s="14" t="s">
        <v>61</v>
      </c>
      <c r="G103578" s="16">
        <v>0</v>
      </c>
    </row>
    <row r="103579" spans="1:7" x14ac:dyDescent="0.3">
      <c r="A103579" s="13" t="s">
        <v>505</v>
      </c>
      <c r="B103579" s="14" t="s">
        <v>1</v>
      </c>
      <c r="C103579" s="14" t="s">
        <v>109</v>
      </c>
      <c r="D103579" s="14" t="s">
        <v>506</v>
      </c>
      <c r="E103579" s="15">
        <v>45660</v>
      </c>
      <c r="F103579" s="14" t="s">
        <v>61</v>
      </c>
      <c r="G103579" s="16">
        <v>0</v>
      </c>
    </row>
    <row r="103580" spans="1:7" x14ac:dyDescent="0.3">
      <c r="A103580" s="13" t="s">
        <v>505</v>
      </c>
      <c r="B103580" s="14" t="s">
        <v>1</v>
      </c>
      <c r="C103580" s="14" t="s">
        <v>109</v>
      </c>
      <c r="D103580" s="14" t="s">
        <v>506</v>
      </c>
      <c r="E103580" s="15">
        <v>45661</v>
      </c>
      <c r="F103580" s="14" t="s">
        <v>61</v>
      </c>
      <c r="G103580" s="16">
        <v>0</v>
      </c>
    </row>
    <row r="103581" spans="1:7" x14ac:dyDescent="0.3">
      <c r="A103581" s="13" t="s">
        <v>505</v>
      </c>
      <c r="B103581" s="14" t="s">
        <v>1</v>
      </c>
      <c r="C103581" s="14" t="s">
        <v>109</v>
      </c>
      <c r="D103581" s="14" t="s">
        <v>506</v>
      </c>
      <c r="E103581" s="15">
        <v>45662</v>
      </c>
      <c r="F103581" s="14" t="s">
        <v>61</v>
      </c>
      <c r="G103581" s="16">
        <v>0</v>
      </c>
    </row>
    <row r="103582" spans="1:7" x14ac:dyDescent="0.3">
      <c r="A103582" s="13" t="s">
        <v>505</v>
      </c>
      <c r="B103582" s="14" t="s">
        <v>1</v>
      </c>
      <c r="C103582" s="14" t="s">
        <v>109</v>
      </c>
      <c r="D103582" s="14" t="s">
        <v>506</v>
      </c>
      <c r="E103582" s="15">
        <v>45663</v>
      </c>
      <c r="F103582" s="14" t="s">
        <v>61</v>
      </c>
      <c r="G103582" s="16">
        <v>0</v>
      </c>
    </row>
    <row r="103583" spans="1:7" x14ac:dyDescent="0.3">
      <c r="A103583" s="13" t="s">
        <v>505</v>
      </c>
      <c r="B103583" s="14" t="s">
        <v>1</v>
      </c>
      <c r="C103583" s="14" t="s">
        <v>109</v>
      </c>
      <c r="D103583" s="14" t="s">
        <v>506</v>
      </c>
      <c r="E103583" s="15">
        <v>45664</v>
      </c>
      <c r="F103583" s="14" t="s">
        <v>61</v>
      </c>
      <c r="G103583" s="16">
        <v>0</v>
      </c>
    </row>
    <row r="103584" spans="1:7" x14ac:dyDescent="0.3">
      <c r="A103584" s="13" t="s">
        <v>505</v>
      </c>
      <c r="B103584" s="14" t="s">
        <v>1</v>
      </c>
      <c r="C103584" s="14" t="s">
        <v>109</v>
      </c>
      <c r="D103584" s="14" t="s">
        <v>506</v>
      </c>
      <c r="E103584" s="15">
        <v>45665</v>
      </c>
      <c r="F103584" s="14" t="s">
        <v>61</v>
      </c>
      <c r="G103584" s="16">
        <v>0</v>
      </c>
    </row>
    <row r="103585" spans="1:7" x14ac:dyDescent="0.3">
      <c r="A103585" s="13" t="s">
        <v>505</v>
      </c>
      <c r="B103585" s="14" t="s">
        <v>1</v>
      </c>
      <c r="C103585" s="14" t="s">
        <v>109</v>
      </c>
      <c r="D103585" s="14" t="s">
        <v>506</v>
      </c>
      <c r="E103585" s="15">
        <v>45666</v>
      </c>
      <c r="F103585" s="14" t="s">
        <v>61</v>
      </c>
      <c r="G103585" s="16">
        <v>0</v>
      </c>
    </row>
    <row r="103586" spans="1:7" x14ac:dyDescent="0.3">
      <c r="A103586" s="13" t="s">
        <v>505</v>
      </c>
      <c r="B103586" s="14" t="s">
        <v>1</v>
      </c>
      <c r="C103586" s="14" t="s">
        <v>109</v>
      </c>
      <c r="D103586" s="14" t="s">
        <v>506</v>
      </c>
      <c r="E103586" s="15">
        <v>45667</v>
      </c>
      <c r="F103586" s="14" t="s">
        <v>61</v>
      </c>
      <c r="G103586" s="16">
        <v>0</v>
      </c>
    </row>
    <row r="103587" spans="1:7" x14ac:dyDescent="0.3">
      <c r="A103587" s="13" t="s">
        <v>505</v>
      </c>
      <c r="B103587" s="14" t="s">
        <v>1</v>
      </c>
      <c r="C103587" s="14" t="s">
        <v>109</v>
      </c>
      <c r="D103587" s="14" t="s">
        <v>506</v>
      </c>
      <c r="E103587" s="15">
        <v>45668</v>
      </c>
      <c r="F103587" s="14" t="s">
        <v>61</v>
      </c>
      <c r="G103587" s="16">
        <v>0</v>
      </c>
    </row>
    <row r="103588" spans="1:7" x14ac:dyDescent="0.3">
      <c r="A103588" s="13" t="s">
        <v>505</v>
      </c>
      <c r="B103588" s="14" t="s">
        <v>1</v>
      </c>
      <c r="C103588" s="14" t="s">
        <v>109</v>
      </c>
      <c r="D103588" s="14" t="s">
        <v>506</v>
      </c>
      <c r="E103588" s="15">
        <v>45669</v>
      </c>
      <c r="F103588" s="14" t="s">
        <v>61</v>
      </c>
      <c r="G103588" s="16">
        <v>0</v>
      </c>
    </row>
    <row r="103589" spans="1:7" x14ac:dyDescent="0.3">
      <c r="A103589" s="13" t="s">
        <v>505</v>
      </c>
      <c r="B103589" s="14" t="s">
        <v>1</v>
      </c>
      <c r="C103589" s="14" t="s">
        <v>109</v>
      </c>
      <c r="D103589" s="14" t="s">
        <v>506</v>
      </c>
      <c r="E103589" s="15">
        <v>45670</v>
      </c>
      <c r="F103589" s="14" t="s">
        <v>61</v>
      </c>
      <c r="G103589" s="16">
        <v>0</v>
      </c>
    </row>
    <row r="103590" spans="1:7" x14ac:dyDescent="0.3">
      <c r="A103590" s="13" t="s">
        <v>505</v>
      </c>
      <c r="B103590" s="14" t="s">
        <v>1</v>
      </c>
      <c r="C103590" s="14" t="s">
        <v>109</v>
      </c>
      <c r="D103590" s="14" t="s">
        <v>506</v>
      </c>
      <c r="E103590" s="15">
        <v>45671</v>
      </c>
      <c r="F103590" s="14" t="s">
        <v>61</v>
      </c>
      <c r="G103590" s="16">
        <v>0</v>
      </c>
    </row>
    <row r="103591" spans="1:7" x14ac:dyDescent="0.3">
      <c r="A103591" s="13" t="s">
        <v>505</v>
      </c>
      <c r="B103591" s="14" t="s">
        <v>1</v>
      </c>
      <c r="C103591" s="14" t="s">
        <v>109</v>
      </c>
      <c r="D103591" s="14" t="s">
        <v>506</v>
      </c>
      <c r="E103591" s="15">
        <v>45672</v>
      </c>
      <c r="F103591" s="14" t="s">
        <v>61</v>
      </c>
      <c r="G103591" s="16">
        <v>0</v>
      </c>
    </row>
    <row r="103592" spans="1:7" x14ac:dyDescent="0.3">
      <c r="A103592" s="13" t="s">
        <v>505</v>
      </c>
      <c r="B103592" s="14" t="s">
        <v>1</v>
      </c>
      <c r="C103592" s="14" t="s">
        <v>109</v>
      </c>
      <c r="D103592" s="14" t="s">
        <v>506</v>
      </c>
      <c r="E103592" s="15">
        <v>45673</v>
      </c>
      <c r="F103592" s="14" t="s">
        <v>61</v>
      </c>
      <c r="G103592" s="16">
        <v>0</v>
      </c>
    </row>
    <row r="103593" spans="1:7" x14ac:dyDescent="0.3">
      <c r="A103593" s="13" t="s">
        <v>505</v>
      </c>
      <c r="B103593" s="14" t="s">
        <v>1</v>
      </c>
      <c r="C103593" s="14" t="s">
        <v>109</v>
      </c>
      <c r="D103593" s="14" t="s">
        <v>506</v>
      </c>
      <c r="E103593" s="15">
        <v>45674</v>
      </c>
      <c r="F103593" s="14" t="s">
        <v>61</v>
      </c>
      <c r="G103593" s="16">
        <v>0</v>
      </c>
    </row>
    <row r="103594" spans="1:7" x14ac:dyDescent="0.3">
      <c r="A103594" s="13" t="s">
        <v>505</v>
      </c>
      <c r="B103594" s="14" t="s">
        <v>1</v>
      </c>
      <c r="C103594" s="14" t="s">
        <v>109</v>
      </c>
      <c r="D103594" s="14" t="s">
        <v>506</v>
      </c>
      <c r="E103594" s="15">
        <v>45675</v>
      </c>
      <c r="F103594" s="14" t="s">
        <v>61</v>
      </c>
      <c r="G103594" s="16">
        <v>0</v>
      </c>
    </row>
    <row r="103595" spans="1:7" x14ac:dyDescent="0.3">
      <c r="A103595" s="13" t="s">
        <v>505</v>
      </c>
      <c r="B103595" s="14" t="s">
        <v>1</v>
      </c>
      <c r="C103595" s="14" t="s">
        <v>109</v>
      </c>
      <c r="D103595" s="14" t="s">
        <v>506</v>
      </c>
      <c r="E103595" s="15">
        <v>45676</v>
      </c>
      <c r="F103595" s="14" t="s">
        <v>61</v>
      </c>
      <c r="G103595" s="16">
        <v>0</v>
      </c>
    </row>
    <row r="103596" spans="1:7" x14ac:dyDescent="0.3">
      <c r="A103596" s="13" t="s">
        <v>505</v>
      </c>
      <c r="B103596" s="14" t="s">
        <v>1</v>
      </c>
      <c r="C103596" s="14" t="s">
        <v>109</v>
      </c>
      <c r="D103596" s="14" t="s">
        <v>506</v>
      </c>
      <c r="E103596" s="15">
        <v>45677</v>
      </c>
      <c r="F103596" s="14" t="s">
        <v>61</v>
      </c>
      <c r="G103596" s="16">
        <v>0</v>
      </c>
    </row>
    <row r="103597" spans="1:7" x14ac:dyDescent="0.3">
      <c r="A103597" s="13" t="s">
        <v>505</v>
      </c>
      <c r="B103597" s="14" t="s">
        <v>1</v>
      </c>
      <c r="C103597" s="14" t="s">
        <v>109</v>
      </c>
      <c r="D103597" s="14" t="s">
        <v>506</v>
      </c>
      <c r="E103597" s="15">
        <v>45678</v>
      </c>
      <c r="F103597" s="14" t="s">
        <v>61</v>
      </c>
      <c r="G103597" s="16">
        <v>0</v>
      </c>
    </row>
    <row r="103598" spans="1:7" x14ac:dyDescent="0.3">
      <c r="A103598" s="13" t="s">
        <v>505</v>
      </c>
      <c r="B103598" s="14" t="s">
        <v>1</v>
      </c>
      <c r="C103598" s="14" t="s">
        <v>109</v>
      </c>
      <c r="D103598" s="14" t="s">
        <v>506</v>
      </c>
      <c r="E103598" s="15">
        <v>45679</v>
      </c>
      <c r="F103598" s="14" t="s">
        <v>61</v>
      </c>
      <c r="G103598" s="16">
        <v>0</v>
      </c>
    </row>
    <row r="103599" spans="1:7" x14ac:dyDescent="0.3">
      <c r="A103599" s="13" t="s">
        <v>505</v>
      </c>
      <c r="B103599" s="14" t="s">
        <v>1</v>
      </c>
      <c r="C103599" s="14" t="s">
        <v>109</v>
      </c>
      <c r="D103599" s="14" t="s">
        <v>506</v>
      </c>
      <c r="E103599" s="15">
        <v>45680</v>
      </c>
      <c r="F103599" s="14" t="s">
        <v>61</v>
      </c>
      <c r="G103599" s="16">
        <v>0</v>
      </c>
    </row>
    <row r="103600" spans="1:7" x14ac:dyDescent="0.3">
      <c r="A103600" s="13" t="s">
        <v>505</v>
      </c>
      <c r="B103600" s="14" t="s">
        <v>1</v>
      </c>
      <c r="C103600" s="14" t="s">
        <v>109</v>
      </c>
      <c r="D103600" s="14" t="s">
        <v>506</v>
      </c>
      <c r="E103600" s="15">
        <v>45681</v>
      </c>
      <c r="F103600" s="14" t="s">
        <v>61</v>
      </c>
      <c r="G103600" s="16">
        <v>0</v>
      </c>
    </row>
    <row r="103601" spans="1:7" x14ac:dyDescent="0.3">
      <c r="A103601" s="13" t="s">
        <v>505</v>
      </c>
      <c r="B103601" s="14" t="s">
        <v>1</v>
      </c>
      <c r="C103601" s="14" t="s">
        <v>109</v>
      </c>
      <c r="D103601" s="14" t="s">
        <v>506</v>
      </c>
      <c r="E103601" s="15">
        <v>45682</v>
      </c>
      <c r="F103601" s="14" t="s">
        <v>61</v>
      </c>
      <c r="G103601" s="16">
        <v>0</v>
      </c>
    </row>
    <row r="103602" spans="1:7" x14ac:dyDescent="0.3">
      <c r="A103602" s="13" t="s">
        <v>505</v>
      </c>
      <c r="B103602" s="14" t="s">
        <v>1</v>
      </c>
      <c r="C103602" s="14" t="s">
        <v>109</v>
      </c>
      <c r="D103602" s="14" t="s">
        <v>506</v>
      </c>
      <c r="E103602" s="15">
        <v>45683</v>
      </c>
      <c r="F103602" s="14" t="s">
        <v>61</v>
      </c>
      <c r="G103602" s="16">
        <v>0</v>
      </c>
    </row>
    <row r="103603" spans="1:7" x14ac:dyDescent="0.3">
      <c r="A103603" s="13" t="s">
        <v>505</v>
      </c>
      <c r="B103603" s="14" t="s">
        <v>1</v>
      </c>
      <c r="C103603" s="14" t="s">
        <v>109</v>
      </c>
      <c r="D103603" s="14" t="s">
        <v>506</v>
      </c>
      <c r="E103603" s="15">
        <v>45684</v>
      </c>
      <c r="F103603" s="14" t="s">
        <v>61</v>
      </c>
      <c r="G103603" s="16">
        <v>0</v>
      </c>
    </row>
    <row r="103604" spans="1:7" x14ac:dyDescent="0.3">
      <c r="A103604" s="13" t="s">
        <v>505</v>
      </c>
      <c r="B103604" s="14" t="s">
        <v>1</v>
      </c>
      <c r="C103604" s="14" t="s">
        <v>109</v>
      </c>
      <c r="D103604" s="14" t="s">
        <v>506</v>
      </c>
      <c r="E103604" s="15">
        <v>45685</v>
      </c>
      <c r="F103604" s="14" t="s">
        <v>61</v>
      </c>
      <c r="G103604" s="16">
        <v>0</v>
      </c>
    </row>
    <row r="103605" spans="1:7" x14ac:dyDescent="0.3">
      <c r="A103605" s="13" t="s">
        <v>505</v>
      </c>
      <c r="B103605" s="14" t="s">
        <v>1</v>
      </c>
      <c r="C103605" s="14" t="s">
        <v>109</v>
      </c>
      <c r="D103605" s="14" t="s">
        <v>506</v>
      </c>
      <c r="E103605" s="15">
        <v>45686</v>
      </c>
      <c r="F103605" s="14" t="s">
        <v>61</v>
      </c>
      <c r="G103605" s="16">
        <v>0</v>
      </c>
    </row>
    <row r="103606" spans="1:7" x14ac:dyDescent="0.3">
      <c r="A103606" s="13" t="s">
        <v>505</v>
      </c>
      <c r="B103606" s="14" t="s">
        <v>1</v>
      </c>
      <c r="C103606" s="14" t="s">
        <v>109</v>
      </c>
      <c r="D103606" s="14" t="s">
        <v>506</v>
      </c>
      <c r="E103606" s="15">
        <v>45687</v>
      </c>
      <c r="F103606" s="14" t="s">
        <v>61</v>
      </c>
      <c r="G103606" s="16">
        <v>0</v>
      </c>
    </row>
    <row r="103607" spans="1:7" x14ac:dyDescent="0.3">
      <c r="A103607" s="13" t="s">
        <v>505</v>
      </c>
      <c r="B103607" s="14" t="s">
        <v>1</v>
      </c>
      <c r="C103607" s="14" t="s">
        <v>109</v>
      </c>
      <c r="D103607" s="14" t="s">
        <v>506</v>
      </c>
      <c r="E103607" s="15">
        <v>45688</v>
      </c>
      <c r="F103607" s="14" t="s">
        <v>61</v>
      </c>
      <c r="G103607" s="16">
        <v>0</v>
      </c>
    </row>
    <row r="103608" spans="1:7" x14ac:dyDescent="0.3">
      <c r="A103608" s="13" t="s">
        <v>505</v>
      </c>
      <c r="B103608" s="14" t="s">
        <v>1</v>
      </c>
      <c r="C103608" s="14" t="s">
        <v>109</v>
      </c>
      <c r="D103608" s="14" t="s">
        <v>506</v>
      </c>
      <c r="E103608" s="15">
        <v>45689</v>
      </c>
      <c r="F103608" s="14" t="s">
        <v>61</v>
      </c>
      <c r="G103608" s="16">
        <v>0</v>
      </c>
    </row>
    <row r="103609" spans="1:7" x14ac:dyDescent="0.3">
      <c r="A103609" s="13" t="s">
        <v>505</v>
      </c>
      <c r="B103609" s="14" t="s">
        <v>1</v>
      </c>
      <c r="C103609" s="14" t="s">
        <v>109</v>
      </c>
      <c r="D103609" s="14" t="s">
        <v>506</v>
      </c>
      <c r="E103609" s="15">
        <v>45690</v>
      </c>
      <c r="F103609" s="14" t="s">
        <v>61</v>
      </c>
      <c r="G103609" s="16">
        <v>0</v>
      </c>
    </row>
    <row r="103610" spans="1:7" x14ac:dyDescent="0.3">
      <c r="A103610" s="13" t="s">
        <v>505</v>
      </c>
      <c r="B103610" s="14" t="s">
        <v>1</v>
      </c>
      <c r="C103610" s="14" t="s">
        <v>109</v>
      </c>
      <c r="D103610" s="14" t="s">
        <v>506</v>
      </c>
      <c r="E103610" s="15">
        <v>45691</v>
      </c>
      <c r="F103610" s="14" t="s">
        <v>61</v>
      </c>
      <c r="G103610" s="16">
        <v>0</v>
      </c>
    </row>
    <row r="103611" spans="1:7" x14ac:dyDescent="0.3">
      <c r="A103611" s="13" t="s">
        <v>505</v>
      </c>
      <c r="B103611" s="14" t="s">
        <v>1</v>
      </c>
      <c r="C103611" s="14" t="s">
        <v>109</v>
      </c>
      <c r="D103611" s="14" t="s">
        <v>506</v>
      </c>
      <c r="E103611" s="15">
        <v>45692</v>
      </c>
      <c r="F103611" s="14" t="s">
        <v>61</v>
      </c>
      <c r="G103611" s="16">
        <v>0</v>
      </c>
    </row>
    <row r="103612" spans="1:7" x14ac:dyDescent="0.3">
      <c r="A103612" s="13" t="s">
        <v>505</v>
      </c>
      <c r="B103612" s="14" t="s">
        <v>1</v>
      </c>
      <c r="C103612" s="14" t="s">
        <v>109</v>
      </c>
      <c r="D103612" s="14" t="s">
        <v>506</v>
      </c>
      <c r="E103612" s="15">
        <v>45693</v>
      </c>
      <c r="F103612" s="14" t="s">
        <v>61</v>
      </c>
      <c r="G103612" s="16">
        <v>0</v>
      </c>
    </row>
    <row r="103613" spans="1:7" x14ac:dyDescent="0.3">
      <c r="A103613" s="13" t="s">
        <v>505</v>
      </c>
      <c r="B103613" s="14" t="s">
        <v>1</v>
      </c>
      <c r="C103613" s="14" t="s">
        <v>109</v>
      </c>
      <c r="D103613" s="14" t="s">
        <v>506</v>
      </c>
      <c r="E103613" s="15">
        <v>45694</v>
      </c>
      <c r="F103613" s="14" t="s">
        <v>61</v>
      </c>
      <c r="G103613" s="16">
        <v>0</v>
      </c>
    </row>
    <row r="103614" spans="1:7" x14ac:dyDescent="0.3">
      <c r="A103614" s="13" t="s">
        <v>505</v>
      </c>
      <c r="B103614" s="14" t="s">
        <v>1</v>
      </c>
      <c r="C103614" s="14" t="s">
        <v>109</v>
      </c>
      <c r="D103614" s="14" t="s">
        <v>506</v>
      </c>
      <c r="E103614" s="15">
        <v>45695</v>
      </c>
      <c r="F103614" s="14" t="s">
        <v>61</v>
      </c>
      <c r="G103614" s="16">
        <v>0</v>
      </c>
    </row>
    <row r="103615" spans="1:7" x14ac:dyDescent="0.3">
      <c r="A103615" s="13" t="s">
        <v>505</v>
      </c>
      <c r="B103615" s="14" t="s">
        <v>1</v>
      </c>
      <c r="C103615" s="14" t="s">
        <v>109</v>
      </c>
      <c r="D103615" s="14" t="s">
        <v>506</v>
      </c>
      <c r="E103615" s="15">
        <v>45696</v>
      </c>
      <c r="F103615" s="14" t="s">
        <v>61</v>
      </c>
      <c r="G103615" s="16">
        <v>0</v>
      </c>
    </row>
    <row r="103616" spans="1:7" x14ac:dyDescent="0.3">
      <c r="A103616" s="13" t="s">
        <v>505</v>
      </c>
      <c r="B103616" s="14" t="s">
        <v>1</v>
      </c>
      <c r="C103616" s="14" t="s">
        <v>109</v>
      </c>
      <c r="D103616" s="14" t="s">
        <v>506</v>
      </c>
      <c r="E103616" s="15">
        <v>45697</v>
      </c>
      <c r="F103616" s="14" t="s">
        <v>61</v>
      </c>
      <c r="G103616" s="16">
        <v>0</v>
      </c>
    </row>
    <row r="103617" spans="1:7" x14ac:dyDescent="0.3">
      <c r="A103617" s="13" t="s">
        <v>505</v>
      </c>
      <c r="B103617" s="14" t="s">
        <v>1</v>
      </c>
      <c r="C103617" s="14" t="s">
        <v>109</v>
      </c>
      <c r="D103617" s="14" t="s">
        <v>506</v>
      </c>
      <c r="E103617" s="15">
        <v>45698</v>
      </c>
      <c r="F103617" s="14" t="s">
        <v>61</v>
      </c>
      <c r="G103617" s="16">
        <v>0</v>
      </c>
    </row>
    <row r="103618" spans="1:7" x14ac:dyDescent="0.3">
      <c r="A103618" s="13" t="s">
        <v>505</v>
      </c>
      <c r="B103618" s="14" t="s">
        <v>1</v>
      </c>
      <c r="C103618" s="14" t="s">
        <v>109</v>
      </c>
      <c r="D103618" s="14" t="s">
        <v>506</v>
      </c>
      <c r="E103618" s="15">
        <v>45699</v>
      </c>
      <c r="F103618" s="14" t="s">
        <v>61</v>
      </c>
      <c r="G103618" s="16">
        <v>0</v>
      </c>
    </row>
    <row r="103619" spans="1:7" x14ac:dyDescent="0.3">
      <c r="A103619" s="13" t="s">
        <v>505</v>
      </c>
      <c r="B103619" s="14" t="s">
        <v>1</v>
      </c>
      <c r="C103619" s="14" t="s">
        <v>109</v>
      </c>
      <c r="D103619" s="14" t="s">
        <v>506</v>
      </c>
      <c r="E103619" s="15">
        <v>45700</v>
      </c>
      <c r="F103619" s="14" t="s">
        <v>61</v>
      </c>
      <c r="G103619" s="16">
        <v>0</v>
      </c>
    </row>
    <row r="103620" spans="1:7" x14ac:dyDescent="0.3">
      <c r="A103620" s="13" t="s">
        <v>505</v>
      </c>
      <c r="B103620" s="14" t="s">
        <v>1</v>
      </c>
      <c r="C103620" s="14" t="s">
        <v>109</v>
      </c>
      <c r="D103620" s="14" t="s">
        <v>506</v>
      </c>
      <c r="E103620" s="15">
        <v>45701</v>
      </c>
      <c r="F103620" s="14" t="s">
        <v>61</v>
      </c>
      <c r="G103620" s="16">
        <v>0</v>
      </c>
    </row>
    <row r="103621" spans="1:7" x14ac:dyDescent="0.3">
      <c r="A103621" s="13" t="s">
        <v>505</v>
      </c>
      <c r="B103621" s="14" t="s">
        <v>1</v>
      </c>
      <c r="C103621" s="14" t="s">
        <v>109</v>
      </c>
      <c r="D103621" s="14" t="s">
        <v>506</v>
      </c>
      <c r="E103621" s="15">
        <v>45702</v>
      </c>
      <c r="F103621" s="14" t="s">
        <v>61</v>
      </c>
      <c r="G103621" s="16">
        <v>0</v>
      </c>
    </row>
    <row r="103622" spans="1:7" x14ac:dyDescent="0.3">
      <c r="A103622" s="13" t="s">
        <v>505</v>
      </c>
      <c r="B103622" s="14" t="s">
        <v>1</v>
      </c>
      <c r="C103622" s="14" t="s">
        <v>109</v>
      </c>
      <c r="D103622" s="14" t="s">
        <v>506</v>
      </c>
      <c r="E103622" s="15">
        <v>45703</v>
      </c>
      <c r="F103622" s="14" t="s">
        <v>61</v>
      </c>
      <c r="G103622" s="16">
        <v>0</v>
      </c>
    </row>
    <row r="103623" spans="1:7" x14ac:dyDescent="0.3">
      <c r="A103623" s="13" t="s">
        <v>505</v>
      </c>
      <c r="B103623" s="14" t="s">
        <v>1</v>
      </c>
      <c r="C103623" s="14" t="s">
        <v>109</v>
      </c>
      <c r="D103623" s="14" t="s">
        <v>506</v>
      </c>
      <c r="E103623" s="15">
        <v>45704</v>
      </c>
      <c r="F103623" s="14" t="s">
        <v>61</v>
      </c>
      <c r="G103623" s="16">
        <v>0</v>
      </c>
    </row>
    <row r="103624" spans="1:7" x14ac:dyDescent="0.3">
      <c r="A103624" s="13" t="s">
        <v>505</v>
      </c>
      <c r="B103624" s="14" t="s">
        <v>1</v>
      </c>
      <c r="C103624" s="14" t="s">
        <v>109</v>
      </c>
      <c r="D103624" s="14" t="s">
        <v>506</v>
      </c>
      <c r="E103624" s="15">
        <v>45705</v>
      </c>
      <c r="F103624" s="14" t="s">
        <v>61</v>
      </c>
      <c r="G103624" s="16">
        <v>0</v>
      </c>
    </row>
    <row r="103625" spans="1:7" x14ac:dyDescent="0.3">
      <c r="A103625" s="13" t="s">
        <v>505</v>
      </c>
      <c r="B103625" s="14" t="s">
        <v>1</v>
      </c>
      <c r="C103625" s="14" t="s">
        <v>109</v>
      </c>
      <c r="D103625" s="14" t="s">
        <v>506</v>
      </c>
      <c r="E103625" s="15">
        <v>45706</v>
      </c>
      <c r="F103625" s="14" t="s">
        <v>61</v>
      </c>
      <c r="G103625" s="16">
        <v>0</v>
      </c>
    </row>
    <row r="103626" spans="1:7" x14ac:dyDescent="0.3">
      <c r="A103626" s="13" t="s">
        <v>505</v>
      </c>
      <c r="B103626" s="14" t="s">
        <v>1</v>
      </c>
      <c r="C103626" s="14" t="s">
        <v>109</v>
      </c>
      <c r="D103626" s="14" t="s">
        <v>506</v>
      </c>
      <c r="E103626" s="15">
        <v>45707</v>
      </c>
      <c r="F103626" s="14" t="s">
        <v>61</v>
      </c>
      <c r="G103626" s="16">
        <v>0</v>
      </c>
    </row>
    <row r="103627" spans="1:7" x14ac:dyDescent="0.3">
      <c r="A103627" s="13" t="s">
        <v>505</v>
      </c>
      <c r="B103627" s="14" t="s">
        <v>1</v>
      </c>
      <c r="C103627" s="14" t="s">
        <v>109</v>
      </c>
      <c r="D103627" s="14" t="s">
        <v>506</v>
      </c>
      <c r="E103627" s="15">
        <v>45708</v>
      </c>
      <c r="F103627" s="14" t="s">
        <v>61</v>
      </c>
      <c r="G103627" s="16">
        <v>0</v>
      </c>
    </row>
    <row r="103628" spans="1:7" x14ac:dyDescent="0.3">
      <c r="A103628" s="13" t="s">
        <v>505</v>
      </c>
      <c r="B103628" s="14" t="s">
        <v>1</v>
      </c>
      <c r="C103628" s="14" t="s">
        <v>109</v>
      </c>
      <c r="D103628" s="14" t="s">
        <v>506</v>
      </c>
      <c r="E103628" s="15">
        <v>45709</v>
      </c>
      <c r="F103628" s="14" t="s">
        <v>61</v>
      </c>
      <c r="G103628" s="16">
        <v>0</v>
      </c>
    </row>
    <row r="103629" spans="1:7" x14ac:dyDescent="0.3">
      <c r="A103629" s="13" t="s">
        <v>505</v>
      </c>
      <c r="B103629" s="14" t="s">
        <v>1</v>
      </c>
      <c r="C103629" s="14" t="s">
        <v>109</v>
      </c>
      <c r="D103629" s="14" t="s">
        <v>506</v>
      </c>
      <c r="E103629" s="15">
        <v>45710</v>
      </c>
      <c r="F103629" s="14" t="s">
        <v>61</v>
      </c>
      <c r="G103629" s="16">
        <v>0</v>
      </c>
    </row>
    <row r="103630" spans="1:7" x14ac:dyDescent="0.3">
      <c r="A103630" s="13" t="s">
        <v>505</v>
      </c>
      <c r="B103630" s="14" t="s">
        <v>1</v>
      </c>
      <c r="C103630" s="14" t="s">
        <v>109</v>
      </c>
      <c r="D103630" s="14" t="s">
        <v>506</v>
      </c>
      <c r="E103630" s="15">
        <v>45711</v>
      </c>
      <c r="F103630" s="14" t="s">
        <v>61</v>
      </c>
      <c r="G103630" s="16">
        <v>0</v>
      </c>
    </row>
    <row r="103631" spans="1:7" x14ac:dyDescent="0.3">
      <c r="A103631" s="13" t="s">
        <v>505</v>
      </c>
      <c r="B103631" s="14" t="s">
        <v>1</v>
      </c>
      <c r="C103631" s="14" t="s">
        <v>109</v>
      </c>
      <c r="D103631" s="14" t="s">
        <v>506</v>
      </c>
      <c r="E103631" s="15">
        <v>45712</v>
      </c>
      <c r="F103631" s="14" t="s">
        <v>61</v>
      </c>
      <c r="G103631" s="16">
        <v>0</v>
      </c>
    </row>
    <row r="103632" spans="1:7" x14ac:dyDescent="0.3">
      <c r="A103632" s="13" t="s">
        <v>505</v>
      </c>
      <c r="B103632" s="14" t="s">
        <v>1</v>
      </c>
      <c r="C103632" s="14" t="s">
        <v>109</v>
      </c>
      <c r="D103632" s="14" t="s">
        <v>506</v>
      </c>
      <c r="E103632" s="15">
        <v>45713</v>
      </c>
      <c r="F103632" s="14" t="s">
        <v>61</v>
      </c>
      <c r="G103632" s="16">
        <v>0</v>
      </c>
    </row>
    <row r="103633" spans="1:7" x14ac:dyDescent="0.3">
      <c r="A103633" s="13" t="s">
        <v>505</v>
      </c>
      <c r="B103633" s="14" t="s">
        <v>1</v>
      </c>
      <c r="C103633" s="14" t="s">
        <v>109</v>
      </c>
      <c r="D103633" s="14" t="s">
        <v>506</v>
      </c>
      <c r="E103633" s="15">
        <v>45714</v>
      </c>
      <c r="F103633" s="14" t="s">
        <v>61</v>
      </c>
      <c r="G103633" s="16">
        <v>0</v>
      </c>
    </row>
    <row r="103634" spans="1:7" x14ac:dyDescent="0.3">
      <c r="A103634" s="13" t="s">
        <v>505</v>
      </c>
      <c r="B103634" s="14" t="s">
        <v>1</v>
      </c>
      <c r="C103634" s="14" t="s">
        <v>109</v>
      </c>
      <c r="D103634" s="14" t="s">
        <v>506</v>
      </c>
      <c r="E103634" s="15">
        <v>45715</v>
      </c>
      <c r="F103634" s="14" t="s">
        <v>61</v>
      </c>
      <c r="G103634" s="16">
        <v>0</v>
      </c>
    </row>
    <row r="103635" spans="1:7" x14ac:dyDescent="0.3">
      <c r="A103635" s="13" t="s">
        <v>505</v>
      </c>
      <c r="B103635" s="14" t="s">
        <v>1</v>
      </c>
      <c r="C103635" s="14" t="s">
        <v>109</v>
      </c>
      <c r="D103635" s="14" t="s">
        <v>506</v>
      </c>
      <c r="E103635" s="15">
        <v>45716</v>
      </c>
      <c r="F103635" s="14" t="s">
        <v>61</v>
      </c>
      <c r="G103635" s="16">
        <v>0</v>
      </c>
    </row>
    <row r="103636" spans="1:7" x14ac:dyDescent="0.3">
      <c r="A103636" s="13" t="s">
        <v>505</v>
      </c>
      <c r="B103636" s="14" t="s">
        <v>1</v>
      </c>
      <c r="C103636" s="14" t="s">
        <v>109</v>
      </c>
      <c r="D103636" s="14" t="s">
        <v>506</v>
      </c>
      <c r="E103636" s="15">
        <v>45717</v>
      </c>
      <c r="F103636" s="14" t="s">
        <v>61</v>
      </c>
      <c r="G103636" s="16">
        <v>0</v>
      </c>
    </row>
    <row r="103637" spans="1:7" x14ac:dyDescent="0.3">
      <c r="A103637" s="13" t="s">
        <v>505</v>
      </c>
      <c r="B103637" s="14" t="s">
        <v>1</v>
      </c>
      <c r="C103637" s="14" t="s">
        <v>109</v>
      </c>
      <c r="D103637" s="14" t="s">
        <v>506</v>
      </c>
      <c r="E103637" s="15">
        <v>45718</v>
      </c>
      <c r="F103637" s="14" t="s">
        <v>61</v>
      </c>
      <c r="G103637" s="16">
        <v>0</v>
      </c>
    </row>
    <row r="103638" spans="1:7" x14ac:dyDescent="0.3">
      <c r="A103638" s="13" t="s">
        <v>505</v>
      </c>
      <c r="B103638" s="14" t="s">
        <v>1</v>
      </c>
      <c r="C103638" s="14" t="s">
        <v>109</v>
      </c>
      <c r="D103638" s="14" t="s">
        <v>506</v>
      </c>
      <c r="E103638" s="15">
        <v>45719</v>
      </c>
      <c r="F103638" s="14" t="s">
        <v>61</v>
      </c>
      <c r="G103638" s="16">
        <v>0</v>
      </c>
    </row>
    <row r="103639" spans="1:7" x14ac:dyDescent="0.3">
      <c r="A103639" s="13" t="s">
        <v>505</v>
      </c>
      <c r="B103639" s="14" t="s">
        <v>1</v>
      </c>
      <c r="C103639" s="14" t="s">
        <v>109</v>
      </c>
      <c r="D103639" s="14" t="s">
        <v>506</v>
      </c>
      <c r="E103639" s="15">
        <v>45720</v>
      </c>
      <c r="F103639" s="14" t="s">
        <v>61</v>
      </c>
      <c r="G103639" s="16">
        <v>0</v>
      </c>
    </row>
    <row r="103640" spans="1:7" x14ac:dyDescent="0.3">
      <c r="A103640" s="13" t="s">
        <v>505</v>
      </c>
      <c r="B103640" s="14" t="s">
        <v>1</v>
      </c>
      <c r="C103640" s="14" t="s">
        <v>109</v>
      </c>
      <c r="D103640" s="14" t="s">
        <v>506</v>
      </c>
      <c r="E103640" s="15">
        <v>45721</v>
      </c>
      <c r="F103640" s="14" t="s">
        <v>61</v>
      </c>
      <c r="G103640" s="16">
        <v>0</v>
      </c>
    </row>
    <row r="103641" spans="1:7" x14ac:dyDescent="0.3">
      <c r="A103641" s="13" t="s">
        <v>505</v>
      </c>
      <c r="B103641" s="14" t="s">
        <v>1</v>
      </c>
      <c r="C103641" s="14" t="s">
        <v>109</v>
      </c>
      <c r="D103641" s="14" t="s">
        <v>506</v>
      </c>
      <c r="E103641" s="15">
        <v>45722</v>
      </c>
      <c r="F103641" s="14" t="s">
        <v>61</v>
      </c>
      <c r="G103641" s="16">
        <v>0</v>
      </c>
    </row>
    <row r="103642" spans="1:7" x14ac:dyDescent="0.3">
      <c r="A103642" s="13" t="s">
        <v>505</v>
      </c>
      <c r="B103642" s="14" t="s">
        <v>1</v>
      </c>
      <c r="C103642" s="14" t="s">
        <v>109</v>
      </c>
      <c r="D103642" s="14" t="s">
        <v>506</v>
      </c>
      <c r="E103642" s="15">
        <v>45723</v>
      </c>
      <c r="F103642" s="14" t="s">
        <v>61</v>
      </c>
      <c r="G103642" s="16">
        <v>0</v>
      </c>
    </row>
    <row r="103643" spans="1:7" x14ac:dyDescent="0.3">
      <c r="A103643" s="13" t="s">
        <v>505</v>
      </c>
      <c r="B103643" s="14" t="s">
        <v>1</v>
      </c>
      <c r="C103643" s="14" t="s">
        <v>109</v>
      </c>
      <c r="D103643" s="14" t="s">
        <v>506</v>
      </c>
      <c r="E103643" s="15">
        <v>45724</v>
      </c>
      <c r="F103643" s="14" t="s">
        <v>61</v>
      </c>
      <c r="G103643" s="16">
        <v>0</v>
      </c>
    </row>
    <row r="103644" spans="1:7" x14ac:dyDescent="0.3">
      <c r="A103644" s="13" t="s">
        <v>505</v>
      </c>
      <c r="B103644" s="14" t="s">
        <v>1</v>
      </c>
      <c r="C103644" s="14" t="s">
        <v>109</v>
      </c>
      <c r="D103644" s="14" t="s">
        <v>506</v>
      </c>
      <c r="E103644" s="15">
        <v>45725</v>
      </c>
      <c r="F103644" s="14" t="s">
        <v>61</v>
      </c>
      <c r="G103644" s="16">
        <v>0</v>
      </c>
    </row>
    <row r="103645" spans="1:7" x14ac:dyDescent="0.3">
      <c r="A103645" s="13" t="s">
        <v>505</v>
      </c>
      <c r="B103645" s="14" t="s">
        <v>1</v>
      </c>
      <c r="C103645" s="14" t="s">
        <v>109</v>
      </c>
      <c r="D103645" s="14" t="s">
        <v>506</v>
      </c>
      <c r="E103645" s="15">
        <v>45726</v>
      </c>
      <c r="F103645" s="14" t="s">
        <v>61</v>
      </c>
      <c r="G103645" s="16">
        <v>0</v>
      </c>
    </row>
    <row r="103646" spans="1:7" x14ac:dyDescent="0.3">
      <c r="A103646" s="13" t="s">
        <v>505</v>
      </c>
      <c r="B103646" s="14" t="s">
        <v>1</v>
      </c>
      <c r="C103646" s="14" t="s">
        <v>109</v>
      </c>
      <c r="D103646" s="14" t="s">
        <v>506</v>
      </c>
      <c r="E103646" s="15">
        <v>45727</v>
      </c>
      <c r="F103646" s="14" t="s">
        <v>61</v>
      </c>
      <c r="G103646" s="16">
        <v>0</v>
      </c>
    </row>
    <row r="103647" spans="1:7" x14ac:dyDescent="0.3">
      <c r="A103647" s="13" t="s">
        <v>505</v>
      </c>
      <c r="B103647" s="14" t="s">
        <v>1</v>
      </c>
      <c r="C103647" s="14" t="s">
        <v>109</v>
      </c>
      <c r="D103647" s="14" t="s">
        <v>506</v>
      </c>
      <c r="E103647" s="15">
        <v>45728</v>
      </c>
      <c r="F103647" s="14" t="s">
        <v>61</v>
      </c>
      <c r="G103647" s="16">
        <v>0</v>
      </c>
    </row>
    <row r="103648" spans="1:7" x14ac:dyDescent="0.3">
      <c r="A103648" s="13" t="s">
        <v>505</v>
      </c>
      <c r="B103648" s="14" t="s">
        <v>1</v>
      </c>
      <c r="C103648" s="14" t="s">
        <v>109</v>
      </c>
      <c r="D103648" s="14" t="s">
        <v>506</v>
      </c>
      <c r="E103648" s="15">
        <v>45729</v>
      </c>
      <c r="F103648" s="14" t="s">
        <v>61</v>
      </c>
      <c r="G103648" s="16">
        <v>0</v>
      </c>
    </row>
    <row r="103649" spans="1:7" x14ac:dyDescent="0.3">
      <c r="A103649" s="13" t="s">
        <v>505</v>
      </c>
      <c r="B103649" s="14" t="s">
        <v>1</v>
      </c>
      <c r="C103649" s="14" t="s">
        <v>109</v>
      </c>
      <c r="D103649" s="14" t="s">
        <v>506</v>
      </c>
      <c r="E103649" s="15">
        <v>45730</v>
      </c>
      <c r="F103649" s="14" t="s">
        <v>61</v>
      </c>
      <c r="G103649" s="16">
        <v>0</v>
      </c>
    </row>
    <row r="103650" spans="1:7" x14ac:dyDescent="0.3">
      <c r="A103650" s="13" t="s">
        <v>505</v>
      </c>
      <c r="B103650" s="14" t="s">
        <v>1</v>
      </c>
      <c r="C103650" s="14" t="s">
        <v>109</v>
      </c>
      <c r="D103650" s="14" t="s">
        <v>506</v>
      </c>
      <c r="E103650" s="15">
        <v>45731</v>
      </c>
      <c r="F103650" s="14" t="s">
        <v>61</v>
      </c>
      <c r="G103650" s="16">
        <v>0</v>
      </c>
    </row>
    <row r="103651" spans="1:7" x14ac:dyDescent="0.3">
      <c r="A103651" s="13" t="s">
        <v>505</v>
      </c>
      <c r="B103651" s="14" t="s">
        <v>1</v>
      </c>
      <c r="C103651" s="14" t="s">
        <v>109</v>
      </c>
      <c r="D103651" s="14" t="s">
        <v>506</v>
      </c>
      <c r="E103651" s="15">
        <v>45732</v>
      </c>
      <c r="F103651" s="14" t="s">
        <v>61</v>
      </c>
      <c r="G103651" s="16">
        <v>0</v>
      </c>
    </row>
    <row r="103652" spans="1:7" x14ac:dyDescent="0.3">
      <c r="A103652" s="13" t="s">
        <v>505</v>
      </c>
      <c r="B103652" s="14" t="s">
        <v>1</v>
      </c>
      <c r="C103652" s="14" t="s">
        <v>109</v>
      </c>
      <c r="D103652" s="14" t="s">
        <v>506</v>
      </c>
      <c r="E103652" s="15">
        <v>45733</v>
      </c>
      <c r="F103652" s="14" t="s">
        <v>61</v>
      </c>
      <c r="G103652" s="16">
        <v>0</v>
      </c>
    </row>
    <row r="103653" spans="1:7" x14ac:dyDescent="0.3">
      <c r="A103653" s="13" t="s">
        <v>505</v>
      </c>
      <c r="B103653" s="14" t="s">
        <v>1</v>
      </c>
      <c r="C103653" s="14" t="s">
        <v>109</v>
      </c>
      <c r="D103653" s="14" t="s">
        <v>506</v>
      </c>
      <c r="E103653" s="15">
        <v>45734</v>
      </c>
      <c r="F103653" s="14" t="s">
        <v>61</v>
      </c>
      <c r="G103653" s="16">
        <v>0</v>
      </c>
    </row>
    <row r="103654" spans="1:7" x14ac:dyDescent="0.3">
      <c r="A103654" s="13" t="s">
        <v>505</v>
      </c>
      <c r="B103654" s="14" t="s">
        <v>1</v>
      </c>
      <c r="C103654" s="14" t="s">
        <v>109</v>
      </c>
      <c r="D103654" s="14" t="s">
        <v>506</v>
      </c>
      <c r="E103654" s="15">
        <v>45735</v>
      </c>
      <c r="F103654" s="14" t="s">
        <v>61</v>
      </c>
      <c r="G103654" s="16">
        <v>0</v>
      </c>
    </row>
    <row r="103655" spans="1:7" x14ac:dyDescent="0.3">
      <c r="A103655" s="13" t="s">
        <v>505</v>
      </c>
      <c r="B103655" s="14" t="s">
        <v>1</v>
      </c>
      <c r="C103655" s="14" t="s">
        <v>109</v>
      </c>
      <c r="D103655" s="14" t="s">
        <v>506</v>
      </c>
      <c r="E103655" s="15">
        <v>45736</v>
      </c>
      <c r="F103655" s="14" t="s">
        <v>61</v>
      </c>
      <c r="G103655" s="16">
        <v>0</v>
      </c>
    </row>
    <row r="103656" spans="1:7" x14ac:dyDescent="0.3">
      <c r="A103656" s="13" t="s">
        <v>505</v>
      </c>
      <c r="B103656" s="14" t="s">
        <v>1</v>
      </c>
      <c r="C103656" s="14" t="s">
        <v>109</v>
      </c>
      <c r="D103656" s="14" t="s">
        <v>506</v>
      </c>
      <c r="E103656" s="15">
        <v>45737</v>
      </c>
      <c r="F103656" s="14" t="s">
        <v>61</v>
      </c>
      <c r="G103656" s="16">
        <v>0</v>
      </c>
    </row>
    <row r="103657" spans="1:7" x14ac:dyDescent="0.3">
      <c r="A103657" s="13" t="s">
        <v>505</v>
      </c>
      <c r="B103657" s="14" t="s">
        <v>1</v>
      </c>
      <c r="C103657" s="14" t="s">
        <v>109</v>
      </c>
      <c r="D103657" s="14" t="s">
        <v>506</v>
      </c>
      <c r="E103657" s="15">
        <v>45738</v>
      </c>
      <c r="F103657" s="14" t="s">
        <v>61</v>
      </c>
      <c r="G103657" s="16">
        <v>0</v>
      </c>
    </row>
    <row r="103658" spans="1:7" x14ac:dyDescent="0.3">
      <c r="A103658" s="13" t="s">
        <v>505</v>
      </c>
      <c r="B103658" s="14" t="s">
        <v>1</v>
      </c>
      <c r="C103658" s="14" t="s">
        <v>109</v>
      </c>
      <c r="D103658" s="14" t="s">
        <v>506</v>
      </c>
      <c r="E103658" s="15">
        <v>45739</v>
      </c>
      <c r="F103658" s="14" t="s">
        <v>61</v>
      </c>
      <c r="G103658" s="16">
        <v>0</v>
      </c>
    </row>
    <row r="103659" spans="1:7" x14ac:dyDescent="0.3">
      <c r="A103659" s="13" t="s">
        <v>505</v>
      </c>
      <c r="B103659" s="14" t="s">
        <v>1</v>
      </c>
      <c r="C103659" s="14" t="s">
        <v>109</v>
      </c>
      <c r="D103659" s="14" t="s">
        <v>506</v>
      </c>
      <c r="E103659" s="15">
        <v>45740</v>
      </c>
      <c r="F103659" s="14" t="s">
        <v>61</v>
      </c>
      <c r="G103659" s="16">
        <v>0</v>
      </c>
    </row>
    <row r="103660" spans="1:7" x14ac:dyDescent="0.3">
      <c r="A103660" s="13" t="s">
        <v>505</v>
      </c>
      <c r="B103660" s="14" t="s">
        <v>1</v>
      </c>
      <c r="C103660" s="14" t="s">
        <v>109</v>
      </c>
      <c r="D103660" s="14" t="s">
        <v>506</v>
      </c>
      <c r="E103660" s="15">
        <v>45741</v>
      </c>
      <c r="F103660" s="14" t="s">
        <v>61</v>
      </c>
      <c r="G103660" s="16">
        <v>0</v>
      </c>
    </row>
    <row r="103661" spans="1:7" x14ac:dyDescent="0.3">
      <c r="A103661" s="13" t="s">
        <v>505</v>
      </c>
      <c r="B103661" s="14" t="s">
        <v>1</v>
      </c>
      <c r="C103661" s="14" t="s">
        <v>109</v>
      </c>
      <c r="D103661" s="14" t="s">
        <v>506</v>
      </c>
      <c r="E103661" s="15">
        <v>45742</v>
      </c>
      <c r="F103661" s="14" t="s">
        <v>61</v>
      </c>
      <c r="G103661" s="16">
        <v>0</v>
      </c>
    </row>
    <row r="103662" spans="1:7" x14ac:dyDescent="0.3">
      <c r="A103662" s="13" t="s">
        <v>505</v>
      </c>
      <c r="B103662" s="14" t="s">
        <v>1</v>
      </c>
      <c r="C103662" s="14" t="s">
        <v>109</v>
      </c>
      <c r="D103662" s="14" t="s">
        <v>506</v>
      </c>
      <c r="E103662" s="15">
        <v>45743</v>
      </c>
      <c r="F103662" s="14" t="s">
        <v>61</v>
      </c>
      <c r="G103662" s="16">
        <v>0</v>
      </c>
    </row>
    <row r="103663" spans="1:7" x14ac:dyDescent="0.3">
      <c r="A103663" s="13" t="s">
        <v>505</v>
      </c>
      <c r="B103663" s="14" t="s">
        <v>1</v>
      </c>
      <c r="C103663" s="14" t="s">
        <v>109</v>
      </c>
      <c r="D103663" s="14" t="s">
        <v>506</v>
      </c>
      <c r="E103663" s="15">
        <v>45744</v>
      </c>
      <c r="F103663" s="14" t="s">
        <v>61</v>
      </c>
      <c r="G103663" s="16">
        <v>0</v>
      </c>
    </row>
    <row r="103664" spans="1:7" x14ac:dyDescent="0.3">
      <c r="A103664" s="13" t="s">
        <v>505</v>
      </c>
      <c r="B103664" s="14" t="s">
        <v>1</v>
      </c>
      <c r="C103664" s="14" t="s">
        <v>109</v>
      </c>
      <c r="D103664" s="14" t="s">
        <v>506</v>
      </c>
      <c r="E103664" s="15">
        <v>45745</v>
      </c>
      <c r="F103664" s="14" t="s">
        <v>61</v>
      </c>
      <c r="G103664" s="16">
        <v>0</v>
      </c>
    </row>
    <row r="103665" spans="1:7" x14ac:dyDescent="0.3">
      <c r="A103665" s="13" t="s">
        <v>505</v>
      </c>
      <c r="B103665" s="14" t="s">
        <v>1</v>
      </c>
      <c r="C103665" s="14" t="s">
        <v>109</v>
      </c>
      <c r="D103665" s="14" t="s">
        <v>506</v>
      </c>
      <c r="E103665" s="15">
        <v>45746</v>
      </c>
      <c r="F103665" s="14" t="s">
        <v>61</v>
      </c>
      <c r="G103665" s="16">
        <v>0</v>
      </c>
    </row>
    <row r="103666" spans="1:7" x14ac:dyDescent="0.3">
      <c r="A103666" s="13" t="s">
        <v>505</v>
      </c>
      <c r="B103666" s="14" t="s">
        <v>1</v>
      </c>
      <c r="C103666" s="14" t="s">
        <v>109</v>
      </c>
      <c r="D103666" s="14" t="s">
        <v>506</v>
      </c>
      <c r="E103666" s="15">
        <v>45747</v>
      </c>
      <c r="F103666" s="14" t="s">
        <v>61</v>
      </c>
      <c r="G103666" s="16">
        <v>0</v>
      </c>
    </row>
    <row r="103667" spans="1:7" x14ac:dyDescent="0.3">
      <c r="A103667" s="13" t="s">
        <v>507</v>
      </c>
      <c r="B103667" s="14" t="s">
        <v>1</v>
      </c>
      <c r="C103667" s="14" t="s">
        <v>59</v>
      </c>
      <c r="D103667" s="14" t="s">
        <v>31</v>
      </c>
      <c r="E103667" s="15">
        <v>45383</v>
      </c>
      <c r="F103667" s="14" t="s">
        <v>15</v>
      </c>
      <c r="G103667" s="16">
        <v>0</v>
      </c>
    </row>
    <row r="103668" spans="1:7" x14ac:dyDescent="0.3">
      <c r="A103668" s="13" t="s">
        <v>507</v>
      </c>
      <c r="B103668" s="14" t="s">
        <v>1</v>
      </c>
      <c r="C103668" s="14" t="s">
        <v>59</v>
      </c>
      <c r="D103668" s="14" t="s">
        <v>31</v>
      </c>
      <c r="E103668" s="15">
        <v>45384</v>
      </c>
      <c r="F103668" s="14" t="s">
        <v>15</v>
      </c>
      <c r="G103668" s="16">
        <v>0</v>
      </c>
    </row>
    <row r="103669" spans="1:7" x14ac:dyDescent="0.3">
      <c r="A103669" s="13" t="s">
        <v>507</v>
      </c>
      <c r="B103669" s="14" t="s">
        <v>1</v>
      </c>
      <c r="C103669" s="14" t="s">
        <v>59</v>
      </c>
      <c r="D103669" s="14" t="s">
        <v>31</v>
      </c>
      <c r="E103669" s="15">
        <v>45385</v>
      </c>
      <c r="F103669" s="14" t="s">
        <v>15</v>
      </c>
      <c r="G103669" s="16">
        <v>0</v>
      </c>
    </row>
    <row r="103670" spans="1:7" x14ac:dyDescent="0.3">
      <c r="A103670" s="13" t="s">
        <v>507</v>
      </c>
      <c r="B103670" s="14" t="s">
        <v>1</v>
      </c>
      <c r="C103670" s="14" t="s">
        <v>59</v>
      </c>
      <c r="D103670" s="14" t="s">
        <v>31</v>
      </c>
      <c r="E103670" s="15">
        <v>45386</v>
      </c>
      <c r="F103670" s="14" t="s">
        <v>15</v>
      </c>
      <c r="G103670" s="16">
        <v>0</v>
      </c>
    </row>
    <row r="103671" spans="1:7" x14ac:dyDescent="0.3">
      <c r="A103671" s="13" t="s">
        <v>507</v>
      </c>
      <c r="B103671" s="14" t="s">
        <v>1</v>
      </c>
      <c r="C103671" s="14" t="s">
        <v>59</v>
      </c>
      <c r="D103671" s="14" t="s">
        <v>31</v>
      </c>
      <c r="E103671" s="15">
        <v>45387</v>
      </c>
      <c r="F103671" s="14" t="s">
        <v>15</v>
      </c>
      <c r="G103671" s="16">
        <v>3.6312578790323505E-3</v>
      </c>
    </row>
    <row r="103672" spans="1:7" x14ac:dyDescent="0.3">
      <c r="A103672" s="13" t="s">
        <v>507</v>
      </c>
      <c r="B103672" s="14" t="s">
        <v>1</v>
      </c>
      <c r="C103672" s="14" t="s">
        <v>59</v>
      </c>
      <c r="D103672" s="14" t="s">
        <v>31</v>
      </c>
      <c r="E103672" s="15">
        <v>45388</v>
      </c>
      <c r="F103672" s="14" t="s">
        <v>15</v>
      </c>
      <c r="G103672" s="16">
        <v>3.6312578790323505E-3</v>
      </c>
    </row>
    <row r="103673" spans="1:7" x14ac:dyDescent="0.3">
      <c r="A103673" s="13" t="s">
        <v>507</v>
      </c>
      <c r="B103673" s="14" t="s">
        <v>1</v>
      </c>
      <c r="C103673" s="14" t="s">
        <v>59</v>
      </c>
      <c r="D103673" s="14" t="s">
        <v>31</v>
      </c>
      <c r="E103673" s="15">
        <v>45389</v>
      </c>
      <c r="F103673" s="14" t="s">
        <v>15</v>
      </c>
      <c r="G103673" s="16">
        <v>3.6312578790323505E-3</v>
      </c>
    </row>
    <row r="103674" spans="1:7" x14ac:dyDescent="0.3">
      <c r="A103674" s="13" t="s">
        <v>507</v>
      </c>
      <c r="B103674" s="14" t="s">
        <v>1</v>
      </c>
      <c r="C103674" s="14" t="s">
        <v>59</v>
      </c>
      <c r="D103674" s="14" t="s">
        <v>31</v>
      </c>
      <c r="E103674" s="15">
        <v>45390</v>
      </c>
      <c r="F103674" s="14" t="s">
        <v>15</v>
      </c>
      <c r="G103674" s="16">
        <v>2.9396852475071557E-4</v>
      </c>
    </row>
    <row r="103675" spans="1:7" x14ac:dyDescent="0.3">
      <c r="A103675" s="13" t="s">
        <v>507</v>
      </c>
      <c r="B103675" s="14" t="s">
        <v>1</v>
      </c>
      <c r="C103675" s="14" t="s">
        <v>59</v>
      </c>
      <c r="D103675" s="14" t="s">
        <v>31</v>
      </c>
      <c r="E103675" s="15">
        <v>45391</v>
      </c>
      <c r="F103675" s="14" t="s">
        <v>15</v>
      </c>
      <c r="G103675" s="16">
        <v>0</v>
      </c>
    </row>
    <row r="103676" spans="1:7" x14ac:dyDescent="0.3">
      <c r="A103676" s="13" t="s">
        <v>507</v>
      </c>
      <c r="B103676" s="14" t="s">
        <v>1</v>
      </c>
      <c r="C103676" s="14" t="s">
        <v>59</v>
      </c>
      <c r="D103676" s="14" t="s">
        <v>31</v>
      </c>
      <c r="E103676" s="15">
        <v>45392</v>
      </c>
      <c r="F103676" s="14" t="s">
        <v>15</v>
      </c>
      <c r="G103676" s="16">
        <v>0</v>
      </c>
    </row>
    <row r="103677" spans="1:7" x14ac:dyDescent="0.3">
      <c r="A103677" s="13" t="s">
        <v>507</v>
      </c>
      <c r="B103677" s="14" t="s">
        <v>1</v>
      </c>
      <c r="C103677" s="14" t="s">
        <v>59</v>
      </c>
      <c r="D103677" s="14" t="s">
        <v>31</v>
      </c>
      <c r="E103677" s="15">
        <v>45393</v>
      </c>
      <c r="F103677" s="14" t="s">
        <v>15</v>
      </c>
      <c r="G103677" s="16">
        <v>0</v>
      </c>
    </row>
    <row r="103678" spans="1:7" x14ac:dyDescent="0.3">
      <c r="A103678" s="13" t="s">
        <v>507</v>
      </c>
      <c r="B103678" s="14" t="s">
        <v>1</v>
      </c>
      <c r="C103678" s="14" t="s">
        <v>59</v>
      </c>
      <c r="D103678" s="14" t="s">
        <v>31</v>
      </c>
      <c r="E103678" s="15">
        <v>45394</v>
      </c>
      <c r="F103678" s="14" t="s">
        <v>15</v>
      </c>
      <c r="G103678" s="16">
        <v>0</v>
      </c>
    </row>
    <row r="103679" spans="1:7" x14ac:dyDescent="0.3">
      <c r="A103679" s="13" t="s">
        <v>507</v>
      </c>
      <c r="B103679" s="14" t="s">
        <v>1</v>
      </c>
      <c r="C103679" s="14" t="s">
        <v>59</v>
      </c>
      <c r="D103679" s="14" t="s">
        <v>31</v>
      </c>
      <c r="E103679" s="15">
        <v>45395</v>
      </c>
      <c r="F103679" s="14" t="s">
        <v>15</v>
      </c>
      <c r="G103679" s="16">
        <v>0</v>
      </c>
    </row>
    <row r="103680" spans="1:7" x14ac:dyDescent="0.3">
      <c r="A103680" s="13" t="s">
        <v>507</v>
      </c>
      <c r="B103680" s="14" t="s">
        <v>1</v>
      </c>
      <c r="C103680" s="14" t="s">
        <v>59</v>
      </c>
      <c r="D103680" s="14" t="s">
        <v>31</v>
      </c>
      <c r="E103680" s="15">
        <v>45396</v>
      </c>
      <c r="F103680" s="14" t="s">
        <v>15</v>
      </c>
      <c r="G103680" s="16">
        <v>0</v>
      </c>
    </row>
    <row r="103681" spans="1:7" x14ac:dyDescent="0.3">
      <c r="A103681" s="13" t="s">
        <v>507</v>
      </c>
      <c r="B103681" s="14" t="s">
        <v>1</v>
      </c>
      <c r="C103681" s="14" t="s">
        <v>59</v>
      </c>
      <c r="D103681" s="14" t="s">
        <v>31</v>
      </c>
      <c r="E103681" s="15">
        <v>45397</v>
      </c>
      <c r="F103681" s="14" t="s">
        <v>15</v>
      </c>
      <c r="G103681" s="16">
        <v>0</v>
      </c>
    </row>
    <row r="103682" spans="1:7" x14ac:dyDescent="0.3">
      <c r="A103682" s="13" t="s">
        <v>507</v>
      </c>
      <c r="B103682" s="14" t="s">
        <v>1</v>
      </c>
      <c r="C103682" s="14" t="s">
        <v>59</v>
      </c>
      <c r="D103682" s="14" t="s">
        <v>31</v>
      </c>
      <c r="E103682" s="15">
        <v>45398</v>
      </c>
      <c r="F103682" s="14" t="s">
        <v>15</v>
      </c>
      <c r="G103682" s="16">
        <v>0</v>
      </c>
    </row>
    <row r="103683" spans="1:7" x14ac:dyDescent="0.3">
      <c r="A103683" s="13" t="s">
        <v>507</v>
      </c>
      <c r="B103683" s="14" t="s">
        <v>1</v>
      </c>
      <c r="C103683" s="14" t="s">
        <v>59</v>
      </c>
      <c r="D103683" s="14" t="s">
        <v>31</v>
      </c>
      <c r="E103683" s="15">
        <v>45399</v>
      </c>
      <c r="F103683" s="14" t="s">
        <v>15</v>
      </c>
      <c r="G103683" s="16">
        <v>0</v>
      </c>
    </row>
    <row r="103684" spans="1:7" x14ac:dyDescent="0.3">
      <c r="A103684" s="13" t="s">
        <v>507</v>
      </c>
      <c r="B103684" s="14" t="s">
        <v>1</v>
      </c>
      <c r="C103684" s="14" t="s">
        <v>59</v>
      </c>
      <c r="D103684" s="14" t="s">
        <v>31</v>
      </c>
      <c r="E103684" s="15">
        <v>45400</v>
      </c>
      <c r="F103684" s="14" t="s">
        <v>15</v>
      </c>
      <c r="G103684" s="16">
        <v>0</v>
      </c>
    </row>
    <row r="103685" spans="1:7" x14ac:dyDescent="0.3">
      <c r="A103685" s="13" t="s">
        <v>507</v>
      </c>
      <c r="B103685" s="14" t="s">
        <v>1</v>
      </c>
      <c r="C103685" s="14" t="s">
        <v>59</v>
      </c>
      <c r="D103685" s="14" t="s">
        <v>31</v>
      </c>
      <c r="E103685" s="15">
        <v>45401</v>
      </c>
      <c r="F103685" s="14" t="s">
        <v>15</v>
      </c>
      <c r="G103685" s="16">
        <v>0</v>
      </c>
    </row>
    <row r="103686" spans="1:7" x14ac:dyDescent="0.3">
      <c r="A103686" s="13" t="s">
        <v>507</v>
      </c>
      <c r="B103686" s="14" t="s">
        <v>1</v>
      </c>
      <c r="C103686" s="14" t="s">
        <v>59</v>
      </c>
      <c r="D103686" s="14" t="s">
        <v>31</v>
      </c>
      <c r="E103686" s="15">
        <v>45402</v>
      </c>
      <c r="F103686" s="14" t="s">
        <v>15</v>
      </c>
      <c r="G103686" s="16">
        <v>0</v>
      </c>
    </row>
    <row r="103687" spans="1:7" x14ac:dyDescent="0.3">
      <c r="A103687" s="13" t="s">
        <v>507</v>
      </c>
      <c r="B103687" s="14" t="s">
        <v>1</v>
      </c>
      <c r="C103687" s="14" t="s">
        <v>59</v>
      </c>
      <c r="D103687" s="14" t="s">
        <v>31</v>
      </c>
      <c r="E103687" s="15">
        <v>45403</v>
      </c>
      <c r="F103687" s="14" t="s">
        <v>15</v>
      </c>
      <c r="G103687" s="16">
        <v>0</v>
      </c>
    </row>
    <row r="103688" spans="1:7" x14ac:dyDescent="0.3">
      <c r="A103688" s="13" t="s">
        <v>507</v>
      </c>
      <c r="B103688" s="14" t="s">
        <v>1</v>
      </c>
      <c r="C103688" s="14" t="s">
        <v>59</v>
      </c>
      <c r="D103688" s="14" t="s">
        <v>31</v>
      </c>
      <c r="E103688" s="15">
        <v>45404</v>
      </c>
      <c r="F103688" s="14" t="s">
        <v>15</v>
      </c>
      <c r="G103688" s="16">
        <v>0</v>
      </c>
    </row>
    <row r="103689" spans="1:7" x14ac:dyDescent="0.3">
      <c r="A103689" s="13" t="s">
        <v>507</v>
      </c>
      <c r="B103689" s="14" t="s">
        <v>1</v>
      </c>
      <c r="C103689" s="14" t="s">
        <v>59</v>
      </c>
      <c r="D103689" s="14" t="s">
        <v>31</v>
      </c>
      <c r="E103689" s="15">
        <v>45405</v>
      </c>
      <c r="F103689" s="14" t="s">
        <v>15</v>
      </c>
      <c r="G103689" s="16">
        <v>0</v>
      </c>
    </row>
    <row r="103690" spans="1:7" x14ac:dyDescent="0.3">
      <c r="A103690" s="13" t="s">
        <v>507</v>
      </c>
      <c r="B103690" s="14" t="s">
        <v>1</v>
      </c>
      <c r="C103690" s="14" t="s">
        <v>59</v>
      </c>
      <c r="D103690" s="14" t="s">
        <v>31</v>
      </c>
      <c r="E103690" s="15">
        <v>45406</v>
      </c>
      <c r="F103690" s="14" t="s">
        <v>15</v>
      </c>
      <c r="G103690" s="16">
        <v>0</v>
      </c>
    </row>
    <row r="103691" spans="1:7" x14ac:dyDescent="0.3">
      <c r="A103691" s="13" t="s">
        <v>507</v>
      </c>
      <c r="B103691" s="14" t="s">
        <v>1</v>
      </c>
      <c r="C103691" s="14" t="s">
        <v>59</v>
      </c>
      <c r="D103691" s="14" t="s">
        <v>31</v>
      </c>
      <c r="E103691" s="15">
        <v>45407</v>
      </c>
      <c r="F103691" s="14" t="s">
        <v>15</v>
      </c>
      <c r="G103691" s="16">
        <v>0</v>
      </c>
    </row>
    <row r="103692" spans="1:7" x14ac:dyDescent="0.3">
      <c r="A103692" s="13" t="s">
        <v>507</v>
      </c>
      <c r="B103692" s="14" t="s">
        <v>1</v>
      </c>
      <c r="C103692" s="14" t="s">
        <v>59</v>
      </c>
      <c r="D103692" s="14" t="s">
        <v>31</v>
      </c>
      <c r="E103692" s="15">
        <v>45408</v>
      </c>
      <c r="F103692" s="14" t="s">
        <v>15</v>
      </c>
      <c r="G103692" s="16">
        <v>0</v>
      </c>
    </row>
    <row r="103693" spans="1:7" x14ac:dyDescent="0.3">
      <c r="A103693" s="13" t="s">
        <v>507</v>
      </c>
      <c r="B103693" s="14" t="s">
        <v>1</v>
      </c>
      <c r="C103693" s="14" t="s">
        <v>59</v>
      </c>
      <c r="D103693" s="14" t="s">
        <v>31</v>
      </c>
      <c r="E103693" s="15">
        <v>45409</v>
      </c>
      <c r="F103693" s="14" t="s">
        <v>15</v>
      </c>
      <c r="G103693" s="16">
        <v>0</v>
      </c>
    </row>
    <row r="103694" spans="1:7" x14ac:dyDescent="0.3">
      <c r="A103694" s="13" t="s">
        <v>507</v>
      </c>
      <c r="B103694" s="14" t="s">
        <v>1</v>
      </c>
      <c r="C103694" s="14" t="s">
        <v>59</v>
      </c>
      <c r="D103694" s="14" t="s">
        <v>31</v>
      </c>
      <c r="E103694" s="15">
        <v>45410</v>
      </c>
      <c r="F103694" s="14" t="s">
        <v>15</v>
      </c>
      <c r="G103694" s="16">
        <v>0</v>
      </c>
    </row>
    <row r="103695" spans="1:7" x14ac:dyDescent="0.3">
      <c r="A103695" s="13" t="s">
        <v>507</v>
      </c>
      <c r="B103695" s="14" t="s">
        <v>1</v>
      </c>
      <c r="C103695" s="14" t="s">
        <v>59</v>
      </c>
      <c r="D103695" s="14" t="s">
        <v>31</v>
      </c>
      <c r="E103695" s="15">
        <v>45411</v>
      </c>
      <c r="F103695" s="14" t="s">
        <v>15</v>
      </c>
      <c r="G103695" s="16">
        <v>0</v>
      </c>
    </row>
    <row r="103696" spans="1:7" x14ac:dyDescent="0.3">
      <c r="A103696" s="13" t="s">
        <v>507</v>
      </c>
      <c r="B103696" s="14" t="s">
        <v>1</v>
      </c>
      <c r="C103696" s="14" t="s">
        <v>59</v>
      </c>
      <c r="D103696" s="14" t="s">
        <v>31</v>
      </c>
      <c r="E103696" s="15">
        <v>45412</v>
      </c>
      <c r="F103696" s="14" t="s">
        <v>15</v>
      </c>
      <c r="G103696" s="16">
        <v>0</v>
      </c>
    </row>
    <row r="103697" spans="1:7" x14ac:dyDescent="0.3">
      <c r="A103697" s="13" t="s">
        <v>507</v>
      </c>
      <c r="B103697" s="14" t="s">
        <v>1</v>
      </c>
      <c r="C103697" s="14" t="s">
        <v>59</v>
      </c>
      <c r="D103697" s="14" t="s">
        <v>31</v>
      </c>
      <c r="E103697" s="15">
        <v>45413</v>
      </c>
      <c r="F103697" s="14" t="s">
        <v>15</v>
      </c>
      <c r="G103697" s="16">
        <v>0</v>
      </c>
    </row>
    <row r="103698" spans="1:7" x14ac:dyDescent="0.3">
      <c r="A103698" s="13" t="s">
        <v>507</v>
      </c>
      <c r="B103698" s="14" t="s">
        <v>1</v>
      </c>
      <c r="C103698" s="14" t="s">
        <v>59</v>
      </c>
      <c r="D103698" s="14" t="s">
        <v>31</v>
      </c>
      <c r="E103698" s="15">
        <v>45414</v>
      </c>
      <c r="F103698" s="14" t="s">
        <v>15</v>
      </c>
      <c r="G103698" s="16">
        <v>0</v>
      </c>
    </row>
    <row r="103699" spans="1:7" x14ac:dyDescent="0.3">
      <c r="A103699" s="13" t="s">
        <v>507</v>
      </c>
      <c r="B103699" s="14" t="s">
        <v>1</v>
      </c>
      <c r="C103699" s="14" t="s">
        <v>59</v>
      </c>
      <c r="D103699" s="14" t="s">
        <v>31</v>
      </c>
      <c r="E103699" s="15">
        <v>45415</v>
      </c>
      <c r="F103699" s="14" t="s">
        <v>15</v>
      </c>
      <c r="G103699" s="16">
        <v>0</v>
      </c>
    </row>
    <row r="103700" spans="1:7" x14ac:dyDescent="0.3">
      <c r="A103700" s="13" t="s">
        <v>507</v>
      </c>
      <c r="B103700" s="14" t="s">
        <v>1</v>
      </c>
      <c r="C103700" s="14" t="s">
        <v>59</v>
      </c>
      <c r="D103700" s="14" t="s">
        <v>31</v>
      </c>
      <c r="E103700" s="15">
        <v>45416</v>
      </c>
      <c r="F103700" s="14" t="s">
        <v>15</v>
      </c>
      <c r="G103700" s="16">
        <v>0</v>
      </c>
    </row>
    <row r="103701" spans="1:7" x14ac:dyDescent="0.3">
      <c r="A103701" s="13" t="s">
        <v>507</v>
      </c>
      <c r="B103701" s="14" t="s">
        <v>1</v>
      </c>
      <c r="C103701" s="14" t="s">
        <v>59</v>
      </c>
      <c r="D103701" s="14" t="s">
        <v>31</v>
      </c>
      <c r="E103701" s="15">
        <v>45417</v>
      </c>
      <c r="F103701" s="14" t="s">
        <v>15</v>
      </c>
      <c r="G103701" s="16">
        <v>0</v>
      </c>
    </row>
    <row r="103702" spans="1:7" x14ac:dyDescent="0.3">
      <c r="A103702" s="13" t="s">
        <v>507</v>
      </c>
      <c r="B103702" s="14" t="s">
        <v>1</v>
      </c>
      <c r="C103702" s="14" t="s">
        <v>59</v>
      </c>
      <c r="D103702" s="14" t="s">
        <v>31</v>
      </c>
      <c r="E103702" s="15">
        <v>45418</v>
      </c>
      <c r="F103702" s="14" t="s">
        <v>15</v>
      </c>
      <c r="G103702" s="16">
        <v>0</v>
      </c>
    </row>
    <row r="103703" spans="1:7" x14ac:dyDescent="0.3">
      <c r="A103703" s="13" t="s">
        <v>507</v>
      </c>
      <c r="B103703" s="14" t="s">
        <v>1</v>
      </c>
      <c r="C103703" s="14" t="s">
        <v>59</v>
      </c>
      <c r="D103703" s="14" t="s">
        <v>31</v>
      </c>
      <c r="E103703" s="15">
        <v>45419</v>
      </c>
      <c r="F103703" s="14" t="s">
        <v>15</v>
      </c>
      <c r="G103703" s="16">
        <v>0</v>
      </c>
    </row>
    <row r="103704" spans="1:7" x14ac:dyDescent="0.3">
      <c r="A103704" s="13" t="s">
        <v>507</v>
      </c>
      <c r="B103704" s="14" t="s">
        <v>1</v>
      </c>
      <c r="C103704" s="14" t="s">
        <v>59</v>
      </c>
      <c r="D103704" s="14" t="s">
        <v>31</v>
      </c>
      <c r="E103704" s="15">
        <v>45420</v>
      </c>
      <c r="F103704" s="14" t="s">
        <v>15</v>
      </c>
      <c r="G103704" s="16">
        <v>0</v>
      </c>
    </row>
    <row r="103705" spans="1:7" x14ac:dyDescent="0.3">
      <c r="A103705" s="13" t="s">
        <v>507</v>
      </c>
      <c r="B103705" s="14" t="s">
        <v>1</v>
      </c>
      <c r="C103705" s="14" t="s">
        <v>59</v>
      </c>
      <c r="D103705" s="14" t="s">
        <v>31</v>
      </c>
      <c r="E103705" s="15">
        <v>45421</v>
      </c>
      <c r="F103705" s="14" t="s">
        <v>15</v>
      </c>
      <c r="G103705" s="16">
        <v>0</v>
      </c>
    </row>
    <row r="103706" spans="1:7" x14ac:dyDescent="0.3">
      <c r="A103706" s="13" t="s">
        <v>507</v>
      </c>
      <c r="B103706" s="14" t="s">
        <v>1</v>
      </c>
      <c r="C103706" s="14" t="s">
        <v>59</v>
      </c>
      <c r="D103706" s="14" t="s">
        <v>31</v>
      </c>
      <c r="E103706" s="15">
        <v>45422</v>
      </c>
      <c r="F103706" s="14" t="s">
        <v>15</v>
      </c>
      <c r="G103706" s="16">
        <v>0</v>
      </c>
    </row>
    <row r="103707" spans="1:7" x14ac:dyDescent="0.3">
      <c r="A103707" s="13" t="s">
        <v>507</v>
      </c>
      <c r="B103707" s="14" t="s">
        <v>1</v>
      </c>
      <c r="C103707" s="14" t="s">
        <v>59</v>
      </c>
      <c r="D103707" s="14" t="s">
        <v>31</v>
      </c>
      <c r="E103707" s="15">
        <v>45423</v>
      </c>
      <c r="F103707" s="14" t="s">
        <v>15</v>
      </c>
      <c r="G103707" s="16">
        <v>0</v>
      </c>
    </row>
    <row r="103708" spans="1:7" x14ac:dyDescent="0.3">
      <c r="A103708" s="13" t="s">
        <v>507</v>
      </c>
      <c r="B103708" s="14" t="s">
        <v>1</v>
      </c>
      <c r="C103708" s="14" t="s">
        <v>59</v>
      </c>
      <c r="D103708" s="14" t="s">
        <v>31</v>
      </c>
      <c r="E103708" s="15">
        <v>45424</v>
      </c>
      <c r="F103708" s="14" t="s">
        <v>15</v>
      </c>
      <c r="G103708" s="16">
        <v>0</v>
      </c>
    </row>
    <row r="103709" spans="1:7" x14ac:dyDescent="0.3">
      <c r="A103709" s="13" t="s">
        <v>507</v>
      </c>
      <c r="B103709" s="14" t="s">
        <v>1</v>
      </c>
      <c r="C103709" s="14" t="s">
        <v>59</v>
      </c>
      <c r="D103709" s="14" t="s">
        <v>31</v>
      </c>
      <c r="E103709" s="15">
        <v>45425</v>
      </c>
      <c r="F103709" s="14" t="s">
        <v>15</v>
      </c>
      <c r="G103709" s="16">
        <v>0</v>
      </c>
    </row>
    <row r="103710" spans="1:7" x14ac:dyDescent="0.3">
      <c r="A103710" s="13" t="s">
        <v>507</v>
      </c>
      <c r="B103710" s="14" t="s">
        <v>1</v>
      </c>
      <c r="C103710" s="14" t="s">
        <v>59</v>
      </c>
      <c r="D103710" s="14" t="s">
        <v>31</v>
      </c>
      <c r="E103710" s="15">
        <v>45426</v>
      </c>
      <c r="F103710" s="14" t="s">
        <v>15</v>
      </c>
      <c r="G103710" s="16">
        <v>0</v>
      </c>
    </row>
    <row r="103711" spans="1:7" x14ac:dyDescent="0.3">
      <c r="A103711" s="13" t="s">
        <v>507</v>
      </c>
      <c r="B103711" s="14" t="s">
        <v>1</v>
      </c>
      <c r="C103711" s="14" t="s">
        <v>59</v>
      </c>
      <c r="D103711" s="14" t="s">
        <v>31</v>
      </c>
      <c r="E103711" s="15">
        <v>45427</v>
      </c>
      <c r="F103711" s="14" t="s">
        <v>15</v>
      </c>
      <c r="G103711" s="16">
        <v>0</v>
      </c>
    </row>
    <row r="103712" spans="1:7" x14ac:dyDescent="0.3">
      <c r="A103712" s="13" t="s">
        <v>507</v>
      </c>
      <c r="B103712" s="14" t="s">
        <v>1</v>
      </c>
      <c r="C103712" s="14" t="s">
        <v>59</v>
      </c>
      <c r="D103712" s="14" t="s">
        <v>31</v>
      </c>
      <c r="E103712" s="15">
        <v>45428</v>
      </c>
      <c r="F103712" s="14" t="s">
        <v>15</v>
      </c>
      <c r="G103712" s="16">
        <v>0</v>
      </c>
    </row>
    <row r="103713" spans="1:7" x14ac:dyDescent="0.3">
      <c r="A103713" s="13" t="s">
        <v>507</v>
      </c>
      <c r="B103713" s="14" t="s">
        <v>1</v>
      </c>
      <c r="C103713" s="14" t="s">
        <v>59</v>
      </c>
      <c r="D103713" s="14" t="s">
        <v>31</v>
      </c>
      <c r="E103713" s="15">
        <v>45429</v>
      </c>
      <c r="F103713" s="14" t="s">
        <v>15</v>
      </c>
      <c r="G103713" s="16">
        <v>0.12626128249074575</v>
      </c>
    </row>
    <row r="103714" spans="1:7" x14ac:dyDescent="0.3">
      <c r="A103714" s="13" t="s">
        <v>507</v>
      </c>
      <c r="B103714" s="14" t="s">
        <v>1</v>
      </c>
      <c r="C103714" s="14" t="s">
        <v>59</v>
      </c>
      <c r="D103714" s="14" t="s">
        <v>31</v>
      </c>
      <c r="E103714" s="15">
        <v>45430</v>
      </c>
      <c r="F103714" s="14" t="s">
        <v>15</v>
      </c>
      <c r="G103714" s="16">
        <v>0.12626128249074575</v>
      </c>
    </row>
    <row r="103715" spans="1:7" x14ac:dyDescent="0.3">
      <c r="A103715" s="13" t="s">
        <v>507</v>
      </c>
      <c r="B103715" s="14" t="s">
        <v>1</v>
      </c>
      <c r="C103715" s="14" t="s">
        <v>59</v>
      </c>
      <c r="D103715" s="14" t="s">
        <v>31</v>
      </c>
      <c r="E103715" s="15">
        <v>45431</v>
      </c>
      <c r="F103715" s="14" t="s">
        <v>15</v>
      </c>
      <c r="G103715" s="16">
        <v>0.12626128249074575</v>
      </c>
    </row>
    <row r="103716" spans="1:7" x14ac:dyDescent="0.3">
      <c r="A103716" s="13" t="s">
        <v>507</v>
      </c>
      <c r="B103716" s="14" t="s">
        <v>1</v>
      </c>
      <c r="C103716" s="14" t="s">
        <v>59</v>
      </c>
      <c r="D103716" s="14" t="s">
        <v>31</v>
      </c>
      <c r="E103716" s="15">
        <v>45432</v>
      </c>
      <c r="F103716" s="14" t="s">
        <v>15</v>
      </c>
      <c r="G103716" s="16">
        <v>0.12626128249074575</v>
      </c>
    </row>
    <row r="103717" spans="1:7" x14ac:dyDescent="0.3">
      <c r="A103717" s="13" t="s">
        <v>507</v>
      </c>
      <c r="B103717" s="14" t="s">
        <v>1</v>
      </c>
      <c r="C103717" s="14" t="s">
        <v>59</v>
      </c>
      <c r="D103717" s="14" t="s">
        <v>31</v>
      </c>
      <c r="E103717" s="15">
        <v>45433</v>
      </c>
      <c r="F103717" s="14" t="s">
        <v>15</v>
      </c>
      <c r="G103717" s="16">
        <v>0.12288757524825021</v>
      </c>
    </row>
    <row r="103718" spans="1:7" x14ac:dyDescent="0.3">
      <c r="A103718" s="13" t="s">
        <v>507</v>
      </c>
      <c r="B103718" s="14" t="s">
        <v>1</v>
      </c>
      <c r="C103718" s="14" t="s">
        <v>59</v>
      </c>
      <c r="D103718" s="14" t="s">
        <v>31</v>
      </c>
      <c r="E103718" s="15">
        <v>45434</v>
      </c>
      <c r="F103718" s="14" t="s">
        <v>15</v>
      </c>
      <c r="G103718" s="16">
        <v>0.10935265682622082</v>
      </c>
    </row>
    <row r="103719" spans="1:7" x14ac:dyDescent="0.3">
      <c r="A103719" s="13" t="s">
        <v>507</v>
      </c>
      <c r="B103719" s="14" t="s">
        <v>1</v>
      </c>
      <c r="C103719" s="14" t="s">
        <v>59</v>
      </c>
      <c r="D103719" s="14" t="s">
        <v>31</v>
      </c>
      <c r="E103719" s="15">
        <v>45435</v>
      </c>
      <c r="F103719" s="14" t="s">
        <v>15</v>
      </c>
      <c r="G103719" s="16">
        <v>0.1059820389401656</v>
      </c>
    </row>
    <row r="103720" spans="1:7" x14ac:dyDescent="0.3">
      <c r="A103720" s="13" t="s">
        <v>507</v>
      </c>
      <c r="B103720" s="14" t="s">
        <v>1</v>
      </c>
      <c r="C103720" s="14" t="s">
        <v>59</v>
      </c>
      <c r="D103720" s="14" t="s">
        <v>31</v>
      </c>
      <c r="E103720" s="15">
        <v>45436</v>
      </c>
      <c r="F103720" s="14" t="s">
        <v>15</v>
      </c>
      <c r="G103720" s="16">
        <v>0.10261284295372534</v>
      </c>
    </row>
    <row r="103721" spans="1:7" x14ac:dyDescent="0.3">
      <c r="A103721" s="13" t="s">
        <v>507</v>
      </c>
      <c r="B103721" s="14" t="s">
        <v>1</v>
      </c>
      <c r="C103721" s="14" t="s">
        <v>59</v>
      </c>
      <c r="D103721" s="14" t="s">
        <v>31</v>
      </c>
      <c r="E103721" s="15">
        <v>45437</v>
      </c>
      <c r="F103721" s="14" t="s">
        <v>15</v>
      </c>
      <c r="G103721" s="16">
        <v>0.10261284295372534</v>
      </c>
    </row>
    <row r="103722" spans="1:7" x14ac:dyDescent="0.3">
      <c r="A103722" s="13" t="s">
        <v>507</v>
      </c>
      <c r="B103722" s="14" t="s">
        <v>1</v>
      </c>
      <c r="C103722" s="14" t="s">
        <v>59</v>
      </c>
      <c r="D103722" s="14" t="s">
        <v>31</v>
      </c>
      <c r="E103722" s="15">
        <v>45438</v>
      </c>
      <c r="F103722" s="14" t="s">
        <v>15</v>
      </c>
      <c r="G103722" s="16">
        <v>0.10261284295372534</v>
      </c>
    </row>
    <row r="103723" spans="1:7" x14ac:dyDescent="0.3">
      <c r="A103723" s="13" t="s">
        <v>507</v>
      </c>
      <c r="B103723" s="14" t="s">
        <v>1</v>
      </c>
      <c r="C103723" s="14" t="s">
        <v>59</v>
      </c>
      <c r="D103723" s="14" t="s">
        <v>31</v>
      </c>
      <c r="E103723" s="15">
        <v>45439</v>
      </c>
      <c r="F103723" s="14" t="s">
        <v>15</v>
      </c>
      <c r="G103723" s="16">
        <v>9.9248860599206679E-2</v>
      </c>
    </row>
    <row r="103724" spans="1:7" x14ac:dyDescent="0.3">
      <c r="A103724" s="13" t="s">
        <v>507</v>
      </c>
      <c r="B103724" s="14" t="s">
        <v>1</v>
      </c>
      <c r="C103724" s="14" t="s">
        <v>59</v>
      </c>
      <c r="D103724" s="14" t="s">
        <v>31</v>
      </c>
      <c r="E103724" s="15">
        <v>45440</v>
      </c>
      <c r="F103724" s="14" t="s">
        <v>15</v>
      </c>
      <c r="G103724" s="16">
        <v>8.9114728628406373E-2</v>
      </c>
    </row>
    <row r="103725" spans="1:7" x14ac:dyDescent="0.3">
      <c r="A103725" s="13" t="s">
        <v>507</v>
      </c>
      <c r="B103725" s="14" t="s">
        <v>1</v>
      </c>
      <c r="C103725" s="14" t="s">
        <v>59</v>
      </c>
      <c r="D103725" s="14" t="s">
        <v>31</v>
      </c>
      <c r="E103725" s="15">
        <v>45441</v>
      </c>
      <c r="F103725" s="14" t="s">
        <v>15</v>
      </c>
      <c r="G103725" s="16">
        <v>8.5751677468773435E-2</v>
      </c>
    </row>
    <row r="103726" spans="1:7" x14ac:dyDescent="0.3">
      <c r="A103726" s="13" t="s">
        <v>507</v>
      </c>
      <c r="B103726" s="14" t="s">
        <v>1</v>
      </c>
      <c r="C103726" s="14" t="s">
        <v>59</v>
      </c>
      <c r="D103726" s="14" t="s">
        <v>31</v>
      </c>
      <c r="E103726" s="15">
        <v>45442</v>
      </c>
      <c r="F103726" s="14" t="s">
        <v>15</v>
      </c>
      <c r="G103726" s="16">
        <v>8.2390014330564518E-2</v>
      </c>
    </row>
    <row r="103727" spans="1:7" x14ac:dyDescent="0.3">
      <c r="A103727" s="13" t="s">
        <v>507</v>
      </c>
      <c r="B103727" s="14" t="s">
        <v>1</v>
      </c>
      <c r="C103727" s="14" t="s">
        <v>59</v>
      </c>
      <c r="D103727" s="14" t="s">
        <v>31</v>
      </c>
      <c r="E103727" s="15">
        <v>45443</v>
      </c>
      <c r="F103727" s="14" t="s">
        <v>15</v>
      </c>
      <c r="G103727" s="16">
        <v>7.9048404545042597E-2</v>
      </c>
    </row>
    <row r="103728" spans="1:7" x14ac:dyDescent="0.3">
      <c r="A103728" s="13" t="s">
        <v>507</v>
      </c>
      <c r="B103728" s="14" t="s">
        <v>1</v>
      </c>
      <c r="C103728" s="14" t="s">
        <v>59</v>
      </c>
      <c r="D103728" s="14" t="s">
        <v>31</v>
      </c>
      <c r="E103728" s="15">
        <v>45444</v>
      </c>
      <c r="F103728" s="14" t="s">
        <v>15</v>
      </c>
      <c r="G103728" s="16">
        <v>7.9048404545042597E-2</v>
      </c>
    </row>
    <row r="103729" spans="1:7" x14ac:dyDescent="0.3">
      <c r="A103729" s="13" t="s">
        <v>507</v>
      </c>
      <c r="B103729" s="14" t="s">
        <v>1</v>
      </c>
      <c r="C103729" s="14" t="s">
        <v>59</v>
      </c>
      <c r="D103729" s="14" t="s">
        <v>31</v>
      </c>
      <c r="E103729" s="15">
        <v>45445</v>
      </c>
      <c r="F103729" s="14" t="s">
        <v>15</v>
      </c>
      <c r="G103729" s="16">
        <v>7.9048404545042597E-2</v>
      </c>
    </row>
    <row r="103730" spans="1:7" x14ac:dyDescent="0.3">
      <c r="A103730" s="13" t="s">
        <v>507</v>
      </c>
      <c r="B103730" s="14" t="s">
        <v>1</v>
      </c>
      <c r="C103730" s="14" t="s">
        <v>59</v>
      </c>
      <c r="D103730" s="14" t="s">
        <v>31</v>
      </c>
      <c r="E103730" s="15">
        <v>45446</v>
      </c>
      <c r="F103730" s="14" t="s">
        <v>15</v>
      </c>
      <c r="G103730" s="16">
        <v>7.9048404545042597E-2</v>
      </c>
    </row>
    <row r="103731" spans="1:7" x14ac:dyDescent="0.3">
      <c r="A103731" s="13" t="s">
        <v>507</v>
      </c>
      <c r="B103731" s="14" t="s">
        <v>1</v>
      </c>
      <c r="C103731" s="14" t="s">
        <v>59</v>
      </c>
      <c r="D103731" s="14" t="s">
        <v>31</v>
      </c>
      <c r="E103731" s="15">
        <v>45447</v>
      </c>
      <c r="F103731" s="14" t="s">
        <v>15</v>
      </c>
      <c r="G103731" s="16">
        <v>7.5708135369929319E-2</v>
      </c>
    </row>
    <row r="103732" spans="1:7" x14ac:dyDescent="0.3">
      <c r="A103732" s="13" t="s">
        <v>507</v>
      </c>
      <c r="B103732" s="14" t="s">
        <v>1</v>
      </c>
      <c r="C103732" s="14" t="s">
        <v>59</v>
      </c>
      <c r="D103732" s="14" t="s">
        <v>31</v>
      </c>
      <c r="E103732" s="15">
        <v>45448</v>
      </c>
      <c r="F103732" s="14" t="s">
        <v>15</v>
      </c>
      <c r="G103732" s="16">
        <v>0.15029024503566313</v>
      </c>
    </row>
    <row r="103733" spans="1:7" x14ac:dyDescent="0.3">
      <c r="A103733" s="13" t="s">
        <v>507</v>
      </c>
      <c r="B103733" s="14" t="s">
        <v>1</v>
      </c>
      <c r="C103733" s="14" t="s">
        <v>59</v>
      </c>
      <c r="D103733" s="14" t="s">
        <v>31</v>
      </c>
      <c r="E103733" s="15">
        <v>45449</v>
      </c>
      <c r="F103733" s="14" t="s">
        <v>15</v>
      </c>
      <c r="G103733" s="16">
        <v>0.14693452519475569</v>
      </c>
    </row>
    <row r="103734" spans="1:7" x14ac:dyDescent="0.3">
      <c r="A103734" s="13" t="s">
        <v>507</v>
      </c>
      <c r="B103734" s="14" t="s">
        <v>1</v>
      </c>
      <c r="C103734" s="14" t="s">
        <v>59</v>
      </c>
      <c r="D103734" s="14" t="s">
        <v>31</v>
      </c>
      <c r="E103734" s="15">
        <v>45450</v>
      </c>
      <c r="F103734" s="14" t="s">
        <v>15</v>
      </c>
      <c r="G103734" s="16">
        <v>0.14355047083119593</v>
      </c>
    </row>
    <row r="103735" spans="1:7" x14ac:dyDescent="0.3">
      <c r="A103735" s="13" t="s">
        <v>507</v>
      </c>
      <c r="B103735" s="14" t="s">
        <v>1</v>
      </c>
      <c r="C103735" s="14" t="s">
        <v>59</v>
      </c>
      <c r="D103735" s="14" t="s">
        <v>31</v>
      </c>
      <c r="E103735" s="15">
        <v>45451</v>
      </c>
      <c r="F103735" s="14" t="s">
        <v>15</v>
      </c>
      <c r="G103735" s="16">
        <v>0.14355047083119593</v>
      </c>
    </row>
    <row r="103736" spans="1:7" x14ac:dyDescent="0.3">
      <c r="A103736" s="13" t="s">
        <v>507</v>
      </c>
      <c r="B103736" s="14" t="s">
        <v>1</v>
      </c>
      <c r="C103736" s="14" t="s">
        <v>59</v>
      </c>
      <c r="D103736" s="14" t="s">
        <v>31</v>
      </c>
      <c r="E103736" s="15">
        <v>45452</v>
      </c>
      <c r="F103736" s="14" t="s">
        <v>15</v>
      </c>
      <c r="G103736" s="16">
        <v>0.14355047083119593</v>
      </c>
    </row>
    <row r="103737" spans="1:7" x14ac:dyDescent="0.3">
      <c r="A103737" s="13" t="s">
        <v>507</v>
      </c>
      <c r="B103737" s="14" t="s">
        <v>1</v>
      </c>
      <c r="C103737" s="14" t="s">
        <v>59</v>
      </c>
      <c r="D103737" s="14" t="s">
        <v>31</v>
      </c>
      <c r="E103737" s="15">
        <v>45453</v>
      </c>
      <c r="F103737" s="14" t="s">
        <v>15</v>
      </c>
      <c r="G103737" s="16">
        <v>0.14015313758243278</v>
      </c>
    </row>
    <row r="103738" spans="1:7" x14ac:dyDescent="0.3">
      <c r="A103738" s="13" t="s">
        <v>507</v>
      </c>
      <c r="B103738" s="14" t="s">
        <v>1</v>
      </c>
      <c r="C103738" s="14" t="s">
        <v>59</v>
      </c>
      <c r="D103738" s="14" t="s">
        <v>31</v>
      </c>
      <c r="E103738" s="15">
        <v>45454</v>
      </c>
      <c r="F103738" s="14" t="s">
        <v>15</v>
      </c>
      <c r="G103738" s="16">
        <v>0.12995208558507582</v>
      </c>
    </row>
    <row r="103739" spans="1:7" x14ac:dyDescent="0.3">
      <c r="A103739" s="13" t="s">
        <v>507</v>
      </c>
      <c r="B103739" s="14" t="s">
        <v>1</v>
      </c>
      <c r="C103739" s="14" t="s">
        <v>59</v>
      </c>
      <c r="D103739" s="14" t="s">
        <v>31</v>
      </c>
      <c r="E103739" s="15">
        <v>45455</v>
      </c>
      <c r="F103739" s="14" t="s">
        <v>15</v>
      </c>
      <c r="G103739" s="16">
        <v>0.12657657226562924</v>
      </c>
    </row>
    <row r="103740" spans="1:7" x14ac:dyDescent="0.3">
      <c r="A103740" s="13" t="s">
        <v>507</v>
      </c>
      <c r="B103740" s="14" t="s">
        <v>1</v>
      </c>
      <c r="C103740" s="14" t="s">
        <v>59</v>
      </c>
      <c r="D103740" s="14" t="s">
        <v>31</v>
      </c>
      <c r="E103740" s="15">
        <v>45456</v>
      </c>
      <c r="F103740" s="14" t="s">
        <v>15</v>
      </c>
      <c r="G103740" s="16">
        <v>0.1232000740154023</v>
      </c>
    </row>
    <row r="103741" spans="1:7" x14ac:dyDescent="0.3">
      <c r="A103741" s="13" t="s">
        <v>507</v>
      </c>
      <c r="B103741" s="14" t="s">
        <v>1</v>
      </c>
      <c r="C103741" s="14" t="s">
        <v>59</v>
      </c>
      <c r="D103741" s="14" t="s">
        <v>31</v>
      </c>
      <c r="E103741" s="15">
        <v>45457</v>
      </c>
      <c r="F103741" s="14" t="s">
        <v>15</v>
      </c>
      <c r="G103741" s="16">
        <v>0.18551528755712671</v>
      </c>
    </row>
    <row r="103742" spans="1:7" x14ac:dyDescent="0.3">
      <c r="A103742" s="13" t="s">
        <v>507</v>
      </c>
      <c r="B103742" s="14" t="s">
        <v>1</v>
      </c>
      <c r="C103742" s="14" t="s">
        <v>59</v>
      </c>
      <c r="D103742" s="14" t="s">
        <v>31</v>
      </c>
      <c r="E103742" s="15">
        <v>45458</v>
      </c>
      <c r="F103742" s="14" t="s">
        <v>15</v>
      </c>
      <c r="G103742" s="16">
        <v>0.18551528755712671</v>
      </c>
    </row>
    <row r="103743" spans="1:7" x14ac:dyDescent="0.3">
      <c r="A103743" s="13" t="s">
        <v>507</v>
      </c>
      <c r="B103743" s="14" t="s">
        <v>1</v>
      </c>
      <c r="C103743" s="14" t="s">
        <v>59</v>
      </c>
      <c r="D103743" s="14" t="s">
        <v>31</v>
      </c>
      <c r="E103743" s="15">
        <v>45459</v>
      </c>
      <c r="F103743" s="14" t="s">
        <v>15</v>
      </c>
      <c r="G103743" s="16">
        <v>0.18551528755712671</v>
      </c>
    </row>
    <row r="103744" spans="1:7" x14ac:dyDescent="0.3">
      <c r="A103744" s="13" t="s">
        <v>507</v>
      </c>
      <c r="B103744" s="14" t="s">
        <v>1</v>
      </c>
      <c r="C103744" s="14" t="s">
        <v>59</v>
      </c>
      <c r="D103744" s="14" t="s">
        <v>31</v>
      </c>
      <c r="E103744" s="15">
        <v>45460</v>
      </c>
      <c r="F103744" s="14" t="s">
        <v>15</v>
      </c>
      <c r="G103744" s="16">
        <v>0.1821037106183363</v>
      </c>
    </row>
    <row r="103745" spans="1:7" x14ac:dyDescent="0.3">
      <c r="A103745" s="13" t="s">
        <v>507</v>
      </c>
      <c r="B103745" s="14" t="s">
        <v>1</v>
      </c>
      <c r="C103745" s="14" t="s">
        <v>59</v>
      </c>
      <c r="D103745" s="14" t="s">
        <v>31</v>
      </c>
      <c r="E103745" s="15">
        <v>45461</v>
      </c>
      <c r="F103745" s="14" t="s">
        <v>15</v>
      </c>
      <c r="G103745" s="16">
        <v>0.17181365872242363</v>
      </c>
    </row>
    <row r="103746" spans="1:7" x14ac:dyDescent="0.3">
      <c r="A103746" s="13" t="s">
        <v>507</v>
      </c>
      <c r="B103746" s="14" t="s">
        <v>1</v>
      </c>
      <c r="C103746" s="14" t="s">
        <v>59</v>
      </c>
      <c r="D103746" s="14" t="s">
        <v>31</v>
      </c>
      <c r="E103746" s="15">
        <v>45462</v>
      </c>
      <c r="F103746" s="14" t="s">
        <v>15</v>
      </c>
      <c r="G103746" s="16">
        <v>0.16839693932361749</v>
      </c>
    </row>
    <row r="103747" spans="1:7" x14ac:dyDescent="0.3">
      <c r="A103747" s="13" t="s">
        <v>507</v>
      </c>
      <c r="B103747" s="14" t="s">
        <v>1</v>
      </c>
      <c r="C103747" s="14" t="s">
        <v>59</v>
      </c>
      <c r="D103747" s="14" t="s">
        <v>31</v>
      </c>
      <c r="E103747" s="15">
        <v>45463</v>
      </c>
      <c r="F103747" s="14" t="s">
        <v>15</v>
      </c>
      <c r="G103747" s="16">
        <v>0.16496638591980151</v>
      </c>
    </row>
    <row r="103748" spans="1:7" x14ac:dyDescent="0.3">
      <c r="A103748" s="13" t="s">
        <v>507</v>
      </c>
      <c r="B103748" s="14" t="s">
        <v>1</v>
      </c>
      <c r="C103748" s="14" t="s">
        <v>59</v>
      </c>
      <c r="D103748" s="14" t="s">
        <v>31</v>
      </c>
      <c r="E103748" s="15">
        <v>45464</v>
      </c>
      <c r="F103748" s="14" t="s">
        <v>15</v>
      </c>
      <c r="G103748" s="16">
        <v>0.16152956848764083</v>
      </c>
    </row>
    <row r="103749" spans="1:7" x14ac:dyDescent="0.3">
      <c r="A103749" s="13" t="s">
        <v>507</v>
      </c>
      <c r="B103749" s="14" t="s">
        <v>1</v>
      </c>
      <c r="C103749" s="14" t="s">
        <v>59</v>
      </c>
      <c r="D103749" s="14" t="s">
        <v>31</v>
      </c>
      <c r="E103749" s="15">
        <v>45465</v>
      </c>
      <c r="F103749" s="14" t="s">
        <v>15</v>
      </c>
      <c r="G103749" s="16">
        <v>0.16152956848764083</v>
      </c>
    </row>
    <row r="103750" spans="1:7" x14ac:dyDescent="0.3">
      <c r="A103750" s="13" t="s">
        <v>507</v>
      </c>
      <c r="B103750" s="14" t="s">
        <v>1</v>
      </c>
      <c r="C103750" s="14" t="s">
        <v>59</v>
      </c>
      <c r="D103750" s="14" t="s">
        <v>31</v>
      </c>
      <c r="E103750" s="15">
        <v>45466</v>
      </c>
      <c r="F103750" s="14" t="s">
        <v>15</v>
      </c>
      <c r="G103750" s="16">
        <v>0.16152956848764083</v>
      </c>
    </row>
    <row r="103751" spans="1:7" x14ac:dyDescent="0.3">
      <c r="A103751" s="13" t="s">
        <v>507</v>
      </c>
      <c r="B103751" s="14" t="s">
        <v>1</v>
      </c>
      <c r="C103751" s="14" t="s">
        <v>59</v>
      </c>
      <c r="D103751" s="14" t="s">
        <v>31</v>
      </c>
      <c r="E103751" s="15">
        <v>45467</v>
      </c>
      <c r="F103751" s="14" t="s">
        <v>15</v>
      </c>
      <c r="G103751" s="16">
        <v>0.15809096787179713</v>
      </c>
    </row>
    <row r="103752" spans="1:7" x14ac:dyDescent="0.3">
      <c r="A103752" s="13" t="s">
        <v>507</v>
      </c>
      <c r="B103752" s="14" t="s">
        <v>1</v>
      </c>
      <c r="C103752" s="14" t="s">
        <v>59</v>
      </c>
      <c r="D103752" s="14" t="s">
        <v>31</v>
      </c>
      <c r="E103752" s="15">
        <v>45468</v>
      </c>
      <c r="F103752" s="14" t="s">
        <v>15</v>
      </c>
      <c r="G103752" s="16">
        <v>0.14776348414674825</v>
      </c>
    </row>
    <row r="103753" spans="1:7" x14ac:dyDescent="0.3">
      <c r="A103753" s="13" t="s">
        <v>507</v>
      </c>
      <c r="B103753" s="14" t="s">
        <v>1</v>
      </c>
      <c r="C103753" s="14" t="s">
        <v>59</v>
      </c>
      <c r="D103753" s="14" t="s">
        <v>31</v>
      </c>
      <c r="E103753" s="15">
        <v>45469</v>
      </c>
      <c r="F103753" s="14" t="s">
        <v>15</v>
      </c>
      <c r="G103753" s="16">
        <v>0.14433216858068557</v>
      </c>
    </row>
    <row r="103754" spans="1:7" x14ac:dyDescent="0.3">
      <c r="A103754" s="13" t="s">
        <v>507</v>
      </c>
      <c r="B103754" s="14" t="s">
        <v>1</v>
      </c>
      <c r="C103754" s="14" t="s">
        <v>59</v>
      </c>
      <c r="D103754" s="14" t="s">
        <v>31</v>
      </c>
      <c r="E103754" s="15">
        <v>45470</v>
      </c>
      <c r="F103754" s="14" t="s">
        <v>15</v>
      </c>
      <c r="G103754" s="16">
        <v>0.14090687511696248</v>
      </c>
    </row>
    <row r="103755" spans="1:7" x14ac:dyDescent="0.3">
      <c r="A103755" s="13" t="s">
        <v>507</v>
      </c>
      <c r="B103755" s="14" t="s">
        <v>1</v>
      </c>
      <c r="C103755" s="14" t="s">
        <v>59</v>
      </c>
      <c r="D103755" s="14" t="s">
        <v>31</v>
      </c>
      <c r="E103755" s="15">
        <v>45471</v>
      </c>
      <c r="F103755" s="14" t="s">
        <v>15</v>
      </c>
      <c r="G103755" s="16">
        <v>0.13748715774182621</v>
      </c>
    </row>
    <row r="103756" spans="1:7" x14ac:dyDescent="0.3">
      <c r="A103756" s="13" t="s">
        <v>507</v>
      </c>
      <c r="B103756" s="14" t="s">
        <v>1</v>
      </c>
      <c r="C103756" s="14" t="s">
        <v>59</v>
      </c>
      <c r="D103756" s="14" t="s">
        <v>31</v>
      </c>
      <c r="E103756" s="15">
        <v>45472</v>
      </c>
      <c r="F103756" s="14" t="s">
        <v>15</v>
      </c>
      <c r="G103756" s="16">
        <v>0.13748715774182621</v>
      </c>
    </row>
    <row r="103757" spans="1:7" x14ac:dyDescent="0.3">
      <c r="A103757" s="13" t="s">
        <v>507</v>
      </c>
      <c r="B103757" s="14" t="s">
        <v>1</v>
      </c>
      <c r="C103757" s="14" t="s">
        <v>59</v>
      </c>
      <c r="D103757" s="14" t="s">
        <v>31</v>
      </c>
      <c r="E103757" s="15">
        <v>45473</v>
      </c>
      <c r="F103757" s="14" t="s">
        <v>15</v>
      </c>
      <c r="G103757" s="16">
        <v>0.13748715774182621</v>
      </c>
    </row>
    <row r="103758" spans="1:7" x14ac:dyDescent="0.3">
      <c r="A103758" s="13" t="s">
        <v>507</v>
      </c>
      <c r="B103758" s="14" t="s">
        <v>1</v>
      </c>
      <c r="C103758" s="14" t="s">
        <v>59</v>
      </c>
      <c r="D103758" s="14" t="s">
        <v>31</v>
      </c>
      <c r="E103758" s="15">
        <v>45474</v>
      </c>
      <c r="F103758" s="14" t="s">
        <v>15</v>
      </c>
      <c r="G103758" s="16">
        <v>0.13406017041364376</v>
      </c>
    </row>
    <row r="103759" spans="1:7" x14ac:dyDescent="0.3">
      <c r="A103759" s="13" t="s">
        <v>507</v>
      </c>
      <c r="B103759" s="14" t="s">
        <v>1</v>
      </c>
      <c r="C103759" s="14" t="s">
        <v>59</v>
      </c>
      <c r="D103759" s="14" t="s">
        <v>31</v>
      </c>
      <c r="E103759" s="15">
        <v>45475</v>
      </c>
      <c r="F103759" s="14" t="s">
        <v>15</v>
      </c>
      <c r="G103759" s="16">
        <v>0.13443552889048227</v>
      </c>
    </row>
    <row r="103760" spans="1:7" x14ac:dyDescent="0.3">
      <c r="A103760" s="13" t="s">
        <v>507</v>
      </c>
      <c r="B103760" s="14" t="s">
        <v>1</v>
      </c>
      <c r="C103760" s="14" t="s">
        <v>59</v>
      </c>
      <c r="D103760" s="14" t="s">
        <v>31</v>
      </c>
      <c r="E103760" s="15">
        <v>45476</v>
      </c>
      <c r="F103760" s="14" t="s">
        <v>15</v>
      </c>
      <c r="G103760" s="16">
        <v>0.13102035906987408</v>
      </c>
    </row>
    <row r="103761" spans="1:7" x14ac:dyDescent="0.3">
      <c r="A103761" s="13" t="s">
        <v>507</v>
      </c>
      <c r="B103761" s="14" t="s">
        <v>1</v>
      </c>
      <c r="C103761" s="14" t="s">
        <v>59</v>
      </c>
      <c r="D103761" s="14" t="s">
        <v>31</v>
      </c>
      <c r="E103761" s="15">
        <v>45477</v>
      </c>
      <c r="F103761" s="14" t="s">
        <v>15</v>
      </c>
      <c r="G103761" s="16">
        <v>0.12759561957785071</v>
      </c>
    </row>
    <row r="103762" spans="1:7" x14ac:dyDescent="0.3">
      <c r="A103762" s="13" t="s">
        <v>507</v>
      </c>
      <c r="B103762" s="14" t="s">
        <v>1</v>
      </c>
      <c r="C103762" s="14" t="s">
        <v>59</v>
      </c>
      <c r="D103762" s="14" t="s">
        <v>31</v>
      </c>
      <c r="E103762" s="15">
        <v>45478</v>
      </c>
      <c r="F103762" s="14" t="s">
        <v>15</v>
      </c>
      <c r="G103762" s="16">
        <v>0.12415082107221613</v>
      </c>
    </row>
    <row r="103763" spans="1:7" x14ac:dyDescent="0.3">
      <c r="A103763" s="13" t="s">
        <v>507</v>
      </c>
      <c r="B103763" s="14" t="s">
        <v>1</v>
      </c>
      <c r="C103763" s="14" t="s">
        <v>59</v>
      </c>
      <c r="D103763" s="14" t="s">
        <v>31</v>
      </c>
      <c r="E103763" s="15">
        <v>45479</v>
      </c>
      <c r="F103763" s="14" t="s">
        <v>15</v>
      </c>
      <c r="G103763" s="16">
        <v>0.12415082107221613</v>
      </c>
    </row>
    <row r="103764" spans="1:7" x14ac:dyDescent="0.3">
      <c r="A103764" s="13" t="s">
        <v>507</v>
      </c>
      <c r="B103764" s="14" t="s">
        <v>1</v>
      </c>
      <c r="C103764" s="14" t="s">
        <v>59</v>
      </c>
      <c r="D103764" s="14" t="s">
        <v>31</v>
      </c>
      <c r="E103764" s="15">
        <v>45480</v>
      </c>
      <c r="F103764" s="14" t="s">
        <v>15</v>
      </c>
      <c r="G103764" s="16">
        <v>0.12415082107221613</v>
      </c>
    </row>
    <row r="103765" spans="1:7" x14ac:dyDescent="0.3">
      <c r="A103765" s="13" t="s">
        <v>507</v>
      </c>
      <c r="B103765" s="14" t="s">
        <v>1</v>
      </c>
      <c r="C103765" s="14" t="s">
        <v>59</v>
      </c>
      <c r="D103765" s="14" t="s">
        <v>31</v>
      </c>
      <c r="E103765" s="15">
        <v>45481</v>
      </c>
      <c r="F103765" s="14" t="s">
        <v>15</v>
      </c>
      <c r="G103765" s="16">
        <v>0.12070179164222168</v>
      </c>
    </row>
    <row r="103766" spans="1:7" x14ac:dyDescent="0.3">
      <c r="A103766" s="13" t="s">
        <v>507</v>
      </c>
      <c r="B103766" s="14" t="s">
        <v>1</v>
      </c>
      <c r="C103766" s="14" t="s">
        <v>59</v>
      </c>
      <c r="D103766" s="14" t="s">
        <v>31</v>
      </c>
      <c r="E103766" s="15">
        <v>45482</v>
      </c>
      <c r="F103766" s="14" t="s">
        <v>15</v>
      </c>
      <c r="G103766" s="16">
        <v>0.11026050657392326</v>
      </c>
    </row>
    <row r="103767" spans="1:7" x14ac:dyDescent="0.3">
      <c r="A103767" s="13" t="s">
        <v>507</v>
      </c>
      <c r="B103767" s="14" t="s">
        <v>1</v>
      </c>
      <c r="C103767" s="14" t="s">
        <v>59</v>
      </c>
      <c r="D103767" s="14" t="s">
        <v>31</v>
      </c>
      <c r="E103767" s="15">
        <v>45483</v>
      </c>
      <c r="F103767" s="14" t="s">
        <v>15</v>
      </c>
      <c r="G103767" s="16">
        <v>0.10679252454300196</v>
      </c>
    </row>
    <row r="103768" spans="1:7" x14ac:dyDescent="0.3">
      <c r="A103768" s="13" t="s">
        <v>507</v>
      </c>
      <c r="B103768" s="14" t="s">
        <v>1</v>
      </c>
      <c r="C103768" s="14" t="s">
        <v>59</v>
      </c>
      <c r="D103768" s="14" t="s">
        <v>31</v>
      </c>
      <c r="E103768" s="15">
        <v>45484</v>
      </c>
      <c r="F103768" s="14" t="s">
        <v>15</v>
      </c>
      <c r="G103768" s="16">
        <v>0.10331597448000003</v>
      </c>
    </row>
    <row r="103769" spans="1:7" x14ac:dyDescent="0.3">
      <c r="A103769" s="13" t="s">
        <v>507</v>
      </c>
      <c r="B103769" s="14" t="s">
        <v>1</v>
      </c>
      <c r="C103769" s="14" t="s">
        <v>59</v>
      </c>
      <c r="D103769" s="14" t="s">
        <v>31</v>
      </c>
      <c r="E103769" s="15">
        <v>45485</v>
      </c>
      <c r="F103769" s="14" t="s">
        <v>15</v>
      </c>
      <c r="G103769" s="16">
        <v>0.1120418264204016</v>
      </c>
    </row>
    <row r="103770" spans="1:7" x14ac:dyDescent="0.3">
      <c r="A103770" s="13" t="s">
        <v>507</v>
      </c>
      <c r="B103770" s="14" t="s">
        <v>1</v>
      </c>
      <c r="C103770" s="14" t="s">
        <v>59</v>
      </c>
      <c r="D103770" s="14" t="s">
        <v>31</v>
      </c>
      <c r="E103770" s="15">
        <v>45486</v>
      </c>
      <c r="F103770" s="14" t="s">
        <v>15</v>
      </c>
      <c r="G103770" s="16">
        <v>0.1120418264204016</v>
      </c>
    </row>
    <row r="103771" spans="1:7" x14ac:dyDescent="0.3">
      <c r="A103771" s="13" t="s">
        <v>507</v>
      </c>
      <c r="B103771" s="14" t="s">
        <v>1</v>
      </c>
      <c r="C103771" s="14" t="s">
        <v>59</v>
      </c>
      <c r="D103771" s="14" t="s">
        <v>31</v>
      </c>
      <c r="E103771" s="15">
        <v>45487</v>
      </c>
      <c r="F103771" s="14" t="s">
        <v>15</v>
      </c>
      <c r="G103771" s="16">
        <v>0.1120418264204016</v>
      </c>
    </row>
    <row r="103772" spans="1:7" x14ac:dyDescent="0.3">
      <c r="A103772" s="13" t="s">
        <v>507</v>
      </c>
      <c r="B103772" s="14" t="s">
        <v>1</v>
      </c>
      <c r="C103772" s="14" t="s">
        <v>59</v>
      </c>
      <c r="D103772" s="14" t="s">
        <v>31</v>
      </c>
      <c r="E103772" s="15">
        <v>45488</v>
      </c>
      <c r="F103772" s="14" t="s">
        <v>15</v>
      </c>
      <c r="G103772" s="16">
        <v>0.10854352193933305</v>
      </c>
    </row>
    <row r="103773" spans="1:7" x14ac:dyDescent="0.3">
      <c r="A103773" s="13" t="s">
        <v>507</v>
      </c>
      <c r="B103773" s="14" t="s">
        <v>1</v>
      </c>
      <c r="C103773" s="14" t="s">
        <v>59</v>
      </c>
      <c r="D103773" s="14" t="s">
        <v>31</v>
      </c>
      <c r="E103773" s="15">
        <v>45489</v>
      </c>
      <c r="F103773" s="14" t="s">
        <v>15</v>
      </c>
      <c r="G103773" s="16">
        <v>9.7971912184047799E-2</v>
      </c>
    </row>
    <row r="103774" spans="1:7" x14ac:dyDescent="0.3">
      <c r="A103774" s="13" t="s">
        <v>507</v>
      </c>
      <c r="B103774" s="14" t="s">
        <v>1</v>
      </c>
      <c r="C103774" s="14" t="s">
        <v>59</v>
      </c>
      <c r="D103774" s="14" t="s">
        <v>31</v>
      </c>
      <c r="E103774" s="15">
        <v>45490</v>
      </c>
      <c r="F103774" s="14" t="s">
        <v>15</v>
      </c>
      <c r="G103774" s="16">
        <v>9.4459669565342227E-2</v>
      </c>
    </row>
    <row r="103775" spans="1:7" x14ac:dyDescent="0.3">
      <c r="A103775" s="13" t="s">
        <v>507</v>
      </c>
      <c r="B103775" s="14" t="s">
        <v>1</v>
      </c>
      <c r="C103775" s="14" t="s">
        <v>59</v>
      </c>
      <c r="D103775" s="14" t="s">
        <v>31</v>
      </c>
      <c r="E103775" s="15">
        <v>45491</v>
      </c>
      <c r="F103775" s="14" t="s">
        <v>15</v>
      </c>
      <c r="G103775" s="16">
        <v>9.094703750058121E-2</v>
      </c>
    </row>
    <row r="103776" spans="1:7" x14ac:dyDescent="0.3">
      <c r="A103776" s="13" t="s">
        <v>507</v>
      </c>
      <c r="B103776" s="14" t="s">
        <v>1</v>
      </c>
      <c r="C103776" s="14" t="s">
        <v>59</v>
      </c>
      <c r="D103776" s="14" t="s">
        <v>31</v>
      </c>
      <c r="E103776" s="15">
        <v>45492</v>
      </c>
      <c r="F103776" s="14" t="s">
        <v>15</v>
      </c>
      <c r="G103776" s="16">
        <v>8.7449712829387766E-2</v>
      </c>
    </row>
    <row r="103777" spans="1:7" x14ac:dyDescent="0.3">
      <c r="A103777" s="13" t="s">
        <v>507</v>
      </c>
      <c r="B103777" s="14" t="s">
        <v>1</v>
      </c>
      <c r="C103777" s="14" t="s">
        <v>59</v>
      </c>
      <c r="D103777" s="14" t="s">
        <v>31</v>
      </c>
      <c r="E103777" s="15">
        <v>45493</v>
      </c>
      <c r="F103777" s="14" t="s">
        <v>15</v>
      </c>
      <c r="G103777" s="16">
        <v>8.7449712829387766E-2</v>
      </c>
    </row>
    <row r="103778" spans="1:7" x14ac:dyDescent="0.3">
      <c r="A103778" s="13" t="s">
        <v>507</v>
      </c>
      <c r="B103778" s="14" t="s">
        <v>1</v>
      </c>
      <c r="C103778" s="14" t="s">
        <v>59</v>
      </c>
      <c r="D103778" s="14" t="s">
        <v>31</v>
      </c>
      <c r="E103778" s="15">
        <v>45494</v>
      </c>
      <c r="F103778" s="14" t="s">
        <v>15</v>
      </c>
      <c r="G103778" s="16">
        <v>8.7449712829387766E-2</v>
      </c>
    </row>
    <row r="103779" spans="1:7" x14ac:dyDescent="0.3">
      <c r="A103779" s="13" t="s">
        <v>507</v>
      </c>
      <c r="B103779" s="14" t="s">
        <v>1</v>
      </c>
      <c r="C103779" s="14" t="s">
        <v>59</v>
      </c>
      <c r="D103779" s="14" t="s">
        <v>31</v>
      </c>
      <c r="E103779" s="15">
        <v>45495</v>
      </c>
      <c r="F103779" s="14" t="s">
        <v>15</v>
      </c>
      <c r="G103779" s="16">
        <v>8.3968160723439211E-2</v>
      </c>
    </row>
    <row r="103780" spans="1:7" x14ac:dyDescent="0.3">
      <c r="A103780" s="13" t="s">
        <v>507</v>
      </c>
      <c r="B103780" s="14" t="s">
        <v>1</v>
      </c>
      <c r="C103780" s="14" t="s">
        <v>59</v>
      </c>
      <c r="D103780" s="14" t="s">
        <v>31</v>
      </c>
      <c r="E103780" s="15">
        <v>45496</v>
      </c>
      <c r="F103780" s="14" t="s">
        <v>15</v>
      </c>
      <c r="G103780" s="16">
        <v>7.3533503651532175E-2</v>
      </c>
    </row>
    <row r="103781" spans="1:7" x14ac:dyDescent="0.3">
      <c r="A103781" s="13" t="s">
        <v>507</v>
      </c>
      <c r="B103781" s="14" t="s">
        <v>1</v>
      </c>
      <c r="C103781" s="14" t="s">
        <v>59</v>
      </c>
      <c r="D103781" s="14" t="s">
        <v>31</v>
      </c>
      <c r="E103781" s="15">
        <v>45497</v>
      </c>
      <c r="F103781" s="14" t="s">
        <v>15</v>
      </c>
      <c r="G103781" s="16">
        <v>7.0065863424119232E-2</v>
      </c>
    </row>
    <row r="103782" spans="1:7" x14ac:dyDescent="0.3">
      <c r="A103782" s="13" t="s">
        <v>507</v>
      </c>
      <c r="B103782" s="14" t="s">
        <v>1</v>
      </c>
      <c r="C103782" s="14" t="s">
        <v>59</v>
      </c>
      <c r="D103782" s="14" t="s">
        <v>31</v>
      </c>
      <c r="E103782" s="15">
        <v>45498</v>
      </c>
      <c r="F103782" s="14" t="s">
        <v>15</v>
      </c>
      <c r="G103782" s="16">
        <v>6.6581758282918402E-2</v>
      </c>
    </row>
    <row r="103783" spans="1:7" x14ac:dyDescent="0.3">
      <c r="A103783" s="13" t="s">
        <v>507</v>
      </c>
      <c r="B103783" s="14" t="s">
        <v>1</v>
      </c>
      <c r="C103783" s="14" t="s">
        <v>59</v>
      </c>
      <c r="D103783" s="14" t="s">
        <v>31</v>
      </c>
      <c r="E103783" s="15">
        <v>45499</v>
      </c>
      <c r="F103783" s="14" t="s">
        <v>15</v>
      </c>
      <c r="G103783" s="16">
        <v>6.3134390886279743E-2</v>
      </c>
    </row>
    <row r="103784" spans="1:7" x14ac:dyDescent="0.3">
      <c r="A103784" s="13" t="s">
        <v>507</v>
      </c>
      <c r="B103784" s="14" t="s">
        <v>1</v>
      </c>
      <c r="C103784" s="14" t="s">
        <v>59</v>
      </c>
      <c r="D103784" s="14" t="s">
        <v>31</v>
      </c>
      <c r="E103784" s="15">
        <v>45500</v>
      </c>
      <c r="F103784" s="14" t="s">
        <v>15</v>
      </c>
      <c r="G103784" s="16">
        <v>6.3134390886279743E-2</v>
      </c>
    </row>
    <row r="103785" spans="1:7" x14ac:dyDescent="0.3">
      <c r="A103785" s="13" t="s">
        <v>507</v>
      </c>
      <c r="B103785" s="14" t="s">
        <v>1</v>
      </c>
      <c r="C103785" s="14" t="s">
        <v>59</v>
      </c>
      <c r="D103785" s="14" t="s">
        <v>31</v>
      </c>
      <c r="E103785" s="15">
        <v>45501</v>
      </c>
      <c r="F103785" s="14" t="s">
        <v>15</v>
      </c>
      <c r="G103785" s="16">
        <v>6.3134390886279743E-2</v>
      </c>
    </row>
    <row r="103786" spans="1:7" x14ac:dyDescent="0.3">
      <c r="A103786" s="13" t="s">
        <v>507</v>
      </c>
      <c r="B103786" s="14" t="s">
        <v>1</v>
      </c>
      <c r="C103786" s="14" t="s">
        <v>59</v>
      </c>
      <c r="D103786" s="14" t="s">
        <v>31</v>
      </c>
      <c r="E103786" s="15">
        <v>45502</v>
      </c>
      <c r="F103786" s="14" t="s">
        <v>15</v>
      </c>
      <c r="G103786" s="16">
        <v>6.9732847326319791E-2</v>
      </c>
    </row>
    <row r="103787" spans="1:7" x14ac:dyDescent="0.3">
      <c r="A103787" s="13" t="s">
        <v>507</v>
      </c>
      <c r="B103787" s="14" t="s">
        <v>1</v>
      </c>
      <c r="C103787" s="14" t="s">
        <v>59</v>
      </c>
      <c r="D103787" s="14" t="s">
        <v>31</v>
      </c>
      <c r="E103787" s="15">
        <v>45503</v>
      </c>
      <c r="F103787" s="14" t="s">
        <v>15</v>
      </c>
      <c r="G103787" s="16">
        <v>5.9368159805493544E-2</v>
      </c>
    </row>
    <row r="103788" spans="1:7" x14ac:dyDescent="0.3">
      <c r="A103788" s="13" t="s">
        <v>507</v>
      </c>
      <c r="B103788" s="14" t="s">
        <v>1</v>
      </c>
      <c r="C103788" s="14" t="s">
        <v>59</v>
      </c>
      <c r="D103788" s="14" t="s">
        <v>31</v>
      </c>
      <c r="E103788" s="15">
        <v>45504</v>
      </c>
      <c r="F103788" s="14" t="s">
        <v>15</v>
      </c>
      <c r="G103788" s="16">
        <v>5.5937089261850884E-2</v>
      </c>
    </row>
    <row r="103789" spans="1:7" x14ac:dyDescent="0.3">
      <c r="A103789" s="13" t="s">
        <v>507</v>
      </c>
      <c r="B103789" s="14" t="s">
        <v>1</v>
      </c>
      <c r="C103789" s="14" t="s">
        <v>59</v>
      </c>
      <c r="D103789" s="14" t="s">
        <v>31</v>
      </c>
      <c r="E103789" s="15">
        <v>45505</v>
      </c>
      <c r="F103789" s="14" t="s">
        <v>15</v>
      </c>
      <c r="G103789" s="16">
        <v>5.5937089261850884E-2</v>
      </c>
    </row>
    <row r="103790" spans="1:7" x14ac:dyDescent="0.3">
      <c r="A103790" s="13" t="s">
        <v>507</v>
      </c>
      <c r="B103790" s="14" t="s">
        <v>1</v>
      </c>
      <c r="C103790" s="14" t="s">
        <v>59</v>
      </c>
      <c r="D103790" s="14" t="s">
        <v>31</v>
      </c>
      <c r="E103790" s="15">
        <v>45506</v>
      </c>
      <c r="F103790" s="14" t="s">
        <v>15</v>
      </c>
      <c r="G103790" s="16">
        <v>5.24983074543343E-2</v>
      </c>
    </row>
    <row r="103791" spans="1:7" x14ac:dyDescent="0.3">
      <c r="A103791" s="13" t="s">
        <v>507</v>
      </c>
      <c r="B103791" s="14" t="s">
        <v>1</v>
      </c>
      <c r="C103791" s="14" t="s">
        <v>59</v>
      </c>
      <c r="D103791" s="14" t="s">
        <v>31</v>
      </c>
      <c r="E103791" s="15">
        <v>45507</v>
      </c>
      <c r="F103791" s="14" t="s">
        <v>15</v>
      </c>
      <c r="G103791" s="16">
        <v>5.24983074543343E-2</v>
      </c>
    </row>
    <row r="103792" spans="1:7" x14ac:dyDescent="0.3">
      <c r="A103792" s="13" t="s">
        <v>507</v>
      </c>
      <c r="B103792" s="14" t="s">
        <v>1</v>
      </c>
      <c r="C103792" s="14" t="s">
        <v>59</v>
      </c>
      <c r="D103792" s="14" t="s">
        <v>31</v>
      </c>
      <c r="E103792" s="15">
        <v>45508</v>
      </c>
      <c r="F103792" s="14" t="s">
        <v>15</v>
      </c>
      <c r="G103792" s="16">
        <v>5.24983074543343E-2</v>
      </c>
    </row>
    <row r="103793" spans="1:7" x14ac:dyDescent="0.3">
      <c r="A103793" s="13" t="s">
        <v>507</v>
      </c>
      <c r="B103793" s="14" t="s">
        <v>1</v>
      </c>
      <c r="C103793" s="14" t="s">
        <v>59</v>
      </c>
      <c r="D103793" s="14" t="s">
        <v>31</v>
      </c>
      <c r="E103793" s="15">
        <v>45509</v>
      </c>
      <c r="F103793" s="14" t="s">
        <v>15</v>
      </c>
      <c r="G103793" s="16">
        <v>5.24983074543343E-2</v>
      </c>
    </row>
    <row r="103794" spans="1:7" x14ac:dyDescent="0.3">
      <c r="A103794" s="13" t="s">
        <v>507</v>
      </c>
      <c r="B103794" s="14" t="s">
        <v>1</v>
      </c>
      <c r="C103794" s="14" t="s">
        <v>59</v>
      </c>
      <c r="D103794" s="14" t="s">
        <v>31</v>
      </c>
      <c r="E103794" s="15">
        <v>45510</v>
      </c>
      <c r="F103794" s="14" t="s">
        <v>15</v>
      </c>
      <c r="G103794" s="16">
        <v>0.16947314025296387</v>
      </c>
    </row>
    <row r="103795" spans="1:7" x14ac:dyDescent="0.3">
      <c r="A103795" s="13" t="s">
        <v>507</v>
      </c>
      <c r="B103795" s="14" t="s">
        <v>1</v>
      </c>
      <c r="C103795" s="14" t="s">
        <v>59</v>
      </c>
      <c r="D103795" s="14" t="s">
        <v>31</v>
      </c>
      <c r="E103795" s="15">
        <v>45511</v>
      </c>
      <c r="F103795" s="14" t="s">
        <v>15</v>
      </c>
      <c r="G103795" s="16">
        <v>0.15572794928549724</v>
      </c>
    </row>
    <row r="103796" spans="1:7" x14ac:dyDescent="0.3">
      <c r="A103796" s="13" t="s">
        <v>507</v>
      </c>
      <c r="B103796" s="14" t="s">
        <v>1</v>
      </c>
      <c r="C103796" s="14" t="s">
        <v>59</v>
      </c>
      <c r="D103796" s="14" t="s">
        <v>31</v>
      </c>
      <c r="E103796" s="15">
        <v>45512</v>
      </c>
      <c r="F103796" s="14" t="s">
        <v>15</v>
      </c>
      <c r="G103796" s="16">
        <v>0.1800413030843396</v>
      </c>
    </row>
    <row r="103797" spans="1:7" x14ac:dyDescent="0.3">
      <c r="A103797" s="13" t="s">
        <v>507</v>
      </c>
      <c r="B103797" s="14" t="s">
        <v>1</v>
      </c>
      <c r="C103797" s="14" t="s">
        <v>59</v>
      </c>
      <c r="D103797" s="14" t="s">
        <v>31</v>
      </c>
      <c r="E103797" s="15">
        <v>45513</v>
      </c>
      <c r="F103797" s="14" t="s">
        <v>15</v>
      </c>
      <c r="G103797" s="16">
        <v>0.17663819374974316</v>
      </c>
    </row>
    <row r="103798" spans="1:7" x14ac:dyDescent="0.3">
      <c r="A103798" s="13" t="s">
        <v>507</v>
      </c>
      <c r="B103798" s="14" t="s">
        <v>1</v>
      </c>
      <c r="C103798" s="14" t="s">
        <v>59</v>
      </c>
      <c r="D103798" s="14" t="s">
        <v>31</v>
      </c>
      <c r="E103798" s="15">
        <v>45514</v>
      </c>
      <c r="F103798" s="14" t="s">
        <v>15</v>
      </c>
      <c r="G103798" s="16">
        <v>0.17663819374974316</v>
      </c>
    </row>
    <row r="103799" spans="1:7" x14ac:dyDescent="0.3">
      <c r="A103799" s="13" t="s">
        <v>507</v>
      </c>
      <c r="B103799" s="14" t="s">
        <v>1</v>
      </c>
      <c r="C103799" s="14" t="s">
        <v>59</v>
      </c>
      <c r="D103799" s="14" t="s">
        <v>31</v>
      </c>
      <c r="E103799" s="15">
        <v>45515</v>
      </c>
      <c r="F103799" s="14" t="s">
        <v>15</v>
      </c>
      <c r="G103799" s="16">
        <v>0.17663819374974316</v>
      </c>
    </row>
    <row r="103800" spans="1:7" x14ac:dyDescent="0.3">
      <c r="A103800" s="13" t="s">
        <v>507</v>
      </c>
      <c r="B103800" s="14" t="s">
        <v>1</v>
      </c>
      <c r="C103800" s="14" t="s">
        <v>59</v>
      </c>
      <c r="D103800" s="14" t="s">
        <v>31</v>
      </c>
      <c r="E103800" s="15">
        <v>45516</v>
      </c>
      <c r="F103800" s="14" t="s">
        <v>15</v>
      </c>
      <c r="G103800" s="16">
        <v>0.17324070367223018</v>
      </c>
    </row>
    <row r="103801" spans="1:7" x14ac:dyDescent="0.3">
      <c r="A103801" s="13" t="s">
        <v>507</v>
      </c>
      <c r="B103801" s="14" t="s">
        <v>1</v>
      </c>
      <c r="C103801" s="14" t="s">
        <v>59</v>
      </c>
      <c r="D103801" s="14" t="s">
        <v>31</v>
      </c>
      <c r="E103801" s="15">
        <v>45517</v>
      </c>
      <c r="F103801" s="14" t="s">
        <v>15</v>
      </c>
      <c r="G103801" s="16">
        <v>0.16295963530369997</v>
      </c>
    </row>
    <row r="103802" spans="1:7" x14ac:dyDescent="0.3">
      <c r="A103802" s="13" t="s">
        <v>507</v>
      </c>
      <c r="B103802" s="14" t="s">
        <v>1</v>
      </c>
      <c r="C103802" s="14" t="s">
        <v>59</v>
      </c>
      <c r="D103802" s="14" t="s">
        <v>31</v>
      </c>
      <c r="E103802" s="15">
        <v>45518</v>
      </c>
      <c r="F103802" s="14" t="s">
        <v>15</v>
      </c>
      <c r="G103802" s="16">
        <v>0.15954145131229458</v>
      </c>
    </row>
    <row r="103803" spans="1:7" x14ac:dyDescent="0.3">
      <c r="A103803" s="13" t="s">
        <v>507</v>
      </c>
      <c r="B103803" s="14" t="s">
        <v>1</v>
      </c>
      <c r="C103803" s="14" t="s">
        <v>59</v>
      </c>
      <c r="D103803" s="14" t="s">
        <v>31</v>
      </c>
      <c r="E103803" s="15">
        <v>45519</v>
      </c>
      <c r="F103803" s="14" t="s">
        <v>15</v>
      </c>
      <c r="G103803" s="16">
        <v>0.15628036275807339</v>
      </c>
    </row>
    <row r="103804" spans="1:7" x14ac:dyDescent="0.3">
      <c r="A103804" s="13" t="s">
        <v>507</v>
      </c>
      <c r="B103804" s="14" t="s">
        <v>1</v>
      </c>
      <c r="C103804" s="14" t="s">
        <v>59</v>
      </c>
      <c r="D103804" s="14" t="s">
        <v>31</v>
      </c>
      <c r="E103804" s="15">
        <v>45520</v>
      </c>
      <c r="F103804" s="14" t="s">
        <v>15</v>
      </c>
      <c r="G103804" s="16">
        <v>0.15281768313396185</v>
      </c>
    </row>
    <row r="103805" spans="1:7" x14ac:dyDescent="0.3">
      <c r="A103805" s="13" t="s">
        <v>507</v>
      </c>
      <c r="B103805" s="14" t="s">
        <v>1</v>
      </c>
      <c r="C103805" s="14" t="s">
        <v>59</v>
      </c>
      <c r="D103805" s="14" t="s">
        <v>31</v>
      </c>
      <c r="E103805" s="15">
        <v>45521</v>
      </c>
      <c r="F103805" s="14" t="s">
        <v>15</v>
      </c>
      <c r="G103805" s="16">
        <v>0.15281768313396185</v>
      </c>
    </row>
    <row r="103806" spans="1:7" x14ac:dyDescent="0.3">
      <c r="A103806" s="13" t="s">
        <v>507</v>
      </c>
      <c r="B103806" s="14" t="s">
        <v>1</v>
      </c>
      <c r="C103806" s="14" t="s">
        <v>59</v>
      </c>
      <c r="D103806" s="14" t="s">
        <v>31</v>
      </c>
      <c r="E103806" s="15">
        <v>45522</v>
      </c>
      <c r="F103806" s="14" t="s">
        <v>15</v>
      </c>
      <c r="G103806" s="16">
        <v>0.15281768313396185</v>
      </c>
    </row>
    <row r="103807" spans="1:7" x14ac:dyDescent="0.3">
      <c r="A103807" s="13" t="s">
        <v>507</v>
      </c>
      <c r="B103807" s="14" t="s">
        <v>1</v>
      </c>
      <c r="C103807" s="14" t="s">
        <v>59</v>
      </c>
      <c r="D103807" s="14" t="s">
        <v>31</v>
      </c>
      <c r="E103807" s="15">
        <v>45523</v>
      </c>
      <c r="F103807" s="14" t="s">
        <v>15</v>
      </c>
      <c r="G103807" s="16">
        <v>0.14933362882390458</v>
      </c>
    </row>
    <row r="103808" spans="1:7" x14ac:dyDescent="0.3">
      <c r="A103808" s="13" t="s">
        <v>507</v>
      </c>
      <c r="B103808" s="14" t="s">
        <v>1</v>
      </c>
      <c r="C103808" s="14" t="s">
        <v>59</v>
      </c>
      <c r="D103808" s="14" t="s">
        <v>31</v>
      </c>
      <c r="E103808" s="15">
        <v>45524</v>
      </c>
      <c r="F103808" s="14" t="s">
        <v>15</v>
      </c>
      <c r="G103808" s="16">
        <v>0.13881657711891987</v>
      </c>
    </row>
    <row r="103809" spans="1:7" x14ac:dyDescent="0.3">
      <c r="A103809" s="13" t="s">
        <v>507</v>
      </c>
      <c r="B103809" s="14" t="s">
        <v>1</v>
      </c>
      <c r="C103809" s="14" t="s">
        <v>59</v>
      </c>
      <c r="D103809" s="14" t="s">
        <v>31</v>
      </c>
      <c r="E103809" s="15">
        <v>45525</v>
      </c>
      <c r="F103809" s="14" t="s">
        <v>15</v>
      </c>
      <c r="G103809" s="16">
        <v>0.13530985543633978</v>
      </c>
    </row>
    <row r="103810" spans="1:7" x14ac:dyDescent="0.3">
      <c r="A103810" s="13" t="s">
        <v>507</v>
      </c>
      <c r="B103810" s="14" t="s">
        <v>1</v>
      </c>
      <c r="C103810" s="14" t="s">
        <v>59</v>
      </c>
      <c r="D103810" s="14" t="s">
        <v>31</v>
      </c>
      <c r="E103810" s="15">
        <v>45526</v>
      </c>
      <c r="F103810" s="14" t="s">
        <v>15</v>
      </c>
      <c r="G103810" s="16">
        <v>0.17081042747038888</v>
      </c>
    </row>
    <row r="103811" spans="1:7" x14ac:dyDescent="0.3">
      <c r="A103811" s="13" t="s">
        <v>507</v>
      </c>
      <c r="B103811" s="14" t="s">
        <v>1</v>
      </c>
      <c r="C103811" s="14" t="s">
        <v>59</v>
      </c>
      <c r="D103811" s="14" t="s">
        <v>31</v>
      </c>
      <c r="E103811" s="15">
        <v>45527</v>
      </c>
      <c r="F103811" s="14" t="s">
        <v>15</v>
      </c>
      <c r="G103811" s="16">
        <v>0.16728707095264569</v>
      </c>
    </row>
    <row r="103812" spans="1:7" x14ac:dyDescent="0.3">
      <c r="A103812" s="13" t="s">
        <v>507</v>
      </c>
      <c r="B103812" s="14" t="s">
        <v>1</v>
      </c>
      <c r="C103812" s="14" t="s">
        <v>59</v>
      </c>
      <c r="D103812" s="14" t="s">
        <v>31</v>
      </c>
      <c r="E103812" s="15">
        <v>45528</v>
      </c>
      <c r="F103812" s="14" t="s">
        <v>15</v>
      </c>
      <c r="G103812" s="16">
        <v>0.16728707095264569</v>
      </c>
    </row>
    <row r="103813" spans="1:7" x14ac:dyDescent="0.3">
      <c r="A103813" s="13" t="s">
        <v>507</v>
      </c>
      <c r="B103813" s="14" t="s">
        <v>1</v>
      </c>
      <c r="C103813" s="14" t="s">
        <v>59</v>
      </c>
      <c r="D103813" s="14" t="s">
        <v>31</v>
      </c>
      <c r="E103813" s="15">
        <v>45529</v>
      </c>
      <c r="F103813" s="14" t="s">
        <v>15</v>
      </c>
      <c r="G103813" s="16">
        <v>0.16728707095264569</v>
      </c>
    </row>
    <row r="103814" spans="1:7" x14ac:dyDescent="0.3">
      <c r="A103814" s="13" t="s">
        <v>507</v>
      </c>
      <c r="B103814" s="14" t="s">
        <v>1</v>
      </c>
      <c r="C103814" s="14" t="s">
        <v>59</v>
      </c>
      <c r="D103814" s="14" t="s">
        <v>31</v>
      </c>
      <c r="E103814" s="15">
        <v>45530</v>
      </c>
      <c r="F103814" s="14" t="s">
        <v>15</v>
      </c>
      <c r="G103814" s="16">
        <v>0.17299077514989708</v>
      </c>
    </row>
    <row r="103815" spans="1:7" x14ac:dyDescent="0.3">
      <c r="A103815" s="13" t="s">
        <v>507</v>
      </c>
      <c r="B103815" s="14" t="s">
        <v>1</v>
      </c>
      <c r="C103815" s="14" t="s">
        <v>59</v>
      </c>
      <c r="D103815" s="14" t="s">
        <v>31</v>
      </c>
      <c r="E103815" s="15">
        <v>45531</v>
      </c>
      <c r="F103815" s="14" t="s">
        <v>15</v>
      </c>
      <c r="G103815" s="16">
        <v>0.1623499543790253</v>
      </c>
    </row>
    <row r="103816" spans="1:7" x14ac:dyDescent="0.3">
      <c r="A103816" s="13" t="s">
        <v>507</v>
      </c>
      <c r="B103816" s="14" t="s">
        <v>1</v>
      </c>
      <c r="C103816" s="14" t="s">
        <v>59</v>
      </c>
      <c r="D103816" s="14" t="s">
        <v>31</v>
      </c>
      <c r="E103816" s="15">
        <v>45532</v>
      </c>
      <c r="F103816" s="14" t="s">
        <v>15</v>
      </c>
      <c r="G103816" s="16">
        <v>0.15883423173489866</v>
      </c>
    </row>
    <row r="103817" spans="1:7" x14ac:dyDescent="0.3">
      <c r="A103817" s="13" t="s">
        <v>507</v>
      </c>
      <c r="B103817" s="14" t="s">
        <v>1</v>
      </c>
      <c r="C103817" s="14" t="s">
        <v>59</v>
      </c>
      <c r="D103817" s="14" t="s">
        <v>31</v>
      </c>
      <c r="E103817" s="15">
        <v>45533</v>
      </c>
      <c r="F103817" s="14" t="s">
        <v>15</v>
      </c>
      <c r="G103817" s="16">
        <v>0.15531170127223973</v>
      </c>
    </row>
    <row r="103818" spans="1:7" x14ac:dyDescent="0.3">
      <c r="A103818" s="13" t="s">
        <v>507</v>
      </c>
      <c r="B103818" s="14" t="s">
        <v>1</v>
      </c>
      <c r="C103818" s="14" t="s">
        <v>59</v>
      </c>
      <c r="D103818" s="14" t="s">
        <v>31</v>
      </c>
      <c r="E103818" s="15">
        <v>45534</v>
      </c>
      <c r="F103818" s="14" t="s">
        <v>15</v>
      </c>
      <c r="G103818" s="16">
        <v>0.15179442538796251</v>
      </c>
    </row>
    <row r="103819" spans="1:7" x14ac:dyDescent="0.3">
      <c r="A103819" s="13" t="s">
        <v>507</v>
      </c>
      <c r="B103819" s="14" t="s">
        <v>1</v>
      </c>
      <c r="C103819" s="14" t="s">
        <v>59</v>
      </c>
      <c r="D103819" s="14" t="s">
        <v>31</v>
      </c>
      <c r="E103819" s="15">
        <v>45535</v>
      </c>
      <c r="F103819" s="14" t="s">
        <v>15</v>
      </c>
      <c r="G103819" s="16">
        <v>0.15179442538796251</v>
      </c>
    </row>
    <row r="103820" spans="1:7" x14ac:dyDescent="0.3">
      <c r="A103820" s="13" t="s">
        <v>507</v>
      </c>
      <c r="B103820" s="14" t="s">
        <v>1</v>
      </c>
      <c r="C103820" s="14" t="s">
        <v>59</v>
      </c>
      <c r="D103820" s="14" t="s">
        <v>31</v>
      </c>
      <c r="E103820" s="15">
        <v>45536</v>
      </c>
      <c r="F103820" s="14" t="s">
        <v>15</v>
      </c>
      <c r="G103820" s="16">
        <v>0.15179442538796251</v>
      </c>
    </row>
    <row r="103821" spans="1:7" x14ac:dyDescent="0.3">
      <c r="A103821" s="13" t="s">
        <v>507</v>
      </c>
      <c r="B103821" s="14" t="s">
        <v>1</v>
      </c>
      <c r="C103821" s="14" t="s">
        <v>59</v>
      </c>
      <c r="D103821" s="14" t="s">
        <v>31</v>
      </c>
      <c r="E103821" s="15">
        <v>45537</v>
      </c>
      <c r="F103821" s="14" t="s">
        <v>15</v>
      </c>
      <c r="G103821" s="16">
        <v>0.14826548367872464</v>
      </c>
    </row>
    <row r="103822" spans="1:7" x14ac:dyDescent="0.3">
      <c r="A103822" s="13" t="s">
        <v>507</v>
      </c>
      <c r="B103822" s="14" t="s">
        <v>1</v>
      </c>
      <c r="C103822" s="14" t="s">
        <v>59</v>
      </c>
      <c r="D103822" s="14" t="s">
        <v>31</v>
      </c>
      <c r="E103822" s="15">
        <v>45538</v>
      </c>
      <c r="F103822" s="14" t="s">
        <v>15</v>
      </c>
      <c r="G103822" s="16">
        <v>0.14365393358453721</v>
      </c>
    </row>
    <row r="103823" spans="1:7" x14ac:dyDescent="0.3">
      <c r="A103823" s="13" t="s">
        <v>507</v>
      </c>
      <c r="B103823" s="14" t="s">
        <v>1</v>
      </c>
      <c r="C103823" s="14" t="s">
        <v>59</v>
      </c>
      <c r="D103823" s="14" t="s">
        <v>31</v>
      </c>
      <c r="E103823" s="15">
        <v>45539</v>
      </c>
      <c r="F103823" s="14" t="s">
        <v>15</v>
      </c>
      <c r="G103823" s="16">
        <v>0.14012384622298968</v>
      </c>
    </row>
    <row r="103824" spans="1:7" x14ac:dyDescent="0.3">
      <c r="A103824" s="13" t="s">
        <v>507</v>
      </c>
      <c r="B103824" s="14" t="s">
        <v>1</v>
      </c>
      <c r="C103824" s="14" t="s">
        <v>59</v>
      </c>
      <c r="D103824" s="14" t="s">
        <v>31</v>
      </c>
      <c r="E103824" s="15">
        <v>45540</v>
      </c>
      <c r="F103824" s="14" t="s">
        <v>15</v>
      </c>
      <c r="G103824" s="16">
        <v>0.13661546731939792</v>
      </c>
    </row>
    <row r="103825" spans="1:7" x14ac:dyDescent="0.3">
      <c r="A103825" s="13" t="s">
        <v>507</v>
      </c>
      <c r="B103825" s="14" t="s">
        <v>1</v>
      </c>
      <c r="C103825" s="14" t="s">
        <v>59</v>
      </c>
      <c r="D103825" s="14" t="s">
        <v>31</v>
      </c>
      <c r="E103825" s="15">
        <v>45541</v>
      </c>
      <c r="F103825" s="14" t="s">
        <v>15</v>
      </c>
      <c r="G103825" s="16">
        <v>0.13312129599113062</v>
      </c>
    </row>
    <row r="103826" spans="1:7" x14ac:dyDescent="0.3">
      <c r="A103826" s="13" t="s">
        <v>507</v>
      </c>
      <c r="B103826" s="14" t="s">
        <v>1</v>
      </c>
      <c r="C103826" s="14" t="s">
        <v>59</v>
      </c>
      <c r="D103826" s="14" t="s">
        <v>31</v>
      </c>
      <c r="E103826" s="15">
        <v>45542</v>
      </c>
      <c r="F103826" s="14" t="s">
        <v>15</v>
      </c>
      <c r="G103826" s="16">
        <v>0.13312129599113062</v>
      </c>
    </row>
    <row r="103827" spans="1:7" x14ac:dyDescent="0.3">
      <c r="A103827" s="13" t="s">
        <v>507</v>
      </c>
      <c r="B103827" s="14" t="s">
        <v>1</v>
      </c>
      <c r="C103827" s="14" t="s">
        <v>59</v>
      </c>
      <c r="D103827" s="14" t="s">
        <v>31</v>
      </c>
      <c r="E103827" s="15">
        <v>45543</v>
      </c>
      <c r="F103827" s="14" t="s">
        <v>15</v>
      </c>
      <c r="G103827" s="16">
        <v>0.13312129599113062</v>
      </c>
    </row>
    <row r="103828" spans="1:7" x14ac:dyDescent="0.3">
      <c r="A103828" s="13" t="s">
        <v>507</v>
      </c>
      <c r="B103828" s="14" t="s">
        <v>1</v>
      </c>
      <c r="C103828" s="14" t="s">
        <v>59</v>
      </c>
      <c r="D103828" s="14" t="s">
        <v>31</v>
      </c>
      <c r="E103828" s="15">
        <v>45544</v>
      </c>
      <c r="F103828" s="14" t="s">
        <v>15</v>
      </c>
      <c r="G103828" s="16">
        <v>0.12963629831872553</v>
      </c>
    </row>
    <row r="103829" spans="1:7" x14ac:dyDescent="0.3">
      <c r="A103829" s="13" t="s">
        <v>507</v>
      </c>
      <c r="B103829" s="14" t="s">
        <v>1</v>
      </c>
      <c r="C103829" s="14" t="s">
        <v>59</v>
      </c>
      <c r="D103829" s="14" t="s">
        <v>31</v>
      </c>
      <c r="E103829" s="15">
        <v>45545</v>
      </c>
      <c r="F103829" s="14" t="s">
        <v>15</v>
      </c>
      <c r="G103829" s="16">
        <v>0.11919099072805249</v>
      </c>
    </row>
    <row r="103830" spans="1:7" x14ac:dyDescent="0.3">
      <c r="A103830" s="13" t="s">
        <v>507</v>
      </c>
      <c r="B103830" s="14" t="s">
        <v>1</v>
      </c>
      <c r="C103830" s="14" t="s">
        <v>59</v>
      </c>
      <c r="D103830" s="14" t="s">
        <v>31</v>
      </c>
      <c r="E103830" s="15">
        <v>45546</v>
      </c>
      <c r="F103830" s="14" t="s">
        <v>15</v>
      </c>
      <c r="G103830" s="16">
        <v>0.11571866616867964</v>
      </c>
    </row>
    <row r="103831" spans="1:7" x14ac:dyDescent="0.3">
      <c r="A103831" s="13" t="s">
        <v>507</v>
      </c>
      <c r="B103831" s="14" t="s">
        <v>1</v>
      </c>
      <c r="C103831" s="14" t="s">
        <v>59</v>
      </c>
      <c r="D103831" s="14" t="s">
        <v>31</v>
      </c>
      <c r="E103831" s="15">
        <v>45547</v>
      </c>
      <c r="F103831" s="14" t="s">
        <v>15</v>
      </c>
      <c r="G103831" s="16">
        <v>0.11223354706400682</v>
      </c>
    </row>
    <row r="103832" spans="1:7" x14ac:dyDescent="0.3">
      <c r="A103832" s="13" t="s">
        <v>507</v>
      </c>
      <c r="B103832" s="14" t="s">
        <v>1</v>
      </c>
      <c r="C103832" s="14" t="s">
        <v>59</v>
      </c>
      <c r="D103832" s="14" t="s">
        <v>31</v>
      </c>
      <c r="E103832" s="15">
        <v>45548</v>
      </c>
      <c r="F103832" s="14" t="s">
        <v>15</v>
      </c>
      <c r="G103832" s="16">
        <v>0.17919882180093982</v>
      </c>
    </row>
    <row r="103833" spans="1:7" x14ac:dyDescent="0.3">
      <c r="A103833" s="13" t="s">
        <v>507</v>
      </c>
      <c r="B103833" s="14" t="s">
        <v>1</v>
      </c>
      <c r="C103833" s="14" t="s">
        <v>59</v>
      </c>
      <c r="D103833" s="14" t="s">
        <v>31</v>
      </c>
      <c r="E103833" s="15">
        <v>45549</v>
      </c>
      <c r="F103833" s="14" t="s">
        <v>15</v>
      </c>
      <c r="G103833" s="16">
        <v>0.17919882180093982</v>
      </c>
    </row>
    <row r="103834" spans="1:7" x14ac:dyDescent="0.3">
      <c r="A103834" s="13" t="s">
        <v>507</v>
      </c>
      <c r="B103834" s="14" t="s">
        <v>1</v>
      </c>
      <c r="C103834" s="14" t="s">
        <v>59</v>
      </c>
      <c r="D103834" s="14" t="s">
        <v>31</v>
      </c>
      <c r="E103834" s="15">
        <v>45550</v>
      </c>
      <c r="F103834" s="14" t="s">
        <v>15</v>
      </c>
      <c r="G103834" s="16">
        <v>0.17919882180093982</v>
      </c>
    </row>
    <row r="103835" spans="1:7" x14ac:dyDescent="0.3">
      <c r="A103835" s="13" t="s">
        <v>507</v>
      </c>
      <c r="B103835" s="14" t="s">
        <v>1</v>
      </c>
      <c r="C103835" s="14" t="s">
        <v>59</v>
      </c>
      <c r="D103835" s="14" t="s">
        <v>31</v>
      </c>
      <c r="E103835" s="15">
        <v>45551</v>
      </c>
      <c r="F103835" s="14" t="s">
        <v>15</v>
      </c>
      <c r="G103835" s="16">
        <v>0.17568256132968613</v>
      </c>
    </row>
    <row r="103836" spans="1:7" x14ac:dyDescent="0.3">
      <c r="A103836" s="13" t="s">
        <v>507</v>
      </c>
      <c r="B103836" s="14" t="s">
        <v>1</v>
      </c>
      <c r="C103836" s="14" t="s">
        <v>59</v>
      </c>
      <c r="D103836" s="14" t="s">
        <v>31</v>
      </c>
      <c r="E103836" s="15">
        <v>45552</v>
      </c>
      <c r="F103836" s="14" t="s">
        <v>15</v>
      </c>
      <c r="G103836" s="16">
        <v>0.16500958762884083</v>
      </c>
    </row>
    <row r="103837" spans="1:7" x14ac:dyDescent="0.3">
      <c r="A103837" s="13" t="s">
        <v>507</v>
      </c>
      <c r="B103837" s="14" t="s">
        <v>1</v>
      </c>
      <c r="C103837" s="14" t="s">
        <v>59</v>
      </c>
      <c r="D103837" s="14" t="s">
        <v>31</v>
      </c>
      <c r="E103837" s="15">
        <v>45553</v>
      </c>
      <c r="F103837" s="14" t="s">
        <v>15</v>
      </c>
      <c r="G103837" s="16">
        <v>0.16146969114955878</v>
      </c>
    </row>
    <row r="103838" spans="1:7" x14ac:dyDescent="0.3">
      <c r="A103838" s="13" t="s">
        <v>507</v>
      </c>
      <c r="B103838" s="14" t="s">
        <v>1</v>
      </c>
      <c r="C103838" s="14" t="s">
        <v>59</v>
      </c>
      <c r="D103838" s="14" t="s">
        <v>31</v>
      </c>
      <c r="E103838" s="15">
        <v>45554</v>
      </c>
      <c r="F103838" s="14" t="s">
        <v>15</v>
      </c>
      <c r="G103838" s="16">
        <v>0.1579199200229798</v>
      </c>
    </row>
    <row r="103839" spans="1:7" x14ac:dyDescent="0.3">
      <c r="A103839" s="13" t="s">
        <v>507</v>
      </c>
      <c r="B103839" s="14" t="s">
        <v>1</v>
      </c>
      <c r="C103839" s="14" t="s">
        <v>59</v>
      </c>
      <c r="D103839" s="14" t="s">
        <v>31</v>
      </c>
      <c r="E103839" s="15">
        <v>45555</v>
      </c>
      <c r="F103839" s="14" t="s">
        <v>15</v>
      </c>
      <c r="G103839" s="16">
        <v>0.15438063343762989</v>
      </c>
    </row>
    <row r="103840" spans="1:7" x14ac:dyDescent="0.3">
      <c r="A103840" s="13" t="s">
        <v>507</v>
      </c>
      <c r="B103840" s="14" t="s">
        <v>1</v>
      </c>
      <c r="C103840" s="14" t="s">
        <v>59</v>
      </c>
      <c r="D103840" s="14" t="s">
        <v>31</v>
      </c>
      <c r="E103840" s="15">
        <v>45556</v>
      </c>
      <c r="F103840" s="14" t="s">
        <v>15</v>
      </c>
      <c r="G103840" s="16">
        <v>0.15438063343762989</v>
      </c>
    </row>
    <row r="103841" spans="1:7" x14ac:dyDescent="0.3">
      <c r="A103841" s="13" t="s">
        <v>507</v>
      </c>
      <c r="B103841" s="14" t="s">
        <v>1</v>
      </c>
      <c r="C103841" s="14" t="s">
        <v>59</v>
      </c>
      <c r="D103841" s="14" t="s">
        <v>31</v>
      </c>
      <c r="E103841" s="15">
        <v>45557</v>
      </c>
      <c r="F103841" s="14" t="s">
        <v>15</v>
      </c>
      <c r="G103841" s="16">
        <v>0.15438063343762989</v>
      </c>
    </row>
    <row r="103842" spans="1:7" x14ac:dyDescent="0.3">
      <c r="A103842" s="13" t="s">
        <v>507</v>
      </c>
      <c r="B103842" s="14" t="s">
        <v>1</v>
      </c>
      <c r="C103842" s="14" t="s">
        <v>59</v>
      </c>
      <c r="D103842" s="14" t="s">
        <v>31</v>
      </c>
      <c r="E103842" s="15">
        <v>45558</v>
      </c>
      <c r="F103842" s="14" t="s">
        <v>15</v>
      </c>
      <c r="G103842" s="16">
        <v>0.15081275606459515</v>
      </c>
    </row>
    <row r="103843" spans="1:7" x14ac:dyDescent="0.3">
      <c r="A103843" s="13" t="s">
        <v>507</v>
      </c>
      <c r="B103843" s="14" t="s">
        <v>1</v>
      </c>
      <c r="C103843" s="14" t="s">
        <v>59</v>
      </c>
      <c r="D103843" s="14" t="s">
        <v>31</v>
      </c>
      <c r="E103843" s="15">
        <v>45559</v>
      </c>
      <c r="F103843" s="14" t="s">
        <v>15</v>
      </c>
      <c r="G103843" s="16">
        <v>0.14009529871316004</v>
      </c>
    </row>
    <row r="103844" spans="1:7" x14ac:dyDescent="0.3">
      <c r="A103844" s="13" t="s">
        <v>507</v>
      </c>
      <c r="B103844" s="14" t="s">
        <v>1</v>
      </c>
      <c r="C103844" s="14" t="s">
        <v>59</v>
      </c>
      <c r="D103844" s="14" t="s">
        <v>31</v>
      </c>
      <c r="E103844" s="15">
        <v>45560</v>
      </c>
      <c r="F103844" s="14" t="s">
        <v>15</v>
      </c>
      <c r="G103844" s="16">
        <v>0.13652877769138311</v>
      </c>
    </row>
    <row r="103845" spans="1:7" x14ac:dyDescent="0.3">
      <c r="A103845" s="13" t="s">
        <v>507</v>
      </c>
      <c r="B103845" s="14" t="s">
        <v>1</v>
      </c>
      <c r="C103845" s="14" t="s">
        <v>59</v>
      </c>
      <c r="D103845" s="14" t="s">
        <v>31</v>
      </c>
      <c r="E103845" s="15">
        <v>45561</v>
      </c>
      <c r="F103845" s="14" t="s">
        <v>15</v>
      </c>
      <c r="G103845" s="16">
        <v>0.13478540585310284</v>
      </c>
    </row>
    <row r="103846" spans="1:7" x14ac:dyDescent="0.3">
      <c r="A103846" s="13" t="s">
        <v>507</v>
      </c>
      <c r="B103846" s="14" t="s">
        <v>1</v>
      </c>
      <c r="C103846" s="14" t="s">
        <v>59</v>
      </c>
      <c r="D103846" s="14" t="s">
        <v>31</v>
      </c>
      <c r="E103846" s="15">
        <v>45562</v>
      </c>
      <c r="F103846" s="14" t="s">
        <v>15</v>
      </c>
      <c r="G103846" s="16">
        <v>0.13137094728961679</v>
      </c>
    </row>
    <row r="103847" spans="1:7" x14ac:dyDescent="0.3">
      <c r="A103847" s="13" t="s">
        <v>507</v>
      </c>
      <c r="B103847" s="14" t="s">
        <v>1</v>
      </c>
      <c r="C103847" s="14" t="s">
        <v>59</v>
      </c>
      <c r="D103847" s="14" t="s">
        <v>31</v>
      </c>
      <c r="E103847" s="15">
        <v>45563</v>
      </c>
      <c r="F103847" s="14" t="s">
        <v>15</v>
      </c>
      <c r="G103847" s="16">
        <v>0.13137094728961679</v>
      </c>
    </row>
    <row r="103848" spans="1:7" x14ac:dyDescent="0.3">
      <c r="A103848" s="13" t="s">
        <v>507</v>
      </c>
      <c r="B103848" s="14" t="s">
        <v>1</v>
      </c>
      <c r="C103848" s="14" t="s">
        <v>59</v>
      </c>
      <c r="D103848" s="14" t="s">
        <v>31</v>
      </c>
      <c r="E103848" s="15">
        <v>45564</v>
      </c>
      <c r="F103848" s="14" t="s">
        <v>15</v>
      </c>
      <c r="G103848" s="16">
        <v>0.13137094728961679</v>
      </c>
    </row>
    <row r="103849" spans="1:7" x14ac:dyDescent="0.3">
      <c r="A103849" s="13" t="s">
        <v>507</v>
      </c>
      <c r="B103849" s="14" t="s">
        <v>1</v>
      </c>
      <c r="C103849" s="14" t="s">
        <v>59</v>
      </c>
      <c r="D103849" s="14" t="s">
        <v>31</v>
      </c>
      <c r="E103849" s="15">
        <v>45565</v>
      </c>
      <c r="F103849" s="14" t="s">
        <v>15</v>
      </c>
      <c r="G103849" s="16">
        <v>0.12779354539534604</v>
      </c>
    </row>
    <row r="103850" spans="1:7" x14ac:dyDescent="0.3">
      <c r="A103850" s="13" t="s">
        <v>507</v>
      </c>
      <c r="B103850" s="14" t="s">
        <v>1</v>
      </c>
      <c r="C103850" s="14" t="s">
        <v>59</v>
      </c>
      <c r="D103850" s="14" t="s">
        <v>31</v>
      </c>
      <c r="E103850" s="15">
        <v>45566</v>
      </c>
      <c r="F103850" s="14" t="s">
        <v>15</v>
      </c>
      <c r="G103850" s="16">
        <v>0.11698375529940652</v>
      </c>
    </row>
    <row r="103851" spans="1:7" x14ac:dyDescent="0.3">
      <c r="A103851" s="13" t="s">
        <v>507</v>
      </c>
      <c r="B103851" s="14" t="s">
        <v>1</v>
      </c>
      <c r="C103851" s="14" t="s">
        <v>59</v>
      </c>
      <c r="D103851" s="14" t="s">
        <v>31</v>
      </c>
      <c r="E103851" s="15">
        <v>45567</v>
      </c>
      <c r="F103851" s="14" t="s">
        <v>15</v>
      </c>
      <c r="G103851" s="16">
        <v>0.12027990488591035</v>
      </c>
    </row>
    <row r="103852" spans="1:7" x14ac:dyDescent="0.3">
      <c r="A103852" s="13" t="s">
        <v>507</v>
      </c>
      <c r="B103852" s="14" t="s">
        <v>1</v>
      </c>
      <c r="C103852" s="14" t="s">
        <v>59</v>
      </c>
      <c r="D103852" s="14" t="s">
        <v>31</v>
      </c>
      <c r="E103852" s="15">
        <v>45568</v>
      </c>
      <c r="F103852" s="14" t="s">
        <v>15</v>
      </c>
      <c r="G103852" s="16">
        <v>0.11671243549313884</v>
      </c>
    </row>
    <row r="103853" spans="1:7" x14ac:dyDescent="0.3">
      <c r="A103853" s="13" t="s">
        <v>507</v>
      </c>
      <c r="B103853" s="14" t="s">
        <v>1</v>
      </c>
      <c r="C103853" s="14" t="s">
        <v>59</v>
      </c>
      <c r="D103853" s="14" t="s">
        <v>31</v>
      </c>
      <c r="E103853" s="15">
        <v>45569</v>
      </c>
      <c r="F103853" s="14" t="s">
        <v>15</v>
      </c>
      <c r="G103853" s="16">
        <v>0.11314202972493888</v>
      </c>
    </row>
    <row r="103854" spans="1:7" x14ac:dyDescent="0.3">
      <c r="A103854" s="13" t="s">
        <v>507</v>
      </c>
      <c r="B103854" s="14" t="s">
        <v>1</v>
      </c>
      <c r="C103854" s="14" t="s">
        <v>59</v>
      </c>
      <c r="D103854" s="14" t="s">
        <v>31</v>
      </c>
      <c r="E103854" s="15">
        <v>45570</v>
      </c>
      <c r="F103854" s="14" t="s">
        <v>15</v>
      </c>
      <c r="G103854" s="16">
        <v>0.11314202972493888</v>
      </c>
    </row>
    <row r="103855" spans="1:7" x14ac:dyDescent="0.3">
      <c r="A103855" s="13" t="s">
        <v>507</v>
      </c>
      <c r="B103855" s="14" t="s">
        <v>1</v>
      </c>
      <c r="C103855" s="14" t="s">
        <v>59</v>
      </c>
      <c r="D103855" s="14" t="s">
        <v>31</v>
      </c>
      <c r="E103855" s="15">
        <v>45571</v>
      </c>
      <c r="F103855" s="14" t="s">
        <v>15</v>
      </c>
      <c r="G103855" s="16">
        <v>0.11314202972493888</v>
      </c>
    </row>
    <row r="103856" spans="1:7" x14ac:dyDescent="0.3">
      <c r="A103856" s="13" t="s">
        <v>507</v>
      </c>
      <c r="B103856" s="14" t="s">
        <v>1</v>
      </c>
      <c r="C103856" s="14" t="s">
        <v>59</v>
      </c>
      <c r="D103856" s="14" t="s">
        <v>31</v>
      </c>
      <c r="E103856" s="15">
        <v>45572</v>
      </c>
      <c r="F103856" s="14" t="s">
        <v>15</v>
      </c>
      <c r="G103856" s="16">
        <v>0.10957986013172118</v>
      </c>
    </row>
    <row r="103857" spans="1:7" x14ac:dyDescent="0.3">
      <c r="A103857" s="13" t="s">
        <v>507</v>
      </c>
      <c r="B103857" s="14" t="s">
        <v>1</v>
      </c>
      <c r="C103857" s="14" t="s">
        <v>59</v>
      </c>
      <c r="D103857" s="14" t="s">
        <v>31</v>
      </c>
      <c r="E103857" s="15">
        <v>45573</v>
      </c>
      <c r="F103857" s="14" t="s">
        <v>15</v>
      </c>
      <c r="G103857" s="16">
        <v>9.8861508300076062E-2</v>
      </c>
    </row>
    <row r="103858" spans="1:7" x14ac:dyDescent="0.3">
      <c r="A103858" s="13" t="s">
        <v>507</v>
      </c>
      <c r="B103858" s="14" t="s">
        <v>1</v>
      </c>
      <c r="C103858" s="14" t="s">
        <v>59</v>
      </c>
      <c r="D103858" s="14" t="s">
        <v>31</v>
      </c>
      <c r="E103858" s="15">
        <v>45574</v>
      </c>
      <c r="F103858" s="14" t="s">
        <v>15</v>
      </c>
      <c r="G103858" s="16">
        <v>0.11623642193213694</v>
      </c>
    </row>
    <row r="103859" spans="1:7" x14ac:dyDescent="0.3">
      <c r="A103859" s="13" t="s">
        <v>507</v>
      </c>
      <c r="B103859" s="14" t="s">
        <v>1</v>
      </c>
      <c r="C103859" s="14" t="s">
        <v>59</v>
      </c>
      <c r="D103859" s="14" t="s">
        <v>31</v>
      </c>
      <c r="E103859" s="15">
        <v>45575</v>
      </c>
      <c r="F103859" s="14" t="s">
        <v>15</v>
      </c>
      <c r="G103859" s="16">
        <v>0.11267676949292633</v>
      </c>
    </row>
    <row r="103860" spans="1:7" x14ac:dyDescent="0.3">
      <c r="A103860" s="13" t="s">
        <v>507</v>
      </c>
      <c r="B103860" s="14" t="s">
        <v>1</v>
      </c>
      <c r="C103860" s="14" t="s">
        <v>59</v>
      </c>
      <c r="D103860" s="14" t="s">
        <v>31</v>
      </c>
      <c r="E103860" s="15">
        <v>45576</v>
      </c>
      <c r="F103860" s="14" t="s">
        <v>15</v>
      </c>
      <c r="G103860" s="16">
        <v>0.10910233370306464</v>
      </c>
    </row>
    <row r="103861" spans="1:7" x14ac:dyDescent="0.3">
      <c r="A103861" s="13" t="s">
        <v>507</v>
      </c>
      <c r="B103861" s="14" t="s">
        <v>1</v>
      </c>
      <c r="C103861" s="14" t="s">
        <v>59</v>
      </c>
      <c r="D103861" s="14" t="s">
        <v>31</v>
      </c>
      <c r="E103861" s="15">
        <v>45577</v>
      </c>
      <c r="F103861" s="14" t="s">
        <v>15</v>
      </c>
      <c r="G103861" s="16">
        <v>0.10910233370306464</v>
      </c>
    </row>
    <row r="103862" spans="1:7" x14ac:dyDescent="0.3">
      <c r="A103862" s="13" t="s">
        <v>507</v>
      </c>
      <c r="B103862" s="14" t="s">
        <v>1</v>
      </c>
      <c r="C103862" s="14" t="s">
        <v>59</v>
      </c>
      <c r="D103862" s="14" t="s">
        <v>31</v>
      </c>
      <c r="E103862" s="15">
        <v>45578</v>
      </c>
      <c r="F103862" s="14" t="s">
        <v>15</v>
      </c>
      <c r="G103862" s="16">
        <v>0.10910233370306464</v>
      </c>
    </row>
    <row r="103863" spans="1:7" x14ac:dyDescent="0.3">
      <c r="A103863" s="13" t="s">
        <v>507</v>
      </c>
      <c r="B103863" s="14" t="s">
        <v>1</v>
      </c>
      <c r="C103863" s="14" t="s">
        <v>59</v>
      </c>
      <c r="D103863" s="14" t="s">
        <v>31</v>
      </c>
      <c r="E103863" s="15">
        <v>45579</v>
      </c>
      <c r="F103863" s="14" t="s">
        <v>15</v>
      </c>
      <c r="G103863" s="16">
        <v>0.10552602114024182</v>
      </c>
    </row>
    <row r="103864" spans="1:7" x14ac:dyDescent="0.3">
      <c r="A103864" s="13" t="s">
        <v>507</v>
      </c>
      <c r="B103864" s="14" t="s">
        <v>1</v>
      </c>
      <c r="C103864" s="14" t="s">
        <v>59</v>
      </c>
      <c r="D103864" s="14" t="s">
        <v>31</v>
      </c>
      <c r="E103864" s="15">
        <v>45580</v>
      </c>
      <c r="F103864" s="14" t="s">
        <v>15</v>
      </c>
      <c r="G103864" s="16">
        <v>9.4705842608936899E-2</v>
      </c>
    </row>
    <row r="103865" spans="1:7" x14ac:dyDescent="0.3">
      <c r="A103865" s="13" t="s">
        <v>507</v>
      </c>
      <c r="B103865" s="14" t="s">
        <v>1</v>
      </c>
      <c r="C103865" s="14" t="s">
        <v>59</v>
      </c>
      <c r="D103865" s="14" t="s">
        <v>31</v>
      </c>
      <c r="E103865" s="15">
        <v>45581</v>
      </c>
      <c r="F103865" s="14" t="s">
        <v>15</v>
      </c>
      <c r="G103865" s="16">
        <v>9.110932160730352E-2</v>
      </c>
    </row>
    <row r="103866" spans="1:7" x14ac:dyDescent="0.3">
      <c r="A103866" s="13" t="s">
        <v>507</v>
      </c>
      <c r="B103866" s="14" t="s">
        <v>1</v>
      </c>
      <c r="C103866" s="14" t="s">
        <v>59</v>
      </c>
      <c r="D103866" s="14" t="s">
        <v>31</v>
      </c>
      <c r="E103866" s="15">
        <v>45582</v>
      </c>
      <c r="F103866" s="14" t="s">
        <v>15</v>
      </c>
      <c r="G103866" s="16">
        <v>8.7511056093006828E-2</v>
      </c>
    </row>
    <row r="103867" spans="1:7" x14ac:dyDescent="0.3">
      <c r="A103867" s="13" t="s">
        <v>507</v>
      </c>
      <c r="B103867" s="14" t="s">
        <v>1</v>
      </c>
      <c r="C103867" s="14" t="s">
        <v>59</v>
      </c>
      <c r="D103867" s="14" t="s">
        <v>31</v>
      </c>
      <c r="E103867" s="15">
        <v>45583</v>
      </c>
      <c r="F103867" s="14" t="s">
        <v>15</v>
      </c>
      <c r="G103867" s="16">
        <v>8.3915277136282995E-2</v>
      </c>
    </row>
    <row r="103868" spans="1:7" x14ac:dyDescent="0.3">
      <c r="A103868" s="13" t="s">
        <v>507</v>
      </c>
      <c r="B103868" s="14" t="s">
        <v>1</v>
      </c>
      <c r="C103868" s="14" t="s">
        <v>59</v>
      </c>
      <c r="D103868" s="14" t="s">
        <v>31</v>
      </c>
      <c r="E103868" s="15">
        <v>45584</v>
      </c>
      <c r="F103868" s="14" t="s">
        <v>15</v>
      </c>
      <c r="G103868" s="16">
        <v>8.3915277136282995E-2</v>
      </c>
    </row>
    <row r="103869" spans="1:7" x14ac:dyDescent="0.3">
      <c r="A103869" s="13" t="s">
        <v>507</v>
      </c>
      <c r="B103869" s="14" t="s">
        <v>1</v>
      </c>
      <c r="C103869" s="14" t="s">
        <v>59</v>
      </c>
      <c r="D103869" s="14" t="s">
        <v>31</v>
      </c>
      <c r="E103869" s="15">
        <v>45585</v>
      </c>
      <c r="F103869" s="14" t="s">
        <v>15</v>
      </c>
      <c r="G103869" s="16">
        <v>8.3915277136282995E-2</v>
      </c>
    </row>
    <row r="103870" spans="1:7" x14ac:dyDescent="0.3">
      <c r="A103870" s="13" t="s">
        <v>507</v>
      </c>
      <c r="B103870" s="14" t="s">
        <v>1</v>
      </c>
      <c r="C103870" s="14" t="s">
        <v>59</v>
      </c>
      <c r="D103870" s="14" t="s">
        <v>31</v>
      </c>
      <c r="E103870" s="15">
        <v>45586</v>
      </c>
      <c r="F103870" s="14" t="s">
        <v>15</v>
      </c>
      <c r="G103870" s="16">
        <v>8.0309904295482487E-2</v>
      </c>
    </row>
    <row r="103871" spans="1:7" x14ac:dyDescent="0.3">
      <c r="A103871" s="13" t="s">
        <v>507</v>
      </c>
      <c r="B103871" s="14" t="s">
        <v>1</v>
      </c>
      <c r="C103871" s="14" t="s">
        <v>59</v>
      </c>
      <c r="D103871" s="14" t="s">
        <v>31</v>
      </c>
      <c r="E103871" s="15">
        <v>45587</v>
      </c>
      <c r="F103871" s="14" t="s">
        <v>15</v>
      </c>
      <c r="G103871" s="16">
        <v>6.943436059742697E-2</v>
      </c>
    </row>
    <row r="103872" spans="1:7" x14ac:dyDescent="0.3">
      <c r="A103872" s="13" t="s">
        <v>507</v>
      </c>
      <c r="B103872" s="14" t="s">
        <v>1</v>
      </c>
      <c r="C103872" s="14" t="s">
        <v>59</v>
      </c>
      <c r="D103872" s="14" t="s">
        <v>31</v>
      </c>
      <c r="E103872" s="15">
        <v>45588</v>
      </c>
      <c r="F103872" s="14" t="s">
        <v>15</v>
      </c>
      <c r="G103872" s="16">
        <v>6.5843390086787926E-2</v>
      </c>
    </row>
    <row r="103873" spans="1:7" x14ac:dyDescent="0.3">
      <c r="A103873" s="13" t="s">
        <v>507</v>
      </c>
      <c r="B103873" s="14" t="s">
        <v>1</v>
      </c>
      <c r="C103873" s="14" t="s">
        <v>59</v>
      </c>
      <c r="D103873" s="14" t="s">
        <v>31</v>
      </c>
      <c r="E103873" s="15">
        <v>45589</v>
      </c>
      <c r="F103873" s="14" t="s">
        <v>15</v>
      </c>
      <c r="G103873" s="16">
        <v>6.2249967672933761E-2</v>
      </c>
    </row>
    <row r="103874" spans="1:7" x14ac:dyDescent="0.3">
      <c r="A103874" s="13" t="s">
        <v>507</v>
      </c>
      <c r="B103874" s="14" t="s">
        <v>1</v>
      </c>
      <c r="C103874" s="14" t="s">
        <v>59</v>
      </c>
      <c r="D103874" s="14" t="s">
        <v>31</v>
      </c>
      <c r="E103874" s="15">
        <v>45590</v>
      </c>
      <c r="F103874" s="14" t="s">
        <v>15</v>
      </c>
      <c r="G103874" s="16">
        <v>5.866977251998054E-2</v>
      </c>
    </row>
    <row r="103875" spans="1:7" x14ac:dyDescent="0.3">
      <c r="A103875" s="13" t="s">
        <v>507</v>
      </c>
      <c r="B103875" s="14" t="s">
        <v>1</v>
      </c>
      <c r="C103875" s="14" t="s">
        <v>59</v>
      </c>
      <c r="D103875" s="14" t="s">
        <v>31</v>
      </c>
      <c r="E103875" s="15">
        <v>45591</v>
      </c>
      <c r="F103875" s="14" t="s">
        <v>15</v>
      </c>
      <c r="G103875" s="16">
        <v>5.866977251998054E-2</v>
      </c>
    </row>
    <row r="103876" spans="1:7" x14ac:dyDescent="0.3">
      <c r="A103876" s="13" t="s">
        <v>507</v>
      </c>
      <c r="B103876" s="14" t="s">
        <v>1</v>
      </c>
      <c r="C103876" s="14" t="s">
        <v>59</v>
      </c>
      <c r="D103876" s="14" t="s">
        <v>31</v>
      </c>
      <c r="E103876" s="15">
        <v>45592</v>
      </c>
      <c r="F103876" s="14" t="s">
        <v>15</v>
      </c>
      <c r="G103876" s="16">
        <v>5.866977251998054E-2</v>
      </c>
    </row>
    <row r="103877" spans="1:7" x14ac:dyDescent="0.3">
      <c r="A103877" s="13" t="s">
        <v>507</v>
      </c>
      <c r="B103877" s="14" t="s">
        <v>1</v>
      </c>
      <c r="C103877" s="14" t="s">
        <v>59</v>
      </c>
      <c r="D103877" s="14" t="s">
        <v>31</v>
      </c>
      <c r="E103877" s="15">
        <v>45593</v>
      </c>
      <c r="F103877" s="14" t="s">
        <v>15</v>
      </c>
      <c r="G103877" s="16">
        <v>5.866977251998054E-2</v>
      </c>
    </row>
    <row r="103878" spans="1:7" x14ac:dyDescent="0.3">
      <c r="A103878" s="13" t="s">
        <v>507</v>
      </c>
      <c r="B103878" s="14" t="s">
        <v>1</v>
      </c>
      <c r="C103878" s="14" t="s">
        <v>59</v>
      </c>
      <c r="D103878" s="14" t="s">
        <v>31</v>
      </c>
      <c r="E103878" s="15">
        <v>45594</v>
      </c>
      <c r="F103878" s="14" t="s">
        <v>15</v>
      </c>
      <c r="G103878" s="16">
        <v>5.5153702716262042E-2</v>
      </c>
    </row>
    <row r="103879" spans="1:7" x14ac:dyDescent="0.3">
      <c r="A103879" s="13" t="s">
        <v>507</v>
      </c>
      <c r="B103879" s="14" t="s">
        <v>1</v>
      </c>
      <c r="C103879" s="14" t="s">
        <v>59</v>
      </c>
      <c r="D103879" s="14" t="s">
        <v>31</v>
      </c>
      <c r="E103879" s="15">
        <v>45595</v>
      </c>
      <c r="F103879" s="14" t="s">
        <v>15</v>
      </c>
      <c r="G103879" s="16">
        <v>4.0689534677472723E-2</v>
      </c>
    </row>
    <row r="103880" spans="1:7" x14ac:dyDescent="0.3">
      <c r="A103880" s="13" t="s">
        <v>507</v>
      </c>
      <c r="B103880" s="14" t="s">
        <v>1</v>
      </c>
      <c r="C103880" s="14" t="s">
        <v>59</v>
      </c>
      <c r="D103880" s="14" t="s">
        <v>31</v>
      </c>
      <c r="E103880" s="15">
        <v>45596</v>
      </c>
      <c r="F103880" s="14" t="s">
        <v>15</v>
      </c>
      <c r="G103880" s="16">
        <v>3.7106444941610306E-2</v>
      </c>
    </row>
    <row r="103881" spans="1:7" x14ac:dyDescent="0.3">
      <c r="A103881" s="13" t="s">
        <v>507</v>
      </c>
      <c r="B103881" s="14" t="s">
        <v>1</v>
      </c>
      <c r="C103881" s="14" t="s">
        <v>59</v>
      </c>
      <c r="D103881" s="14" t="s">
        <v>31</v>
      </c>
      <c r="E103881" s="15">
        <v>45597</v>
      </c>
      <c r="F103881" s="14" t="s">
        <v>15</v>
      </c>
      <c r="G103881" s="16">
        <v>3.351651158472687E-2</v>
      </c>
    </row>
    <row r="103882" spans="1:7" x14ac:dyDescent="0.3">
      <c r="A103882" s="13" t="s">
        <v>507</v>
      </c>
      <c r="B103882" s="14" t="s">
        <v>1</v>
      </c>
      <c r="C103882" s="14" t="s">
        <v>59</v>
      </c>
      <c r="D103882" s="14" t="s">
        <v>31</v>
      </c>
      <c r="E103882" s="15">
        <v>45598</v>
      </c>
      <c r="F103882" s="14" t="s">
        <v>15</v>
      </c>
      <c r="G103882" s="16">
        <v>3.351651158472687E-2</v>
      </c>
    </row>
    <row r="103883" spans="1:7" x14ac:dyDescent="0.3">
      <c r="A103883" s="13" t="s">
        <v>507</v>
      </c>
      <c r="B103883" s="14" t="s">
        <v>1</v>
      </c>
      <c r="C103883" s="14" t="s">
        <v>59</v>
      </c>
      <c r="D103883" s="14" t="s">
        <v>31</v>
      </c>
      <c r="E103883" s="15">
        <v>45599</v>
      </c>
      <c r="F103883" s="14" t="s">
        <v>15</v>
      </c>
      <c r="G103883" s="16">
        <v>3.351651158472687E-2</v>
      </c>
    </row>
    <row r="103884" spans="1:7" x14ac:dyDescent="0.3">
      <c r="A103884" s="13" t="s">
        <v>507</v>
      </c>
      <c r="B103884" s="14" t="s">
        <v>1</v>
      </c>
      <c r="C103884" s="14" t="s">
        <v>59</v>
      </c>
      <c r="D103884" s="14" t="s">
        <v>31</v>
      </c>
      <c r="E103884" s="15">
        <v>45600</v>
      </c>
      <c r="F103884" s="14" t="s">
        <v>15</v>
      </c>
      <c r="G103884" s="16">
        <v>3.4594940868197255E-2</v>
      </c>
    </row>
    <row r="103885" spans="1:7" x14ac:dyDescent="0.3">
      <c r="A103885" s="13" t="s">
        <v>507</v>
      </c>
      <c r="B103885" s="14" t="s">
        <v>1</v>
      </c>
      <c r="C103885" s="14" t="s">
        <v>59</v>
      </c>
      <c r="D103885" s="14" t="s">
        <v>31</v>
      </c>
      <c r="E103885" s="15">
        <v>45601</v>
      </c>
      <c r="F103885" s="14" t="s">
        <v>15</v>
      </c>
      <c r="G103885" s="16">
        <v>2.3874454620142285E-2</v>
      </c>
    </row>
    <row r="103886" spans="1:7" x14ac:dyDescent="0.3">
      <c r="A103886" s="13" t="s">
        <v>507</v>
      </c>
      <c r="B103886" s="14" t="s">
        <v>1</v>
      </c>
      <c r="C103886" s="14" t="s">
        <v>59</v>
      </c>
      <c r="D103886" s="14" t="s">
        <v>31</v>
      </c>
      <c r="E103886" s="15">
        <v>45602</v>
      </c>
      <c r="F103886" s="14" t="s">
        <v>15</v>
      </c>
      <c r="G103886" s="16">
        <v>2.0327544260067502E-2</v>
      </c>
    </row>
    <row r="103887" spans="1:7" x14ac:dyDescent="0.3">
      <c r="A103887" s="13" t="s">
        <v>507</v>
      </c>
      <c r="B103887" s="14" t="s">
        <v>1</v>
      </c>
      <c r="C103887" s="14" t="s">
        <v>59</v>
      </c>
      <c r="D103887" s="14" t="s">
        <v>31</v>
      </c>
      <c r="E103887" s="15">
        <v>45603</v>
      </c>
      <c r="F103887" s="14" t="s">
        <v>15</v>
      </c>
      <c r="G103887" s="16">
        <v>1.677244661939346E-2</v>
      </c>
    </row>
    <row r="103888" spans="1:7" x14ac:dyDescent="0.3">
      <c r="A103888" s="13" t="s">
        <v>507</v>
      </c>
      <c r="B103888" s="14" t="s">
        <v>1</v>
      </c>
      <c r="C103888" s="14" t="s">
        <v>59</v>
      </c>
      <c r="D103888" s="14" t="s">
        <v>31</v>
      </c>
      <c r="E103888" s="15">
        <v>45604</v>
      </c>
      <c r="F103888" s="14" t="s">
        <v>15</v>
      </c>
      <c r="G103888" s="16">
        <v>1.3184103657498173E-2</v>
      </c>
    </row>
    <row r="103889" spans="1:7" x14ac:dyDescent="0.3">
      <c r="A103889" s="13" t="s">
        <v>507</v>
      </c>
      <c r="B103889" s="14" t="s">
        <v>1</v>
      </c>
      <c r="C103889" s="14" t="s">
        <v>59</v>
      </c>
      <c r="D103889" s="14" t="s">
        <v>31</v>
      </c>
      <c r="E103889" s="15">
        <v>45605</v>
      </c>
      <c r="F103889" s="14" t="s">
        <v>15</v>
      </c>
      <c r="G103889" s="16">
        <v>1.3184103657498173E-2</v>
      </c>
    </row>
    <row r="103890" spans="1:7" x14ac:dyDescent="0.3">
      <c r="A103890" s="13" t="s">
        <v>507</v>
      </c>
      <c r="B103890" s="14" t="s">
        <v>1</v>
      </c>
      <c r="C103890" s="14" t="s">
        <v>59</v>
      </c>
      <c r="D103890" s="14" t="s">
        <v>31</v>
      </c>
      <c r="E103890" s="15">
        <v>45606</v>
      </c>
      <c r="F103890" s="14" t="s">
        <v>15</v>
      </c>
      <c r="G103890" s="16">
        <v>1.3184103657498173E-2</v>
      </c>
    </row>
    <row r="103891" spans="1:7" x14ac:dyDescent="0.3">
      <c r="A103891" s="13" t="s">
        <v>507</v>
      </c>
      <c r="B103891" s="14" t="s">
        <v>1</v>
      </c>
      <c r="C103891" s="14" t="s">
        <v>59</v>
      </c>
      <c r="D103891" s="14" t="s">
        <v>31</v>
      </c>
      <c r="E103891" s="15">
        <v>45607</v>
      </c>
      <c r="F103891" s="14" t="s">
        <v>15</v>
      </c>
      <c r="G103891" s="16">
        <v>9.5670225137014404E-3</v>
      </c>
    </row>
    <row r="103892" spans="1:7" x14ac:dyDescent="0.3">
      <c r="A103892" s="13" t="s">
        <v>507</v>
      </c>
      <c r="B103892" s="14" t="s">
        <v>1</v>
      </c>
      <c r="C103892" s="14" t="s">
        <v>59</v>
      </c>
      <c r="D103892" s="14" t="s">
        <v>31</v>
      </c>
      <c r="E103892" s="15">
        <v>45608</v>
      </c>
      <c r="F103892" s="14" t="s">
        <v>15</v>
      </c>
      <c r="G103892" s="16">
        <v>0</v>
      </c>
    </row>
    <row r="103893" spans="1:7" x14ac:dyDescent="0.3">
      <c r="A103893" s="13" t="s">
        <v>507</v>
      </c>
      <c r="B103893" s="14" t="s">
        <v>1</v>
      </c>
      <c r="C103893" s="14" t="s">
        <v>59</v>
      </c>
      <c r="D103893" s="14" t="s">
        <v>31</v>
      </c>
      <c r="E103893" s="15">
        <v>45609</v>
      </c>
      <c r="F103893" s="14" t="s">
        <v>15</v>
      </c>
      <c r="G103893" s="16">
        <v>0</v>
      </c>
    </row>
    <row r="103894" spans="1:7" x14ac:dyDescent="0.3">
      <c r="A103894" s="13" t="s">
        <v>507</v>
      </c>
      <c r="B103894" s="14" t="s">
        <v>1</v>
      </c>
      <c r="C103894" s="14" t="s">
        <v>59</v>
      </c>
      <c r="D103894" s="14" t="s">
        <v>31</v>
      </c>
      <c r="E103894" s="15">
        <v>45610</v>
      </c>
      <c r="F103894" s="14" t="s">
        <v>15</v>
      </c>
      <c r="G103894" s="16">
        <v>0</v>
      </c>
    </row>
    <row r="103895" spans="1:7" x14ac:dyDescent="0.3">
      <c r="A103895" s="13" t="s">
        <v>507</v>
      </c>
      <c r="B103895" s="14" t="s">
        <v>1</v>
      </c>
      <c r="C103895" s="14" t="s">
        <v>59</v>
      </c>
      <c r="D103895" s="14" t="s">
        <v>31</v>
      </c>
      <c r="E103895" s="15">
        <v>45611</v>
      </c>
      <c r="F103895" s="14" t="s">
        <v>15</v>
      </c>
      <c r="G103895" s="16">
        <v>0.27570494268352025</v>
      </c>
    </row>
    <row r="103896" spans="1:7" x14ac:dyDescent="0.3">
      <c r="A103896" s="13" t="s">
        <v>507</v>
      </c>
      <c r="B103896" s="14" t="s">
        <v>1</v>
      </c>
      <c r="C103896" s="14" t="s">
        <v>59</v>
      </c>
      <c r="D103896" s="14" t="s">
        <v>31</v>
      </c>
      <c r="E103896" s="15">
        <v>45612</v>
      </c>
      <c r="F103896" s="14" t="s">
        <v>15</v>
      </c>
      <c r="G103896" s="16">
        <v>0.27570494268352025</v>
      </c>
    </row>
    <row r="103897" spans="1:7" x14ac:dyDescent="0.3">
      <c r="A103897" s="13" t="s">
        <v>507</v>
      </c>
      <c r="B103897" s="14" t="s">
        <v>1</v>
      </c>
      <c r="C103897" s="14" t="s">
        <v>59</v>
      </c>
      <c r="D103897" s="14" t="s">
        <v>31</v>
      </c>
      <c r="E103897" s="15">
        <v>45613</v>
      </c>
      <c r="F103897" s="14" t="s">
        <v>15</v>
      </c>
      <c r="G103897" s="16">
        <v>0.27570494268352025</v>
      </c>
    </row>
    <row r="103898" spans="1:7" x14ac:dyDescent="0.3">
      <c r="A103898" s="13" t="s">
        <v>507</v>
      </c>
      <c r="B103898" s="14" t="s">
        <v>1</v>
      </c>
      <c r="C103898" s="14" t="s">
        <v>59</v>
      </c>
      <c r="D103898" s="14" t="s">
        <v>31</v>
      </c>
      <c r="E103898" s="15">
        <v>45614</v>
      </c>
      <c r="F103898" s="14" t="s">
        <v>15</v>
      </c>
      <c r="G103898" s="16">
        <v>0.27210052494721609</v>
      </c>
    </row>
    <row r="103899" spans="1:7" x14ac:dyDescent="0.3">
      <c r="A103899" s="13" t="s">
        <v>507</v>
      </c>
      <c r="B103899" s="14" t="s">
        <v>1</v>
      </c>
      <c r="C103899" s="14" t="s">
        <v>59</v>
      </c>
      <c r="D103899" s="14" t="s">
        <v>31</v>
      </c>
      <c r="E103899" s="15">
        <v>45615</v>
      </c>
      <c r="F103899" s="14" t="s">
        <v>15</v>
      </c>
      <c r="G103899" s="16">
        <v>0.26134658595180832</v>
      </c>
    </row>
    <row r="103900" spans="1:7" x14ac:dyDescent="0.3">
      <c r="A103900" s="13" t="s">
        <v>507</v>
      </c>
      <c r="B103900" s="14" t="s">
        <v>1</v>
      </c>
      <c r="C103900" s="14" t="s">
        <v>59</v>
      </c>
      <c r="D103900" s="14" t="s">
        <v>31</v>
      </c>
      <c r="E103900" s="15">
        <v>45616</v>
      </c>
      <c r="F103900" s="14" t="s">
        <v>15</v>
      </c>
      <c r="G103900" s="16">
        <v>0.25777081929472806</v>
      </c>
    </row>
    <row r="103901" spans="1:7" x14ac:dyDescent="0.3">
      <c r="A103901" s="13" t="s">
        <v>507</v>
      </c>
      <c r="B103901" s="14" t="s">
        <v>1</v>
      </c>
      <c r="C103901" s="14" t="s">
        <v>59</v>
      </c>
      <c r="D103901" s="14" t="s">
        <v>31</v>
      </c>
      <c r="E103901" s="15">
        <v>45617</v>
      </c>
      <c r="F103901" s="14" t="s">
        <v>15</v>
      </c>
      <c r="G103901" s="16">
        <v>0.25419309527419298</v>
      </c>
    </row>
    <row r="103902" spans="1:7" x14ac:dyDescent="0.3">
      <c r="A103902" s="13" t="s">
        <v>507</v>
      </c>
      <c r="B103902" s="14" t="s">
        <v>1</v>
      </c>
      <c r="C103902" s="14" t="s">
        <v>59</v>
      </c>
      <c r="D103902" s="14" t="s">
        <v>31</v>
      </c>
      <c r="E103902" s="15">
        <v>45618</v>
      </c>
      <c r="F103902" s="14" t="s">
        <v>15</v>
      </c>
      <c r="G103902" s="16">
        <v>0.25062214651787923</v>
      </c>
    </row>
    <row r="103903" spans="1:7" x14ac:dyDescent="0.3">
      <c r="A103903" s="13" t="s">
        <v>507</v>
      </c>
      <c r="B103903" s="14" t="s">
        <v>1</v>
      </c>
      <c r="C103903" s="14" t="s">
        <v>59</v>
      </c>
      <c r="D103903" s="14" t="s">
        <v>31</v>
      </c>
      <c r="E103903" s="15">
        <v>45619</v>
      </c>
      <c r="F103903" s="14" t="s">
        <v>15</v>
      </c>
      <c r="G103903" s="16">
        <v>0.25062214651787923</v>
      </c>
    </row>
    <row r="103904" spans="1:7" x14ac:dyDescent="0.3">
      <c r="A103904" s="13" t="s">
        <v>507</v>
      </c>
      <c r="B103904" s="14" t="s">
        <v>1</v>
      </c>
      <c r="C103904" s="14" t="s">
        <v>59</v>
      </c>
      <c r="D103904" s="14" t="s">
        <v>31</v>
      </c>
      <c r="E103904" s="15">
        <v>45620</v>
      </c>
      <c r="F103904" s="14" t="s">
        <v>15</v>
      </c>
      <c r="G103904" s="16">
        <v>0.25062214651787923</v>
      </c>
    </row>
    <row r="103905" spans="1:7" x14ac:dyDescent="0.3">
      <c r="A103905" s="13" t="s">
        <v>507</v>
      </c>
      <c r="B103905" s="14" t="s">
        <v>1</v>
      </c>
      <c r="C103905" s="14" t="s">
        <v>59</v>
      </c>
      <c r="D103905" s="14" t="s">
        <v>31</v>
      </c>
      <c r="E103905" s="15">
        <v>45621</v>
      </c>
      <c r="F103905" s="14" t="s">
        <v>15</v>
      </c>
      <c r="G103905" s="16">
        <v>0.24702827806988875</v>
      </c>
    </row>
    <row r="103906" spans="1:7" x14ac:dyDescent="0.3">
      <c r="A103906" s="13" t="s">
        <v>507</v>
      </c>
      <c r="B103906" s="14" t="s">
        <v>1</v>
      </c>
      <c r="C103906" s="14" t="s">
        <v>59</v>
      </c>
      <c r="D103906" s="14" t="s">
        <v>31</v>
      </c>
      <c r="E103906" s="15">
        <v>45622</v>
      </c>
      <c r="F103906" s="14" t="s">
        <v>15</v>
      </c>
      <c r="G103906" s="16">
        <v>0.23616720726502671</v>
      </c>
    </row>
    <row r="103907" spans="1:7" x14ac:dyDescent="0.3">
      <c r="A103907" s="13" t="s">
        <v>507</v>
      </c>
      <c r="B103907" s="14" t="s">
        <v>1</v>
      </c>
      <c r="C103907" s="14" t="s">
        <v>59</v>
      </c>
      <c r="D103907" s="14" t="s">
        <v>31</v>
      </c>
      <c r="E103907" s="15">
        <v>45623</v>
      </c>
      <c r="F103907" s="14" t="s">
        <v>15</v>
      </c>
      <c r="G103907" s="16">
        <v>0.23254643489647603</v>
      </c>
    </row>
    <row r="103908" spans="1:7" x14ac:dyDescent="0.3">
      <c r="A103908" s="13" t="s">
        <v>507</v>
      </c>
      <c r="B103908" s="14" t="s">
        <v>1</v>
      </c>
      <c r="C103908" s="14" t="s">
        <v>59</v>
      </c>
      <c r="D103908" s="14" t="s">
        <v>31</v>
      </c>
      <c r="E103908" s="15">
        <v>45624</v>
      </c>
      <c r="F103908" s="14" t="s">
        <v>15</v>
      </c>
      <c r="G103908" s="16">
        <v>0.32481984968134214</v>
      </c>
    </row>
    <row r="103909" spans="1:7" x14ac:dyDescent="0.3">
      <c r="A103909" s="13" t="s">
        <v>507</v>
      </c>
      <c r="B103909" s="14" t="s">
        <v>1</v>
      </c>
      <c r="C103909" s="14" t="s">
        <v>59</v>
      </c>
      <c r="D103909" s="14" t="s">
        <v>31</v>
      </c>
      <c r="E103909" s="15">
        <v>45625</v>
      </c>
      <c r="F103909" s="14" t="s">
        <v>15</v>
      </c>
      <c r="G103909" s="16">
        <v>0.32119323105087161</v>
      </c>
    </row>
    <row r="103910" spans="1:7" x14ac:dyDescent="0.3">
      <c r="A103910" s="13" t="s">
        <v>507</v>
      </c>
      <c r="B103910" s="14" t="s">
        <v>1</v>
      </c>
      <c r="C103910" s="14" t="s">
        <v>59</v>
      </c>
      <c r="D103910" s="14" t="s">
        <v>31</v>
      </c>
      <c r="E103910" s="15">
        <v>45626</v>
      </c>
      <c r="F103910" s="14" t="s">
        <v>15</v>
      </c>
      <c r="G103910" s="16">
        <v>0.32119323105087161</v>
      </c>
    </row>
    <row r="103911" spans="1:7" x14ac:dyDescent="0.3">
      <c r="A103911" s="13" t="s">
        <v>507</v>
      </c>
      <c r="B103911" s="14" t="s">
        <v>1</v>
      </c>
      <c r="C103911" s="14" t="s">
        <v>59</v>
      </c>
      <c r="D103911" s="14" t="s">
        <v>31</v>
      </c>
      <c r="E103911" s="15">
        <v>45627</v>
      </c>
      <c r="F103911" s="14" t="s">
        <v>15</v>
      </c>
      <c r="G103911" s="16">
        <v>0.32119323105087161</v>
      </c>
    </row>
    <row r="103912" spans="1:7" x14ac:dyDescent="0.3">
      <c r="A103912" s="13" t="s">
        <v>507</v>
      </c>
      <c r="B103912" s="14" t="s">
        <v>1</v>
      </c>
      <c r="C103912" s="14" t="s">
        <v>59</v>
      </c>
      <c r="D103912" s="14" t="s">
        <v>31</v>
      </c>
      <c r="E103912" s="15">
        <v>45628</v>
      </c>
      <c r="F103912" s="14" t="s">
        <v>15</v>
      </c>
      <c r="G103912" s="16">
        <v>0.3175591886084464</v>
      </c>
    </row>
    <row r="103913" spans="1:7" x14ac:dyDescent="0.3">
      <c r="A103913" s="13" t="s">
        <v>507</v>
      </c>
      <c r="B103913" s="14" t="s">
        <v>1</v>
      </c>
      <c r="C103913" s="14" t="s">
        <v>59</v>
      </c>
      <c r="D103913" s="14" t="s">
        <v>31</v>
      </c>
      <c r="E103913" s="15">
        <v>45629</v>
      </c>
      <c r="F103913" s="14" t="s">
        <v>15</v>
      </c>
      <c r="G103913" s="16">
        <v>0.30657952543275774</v>
      </c>
    </row>
    <row r="103914" spans="1:7" x14ac:dyDescent="0.3">
      <c r="A103914" s="13" t="s">
        <v>507</v>
      </c>
      <c r="B103914" s="14" t="s">
        <v>1</v>
      </c>
      <c r="C103914" s="14" t="s">
        <v>59</v>
      </c>
      <c r="D103914" s="14" t="s">
        <v>31</v>
      </c>
      <c r="E103914" s="15">
        <v>45630</v>
      </c>
      <c r="F103914" s="14" t="s">
        <v>15</v>
      </c>
      <c r="G103914" s="16">
        <v>0.30152194709782615</v>
      </c>
    </row>
    <row r="103915" spans="1:7" x14ac:dyDescent="0.3">
      <c r="A103915" s="13" t="s">
        <v>507</v>
      </c>
      <c r="B103915" s="14" t="s">
        <v>1</v>
      </c>
      <c r="C103915" s="14" t="s">
        <v>59</v>
      </c>
      <c r="D103915" s="14" t="s">
        <v>31</v>
      </c>
      <c r="E103915" s="15">
        <v>45631</v>
      </c>
      <c r="F103915" s="14" t="s">
        <v>15</v>
      </c>
      <c r="G103915" s="16">
        <v>0.29787925675273086</v>
      </c>
    </row>
    <row r="103916" spans="1:7" x14ac:dyDescent="0.3">
      <c r="A103916" s="13" t="s">
        <v>507</v>
      </c>
      <c r="B103916" s="14" t="s">
        <v>1</v>
      </c>
      <c r="C103916" s="14" t="s">
        <v>59</v>
      </c>
      <c r="D103916" s="14" t="s">
        <v>31</v>
      </c>
      <c r="E103916" s="15">
        <v>45632</v>
      </c>
      <c r="F103916" s="14" t="s">
        <v>15</v>
      </c>
      <c r="G103916" s="16">
        <v>0.29422574166399768</v>
      </c>
    </row>
    <row r="103917" spans="1:7" x14ac:dyDescent="0.3">
      <c r="A103917" s="13" t="s">
        <v>507</v>
      </c>
      <c r="B103917" s="14" t="s">
        <v>1</v>
      </c>
      <c r="C103917" s="14" t="s">
        <v>59</v>
      </c>
      <c r="D103917" s="14" t="s">
        <v>31</v>
      </c>
      <c r="E103917" s="15">
        <v>45633</v>
      </c>
      <c r="F103917" s="14" t="s">
        <v>15</v>
      </c>
      <c r="G103917" s="16">
        <v>0.29422574166399768</v>
      </c>
    </row>
    <row r="103918" spans="1:7" x14ac:dyDescent="0.3">
      <c r="A103918" s="13" t="s">
        <v>507</v>
      </c>
      <c r="B103918" s="14" t="s">
        <v>1</v>
      </c>
      <c r="C103918" s="14" t="s">
        <v>59</v>
      </c>
      <c r="D103918" s="14" t="s">
        <v>31</v>
      </c>
      <c r="E103918" s="15">
        <v>45634</v>
      </c>
      <c r="F103918" s="14" t="s">
        <v>15</v>
      </c>
      <c r="G103918" s="16">
        <v>0.29422574166399768</v>
      </c>
    </row>
    <row r="103919" spans="1:7" x14ac:dyDescent="0.3">
      <c r="A103919" s="13" t="s">
        <v>507</v>
      </c>
      <c r="B103919" s="14" t="s">
        <v>1</v>
      </c>
      <c r="C103919" s="14" t="s">
        <v>59</v>
      </c>
      <c r="D103919" s="14" t="s">
        <v>31</v>
      </c>
      <c r="E103919" s="15">
        <v>45635</v>
      </c>
      <c r="F103919" s="14" t="s">
        <v>15</v>
      </c>
      <c r="G103919" s="16">
        <v>0.29057037696920879</v>
      </c>
    </row>
    <row r="103920" spans="1:7" x14ac:dyDescent="0.3">
      <c r="A103920" s="13" t="s">
        <v>507</v>
      </c>
      <c r="B103920" s="14" t="s">
        <v>1</v>
      </c>
      <c r="C103920" s="14" t="s">
        <v>59</v>
      </c>
      <c r="D103920" s="14" t="s">
        <v>31</v>
      </c>
      <c r="E103920" s="15">
        <v>45636</v>
      </c>
      <c r="F103920" s="14" t="s">
        <v>15</v>
      </c>
      <c r="G103920" s="16">
        <v>0.27953926407317814</v>
      </c>
    </row>
    <row r="103921" spans="1:7" x14ac:dyDescent="0.3">
      <c r="A103921" s="13" t="s">
        <v>507</v>
      </c>
      <c r="B103921" s="14" t="s">
        <v>1</v>
      </c>
      <c r="C103921" s="14" t="s">
        <v>59</v>
      </c>
      <c r="D103921" s="14" t="s">
        <v>31</v>
      </c>
      <c r="E103921" s="15">
        <v>45637</v>
      </c>
      <c r="F103921" s="14" t="s">
        <v>15</v>
      </c>
      <c r="G103921" s="16">
        <v>0.27588678171321285</v>
      </c>
    </row>
    <row r="103922" spans="1:7" x14ac:dyDescent="0.3">
      <c r="A103922" s="13" t="s">
        <v>507</v>
      </c>
      <c r="B103922" s="14" t="s">
        <v>1</v>
      </c>
      <c r="C103922" s="14" t="s">
        <v>59</v>
      </c>
      <c r="D103922" s="14" t="s">
        <v>31</v>
      </c>
      <c r="E103922" s="15">
        <v>45638</v>
      </c>
      <c r="F103922" s="14" t="s">
        <v>15</v>
      </c>
      <c r="G103922" s="16">
        <v>0.27224300181167294</v>
      </c>
    </row>
    <row r="103923" spans="1:7" x14ac:dyDescent="0.3">
      <c r="A103923" s="13" t="s">
        <v>507</v>
      </c>
      <c r="B103923" s="14" t="s">
        <v>1</v>
      </c>
      <c r="C103923" s="14" t="s">
        <v>59</v>
      </c>
      <c r="D103923" s="14" t="s">
        <v>31</v>
      </c>
      <c r="E103923" s="15">
        <v>45639</v>
      </c>
      <c r="F103923" s="14" t="s">
        <v>15</v>
      </c>
      <c r="G103923" s="16">
        <v>0.33962871836496866</v>
      </c>
    </row>
    <row r="103924" spans="1:7" x14ac:dyDescent="0.3">
      <c r="A103924" s="13" t="s">
        <v>507</v>
      </c>
      <c r="B103924" s="14" t="s">
        <v>1</v>
      </c>
      <c r="C103924" s="14" t="s">
        <v>59</v>
      </c>
      <c r="D103924" s="14" t="s">
        <v>31</v>
      </c>
      <c r="E103924" s="15">
        <v>45640</v>
      </c>
      <c r="F103924" s="14" t="s">
        <v>15</v>
      </c>
      <c r="G103924" s="16">
        <v>0.33962871836496866</v>
      </c>
    </row>
    <row r="103925" spans="1:7" x14ac:dyDescent="0.3">
      <c r="A103925" s="13" t="s">
        <v>507</v>
      </c>
      <c r="B103925" s="14" t="s">
        <v>1</v>
      </c>
      <c r="C103925" s="14" t="s">
        <v>59</v>
      </c>
      <c r="D103925" s="14" t="s">
        <v>31</v>
      </c>
      <c r="E103925" s="15">
        <v>45641</v>
      </c>
      <c r="F103925" s="14" t="s">
        <v>15</v>
      </c>
      <c r="G103925" s="16">
        <v>0.33962871836496866</v>
      </c>
    </row>
    <row r="103926" spans="1:7" x14ac:dyDescent="0.3">
      <c r="A103926" s="13" t="s">
        <v>507</v>
      </c>
      <c r="B103926" s="14" t="s">
        <v>1</v>
      </c>
      <c r="C103926" s="14" t="s">
        <v>59</v>
      </c>
      <c r="D103926" s="14" t="s">
        <v>31</v>
      </c>
      <c r="E103926" s="15">
        <v>45642</v>
      </c>
      <c r="F103926" s="14" t="s">
        <v>15</v>
      </c>
      <c r="G103926" s="16">
        <v>0.33598219934423973</v>
      </c>
    </row>
    <row r="103927" spans="1:7" x14ac:dyDescent="0.3">
      <c r="A103927" s="13" t="s">
        <v>507</v>
      </c>
      <c r="B103927" s="14" t="s">
        <v>1</v>
      </c>
      <c r="C103927" s="14" t="s">
        <v>59</v>
      </c>
      <c r="D103927" s="14" t="s">
        <v>31</v>
      </c>
      <c r="E103927" s="15">
        <v>45643</v>
      </c>
      <c r="F103927" s="14" t="s">
        <v>15</v>
      </c>
      <c r="G103927" s="16">
        <v>0.32502976031440317</v>
      </c>
    </row>
    <row r="103928" spans="1:7" x14ac:dyDescent="0.3">
      <c r="A103928" s="13" t="s">
        <v>507</v>
      </c>
      <c r="B103928" s="14" t="s">
        <v>1</v>
      </c>
      <c r="C103928" s="14" t="s">
        <v>59</v>
      </c>
      <c r="D103928" s="14" t="s">
        <v>31</v>
      </c>
      <c r="E103928" s="15">
        <v>45644</v>
      </c>
      <c r="F103928" s="14" t="s">
        <v>15</v>
      </c>
      <c r="G103928" s="16">
        <v>0.32137665209140892</v>
      </c>
    </row>
    <row r="103929" spans="1:7" x14ac:dyDescent="0.3">
      <c r="A103929" s="13" t="s">
        <v>507</v>
      </c>
      <c r="B103929" s="14" t="s">
        <v>1</v>
      </c>
      <c r="C103929" s="14" t="s">
        <v>59</v>
      </c>
      <c r="D103929" s="14" t="s">
        <v>31</v>
      </c>
      <c r="E103929" s="15">
        <v>45645</v>
      </c>
      <c r="F103929" s="14" t="s">
        <v>15</v>
      </c>
      <c r="G103929" s="16">
        <v>0.31772960457883209</v>
      </c>
    </row>
    <row r="103930" spans="1:7" x14ac:dyDescent="0.3">
      <c r="A103930" s="13" t="s">
        <v>507</v>
      </c>
      <c r="B103930" s="14" t="s">
        <v>1</v>
      </c>
      <c r="C103930" s="14" t="s">
        <v>59</v>
      </c>
      <c r="D103930" s="14" t="s">
        <v>31</v>
      </c>
      <c r="E103930" s="15">
        <v>45646</v>
      </c>
      <c r="F103930" s="14" t="s">
        <v>15</v>
      </c>
      <c r="G103930" s="16">
        <v>0.31408174185455939</v>
      </c>
    </row>
    <row r="103931" spans="1:7" x14ac:dyDescent="0.3">
      <c r="A103931" s="13" t="s">
        <v>507</v>
      </c>
      <c r="B103931" s="14" t="s">
        <v>1</v>
      </c>
      <c r="C103931" s="14" t="s">
        <v>59</v>
      </c>
      <c r="D103931" s="14" t="s">
        <v>31</v>
      </c>
      <c r="E103931" s="15">
        <v>45647</v>
      </c>
      <c r="F103931" s="14" t="s">
        <v>15</v>
      </c>
      <c r="G103931" s="16">
        <v>0.31408174185455939</v>
      </c>
    </row>
    <row r="103932" spans="1:7" x14ac:dyDescent="0.3">
      <c r="A103932" s="13" t="s">
        <v>507</v>
      </c>
      <c r="B103932" s="14" t="s">
        <v>1</v>
      </c>
      <c r="C103932" s="14" t="s">
        <v>59</v>
      </c>
      <c r="D103932" s="14" t="s">
        <v>31</v>
      </c>
      <c r="E103932" s="15">
        <v>45648</v>
      </c>
      <c r="F103932" s="14" t="s">
        <v>15</v>
      </c>
      <c r="G103932" s="16">
        <v>0.31408174185455939</v>
      </c>
    </row>
    <row r="103933" spans="1:7" x14ac:dyDescent="0.3">
      <c r="A103933" s="13" t="s">
        <v>507</v>
      </c>
      <c r="B103933" s="14" t="s">
        <v>1</v>
      </c>
      <c r="C103933" s="14" t="s">
        <v>59</v>
      </c>
      <c r="D103933" s="14" t="s">
        <v>31</v>
      </c>
      <c r="E103933" s="15">
        <v>45649</v>
      </c>
      <c r="F103933" s="14" t="s">
        <v>15</v>
      </c>
      <c r="G103933" s="16">
        <v>0.31049764166021915</v>
      </c>
    </row>
    <row r="103934" spans="1:7" x14ac:dyDescent="0.3">
      <c r="A103934" s="13" t="s">
        <v>507</v>
      </c>
      <c r="B103934" s="14" t="s">
        <v>1</v>
      </c>
      <c r="C103934" s="14" t="s">
        <v>59</v>
      </c>
      <c r="D103934" s="14" t="s">
        <v>31</v>
      </c>
      <c r="E103934" s="15">
        <v>45650</v>
      </c>
      <c r="F103934" s="14" t="s">
        <v>15</v>
      </c>
      <c r="G103934" s="16">
        <v>0.29964457375987569</v>
      </c>
    </row>
    <row r="103935" spans="1:7" x14ac:dyDescent="0.3">
      <c r="A103935" s="13" t="s">
        <v>507</v>
      </c>
      <c r="B103935" s="14" t="s">
        <v>1</v>
      </c>
      <c r="C103935" s="14" t="s">
        <v>59</v>
      </c>
      <c r="D103935" s="14" t="s">
        <v>31</v>
      </c>
      <c r="E103935" s="15">
        <v>45651</v>
      </c>
      <c r="F103935" s="14" t="s">
        <v>15</v>
      </c>
      <c r="G103935" s="16">
        <v>0.29964457375987569</v>
      </c>
    </row>
    <row r="103936" spans="1:7" x14ac:dyDescent="0.3">
      <c r="A103936" s="13" t="s">
        <v>507</v>
      </c>
      <c r="B103936" s="14" t="s">
        <v>1</v>
      </c>
      <c r="C103936" s="14" t="s">
        <v>59</v>
      </c>
      <c r="D103936" s="14" t="s">
        <v>31</v>
      </c>
      <c r="E103936" s="15">
        <v>45652</v>
      </c>
      <c r="F103936" s="14" t="s">
        <v>15</v>
      </c>
      <c r="G103936" s="16">
        <v>0.29964457375987569</v>
      </c>
    </row>
    <row r="103937" spans="1:7" x14ac:dyDescent="0.3">
      <c r="A103937" s="13" t="s">
        <v>507</v>
      </c>
      <c r="B103937" s="14" t="s">
        <v>1</v>
      </c>
      <c r="C103937" s="14" t="s">
        <v>59</v>
      </c>
      <c r="D103937" s="14" t="s">
        <v>31</v>
      </c>
      <c r="E103937" s="15">
        <v>45653</v>
      </c>
      <c r="F103937" s="14" t="s">
        <v>15</v>
      </c>
      <c r="G103937" s="16">
        <v>0.29964457375987569</v>
      </c>
    </row>
    <row r="103938" spans="1:7" x14ac:dyDescent="0.3">
      <c r="A103938" s="13" t="s">
        <v>507</v>
      </c>
      <c r="B103938" s="14" t="s">
        <v>1</v>
      </c>
      <c r="C103938" s="14" t="s">
        <v>59</v>
      </c>
      <c r="D103938" s="14" t="s">
        <v>31</v>
      </c>
      <c r="E103938" s="15">
        <v>45654</v>
      </c>
      <c r="F103938" s="14" t="s">
        <v>15</v>
      </c>
      <c r="G103938" s="16">
        <v>0.29964457375987569</v>
      </c>
    </row>
    <row r="103939" spans="1:7" x14ac:dyDescent="0.3">
      <c r="A103939" s="13" t="s">
        <v>507</v>
      </c>
      <c r="B103939" s="14" t="s">
        <v>1</v>
      </c>
      <c r="C103939" s="14" t="s">
        <v>59</v>
      </c>
      <c r="D103939" s="14" t="s">
        <v>31</v>
      </c>
      <c r="E103939" s="15">
        <v>45655</v>
      </c>
      <c r="F103939" s="14" t="s">
        <v>15</v>
      </c>
      <c r="G103939" s="16">
        <v>0.29964457375987569</v>
      </c>
    </row>
    <row r="103940" spans="1:7" x14ac:dyDescent="0.3">
      <c r="A103940" s="13" t="s">
        <v>507</v>
      </c>
      <c r="B103940" s="14" t="s">
        <v>1</v>
      </c>
      <c r="C103940" s="14" t="s">
        <v>59</v>
      </c>
      <c r="D103940" s="14" t="s">
        <v>31</v>
      </c>
      <c r="E103940" s="15">
        <v>45656</v>
      </c>
      <c r="F103940" s="14" t="s">
        <v>15</v>
      </c>
      <c r="G103940" s="16">
        <v>0.29605234995144364</v>
      </c>
    </row>
    <row r="103941" spans="1:7" x14ac:dyDescent="0.3">
      <c r="A103941" s="13" t="s">
        <v>507</v>
      </c>
      <c r="B103941" s="14" t="s">
        <v>1</v>
      </c>
      <c r="C103941" s="14" t="s">
        <v>59</v>
      </c>
      <c r="D103941" s="14" t="s">
        <v>31</v>
      </c>
      <c r="E103941" s="15">
        <v>45657</v>
      </c>
      <c r="F103941" s="14" t="s">
        <v>15</v>
      </c>
      <c r="G103941" s="16">
        <v>0.27436462942850809</v>
      </c>
    </row>
    <row r="103942" spans="1:7" x14ac:dyDescent="0.3">
      <c r="A103942" s="13" t="s">
        <v>507</v>
      </c>
      <c r="B103942" s="14" t="s">
        <v>1</v>
      </c>
      <c r="C103942" s="14" t="s">
        <v>59</v>
      </c>
      <c r="D103942" s="14" t="s">
        <v>31</v>
      </c>
      <c r="E103942" s="15">
        <v>45658</v>
      </c>
      <c r="F103942" s="14" t="s">
        <v>15</v>
      </c>
      <c r="G103942" s="16">
        <v>0.27436462942850809</v>
      </c>
    </row>
    <row r="103943" spans="1:7" x14ac:dyDescent="0.3">
      <c r="A103943" s="13" t="s">
        <v>507</v>
      </c>
      <c r="B103943" s="14" t="s">
        <v>1</v>
      </c>
      <c r="C103943" s="14" t="s">
        <v>59</v>
      </c>
      <c r="D103943" s="14" t="s">
        <v>31</v>
      </c>
      <c r="E103943" s="15">
        <v>45659</v>
      </c>
      <c r="F103943" s="14" t="s">
        <v>15</v>
      </c>
      <c r="G103943" s="16">
        <v>0.27436462942850809</v>
      </c>
    </row>
    <row r="103944" spans="1:7" x14ac:dyDescent="0.3">
      <c r="A103944" s="13" t="s">
        <v>507</v>
      </c>
      <c r="B103944" s="14" t="s">
        <v>1</v>
      </c>
      <c r="C103944" s="14" t="s">
        <v>59</v>
      </c>
      <c r="D103944" s="14" t="s">
        <v>31</v>
      </c>
      <c r="E103944" s="15">
        <v>45660</v>
      </c>
      <c r="F103944" s="14" t="s">
        <v>15</v>
      </c>
      <c r="G103944" s="16">
        <v>0.27077713678859933</v>
      </c>
    </row>
    <row r="103945" spans="1:7" x14ac:dyDescent="0.3">
      <c r="A103945" s="13" t="s">
        <v>507</v>
      </c>
      <c r="B103945" s="14" t="s">
        <v>1</v>
      </c>
      <c r="C103945" s="14" t="s">
        <v>59</v>
      </c>
      <c r="D103945" s="14" t="s">
        <v>31</v>
      </c>
      <c r="E103945" s="15">
        <v>45661</v>
      </c>
      <c r="F103945" s="14" t="s">
        <v>15</v>
      </c>
      <c r="G103945" s="16">
        <v>0.27077713678859933</v>
      </c>
    </row>
    <row r="103946" spans="1:7" x14ac:dyDescent="0.3">
      <c r="A103946" s="13" t="s">
        <v>507</v>
      </c>
      <c r="B103946" s="14" t="s">
        <v>1</v>
      </c>
      <c r="C103946" s="14" t="s">
        <v>59</v>
      </c>
      <c r="D103946" s="14" t="s">
        <v>31</v>
      </c>
      <c r="E103946" s="15">
        <v>45662</v>
      </c>
      <c r="F103946" s="14" t="s">
        <v>15</v>
      </c>
      <c r="G103946" s="16">
        <v>0.27077713678859933</v>
      </c>
    </row>
    <row r="103947" spans="1:7" x14ac:dyDescent="0.3">
      <c r="A103947" s="13" t="s">
        <v>507</v>
      </c>
      <c r="B103947" s="14" t="s">
        <v>1</v>
      </c>
      <c r="C103947" s="14" t="s">
        <v>59</v>
      </c>
      <c r="D103947" s="14" t="s">
        <v>31</v>
      </c>
      <c r="E103947" s="15">
        <v>45663</v>
      </c>
      <c r="F103947" s="14" t="s">
        <v>15</v>
      </c>
      <c r="G103947" s="16">
        <v>0.25990428613732125</v>
      </c>
    </row>
    <row r="103948" spans="1:7" x14ac:dyDescent="0.3">
      <c r="A103948" s="13" t="s">
        <v>507</v>
      </c>
      <c r="B103948" s="14" t="s">
        <v>1</v>
      </c>
      <c r="C103948" s="14" t="s">
        <v>59</v>
      </c>
      <c r="D103948" s="14" t="s">
        <v>31</v>
      </c>
      <c r="E103948" s="15">
        <v>45664</v>
      </c>
      <c r="F103948" s="14" t="s">
        <v>15</v>
      </c>
      <c r="G103948" s="16">
        <v>0.25286418317295062</v>
      </c>
    </row>
    <row r="103949" spans="1:7" x14ac:dyDescent="0.3">
      <c r="A103949" s="13" t="s">
        <v>507</v>
      </c>
      <c r="B103949" s="14" t="s">
        <v>1</v>
      </c>
      <c r="C103949" s="14" t="s">
        <v>59</v>
      </c>
      <c r="D103949" s="14" t="s">
        <v>31</v>
      </c>
      <c r="E103949" s="15">
        <v>45665</v>
      </c>
      <c r="F103949" s="14" t="s">
        <v>15</v>
      </c>
      <c r="G103949" s="16">
        <v>0.24923024088275247</v>
      </c>
    </row>
    <row r="103950" spans="1:7" x14ac:dyDescent="0.3">
      <c r="A103950" s="13" t="s">
        <v>507</v>
      </c>
      <c r="B103950" s="14" t="s">
        <v>1</v>
      </c>
      <c r="C103950" s="14" t="s">
        <v>59</v>
      </c>
      <c r="D103950" s="14" t="s">
        <v>31</v>
      </c>
      <c r="E103950" s="15">
        <v>45666</v>
      </c>
      <c r="F103950" s="14" t="s">
        <v>15</v>
      </c>
      <c r="G103950" s="16">
        <v>0.24561854109881076</v>
      </c>
    </row>
    <row r="103951" spans="1:7" x14ac:dyDescent="0.3">
      <c r="A103951" s="13" t="s">
        <v>507</v>
      </c>
      <c r="B103951" s="14" t="s">
        <v>1</v>
      </c>
      <c r="C103951" s="14" t="s">
        <v>59</v>
      </c>
      <c r="D103951" s="14" t="s">
        <v>31</v>
      </c>
      <c r="E103951" s="15">
        <v>45667</v>
      </c>
      <c r="F103951" s="14" t="s">
        <v>15</v>
      </c>
      <c r="G103951" s="16">
        <v>0.24201713438334585</v>
      </c>
    </row>
    <row r="103952" spans="1:7" x14ac:dyDescent="0.3">
      <c r="A103952" s="13" t="s">
        <v>507</v>
      </c>
      <c r="B103952" s="14" t="s">
        <v>1</v>
      </c>
      <c r="C103952" s="14" t="s">
        <v>59</v>
      </c>
      <c r="D103952" s="14" t="s">
        <v>31</v>
      </c>
      <c r="E103952" s="15">
        <v>45668</v>
      </c>
      <c r="F103952" s="14" t="s">
        <v>15</v>
      </c>
      <c r="G103952" s="16">
        <v>0.24201713438334585</v>
      </c>
    </row>
    <row r="103953" spans="1:7" x14ac:dyDescent="0.3">
      <c r="A103953" s="13" t="s">
        <v>507</v>
      </c>
      <c r="B103953" s="14" t="s">
        <v>1</v>
      </c>
      <c r="C103953" s="14" t="s">
        <v>59</v>
      </c>
      <c r="D103953" s="14" t="s">
        <v>31</v>
      </c>
      <c r="E103953" s="15">
        <v>45669</v>
      </c>
      <c r="F103953" s="14" t="s">
        <v>15</v>
      </c>
      <c r="G103953" s="16">
        <v>0.24201713438334585</v>
      </c>
    </row>
    <row r="103954" spans="1:7" x14ac:dyDescent="0.3">
      <c r="A103954" s="13" t="s">
        <v>507</v>
      </c>
      <c r="B103954" s="14" t="s">
        <v>1</v>
      </c>
      <c r="C103954" s="14" t="s">
        <v>59</v>
      </c>
      <c r="D103954" s="14" t="s">
        <v>31</v>
      </c>
      <c r="E103954" s="15">
        <v>45670</v>
      </c>
      <c r="F103954" s="14" t="s">
        <v>15</v>
      </c>
      <c r="G103954" s="16">
        <v>0.23841273260478685</v>
      </c>
    </row>
    <row r="103955" spans="1:7" x14ac:dyDescent="0.3">
      <c r="A103955" s="13" t="s">
        <v>507</v>
      </c>
      <c r="B103955" s="14" t="s">
        <v>1</v>
      </c>
      <c r="C103955" s="14" t="s">
        <v>59</v>
      </c>
      <c r="D103955" s="14" t="s">
        <v>31</v>
      </c>
      <c r="E103955" s="15">
        <v>45671</v>
      </c>
      <c r="F103955" s="14" t="s">
        <v>15</v>
      </c>
      <c r="G103955" s="16">
        <v>0.22763831539695142</v>
      </c>
    </row>
    <row r="103956" spans="1:7" x14ac:dyDescent="0.3">
      <c r="A103956" s="13" t="s">
        <v>507</v>
      </c>
      <c r="B103956" s="14" t="s">
        <v>1</v>
      </c>
      <c r="C103956" s="14" t="s">
        <v>59</v>
      </c>
      <c r="D103956" s="14" t="s">
        <v>31</v>
      </c>
      <c r="E103956" s="15">
        <v>45672</v>
      </c>
      <c r="F103956" s="14" t="s">
        <v>15</v>
      </c>
      <c r="G103956" s="16">
        <v>0.24757745885433391</v>
      </c>
    </row>
    <row r="103957" spans="1:7" x14ac:dyDescent="0.3">
      <c r="A103957" s="13" t="s">
        <v>507</v>
      </c>
      <c r="B103957" s="14" t="s">
        <v>1</v>
      </c>
      <c r="C103957" s="14" t="s">
        <v>59</v>
      </c>
      <c r="D103957" s="14" t="s">
        <v>31</v>
      </c>
      <c r="E103957" s="15">
        <v>45673</v>
      </c>
      <c r="F103957" s="14" t="s">
        <v>15</v>
      </c>
      <c r="G103957" s="16">
        <v>0.24400046727966188</v>
      </c>
    </row>
    <row r="103958" spans="1:7" x14ac:dyDescent="0.3">
      <c r="A103958" s="13" t="s">
        <v>507</v>
      </c>
      <c r="B103958" s="14" t="s">
        <v>1</v>
      </c>
      <c r="C103958" s="14" t="s">
        <v>59</v>
      </c>
      <c r="D103958" s="14" t="s">
        <v>31</v>
      </c>
      <c r="E103958" s="15">
        <v>45674</v>
      </c>
      <c r="F103958" s="14" t="s">
        <v>15</v>
      </c>
      <c r="G103958" s="16">
        <v>0.24038599423482421</v>
      </c>
    </row>
    <row r="103959" spans="1:7" x14ac:dyDescent="0.3">
      <c r="A103959" s="13" t="s">
        <v>507</v>
      </c>
      <c r="B103959" s="14" t="s">
        <v>1</v>
      </c>
      <c r="C103959" s="14" t="s">
        <v>59</v>
      </c>
      <c r="D103959" s="14" t="s">
        <v>31</v>
      </c>
      <c r="E103959" s="15">
        <v>45675</v>
      </c>
      <c r="F103959" s="14" t="s">
        <v>15</v>
      </c>
      <c r="G103959" s="16">
        <v>0.24038599423482421</v>
      </c>
    </row>
    <row r="103960" spans="1:7" x14ac:dyDescent="0.3">
      <c r="A103960" s="13" t="s">
        <v>507</v>
      </c>
      <c r="B103960" s="14" t="s">
        <v>1</v>
      </c>
      <c r="C103960" s="14" t="s">
        <v>59</v>
      </c>
      <c r="D103960" s="14" t="s">
        <v>31</v>
      </c>
      <c r="E103960" s="15">
        <v>45676</v>
      </c>
      <c r="F103960" s="14" t="s">
        <v>15</v>
      </c>
      <c r="G103960" s="16">
        <v>0.24038599423482421</v>
      </c>
    </row>
    <row r="103961" spans="1:7" x14ac:dyDescent="0.3">
      <c r="A103961" s="13" t="s">
        <v>507</v>
      </c>
      <c r="B103961" s="14" t="s">
        <v>1</v>
      </c>
      <c r="C103961" s="14" t="s">
        <v>59</v>
      </c>
      <c r="D103961" s="14" t="s">
        <v>31</v>
      </c>
      <c r="E103961" s="15">
        <v>45677</v>
      </c>
      <c r="F103961" s="14" t="s">
        <v>15</v>
      </c>
      <c r="G103961" s="16">
        <v>0.23675421974335806</v>
      </c>
    </row>
    <row r="103962" spans="1:7" x14ac:dyDescent="0.3">
      <c r="A103962" s="13" t="s">
        <v>507</v>
      </c>
      <c r="B103962" s="14" t="s">
        <v>1</v>
      </c>
      <c r="C103962" s="14" t="s">
        <v>59</v>
      </c>
      <c r="D103962" s="14" t="s">
        <v>31</v>
      </c>
      <c r="E103962" s="15">
        <v>45678</v>
      </c>
      <c r="F103962" s="14" t="s">
        <v>15</v>
      </c>
      <c r="G103962" s="16">
        <v>0.2257528335756748</v>
      </c>
    </row>
    <row r="103963" spans="1:7" x14ac:dyDescent="0.3">
      <c r="A103963" s="13" t="s">
        <v>507</v>
      </c>
      <c r="B103963" s="14" t="s">
        <v>1</v>
      </c>
      <c r="C103963" s="14" t="s">
        <v>59</v>
      </c>
      <c r="D103963" s="14" t="s">
        <v>31</v>
      </c>
      <c r="E103963" s="15">
        <v>45679</v>
      </c>
      <c r="F103963" s="14" t="s">
        <v>15</v>
      </c>
      <c r="G103963" s="16">
        <v>0.2220946850693431</v>
      </c>
    </row>
    <row r="103964" spans="1:7" x14ac:dyDescent="0.3">
      <c r="A103964" s="13" t="s">
        <v>507</v>
      </c>
      <c r="B103964" s="14" t="s">
        <v>1</v>
      </c>
      <c r="C103964" s="14" t="s">
        <v>59</v>
      </c>
      <c r="D103964" s="14" t="s">
        <v>31</v>
      </c>
      <c r="E103964" s="15">
        <v>45680</v>
      </c>
      <c r="F103964" s="14" t="s">
        <v>15</v>
      </c>
      <c r="G103964" s="16">
        <v>0.2184317653602332</v>
      </c>
    </row>
    <row r="103965" spans="1:7" x14ac:dyDescent="0.3">
      <c r="A103965" s="13" t="s">
        <v>507</v>
      </c>
      <c r="B103965" s="14" t="s">
        <v>1</v>
      </c>
      <c r="C103965" s="14" t="s">
        <v>59</v>
      </c>
      <c r="D103965" s="14" t="s">
        <v>31</v>
      </c>
      <c r="E103965" s="15">
        <v>45681</v>
      </c>
      <c r="F103965" s="14" t="s">
        <v>15</v>
      </c>
      <c r="G103965" s="16">
        <v>0.21474955467692758</v>
      </c>
    </row>
    <row r="103966" spans="1:7" x14ac:dyDescent="0.3">
      <c r="A103966" s="13" t="s">
        <v>507</v>
      </c>
      <c r="B103966" s="14" t="s">
        <v>1</v>
      </c>
      <c r="C103966" s="14" t="s">
        <v>59</v>
      </c>
      <c r="D103966" s="14" t="s">
        <v>31</v>
      </c>
      <c r="E103966" s="15">
        <v>45682</v>
      </c>
      <c r="F103966" s="14" t="s">
        <v>15</v>
      </c>
      <c r="G103966" s="16">
        <v>0.21474955467692758</v>
      </c>
    </row>
    <row r="103967" spans="1:7" x14ac:dyDescent="0.3">
      <c r="A103967" s="13" t="s">
        <v>507</v>
      </c>
      <c r="B103967" s="14" t="s">
        <v>1</v>
      </c>
      <c r="C103967" s="14" t="s">
        <v>59</v>
      </c>
      <c r="D103967" s="14" t="s">
        <v>31</v>
      </c>
      <c r="E103967" s="15">
        <v>45683</v>
      </c>
      <c r="F103967" s="14" t="s">
        <v>15</v>
      </c>
      <c r="G103967" s="16">
        <v>0.21474955467692758</v>
      </c>
    </row>
    <row r="103968" spans="1:7" x14ac:dyDescent="0.3">
      <c r="A103968" s="13" t="s">
        <v>507</v>
      </c>
      <c r="B103968" s="14" t="s">
        <v>1</v>
      </c>
      <c r="C103968" s="14" t="s">
        <v>59</v>
      </c>
      <c r="D103968" s="14" t="s">
        <v>31</v>
      </c>
      <c r="E103968" s="15">
        <v>45684</v>
      </c>
      <c r="F103968" s="14" t="s">
        <v>15</v>
      </c>
      <c r="G103968" s="16">
        <v>0.21106673663999823</v>
      </c>
    </row>
    <row r="103969" spans="1:7" x14ac:dyDescent="0.3">
      <c r="A103969" s="13" t="s">
        <v>507</v>
      </c>
      <c r="B103969" s="14" t="s">
        <v>1</v>
      </c>
      <c r="C103969" s="14" t="s">
        <v>59</v>
      </c>
      <c r="D103969" s="14" t="s">
        <v>31</v>
      </c>
      <c r="E103969" s="15">
        <v>45685</v>
      </c>
      <c r="F103969" s="14" t="s">
        <v>15</v>
      </c>
      <c r="G103969" s="16">
        <v>0.19993505352838858</v>
      </c>
    </row>
    <row r="103970" spans="1:7" x14ac:dyDescent="0.3">
      <c r="A103970" s="13" t="s">
        <v>507</v>
      </c>
      <c r="B103970" s="14" t="s">
        <v>1</v>
      </c>
      <c r="C103970" s="14" t="s">
        <v>59</v>
      </c>
      <c r="D103970" s="14" t="s">
        <v>31</v>
      </c>
      <c r="E103970" s="15">
        <v>45686</v>
      </c>
      <c r="F103970" s="14" t="s">
        <v>15</v>
      </c>
      <c r="G103970" s="16">
        <v>0.1962757725278492</v>
      </c>
    </row>
    <row r="103971" spans="1:7" x14ac:dyDescent="0.3">
      <c r="A103971" s="13" t="s">
        <v>507</v>
      </c>
      <c r="B103971" s="14" t="s">
        <v>1</v>
      </c>
      <c r="C103971" s="14" t="s">
        <v>59</v>
      </c>
      <c r="D103971" s="14" t="s">
        <v>31</v>
      </c>
      <c r="E103971" s="15">
        <v>45687</v>
      </c>
      <c r="F103971" s="14" t="s">
        <v>15</v>
      </c>
      <c r="G103971" s="16">
        <v>0.1926049382546822</v>
      </c>
    </row>
    <row r="103972" spans="1:7" x14ac:dyDescent="0.3">
      <c r="A103972" s="13" t="s">
        <v>507</v>
      </c>
      <c r="B103972" s="14" t="s">
        <v>1</v>
      </c>
      <c r="C103972" s="14" t="s">
        <v>59</v>
      </c>
      <c r="D103972" s="14" t="s">
        <v>31</v>
      </c>
      <c r="E103972" s="15">
        <v>45688</v>
      </c>
      <c r="F103972" s="14" t="s">
        <v>15</v>
      </c>
      <c r="G103972" s="16">
        <v>0.18892548209948209</v>
      </c>
    </row>
    <row r="103973" spans="1:7" x14ac:dyDescent="0.3">
      <c r="A103973" s="13" t="s">
        <v>507</v>
      </c>
      <c r="B103973" s="14" t="s">
        <v>1</v>
      </c>
      <c r="C103973" s="14" t="s">
        <v>59</v>
      </c>
      <c r="D103973" s="14" t="s">
        <v>31</v>
      </c>
      <c r="E103973" s="15">
        <v>45689</v>
      </c>
      <c r="F103973" s="14" t="s">
        <v>15</v>
      </c>
      <c r="G103973" s="16">
        <v>0.18892548209948209</v>
      </c>
    </row>
    <row r="103974" spans="1:7" x14ac:dyDescent="0.3">
      <c r="A103974" s="13" t="s">
        <v>507</v>
      </c>
      <c r="B103974" s="14" t="s">
        <v>1</v>
      </c>
      <c r="C103974" s="14" t="s">
        <v>59</v>
      </c>
      <c r="D103974" s="14" t="s">
        <v>31</v>
      </c>
      <c r="E103974" s="15">
        <v>45690</v>
      </c>
      <c r="F103974" s="14" t="s">
        <v>15</v>
      </c>
      <c r="G103974" s="16">
        <v>0.18892548209948209</v>
      </c>
    </row>
    <row r="103975" spans="1:7" x14ac:dyDescent="0.3">
      <c r="A103975" s="13" t="s">
        <v>507</v>
      </c>
      <c r="B103975" s="14" t="s">
        <v>1</v>
      </c>
      <c r="C103975" s="14" t="s">
        <v>59</v>
      </c>
      <c r="D103975" s="14" t="s">
        <v>31</v>
      </c>
      <c r="E103975" s="15">
        <v>45691</v>
      </c>
      <c r="F103975" s="14" t="s">
        <v>15</v>
      </c>
      <c r="G103975" s="16">
        <v>0.18892548209948209</v>
      </c>
    </row>
    <row r="103976" spans="1:7" x14ac:dyDescent="0.3">
      <c r="A103976" s="13" t="s">
        <v>507</v>
      </c>
      <c r="B103976" s="14" t="s">
        <v>1</v>
      </c>
      <c r="C103976" s="14" t="s">
        <v>59</v>
      </c>
      <c r="D103976" s="14" t="s">
        <v>31</v>
      </c>
      <c r="E103976" s="15">
        <v>45692</v>
      </c>
      <c r="F103976" s="14" t="s">
        <v>15</v>
      </c>
      <c r="G103976" s="16">
        <v>0.18524196343037488</v>
      </c>
    </row>
    <row r="103977" spans="1:7" x14ac:dyDescent="0.3">
      <c r="A103977" s="13" t="s">
        <v>507</v>
      </c>
      <c r="B103977" s="14" t="s">
        <v>1</v>
      </c>
      <c r="C103977" s="14" t="s">
        <v>59</v>
      </c>
      <c r="D103977" s="14" t="s">
        <v>31</v>
      </c>
      <c r="E103977" s="15">
        <v>45693</v>
      </c>
      <c r="F103977" s="14" t="s">
        <v>15</v>
      </c>
      <c r="G103977" s="16">
        <v>0.22283943140123516</v>
      </c>
    </row>
    <row r="103978" spans="1:7" x14ac:dyDescent="0.3">
      <c r="A103978" s="13" t="s">
        <v>507</v>
      </c>
      <c r="B103978" s="14" t="s">
        <v>1</v>
      </c>
      <c r="C103978" s="14" t="s">
        <v>59</v>
      </c>
      <c r="D103978" s="14" t="s">
        <v>31</v>
      </c>
      <c r="E103978" s="15">
        <v>45694</v>
      </c>
      <c r="F103978" s="14" t="s">
        <v>15</v>
      </c>
      <c r="G103978" s="16">
        <v>0.21916102660782219</v>
      </c>
    </row>
    <row r="103979" spans="1:7" x14ac:dyDescent="0.3">
      <c r="A103979" s="13" t="s">
        <v>507</v>
      </c>
      <c r="B103979" s="14" t="s">
        <v>1</v>
      </c>
      <c r="C103979" s="14" t="s">
        <v>59</v>
      </c>
      <c r="D103979" s="14" t="s">
        <v>31</v>
      </c>
      <c r="E103979" s="15">
        <v>45695</v>
      </c>
      <c r="F103979" s="14" t="s">
        <v>15</v>
      </c>
      <c r="G103979" s="16">
        <v>0.23544237191780332</v>
      </c>
    </row>
    <row r="103980" spans="1:7" x14ac:dyDescent="0.3">
      <c r="A103980" s="13" t="s">
        <v>507</v>
      </c>
      <c r="B103980" s="14" t="s">
        <v>1</v>
      </c>
      <c r="C103980" s="14" t="s">
        <v>59</v>
      </c>
      <c r="D103980" s="14" t="s">
        <v>31</v>
      </c>
      <c r="E103980" s="15">
        <v>45696</v>
      </c>
      <c r="F103980" s="14" t="s">
        <v>15</v>
      </c>
      <c r="G103980" s="16">
        <v>0.23544237191780332</v>
      </c>
    </row>
    <row r="103981" spans="1:7" x14ac:dyDescent="0.3">
      <c r="A103981" s="13" t="s">
        <v>507</v>
      </c>
      <c r="B103981" s="14" t="s">
        <v>1</v>
      </c>
      <c r="C103981" s="14" t="s">
        <v>59</v>
      </c>
      <c r="D103981" s="14" t="s">
        <v>31</v>
      </c>
      <c r="E103981" s="15">
        <v>45697</v>
      </c>
      <c r="F103981" s="14" t="s">
        <v>15</v>
      </c>
      <c r="G103981" s="16">
        <v>0.23544237191780332</v>
      </c>
    </row>
    <row r="103982" spans="1:7" x14ac:dyDescent="0.3">
      <c r="A103982" s="13" t="s">
        <v>507</v>
      </c>
      <c r="B103982" s="14" t="s">
        <v>1</v>
      </c>
      <c r="C103982" s="14" t="s">
        <v>59</v>
      </c>
      <c r="D103982" s="14" t="s">
        <v>31</v>
      </c>
      <c r="E103982" s="15">
        <v>45698</v>
      </c>
      <c r="F103982" s="14" t="s">
        <v>15</v>
      </c>
      <c r="G103982" s="16">
        <v>0.23174323760175464</v>
      </c>
    </row>
    <row r="103983" spans="1:7" x14ac:dyDescent="0.3">
      <c r="A103983" s="13" t="s">
        <v>507</v>
      </c>
      <c r="B103983" s="14" t="s">
        <v>1</v>
      </c>
      <c r="C103983" s="14" t="s">
        <v>59</v>
      </c>
      <c r="D103983" s="14" t="s">
        <v>31</v>
      </c>
      <c r="E103983" s="15">
        <v>45699</v>
      </c>
      <c r="F103983" s="14" t="s">
        <v>15</v>
      </c>
      <c r="G103983" s="16">
        <v>0.22063266582645991</v>
      </c>
    </row>
    <row r="103984" spans="1:7" x14ac:dyDescent="0.3">
      <c r="A103984" s="13" t="s">
        <v>507</v>
      </c>
      <c r="B103984" s="14" t="s">
        <v>1</v>
      </c>
      <c r="C103984" s="14" t="s">
        <v>59</v>
      </c>
      <c r="D103984" s="14" t="s">
        <v>31</v>
      </c>
      <c r="E103984" s="15">
        <v>45700</v>
      </c>
      <c r="F103984" s="14" t="s">
        <v>15</v>
      </c>
      <c r="G103984" s="16">
        <v>0.21694273108031642</v>
      </c>
    </row>
    <row r="103985" spans="1:7" x14ac:dyDescent="0.3">
      <c r="A103985" s="13" t="s">
        <v>507</v>
      </c>
      <c r="B103985" s="14" t="s">
        <v>1</v>
      </c>
      <c r="C103985" s="14" t="s">
        <v>59</v>
      </c>
      <c r="D103985" s="14" t="s">
        <v>31</v>
      </c>
      <c r="E103985" s="15">
        <v>45701</v>
      </c>
      <c r="F103985" s="14" t="s">
        <v>15</v>
      </c>
      <c r="G103985" s="16">
        <v>0.21325138702439986</v>
      </c>
    </row>
    <row r="103986" spans="1:7" x14ac:dyDescent="0.3">
      <c r="A103986" s="13" t="s">
        <v>507</v>
      </c>
      <c r="B103986" s="14" t="s">
        <v>1</v>
      </c>
      <c r="C103986" s="14" t="s">
        <v>59</v>
      </c>
      <c r="D103986" s="14" t="s">
        <v>31</v>
      </c>
      <c r="E103986" s="15">
        <v>45702</v>
      </c>
      <c r="F103986" s="14" t="s">
        <v>15</v>
      </c>
      <c r="G103986" s="16">
        <v>0.20957932323647774</v>
      </c>
    </row>
    <row r="103987" spans="1:7" x14ac:dyDescent="0.3">
      <c r="A103987" s="13" t="s">
        <v>507</v>
      </c>
      <c r="B103987" s="14" t="s">
        <v>1</v>
      </c>
      <c r="C103987" s="14" t="s">
        <v>59</v>
      </c>
      <c r="D103987" s="14" t="s">
        <v>31</v>
      </c>
      <c r="E103987" s="15">
        <v>45703</v>
      </c>
      <c r="F103987" s="14" t="s">
        <v>15</v>
      </c>
      <c r="G103987" s="16">
        <v>0.20957932323647774</v>
      </c>
    </row>
    <row r="103988" spans="1:7" x14ac:dyDescent="0.3">
      <c r="A103988" s="13" t="s">
        <v>507</v>
      </c>
      <c r="B103988" s="14" t="s">
        <v>1</v>
      </c>
      <c r="C103988" s="14" t="s">
        <v>59</v>
      </c>
      <c r="D103988" s="14" t="s">
        <v>31</v>
      </c>
      <c r="E103988" s="15">
        <v>45704</v>
      </c>
      <c r="F103988" s="14" t="s">
        <v>15</v>
      </c>
      <c r="G103988" s="16">
        <v>0.20957932323647774</v>
      </c>
    </row>
    <row r="103989" spans="1:7" x14ac:dyDescent="0.3">
      <c r="A103989" s="13" t="s">
        <v>507</v>
      </c>
      <c r="B103989" s="14" t="s">
        <v>1</v>
      </c>
      <c r="C103989" s="14" t="s">
        <v>59</v>
      </c>
      <c r="D103989" s="14" t="s">
        <v>31</v>
      </c>
      <c r="E103989" s="15">
        <v>45705</v>
      </c>
      <c r="F103989" s="14" t="s">
        <v>15</v>
      </c>
      <c r="G103989" s="16">
        <v>0.20587909638096313</v>
      </c>
    </row>
    <row r="103990" spans="1:7" x14ac:dyDescent="0.3">
      <c r="A103990" s="13" t="s">
        <v>507</v>
      </c>
      <c r="B103990" s="14" t="s">
        <v>1</v>
      </c>
      <c r="C103990" s="14" t="s">
        <v>59</v>
      </c>
      <c r="D103990" s="14" t="s">
        <v>31</v>
      </c>
      <c r="E103990" s="15">
        <v>45706</v>
      </c>
      <c r="F103990" s="14" t="s">
        <v>15</v>
      </c>
      <c r="G103990" s="16">
        <v>0.19467717202751111</v>
      </c>
    </row>
    <row r="103991" spans="1:7" x14ac:dyDescent="0.3">
      <c r="A103991" s="13" t="s">
        <v>507</v>
      </c>
      <c r="B103991" s="14" t="s">
        <v>1</v>
      </c>
      <c r="C103991" s="14" t="s">
        <v>59</v>
      </c>
      <c r="D103991" s="14" t="s">
        <v>31</v>
      </c>
      <c r="E103991" s="15">
        <v>45707</v>
      </c>
      <c r="F103991" s="14" t="s">
        <v>15</v>
      </c>
      <c r="G103991" s="16">
        <v>0.1975999263192996</v>
      </c>
    </row>
    <row r="103992" spans="1:7" x14ac:dyDescent="0.3">
      <c r="A103992" s="13" t="s">
        <v>507</v>
      </c>
      <c r="B103992" s="14" t="s">
        <v>1</v>
      </c>
      <c r="C103992" s="14" t="s">
        <v>59</v>
      </c>
      <c r="D103992" s="14" t="s">
        <v>31</v>
      </c>
      <c r="E103992" s="15">
        <v>45708</v>
      </c>
      <c r="F103992" s="14" t="s">
        <v>15</v>
      </c>
      <c r="G103992" s="16">
        <v>0.19388153570899738</v>
      </c>
    </row>
    <row r="103993" spans="1:7" x14ac:dyDescent="0.3">
      <c r="A103993" s="13" t="s">
        <v>507</v>
      </c>
      <c r="B103993" s="14" t="s">
        <v>1</v>
      </c>
      <c r="C103993" s="14" t="s">
        <v>59</v>
      </c>
      <c r="D103993" s="14" t="s">
        <v>31</v>
      </c>
      <c r="E103993" s="15">
        <v>45709</v>
      </c>
      <c r="F103993" s="14" t="s">
        <v>15</v>
      </c>
      <c r="G103993" s="16">
        <v>0.19016448388355445</v>
      </c>
    </row>
    <row r="103994" spans="1:7" x14ac:dyDescent="0.3">
      <c r="A103994" s="13" t="s">
        <v>507</v>
      </c>
      <c r="B103994" s="14" t="s">
        <v>1</v>
      </c>
      <c r="C103994" s="14" t="s">
        <v>59</v>
      </c>
      <c r="D103994" s="14" t="s">
        <v>31</v>
      </c>
      <c r="E103994" s="15">
        <v>45710</v>
      </c>
      <c r="F103994" s="14" t="s">
        <v>15</v>
      </c>
      <c r="G103994" s="16">
        <v>0.19016448388355445</v>
      </c>
    </row>
    <row r="103995" spans="1:7" x14ac:dyDescent="0.3">
      <c r="A103995" s="13" t="s">
        <v>507</v>
      </c>
      <c r="B103995" s="14" t="s">
        <v>1</v>
      </c>
      <c r="C103995" s="14" t="s">
        <v>59</v>
      </c>
      <c r="D103995" s="14" t="s">
        <v>31</v>
      </c>
      <c r="E103995" s="15">
        <v>45711</v>
      </c>
      <c r="F103995" s="14" t="s">
        <v>15</v>
      </c>
      <c r="G103995" s="16">
        <v>0.19016448388355445</v>
      </c>
    </row>
    <row r="103996" spans="1:7" x14ac:dyDescent="0.3">
      <c r="A103996" s="13" t="s">
        <v>507</v>
      </c>
      <c r="B103996" s="14" t="s">
        <v>1</v>
      </c>
      <c r="C103996" s="14" t="s">
        <v>59</v>
      </c>
      <c r="D103996" s="14" t="s">
        <v>31</v>
      </c>
      <c r="E103996" s="15">
        <v>45712</v>
      </c>
      <c r="F103996" s="14" t="s">
        <v>15</v>
      </c>
      <c r="G103996" s="16">
        <v>0.20260635032235308</v>
      </c>
    </row>
    <row r="103997" spans="1:7" x14ac:dyDescent="0.3">
      <c r="A103997" s="13" t="s">
        <v>507</v>
      </c>
      <c r="B103997" s="14" t="s">
        <v>1</v>
      </c>
      <c r="C103997" s="14" t="s">
        <v>59</v>
      </c>
      <c r="D103997" s="14" t="s">
        <v>31</v>
      </c>
      <c r="E103997" s="15">
        <v>45713</v>
      </c>
      <c r="F103997" s="14" t="s">
        <v>15</v>
      </c>
      <c r="G103997" s="16">
        <v>0.1914014242895673</v>
      </c>
    </row>
    <row r="103998" spans="1:7" x14ac:dyDescent="0.3">
      <c r="A103998" s="13" t="s">
        <v>507</v>
      </c>
      <c r="B103998" s="14" t="s">
        <v>1</v>
      </c>
      <c r="C103998" s="14" t="s">
        <v>59</v>
      </c>
      <c r="D103998" s="14" t="s">
        <v>31</v>
      </c>
      <c r="E103998" s="15">
        <v>45714</v>
      </c>
      <c r="F103998" s="14" t="s">
        <v>15</v>
      </c>
      <c r="G103998" s="16">
        <v>0.18770596625225699</v>
      </c>
    </row>
    <row r="103999" spans="1:7" x14ac:dyDescent="0.3">
      <c r="A103999" s="13" t="s">
        <v>507</v>
      </c>
      <c r="B103999" s="14" t="s">
        <v>1</v>
      </c>
      <c r="C103999" s="14" t="s">
        <v>59</v>
      </c>
      <c r="D103999" s="14" t="s">
        <v>31</v>
      </c>
      <c r="E103999" s="15">
        <v>45715</v>
      </c>
      <c r="F103999" s="14" t="s">
        <v>15</v>
      </c>
      <c r="G103999" s="16">
        <v>0.1840298261900199</v>
      </c>
    </row>
    <row r="104000" spans="1:7" x14ac:dyDescent="0.3">
      <c r="A104000" s="13" t="s">
        <v>507</v>
      </c>
      <c r="B104000" s="14" t="s">
        <v>1</v>
      </c>
      <c r="C104000" s="14" t="s">
        <v>59</v>
      </c>
      <c r="D104000" s="14" t="s">
        <v>31</v>
      </c>
      <c r="E104000" s="15">
        <v>45716</v>
      </c>
      <c r="F104000" s="14" t="s">
        <v>15</v>
      </c>
      <c r="G104000" s="16">
        <v>0.18032602055022159</v>
      </c>
    </row>
    <row r="104001" spans="1:7" x14ac:dyDescent="0.3">
      <c r="A104001" s="13" t="s">
        <v>507</v>
      </c>
      <c r="B104001" s="14" t="s">
        <v>1</v>
      </c>
      <c r="C104001" s="14" t="s">
        <v>59</v>
      </c>
      <c r="D104001" s="14" t="s">
        <v>31</v>
      </c>
      <c r="E104001" s="15">
        <v>45717</v>
      </c>
      <c r="F104001" s="14" t="s">
        <v>15</v>
      </c>
      <c r="G104001" s="16">
        <v>0.18032602055022159</v>
      </c>
    </row>
    <row r="104002" spans="1:7" x14ac:dyDescent="0.3">
      <c r="A104002" s="13" t="s">
        <v>507</v>
      </c>
      <c r="B104002" s="14" t="s">
        <v>1</v>
      </c>
      <c r="C104002" s="14" t="s">
        <v>59</v>
      </c>
      <c r="D104002" s="14" t="s">
        <v>31</v>
      </c>
      <c r="E104002" s="15">
        <v>45718</v>
      </c>
      <c r="F104002" s="14" t="s">
        <v>15</v>
      </c>
      <c r="G104002" s="16">
        <v>0.18032602055022159</v>
      </c>
    </row>
    <row r="104003" spans="1:7" x14ac:dyDescent="0.3">
      <c r="A104003" s="13" t="s">
        <v>507</v>
      </c>
      <c r="B104003" s="14" t="s">
        <v>1</v>
      </c>
      <c r="C104003" s="14" t="s">
        <v>59</v>
      </c>
      <c r="D104003" s="14" t="s">
        <v>31</v>
      </c>
      <c r="E104003" s="15">
        <v>45719</v>
      </c>
      <c r="F104003" s="14" t="s">
        <v>15</v>
      </c>
      <c r="G104003" s="16">
        <v>0.176637146749618</v>
      </c>
    </row>
    <row r="104004" spans="1:7" x14ac:dyDescent="0.3">
      <c r="A104004" s="13" t="s">
        <v>507</v>
      </c>
      <c r="B104004" s="14" t="s">
        <v>1</v>
      </c>
      <c r="C104004" s="14" t="s">
        <v>59</v>
      </c>
      <c r="D104004" s="14" t="s">
        <v>31</v>
      </c>
      <c r="E104004" s="15">
        <v>45720</v>
      </c>
      <c r="F104004" s="14" t="s">
        <v>15</v>
      </c>
      <c r="G104004" s="16">
        <v>0.16916166872395993</v>
      </c>
    </row>
    <row r="104005" spans="1:7" x14ac:dyDescent="0.3">
      <c r="A104005" s="13" t="s">
        <v>507</v>
      </c>
      <c r="B104005" s="14" t="s">
        <v>1</v>
      </c>
      <c r="C104005" s="14" t="s">
        <v>59</v>
      </c>
      <c r="D104005" s="14" t="s">
        <v>31</v>
      </c>
      <c r="E104005" s="15">
        <v>45721</v>
      </c>
      <c r="F104005" s="14" t="s">
        <v>15</v>
      </c>
      <c r="G104005" s="16">
        <v>0.16547180042434184</v>
      </c>
    </row>
    <row r="104006" spans="1:7" x14ac:dyDescent="0.3">
      <c r="A104006" s="13" t="s">
        <v>507</v>
      </c>
      <c r="B104006" s="14" t="s">
        <v>1</v>
      </c>
      <c r="C104006" s="14" t="s">
        <v>59</v>
      </c>
      <c r="D104006" s="14" t="s">
        <v>31</v>
      </c>
      <c r="E104006" s="15">
        <v>45722</v>
      </c>
      <c r="F104006" s="14" t="s">
        <v>15</v>
      </c>
      <c r="G104006" s="16">
        <v>0.16183465183894086</v>
      </c>
    </row>
    <row r="104007" spans="1:7" x14ac:dyDescent="0.3">
      <c r="A104007" s="13" t="s">
        <v>507</v>
      </c>
      <c r="B104007" s="14" t="s">
        <v>1</v>
      </c>
      <c r="C104007" s="14" t="s">
        <v>59</v>
      </c>
      <c r="D104007" s="14" t="s">
        <v>31</v>
      </c>
      <c r="E104007" s="15">
        <v>45723</v>
      </c>
      <c r="F104007" s="14" t="s">
        <v>15</v>
      </c>
      <c r="G104007" s="16">
        <v>0.15819366965407908</v>
      </c>
    </row>
    <row r="104008" spans="1:7" x14ac:dyDescent="0.3">
      <c r="A104008" s="13" t="s">
        <v>507</v>
      </c>
      <c r="B104008" s="14" t="s">
        <v>1</v>
      </c>
      <c r="C104008" s="14" t="s">
        <v>59</v>
      </c>
      <c r="D104008" s="14" t="s">
        <v>31</v>
      </c>
      <c r="E104008" s="15">
        <v>45724</v>
      </c>
      <c r="F104008" s="14" t="s">
        <v>15</v>
      </c>
      <c r="G104008" s="16">
        <v>0.15819366965407908</v>
      </c>
    </row>
    <row r="104009" spans="1:7" x14ac:dyDescent="0.3">
      <c r="A104009" s="13" t="s">
        <v>507</v>
      </c>
      <c r="B104009" s="14" t="s">
        <v>1</v>
      </c>
      <c r="C104009" s="14" t="s">
        <v>59</v>
      </c>
      <c r="D104009" s="14" t="s">
        <v>31</v>
      </c>
      <c r="E104009" s="15">
        <v>45725</v>
      </c>
      <c r="F104009" s="14" t="s">
        <v>15</v>
      </c>
      <c r="G104009" s="16">
        <v>0.15819366965407908</v>
      </c>
    </row>
    <row r="104010" spans="1:7" x14ac:dyDescent="0.3">
      <c r="A104010" s="13" t="s">
        <v>507</v>
      </c>
      <c r="B104010" s="14" t="s">
        <v>1</v>
      </c>
      <c r="C104010" s="14" t="s">
        <v>59</v>
      </c>
      <c r="D104010" s="14" t="s">
        <v>31</v>
      </c>
      <c r="E104010" s="15">
        <v>45726</v>
      </c>
      <c r="F104010" s="14" t="s">
        <v>15</v>
      </c>
      <c r="G104010" s="16">
        <v>0.1545444375378516</v>
      </c>
    </row>
    <row r="104011" spans="1:7" x14ac:dyDescent="0.3">
      <c r="A104011" s="13" t="s">
        <v>507</v>
      </c>
      <c r="B104011" s="14" t="s">
        <v>1</v>
      </c>
      <c r="C104011" s="14" t="s">
        <v>59</v>
      </c>
      <c r="D104011" s="14" t="s">
        <v>31</v>
      </c>
      <c r="E104011" s="15">
        <v>45727</v>
      </c>
      <c r="F104011" s="14" t="s">
        <v>15</v>
      </c>
      <c r="G104011" s="16">
        <v>0.14360942096649409</v>
      </c>
    </row>
    <row r="104012" spans="1:7" x14ac:dyDescent="0.3">
      <c r="A104012" s="13" t="s">
        <v>507</v>
      </c>
      <c r="B104012" s="14" t="s">
        <v>1</v>
      </c>
      <c r="C104012" s="14" t="s">
        <v>59</v>
      </c>
      <c r="D104012" s="14" t="s">
        <v>31</v>
      </c>
      <c r="E104012" s="15">
        <v>45728</v>
      </c>
      <c r="F104012" s="14" t="s">
        <v>15</v>
      </c>
      <c r="G104012" s="16">
        <v>0.13999431064774262</v>
      </c>
    </row>
    <row r="104013" spans="1:7" x14ac:dyDescent="0.3">
      <c r="A104013" s="13" t="s">
        <v>507</v>
      </c>
      <c r="B104013" s="14" t="s">
        <v>1</v>
      </c>
      <c r="C104013" s="14" t="s">
        <v>59</v>
      </c>
      <c r="D104013" s="14" t="s">
        <v>31</v>
      </c>
      <c r="E104013" s="15">
        <v>45729</v>
      </c>
      <c r="F104013" s="14" t="s">
        <v>15</v>
      </c>
      <c r="G104013" s="16">
        <v>0.13643971654515022</v>
      </c>
    </row>
    <row r="104014" spans="1:7" x14ac:dyDescent="0.3">
      <c r="A104014" s="13" t="s">
        <v>507</v>
      </c>
      <c r="B104014" s="14" t="s">
        <v>1</v>
      </c>
      <c r="C104014" s="14" t="s">
        <v>59</v>
      </c>
      <c r="D104014" s="14" t="s">
        <v>31</v>
      </c>
      <c r="E104014" s="15">
        <v>45730</v>
      </c>
      <c r="F104014" s="14" t="s">
        <v>15</v>
      </c>
      <c r="G104014" s="16">
        <v>0.15240675871228429</v>
      </c>
    </row>
    <row r="104015" spans="1:7" x14ac:dyDescent="0.3">
      <c r="A104015" s="13" t="s">
        <v>507</v>
      </c>
      <c r="B104015" s="14" t="s">
        <v>1</v>
      </c>
      <c r="C104015" s="14" t="s">
        <v>59</v>
      </c>
      <c r="D104015" s="14" t="s">
        <v>31</v>
      </c>
      <c r="E104015" s="15">
        <v>45731</v>
      </c>
      <c r="F104015" s="14" t="s">
        <v>15</v>
      </c>
      <c r="G104015" s="16">
        <v>0.15240675871228429</v>
      </c>
    </row>
    <row r="104016" spans="1:7" x14ac:dyDescent="0.3">
      <c r="A104016" s="13" t="s">
        <v>507</v>
      </c>
      <c r="B104016" s="14" t="s">
        <v>1</v>
      </c>
      <c r="C104016" s="14" t="s">
        <v>59</v>
      </c>
      <c r="D104016" s="14" t="s">
        <v>31</v>
      </c>
      <c r="E104016" s="15">
        <v>45732</v>
      </c>
      <c r="F104016" s="14" t="s">
        <v>15</v>
      </c>
      <c r="G104016" s="16">
        <v>0.15240675871228429</v>
      </c>
    </row>
    <row r="104017" spans="1:7" x14ac:dyDescent="0.3">
      <c r="A104017" s="13" t="s">
        <v>507</v>
      </c>
      <c r="B104017" s="14" t="s">
        <v>1</v>
      </c>
      <c r="C104017" s="14" t="s">
        <v>59</v>
      </c>
      <c r="D104017" s="14" t="s">
        <v>31</v>
      </c>
      <c r="E104017" s="15">
        <v>45733</v>
      </c>
      <c r="F104017" s="14" t="s">
        <v>15</v>
      </c>
      <c r="G104017" s="16">
        <v>0.15240675871228429</v>
      </c>
    </row>
    <row r="104018" spans="1:7" x14ac:dyDescent="0.3">
      <c r="A104018" s="13" t="s">
        <v>507</v>
      </c>
      <c r="B104018" s="14" t="s">
        <v>1</v>
      </c>
      <c r="C104018" s="14" t="s">
        <v>59</v>
      </c>
      <c r="D104018" s="14" t="s">
        <v>31</v>
      </c>
      <c r="E104018" s="15">
        <v>45734</v>
      </c>
      <c r="F104018" s="14" t="s">
        <v>15</v>
      </c>
      <c r="G104018" s="16">
        <v>0.1488554763434603</v>
      </c>
    </row>
    <row r="104019" spans="1:7" x14ac:dyDescent="0.3">
      <c r="A104019" s="13" t="s">
        <v>507</v>
      </c>
      <c r="B104019" s="14" t="s">
        <v>1</v>
      </c>
      <c r="C104019" s="14" t="s">
        <v>59</v>
      </c>
      <c r="D104019" s="14" t="s">
        <v>31</v>
      </c>
      <c r="E104019" s="15">
        <v>45735</v>
      </c>
      <c r="F104019" s="14" t="s">
        <v>15</v>
      </c>
      <c r="G104019" s="16">
        <v>0.13446522748550951</v>
      </c>
    </row>
    <row r="104020" spans="1:7" x14ac:dyDescent="0.3">
      <c r="A104020" s="13" t="s">
        <v>507</v>
      </c>
      <c r="B104020" s="14" t="s">
        <v>1</v>
      </c>
      <c r="C104020" s="14" t="s">
        <v>59</v>
      </c>
      <c r="D104020" s="14" t="s">
        <v>31</v>
      </c>
      <c r="E104020" s="15">
        <v>45736</v>
      </c>
      <c r="F104020" s="14" t="s">
        <v>15</v>
      </c>
      <c r="G104020" s="16">
        <v>0.13087391512383909</v>
      </c>
    </row>
    <row r="104021" spans="1:7" x14ac:dyDescent="0.3">
      <c r="A104021" s="13" t="s">
        <v>507</v>
      </c>
      <c r="B104021" s="14" t="s">
        <v>1</v>
      </c>
      <c r="C104021" s="14" t="s">
        <v>59</v>
      </c>
      <c r="D104021" s="14" t="s">
        <v>31</v>
      </c>
      <c r="E104021" s="15">
        <v>45737</v>
      </c>
      <c r="F104021" s="14" t="s">
        <v>15</v>
      </c>
      <c r="G104021" s="16">
        <v>0.15980465857776757</v>
      </c>
    </row>
    <row r="104022" spans="1:7" x14ac:dyDescent="0.3">
      <c r="A104022" s="13" t="s">
        <v>507</v>
      </c>
      <c r="B104022" s="14" t="s">
        <v>1</v>
      </c>
      <c r="C104022" s="14" t="s">
        <v>59</v>
      </c>
      <c r="D104022" s="14" t="s">
        <v>31</v>
      </c>
      <c r="E104022" s="15">
        <v>45738</v>
      </c>
      <c r="F104022" s="14" t="s">
        <v>15</v>
      </c>
      <c r="G104022" s="16">
        <v>0.15980465857776757</v>
      </c>
    </row>
    <row r="104023" spans="1:7" x14ac:dyDescent="0.3">
      <c r="A104023" s="13" t="s">
        <v>507</v>
      </c>
      <c r="B104023" s="14" t="s">
        <v>1</v>
      </c>
      <c r="C104023" s="14" t="s">
        <v>59</v>
      </c>
      <c r="D104023" s="14" t="s">
        <v>31</v>
      </c>
      <c r="E104023" s="15">
        <v>45739</v>
      </c>
      <c r="F104023" s="14" t="s">
        <v>15</v>
      </c>
      <c r="G104023" s="16">
        <v>0.15980465857776757</v>
      </c>
    </row>
    <row r="104024" spans="1:7" x14ac:dyDescent="0.3">
      <c r="A104024" s="13" t="s">
        <v>507</v>
      </c>
      <c r="B104024" s="14" t="s">
        <v>1</v>
      </c>
      <c r="C104024" s="14" t="s">
        <v>59</v>
      </c>
      <c r="D104024" s="14" t="s">
        <v>31</v>
      </c>
      <c r="E104024" s="15">
        <v>45740</v>
      </c>
      <c r="F104024" s="14" t="s">
        <v>15</v>
      </c>
      <c r="G104024" s="16">
        <v>0.15620002281622339</v>
      </c>
    </row>
    <row r="104025" spans="1:7" x14ac:dyDescent="0.3">
      <c r="A104025" s="13" t="s">
        <v>507</v>
      </c>
      <c r="B104025" s="14" t="s">
        <v>1</v>
      </c>
      <c r="C104025" s="14" t="s">
        <v>59</v>
      </c>
      <c r="D104025" s="14" t="s">
        <v>31</v>
      </c>
      <c r="E104025" s="15">
        <v>45741</v>
      </c>
      <c r="F104025" s="14" t="s">
        <v>15</v>
      </c>
      <c r="G104025" s="16">
        <v>0.14536800717401879</v>
      </c>
    </row>
    <row r="104026" spans="1:7" x14ac:dyDescent="0.3">
      <c r="A104026" s="13" t="s">
        <v>507</v>
      </c>
      <c r="B104026" s="14" t="s">
        <v>1</v>
      </c>
      <c r="C104026" s="14" t="s">
        <v>59</v>
      </c>
      <c r="D104026" s="14" t="s">
        <v>31</v>
      </c>
      <c r="E104026" s="15">
        <v>45742</v>
      </c>
      <c r="F104026" s="14" t="s">
        <v>15</v>
      </c>
      <c r="G104026" s="16">
        <v>0.14174998758799118</v>
      </c>
    </row>
    <row r="104027" spans="1:7" x14ac:dyDescent="0.3">
      <c r="A104027" s="13" t="s">
        <v>507</v>
      </c>
      <c r="B104027" s="14" t="s">
        <v>1</v>
      </c>
      <c r="C104027" s="14" t="s">
        <v>59</v>
      </c>
      <c r="D104027" s="14" t="s">
        <v>31</v>
      </c>
      <c r="E104027" s="15">
        <v>45743</v>
      </c>
      <c r="F104027" s="14" t="s">
        <v>15</v>
      </c>
      <c r="G104027" s="16">
        <v>0.13813103155275014</v>
      </c>
    </row>
    <row r="104028" spans="1:7" x14ac:dyDescent="0.3">
      <c r="A104028" s="13" t="s">
        <v>507</v>
      </c>
      <c r="B104028" s="14" t="s">
        <v>1</v>
      </c>
      <c r="C104028" s="14" t="s">
        <v>59</v>
      </c>
      <c r="D104028" s="14" t="s">
        <v>31</v>
      </c>
      <c r="E104028" s="15">
        <v>45744</v>
      </c>
      <c r="F104028" s="14" t="s">
        <v>15</v>
      </c>
      <c r="G104028" s="16">
        <v>0.13452129041063424</v>
      </c>
    </row>
    <row r="104029" spans="1:7" x14ac:dyDescent="0.3">
      <c r="A104029" s="13" t="s">
        <v>507</v>
      </c>
      <c r="B104029" s="14" t="s">
        <v>1</v>
      </c>
      <c r="C104029" s="14" t="s">
        <v>59</v>
      </c>
      <c r="D104029" s="14" t="s">
        <v>31</v>
      </c>
      <c r="E104029" s="15">
        <v>45745</v>
      </c>
      <c r="F104029" s="14" t="s">
        <v>15</v>
      </c>
      <c r="G104029" s="16">
        <v>0.13452129041063424</v>
      </c>
    </row>
    <row r="104030" spans="1:7" x14ac:dyDescent="0.3">
      <c r="A104030" s="13" t="s">
        <v>507</v>
      </c>
      <c r="B104030" s="14" t="s">
        <v>1</v>
      </c>
      <c r="C104030" s="14" t="s">
        <v>59</v>
      </c>
      <c r="D104030" s="14" t="s">
        <v>31</v>
      </c>
      <c r="E104030" s="15">
        <v>45746</v>
      </c>
      <c r="F104030" s="14" t="s">
        <v>15</v>
      </c>
      <c r="G104030" s="16">
        <v>0.13452129041063424</v>
      </c>
    </row>
    <row r="104031" spans="1:7" x14ac:dyDescent="0.3">
      <c r="A104031" s="13" t="s">
        <v>507</v>
      </c>
      <c r="B104031" s="14" t="s">
        <v>1</v>
      </c>
      <c r="C104031" s="14" t="s">
        <v>59</v>
      </c>
      <c r="D104031" s="14" t="s">
        <v>31</v>
      </c>
      <c r="E104031" s="15">
        <v>45747</v>
      </c>
      <c r="F104031" s="14" t="s">
        <v>15</v>
      </c>
      <c r="G104031" s="16">
        <v>0.13091544452302542</v>
      </c>
    </row>
    <row r="104032" spans="1:7" x14ac:dyDescent="0.3">
      <c r="A104032" s="13" t="s">
        <v>508</v>
      </c>
      <c r="B104032" s="14" t="s">
        <v>1</v>
      </c>
      <c r="C104032" s="14" t="s">
        <v>238</v>
      </c>
      <c r="D104032" s="14" t="s">
        <v>183</v>
      </c>
      <c r="E104032" s="15">
        <v>45383</v>
      </c>
      <c r="F104032" s="14" t="s">
        <v>61</v>
      </c>
      <c r="G104032" s="16">
        <v>0</v>
      </c>
    </row>
    <row r="104033" spans="1:7" x14ac:dyDescent="0.3">
      <c r="A104033" s="13" t="s">
        <v>508</v>
      </c>
      <c r="B104033" s="14" t="s">
        <v>1</v>
      </c>
      <c r="C104033" s="14" t="s">
        <v>238</v>
      </c>
      <c r="D104033" s="14" t="s">
        <v>183</v>
      </c>
      <c r="E104033" s="15">
        <v>45384</v>
      </c>
      <c r="F104033" s="14" t="s">
        <v>61</v>
      </c>
      <c r="G104033" s="16">
        <v>0</v>
      </c>
    </row>
    <row r="104034" spans="1:7" x14ac:dyDescent="0.3">
      <c r="A104034" s="13" t="s">
        <v>508</v>
      </c>
      <c r="B104034" s="14" t="s">
        <v>1</v>
      </c>
      <c r="C104034" s="14" t="s">
        <v>238</v>
      </c>
      <c r="D104034" s="14" t="s">
        <v>183</v>
      </c>
      <c r="E104034" s="15">
        <v>45385</v>
      </c>
      <c r="F104034" s="14" t="s">
        <v>61</v>
      </c>
      <c r="G104034" s="16">
        <v>3.8354483825112223E-2</v>
      </c>
    </row>
    <row r="104035" spans="1:7" x14ac:dyDescent="0.3">
      <c r="A104035" s="13" t="s">
        <v>508</v>
      </c>
      <c r="B104035" s="14" t="s">
        <v>1</v>
      </c>
      <c r="C104035" s="14" t="s">
        <v>238</v>
      </c>
      <c r="D104035" s="14" t="s">
        <v>183</v>
      </c>
      <c r="E104035" s="15">
        <v>45386</v>
      </c>
      <c r="F104035" s="14" t="s">
        <v>61</v>
      </c>
      <c r="G104035" s="16">
        <v>4.6747577228140942E-2</v>
      </c>
    </row>
    <row r="104036" spans="1:7" x14ac:dyDescent="0.3">
      <c r="A104036" s="13" t="s">
        <v>508</v>
      </c>
      <c r="B104036" s="14" t="s">
        <v>1</v>
      </c>
      <c r="C104036" s="14" t="s">
        <v>238</v>
      </c>
      <c r="D104036" s="14" t="s">
        <v>183</v>
      </c>
      <c r="E104036" s="15">
        <v>45387</v>
      </c>
      <c r="F104036" s="14" t="s">
        <v>61</v>
      </c>
      <c r="G104036" s="16">
        <v>5.4179543893043726E-2</v>
      </c>
    </row>
    <row r="104037" spans="1:7" x14ac:dyDescent="0.3">
      <c r="A104037" s="13" t="s">
        <v>508</v>
      </c>
      <c r="B104037" s="14" t="s">
        <v>1</v>
      </c>
      <c r="C104037" s="14" t="s">
        <v>238</v>
      </c>
      <c r="D104037" s="14" t="s">
        <v>183</v>
      </c>
      <c r="E104037" s="15">
        <v>45388</v>
      </c>
      <c r="F104037" s="14" t="s">
        <v>61</v>
      </c>
      <c r="G104037" s="16">
        <v>5.4179543893043726E-2</v>
      </c>
    </row>
    <row r="104038" spans="1:7" x14ac:dyDescent="0.3">
      <c r="A104038" s="13" t="s">
        <v>508</v>
      </c>
      <c r="B104038" s="14" t="s">
        <v>1</v>
      </c>
      <c r="C104038" s="14" t="s">
        <v>238</v>
      </c>
      <c r="D104038" s="14" t="s">
        <v>183</v>
      </c>
      <c r="E104038" s="15">
        <v>45389</v>
      </c>
      <c r="F104038" s="14" t="s">
        <v>61</v>
      </c>
      <c r="G104038" s="16">
        <v>5.4179543893043726E-2</v>
      </c>
    </row>
    <row r="104039" spans="1:7" x14ac:dyDescent="0.3">
      <c r="A104039" s="13" t="s">
        <v>508</v>
      </c>
      <c r="B104039" s="14" t="s">
        <v>1</v>
      </c>
      <c r="C104039" s="14" t="s">
        <v>238</v>
      </c>
      <c r="D104039" s="14" t="s">
        <v>183</v>
      </c>
      <c r="E104039" s="15">
        <v>45390</v>
      </c>
      <c r="F104039" s="14" t="s">
        <v>61</v>
      </c>
      <c r="G104039" s="16">
        <v>6.2089676880830884E-2</v>
      </c>
    </row>
    <row r="104040" spans="1:7" x14ac:dyDescent="0.3">
      <c r="A104040" s="13" t="s">
        <v>508</v>
      </c>
      <c r="B104040" s="14" t="s">
        <v>1</v>
      </c>
      <c r="C104040" s="14" t="s">
        <v>238</v>
      </c>
      <c r="D104040" s="14" t="s">
        <v>183</v>
      </c>
      <c r="E104040" s="15">
        <v>45391</v>
      </c>
      <c r="F104040" s="14" t="s">
        <v>61</v>
      </c>
      <c r="G104040" s="16">
        <v>8.4360247186077986E-2</v>
      </c>
    </row>
    <row r="104041" spans="1:7" x14ac:dyDescent="0.3">
      <c r="A104041" s="13" t="s">
        <v>508</v>
      </c>
      <c r="B104041" s="14" t="s">
        <v>1</v>
      </c>
      <c r="C104041" s="14" t="s">
        <v>238</v>
      </c>
      <c r="D104041" s="14" t="s">
        <v>183</v>
      </c>
      <c r="E104041" s="15">
        <v>45392</v>
      </c>
      <c r="F104041" s="14" t="s">
        <v>61</v>
      </c>
      <c r="G104041" s="16">
        <v>9.1804554199826097E-2</v>
      </c>
    </row>
    <row r="104042" spans="1:7" x14ac:dyDescent="0.3">
      <c r="A104042" s="13" t="s">
        <v>508</v>
      </c>
      <c r="B104042" s="14" t="s">
        <v>1</v>
      </c>
      <c r="C104042" s="14" t="s">
        <v>238</v>
      </c>
      <c r="D104042" s="14" t="s">
        <v>183</v>
      </c>
      <c r="E104042" s="15">
        <v>45393</v>
      </c>
      <c r="F104042" s="14" t="s">
        <v>61</v>
      </c>
      <c r="G104042" s="16">
        <v>9.9187337028323774E-2</v>
      </c>
    </row>
    <row r="104043" spans="1:7" x14ac:dyDescent="0.3">
      <c r="A104043" s="13" t="s">
        <v>508</v>
      </c>
      <c r="B104043" s="14" t="s">
        <v>1</v>
      </c>
      <c r="C104043" s="14" t="s">
        <v>238</v>
      </c>
      <c r="D104043" s="14" t="s">
        <v>183</v>
      </c>
      <c r="E104043" s="15">
        <v>45394</v>
      </c>
      <c r="F104043" s="14" t="s">
        <v>61</v>
      </c>
      <c r="G104043" s="16">
        <v>0.10658867476983348</v>
      </c>
    </row>
    <row r="104044" spans="1:7" x14ac:dyDescent="0.3">
      <c r="A104044" s="13" t="s">
        <v>508</v>
      </c>
      <c r="B104044" s="14" t="s">
        <v>1</v>
      </c>
      <c r="C104044" s="14" t="s">
        <v>238</v>
      </c>
      <c r="D104044" s="14" t="s">
        <v>183</v>
      </c>
      <c r="E104044" s="15">
        <v>45395</v>
      </c>
      <c r="F104044" s="14" t="s">
        <v>61</v>
      </c>
      <c r="G104044" s="16">
        <v>0.10658867476983348</v>
      </c>
    </row>
    <row r="104045" spans="1:7" x14ac:dyDescent="0.3">
      <c r="A104045" s="13" t="s">
        <v>508</v>
      </c>
      <c r="B104045" s="14" t="s">
        <v>1</v>
      </c>
      <c r="C104045" s="14" t="s">
        <v>238</v>
      </c>
      <c r="D104045" s="14" t="s">
        <v>183</v>
      </c>
      <c r="E104045" s="15">
        <v>45396</v>
      </c>
      <c r="F104045" s="14" t="s">
        <v>61</v>
      </c>
      <c r="G104045" s="16">
        <v>0.10658867476983348</v>
      </c>
    </row>
    <row r="104046" spans="1:7" x14ac:dyDescent="0.3">
      <c r="A104046" s="13" t="s">
        <v>508</v>
      </c>
      <c r="B104046" s="14" t="s">
        <v>1</v>
      </c>
      <c r="C104046" s="14" t="s">
        <v>238</v>
      </c>
      <c r="D104046" s="14" t="s">
        <v>183</v>
      </c>
      <c r="E104046" s="15">
        <v>45397</v>
      </c>
      <c r="F104046" s="14" t="s">
        <v>61</v>
      </c>
      <c r="G104046" s="16">
        <v>0.11399294223445035</v>
      </c>
    </row>
    <row r="104047" spans="1:7" x14ac:dyDescent="0.3">
      <c r="A104047" s="13" t="s">
        <v>508</v>
      </c>
      <c r="B104047" s="14" t="s">
        <v>1</v>
      </c>
      <c r="C104047" s="14" t="s">
        <v>238</v>
      </c>
      <c r="D104047" s="14" t="s">
        <v>183</v>
      </c>
      <c r="E104047" s="15">
        <v>45398</v>
      </c>
      <c r="F104047" s="14" t="s">
        <v>61</v>
      </c>
      <c r="G104047" s="16">
        <v>0.13604014334764822</v>
      </c>
    </row>
    <row r="104048" spans="1:7" x14ac:dyDescent="0.3">
      <c r="A104048" s="13" t="s">
        <v>508</v>
      </c>
      <c r="B104048" s="14" t="s">
        <v>1</v>
      </c>
      <c r="C104048" s="14" t="s">
        <v>238</v>
      </c>
      <c r="D104048" s="14" t="s">
        <v>183</v>
      </c>
      <c r="E104048" s="15">
        <v>45399</v>
      </c>
      <c r="F104048" s="14" t="s">
        <v>61</v>
      </c>
      <c r="G104048" s="16">
        <v>0.14344281278147938</v>
      </c>
    </row>
    <row r="104049" spans="1:7" x14ac:dyDescent="0.3">
      <c r="A104049" s="13" t="s">
        <v>508</v>
      </c>
      <c r="B104049" s="14" t="s">
        <v>1</v>
      </c>
      <c r="C104049" s="14" t="s">
        <v>238</v>
      </c>
      <c r="D104049" s="14" t="s">
        <v>183</v>
      </c>
      <c r="E104049" s="15">
        <v>45400</v>
      </c>
      <c r="F104049" s="14" t="s">
        <v>61</v>
      </c>
      <c r="G104049" s="16">
        <v>0.15088188180542983</v>
      </c>
    </row>
    <row r="104050" spans="1:7" x14ac:dyDescent="0.3">
      <c r="A104050" s="13" t="s">
        <v>508</v>
      </c>
      <c r="B104050" s="14" t="s">
        <v>1</v>
      </c>
      <c r="C104050" s="14" t="s">
        <v>238</v>
      </c>
      <c r="D104050" s="14" t="s">
        <v>183</v>
      </c>
      <c r="E104050" s="15">
        <v>45401</v>
      </c>
      <c r="F104050" s="14" t="s">
        <v>61</v>
      </c>
      <c r="G104050" s="16">
        <v>0.15838913347623793</v>
      </c>
    </row>
    <row r="104051" spans="1:7" x14ac:dyDescent="0.3">
      <c r="A104051" s="13" t="s">
        <v>508</v>
      </c>
      <c r="B104051" s="14" t="s">
        <v>1</v>
      </c>
      <c r="C104051" s="14" t="s">
        <v>238</v>
      </c>
      <c r="D104051" s="14" t="s">
        <v>183</v>
      </c>
      <c r="E104051" s="15">
        <v>45402</v>
      </c>
      <c r="F104051" s="14" t="s">
        <v>61</v>
      </c>
      <c r="G104051" s="16">
        <v>0.15838913347623793</v>
      </c>
    </row>
    <row r="104052" spans="1:7" x14ac:dyDescent="0.3">
      <c r="A104052" s="13" t="s">
        <v>508</v>
      </c>
      <c r="B104052" s="14" t="s">
        <v>1</v>
      </c>
      <c r="C104052" s="14" t="s">
        <v>238</v>
      </c>
      <c r="D104052" s="14" t="s">
        <v>183</v>
      </c>
      <c r="E104052" s="15">
        <v>45403</v>
      </c>
      <c r="F104052" s="14" t="s">
        <v>61</v>
      </c>
      <c r="G104052" s="16">
        <v>0.15838913347623793</v>
      </c>
    </row>
    <row r="104053" spans="1:7" x14ac:dyDescent="0.3">
      <c r="A104053" s="13" t="s">
        <v>508</v>
      </c>
      <c r="B104053" s="14" t="s">
        <v>1</v>
      </c>
      <c r="C104053" s="14" t="s">
        <v>238</v>
      </c>
      <c r="D104053" s="14" t="s">
        <v>183</v>
      </c>
      <c r="E104053" s="15">
        <v>45404</v>
      </c>
      <c r="F104053" s="14" t="s">
        <v>61</v>
      </c>
      <c r="G104053" s="16">
        <v>0.16586726547495056</v>
      </c>
    </row>
    <row r="104054" spans="1:7" x14ac:dyDescent="0.3">
      <c r="A104054" s="13" t="s">
        <v>508</v>
      </c>
      <c r="B104054" s="14" t="s">
        <v>1</v>
      </c>
      <c r="C104054" s="14" t="s">
        <v>238</v>
      </c>
      <c r="D104054" s="14" t="s">
        <v>183</v>
      </c>
      <c r="E104054" s="15">
        <v>45405</v>
      </c>
      <c r="F104054" s="14" t="s">
        <v>61</v>
      </c>
      <c r="G104054" s="16">
        <v>0.18827224792517483</v>
      </c>
    </row>
    <row r="104055" spans="1:7" x14ac:dyDescent="0.3">
      <c r="A104055" s="13" t="s">
        <v>508</v>
      </c>
      <c r="B104055" s="14" t="s">
        <v>1</v>
      </c>
      <c r="C104055" s="14" t="s">
        <v>238</v>
      </c>
      <c r="D104055" s="14" t="s">
        <v>183</v>
      </c>
      <c r="E104055" s="15">
        <v>45406</v>
      </c>
      <c r="F104055" s="14" t="s">
        <v>61</v>
      </c>
      <c r="G104055" s="16">
        <v>0.1960983955172233</v>
      </c>
    </row>
    <row r="104056" spans="1:7" x14ac:dyDescent="0.3">
      <c r="A104056" s="13" t="s">
        <v>508</v>
      </c>
      <c r="B104056" s="14" t="s">
        <v>1</v>
      </c>
      <c r="C104056" s="14" t="s">
        <v>238</v>
      </c>
      <c r="D104056" s="14" t="s">
        <v>183</v>
      </c>
      <c r="E104056" s="15">
        <v>45407</v>
      </c>
      <c r="F104056" s="14" t="s">
        <v>61</v>
      </c>
      <c r="G104056" s="16">
        <v>0.20357070313645154</v>
      </c>
    </row>
    <row r="104057" spans="1:7" x14ac:dyDescent="0.3">
      <c r="A104057" s="13" t="s">
        <v>508</v>
      </c>
      <c r="B104057" s="14" t="s">
        <v>1</v>
      </c>
      <c r="C104057" s="14" t="s">
        <v>238</v>
      </c>
      <c r="D104057" s="14" t="s">
        <v>183</v>
      </c>
      <c r="E104057" s="15">
        <v>45408</v>
      </c>
      <c r="F104057" s="14" t="s">
        <v>61</v>
      </c>
      <c r="G104057" s="16">
        <v>0.21565364832198206</v>
      </c>
    </row>
    <row r="104058" spans="1:7" x14ac:dyDescent="0.3">
      <c r="A104058" s="13" t="s">
        <v>508</v>
      </c>
      <c r="B104058" s="14" t="s">
        <v>1</v>
      </c>
      <c r="C104058" s="14" t="s">
        <v>238</v>
      </c>
      <c r="D104058" s="14" t="s">
        <v>183</v>
      </c>
      <c r="E104058" s="15">
        <v>45409</v>
      </c>
      <c r="F104058" s="14" t="s">
        <v>61</v>
      </c>
      <c r="G104058" s="16">
        <v>0.21565364832198206</v>
      </c>
    </row>
    <row r="104059" spans="1:7" x14ac:dyDescent="0.3">
      <c r="A104059" s="13" t="s">
        <v>508</v>
      </c>
      <c r="B104059" s="14" t="s">
        <v>1</v>
      </c>
      <c r="C104059" s="14" t="s">
        <v>238</v>
      </c>
      <c r="D104059" s="14" t="s">
        <v>183</v>
      </c>
      <c r="E104059" s="15">
        <v>45410</v>
      </c>
      <c r="F104059" s="14" t="s">
        <v>61</v>
      </c>
      <c r="G104059" s="16">
        <v>0.21565364832198206</v>
      </c>
    </row>
    <row r="104060" spans="1:7" x14ac:dyDescent="0.3">
      <c r="A104060" s="13" t="s">
        <v>508</v>
      </c>
      <c r="B104060" s="14" t="s">
        <v>1</v>
      </c>
      <c r="C104060" s="14" t="s">
        <v>238</v>
      </c>
      <c r="D104060" s="14" t="s">
        <v>183</v>
      </c>
      <c r="E104060" s="15">
        <v>45411</v>
      </c>
      <c r="F104060" s="14" t="s">
        <v>61</v>
      </c>
      <c r="G104060" s="16">
        <v>0.22312362647663084</v>
      </c>
    </row>
    <row r="104061" spans="1:7" x14ac:dyDescent="0.3">
      <c r="A104061" s="13" t="s">
        <v>508</v>
      </c>
      <c r="B104061" s="14" t="s">
        <v>1</v>
      </c>
      <c r="C104061" s="14" t="s">
        <v>238</v>
      </c>
      <c r="D104061" s="14" t="s">
        <v>183</v>
      </c>
      <c r="E104061" s="15">
        <v>45412</v>
      </c>
      <c r="F104061" s="14" t="s">
        <v>61</v>
      </c>
      <c r="G104061" s="16">
        <v>0.24547870410447928</v>
      </c>
    </row>
    <row r="104062" spans="1:7" x14ac:dyDescent="0.3">
      <c r="A104062" s="13" t="s">
        <v>508</v>
      </c>
      <c r="B104062" s="14" t="s">
        <v>1</v>
      </c>
      <c r="C104062" s="14" t="s">
        <v>238</v>
      </c>
      <c r="D104062" s="14" t="s">
        <v>183</v>
      </c>
      <c r="E104062" s="15">
        <v>45413</v>
      </c>
      <c r="F104062" s="14" t="s">
        <v>61</v>
      </c>
      <c r="G104062" s="16">
        <v>0.24547870410447928</v>
      </c>
    </row>
    <row r="104063" spans="1:7" x14ac:dyDescent="0.3">
      <c r="A104063" s="13" t="s">
        <v>508</v>
      </c>
      <c r="B104063" s="14" t="s">
        <v>1</v>
      </c>
      <c r="C104063" s="14" t="s">
        <v>238</v>
      </c>
      <c r="D104063" s="14" t="s">
        <v>183</v>
      </c>
      <c r="E104063" s="15">
        <v>45414</v>
      </c>
      <c r="F104063" s="14" t="s">
        <v>61</v>
      </c>
      <c r="G104063" s="16">
        <v>0.25293004654249235</v>
      </c>
    </row>
    <row r="104064" spans="1:7" x14ac:dyDescent="0.3">
      <c r="A104064" s="13" t="s">
        <v>508</v>
      </c>
      <c r="B104064" s="14" t="s">
        <v>1</v>
      </c>
      <c r="C104064" s="14" t="s">
        <v>238</v>
      </c>
      <c r="D104064" s="14" t="s">
        <v>183</v>
      </c>
      <c r="E104064" s="15">
        <v>45415</v>
      </c>
      <c r="F104064" s="14" t="s">
        <v>61</v>
      </c>
      <c r="G104064" s="16">
        <v>0.26814220550369861</v>
      </c>
    </row>
    <row r="104065" spans="1:7" x14ac:dyDescent="0.3">
      <c r="A104065" s="13" t="s">
        <v>508</v>
      </c>
      <c r="B104065" s="14" t="s">
        <v>1</v>
      </c>
      <c r="C104065" s="14" t="s">
        <v>238</v>
      </c>
      <c r="D104065" s="14" t="s">
        <v>183</v>
      </c>
      <c r="E104065" s="15">
        <v>45416</v>
      </c>
      <c r="F104065" s="14" t="s">
        <v>61</v>
      </c>
      <c r="G104065" s="16">
        <v>0.26814220550369861</v>
      </c>
    </row>
    <row r="104066" spans="1:7" x14ac:dyDescent="0.3">
      <c r="A104066" s="13" t="s">
        <v>508</v>
      </c>
      <c r="B104066" s="14" t="s">
        <v>1</v>
      </c>
      <c r="C104066" s="14" t="s">
        <v>238</v>
      </c>
      <c r="D104066" s="14" t="s">
        <v>183</v>
      </c>
      <c r="E104066" s="15">
        <v>45417</v>
      </c>
      <c r="F104066" s="14" t="s">
        <v>61</v>
      </c>
      <c r="G104066" s="16">
        <v>0.26814220550369861</v>
      </c>
    </row>
    <row r="104067" spans="1:7" x14ac:dyDescent="0.3">
      <c r="A104067" s="13" t="s">
        <v>508</v>
      </c>
      <c r="B104067" s="14" t="s">
        <v>1</v>
      </c>
      <c r="C104067" s="14" t="s">
        <v>238</v>
      </c>
      <c r="D104067" s="14" t="s">
        <v>183</v>
      </c>
      <c r="E104067" s="15">
        <v>45418</v>
      </c>
      <c r="F104067" s="14" t="s">
        <v>61</v>
      </c>
      <c r="G104067" s="16">
        <v>0.26814220550369861</v>
      </c>
    </row>
    <row r="104068" spans="1:7" x14ac:dyDescent="0.3">
      <c r="A104068" s="13" t="s">
        <v>508</v>
      </c>
      <c r="B104068" s="14" t="s">
        <v>1</v>
      </c>
      <c r="C104068" s="14" t="s">
        <v>238</v>
      </c>
      <c r="D104068" s="14" t="s">
        <v>183</v>
      </c>
      <c r="E104068" s="15">
        <v>45419</v>
      </c>
      <c r="F104068" s="14" t="s">
        <v>61</v>
      </c>
      <c r="G104068" s="16">
        <v>0.2755841080408773</v>
      </c>
    </row>
    <row r="104069" spans="1:7" x14ac:dyDescent="0.3">
      <c r="A104069" s="13" t="s">
        <v>508</v>
      </c>
      <c r="B104069" s="14" t="s">
        <v>1</v>
      </c>
      <c r="C104069" s="14" t="s">
        <v>238</v>
      </c>
      <c r="D104069" s="14" t="s">
        <v>183</v>
      </c>
      <c r="E104069" s="15">
        <v>45420</v>
      </c>
      <c r="F104069" s="14" t="s">
        <v>61</v>
      </c>
      <c r="G104069" s="16">
        <v>0.30523516402244999</v>
      </c>
    </row>
    <row r="104070" spans="1:7" x14ac:dyDescent="0.3">
      <c r="A104070" s="13" t="s">
        <v>508</v>
      </c>
      <c r="B104070" s="14" t="s">
        <v>1</v>
      </c>
      <c r="C104070" s="14" t="s">
        <v>238</v>
      </c>
      <c r="D104070" s="14" t="s">
        <v>183</v>
      </c>
      <c r="E104070" s="15">
        <v>45421</v>
      </c>
      <c r="F104070" s="14" t="s">
        <v>61</v>
      </c>
      <c r="G104070" s="16">
        <v>0.30523516402244999</v>
      </c>
    </row>
    <row r="104071" spans="1:7" x14ac:dyDescent="0.3">
      <c r="A104071" s="13" t="s">
        <v>508</v>
      </c>
      <c r="B104071" s="14" t="s">
        <v>1</v>
      </c>
      <c r="C104071" s="14" t="s">
        <v>238</v>
      </c>
      <c r="D104071" s="14" t="s">
        <v>183</v>
      </c>
      <c r="E104071" s="15">
        <v>45422</v>
      </c>
      <c r="F104071" s="14" t="s">
        <v>61</v>
      </c>
      <c r="G104071" s="16">
        <v>0.31266579614700502</v>
      </c>
    </row>
    <row r="104072" spans="1:7" x14ac:dyDescent="0.3">
      <c r="A104072" s="13" t="s">
        <v>508</v>
      </c>
      <c r="B104072" s="14" t="s">
        <v>1</v>
      </c>
      <c r="C104072" s="14" t="s">
        <v>238</v>
      </c>
      <c r="D104072" s="14" t="s">
        <v>183</v>
      </c>
      <c r="E104072" s="15">
        <v>45423</v>
      </c>
      <c r="F104072" s="14" t="s">
        <v>61</v>
      </c>
      <c r="G104072" s="16">
        <v>0.31266579614700502</v>
      </c>
    </row>
    <row r="104073" spans="1:7" x14ac:dyDescent="0.3">
      <c r="A104073" s="13" t="s">
        <v>508</v>
      </c>
      <c r="B104073" s="14" t="s">
        <v>1</v>
      </c>
      <c r="C104073" s="14" t="s">
        <v>238</v>
      </c>
      <c r="D104073" s="14" t="s">
        <v>183</v>
      </c>
      <c r="E104073" s="15">
        <v>45424</v>
      </c>
      <c r="F104073" s="14" t="s">
        <v>61</v>
      </c>
      <c r="G104073" s="16">
        <v>0.31266579614700502</v>
      </c>
    </row>
    <row r="104074" spans="1:7" x14ac:dyDescent="0.3">
      <c r="A104074" s="13" t="s">
        <v>508</v>
      </c>
      <c r="B104074" s="14" t="s">
        <v>1</v>
      </c>
      <c r="C104074" s="14" t="s">
        <v>238</v>
      </c>
      <c r="D104074" s="14" t="s">
        <v>183</v>
      </c>
      <c r="E104074" s="15">
        <v>45425</v>
      </c>
      <c r="F104074" s="14" t="s">
        <v>61</v>
      </c>
      <c r="G104074" s="16">
        <v>0.32443483573731952</v>
      </c>
    </row>
    <row r="104075" spans="1:7" x14ac:dyDescent="0.3">
      <c r="A104075" s="13" t="s">
        <v>508</v>
      </c>
      <c r="B104075" s="14" t="s">
        <v>1</v>
      </c>
      <c r="C104075" s="14" t="s">
        <v>238</v>
      </c>
      <c r="D104075" s="14" t="s">
        <v>183</v>
      </c>
      <c r="E104075" s="15">
        <v>45426</v>
      </c>
      <c r="F104075" s="14" t="s">
        <v>61</v>
      </c>
      <c r="G104075" s="16">
        <v>0.34665604521955151</v>
      </c>
    </row>
    <row r="104076" spans="1:7" x14ac:dyDescent="0.3">
      <c r="A104076" s="13" t="s">
        <v>508</v>
      </c>
      <c r="B104076" s="14" t="s">
        <v>1</v>
      </c>
      <c r="C104076" s="14" t="s">
        <v>238</v>
      </c>
      <c r="D104076" s="14" t="s">
        <v>183</v>
      </c>
      <c r="E104076" s="15">
        <v>45427</v>
      </c>
      <c r="F104076" s="14" t="s">
        <v>61</v>
      </c>
      <c r="G104076" s="16">
        <v>0.35407292214282554</v>
      </c>
    </row>
    <row r="104077" spans="1:7" x14ac:dyDescent="0.3">
      <c r="A104077" s="13" t="s">
        <v>508</v>
      </c>
      <c r="B104077" s="14" t="s">
        <v>1</v>
      </c>
      <c r="C104077" s="14" t="s">
        <v>238</v>
      </c>
      <c r="D104077" s="14" t="s">
        <v>183</v>
      </c>
      <c r="E104077" s="15">
        <v>45428</v>
      </c>
      <c r="F104077" s="14" t="s">
        <v>61</v>
      </c>
      <c r="G104077" s="16">
        <v>0.36142577794408798</v>
      </c>
    </row>
    <row r="104078" spans="1:7" x14ac:dyDescent="0.3">
      <c r="A104078" s="13" t="s">
        <v>508</v>
      </c>
      <c r="B104078" s="14" t="s">
        <v>1</v>
      </c>
      <c r="C104078" s="14" t="s">
        <v>238</v>
      </c>
      <c r="D104078" s="14" t="s">
        <v>183</v>
      </c>
      <c r="E104078" s="15">
        <v>45429</v>
      </c>
      <c r="F104078" s="14" t="s">
        <v>61</v>
      </c>
      <c r="G104078" s="16">
        <v>0.36876759562086564</v>
      </c>
    </row>
    <row r="104079" spans="1:7" x14ac:dyDescent="0.3">
      <c r="A104079" s="13" t="s">
        <v>508</v>
      </c>
      <c r="B104079" s="14" t="s">
        <v>1</v>
      </c>
      <c r="C104079" s="14" t="s">
        <v>238</v>
      </c>
      <c r="D104079" s="14" t="s">
        <v>183</v>
      </c>
      <c r="E104079" s="15">
        <v>45430</v>
      </c>
      <c r="F104079" s="14" t="s">
        <v>61</v>
      </c>
      <c r="G104079" s="16">
        <v>0.36876759562086564</v>
      </c>
    </row>
    <row r="104080" spans="1:7" x14ac:dyDescent="0.3">
      <c r="A104080" s="13" t="s">
        <v>508</v>
      </c>
      <c r="B104080" s="14" t="s">
        <v>1</v>
      </c>
      <c r="C104080" s="14" t="s">
        <v>238</v>
      </c>
      <c r="D104080" s="14" t="s">
        <v>183</v>
      </c>
      <c r="E104080" s="15">
        <v>45431</v>
      </c>
      <c r="F104080" s="14" t="s">
        <v>61</v>
      </c>
      <c r="G104080" s="16">
        <v>0.36876759562086564</v>
      </c>
    </row>
    <row r="104081" spans="1:7" x14ac:dyDescent="0.3">
      <c r="A104081" s="13" t="s">
        <v>508</v>
      </c>
      <c r="B104081" s="14" t="s">
        <v>1</v>
      </c>
      <c r="C104081" s="14" t="s">
        <v>238</v>
      </c>
      <c r="D104081" s="14" t="s">
        <v>183</v>
      </c>
      <c r="E104081" s="15">
        <v>45432</v>
      </c>
      <c r="F104081" s="14" t="s">
        <v>61</v>
      </c>
      <c r="G104081" s="16">
        <v>0.36876759562086564</v>
      </c>
    </row>
    <row r="104082" spans="1:7" x14ac:dyDescent="0.3">
      <c r="A104082" s="13" t="s">
        <v>508</v>
      </c>
      <c r="B104082" s="14" t="s">
        <v>1</v>
      </c>
      <c r="C104082" s="14" t="s">
        <v>238</v>
      </c>
      <c r="D104082" s="14" t="s">
        <v>183</v>
      </c>
      <c r="E104082" s="15">
        <v>45433</v>
      </c>
      <c r="F104082" s="14" t="s">
        <v>61</v>
      </c>
      <c r="G104082" s="16">
        <v>0.37622225689333749</v>
      </c>
    </row>
    <row r="104083" spans="1:7" x14ac:dyDescent="0.3">
      <c r="A104083" s="13" t="s">
        <v>508</v>
      </c>
      <c r="B104083" s="14" t="s">
        <v>1</v>
      </c>
      <c r="C104083" s="14" t="s">
        <v>238</v>
      </c>
      <c r="D104083" s="14" t="s">
        <v>183</v>
      </c>
      <c r="E104083" s="15">
        <v>45434</v>
      </c>
      <c r="F104083" s="14" t="s">
        <v>61</v>
      </c>
      <c r="G104083" s="16">
        <v>0.40608677322071551</v>
      </c>
    </row>
    <row r="104084" spans="1:7" x14ac:dyDescent="0.3">
      <c r="A104084" s="13" t="s">
        <v>508</v>
      </c>
      <c r="B104084" s="14" t="s">
        <v>1</v>
      </c>
      <c r="C104084" s="14" t="s">
        <v>238</v>
      </c>
      <c r="D104084" s="14" t="s">
        <v>183</v>
      </c>
      <c r="E104084" s="15">
        <v>45435</v>
      </c>
      <c r="F104084" s="14" t="s">
        <v>61</v>
      </c>
      <c r="G104084" s="16">
        <v>0.41356478437190508</v>
      </c>
    </row>
    <row r="104085" spans="1:7" x14ac:dyDescent="0.3">
      <c r="A104085" s="13" t="s">
        <v>508</v>
      </c>
      <c r="B104085" s="14" t="s">
        <v>1</v>
      </c>
      <c r="C104085" s="14" t="s">
        <v>238</v>
      </c>
      <c r="D104085" s="14" t="s">
        <v>183</v>
      </c>
      <c r="E104085" s="15">
        <v>45436</v>
      </c>
      <c r="F104085" s="14" t="s">
        <v>61</v>
      </c>
      <c r="G104085" s="16">
        <v>0.42104508805664154</v>
      </c>
    </row>
    <row r="104086" spans="1:7" x14ac:dyDescent="0.3">
      <c r="A104086" s="13" t="s">
        <v>508</v>
      </c>
      <c r="B104086" s="14" t="s">
        <v>1</v>
      </c>
      <c r="C104086" s="14" t="s">
        <v>238</v>
      </c>
      <c r="D104086" s="14" t="s">
        <v>183</v>
      </c>
      <c r="E104086" s="15">
        <v>45437</v>
      </c>
      <c r="F104086" s="14" t="s">
        <v>61</v>
      </c>
      <c r="G104086" s="16">
        <v>0.42104508805664154</v>
      </c>
    </row>
    <row r="104087" spans="1:7" x14ac:dyDescent="0.3">
      <c r="A104087" s="13" t="s">
        <v>508</v>
      </c>
      <c r="B104087" s="14" t="s">
        <v>1</v>
      </c>
      <c r="C104087" s="14" t="s">
        <v>238</v>
      </c>
      <c r="D104087" s="14" t="s">
        <v>183</v>
      </c>
      <c r="E104087" s="15">
        <v>45438</v>
      </c>
      <c r="F104087" s="14" t="s">
        <v>61</v>
      </c>
      <c r="G104087" s="16">
        <v>0.42104508805664154</v>
      </c>
    </row>
    <row r="104088" spans="1:7" x14ac:dyDescent="0.3">
      <c r="A104088" s="13" t="s">
        <v>508</v>
      </c>
      <c r="B104088" s="14" t="s">
        <v>1</v>
      </c>
      <c r="C104088" s="14" t="s">
        <v>238</v>
      </c>
      <c r="D104088" s="14" t="s">
        <v>183</v>
      </c>
      <c r="E104088" s="15">
        <v>45439</v>
      </c>
      <c r="F104088" s="14" t="s">
        <v>61</v>
      </c>
      <c r="G104088" s="16">
        <v>0.42854441127895171</v>
      </c>
    </row>
    <row r="104089" spans="1:7" x14ac:dyDescent="0.3">
      <c r="A104089" s="13" t="s">
        <v>508</v>
      </c>
      <c r="B104089" s="14" t="s">
        <v>1</v>
      </c>
      <c r="C104089" s="14" t="s">
        <v>238</v>
      </c>
      <c r="D104089" s="14" t="s">
        <v>183</v>
      </c>
      <c r="E104089" s="15">
        <v>45440</v>
      </c>
      <c r="F104089" s="14" t="s">
        <v>61</v>
      </c>
      <c r="G104089" s="16">
        <v>0.45087320002058512</v>
      </c>
    </row>
    <row r="104090" spans="1:7" x14ac:dyDescent="0.3">
      <c r="A104090" s="13" t="s">
        <v>508</v>
      </c>
      <c r="B104090" s="14" t="s">
        <v>1</v>
      </c>
      <c r="C104090" s="14" t="s">
        <v>238</v>
      </c>
      <c r="D104090" s="14" t="s">
        <v>183</v>
      </c>
      <c r="E104090" s="15">
        <v>45441</v>
      </c>
      <c r="F104090" s="14" t="s">
        <v>61</v>
      </c>
      <c r="G104090" s="16">
        <v>0.45839052387667045</v>
      </c>
    </row>
    <row r="104091" spans="1:7" x14ac:dyDescent="0.3">
      <c r="A104091" s="13" t="s">
        <v>508</v>
      </c>
      <c r="B104091" s="14" t="s">
        <v>1</v>
      </c>
      <c r="C104091" s="14" t="s">
        <v>238</v>
      </c>
      <c r="D104091" s="14" t="s">
        <v>183</v>
      </c>
      <c r="E104091" s="15">
        <v>45442</v>
      </c>
      <c r="F104091" s="14" t="s">
        <v>61</v>
      </c>
      <c r="G104091" s="16">
        <v>0.46044558937714813</v>
      </c>
    </row>
    <row r="104092" spans="1:7" x14ac:dyDescent="0.3">
      <c r="A104092" s="13" t="s">
        <v>508</v>
      </c>
      <c r="B104092" s="14" t="s">
        <v>1</v>
      </c>
      <c r="C104092" s="14" t="s">
        <v>238</v>
      </c>
      <c r="D104092" s="14" t="s">
        <v>183</v>
      </c>
      <c r="E104092" s="15">
        <v>45443</v>
      </c>
      <c r="F104092" s="14" t="s">
        <v>61</v>
      </c>
      <c r="G104092" s="16">
        <v>0.46793548773932137</v>
      </c>
    </row>
    <row r="104093" spans="1:7" x14ac:dyDescent="0.3">
      <c r="A104093" s="13" t="s">
        <v>508</v>
      </c>
      <c r="B104093" s="14" t="s">
        <v>1</v>
      </c>
      <c r="C104093" s="14" t="s">
        <v>238</v>
      </c>
      <c r="D104093" s="14" t="s">
        <v>183</v>
      </c>
      <c r="E104093" s="15">
        <v>45444</v>
      </c>
      <c r="F104093" s="14" t="s">
        <v>61</v>
      </c>
      <c r="G104093" s="16">
        <v>0.46793548773932137</v>
      </c>
    </row>
    <row r="104094" spans="1:7" x14ac:dyDescent="0.3">
      <c r="A104094" s="13" t="s">
        <v>508</v>
      </c>
      <c r="B104094" s="14" t="s">
        <v>1</v>
      </c>
      <c r="C104094" s="14" t="s">
        <v>238</v>
      </c>
      <c r="D104094" s="14" t="s">
        <v>183</v>
      </c>
      <c r="E104094" s="15">
        <v>45445</v>
      </c>
      <c r="F104094" s="14" t="s">
        <v>61</v>
      </c>
      <c r="G104094" s="16">
        <v>0.46793548773932137</v>
      </c>
    </row>
    <row r="104095" spans="1:7" x14ac:dyDescent="0.3">
      <c r="A104095" s="13" t="s">
        <v>508</v>
      </c>
      <c r="B104095" s="14" t="s">
        <v>1</v>
      </c>
      <c r="C104095" s="14" t="s">
        <v>238</v>
      </c>
      <c r="D104095" s="14" t="s">
        <v>183</v>
      </c>
      <c r="E104095" s="15">
        <v>45446</v>
      </c>
      <c r="F104095" s="14" t="s">
        <v>61</v>
      </c>
      <c r="G104095" s="16">
        <v>0.46793548773932137</v>
      </c>
    </row>
    <row r="104096" spans="1:7" x14ac:dyDescent="0.3">
      <c r="A104096" s="13" t="s">
        <v>508</v>
      </c>
      <c r="B104096" s="14" t="s">
        <v>1</v>
      </c>
      <c r="C104096" s="14" t="s">
        <v>238</v>
      </c>
      <c r="D104096" s="14" t="s">
        <v>183</v>
      </c>
      <c r="E104096" s="15">
        <v>45447</v>
      </c>
      <c r="F104096" s="14" t="s">
        <v>61</v>
      </c>
      <c r="G104096" s="16">
        <v>0.47542679159801438</v>
      </c>
    </row>
    <row r="104097" spans="1:7" x14ac:dyDescent="0.3">
      <c r="A104097" s="13" t="s">
        <v>508</v>
      </c>
      <c r="B104097" s="14" t="s">
        <v>1</v>
      </c>
      <c r="C104097" s="14" t="s">
        <v>238</v>
      </c>
      <c r="D104097" s="14" t="s">
        <v>183</v>
      </c>
      <c r="E104097" s="15">
        <v>45448</v>
      </c>
      <c r="F104097" s="14" t="s">
        <v>61</v>
      </c>
      <c r="G104097" s="16">
        <v>0.50564456031396743</v>
      </c>
    </row>
    <row r="104098" spans="1:7" x14ac:dyDescent="0.3">
      <c r="A104098" s="13" t="s">
        <v>508</v>
      </c>
      <c r="B104098" s="14" t="s">
        <v>1</v>
      </c>
      <c r="C104098" s="14" t="s">
        <v>238</v>
      </c>
      <c r="D104098" s="14" t="s">
        <v>183</v>
      </c>
      <c r="E104098" s="15">
        <v>45449</v>
      </c>
      <c r="F104098" s="14" t="s">
        <v>61</v>
      </c>
      <c r="G104098" s="16">
        <v>0.51315169873999444</v>
      </c>
    </row>
    <row r="104099" spans="1:7" x14ac:dyDescent="0.3">
      <c r="A104099" s="13" t="s">
        <v>508</v>
      </c>
      <c r="B104099" s="14" t="s">
        <v>1</v>
      </c>
      <c r="C104099" s="14" t="s">
        <v>238</v>
      </c>
      <c r="D104099" s="14" t="s">
        <v>183</v>
      </c>
      <c r="E104099" s="15">
        <v>45450</v>
      </c>
      <c r="F104099" s="14" t="s">
        <v>61</v>
      </c>
      <c r="G104099" s="16">
        <v>0.52066292218093491</v>
      </c>
    </row>
    <row r="104100" spans="1:7" x14ac:dyDescent="0.3">
      <c r="A104100" s="13" t="s">
        <v>508</v>
      </c>
      <c r="B104100" s="14" t="s">
        <v>1</v>
      </c>
      <c r="C104100" s="14" t="s">
        <v>238</v>
      </c>
      <c r="D104100" s="14" t="s">
        <v>183</v>
      </c>
      <c r="E104100" s="15">
        <v>45451</v>
      </c>
      <c r="F104100" s="14" t="s">
        <v>61</v>
      </c>
      <c r="G104100" s="16">
        <v>0.52066292218093491</v>
      </c>
    </row>
    <row r="104101" spans="1:7" x14ac:dyDescent="0.3">
      <c r="A104101" s="13" t="s">
        <v>508</v>
      </c>
      <c r="B104101" s="14" t="s">
        <v>1</v>
      </c>
      <c r="C104101" s="14" t="s">
        <v>238</v>
      </c>
      <c r="D104101" s="14" t="s">
        <v>183</v>
      </c>
      <c r="E104101" s="15">
        <v>45452</v>
      </c>
      <c r="F104101" s="14" t="s">
        <v>61</v>
      </c>
      <c r="G104101" s="16">
        <v>0.52066292218093491</v>
      </c>
    </row>
    <row r="104102" spans="1:7" x14ac:dyDescent="0.3">
      <c r="A104102" s="13" t="s">
        <v>508</v>
      </c>
      <c r="B104102" s="14" t="s">
        <v>1</v>
      </c>
      <c r="C104102" s="14" t="s">
        <v>238</v>
      </c>
      <c r="D104102" s="14" t="s">
        <v>183</v>
      </c>
      <c r="E104102" s="15">
        <v>45453</v>
      </c>
      <c r="F104102" s="14" t="s">
        <v>61</v>
      </c>
      <c r="G104102" s="16">
        <v>0.52866519845625826</v>
      </c>
    </row>
    <row r="104103" spans="1:7" x14ac:dyDescent="0.3">
      <c r="A104103" s="13" t="s">
        <v>508</v>
      </c>
      <c r="B104103" s="14" t="s">
        <v>1</v>
      </c>
      <c r="C104103" s="14" t="s">
        <v>238</v>
      </c>
      <c r="D104103" s="14" t="s">
        <v>183</v>
      </c>
      <c r="E104103" s="15">
        <v>45454</v>
      </c>
      <c r="F104103" s="14" t="s">
        <v>61</v>
      </c>
      <c r="G104103" s="16">
        <v>0.55116212889809135</v>
      </c>
    </row>
    <row r="104104" spans="1:7" x14ac:dyDescent="0.3">
      <c r="A104104" s="13" t="s">
        <v>508</v>
      </c>
      <c r="B104104" s="14" t="s">
        <v>1</v>
      </c>
      <c r="C104104" s="14" t="s">
        <v>238</v>
      </c>
      <c r="D104104" s="14" t="s">
        <v>183</v>
      </c>
      <c r="E104104" s="15">
        <v>45455</v>
      </c>
      <c r="F104104" s="14" t="s">
        <v>61</v>
      </c>
      <c r="G104104" s="16">
        <v>0.55840779336569402</v>
      </c>
    </row>
    <row r="104105" spans="1:7" x14ac:dyDescent="0.3">
      <c r="A104105" s="13" t="s">
        <v>508</v>
      </c>
      <c r="B104105" s="14" t="s">
        <v>1</v>
      </c>
      <c r="C104105" s="14" t="s">
        <v>238</v>
      </c>
      <c r="D104105" s="14" t="s">
        <v>183</v>
      </c>
      <c r="E104105" s="15">
        <v>45456</v>
      </c>
      <c r="F104105" s="14" t="s">
        <v>61</v>
      </c>
      <c r="G104105" s="16">
        <v>0.56591147278120602</v>
      </c>
    </row>
    <row r="104106" spans="1:7" x14ac:dyDescent="0.3">
      <c r="A104106" s="13" t="s">
        <v>508</v>
      </c>
      <c r="B104106" s="14" t="s">
        <v>1</v>
      </c>
      <c r="C104106" s="14" t="s">
        <v>238</v>
      </c>
      <c r="D104106" s="14" t="s">
        <v>183</v>
      </c>
      <c r="E104106" s="15">
        <v>45457</v>
      </c>
      <c r="F104106" s="14" t="s">
        <v>61</v>
      </c>
      <c r="G104106" s="16">
        <v>0.57341931099028609</v>
      </c>
    </row>
    <row r="104107" spans="1:7" x14ac:dyDescent="0.3">
      <c r="A104107" s="13" t="s">
        <v>508</v>
      </c>
      <c r="B104107" s="14" t="s">
        <v>1</v>
      </c>
      <c r="C104107" s="14" t="s">
        <v>238</v>
      </c>
      <c r="D104107" s="14" t="s">
        <v>183</v>
      </c>
      <c r="E104107" s="15">
        <v>45458</v>
      </c>
      <c r="F104107" s="14" t="s">
        <v>61</v>
      </c>
      <c r="G104107" s="16">
        <v>0.57341931099028609</v>
      </c>
    </row>
    <row r="104108" spans="1:7" x14ac:dyDescent="0.3">
      <c r="A104108" s="13" t="s">
        <v>508</v>
      </c>
      <c r="B104108" s="14" t="s">
        <v>1</v>
      </c>
      <c r="C104108" s="14" t="s">
        <v>238</v>
      </c>
      <c r="D104108" s="14" t="s">
        <v>183</v>
      </c>
      <c r="E104108" s="15">
        <v>45459</v>
      </c>
      <c r="F104108" s="14" t="s">
        <v>61</v>
      </c>
      <c r="G104108" s="16">
        <v>0.57341931099028609</v>
      </c>
    </row>
    <row r="104109" spans="1:7" x14ac:dyDescent="0.3">
      <c r="A104109" s="13" t="s">
        <v>508</v>
      </c>
      <c r="B104109" s="14" t="s">
        <v>1</v>
      </c>
      <c r="C104109" s="14" t="s">
        <v>238</v>
      </c>
      <c r="D104109" s="14" t="s">
        <v>183</v>
      </c>
      <c r="E104109" s="15">
        <v>45460</v>
      </c>
      <c r="F104109" s="14" t="s">
        <v>61</v>
      </c>
      <c r="G104109" s="16">
        <v>0.58091846036327821</v>
      </c>
    </row>
    <row r="104110" spans="1:7" x14ac:dyDescent="0.3">
      <c r="A104110" s="13" t="s">
        <v>508</v>
      </c>
      <c r="B104110" s="14" t="s">
        <v>1</v>
      </c>
      <c r="C104110" s="14" t="s">
        <v>238</v>
      </c>
      <c r="D104110" s="14" t="s">
        <v>183</v>
      </c>
      <c r="E104110" s="15">
        <v>45461</v>
      </c>
      <c r="F104110" s="14" t="s">
        <v>61</v>
      </c>
      <c r="G104110" s="16">
        <v>0.60340327395917326</v>
      </c>
    </row>
    <row r="104111" spans="1:7" x14ac:dyDescent="0.3">
      <c r="A104111" s="13" t="s">
        <v>508</v>
      </c>
      <c r="B104111" s="14" t="s">
        <v>1</v>
      </c>
      <c r="C104111" s="14" t="s">
        <v>238</v>
      </c>
      <c r="D104111" s="14" t="s">
        <v>183</v>
      </c>
      <c r="E104111" s="15">
        <v>45462</v>
      </c>
      <c r="F104111" s="14" t="s">
        <v>61</v>
      </c>
      <c r="G104111" s="16">
        <v>0.61088279213862151</v>
      </c>
    </row>
    <row r="104112" spans="1:7" x14ac:dyDescent="0.3">
      <c r="A104112" s="13" t="s">
        <v>508</v>
      </c>
      <c r="B104112" s="14" t="s">
        <v>1</v>
      </c>
      <c r="C104112" s="14" t="s">
        <v>238</v>
      </c>
      <c r="D104112" s="14" t="s">
        <v>183</v>
      </c>
      <c r="E104112" s="15">
        <v>45463</v>
      </c>
      <c r="F104112" s="14" t="s">
        <v>61</v>
      </c>
      <c r="G104112" s="16">
        <v>0.61835427883813399</v>
      </c>
    </row>
    <row r="104113" spans="1:7" x14ac:dyDescent="0.3">
      <c r="A104113" s="13" t="s">
        <v>508</v>
      </c>
      <c r="B104113" s="14" t="s">
        <v>1</v>
      </c>
      <c r="C104113" s="14" t="s">
        <v>238</v>
      </c>
      <c r="D104113" s="14" t="s">
        <v>183</v>
      </c>
      <c r="E104113" s="15">
        <v>45464</v>
      </c>
      <c r="F104113" s="14" t="s">
        <v>61</v>
      </c>
      <c r="G104113" s="16">
        <v>0.62584997378630525</v>
      </c>
    </row>
    <row r="104114" spans="1:7" x14ac:dyDescent="0.3">
      <c r="A104114" s="13" t="s">
        <v>508</v>
      </c>
      <c r="B104114" s="14" t="s">
        <v>1</v>
      </c>
      <c r="C104114" s="14" t="s">
        <v>238</v>
      </c>
      <c r="D104114" s="14" t="s">
        <v>183</v>
      </c>
      <c r="E104114" s="15">
        <v>45465</v>
      </c>
      <c r="F104114" s="14" t="s">
        <v>61</v>
      </c>
      <c r="G104114" s="16">
        <v>0.62584997378630525</v>
      </c>
    </row>
    <row r="104115" spans="1:7" x14ac:dyDescent="0.3">
      <c r="A104115" s="13" t="s">
        <v>508</v>
      </c>
      <c r="B104115" s="14" t="s">
        <v>1</v>
      </c>
      <c r="C104115" s="14" t="s">
        <v>238</v>
      </c>
      <c r="D104115" s="14" t="s">
        <v>183</v>
      </c>
      <c r="E104115" s="15">
        <v>45466</v>
      </c>
      <c r="F104115" s="14" t="s">
        <v>61</v>
      </c>
      <c r="G104115" s="16">
        <v>0.62584997378630525</v>
      </c>
    </row>
    <row r="104116" spans="1:7" x14ac:dyDescent="0.3">
      <c r="A104116" s="13" t="s">
        <v>508</v>
      </c>
      <c r="B104116" s="14" t="s">
        <v>1</v>
      </c>
      <c r="C104116" s="14" t="s">
        <v>238</v>
      </c>
      <c r="D104116" s="14" t="s">
        <v>183</v>
      </c>
      <c r="E104116" s="15">
        <v>45467</v>
      </c>
      <c r="F104116" s="14" t="s">
        <v>61</v>
      </c>
      <c r="G104116" s="16">
        <v>0.63761003440805841</v>
      </c>
    </row>
    <row r="104117" spans="1:7" x14ac:dyDescent="0.3">
      <c r="A104117" s="13" t="s">
        <v>508</v>
      </c>
      <c r="B104117" s="14" t="s">
        <v>1</v>
      </c>
      <c r="C104117" s="14" t="s">
        <v>238</v>
      </c>
      <c r="D104117" s="14" t="s">
        <v>183</v>
      </c>
      <c r="E104117" s="15">
        <v>45468</v>
      </c>
      <c r="F104117" s="14" t="s">
        <v>61</v>
      </c>
      <c r="G104117" s="16">
        <v>0.6616683731468963</v>
      </c>
    </row>
    <row r="104118" spans="1:7" x14ac:dyDescent="0.3">
      <c r="A104118" s="13" t="s">
        <v>508</v>
      </c>
      <c r="B104118" s="14" t="s">
        <v>1</v>
      </c>
      <c r="C104118" s="14" t="s">
        <v>238</v>
      </c>
      <c r="D104118" s="14" t="s">
        <v>183</v>
      </c>
      <c r="E104118" s="15">
        <v>45469</v>
      </c>
      <c r="F104118" s="14" t="s">
        <v>61</v>
      </c>
      <c r="G104118" s="16">
        <v>0.66918600559492381</v>
      </c>
    </row>
    <row r="104119" spans="1:7" x14ac:dyDescent="0.3">
      <c r="A104119" s="13" t="s">
        <v>508</v>
      </c>
      <c r="B104119" s="14" t="s">
        <v>1</v>
      </c>
      <c r="C104119" s="14" t="s">
        <v>238</v>
      </c>
      <c r="D104119" s="14" t="s">
        <v>183</v>
      </c>
      <c r="E104119" s="15">
        <v>45470</v>
      </c>
      <c r="F104119" s="14" t="s">
        <v>61</v>
      </c>
      <c r="G104119" s="16">
        <v>0.67669796884727063</v>
      </c>
    </row>
    <row r="104120" spans="1:7" x14ac:dyDescent="0.3">
      <c r="A104120" s="13" t="s">
        <v>508</v>
      </c>
      <c r="B104120" s="14" t="s">
        <v>1</v>
      </c>
      <c r="C104120" s="14" t="s">
        <v>238</v>
      </c>
      <c r="D104120" s="14" t="s">
        <v>183</v>
      </c>
      <c r="E104120" s="15">
        <v>45471</v>
      </c>
      <c r="F104120" s="14" t="s">
        <v>61</v>
      </c>
      <c r="G104120" s="16">
        <v>0.68422921527094926</v>
      </c>
    </row>
    <row r="104121" spans="1:7" x14ac:dyDescent="0.3">
      <c r="A104121" s="13" t="s">
        <v>508</v>
      </c>
      <c r="B104121" s="14" t="s">
        <v>1</v>
      </c>
      <c r="C104121" s="14" t="s">
        <v>238</v>
      </c>
      <c r="D104121" s="14" t="s">
        <v>183</v>
      </c>
      <c r="E104121" s="15">
        <v>45472</v>
      </c>
      <c r="F104121" s="14" t="s">
        <v>61</v>
      </c>
      <c r="G104121" s="16">
        <v>0.68422921527094926</v>
      </c>
    </row>
    <row r="104122" spans="1:7" x14ac:dyDescent="0.3">
      <c r="A104122" s="13" t="s">
        <v>508</v>
      </c>
      <c r="B104122" s="14" t="s">
        <v>1</v>
      </c>
      <c r="C104122" s="14" t="s">
        <v>238</v>
      </c>
      <c r="D104122" s="14" t="s">
        <v>183</v>
      </c>
      <c r="E104122" s="15">
        <v>45473</v>
      </c>
      <c r="F104122" s="14" t="s">
        <v>61</v>
      </c>
      <c r="G104122" s="16">
        <v>0.68422921527094926</v>
      </c>
    </row>
    <row r="104123" spans="1:7" x14ac:dyDescent="0.3">
      <c r="A104123" s="13" t="s">
        <v>508</v>
      </c>
      <c r="B104123" s="14" t="s">
        <v>1</v>
      </c>
      <c r="C104123" s="14" t="s">
        <v>238</v>
      </c>
      <c r="D104123" s="14" t="s">
        <v>183</v>
      </c>
      <c r="E104123" s="15">
        <v>45474</v>
      </c>
      <c r="F104123" s="14" t="s">
        <v>61</v>
      </c>
      <c r="G104123" s="16">
        <v>0.69172864529764821</v>
      </c>
    </row>
    <row r="104124" spans="1:7" x14ac:dyDescent="0.3">
      <c r="A104124" s="13" t="s">
        <v>508</v>
      </c>
      <c r="B104124" s="14" t="s">
        <v>1</v>
      </c>
      <c r="C104124" s="14" t="s">
        <v>238</v>
      </c>
      <c r="D104124" s="14" t="s">
        <v>183</v>
      </c>
      <c r="E104124" s="15">
        <v>45475</v>
      </c>
      <c r="F104124" s="14" t="s">
        <v>61</v>
      </c>
      <c r="G104124" s="16">
        <v>0.71435054714092028</v>
      </c>
    </row>
    <row r="104125" spans="1:7" x14ac:dyDescent="0.3">
      <c r="A104125" s="13" t="s">
        <v>508</v>
      </c>
      <c r="B104125" s="14" t="s">
        <v>1</v>
      </c>
      <c r="C104125" s="14" t="s">
        <v>238</v>
      </c>
      <c r="D104125" s="14" t="s">
        <v>183</v>
      </c>
      <c r="E104125" s="15">
        <v>45476</v>
      </c>
      <c r="F104125" s="14" t="s">
        <v>61</v>
      </c>
      <c r="G104125" s="16">
        <v>0.7218983069662922</v>
      </c>
    </row>
    <row r="104126" spans="1:7" x14ac:dyDescent="0.3">
      <c r="A104126" s="13" t="s">
        <v>508</v>
      </c>
      <c r="B104126" s="14" t="s">
        <v>1</v>
      </c>
      <c r="C104126" s="14" t="s">
        <v>238</v>
      </c>
      <c r="D104126" s="14" t="s">
        <v>183</v>
      </c>
      <c r="E104126" s="15">
        <v>45477</v>
      </c>
      <c r="F104126" s="14" t="s">
        <v>61</v>
      </c>
      <c r="G104126" s="16">
        <v>0.72939471097697417</v>
      </c>
    </row>
    <row r="104127" spans="1:7" x14ac:dyDescent="0.3">
      <c r="A104127" s="13" t="s">
        <v>508</v>
      </c>
      <c r="B104127" s="14" t="s">
        <v>1</v>
      </c>
      <c r="C104127" s="14" t="s">
        <v>238</v>
      </c>
      <c r="D104127" s="14" t="s">
        <v>183</v>
      </c>
      <c r="E104127" s="15">
        <v>45478</v>
      </c>
      <c r="F104127" s="14" t="s">
        <v>61</v>
      </c>
      <c r="G104127" s="16">
        <v>0.73684637962413568</v>
      </c>
    </row>
    <row r="104128" spans="1:7" x14ac:dyDescent="0.3">
      <c r="A104128" s="13" t="s">
        <v>508</v>
      </c>
      <c r="B104128" s="14" t="s">
        <v>1</v>
      </c>
      <c r="C104128" s="14" t="s">
        <v>238</v>
      </c>
      <c r="D104128" s="14" t="s">
        <v>183</v>
      </c>
      <c r="E104128" s="15">
        <v>45479</v>
      </c>
      <c r="F104128" s="14" t="s">
        <v>61</v>
      </c>
      <c r="G104128" s="16">
        <v>0.73684637962413568</v>
      </c>
    </row>
    <row r="104129" spans="1:7" x14ac:dyDescent="0.3">
      <c r="A104129" s="13" t="s">
        <v>508</v>
      </c>
      <c r="B104129" s="14" t="s">
        <v>1</v>
      </c>
      <c r="C104129" s="14" t="s">
        <v>238</v>
      </c>
      <c r="D104129" s="14" t="s">
        <v>183</v>
      </c>
      <c r="E104129" s="15">
        <v>45480</v>
      </c>
      <c r="F104129" s="14" t="s">
        <v>61</v>
      </c>
      <c r="G104129" s="16">
        <v>0.73684637962413568</v>
      </c>
    </row>
    <row r="104130" spans="1:7" x14ac:dyDescent="0.3">
      <c r="A104130" s="13" t="s">
        <v>508</v>
      </c>
      <c r="B104130" s="14" t="s">
        <v>1</v>
      </c>
      <c r="C104130" s="14" t="s">
        <v>238</v>
      </c>
      <c r="D104130" s="14" t="s">
        <v>183</v>
      </c>
      <c r="E104130" s="15">
        <v>45481</v>
      </c>
      <c r="F104130" s="14" t="s">
        <v>61</v>
      </c>
      <c r="G104130" s="16">
        <v>0.74428500170413614</v>
      </c>
    </row>
    <row r="104131" spans="1:7" x14ac:dyDescent="0.3">
      <c r="A104131" s="13" t="s">
        <v>508</v>
      </c>
      <c r="B104131" s="14" t="s">
        <v>1</v>
      </c>
      <c r="C104131" s="14" t="s">
        <v>238</v>
      </c>
      <c r="D104131" s="14" t="s">
        <v>183</v>
      </c>
      <c r="E104131" s="15">
        <v>45482</v>
      </c>
      <c r="F104131" s="14" t="s">
        <v>61</v>
      </c>
      <c r="G104131" s="16">
        <v>0.76657751294707266</v>
      </c>
    </row>
    <row r="104132" spans="1:7" x14ac:dyDescent="0.3">
      <c r="A104132" s="13" t="s">
        <v>508</v>
      </c>
      <c r="B104132" s="14" t="s">
        <v>1</v>
      </c>
      <c r="C104132" s="14" t="s">
        <v>238</v>
      </c>
      <c r="D104132" s="14" t="s">
        <v>183</v>
      </c>
      <c r="E104132" s="15">
        <v>45483</v>
      </c>
      <c r="F104132" s="14" t="s">
        <v>61</v>
      </c>
      <c r="G104132" s="16">
        <v>0.77446353194678941</v>
      </c>
    </row>
    <row r="104133" spans="1:7" x14ac:dyDescent="0.3">
      <c r="A104133" s="13" t="s">
        <v>508</v>
      </c>
      <c r="B104133" s="14" t="s">
        <v>1</v>
      </c>
      <c r="C104133" s="14" t="s">
        <v>238</v>
      </c>
      <c r="D104133" s="14" t="s">
        <v>183</v>
      </c>
      <c r="E104133" s="15">
        <v>45484</v>
      </c>
      <c r="F104133" s="14" t="s">
        <v>61</v>
      </c>
      <c r="G104133" s="16">
        <v>0.78189754662082811</v>
      </c>
    </row>
    <row r="104134" spans="1:7" x14ac:dyDescent="0.3">
      <c r="A104134" s="13" t="s">
        <v>508</v>
      </c>
      <c r="B104134" s="14" t="s">
        <v>1</v>
      </c>
      <c r="C104134" s="14" t="s">
        <v>238</v>
      </c>
      <c r="D104134" s="14" t="s">
        <v>183</v>
      </c>
      <c r="E104134" s="15">
        <v>45485</v>
      </c>
      <c r="F104134" s="14" t="s">
        <v>61</v>
      </c>
      <c r="G104134" s="16">
        <v>0.78937694257445756</v>
      </c>
    </row>
    <row r="104135" spans="1:7" x14ac:dyDescent="0.3">
      <c r="A104135" s="13" t="s">
        <v>508</v>
      </c>
      <c r="B104135" s="14" t="s">
        <v>1</v>
      </c>
      <c r="C104135" s="14" t="s">
        <v>238</v>
      </c>
      <c r="D104135" s="14" t="s">
        <v>183</v>
      </c>
      <c r="E104135" s="15">
        <v>45486</v>
      </c>
      <c r="F104135" s="14" t="s">
        <v>61</v>
      </c>
      <c r="G104135" s="16">
        <v>0.78937694257445756</v>
      </c>
    </row>
    <row r="104136" spans="1:7" x14ac:dyDescent="0.3">
      <c r="A104136" s="13" t="s">
        <v>508</v>
      </c>
      <c r="B104136" s="14" t="s">
        <v>1</v>
      </c>
      <c r="C104136" s="14" t="s">
        <v>238</v>
      </c>
      <c r="D104136" s="14" t="s">
        <v>183</v>
      </c>
      <c r="E104136" s="15">
        <v>45487</v>
      </c>
      <c r="F104136" s="14" t="s">
        <v>61</v>
      </c>
      <c r="G104136" s="16">
        <v>0.78937694257445756</v>
      </c>
    </row>
    <row r="104137" spans="1:7" x14ac:dyDescent="0.3">
      <c r="A104137" s="13" t="s">
        <v>508</v>
      </c>
      <c r="B104137" s="14" t="s">
        <v>1</v>
      </c>
      <c r="C104137" s="14" t="s">
        <v>238</v>
      </c>
      <c r="D104137" s="14" t="s">
        <v>183</v>
      </c>
      <c r="E104137" s="15">
        <v>45488</v>
      </c>
      <c r="F104137" s="14" t="s">
        <v>61</v>
      </c>
      <c r="G104137" s="16">
        <v>0.79689572725993485</v>
      </c>
    </row>
    <row r="104138" spans="1:7" x14ac:dyDescent="0.3">
      <c r="A104138" s="13" t="s">
        <v>508</v>
      </c>
      <c r="B104138" s="14" t="s">
        <v>1</v>
      </c>
      <c r="C104138" s="14" t="s">
        <v>238</v>
      </c>
      <c r="D104138" s="14" t="s">
        <v>183</v>
      </c>
      <c r="E104138" s="15">
        <v>45489</v>
      </c>
      <c r="F104138" s="14" t="s">
        <v>61</v>
      </c>
      <c r="G104138" s="16">
        <v>0.81944192314776432</v>
      </c>
    </row>
    <row r="104139" spans="1:7" x14ac:dyDescent="0.3">
      <c r="A104139" s="13" t="s">
        <v>508</v>
      </c>
      <c r="B104139" s="14" t="s">
        <v>1</v>
      </c>
      <c r="C104139" s="14" t="s">
        <v>238</v>
      </c>
      <c r="D104139" s="14" t="s">
        <v>183</v>
      </c>
      <c r="E104139" s="15">
        <v>45490</v>
      </c>
      <c r="F104139" s="14" t="s">
        <v>61</v>
      </c>
      <c r="G104139" s="16">
        <v>0.82695225494167246</v>
      </c>
    </row>
    <row r="104140" spans="1:7" x14ac:dyDescent="0.3">
      <c r="A104140" s="13" t="s">
        <v>508</v>
      </c>
      <c r="B104140" s="14" t="s">
        <v>1</v>
      </c>
      <c r="C104140" s="14" t="s">
        <v>238</v>
      </c>
      <c r="D104140" s="14" t="s">
        <v>183</v>
      </c>
      <c r="E104140" s="15">
        <v>45491</v>
      </c>
      <c r="F104140" s="14" t="s">
        <v>61</v>
      </c>
      <c r="G104140" s="16">
        <v>0.83447042962466533</v>
      </c>
    </row>
    <row r="104141" spans="1:7" x14ac:dyDescent="0.3">
      <c r="A104141" s="13" t="s">
        <v>508</v>
      </c>
      <c r="B104141" s="14" t="s">
        <v>1</v>
      </c>
      <c r="C104141" s="14" t="s">
        <v>238</v>
      </c>
      <c r="D104141" s="14" t="s">
        <v>183</v>
      </c>
      <c r="E104141" s="15">
        <v>45492</v>
      </c>
      <c r="F104141" s="14" t="s">
        <v>61</v>
      </c>
      <c r="G104141" s="16">
        <v>0.8419746613937299</v>
      </c>
    </row>
    <row r="104142" spans="1:7" x14ac:dyDescent="0.3">
      <c r="A104142" s="13" t="s">
        <v>508</v>
      </c>
      <c r="B104142" s="14" t="s">
        <v>1</v>
      </c>
      <c r="C104142" s="14" t="s">
        <v>238</v>
      </c>
      <c r="D104142" s="14" t="s">
        <v>183</v>
      </c>
      <c r="E104142" s="15">
        <v>45493</v>
      </c>
      <c r="F104142" s="14" t="s">
        <v>61</v>
      </c>
      <c r="G104142" s="16">
        <v>0.8419746613937299</v>
      </c>
    </row>
    <row r="104143" spans="1:7" x14ac:dyDescent="0.3">
      <c r="A104143" s="13" t="s">
        <v>508</v>
      </c>
      <c r="B104143" s="14" t="s">
        <v>1</v>
      </c>
      <c r="C104143" s="14" t="s">
        <v>238</v>
      </c>
      <c r="D104143" s="14" t="s">
        <v>183</v>
      </c>
      <c r="E104143" s="15">
        <v>45494</v>
      </c>
      <c r="F104143" s="14" t="s">
        <v>61</v>
      </c>
      <c r="G104143" s="16">
        <v>0.8419746613937299</v>
      </c>
    </row>
    <row r="104144" spans="1:7" x14ac:dyDescent="0.3">
      <c r="A104144" s="13" t="s">
        <v>508</v>
      </c>
      <c r="B104144" s="14" t="s">
        <v>1</v>
      </c>
      <c r="C104144" s="14" t="s">
        <v>238</v>
      </c>
      <c r="D104144" s="14" t="s">
        <v>183</v>
      </c>
      <c r="E104144" s="15">
        <v>45495</v>
      </c>
      <c r="F104144" s="14" t="s">
        <v>61</v>
      </c>
      <c r="G104144" s="16">
        <v>0.8494892632050286</v>
      </c>
    </row>
    <row r="104145" spans="1:7" x14ac:dyDescent="0.3">
      <c r="A104145" s="13" t="s">
        <v>508</v>
      </c>
      <c r="B104145" s="14" t="s">
        <v>1</v>
      </c>
      <c r="C104145" s="14" t="s">
        <v>238</v>
      </c>
      <c r="D104145" s="14" t="s">
        <v>183</v>
      </c>
      <c r="E104145" s="15">
        <v>45496</v>
      </c>
      <c r="F104145" s="14" t="s">
        <v>61</v>
      </c>
      <c r="G104145" s="16">
        <v>0.86961732210162002</v>
      </c>
    </row>
    <row r="104146" spans="1:7" x14ac:dyDescent="0.3">
      <c r="A104146" s="13" t="s">
        <v>508</v>
      </c>
      <c r="B104146" s="14" t="s">
        <v>1</v>
      </c>
      <c r="C104146" s="14" t="s">
        <v>238</v>
      </c>
      <c r="D104146" s="14" t="s">
        <v>183</v>
      </c>
      <c r="E104146" s="15">
        <v>45497</v>
      </c>
      <c r="F104146" s="14" t="s">
        <v>61</v>
      </c>
      <c r="G104146" s="16">
        <v>0.87714473625201672</v>
      </c>
    </row>
    <row r="104147" spans="1:7" x14ac:dyDescent="0.3">
      <c r="A104147" s="13" t="s">
        <v>508</v>
      </c>
      <c r="B104147" s="14" t="s">
        <v>1</v>
      </c>
      <c r="C104147" s="14" t="s">
        <v>238</v>
      </c>
      <c r="D104147" s="14" t="s">
        <v>183</v>
      </c>
      <c r="E104147" s="15">
        <v>45498</v>
      </c>
      <c r="F104147" s="14" t="s">
        <v>61</v>
      </c>
      <c r="G104147" s="16">
        <v>0.88466585337598724</v>
      </c>
    </row>
    <row r="104148" spans="1:7" x14ac:dyDescent="0.3">
      <c r="A104148" s="13" t="s">
        <v>508</v>
      </c>
      <c r="B104148" s="14" t="s">
        <v>1</v>
      </c>
      <c r="C104148" s="14" t="s">
        <v>238</v>
      </c>
      <c r="D104148" s="14" t="s">
        <v>183</v>
      </c>
      <c r="E104148" s="15">
        <v>45499</v>
      </c>
      <c r="F104148" s="14" t="s">
        <v>61</v>
      </c>
      <c r="G104148" s="16">
        <v>0.89214200440984426</v>
      </c>
    </row>
    <row r="104149" spans="1:7" x14ac:dyDescent="0.3">
      <c r="A104149" s="13" t="s">
        <v>508</v>
      </c>
      <c r="B104149" s="14" t="s">
        <v>1</v>
      </c>
      <c r="C104149" s="14" t="s">
        <v>238</v>
      </c>
      <c r="D104149" s="14" t="s">
        <v>183</v>
      </c>
      <c r="E104149" s="15">
        <v>45500</v>
      </c>
      <c r="F104149" s="14" t="s">
        <v>61</v>
      </c>
      <c r="G104149" s="16">
        <v>0.89214200440984426</v>
      </c>
    </row>
    <row r="104150" spans="1:7" x14ac:dyDescent="0.3">
      <c r="A104150" s="13" t="s">
        <v>508</v>
      </c>
      <c r="B104150" s="14" t="s">
        <v>1</v>
      </c>
      <c r="C104150" s="14" t="s">
        <v>238</v>
      </c>
      <c r="D104150" s="14" t="s">
        <v>183</v>
      </c>
      <c r="E104150" s="15">
        <v>45501</v>
      </c>
      <c r="F104150" s="14" t="s">
        <v>61</v>
      </c>
      <c r="G104150" s="16">
        <v>0.89214200440984426</v>
      </c>
    </row>
    <row r="104151" spans="1:7" x14ac:dyDescent="0.3">
      <c r="A104151" s="13" t="s">
        <v>508</v>
      </c>
      <c r="B104151" s="14" t="s">
        <v>1</v>
      </c>
      <c r="C104151" s="14" t="s">
        <v>238</v>
      </c>
      <c r="D104151" s="14" t="s">
        <v>183</v>
      </c>
      <c r="E104151" s="15">
        <v>45502</v>
      </c>
      <c r="F104151" s="14" t="s">
        <v>61</v>
      </c>
      <c r="G104151" s="16">
        <v>0.89819440663779704</v>
      </c>
    </row>
    <row r="104152" spans="1:7" x14ac:dyDescent="0.3">
      <c r="A104152" s="13" t="s">
        <v>508</v>
      </c>
      <c r="B104152" s="14" t="s">
        <v>1</v>
      </c>
      <c r="C104152" s="14" t="s">
        <v>238</v>
      </c>
      <c r="D104152" s="14" t="s">
        <v>183</v>
      </c>
      <c r="E104152" s="15">
        <v>45503</v>
      </c>
      <c r="F104152" s="14" t="s">
        <v>61</v>
      </c>
      <c r="G104152" s="16">
        <v>0.92071583892350572</v>
      </c>
    </row>
    <row r="104153" spans="1:7" x14ac:dyDescent="0.3">
      <c r="A104153" s="13" t="s">
        <v>508</v>
      </c>
      <c r="B104153" s="14" t="s">
        <v>1</v>
      </c>
      <c r="C104153" s="14" t="s">
        <v>238</v>
      </c>
      <c r="D104153" s="14" t="s">
        <v>183</v>
      </c>
      <c r="E104153" s="15">
        <v>45504</v>
      </c>
      <c r="F104153" s="14" t="s">
        <v>61</v>
      </c>
      <c r="G104153" s="16">
        <v>0.9282326989028501</v>
      </c>
    </row>
    <row r="104154" spans="1:7" x14ac:dyDescent="0.3">
      <c r="A104154" s="13" t="s">
        <v>508</v>
      </c>
      <c r="B104154" s="14" t="s">
        <v>1</v>
      </c>
      <c r="C104154" s="14" t="s">
        <v>238</v>
      </c>
      <c r="D104154" s="14" t="s">
        <v>183</v>
      </c>
      <c r="E104154" s="15">
        <v>45505</v>
      </c>
      <c r="F104154" s="14" t="s">
        <v>61</v>
      </c>
      <c r="G104154" s="16">
        <v>0.9282326989028501</v>
      </c>
    </row>
    <row r="104155" spans="1:7" x14ac:dyDescent="0.3">
      <c r="A104155" s="13" t="s">
        <v>508</v>
      </c>
      <c r="B104155" s="14" t="s">
        <v>1</v>
      </c>
      <c r="C104155" s="14" t="s">
        <v>238</v>
      </c>
      <c r="D104155" s="14" t="s">
        <v>183</v>
      </c>
      <c r="E104155" s="15">
        <v>45506</v>
      </c>
      <c r="F104155" s="14" t="s">
        <v>61</v>
      </c>
      <c r="G104155" s="16">
        <v>0.93614600547550364</v>
      </c>
    </row>
    <row r="104156" spans="1:7" x14ac:dyDescent="0.3">
      <c r="A104156" s="13" t="s">
        <v>508</v>
      </c>
      <c r="B104156" s="14" t="s">
        <v>1</v>
      </c>
      <c r="C104156" s="14" t="s">
        <v>238</v>
      </c>
      <c r="D104156" s="14" t="s">
        <v>183</v>
      </c>
      <c r="E104156" s="15">
        <v>45507</v>
      </c>
      <c r="F104156" s="14" t="s">
        <v>61</v>
      </c>
      <c r="G104156" s="16">
        <v>0.93614600547550364</v>
      </c>
    </row>
    <row r="104157" spans="1:7" x14ac:dyDescent="0.3">
      <c r="A104157" s="13" t="s">
        <v>508</v>
      </c>
      <c r="B104157" s="14" t="s">
        <v>1</v>
      </c>
      <c r="C104157" s="14" t="s">
        <v>238</v>
      </c>
      <c r="D104157" s="14" t="s">
        <v>183</v>
      </c>
      <c r="E104157" s="15">
        <v>45508</v>
      </c>
      <c r="F104157" s="14" t="s">
        <v>61</v>
      </c>
      <c r="G104157" s="16">
        <v>0.93614600547550364</v>
      </c>
    </row>
    <row r="104158" spans="1:7" x14ac:dyDescent="0.3">
      <c r="A104158" s="13" t="s">
        <v>508</v>
      </c>
      <c r="B104158" s="14" t="s">
        <v>1</v>
      </c>
      <c r="C104158" s="14" t="s">
        <v>238</v>
      </c>
      <c r="D104158" s="14" t="s">
        <v>183</v>
      </c>
      <c r="E104158" s="15">
        <v>45509</v>
      </c>
      <c r="F104158" s="14" t="s">
        <v>61</v>
      </c>
      <c r="G104158" s="16">
        <v>0.93614600547550364</v>
      </c>
    </row>
    <row r="104159" spans="1:7" x14ac:dyDescent="0.3">
      <c r="A104159" s="13" t="s">
        <v>508</v>
      </c>
      <c r="B104159" s="14" t="s">
        <v>1</v>
      </c>
      <c r="C104159" s="14" t="s">
        <v>238</v>
      </c>
      <c r="D104159" s="14" t="s">
        <v>183</v>
      </c>
      <c r="E104159" s="15">
        <v>45510</v>
      </c>
      <c r="F104159" s="14" t="s">
        <v>61</v>
      </c>
      <c r="G104159" s="16">
        <v>0.95135144603068023</v>
      </c>
    </row>
    <row r="104160" spans="1:7" x14ac:dyDescent="0.3">
      <c r="A104160" s="13" t="s">
        <v>508</v>
      </c>
      <c r="B104160" s="14" t="s">
        <v>1</v>
      </c>
      <c r="C104160" s="14" t="s">
        <v>238</v>
      </c>
      <c r="D104160" s="14" t="s">
        <v>183</v>
      </c>
      <c r="E104160" s="15">
        <v>45511</v>
      </c>
      <c r="F104160" s="14" t="s">
        <v>61</v>
      </c>
      <c r="G104160" s="16">
        <v>0.98175045837551911</v>
      </c>
    </row>
    <row r="104161" spans="1:7" x14ac:dyDescent="0.3">
      <c r="A104161" s="13" t="s">
        <v>508</v>
      </c>
      <c r="B104161" s="14" t="s">
        <v>1</v>
      </c>
      <c r="C104161" s="14" t="s">
        <v>238</v>
      </c>
      <c r="D104161" s="14" t="s">
        <v>183</v>
      </c>
      <c r="E104161" s="15">
        <v>45512</v>
      </c>
      <c r="F104161" s="14" t="s">
        <v>61</v>
      </c>
      <c r="G104161" s="16">
        <v>0.9873717360195623</v>
      </c>
    </row>
    <row r="104162" spans="1:7" x14ac:dyDescent="0.3">
      <c r="A104162" s="13" t="s">
        <v>508</v>
      </c>
      <c r="B104162" s="14" t="s">
        <v>1</v>
      </c>
      <c r="C104162" s="14" t="s">
        <v>238</v>
      </c>
      <c r="D104162" s="14" t="s">
        <v>183</v>
      </c>
      <c r="E104162" s="15">
        <v>45513</v>
      </c>
      <c r="F104162" s="14" t="s">
        <v>61</v>
      </c>
      <c r="G104162" s="16">
        <v>0.99489293837695558</v>
      </c>
    </row>
    <row r="104163" spans="1:7" x14ac:dyDescent="0.3">
      <c r="A104163" s="13" t="s">
        <v>508</v>
      </c>
      <c r="B104163" s="14" t="s">
        <v>1</v>
      </c>
      <c r="C104163" s="14" t="s">
        <v>238</v>
      </c>
      <c r="D104163" s="14" t="s">
        <v>183</v>
      </c>
      <c r="E104163" s="15">
        <v>45514</v>
      </c>
      <c r="F104163" s="14" t="s">
        <v>61</v>
      </c>
      <c r="G104163" s="16">
        <v>0.99489293837695558</v>
      </c>
    </row>
    <row r="104164" spans="1:7" x14ac:dyDescent="0.3">
      <c r="A104164" s="13" t="s">
        <v>508</v>
      </c>
      <c r="B104164" s="14" t="s">
        <v>1</v>
      </c>
      <c r="C104164" s="14" t="s">
        <v>238</v>
      </c>
      <c r="D104164" s="14" t="s">
        <v>183</v>
      </c>
      <c r="E104164" s="15">
        <v>45515</v>
      </c>
      <c r="F104164" s="14" t="s">
        <v>61</v>
      </c>
      <c r="G104164" s="16">
        <v>0.99489293837695558</v>
      </c>
    </row>
    <row r="104165" spans="1:7" x14ac:dyDescent="0.3">
      <c r="A104165" s="13" t="s">
        <v>508</v>
      </c>
      <c r="B104165" s="14" t="s">
        <v>1</v>
      </c>
      <c r="C104165" s="14" t="s">
        <v>238</v>
      </c>
      <c r="D104165" s="14" t="s">
        <v>183</v>
      </c>
      <c r="E104165" s="15">
        <v>45516</v>
      </c>
      <c r="F104165" s="14" t="s">
        <v>61</v>
      </c>
      <c r="G104165" s="16">
        <v>1.0023951747202686</v>
      </c>
    </row>
    <row r="104166" spans="1:7" x14ac:dyDescent="0.3">
      <c r="A104166" s="13" t="s">
        <v>508</v>
      </c>
      <c r="B104166" s="14" t="s">
        <v>1</v>
      </c>
      <c r="C104166" s="14" t="s">
        <v>238</v>
      </c>
      <c r="D104166" s="14" t="s">
        <v>183</v>
      </c>
      <c r="E104166" s="15">
        <v>45517</v>
      </c>
      <c r="F104166" s="14" t="s">
        <v>61</v>
      </c>
      <c r="G104166" s="16">
        <v>1.0248783150289356</v>
      </c>
    </row>
    <row r="104167" spans="1:7" x14ac:dyDescent="0.3">
      <c r="A104167" s="13" t="s">
        <v>508</v>
      </c>
      <c r="B104167" s="14" t="s">
        <v>1</v>
      </c>
      <c r="C104167" s="14" t="s">
        <v>238</v>
      </c>
      <c r="D104167" s="14" t="s">
        <v>183</v>
      </c>
      <c r="E104167" s="15">
        <v>45518</v>
      </c>
      <c r="F104167" s="14" t="s">
        <v>61</v>
      </c>
      <c r="G104167" s="16">
        <v>1.0323842729164014</v>
      </c>
    </row>
    <row r="104168" spans="1:7" x14ac:dyDescent="0.3">
      <c r="A104168" s="13" t="s">
        <v>508</v>
      </c>
      <c r="B104168" s="14" t="s">
        <v>1</v>
      </c>
      <c r="C104168" s="14" t="s">
        <v>238</v>
      </c>
      <c r="D104168" s="14" t="s">
        <v>183</v>
      </c>
      <c r="E104168" s="15">
        <v>45519</v>
      </c>
      <c r="F104168" s="14" t="s">
        <v>61</v>
      </c>
      <c r="G104168" s="16">
        <v>1.0398824029540132</v>
      </c>
    </row>
    <row r="104169" spans="1:7" x14ac:dyDescent="0.3">
      <c r="A104169" s="13" t="s">
        <v>508</v>
      </c>
      <c r="B104169" s="14" t="s">
        <v>1</v>
      </c>
      <c r="C104169" s="14" t="s">
        <v>238</v>
      </c>
      <c r="D104169" s="14" t="s">
        <v>183</v>
      </c>
      <c r="E104169" s="15">
        <v>45520</v>
      </c>
      <c r="F104169" s="14" t="s">
        <v>61</v>
      </c>
      <c r="G104169" s="16">
        <v>1.0473855716076232</v>
      </c>
    </row>
    <row r="104170" spans="1:7" x14ac:dyDescent="0.3">
      <c r="A104170" s="13" t="s">
        <v>508</v>
      </c>
      <c r="B104170" s="14" t="s">
        <v>1</v>
      </c>
      <c r="C104170" s="14" t="s">
        <v>238</v>
      </c>
      <c r="D104170" s="14" t="s">
        <v>183</v>
      </c>
      <c r="E104170" s="15">
        <v>45521</v>
      </c>
      <c r="F104170" s="14" t="s">
        <v>61</v>
      </c>
      <c r="G104170" s="16">
        <v>1.0473855716076232</v>
      </c>
    </row>
    <row r="104171" spans="1:7" x14ac:dyDescent="0.3">
      <c r="A104171" s="13" t="s">
        <v>508</v>
      </c>
      <c r="B104171" s="14" t="s">
        <v>1</v>
      </c>
      <c r="C104171" s="14" t="s">
        <v>238</v>
      </c>
      <c r="D104171" s="14" t="s">
        <v>183</v>
      </c>
      <c r="E104171" s="15">
        <v>45522</v>
      </c>
      <c r="F104171" s="14" t="s">
        <v>61</v>
      </c>
      <c r="G104171" s="16">
        <v>1.0473855716076232</v>
      </c>
    </row>
    <row r="104172" spans="1:7" x14ac:dyDescent="0.3">
      <c r="A104172" s="13" t="s">
        <v>508</v>
      </c>
      <c r="B104172" s="14" t="s">
        <v>1</v>
      </c>
      <c r="C104172" s="14" t="s">
        <v>238</v>
      </c>
      <c r="D104172" s="14" t="s">
        <v>183</v>
      </c>
      <c r="E104172" s="15">
        <v>45523</v>
      </c>
      <c r="F104172" s="14" t="s">
        <v>61</v>
      </c>
      <c r="G104172" s="16">
        <v>1.0548915294950891</v>
      </c>
    </row>
    <row r="104173" spans="1:7" x14ac:dyDescent="0.3">
      <c r="A104173" s="13" t="s">
        <v>508</v>
      </c>
      <c r="B104173" s="14" t="s">
        <v>1</v>
      </c>
      <c r="C104173" s="14" t="s">
        <v>238</v>
      </c>
      <c r="D104173" s="14" t="s">
        <v>183</v>
      </c>
      <c r="E104173" s="15">
        <v>45524</v>
      </c>
      <c r="F104173" s="14" t="s">
        <v>61</v>
      </c>
      <c r="G104173" s="16">
        <v>1.0773612059723603</v>
      </c>
    </row>
    <row r="104174" spans="1:7" x14ac:dyDescent="0.3">
      <c r="A104174" s="13" t="s">
        <v>508</v>
      </c>
      <c r="B104174" s="14" t="s">
        <v>1</v>
      </c>
      <c r="C104174" s="14" t="s">
        <v>238</v>
      </c>
      <c r="D104174" s="14" t="s">
        <v>183</v>
      </c>
      <c r="E104174" s="15">
        <v>45525</v>
      </c>
      <c r="F104174" s="14" t="s">
        <v>61</v>
      </c>
      <c r="G104174" s="16">
        <v>1.0848617676591601</v>
      </c>
    </row>
    <row r="104175" spans="1:7" x14ac:dyDescent="0.3">
      <c r="A104175" s="13" t="s">
        <v>508</v>
      </c>
      <c r="B104175" s="14" t="s">
        <v>1</v>
      </c>
      <c r="C104175" s="14" t="s">
        <v>238</v>
      </c>
      <c r="D104175" s="14" t="s">
        <v>183</v>
      </c>
      <c r="E104175" s="15">
        <v>45526</v>
      </c>
      <c r="F104175" s="14" t="s">
        <v>61</v>
      </c>
      <c r="G104175" s="16">
        <v>1.0923550006851219</v>
      </c>
    </row>
    <row r="104176" spans="1:7" x14ac:dyDescent="0.3">
      <c r="A104176" s="13" t="s">
        <v>508</v>
      </c>
      <c r="B104176" s="14" t="s">
        <v>1</v>
      </c>
      <c r="C104176" s="14" t="s">
        <v>238</v>
      </c>
      <c r="D104176" s="14" t="s">
        <v>183</v>
      </c>
      <c r="E104176" s="15">
        <v>45527</v>
      </c>
      <c r="F104176" s="14" t="s">
        <v>61</v>
      </c>
      <c r="G104176" s="16">
        <v>1.0998370369703852</v>
      </c>
    </row>
    <row r="104177" spans="1:7" x14ac:dyDescent="0.3">
      <c r="A104177" s="13" t="s">
        <v>508</v>
      </c>
      <c r="B104177" s="14" t="s">
        <v>1</v>
      </c>
      <c r="C104177" s="14" t="s">
        <v>238</v>
      </c>
      <c r="D104177" s="14" t="s">
        <v>183</v>
      </c>
      <c r="E104177" s="15">
        <v>45528</v>
      </c>
      <c r="F104177" s="14" t="s">
        <v>61</v>
      </c>
      <c r="G104177" s="16">
        <v>1.0998370369703852</v>
      </c>
    </row>
    <row r="104178" spans="1:7" x14ac:dyDescent="0.3">
      <c r="A104178" s="13" t="s">
        <v>508</v>
      </c>
      <c r="B104178" s="14" t="s">
        <v>1</v>
      </c>
      <c r="C104178" s="14" t="s">
        <v>238</v>
      </c>
      <c r="D104178" s="14" t="s">
        <v>183</v>
      </c>
      <c r="E104178" s="15">
        <v>45529</v>
      </c>
      <c r="F104178" s="14" t="s">
        <v>61</v>
      </c>
      <c r="G104178" s="16">
        <v>1.0998370369703852</v>
      </c>
    </row>
    <row r="104179" spans="1:7" x14ac:dyDescent="0.3">
      <c r="A104179" s="13" t="s">
        <v>508</v>
      </c>
      <c r="B104179" s="14" t="s">
        <v>1</v>
      </c>
      <c r="C104179" s="14" t="s">
        <v>238</v>
      </c>
      <c r="D104179" s="14" t="s">
        <v>183</v>
      </c>
      <c r="E104179" s="15">
        <v>45530</v>
      </c>
      <c r="F104179" s="14" t="s">
        <v>61</v>
      </c>
      <c r="G104179" s="16">
        <v>1.1073259704479186</v>
      </c>
    </row>
    <row r="104180" spans="1:7" x14ac:dyDescent="0.3">
      <c r="A104180" s="13" t="s">
        <v>508</v>
      </c>
      <c r="B104180" s="14" t="s">
        <v>1</v>
      </c>
      <c r="C104180" s="14" t="s">
        <v>238</v>
      </c>
      <c r="D104180" s="14" t="s">
        <v>183</v>
      </c>
      <c r="E104180" s="15">
        <v>45531</v>
      </c>
      <c r="F104180" s="14" t="s">
        <v>61</v>
      </c>
      <c r="G104180" s="16">
        <v>1.1297621048885225</v>
      </c>
    </row>
    <row r="104181" spans="1:7" x14ac:dyDescent="0.3">
      <c r="A104181" s="13" t="s">
        <v>508</v>
      </c>
      <c r="B104181" s="14" t="s">
        <v>1</v>
      </c>
      <c r="C104181" s="14" t="s">
        <v>238</v>
      </c>
      <c r="D104181" s="14" t="s">
        <v>183</v>
      </c>
      <c r="E104181" s="15">
        <v>45532</v>
      </c>
      <c r="F104181" s="14" t="s">
        <v>61</v>
      </c>
      <c r="G104181" s="16">
        <v>1.1372492468875441</v>
      </c>
    </row>
    <row r="104182" spans="1:7" x14ac:dyDescent="0.3">
      <c r="A104182" s="13" t="s">
        <v>508</v>
      </c>
      <c r="B104182" s="14" t="s">
        <v>1</v>
      </c>
      <c r="C104182" s="14" t="s">
        <v>238</v>
      </c>
      <c r="D104182" s="14" t="s">
        <v>183</v>
      </c>
      <c r="E104182" s="15">
        <v>45533</v>
      </c>
      <c r="F104182" s="14" t="s">
        <v>61</v>
      </c>
      <c r="G104182" s="16">
        <v>1.1374741828694215</v>
      </c>
    </row>
    <row r="104183" spans="1:7" x14ac:dyDescent="0.3">
      <c r="A104183" s="13" t="s">
        <v>508</v>
      </c>
      <c r="B104183" s="14" t="s">
        <v>1</v>
      </c>
      <c r="C104183" s="14" t="s">
        <v>238</v>
      </c>
      <c r="D104183" s="14" t="s">
        <v>183</v>
      </c>
      <c r="E104183" s="15">
        <v>45534</v>
      </c>
      <c r="F104183" s="14" t="s">
        <v>61</v>
      </c>
      <c r="G104183" s="16">
        <v>1.1449201208626725</v>
      </c>
    </row>
    <row r="104184" spans="1:7" x14ac:dyDescent="0.3">
      <c r="A104184" s="13" t="s">
        <v>508</v>
      </c>
      <c r="B104184" s="14" t="s">
        <v>1</v>
      </c>
      <c r="C104184" s="14" t="s">
        <v>238</v>
      </c>
      <c r="D104184" s="14" t="s">
        <v>183</v>
      </c>
      <c r="E104184" s="15">
        <v>45535</v>
      </c>
      <c r="F104184" s="14" t="s">
        <v>61</v>
      </c>
      <c r="G104184" s="16">
        <v>1.1449201208626725</v>
      </c>
    </row>
    <row r="104185" spans="1:7" x14ac:dyDescent="0.3">
      <c r="A104185" s="13" t="s">
        <v>508</v>
      </c>
      <c r="B104185" s="14" t="s">
        <v>1</v>
      </c>
      <c r="C104185" s="14" t="s">
        <v>238</v>
      </c>
      <c r="D104185" s="14" t="s">
        <v>183</v>
      </c>
      <c r="E104185" s="15">
        <v>45536</v>
      </c>
      <c r="F104185" s="14" t="s">
        <v>61</v>
      </c>
      <c r="G104185" s="16">
        <v>1.1449201208626725</v>
      </c>
    </row>
    <row r="104186" spans="1:7" x14ac:dyDescent="0.3">
      <c r="A104186" s="13" t="s">
        <v>508</v>
      </c>
      <c r="B104186" s="14" t="s">
        <v>1</v>
      </c>
      <c r="C104186" s="14" t="s">
        <v>238</v>
      </c>
      <c r="D104186" s="14" t="s">
        <v>183</v>
      </c>
      <c r="E104186" s="15">
        <v>45537</v>
      </c>
      <c r="F104186" s="14" t="s">
        <v>61</v>
      </c>
      <c r="G104186" s="16">
        <v>1.1523710749957563</v>
      </c>
    </row>
    <row r="104187" spans="1:7" x14ac:dyDescent="0.3">
      <c r="A104187" s="13" t="s">
        <v>508</v>
      </c>
      <c r="B104187" s="14" t="s">
        <v>1</v>
      </c>
      <c r="C104187" s="14" t="s">
        <v>238</v>
      </c>
      <c r="D104187" s="14" t="s">
        <v>183</v>
      </c>
      <c r="E104187" s="15">
        <v>45538</v>
      </c>
      <c r="F104187" s="14" t="s">
        <v>61</v>
      </c>
      <c r="G104187" s="16">
        <v>1.1746049422087999</v>
      </c>
    </row>
    <row r="104188" spans="1:7" x14ac:dyDescent="0.3">
      <c r="A104188" s="13" t="s">
        <v>508</v>
      </c>
      <c r="B104188" s="14" t="s">
        <v>1</v>
      </c>
      <c r="C104188" s="14" t="s">
        <v>238</v>
      </c>
      <c r="D104188" s="14" t="s">
        <v>183</v>
      </c>
      <c r="E104188" s="15">
        <v>45539</v>
      </c>
      <c r="F104188" s="14" t="s">
        <v>61</v>
      </c>
      <c r="G104188" s="16">
        <v>1.1820158558054272</v>
      </c>
    </row>
    <row r="104189" spans="1:7" x14ac:dyDescent="0.3">
      <c r="A104189" s="13" t="s">
        <v>508</v>
      </c>
      <c r="B104189" s="14" t="s">
        <v>1</v>
      </c>
      <c r="C104189" s="14" t="s">
        <v>238</v>
      </c>
      <c r="D104189" s="14" t="s">
        <v>183</v>
      </c>
      <c r="E104189" s="15">
        <v>45540</v>
      </c>
      <c r="F104189" s="14" t="s">
        <v>61</v>
      </c>
      <c r="G104189" s="16">
        <v>1.1899802222398266</v>
      </c>
    </row>
    <row r="104190" spans="1:7" x14ac:dyDescent="0.3">
      <c r="A104190" s="13" t="s">
        <v>508</v>
      </c>
      <c r="B104190" s="14" t="s">
        <v>1</v>
      </c>
      <c r="C104190" s="14" t="s">
        <v>238</v>
      </c>
      <c r="D104190" s="14" t="s">
        <v>183</v>
      </c>
      <c r="E104190" s="15">
        <v>45541</v>
      </c>
      <c r="F104190" s="14" t="s">
        <v>61</v>
      </c>
      <c r="G104190" s="16">
        <v>1.197461526440093</v>
      </c>
    </row>
    <row r="104191" spans="1:7" x14ac:dyDescent="0.3">
      <c r="A104191" s="13" t="s">
        <v>508</v>
      </c>
      <c r="B104191" s="14" t="s">
        <v>1</v>
      </c>
      <c r="C104191" s="14" t="s">
        <v>238</v>
      </c>
      <c r="D104191" s="14" t="s">
        <v>183</v>
      </c>
      <c r="E104191" s="15">
        <v>45542</v>
      </c>
      <c r="F104191" s="14" t="s">
        <v>61</v>
      </c>
      <c r="G104191" s="16">
        <v>1.197461526440093</v>
      </c>
    </row>
    <row r="104192" spans="1:7" x14ac:dyDescent="0.3">
      <c r="A104192" s="13" t="s">
        <v>508</v>
      </c>
      <c r="B104192" s="14" t="s">
        <v>1</v>
      </c>
      <c r="C104192" s="14" t="s">
        <v>238</v>
      </c>
      <c r="D104192" s="14" t="s">
        <v>183</v>
      </c>
      <c r="E104192" s="15">
        <v>45543</v>
      </c>
      <c r="F104192" s="14" t="s">
        <v>61</v>
      </c>
      <c r="G104192" s="16">
        <v>1.197461526440093</v>
      </c>
    </row>
    <row r="104193" spans="1:7" x14ac:dyDescent="0.3">
      <c r="A104193" s="13" t="s">
        <v>508</v>
      </c>
      <c r="B104193" s="14" t="s">
        <v>1</v>
      </c>
      <c r="C104193" s="14" t="s">
        <v>238</v>
      </c>
      <c r="D104193" s="14" t="s">
        <v>183</v>
      </c>
      <c r="E104193" s="15">
        <v>45544</v>
      </c>
      <c r="F104193" s="14" t="s">
        <v>61</v>
      </c>
      <c r="G104193" s="16">
        <v>1.2049970117029567</v>
      </c>
    </row>
    <row r="104194" spans="1:7" x14ac:dyDescent="0.3">
      <c r="A104194" s="13" t="s">
        <v>508</v>
      </c>
      <c r="B104194" s="14" t="s">
        <v>1</v>
      </c>
      <c r="C104194" s="14" t="s">
        <v>238</v>
      </c>
      <c r="D104194" s="14" t="s">
        <v>183</v>
      </c>
      <c r="E104194" s="15">
        <v>45545</v>
      </c>
      <c r="F104194" s="14" t="s">
        <v>61</v>
      </c>
      <c r="G104194" s="16">
        <v>1.2275516289899859</v>
      </c>
    </row>
    <row r="104195" spans="1:7" x14ac:dyDescent="0.3">
      <c r="A104195" s="13" t="s">
        <v>508</v>
      </c>
      <c r="B104195" s="14" t="s">
        <v>1</v>
      </c>
      <c r="C104195" s="14" t="s">
        <v>238</v>
      </c>
      <c r="D104195" s="14" t="s">
        <v>183</v>
      </c>
      <c r="E104195" s="15">
        <v>45546</v>
      </c>
      <c r="F104195" s="14" t="s">
        <v>61</v>
      </c>
      <c r="G104195" s="16">
        <v>1.2347361686394256</v>
      </c>
    </row>
    <row r="104196" spans="1:7" x14ac:dyDescent="0.3">
      <c r="A104196" s="13" t="s">
        <v>508</v>
      </c>
      <c r="B104196" s="14" t="s">
        <v>1</v>
      </c>
      <c r="C104196" s="14" t="s">
        <v>238</v>
      </c>
      <c r="D104196" s="14" t="s">
        <v>183</v>
      </c>
      <c r="E104196" s="15">
        <v>45547</v>
      </c>
      <c r="F104196" s="14" t="s">
        <v>61</v>
      </c>
      <c r="G104196" s="16">
        <v>1.2422588314598284</v>
      </c>
    </row>
    <row r="104197" spans="1:7" x14ac:dyDescent="0.3">
      <c r="A104197" s="13" t="s">
        <v>508</v>
      </c>
      <c r="B104197" s="14" t="s">
        <v>1</v>
      </c>
      <c r="C104197" s="14" t="s">
        <v>238</v>
      </c>
      <c r="D104197" s="14" t="s">
        <v>183</v>
      </c>
      <c r="E104197" s="15">
        <v>45548</v>
      </c>
      <c r="F104197" s="14" t="s">
        <v>61</v>
      </c>
      <c r="G104197" s="16">
        <v>1.2498006551873893</v>
      </c>
    </row>
    <row r="104198" spans="1:7" x14ac:dyDescent="0.3">
      <c r="A104198" s="13" t="s">
        <v>508</v>
      </c>
      <c r="B104198" s="14" t="s">
        <v>1</v>
      </c>
      <c r="C104198" s="14" t="s">
        <v>238</v>
      </c>
      <c r="D104198" s="14" t="s">
        <v>183</v>
      </c>
      <c r="E104198" s="15">
        <v>45549</v>
      </c>
      <c r="F104198" s="14" t="s">
        <v>61</v>
      </c>
      <c r="G104198" s="16">
        <v>1.2498006551873893</v>
      </c>
    </row>
    <row r="104199" spans="1:7" x14ac:dyDescent="0.3">
      <c r="A104199" s="13" t="s">
        <v>508</v>
      </c>
      <c r="B104199" s="14" t="s">
        <v>1</v>
      </c>
      <c r="C104199" s="14" t="s">
        <v>238</v>
      </c>
      <c r="D104199" s="14" t="s">
        <v>183</v>
      </c>
      <c r="E104199" s="15">
        <v>45550</v>
      </c>
      <c r="F104199" s="14" t="s">
        <v>61</v>
      </c>
      <c r="G104199" s="16">
        <v>1.2498006551873893</v>
      </c>
    </row>
    <row r="104200" spans="1:7" x14ac:dyDescent="0.3">
      <c r="A104200" s="13" t="s">
        <v>508</v>
      </c>
      <c r="B104200" s="14" t="s">
        <v>1</v>
      </c>
      <c r="C104200" s="14" t="s">
        <v>238</v>
      </c>
      <c r="D104200" s="14" t="s">
        <v>183</v>
      </c>
      <c r="E104200" s="15">
        <v>45551</v>
      </c>
      <c r="F104200" s="14" t="s">
        <v>61</v>
      </c>
      <c r="G104200" s="16">
        <v>1.2573555610178739</v>
      </c>
    </row>
    <row r="104201" spans="1:7" x14ac:dyDescent="0.3">
      <c r="A104201" s="13" t="s">
        <v>508</v>
      </c>
      <c r="B104201" s="14" t="s">
        <v>1</v>
      </c>
      <c r="C104201" s="14" t="s">
        <v>238</v>
      </c>
      <c r="D104201" s="14" t="s">
        <v>183</v>
      </c>
      <c r="E104201" s="15">
        <v>45552</v>
      </c>
      <c r="F104201" s="14" t="s">
        <v>61</v>
      </c>
      <c r="G104201" s="16">
        <v>1.280070593512725</v>
      </c>
    </row>
    <row r="104202" spans="1:7" x14ac:dyDescent="0.3">
      <c r="A104202" s="13" t="s">
        <v>508</v>
      </c>
      <c r="B104202" s="14" t="s">
        <v>1</v>
      </c>
      <c r="C104202" s="14" t="s">
        <v>238</v>
      </c>
      <c r="D104202" s="14" t="s">
        <v>183</v>
      </c>
      <c r="E104202" s="15">
        <v>45553</v>
      </c>
      <c r="F104202" s="14" t="s">
        <v>61</v>
      </c>
      <c r="G104202" s="16">
        <v>1.2876553856425126</v>
      </c>
    </row>
    <row r="104203" spans="1:7" x14ac:dyDescent="0.3">
      <c r="A104203" s="13" t="s">
        <v>508</v>
      </c>
      <c r="B104203" s="14" t="s">
        <v>1</v>
      </c>
      <c r="C104203" s="14" t="s">
        <v>238</v>
      </c>
      <c r="D104203" s="14" t="s">
        <v>183</v>
      </c>
      <c r="E104203" s="15">
        <v>45554</v>
      </c>
      <c r="F104203" s="14" t="s">
        <v>61</v>
      </c>
      <c r="G104203" s="16">
        <v>1.2952455772623817</v>
      </c>
    </row>
    <row r="104204" spans="1:7" x14ac:dyDescent="0.3">
      <c r="A104204" s="13" t="s">
        <v>508</v>
      </c>
      <c r="B104204" s="14" t="s">
        <v>1</v>
      </c>
      <c r="C104204" s="14" t="s">
        <v>238</v>
      </c>
      <c r="D104204" s="14" t="s">
        <v>183</v>
      </c>
      <c r="E104204" s="15">
        <v>45555</v>
      </c>
      <c r="F104204" s="14" t="s">
        <v>61</v>
      </c>
      <c r="G104204" s="16">
        <v>1.3027741615855883</v>
      </c>
    </row>
    <row r="104205" spans="1:7" x14ac:dyDescent="0.3">
      <c r="A104205" s="13" t="s">
        <v>508</v>
      </c>
      <c r="B104205" s="14" t="s">
        <v>1</v>
      </c>
      <c r="C104205" s="14" t="s">
        <v>238</v>
      </c>
      <c r="D104205" s="14" t="s">
        <v>183</v>
      </c>
      <c r="E104205" s="15">
        <v>45556</v>
      </c>
      <c r="F104205" s="14" t="s">
        <v>61</v>
      </c>
      <c r="G104205" s="16">
        <v>1.3027741615855883</v>
      </c>
    </row>
    <row r="104206" spans="1:7" x14ac:dyDescent="0.3">
      <c r="A104206" s="13" t="s">
        <v>508</v>
      </c>
      <c r="B104206" s="14" t="s">
        <v>1</v>
      </c>
      <c r="C104206" s="14" t="s">
        <v>238</v>
      </c>
      <c r="D104206" s="14" t="s">
        <v>183</v>
      </c>
      <c r="E104206" s="15">
        <v>45557</v>
      </c>
      <c r="F104206" s="14" t="s">
        <v>61</v>
      </c>
      <c r="G104206" s="16">
        <v>1.3027741615855883</v>
      </c>
    </row>
    <row r="104207" spans="1:7" x14ac:dyDescent="0.3">
      <c r="A104207" s="13" t="s">
        <v>508</v>
      </c>
      <c r="B104207" s="14" t="s">
        <v>1</v>
      </c>
      <c r="C104207" s="14" t="s">
        <v>238</v>
      </c>
      <c r="D104207" s="14" t="s">
        <v>183</v>
      </c>
      <c r="E104207" s="15">
        <v>45558</v>
      </c>
      <c r="F104207" s="14" t="s">
        <v>61</v>
      </c>
      <c r="G104207" s="16">
        <v>1.3100627406098324</v>
      </c>
    </row>
    <row r="104208" spans="1:7" x14ac:dyDescent="0.3">
      <c r="A104208" s="13" t="s">
        <v>508</v>
      </c>
      <c r="B104208" s="14" t="s">
        <v>1</v>
      </c>
      <c r="C104208" s="14" t="s">
        <v>238</v>
      </c>
      <c r="D104208" s="14" t="s">
        <v>183</v>
      </c>
      <c r="E104208" s="15">
        <v>45559</v>
      </c>
      <c r="F104208" s="14" t="s">
        <v>61</v>
      </c>
      <c r="G104208" s="16">
        <v>1.3328226925621816</v>
      </c>
    </row>
    <row r="104209" spans="1:7" x14ac:dyDescent="0.3">
      <c r="A104209" s="13" t="s">
        <v>508</v>
      </c>
      <c r="B104209" s="14" t="s">
        <v>1</v>
      </c>
      <c r="C104209" s="14" t="s">
        <v>238</v>
      </c>
      <c r="D104209" s="14" t="s">
        <v>183</v>
      </c>
      <c r="E104209" s="15">
        <v>45560</v>
      </c>
      <c r="F104209" s="14" t="s">
        <v>61</v>
      </c>
      <c r="G104209" s="16">
        <v>1.3403938195662466</v>
      </c>
    </row>
    <row r="104210" spans="1:7" x14ac:dyDescent="0.3">
      <c r="A104210" s="13" t="s">
        <v>508</v>
      </c>
      <c r="B104210" s="14" t="s">
        <v>1</v>
      </c>
      <c r="C104210" s="14" t="s">
        <v>238</v>
      </c>
      <c r="D104210" s="14" t="s">
        <v>183</v>
      </c>
      <c r="E104210" s="15">
        <v>45561</v>
      </c>
      <c r="F104210" s="14" t="s">
        <v>61</v>
      </c>
      <c r="G104210" s="16">
        <v>1.3479483053835912</v>
      </c>
    </row>
    <row r="104211" spans="1:7" x14ac:dyDescent="0.3">
      <c r="A104211" s="13" t="s">
        <v>508</v>
      </c>
      <c r="B104211" s="14" t="s">
        <v>1</v>
      </c>
      <c r="C104211" s="14" t="s">
        <v>238</v>
      </c>
      <c r="D104211" s="14" t="s">
        <v>183</v>
      </c>
      <c r="E104211" s="15">
        <v>45562</v>
      </c>
      <c r="F104211" s="14" t="s">
        <v>61</v>
      </c>
      <c r="G104211" s="16">
        <v>1.3554974202359096</v>
      </c>
    </row>
    <row r="104212" spans="1:7" x14ac:dyDescent="0.3">
      <c r="A104212" s="13" t="s">
        <v>508</v>
      </c>
      <c r="B104212" s="14" t="s">
        <v>1</v>
      </c>
      <c r="C104212" s="14" t="s">
        <v>238</v>
      </c>
      <c r="D104212" s="14" t="s">
        <v>183</v>
      </c>
      <c r="E104212" s="15">
        <v>45563</v>
      </c>
      <c r="F104212" s="14" t="s">
        <v>61</v>
      </c>
      <c r="G104212" s="16">
        <v>1.3554974202359096</v>
      </c>
    </row>
    <row r="104213" spans="1:7" x14ac:dyDescent="0.3">
      <c r="A104213" s="13" t="s">
        <v>508</v>
      </c>
      <c r="B104213" s="14" t="s">
        <v>1</v>
      </c>
      <c r="C104213" s="14" t="s">
        <v>238</v>
      </c>
      <c r="D104213" s="14" t="s">
        <v>183</v>
      </c>
      <c r="E104213" s="15">
        <v>45564</v>
      </c>
      <c r="F104213" s="14" t="s">
        <v>61</v>
      </c>
      <c r="G104213" s="16">
        <v>1.3554974202359096</v>
      </c>
    </row>
    <row r="104214" spans="1:7" x14ac:dyDescent="0.3">
      <c r="A104214" s="13" t="s">
        <v>508</v>
      </c>
      <c r="B104214" s="14" t="s">
        <v>1</v>
      </c>
      <c r="C104214" s="14" t="s">
        <v>238</v>
      </c>
      <c r="D104214" s="14" t="s">
        <v>183</v>
      </c>
      <c r="E104214" s="15">
        <v>45565</v>
      </c>
      <c r="F104214" s="14" t="s">
        <v>61</v>
      </c>
      <c r="G104214" s="16">
        <v>1.3629553167313895</v>
      </c>
    </row>
    <row r="104215" spans="1:7" x14ac:dyDescent="0.3">
      <c r="A104215" s="13" t="s">
        <v>508</v>
      </c>
      <c r="B104215" s="14" t="s">
        <v>1</v>
      </c>
      <c r="C104215" s="14" t="s">
        <v>238</v>
      </c>
      <c r="D104215" s="14" t="s">
        <v>183</v>
      </c>
      <c r="E104215" s="15">
        <v>45566</v>
      </c>
      <c r="F104215" s="14" t="s">
        <v>61</v>
      </c>
      <c r="G104215" s="16">
        <v>1.3844235843563477</v>
      </c>
    </row>
    <row r="104216" spans="1:7" x14ac:dyDescent="0.3">
      <c r="A104216" s="13" t="s">
        <v>508</v>
      </c>
      <c r="B104216" s="14" t="s">
        <v>1</v>
      </c>
      <c r="C104216" s="14" t="s">
        <v>238</v>
      </c>
      <c r="D104216" s="14" t="s">
        <v>183</v>
      </c>
      <c r="E104216" s="15">
        <v>45567</v>
      </c>
      <c r="F104216" s="14" t="s">
        <v>61</v>
      </c>
      <c r="G104216" s="16">
        <v>1.3922074950363239</v>
      </c>
    </row>
    <row r="104217" spans="1:7" x14ac:dyDescent="0.3">
      <c r="A104217" s="13" t="s">
        <v>508</v>
      </c>
      <c r="B104217" s="14" t="s">
        <v>1</v>
      </c>
      <c r="C104217" s="14" t="s">
        <v>238</v>
      </c>
      <c r="D104217" s="14" t="s">
        <v>183</v>
      </c>
      <c r="E104217" s="15">
        <v>45568</v>
      </c>
      <c r="F104217" s="14" t="s">
        <v>61</v>
      </c>
      <c r="G104217" s="16">
        <v>1.3996792569139711</v>
      </c>
    </row>
    <row r="104218" spans="1:7" x14ac:dyDescent="0.3">
      <c r="A104218" s="13" t="s">
        <v>508</v>
      </c>
      <c r="B104218" s="14" t="s">
        <v>1</v>
      </c>
      <c r="C104218" s="14" t="s">
        <v>238</v>
      </c>
      <c r="D104218" s="14" t="s">
        <v>183</v>
      </c>
      <c r="E104218" s="15">
        <v>45569</v>
      </c>
      <c r="F104218" s="14" t="s">
        <v>61</v>
      </c>
      <c r="G104218" s="16">
        <v>1.4076721179770015</v>
      </c>
    </row>
    <row r="104219" spans="1:7" x14ac:dyDescent="0.3">
      <c r="A104219" s="13" t="s">
        <v>508</v>
      </c>
      <c r="B104219" s="14" t="s">
        <v>1</v>
      </c>
      <c r="C104219" s="14" t="s">
        <v>238</v>
      </c>
      <c r="D104219" s="14" t="s">
        <v>183</v>
      </c>
      <c r="E104219" s="15">
        <v>45570</v>
      </c>
      <c r="F104219" s="14" t="s">
        <v>61</v>
      </c>
      <c r="G104219" s="16">
        <v>1.4076721179770015</v>
      </c>
    </row>
    <row r="104220" spans="1:7" x14ac:dyDescent="0.3">
      <c r="A104220" s="13" t="s">
        <v>508</v>
      </c>
      <c r="B104220" s="14" t="s">
        <v>1</v>
      </c>
      <c r="C104220" s="14" t="s">
        <v>238</v>
      </c>
      <c r="D104220" s="14" t="s">
        <v>183</v>
      </c>
      <c r="E104220" s="15">
        <v>45571</v>
      </c>
      <c r="F104220" s="14" t="s">
        <v>61</v>
      </c>
      <c r="G104220" s="16">
        <v>1.4076721179770015</v>
      </c>
    </row>
    <row r="104221" spans="1:7" x14ac:dyDescent="0.3">
      <c r="A104221" s="13" t="s">
        <v>508</v>
      </c>
      <c r="B104221" s="14" t="s">
        <v>1</v>
      </c>
      <c r="C104221" s="14" t="s">
        <v>238</v>
      </c>
      <c r="D104221" s="14" t="s">
        <v>183</v>
      </c>
      <c r="E104221" s="15">
        <v>45572</v>
      </c>
      <c r="F104221" s="14" t="s">
        <v>61</v>
      </c>
      <c r="G104221" s="16">
        <v>1.4118298614506744</v>
      </c>
    </row>
    <row r="104222" spans="1:7" x14ac:dyDescent="0.3">
      <c r="A104222" s="13" t="s">
        <v>508</v>
      </c>
      <c r="B104222" s="14" t="s">
        <v>1</v>
      </c>
      <c r="C104222" s="14" t="s">
        <v>238</v>
      </c>
      <c r="D104222" s="14" t="s">
        <v>183</v>
      </c>
      <c r="E104222" s="15">
        <v>45573</v>
      </c>
      <c r="F104222" s="14" t="s">
        <v>61</v>
      </c>
      <c r="G104222" s="16">
        <v>1.4378200981017091</v>
      </c>
    </row>
    <row r="104223" spans="1:7" x14ac:dyDescent="0.3">
      <c r="A104223" s="13" t="s">
        <v>508</v>
      </c>
      <c r="B104223" s="14" t="s">
        <v>1</v>
      </c>
      <c r="C104223" s="14" t="s">
        <v>238</v>
      </c>
      <c r="D104223" s="14" t="s">
        <v>183</v>
      </c>
      <c r="E104223" s="15">
        <v>45574</v>
      </c>
      <c r="F104223" s="14" t="s">
        <v>61</v>
      </c>
      <c r="G104223" s="16">
        <v>1.4454393081461825</v>
      </c>
    </row>
    <row r="104224" spans="1:7" x14ac:dyDescent="0.3">
      <c r="A104224" s="13" t="s">
        <v>508</v>
      </c>
      <c r="B104224" s="14" t="s">
        <v>1</v>
      </c>
      <c r="C104224" s="14" t="s">
        <v>238</v>
      </c>
      <c r="D104224" s="14" t="s">
        <v>183</v>
      </c>
      <c r="E104224" s="15">
        <v>45575</v>
      </c>
      <c r="F104224" s="14" t="s">
        <v>61</v>
      </c>
      <c r="G104224" s="16">
        <v>1.4530593803887208</v>
      </c>
    </row>
    <row r="104225" spans="1:7" x14ac:dyDescent="0.3">
      <c r="A104225" s="13" t="s">
        <v>508</v>
      </c>
      <c r="B104225" s="14" t="s">
        <v>1</v>
      </c>
      <c r="C104225" s="14" t="s">
        <v>238</v>
      </c>
      <c r="D104225" s="14" t="s">
        <v>183</v>
      </c>
      <c r="E104225" s="15">
        <v>45576</v>
      </c>
      <c r="F104225" s="14" t="s">
        <v>61</v>
      </c>
      <c r="G104225" s="16">
        <v>1.460741444672119</v>
      </c>
    </row>
    <row r="104226" spans="1:7" x14ac:dyDescent="0.3">
      <c r="A104226" s="13" t="s">
        <v>508</v>
      </c>
      <c r="B104226" s="14" t="s">
        <v>1</v>
      </c>
      <c r="C104226" s="14" t="s">
        <v>238</v>
      </c>
      <c r="D104226" s="14" t="s">
        <v>183</v>
      </c>
      <c r="E104226" s="15">
        <v>45577</v>
      </c>
      <c r="F104226" s="14" t="s">
        <v>61</v>
      </c>
      <c r="G104226" s="16">
        <v>1.460741444672119</v>
      </c>
    </row>
    <row r="104227" spans="1:7" x14ac:dyDescent="0.3">
      <c r="A104227" s="13" t="s">
        <v>508</v>
      </c>
      <c r="B104227" s="14" t="s">
        <v>1</v>
      </c>
      <c r="C104227" s="14" t="s">
        <v>238</v>
      </c>
      <c r="D104227" s="14" t="s">
        <v>183</v>
      </c>
      <c r="E104227" s="15">
        <v>45578</v>
      </c>
      <c r="F104227" s="14" t="s">
        <v>61</v>
      </c>
      <c r="G104227" s="16">
        <v>1.460741444672119</v>
      </c>
    </row>
    <row r="104228" spans="1:7" x14ac:dyDescent="0.3">
      <c r="A104228" s="13" t="s">
        <v>508</v>
      </c>
      <c r="B104228" s="14" t="s">
        <v>1</v>
      </c>
      <c r="C104228" s="14" t="s">
        <v>238</v>
      </c>
      <c r="D104228" s="14" t="s">
        <v>183</v>
      </c>
      <c r="E104228" s="15">
        <v>45579</v>
      </c>
      <c r="F104228" s="14" t="s">
        <v>61</v>
      </c>
      <c r="G104228" s="16">
        <v>1.4683734152479517</v>
      </c>
    </row>
    <row r="104229" spans="1:7" x14ac:dyDescent="0.3">
      <c r="A104229" s="13" t="s">
        <v>508</v>
      </c>
      <c r="B104229" s="14" t="s">
        <v>1</v>
      </c>
      <c r="C104229" s="14" t="s">
        <v>238</v>
      </c>
      <c r="D104229" s="14" t="s">
        <v>183</v>
      </c>
      <c r="E104229" s="15">
        <v>45580</v>
      </c>
      <c r="F104229" s="14" t="s">
        <v>61</v>
      </c>
      <c r="G104229" s="16">
        <v>1.4912357697594618</v>
      </c>
    </row>
    <row r="104230" spans="1:7" x14ac:dyDescent="0.3">
      <c r="A104230" s="13" t="s">
        <v>508</v>
      </c>
      <c r="B104230" s="14" t="s">
        <v>1</v>
      </c>
      <c r="C104230" s="14" t="s">
        <v>238</v>
      </c>
      <c r="D104230" s="14" t="s">
        <v>183</v>
      </c>
      <c r="E104230" s="15">
        <v>45581</v>
      </c>
      <c r="F104230" s="14" t="s">
        <v>61</v>
      </c>
      <c r="G104230" s="16">
        <v>1.4988716202265862</v>
      </c>
    </row>
    <row r="104231" spans="1:7" x14ac:dyDescent="0.3">
      <c r="A104231" s="13" t="s">
        <v>508</v>
      </c>
      <c r="B104231" s="14" t="s">
        <v>1</v>
      </c>
      <c r="C104231" s="14" t="s">
        <v>238</v>
      </c>
      <c r="D104231" s="14" t="s">
        <v>183</v>
      </c>
      <c r="E104231" s="15">
        <v>45582</v>
      </c>
      <c r="F104231" s="14" t="s">
        <v>61</v>
      </c>
      <c r="G104231" s="16">
        <v>1.5064991935922882</v>
      </c>
    </row>
    <row r="104232" spans="1:7" x14ac:dyDescent="0.3">
      <c r="A104232" s="13" t="s">
        <v>508</v>
      </c>
      <c r="B104232" s="14" t="s">
        <v>1</v>
      </c>
      <c r="C104232" s="14" t="s">
        <v>238</v>
      </c>
      <c r="D104232" s="14" t="s">
        <v>183</v>
      </c>
      <c r="E104232" s="15">
        <v>45583</v>
      </c>
      <c r="F104232" s="14" t="s">
        <v>61</v>
      </c>
      <c r="G104232" s="16">
        <v>1.5141206453517302</v>
      </c>
    </row>
    <row r="104233" spans="1:7" x14ac:dyDescent="0.3">
      <c r="A104233" s="13" t="s">
        <v>508</v>
      </c>
      <c r="B104233" s="14" t="s">
        <v>1</v>
      </c>
      <c r="C104233" s="14" t="s">
        <v>238</v>
      </c>
      <c r="D104233" s="14" t="s">
        <v>183</v>
      </c>
      <c r="E104233" s="15">
        <v>45584</v>
      </c>
      <c r="F104233" s="14" t="s">
        <v>61</v>
      </c>
      <c r="G104233" s="16">
        <v>1.5141206453517302</v>
      </c>
    </row>
    <row r="104234" spans="1:7" x14ac:dyDescent="0.3">
      <c r="A104234" s="13" t="s">
        <v>508</v>
      </c>
      <c r="B104234" s="14" t="s">
        <v>1</v>
      </c>
      <c r="C104234" s="14" t="s">
        <v>238</v>
      </c>
      <c r="D104234" s="14" t="s">
        <v>183</v>
      </c>
      <c r="E104234" s="15">
        <v>45585</v>
      </c>
      <c r="F104234" s="14" t="s">
        <v>61</v>
      </c>
      <c r="G104234" s="16">
        <v>1.5141206453517302</v>
      </c>
    </row>
    <row r="104235" spans="1:7" x14ac:dyDescent="0.3">
      <c r="A104235" s="13" t="s">
        <v>508</v>
      </c>
      <c r="B104235" s="14" t="s">
        <v>1</v>
      </c>
      <c r="C104235" s="14" t="s">
        <v>238</v>
      </c>
      <c r="D104235" s="14" t="s">
        <v>183</v>
      </c>
      <c r="E104235" s="15">
        <v>45586</v>
      </c>
      <c r="F104235" s="14" t="s">
        <v>61</v>
      </c>
      <c r="G104235" s="16">
        <v>1.5217394242971714</v>
      </c>
    </row>
    <row r="104236" spans="1:7" x14ac:dyDescent="0.3">
      <c r="A104236" s="13" t="s">
        <v>508</v>
      </c>
      <c r="B104236" s="14" t="s">
        <v>1</v>
      </c>
      <c r="C104236" s="14" t="s">
        <v>238</v>
      </c>
      <c r="D104236" s="14" t="s">
        <v>183</v>
      </c>
      <c r="E104236" s="15">
        <v>45587</v>
      </c>
      <c r="F104236" s="14" t="s">
        <v>61</v>
      </c>
      <c r="G104236" s="16">
        <v>1.5445296990504631</v>
      </c>
    </row>
    <row r="104237" spans="1:7" x14ac:dyDescent="0.3">
      <c r="A104237" s="13" t="s">
        <v>508</v>
      </c>
      <c r="B104237" s="14" t="s">
        <v>1</v>
      </c>
      <c r="C104237" s="14" t="s">
        <v>238</v>
      </c>
      <c r="D104237" s="14" t="s">
        <v>183</v>
      </c>
      <c r="E104237" s="15">
        <v>45588</v>
      </c>
      <c r="F104237" s="14" t="s">
        <v>61</v>
      </c>
      <c r="G104237" s="16">
        <v>1.5521099110395309</v>
      </c>
    </row>
    <row r="104238" spans="1:7" x14ac:dyDescent="0.3">
      <c r="A104238" s="13" t="s">
        <v>508</v>
      </c>
      <c r="B104238" s="14" t="s">
        <v>1</v>
      </c>
      <c r="C104238" s="14" t="s">
        <v>238</v>
      </c>
      <c r="D104238" s="14" t="s">
        <v>183</v>
      </c>
      <c r="E104238" s="15">
        <v>45589</v>
      </c>
      <c r="F104238" s="14" t="s">
        <v>61</v>
      </c>
      <c r="G104238" s="16">
        <v>1.5596886928287952</v>
      </c>
    </row>
    <row r="104239" spans="1:7" x14ac:dyDescent="0.3">
      <c r="A104239" s="13" t="s">
        <v>508</v>
      </c>
      <c r="B104239" s="14" t="s">
        <v>1</v>
      </c>
      <c r="C104239" s="14" t="s">
        <v>238</v>
      </c>
      <c r="D104239" s="14" t="s">
        <v>183</v>
      </c>
      <c r="E104239" s="15">
        <v>45590</v>
      </c>
      <c r="F104239" s="14" t="s">
        <v>61</v>
      </c>
      <c r="G104239" s="16">
        <v>1.5672689048178632</v>
      </c>
    </row>
    <row r="104240" spans="1:7" x14ac:dyDescent="0.3">
      <c r="A104240" s="13" t="s">
        <v>508</v>
      </c>
      <c r="B104240" s="14" t="s">
        <v>1</v>
      </c>
      <c r="C104240" s="14" t="s">
        <v>238</v>
      </c>
      <c r="D104240" s="14" t="s">
        <v>183</v>
      </c>
      <c r="E104240" s="15">
        <v>45591</v>
      </c>
      <c r="F104240" s="14" t="s">
        <v>61</v>
      </c>
      <c r="G104240" s="16">
        <v>1.5672689048178632</v>
      </c>
    </row>
    <row r="104241" spans="1:7" x14ac:dyDescent="0.3">
      <c r="A104241" s="13" t="s">
        <v>508</v>
      </c>
      <c r="B104241" s="14" t="s">
        <v>1</v>
      </c>
      <c r="C104241" s="14" t="s">
        <v>238</v>
      </c>
      <c r="D104241" s="14" t="s">
        <v>183</v>
      </c>
      <c r="E104241" s="15">
        <v>45592</v>
      </c>
      <c r="F104241" s="14" t="s">
        <v>61</v>
      </c>
      <c r="G104241" s="16">
        <v>1.5672689048178632</v>
      </c>
    </row>
    <row r="104242" spans="1:7" x14ac:dyDescent="0.3">
      <c r="A104242" s="13" t="s">
        <v>508</v>
      </c>
      <c r="B104242" s="14" t="s">
        <v>1</v>
      </c>
      <c r="C104242" s="14" t="s">
        <v>238</v>
      </c>
      <c r="D104242" s="14" t="s">
        <v>183</v>
      </c>
      <c r="E104242" s="15">
        <v>45593</v>
      </c>
      <c r="F104242" s="14" t="s">
        <v>61</v>
      </c>
      <c r="G104242" s="16">
        <v>1.5672689048178632</v>
      </c>
    </row>
    <row r="104243" spans="1:7" x14ac:dyDescent="0.3">
      <c r="A104243" s="13" t="s">
        <v>508</v>
      </c>
      <c r="B104243" s="14" t="s">
        <v>1</v>
      </c>
      <c r="C104243" s="14" t="s">
        <v>238</v>
      </c>
      <c r="D104243" s="14" t="s">
        <v>183</v>
      </c>
      <c r="E104243" s="15">
        <v>45594</v>
      </c>
      <c r="F104243" s="14" t="s">
        <v>61</v>
      </c>
      <c r="G104243" s="16">
        <v>1.5748564721202061</v>
      </c>
    </row>
    <row r="104244" spans="1:7" x14ac:dyDescent="0.3">
      <c r="A104244" s="13" t="s">
        <v>508</v>
      </c>
      <c r="B104244" s="14" t="s">
        <v>1</v>
      </c>
      <c r="C104244" s="14" t="s">
        <v>238</v>
      </c>
      <c r="D104244" s="14" t="s">
        <v>183</v>
      </c>
      <c r="E104244" s="15">
        <v>45595</v>
      </c>
      <c r="F104244" s="14" t="s">
        <v>61</v>
      </c>
      <c r="G104244" s="16">
        <v>1.6051804705364203</v>
      </c>
    </row>
    <row r="104245" spans="1:7" x14ac:dyDescent="0.3">
      <c r="A104245" s="13" t="s">
        <v>508</v>
      </c>
      <c r="B104245" s="14" t="s">
        <v>1</v>
      </c>
      <c r="C104245" s="14" t="s">
        <v>238</v>
      </c>
      <c r="D104245" s="14" t="s">
        <v>183</v>
      </c>
      <c r="E104245" s="15">
        <v>45596</v>
      </c>
      <c r="F104245" s="14" t="s">
        <v>61</v>
      </c>
      <c r="G104245" s="16">
        <v>1.6127739693843171</v>
      </c>
    </row>
    <row r="104246" spans="1:7" x14ac:dyDescent="0.3">
      <c r="A104246" s="13" t="s">
        <v>508</v>
      </c>
      <c r="B104246" s="14" t="s">
        <v>1</v>
      </c>
      <c r="C104246" s="14" t="s">
        <v>238</v>
      </c>
      <c r="D104246" s="14" t="s">
        <v>183</v>
      </c>
      <c r="E104246" s="15">
        <v>45597</v>
      </c>
      <c r="F104246" s="14" t="s">
        <v>61</v>
      </c>
      <c r="G104246" s="16">
        <v>1.6203753009188884</v>
      </c>
    </row>
    <row r="104247" spans="1:7" x14ac:dyDescent="0.3">
      <c r="A104247" s="13" t="s">
        <v>508</v>
      </c>
      <c r="B104247" s="14" t="s">
        <v>1</v>
      </c>
      <c r="C104247" s="14" t="s">
        <v>238</v>
      </c>
      <c r="D104247" s="14" t="s">
        <v>183</v>
      </c>
      <c r="E104247" s="15">
        <v>45598</v>
      </c>
      <c r="F104247" s="14" t="s">
        <v>61</v>
      </c>
      <c r="G104247" s="16">
        <v>1.6203753009188884</v>
      </c>
    </row>
    <row r="104248" spans="1:7" x14ac:dyDescent="0.3">
      <c r="A104248" s="13" t="s">
        <v>508</v>
      </c>
      <c r="B104248" s="14" t="s">
        <v>1</v>
      </c>
      <c r="C104248" s="14" t="s">
        <v>238</v>
      </c>
      <c r="D104248" s="14" t="s">
        <v>183</v>
      </c>
      <c r="E104248" s="15">
        <v>45599</v>
      </c>
      <c r="F104248" s="14" t="s">
        <v>61</v>
      </c>
      <c r="G104248" s="16">
        <v>1.6203753009188884</v>
      </c>
    </row>
    <row r="104249" spans="1:7" x14ac:dyDescent="0.3">
      <c r="A104249" s="13" t="s">
        <v>508</v>
      </c>
      <c r="B104249" s="14" t="s">
        <v>1</v>
      </c>
      <c r="C104249" s="14" t="s">
        <v>238</v>
      </c>
      <c r="D104249" s="14" t="s">
        <v>183</v>
      </c>
      <c r="E104249" s="15">
        <v>45600</v>
      </c>
      <c r="F104249" s="14" t="s">
        <v>61</v>
      </c>
      <c r="G104249" s="16">
        <v>1.6276883214735127</v>
      </c>
    </row>
    <row r="104250" spans="1:7" x14ac:dyDescent="0.3">
      <c r="A104250" s="13" t="s">
        <v>508</v>
      </c>
      <c r="B104250" s="14" t="s">
        <v>1</v>
      </c>
      <c r="C104250" s="14" t="s">
        <v>238</v>
      </c>
      <c r="D104250" s="14" t="s">
        <v>183</v>
      </c>
      <c r="E104250" s="15">
        <v>45601</v>
      </c>
      <c r="F104250" s="14" t="s">
        <v>61</v>
      </c>
      <c r="G104250" s="16">
        <v>1.6504793438901511</v>
      </c>
    </row>
    <row r="104251" spans="1:7" x14ac:dyDescent="0.3">
      <c r="A104251" s="13" t="s">
        <v>508</v>
      </c>
      <c r="B104251" s="14" t="s">
        <v>1</v>
      </c>
      <c r="C104251" s="14" t="s">
        <v>238</v>
      </c>
      <c r="D104251" s="14" t="s">
        <v>183</v>
      </c>
      <c r="E104251" s="15">
        <v>45602</v>
      </c>
      <c r="F104251" s="14" t="s">
        <v>61</v>
      </c>
      <c r="G104251" s="16">
        <v>1.6584255179693643</v>
      </c>
    </row>
    <row r="104252" spans="1:7" x14ac:dyDescent="0.3">
      <c r="A104252" s="13" t="s">
        <v>508</v>
      </c>
      <c r="B104252" s="14" t="s">
        <v>1</v>
      </c>
      <c r="C104252" s="14" t="s">
        <v>238</v>
      </c>
      <c r="D104252" s="14" t="s">
        <v>183</v>
      </c>
      <c r="E104252" s="15">
        <v>45603</v>
      </c>
      <c r="F104252" s="14" t="s">
        <v>61</v>
      </c>
      <c r="G104252" s="16">
        <v>1.6660417338185414</v>
      </c>
    </row>
    <row r="104253" spans="1:7" x14ac:dyDescent="0.3">
      <c r="A104253" s="13" t="s">
        <v>508</v>
      </c>
      <c r="B104253" s="14" t="s">
        <v>1</v>
      </c>
      <c r="C104253" s="14" t="s">
        <v>238</v>
      </c>
      <c r="D104253" s="14" t="s">
        <v>183</v>
      </c>
      <c r="E104253" s="15">
        <v>45604</v>
      </c>
      <c r="F104253" s="14" t="s">
        <v>61</v>
      </c>
      <c r="G104253" s="16">
        <v>1.679991972325676</v>
      </c>
    </row>
    <row r="104254" spans="1:7" x14ac:dyDescent="0.3">
      <c r="A104254" s="13" t="s">
        <v>508</v>
      </c>
      <c r="B104254" s="14" t="s">
        <v>1</v>
      </c>
      <c r="C104254" s="14" t="s">
        <v>238</v>
      </c>
      <c r="D104254" s="14" t="s">
        <v>183</v>
      </c>
      <c r="E104254" s="15">
        <v>45605</v>
      </c>
      <c r="F104254" s="14" t="s">
        <v>61</v>
      </c>
      <c r="G104254" s="16">
        <v>1.679991972325676</v>
      </c>
    </row>
    <row r="104255" spans="1:7" x14ac:dyDescent="0.3">
      <c r="A104255" s="13" t="s">
        <v>508</v>
      </c>
      <c r="B104255" s="14" t="s">
        <v>1</v>
      </c>
      <c r="C104255" s="14" t="s">
        <v>238</v>
      </c>
      <c r="D104255" s="14" t="s">
        <v>183</v>
      </c>
      <c r="E104255" s="15">
        <v>45606</v>
      </c>
      <c r="F104255" s="14" t="s">
        <v>61</v>
      </c>
      <c r="G104255" s="16">
        <v>1.679991972325676</v>
      </c>
    </row>
    <row r="104256" spans="1:7" x14ac:dyDescent="0.3">
      <c r="A104256" s="13" t="s">
        <v>508</v>
      </c>
      <c r="B104256" s="14" t="s">
        <v>1</v>
      </c>
      <c r="C104256" s="14" t="s">
        <v>238</v>
      </c>
      <c r="D104256" s="14" t="s">
        <v>183</v>
      </c>
      <c r="E104256" s="15">
        <v>45607</v>
      </c>
      <c r="F104256" s="14" t="s">
        <v>61</v>
      </c>
      <c r="G104256" s="16">
        <v>1.6875802703023424</v>
      </c>
    </row>
    <row r="104257" spans="1:7" x14ac:dyDescent="0.3">
      <c r="A104257" s="13" t="s">
        <v>508</v>
      </c>
      <c r="B104257" s="14" t="s">
        <v>1</v>
      </c>
      <c r="C104257" s="14" t="s">
        <v>238</v>
      </c>
      <c r="D104257" s="14" t="s">
        <v>183</v>
      </c>
      <c r="E104257" s="15">
        <v>45608</v>
      </c>
      <c r="F104257" s="14" t="s">
        <v>61</v>
      </c>
      <c r="G104257" s="16">
        <v>1.7102978989933348</v>
      </c>
    </row>
    <row r="104258" spans="1:7" x14ac:dyDescent="0.3">
      <c r="A104258" s="13" t="s">
        <v>508</v>
      </c>
      <c r="B104258" s="14" t="s">
        <v>1</v>
      </c>
      <c r="C104258" s="14" t="s">
        <v>238</v>
      </c>
      <c r="D104258" s="14" t="s">
        <v>183</v>
      </c>
      <c r="E104258" s="15">
        <v>45609</v>
      </c>
      <c r="F104258" s="14" t="s">
        <v>61</v>
      </c>
      <c r="G104258" s="16">
        <v>1.7178718537303908</v>
      </c>
    </row>
    <row r="104259" spans="1:7" x14ac:dyDescent="0.3">
      <c r="A104259" s="13" t="s">
        <v>508</v>
      </c>
      <c r="B104259" s="14" t="s">
        <v>1</v>
      </c>
      <c r="C104259" s="14" t="s">
        <v>238</v>
      </c>
      <c r="D104259" s="14" t="s">
        <v>183</v>
      </c>
      <c r="E104259" s="15">
        <v>45610</v>
      </c>
      <c r="F104259" s="14" t="s">
        <v>61</v>
      </c>
      <c r="G104259" s="16">
        <v>1.7254458880202079</v>
      </c>
    </row>
    <row r="104260" spans="1:7" x14ac:dyDescent="0.3">
      <c r="A104260" s="13" t="s">
        <v>508</v>
      </c>
      <c r="B104260" s="14" t="s">
        <v>1</v>
      </c>
      <c r="C104260" s="14" t="s">
        <v>238</v>
      </c>
      <c r="D104260" s="14" t="s">
        <v>183</v>
      </c>
      <c r="E104260" s="15">
        <v>45611</v>
      </c>
      <c r="F104260" s="14" t="s">
        <v>61</v>
      </c>
      <c r="G104260" s="16">
        <v>1.7330209498365641</v>
      </c>
    </row>
    <row r="104261" spans="1:7" x14ac:dyDescent="0.3">
      <c r="A104261" s="13" t="s">
        <v>508</v>
      </c>
      <c r="B104261" s="14" t="s">
        <v>1</v>
      </c>
      <c r="C104261" s="14" t="s">
        <v>238</v>
      </c>
      <c r="D104261" s="14" t="s">
        <v>183</v>
      </c>
      <c r="E104261" s="15">
        <v>45612</v>
      </c>
      <c r="F104261" s="14" t="s">
        <v>61</v>
      </c>
      <c r="G104261" s="16">
        <v>1.7330209498365641</v>
      </c>
    </row>
    <row r="104262" spans="1:7" x14ac:dyDescent="0.3">
      <c r="A104262" s="13" t="s">
        <v>508</v>
      </c>
      <c r="B104262" s="14" t="s">
        <v>1</v>
      </c>
      <c r="C104262" s="14" t="s">
        <v>238</v>
      </c>
      <c r="D104262" s="14" t="s">
        <v>183</v>
      </c>
      <c r="E104262" s="15">
        <v>45613</v>
      </c>
      <c r="F104262" s="14" t="s">
        <v>61</v>
      </c>
      <c r="G104262" s="16">
        <v>1.7330209498365641</v>
      </c>
    </row>
    <row r="104263" spans="1:7" x14ac:dyDescent="0.3">
      <c r="A104263" s="13" t="s">
        <v>508</v>
      </c>
      <c r="B104263" s="14" t="s">
        <v>1</v>
      </c>
      <c r="C104263" s="14" t="s">
        <v>238</v>
      </c>
      <c r="D104263" s="14" t="s">
        <v>183</v>
      </c>
      <c r="E104263" s="15">
        <v>45614</v>
      </c>
      <c r="F104263" s="14" t="s">
        <v>61</v>
      </c>
      <c r="G104263" s="16">
        <v>1.7405916275396882</v>
      </c>
    </row>
    <row r="104264" spans="1:7" x14ac:dyDescent="0.3">
      <c r="A104264" s="13" t="s">
        <v>508</v>
      </c>
      <c r="B104264" s="14" t="s">
        <v>1</v>
      </c>
      <c r="C104264" s="14" t="s">
        <v>238</v>
      </c>
      <c r="D104264" s="14" t="s">
        <v>183</v>
      </c>
      <c r="E104264" s="15">
        <v>45615</v>
      </c>
      <c r="F104264" s="14" t="s">
        <v>61</v>
      </c>
      <c r="G104264" s="16">
        <v>1.7632520120862711</v>
      </c>
    </row>
    <row r="104265" spans="1:7" x14ac:dyDescent="0.3">
      <c r="A104265" s="13" t="s">
        <v>508</v>
      </c>
      <c r="B104265" s="14" t="s">
        <v>1</v>
      </c>
      <c r="C104265" s="14" t="s">
        <v>238</v>
      </c>
      <c r="D104265" s="14" t="s">
        <v>183</v>
      </c>
      <c r="E104265" s="15">
        <v>45616</v>
      </c>
      <c r="F104265" s="14" t="s">
        <v>61</v>
      </c>
      <c r="G104265" s="16">
        <v>1.7708206187774971</v>
      </c>
    </row>
    <row r="104266" spans="1:7" x14ac:dyDescent="0.3">
      <c r="A104266" s="13" t="s">
        <v>508</v>
      </c>
      <c r="B104266" s="14" t="s">
        <v>1</v>
      </c>
      <c r="C104266" s="14" t="s">
        <v>238</v>
      </c>
      <c r="D104266" s="14" t="s">
        <v>183</v>
      </c>
      <c r="E104266" s="15">
        <v>45617</v>
      </c>
      <c r="F104266" s="14" t="s">
        <v>61</v>
      </c>
      <c r="G104266" s="16">
        <v>1.7784028064020421</v>
      </c>
    </row>
    <row r="104267" spans="1:7" x14ac:dyDescent="0.3">
      <c r="A104267" s="13" t="s">
        <v>508</v>
      </c>
      <c r="B104267" s="14" t="s">
        <v>1</v>
      </c>
      <c r="C104267" s="14" t="s">
        <v>238</v>
      </c>
      <c r="D104267" s="14" t="s">
        <v>183</v>
      </c>
      <c r="E104267" s="15">
        <v>45618</v>
      </c>
      <c r="F104267" s="14" t="s">
        <v>61</v>
      </c>
      <c r="G104267" s="16">
        <v>1.7859845138925809</v>
      </c>
    </row>
    <row r="104268" spans="1:7" x14ac:dyDescent="0.3">
      <c r="A104268" s="13" t="s">
        <v>508</v>
      </c>
      <c r="B104268" s="14" t="s">
        <v>1</v>
      </c>
      <c r="C104268" s="14" t="s">
        <v>238</v>
      </c>
      <c r="D104268" s="14" t="s">
        <v>183</v>
      </c>
      <c r="E104268" s="15">
        <v>45619</v>
      </c>
      <c r="F104268" s="14" t="s">
        <v>61</v>
      </c>
      <c r="G104268" s="16">
        <v>1.7859845138925809</v>
      </c>
    </row>
    <row r="104269" spans="1:7" x14ac:dyDescent="0.3">
      <c r="A104269" s="13" t="s">
        <v>508</v>
      </c>
      <c r="B104269" s="14" t="s">
        <v>1</v>
      </c>
      <c r="C104269" s="14" t="s">
        <v>238</v>
      </c>
      <c r="D104269" s="14" t="s">
        <v>183</v>
      </c>
      <c r="E104269" s="15">
        <v>45620</v>
      </c>
      <c r="F104269" s="14" t="s">
        <v>61</v>
      </c>
      <c r="G104269" s="16">
        <v>1.7859845138925809</v>
      </c>
    </row>
    <row r="104270" spans="1:7" x14ac:dyDescent="0.3">
      <c r="A104270" s="13" t="s">
        <v>508</v>
      </c>
      <c r="B104270" s="14" t="s">
        <v>1</v>
      </c>
      <c r="C104270" s="14" t="s">
        <v>238</v>
      </c>
      <c r="D104270" s="14" t="s">
        <v>183</v>
      </c>
      <c r="E104270" s="15">
        <v>45621</v>
      </c>
      <c r="F104270" s="14" t="s">
        <v>61</v>
      </c>
      <c r="G104270" s="16">
        <v>1.793592217210028</v>
      </c>
    </row>
    <row r="104271" spans="1:7" x14ac:dyDescent="0.3">
      <c r="A104271" s="13" t="s">
        <v>508</v>
      </c>
      <c r="B104271" s="14" t="s">
        <v>1</v>
      </c>
      <c r="C104271" s="14" t="s">
        <v>238</v>
      </c>
      <c r="D104271" s="14" t="s">
        <v>183</v>
      </c>
      <c r="E104271" s="15">
        <v>45622</v>
      </c>
      <c r="F104271" s="14" t="s">
        <v>61</v>
      </c>
      <c r="G104271" s="16">
        <v>1.8163698230447018</v>
      </c>
    </row>
    <row r="104272" spans="1:7" x14ac:dyDescent="0.3">
      <c r="A104272" s="13" t="s">
        <v>508</v>
      </c>
      <c r="B104272" s="14" t="s">
        <v>1</v>
      </c>
      <c r="C104272" s="14" t="s">
        <v>238</v>
      </c>
      <c r="D104272" s="14" t="s">
        <v>183</v>
      </c>
      <c r="E104272" s="15">
        <v>45623</v>
      </c>
      <c r="F104272" s="14" t="s">
        <v>61</v>
      </c>
      <c r="G104272" s="16">
        <v>1.8239772519998596</v>
      </c>
    </row>
    <row r="104273" spans="1:7" x14ac:dyDescent="0.3">
      <c r="A104273" s="13" t="s">
        <v>508</v>
      </c>
      <c r="B104273" s="14" t="s">
        <v>1</v>
      </c>
      <c r="C104273" s="14" t="s">
        <v>238</v>
      </c>
      <c r="D104273" s="14" t="s">
        <v>183</v>
      </c>
      <c r="E104273" s="15">
        <v>45624</v>
      </c>
      <c r="F104273" s="14" t="s">
        <v>61</v>
      </c>
      <c r="G104273" s="16">
        <v>1.8316584844108315</v>
      </c>
    </row>
    <row r="104274" spans="1:7" x14ac:dyDescent="0.3">
      <c r="A104274" s="13" t="s">
        <v>508</v>
      </c>
      <c r="B104274" s="14" t="s">
        <v>1</v>
      </c>
      <c r="C104274" s="14" t="s">
        <v>238</v>
      </c>
      <c r="D104274" s="14" t="s">
        <v>183</v>
      </c>
      <c r="E104274" s="15">
        <v>45625</v>
      </c>
      <c r="F104274" s="14" t="s">
        <v>61</v>
      </c>
      <c r="G104274" s="16">
        <v>1.839341020042677</v>
      </c>
    </row>
    <row r="104275" spans="1:7" x14ac:dyDescent="0.3">
      <c r="A104275" s="13" t="s">
        <v>508</v>
      </c>
      <c r="B104275" s="14" t="s">
        <v>1</v>
      </c>
      <c r="C104275" s="14" t="s">
        <v>238</v>
      </c>
      <c r="D104275" s="14" t="s">
        <v>183</v>
      </c>
      <c r="E104275" s="15">
        <v>45626</v>
      </c>
      <c r="F104275" s="14" t="s">
        <v>61</v>
      </c>
      <c r="G104275" s="16">
        <v>1.839341020042677</v>
      </c>
    </row>
    <row r="104276" spans="1:7" x14ac:dyDescent="0.3">
      <c r="A104276" s="13" t="s">
        <v>508</v>
      </c>
      <c r="B104276" s="14" t="s">
        <v>1</v>
      </c>
      <c r="C104276" s="14" t="s">
        <v>238</v>
      </c>
      <c r="D104276" s="14" t="s">
        <v>183</v>
      </c>
      <c r="E104276" s="15">
        <v>45627</v>
      </c>
      <c r="F104276" s="14" t="s">
        <v>61</v>
      </c>
      <c r="G104276" s="16">
        <v>1.839341020042677</v>
      </c>
    </row>
    <row r="104277" spans="1:7" x14ac:dyDescent="0.3">
      <c r="A104277" s="13" t="s">
        <v>508</v>
      </c>
      <c r="B104277" s="14" t="s">
        <v>1</v>
      </c>
      <c r="C104277" s="14" t="s">
        <v>238</v>
      </c>
      <c r="D104277" s="14" t="s">
        <v>183</v>
      </c>
      <c r="E104277" s="15">
        <v>45628</v>
      </c>
      <c r="F104277" s="14" t="s">
        <v>61</v>
      </c>
      <c r="G104277" s="16">
        <v>1.8470199889647623</v>
      </c>
    </row>
    <row r="104278" spans="1:7" x14ac:dyDescent="0.3">
      <c r="A104278" s="13" t="s">
        <v>508</v>
      </c>
      <c r="B104278" s="14" t="s">
        <v>1</v>
      </c>
      <c r="C104278" s="14" t="s">
        <v>238</v>
      </c>
      <c r="D104278" s="14" t="s">
        <v>183</v>
      </c>
      <c r="E104278" s="15">
        <v>45629</v>
      </c>
      <c r="F104278" s="14" t="s">
        <v>61</v>
      </c>
      <c r="G104278" s="16">
        <v>1.8699698943170984</v>
      </c>
    </row>
    <row r="104279" spans="1:7" x14ac:dyDescent="0.3">
      <c r="A104279" s="13" t="s">
        <v>508</v>
      </c>
      <c r="B104279" s="14" t="s">
        <v>1</v>
      </c>
      <c r="C104279" s="14" t="s">
        <v>238</v>
      </c>
      <c r="D104279" s="14" t="s">
        <v>183</v>
      </c>
      <c r="E104279" s="15">
        <v>45630</v>
      </c>
      <c r="F104279" s="14" t="s">
        <v>61</v>
      </c>
      <c r="G104279" s="16">
        <v>1.877687136778537</v>
      </c>
    </row>
    <row r="104280" spans="1:7" x14ac:dyDescent="0.3">
      <c r="A104280" s="13" t="s">
        <v>508</v>
      </c>
      <c r="B104280" s="14" t="s">
        <v>1</v>
      </c>
      <c r="C104280" s="14" t="s">
        <v>238</v>
      </c>
      <c r="D104280" s="14" t="s">
        <v>183</v>
      </c>
      <c r="E104280" s="15">
        <v>45631</v>
      </c>
      <c r="F104280" s="14" t="s">
        <v>61</v>
      </c>
      <c r="G104280" s="16">
        <v>1.885619406219623</v>
      </c>
    </row>
    <row r="104281" spans="1:7" x14ac:dyDescent="0.3">
      <c r="A104281" s="13" t="s">
        <v>508</v>
      </c>
      <c r="B104281" s="14" t="s">
        <v>1</v>
      </c>
      <c r="C104281" s="14" t="s">
        <v>238</v>
      </c>
      <c r="D104281" s="14" t="s">
        <v>183</v>
      </c>
      <c r="E104281" s="15">
        <v>45632</v>
      </c>
      <c r="F104281" s="14" t="s">
        <v>61</v>
      </c>
      <c r="G104281" s="16">
        <v>1.8938176019910373</v>
      </c>
    </row>
    <row r="104282" spans="1:7" x14ac:dyDescent="0.3">
      <c r="A104282" s="13" t="s">
        <v>508</v>
      </c>
      <c r="B104282" s="14" t="s">
        <v>1</v>
      </c>
      <c r="C104282" s="14" t="s">
        <v>238</v>
      </c>
      <c r="D104282" s="14" t="s">
        <v>183</v>
      </c>
      <c r="E104282" s="15">
        <v>45633</v>
      </c>
      <c r="F104282" s="14" t="s">
        <v>61</v>
      </c>
      <c r="G104282" s="16">
        <v>1.8938176019910373</v>
      </c>
    </row>
    <row r="104283" spans="1:7" x14ac:dyDescent="0.3">
      <c r="A104283" s="13" t="s">
        <v>508</v>
      </c>
      <c r="B104283" s="14" t="s">
        <v>1</v>
      </c>
      <c r="C104283" s="14" t="s">
        <v>238</v>
      </c>
      <c r="D104283" s="14" t="s">
        <v>183</v>
      </c>
      <c r="E104283" s="15">
        <v>45634</v>
      </c>
      <c r="F104283" s="14" t="s">
        <v>61</v>
      </c>
      <c r="G104283" s="16">
        <v>1.8938176019910373</v>
      </c>
    </row>
    <row r="104284" spans="1:7" x14ac:dyDescent="0.3">
      <c r="A104284" s="13" t="s">
        <v>508</v>
      </c>
      <c r="B104284" s="14" t="s">
        <v>1</v>
      </c>
      <c r="C104284" s="14" t="s">
        <v>238</v>
      </c>
      <c r="D104284" s="14" t="s">
        <v>183</v>
      </c>
      <c r="E104284" s="15">
        <v>45635</v>
      </c>
      <c r="F104284" s="14" t="s">
        <v>61</v>
      </c>
      <c r="G104284" s="16">
        <v>1.9014834642223559</v>
      </c>
    </row>
    <row r="104285" spans="1:7" x14ac:dyDescent="0.3">
      <c r="A104285" s="13" t="s">
        <v>508</v>
      </c>
      <c r="B104285" s="14" t="s">
        <v>1</v>
      </c>
      <c r="C104285" s="14" t="s">
        <v>238</v>
      </c>
      <c r="D104285" s="14" t="s">
        <v>183</v>
      </c>
      <c r="E104285" s="15">
        <v>45636</v>
      </c>
      <c r="F104285" s="14" t="s">
        <v>61</v>
      </c>
      <c r="G104285" s="16">
        <v>1.9243861976017056</v>
      </c>
    </row>
    <row r="104286" spans="1:7" x14ac:dyDescent="0.3">
      <c r="A104286" s="13" t="s">
        <v>508</v>
      </c>
      <c r="B104286" s="14" t="s">
        <v>1</v>
      </c>
      <c r="C104286" s="14" t="s">
        <v>238</v>
      </c>
      <c r="D104286" s="14" t="s">
        <v>183</v>
      </c>
      <c r="E104286" s="15">
        <v>45637</v>
      </c>
      <c r="F104286" s="14" t="s">
        <v>61</v>
      </c>
      <c r="G104286" s="16">
        <v>1.932044777944361</v>
      </c>
    </row>
    <row r="104287" spans="1:7" x14ac:dyDescent="0.3">
      <c r="A104287" s="13" t="s">
        <v>508</v>
      </c>
      <c r="B104287" s="14" t="s">
        <v>1</v>
      </c>
      <c r="C104287" s="14" t="s">
        <v>238</v>
      </c>
      <c r="D104287" s="14" t="s">
        <v>183</v>
      </c>
      <c r="E104287" s="15">
        <v>45638</v>
      </c>
      <c r="F104287" s="14" t="s">
        <v>61</v>
      </c>
      <c r="G104287" s="16">
        <v>1.9396868022948677</v>
      </c>
    </row>
    <row r="104288" spans="1:7" x14ac:dyDescent="0.3">
      <c r="A104288" s="13" t="s">
        <v>508</v>
      </c>
      <c r="B104288" s="14" t="s">
        <v>1</v>
      </c>
      <c r="C104288" s="14" t="s">
        <v>238</v>
      </c>
      <c r="D104288" s="14" t="s">
        <v>183</v>
      </c>
      <c r="E104288" s="15">
        <v>45639</v>
      </c>
      <c r="F104288" s="14" t="s">
        <v>61</v>
      </c>
      <c r="G104288" s="16">
        <v>1.9469770976835354</v>
      </c>
    </row>
    <row r="104289" spans="1:7" x14ac:dyDescent="0.3">
      <c r="A104289" s="13" t="s">
        <v>508</v>
      </c>
      <c r="B104289" s="14" t="s">
        <v>1</v>
      </c>
      <c r="C104289" s="14" t="s">
        <v>238</v>
      </c>
      <c r="D104289" s="14" t="s">
        <v>183</v>
      </c>
      <c r="E104289" s="15">
        <v>45640</v>
      </c>
      <c r="F104289" s="14" t="s">
        <v>61</v>
      </c>
      <c r="G104289" s="16">
        <v>1.9469770976835354</v>
      </c>
    </row>
    <row r="104290" spans="1:7" x14ac:dyDescent="0.3">
      <c r="A104290" s="13" t="s">
        <v>508</v>
      </c>
      <c r="B104290" s="14" t="s">
        <v>1</v>
      </c>
      <c r="C104290" s="14" t="s">
        <v>238</v>
      </c>
      <c r="D104290" s="14" t="s">
        <v>183</v>
      </c>
      <c r="E104290" s="15">
        <v>45641</v>
      </c>
      <c r="F104290" s="14" t="s">
        <v>61</v>
      </c>
      <c r="G104290" s="16">
        <v>1.9469770976835354</v>
      </c>
    </row>
    <row r="104291" spans="1:7" x14ac:dyDescent="0.3">
      <c r="A104291" s="13" t="s">
        <v>508</v>
      </c>
      <c r="B104291" s="14" t="s">
        <v>1</v>
      </c>
      <c r="C104291" s="14" t="s">
        <v>238</v>
      </c>
      <c r="D104291" s="14" t="s">
        <v>183</v>
      </c>
      <c r="E104291" s="15">
        <v>45642</v>
      </c>
      <c r="F104291" s="14" t="s">
        <v>61</v>
      </c>
      <c r="G104291" s="16">
        <v>1.9546090922628645</v>
      </c>
    </row>
    <row r="104292" spans="1:7" x14ac:dyDescent="0.3">
      <c r="A104292" s="13" t="s">
        <v>508</v>
      </c>
      <c r="B104292" s="14" t="s">
        <v>1</v>
      </c>
      <c r="C104292" s="14" t="s">
        <v>238</v>
      </c>
      <c r="D104292" s="14" t="s">
        <v>183</v>
      </c>
      <c r="E104292" s="15">
        <v>45643</v>
      </c>
      <c r="F104292" s="14" t="s">
        <v>61</v>
      </c>
      <c r="G104292" s="16">
        <v>1.9775486412572321</v>
      </c>
    </row>
    <row r="104293" spans="1:7" x14ac:dyDescent="0.3">
      <c r="A104293" s="13" t="s">
        <v>508</v>
      </c>
      <c r="B104293" s="14" t="s">
        <v>1</v>
      </c>
      <c r="C104293" s="14" t="s">
        <v>238</v>
      </c>
      <c r="D104293" s="14" t="s">
        <v>183</v>
      </c>
      <c r="E104293" s="15">
        <v>45644</v>
      </c>
      <c r="F104293" s="14" t="s">
        <v>61</v>
      </c>
      <c r="G104293" s="16">
        <v>1.9852139247042548</v>
      </c>
    </row>
    <row r="104294" spans="1:7" x14ac:dyDescent="0.3">
      <c r="A104294" s="13" t="s">
        <v>508</v>
      </c>
      <c r="B104294" s="14" t="s">
        <v>1</v>
      </c>
      <c r="C104294" s="14" t="s">
        <v>238</v>
      </c>
      <c r="D104294" s="14" t="s">
        <v>183</v>
      </c>
      <c r="E104294" s="15">
        <v>45645</v>
      </c>
      <c r="F104294" s="14" t="s">
        <v>61</v>
      </c>
      <c r="G104294" s="16">
        <v>1.9928829527170957</v>
      </c>
    </row>
    <row r="104295" spans="1:7" x14ac:dyDescent="0.3">
      <c r="A104295" s="13" t="s">
        <v>508</v>
      </c>
      <c r="B104295" s="14" t="s">
        <v>1</v>
      </c>
      <c r="C104295" s="14" t="s">
        <v>238</v>
      </c>
      <c r="D104295" s="14" t="s">
        <v>183</v>
      </c>
      <c r="E104295" s="15">
        <v>45646</v>
      </c>
      <c r="F104295" s="14" t="s">
        <v>61</v>
      </c>
      <c r="G104295" s="16">
        <v>2.0005492259968589</v>
      </c>
    </row>
    <row r="104296" spans="1:7" x14ac:dyDescent="0.3">
      <c r="A104296" s="13" t="s">
        <v>508</v>
      </c>
      <c r="B104296" s="14" t="s">
        <v>1</v>
      </c>
      <c r="C104296" s="14" t="s">
        <v>238</v>
      </c>
      <c r="D104296" s="14" t="s">
        <v>183</v>
      </c>
      <c r="E104296" s="15">
        <v>45647</v>
      </c>
      <c r="F104296" s="14" t="s">
        <v>61</v>
      </c>
      <c r="G104296" s="16">
        <v>2.0005492259968589</v>
      </c>
    </row>
    <row r="104297" spans="1:7" x14ac:dyDescent="0.3">
      <c r="A104297" s="13" t="s">
        <v>508</v>
      </c>
      <c r="B104297" s="14" t="s">
        <v>1</v>
      </c>
      <c r="C104297" s="14" t="s">
        <v>238</v>
      </c>
      <c r="D104297" s="14" t="s">
        <v>183</v>
      </c>
      <c r="E104297" s="15">
        <v>45648</v>
      </c>
      <c r="F104297" s="14" t="s">
        <v>61</v>
      </c>
      <c r="G104297" s="16">
        <v>2.0005492259968589</v>
      </c>
    </row>
    <row r="104298" spans="1:7" x14ac:dyDescent="0.3">
      <c r="A104298" s="13" t="s">
        <v>508</v>
      </c>
      <c r="B104298" s="14" t="s">
        <v>1</v>
      </c>
      <c r="C104298" s="14" t="s">
        <v>238</v>
      </c>
      <c r="D104298" s="14" t="s">
        <v>183</v>
      </c>
      <c r="E104298" s="15">
        <v>45649</v>
      </c>
      <c r="F104298" s="14" t="s">
        <v>61</v>
      </c>
      <c r="G104298" s="16">
        <v>2.0082184606146805</v>
      </c>
    </row>
    <row r="104299" spans="1:7" x14ac:dyDescent="0.3">
      <c r="A104299" s="13" t="s">
        <v>508</v>
      </c>
      <c r="B104299" s="14" t="s">
        <v>1</v>
      </c>
      <c r="C104299" s="14" t="s">
        <v>238</v>
      </c>
      <c r="D104299" s="14" t="s">
        <v>183</v>
      </c>
      <c r="E104299" s="15">
        <v>45650</v>
      </c>
      <c r="F104299" s="14" t="s">
        <v>61</v>
      </c>
      <c r="G104299" s="16">
        <v>2.0311916837120432</v>
      </c>
    </row>
    <row r="104300" spans="1:7" x14ac:dyDescent="0.3">
      <c r="A104300" s="13" t="s">
        <v>508</v>
      </c>
      <c r="B104300" s="14" t="s">
        <v>1</v>
      </c>
      <c r="C104300" s="14" t="s">
        <v>238</v>
      </c>
      <c r="D104300" s="14" t="s">
        <v>183</v>
      </c>
      <c r="E104300" s="15">
        <v>45651</v>
      </c>
      <c r="F104300" s="14" t="s">
        <v>61</v>
      </c>
      <c r="G104300" s="16">
        <v>2.0311916837120432</v>
      </c>
    </row>
    <row r="104301" spans="1:7" x14ac:dyDescent="0.3">
      <c r="A104301" s="13" t="s">
        <v>508</v>
      </c>
      <c r="B104301" s="14" t="s">
        <v>1</v>
      </c>
      <c r="C104301" s="14" t="s">
        <v>238</v>
      </c>
      <c r="D104301" s="14" t="s">
        <v>183</v>
      </c>
      <c r="E104301" s="15">
        <v>45652</v>
      </c>
      <c r="F104301" s="14" t="s">
        <v>61</v>
      </c>
      <c r="G104301" s="16">
        <v>2.0311916837120432</v>
      </c>
    </row>
    <row r="104302" spans="1:7" x14ac:dyDescent="0.3">
      <c r="A104302" s="13" t="s">
        <v>508</v>
      </c>
      <c r="B104302" s="14" t="s">
        <v>1</v>
      </c>
      <c r="C104302" s="14" t="s">
        <v>238</v>
      </c>
      <c r="D104302" s="14" t="s">
        <v>183</v>
      </c>
      <c r="E104302" s="15">
        <v>45653</v>
      </c>
      <c r="F104302" s="14" t="s">
        <v>61</v>
      </c>
      <c r="G104302" s="16">
        <v>2.0311916837120432</v>
      </c>
    </row>
    <row r="104303" spans="1:7" x14ac:dyDescent="0.3">
      <c r="A104303" s="13" t="s">
        <v>508</v>
      </c>
      <c r="B104303" s="14" t="s">
        <v>1</v>
      </c>
      <c r="C104303" s="14" t="s">
        <v>238</v>
      </c>
      <c r="D104303" s="14" t="s">
        <v>183</v>
      </c>
      <c r="E104303" s="15">
        <v>45654</v>
      </c>
      <c r="F104303" s="14" t="s">
        <v>61</v>
      </c>
      <c r="G104303" s="16">
        <v>2.0311916837120432</v>
      </c>
    </row>
    <row r="104304" spans="1:7" x14ac:dyDescent="0.3">
      <c r="A104304" s="13" t="s">
        <v>508</v>
      </c>
      <c r="B104304" s="14" t="s">
        <v>1</v>
      </c>
      <c r="C104304" s="14" t="s">
        <v>238</v>
      </c>
      <c r="D104304" s="14" t="s">
        <v>183</v>
      </c>
      <c r="E104304" s="15">
        <v>45655</v>
      </c>
      <c r="F104304" s="14" t="s">
        <v>61</v>
      </c>
      <c r="G104304" s="16">
        <v>2.0311916837120432</v>
      </c>
    </row>
    <row r="104305" spans="1:7" x14ac:dyDescent="0.3">
      <c r="A104305" s="13" t="s">
        <v>508</v>
      </c>
      <c r="B104305" s="14" t="s">
        <v>1</v>
      </c>
      <c r="C104305" s="14" t="s">
        <v>238</v>
      </c>
      <c r="D104305" s="14" t="s">
        <v>183</v>
      </c>
      <c r="E104305" s="15">
        <v>45656</v>
      </c>
      <c r="F104305" s="14" t="s">
        <v>61</v>
      </c>
      <c r="G104305" s="16">
        <v>2.0388974185431397</v>
      </c>
    </row>
    <row r="104306" spans="1:7" x14ac:dyDescent="0.3">
      <c r="A104306" s="13" t="s">
        <v>508</v>
      </c>
      <c r="B104306" s="14" t="s">
        <v>1</v>
      </c>
      <c r="C104306" s="14" t="s">
        <v>238</v>
      </c>
      <c r="D104306" s="14" t="s">
        <v>183</v>
      </c>
      <c r="E104306" s="15">
        <v>45657</v>
      </c>
      <c r="F104306" s="14" t="s">
        <v>61</v>
      </c>
      <c r="G104306" s="16">
        <v>2.0850500288766969</v>
      </c>
    </row>
    <row r="104307" spans="1:7" x14ac:dyDescent="0.3">
      <c r="A104307" s="13" t="s">
        <v>508</v>
      </c>
      <c r="B104307" s="14" t="s">
        <v>1</v>
      </c>
      <c r="C104307" s="14" t="s">
        <v>238</v>
      </c>
      <c r="D104307" s="14" t="s">
        <v>183</v>
      </c>
      <c r="E104307" s="15">
        <v>45658</v>
      </c>
      <c r="F104307" s="14" t="s">
        <v>61</v>
      </c>
      <c r="G104307" s="16">
        <v>2.0850500288766969</v>
      </c>
    </row>
    <row r="104308" spans="1:7" x14ac:dyDescent="0.3">
      <c r="A104308" s="13" t="s">
        <v>508</v>
      </c>
      <c r="B104308" s="14" t="s">
        <v>1</v>
      </c>
      <c r="C104308" s="14" t="s">
        <v>238</v>
      </c>
      <c r="D104308" s="14" t="s">
        <v>183</v>
      </c>
      <c r="E104308" s="15">
        <v>45659</v>
      </c>
      <c r="F104308" s="14" t="s">
        <v>61</v>
      </c>
      <c r="G104308" s="16">
        <v>2.0850500288766969</v>
      </c>
    </row>
    <row r="104309" spans="1:7" x14ac:dyDescent="0.3">
      <c r="A104309" s="13" t="s">
        <v>508</v>
      </c>
      <c r="B104309" s="14" t="s">
        <v>1</v>
      </c>
      <c r="C104309" s="14" t="s">
        <v>238</v>
      </c>
      <c r="D104309" s="14" t="s">
        <v>183</v>
      </c>
      <c r="E104309" s="15">
        <v>45660</v>
      </c>
      <c r="F104309" s="14" t="s">
        <v>61</v>
      </c>
      <c r="G104309" s="16">
        <v>2.0927252491884691</v>
      </c>
    </row>
    <row r="104310" spans="1:7" x14ac:dyDescent="0.3">
      <c r="A104310" s="13" t="s">
        <v>508</v>
      </c>
      <c r="B104310" s="14" t="s">
        <v>1</v>
      </c>
      <c r="C104310" s="14" t="s">
        <v>238</v>
      </c>
      <c r="D104310" s="14" t="s">
        <v>183</v>
      </c>
      <c r="E104310" s="15">
        <v>45661</v>
      </c>
      <c r="F104310" s="14" t="s">
        <v>61</v>
      </c>
      <c r="G104310" s="16">
        <v>2.0927252491884691</v>
      </c>
    </row>
    <row r="104311" spans="1:7" x14ac:dyDescent="0.3">
      <c r="A104311" s="13" t="s">
        <v>508</v>
      </c>
      <c r="B104311" s="14" t="s">
        <v>1</v>
      </c>
      <c r="C104311" s="14" t="s">
        <v>238</v>
      </c>
      <c r="D104311" s="14" t="s">
        <v>183</v>
      </c>
      <c r="E104311" s="15">
        <v>45662</v>
      </c>
      <c r="F104311" s="14" t="s">
        <v>61</v>
      </c>
      <c r="G104311" s="16">
        <v>2.0927252491884691</v>
      </c>
    </row>
    <row r="104312" spans="1:7" x14ac:dyDescent="0.3">
      <c r="A104312" s="13" t="s">
        <v>508</v>
      </c>
      <c r="B104312" s="14" t="s">
        <v>1</v>
      </c>
      <c r="C104312" s="14" t="s">
        <v>238</v>
      </c>
      <c r="D104312" s="14" t="s">
        <v>183</v>
      </c>
      <c r="E104312" s="15">
        <v>45663</v>
      </c>
      <c r="F104312" s="14" t="s">
        <v>61</v>
      </c>
      <c r="G104312" s="16">
        <v>2.1154256761460837</v>
      </c>
    </row>
    <row r="104313" spans="1:7" x14ac:dyDescent="0.3">
      <c r="A104313" s="13" t="s">
        <v>508</v>
      </c>
      <c r="B104313" s="14" t="s">
        <v>1</v>
      </c>
      <c r="C104313" s="14" t="s">
        <v>238</v>
      </c>
      <c r="D104313" s="14" t="s">
        <v>183</v>
      </c>
      <c r="E104313" s="15">
        <v>45664</v>
      </c>
      <c r="F104313" s="14" t="s">
        <v>61</v>
      </c>
      <c r="G104313" s="16">
        <v>2.1387417766690224</v>
      </c>
    </row>
    <row r="104314" spans="1:7" x14ac:dyDescent="0.3">
      <c r="A104314" s="13" t="s">
        <v>508</v>
      </c>
      <c r="B104314" s="14" t="s">
        <v>1</v>
      </c>
      <c r="C104314" s="14" t="s">
        <v>238</v>
      </c>
      <c r="D104314" s="14" t="s">
        <v>183</v>
      </c>
      <c r="E104314" s="15">
        <v>45665</v>
      </c>
      <c r="F104314" s="14" t="s">
        <v>61</v>
      </c>
      <c r="G104314" s="16">
        <v>2.1464233826494628</v>
      </c>
    </row>
    <row r="104315" spans="1:7" x14ac:dyDescent="0.3">
      <c r="A104315" s="13" t="s">
        <v>508</v>
      </c>
      <c r="B104315" s="14" t="s">
        <v>1</v>
      </c>
      <c r="C104315" s="14" t="s">
        <v>238</v>
      </c>
      <c r="D104315" s="14" t="s">
        <v>183</v>
      </c>
      <c r="E104315" s="15">
        <v>45666</v>
      </c>
      <c r="F104315" s="14" t="s">
        <v>61</v>
      </c>
      <c r="G104315" s="16">
        <v>2.1541050565625484</v>
      </c>
    </row>
    <row r="104316" spans="1:7" x14ac:dyDescent="0.3">
      <c r="A104316" s="13" t="s">
        <v>508</v>
      </c>
      <c r="B104316" s="14" t="s">
        <v>1</v>
      </c>
      <c r="C104316" s="14" t="s">
        <v>238</v>
      </c>
      <c r="D104316" s="14" t="s">
        <v>183</v>
      </c>
      <c r="E104316" s="15">
        <v>45667</v>
      </c>
      <c r="F104316" s="14" t="s">
        <v>61</v>
      </c>
      <c r="G104316" s="16">
        <v>2.1617759971176596</v>
      </c>
    </row>
    <row r="104317" spans="1:7" x14ac:dyDescent="0.3">
      <c r="A104317" s="13" t="s">
        <v>508</v>
      </c>
      <c r="B104317" s="14" t="s">
        <v>1</v>
      </c>
      <c r="C104317" s="14" t="s">
        <v>238</v>
      </c>
      <c r="D104317" s="14" t="s">
        <v>183</v>
      </c>
      <c r="E104317" s="15">
        <v>45668</v>
      </c>
      <c r="F104317" s="14" t="s">
        <v>61</v>
      </c>
      <c r="G104317" s="16">
        <v>2.1617759971176596</v>
      </c>
    </row>
    <row r="104318" spans="1:7" x14ac:dyDescent="0.3">
      <c r="A104318" s="13" t="s">
        <v>508</v>
      </c>
      <c r="B104318" s="14" t="s">
        <v>1</v>
      </c>
      <c r="C104318" s="14" t="s">
        <v>238</v>
      </c>
      <c r="D104318" s="14" t="s">
        <v>183</v>
      </c>
      <c r="E104318" s="15">
        <v>45669</v>
      </c>
      <c r="F104318" s="14" t="s">
        <v>61</v>
      </c>
      <c r="G104318" s="16">
        <v>2.1617759971176596</v>
      </c>
    </row>
    <row r="104319" spans="1:7" x14ac:dyDescent="0.3">
      <c r="A104319" s="13" t="s">
        <v>508</v>
      </c>
      <c r="B104319" s="14" t="s">
        <v>1</v>
      </c>
      <c r="C104319" s="14" t="s">
        <v>238</v>
      </c>
      <c r="D104319" s="14" t="s">
        <v>183</v>
      </c>
      <c r="E104319" s="15">
        <v>45670</v>
      </c>
      <c r="F104319" s="14" t="s">
        <v>61</v>
      </c>
      <c r="G104319" s="16">
        <v>2.1694513532947224</v>
      </c>
    </row>
    <row r="104320" spans="1:7" x14ac:dyDescent="0.3">
      <c r="A104320" s="13" t="s">
        <v>508</v>
      </c>
      <c r="B104320" s="14" t="s">
        <v>1</v>
      </c>
      <c r="C104320" s="14" t="s">
        <v>238</v>
      </c>
      <c r="D104320" s="14" t="s">
        <v>183</v>
      </c>
      <c r="E104320" s="15">
        <v>45671</v>
      </c>
      <c r="F104320" s="14" t="s">
        <v>61</v>
      </c>
      <c r="G104320" s="16">
        <v>2.1924711644216019</v>
      </c>
    </row>
    <row r="104321" spans="1:7" x14ac:dyDescent="0.3">
      <c r="A104321" s="13" t="s">
        <v>508</v>
      </c>
      <c r="B104321" s="14" t="s">
        <v>1</v>
      </c>
      <c r="C104321" s="14" t="s">
        <v>238</v>
      </c>
      <c r="D104321" s="14" t="s">
        <v>183</v>
      </c>
      <c r="E104321" s="15">
        <v>45672</v>
      </c>
      <c r="F104321" s="14" t="s">
        <v>61</v>
      </c>
      <c r="G104321" s="16">
        <v>2.2001338403217523</v>
      </c>
    </row>
    <row r="104322" spans="1:7" x14ac:dyDescent="0.3">
      <c r="A104322" s="13" t="s">
        <v>508</v>
      </c>
      <c r="B104322" s="14" t="s">
        <v>1</v>
      </c>
      <c r="C104322" s="14" t="s">
        <v>238</v>
      </c>
      <c r="D104322" s="14" t="s">
        <v>183</v>
      </c>
      <c r="E104322" s="15">
        <v>45673</v>
      </c>
      <c r="F104322" s="14" t="s">
        <v>61</v>
      </c>
      <c r="G104322" s="16">
        <v>2.2078001304998578</v>
      </c>
    </row>
    <row r="104323" spans="1:7" x14ac:dyDescent="0.3">
      <c r="A104323" s="13" t="s">
        <v>508</v>
      </c>
      <c r="B104323" s="14" t="s">
        <v>1</v>
      </c>
      <c r="C104323" s="14" t="s">
        <v>238</v>
      </c>
      <c r="D104323" s="14" t="s">
        <v>183</v>
      </c>
      <c r="E104323" s="15">
        <v>45674</v>
      </c>
      <c r="F104323" s="14" t="s">
        <v>61</v>
      </c>
      <c r="G104323" s="16">
        <v>2.215460419612679</v>
      </c>
    </row>
    <row r="104324" spans="1:7" x14ac:dyDescent="0.3">
      <c r="A104324" s="13" t="s">
        <v>508</v>
      </c>
      <c r="B104324" s="14" t="s">
        <v>1</v>
      </c>
      <c r="C104324" s="14" t="s">
        <v>238</v>
      </c>
      <c r="D104324" s="14" t="s">
        <v>183</v>
      </c>
      <c r="E104324" s="15">
        <v>45675</v>
      </c>
      <c r="F104324" s="14" t="s">
        <v>61</v>
      </c>
      <c r="G104324" s="16">
        <v>2.215460419612679</v>
      </c>
    </row>
    <row r="104325" spans="1:7" x14ac:dyDescent="0.3">
      <c r="A104325" s="13" t="s">
        <v>508</v>
      </c>
      <c r="B104325" s="14" t="s">
        <v>1</v>
      </c>
      <c r="C104325" s="14" t="s">
        <v>238</v>
      </c>
      <c r="D104325" s="14" t="s">
        <v>183</v>
      </c>
      <c r="E104325" s="15">
        <v>45676</v>
      </c>
      <c r="F104325" s="14" t="s">
        <v>61</v>
      </c>
      <c r="G104325" s="16">
        <v>2.215460419612679</v>
      </c>
    </row>
    <row r="104326" spans="1:7" x14ac:dyDescent="0.3">
      <c r="A104326" s="13" t="s">
        <v>508</v>
      </c>
      <c r="B104326" s="14" t="s">
        <v>1</v>
      </c>
      <c r="C104326" s="14" t="s">
        <v>238</v>
      </c>
      <c r="D104326" s="14" t="s">
        <v>183</v>
      </c>
      <c r="E104326" s="15">
        <v>45677</v>
      </c>
      <c r="F104326" s="14" t="s">
        <v>61</v>
      </c>
      <c r="G104326" s="16">
        <v>2.2234918200582112</v>
      </c>
    </row>
    <row r="104327" spans="1:7" x14ac:dyDescent="0.3">
      <c r="A104327" s="13" t="s">
        <v>508</v>
      </c>
      <c r="B104327" s="14" t="s">
        <v>1</v>
      </c>
      <c r="C104327" s="14" t="s">
        <v>238</v>
      </c>
      <c r="D104327" s="14" t="s">
        <v>183</v>
      </c>
      <c r="E104327" s="15">
        <v>45678</v>
      </c>
      <c r="F104327" s="14" t="s">
        <v>61</v>
      </c>
      <c r="G104327" s="16">
        <v>2.2464057942155273</v>
      </c>
    </row>
    <row r="104328" spans="1:7" x14ac:dyDescent="0.3">
      <c r="A104328" s="13" t="s">
        <v>508</v>
      </c>
      <c r="B104328" s="14" t="s">
        <v>1</v>
      </c>
      <c r="C104328" s="14" t="s">
        <v>238</v>
      </c>
      <c r="D104328" s="14" t="s">
        <v>183</v>
      </c>
      <c r="E104328" s="15">
        <v>45679</v>
      </c>
      <c r="F104328" s="14" t="s">
        <v>61</v>
      </c>
      <c r="G104328" s="16">
        <v>2.2540508760833662</v>
      </c>
    </row>
    <row r="104329" spans="1:7" x14ac:dyDescent="0.3">
      <c r="A104329" s="13" t="s">
        <v>508</v>
      </c>
      <c r="B104329" s="14" t="s">
        <v>1</v>
      </c>
      <c r="C104329" s="14" t="s">
        <v>238</v>
      </c>
      <c r="D104329" s="14" t="s">
        <v>183</v>
      </c>
      <c r="E104329" s="15">
        <v>45680</v>
      </c>
      <c r="F104329" s="14" t="s">
        <v>61</v>
      </c>
      <c r="G104329" s="16">
        <v>2.2616988902899235</v>
      </c>
    </row>
    <row r="104330" spans="1:7" x14ac:dyDescent="0.3">
      <c r="A104330" s="13" t="s">
        <v>508</v>
      </c>
      <c r="B104330" s="14" t="s">
        <v>1</v>
      </c>
      <c r="C104330" s="14" t="s">
        <v>238</v>
      </c>
      <c r="D104330" s="14" t="s">
        <v>183</v>
      </c>
      <c r="E104330" s="15">
        <v>45681</v>
      </c>
      <c r="F104330" s="14" t="s">
        <v>61</v>
      </c>
      <c r="G104330" s="16">
        <v>2.2693533147253073</v>
      </c>
    </row>
    <row r="104331" spans="1:7" x14ac:dyDescent="0.3">
      <c r="A104331" s="13" t="s">
        <v>508</v>
      </c>
      <c r="B104331" s="14" t="s">
        <v>1</v>
      </c>
      <c r="C104331" s="14" t="s">
        <v>238</v>
      </c>
      <c r="D104331" s="14" t="s">
        <v>183</v>
      </c>
      <c r="E104331" s="15">
        <v>45682</v>
      </c>
      <c r="F104331" s="14" t="s">
        <v>61</v>
      </c>
      <c r="G104331" s="16">
        <v>2.2693533147253073</v>
      </c>
    </row>
    <row r="104332" spans="1:7" x14ac:dyDescent="0.3">
      <c r="A104332" s="13" t="s">
        <v>508</v>
      </c>
      <c r="B104332" s="14" t="s">
        <v>1</v>
      </c>
      <c r="C104332" s="14" t="s">
        <v>238</v>
      </c>
      <c r="D104332" s="14" t="s">
        <v>183</v>
      </c>
      <c r="E104332" s="15">
        <v>45683</v>
      </c>
      <c r="F104332" s="14" t="s">
        <v>61</v>
      </c>
      <c r="G104332" s="16">
        <v>2.2693533147253073</v>
      </c>
    </row>
    <row r="104333" spans="1:7" x14ac:dyDescent="0.3">
      <c r="A104333" s="13" t="s">
        <v>508</v>
      </c>
      <c r="B104333" s="14" t="s">
        <v>1</v>
      </c>
      <c r="C104333" s="14" t="s">
        <v>238</v>
      </c>
      <c r="D104333" s="14" t="s">
        <v>183</v>
      </c>
      <c r="E104333" s="15">
        <v>45684</v>
      </c>
      <c r="F104333" s="14" t="s">
        <v>61</v>
      </c>
      <c r="G104333" s="16">
        <v>2.2770050795976675</v>
      </c>
    </row>
    <row r="104334" spans="1:7" x14ac:dyDescent="0.3">
      <c r="A104334" s="13" t="s">
        <v>508</v>
      </c>
      <c r="B104334" s="14" t="s">
        <v>1</v>
      </c>
      <c r="C104334" s="14" t="s">
        <v>238</v>
      </c>
      <c r="D104334" s="14" t="s">
        <v>183</v>
      </c>
      <c r="E104334" s="15">
        <v>45685</v>
      </c>
      <c r="F104334" s="14" t="s">
        <v>61</v>
      </c>
      <c r="G104334" s="16">
        <v>2.3000584421350023</v>
      </c>
    </row>
    <row r="104335" spans="1:7" x14ac:dyDescent="0.3">
      <c r="A104335" s="13" t="s">
        <v>508</v>
      </c>
      <c r="B104335" s="14" t="s">
        <v>1</v>
      </c>
      <c r="C104335" s="14" t="s">
        <v>238</v>
      </c>
      <c r="D104335" s="14" t="s">
        <v>183</v>
      </c>
      <c r="E104335" s="15">
        <v>45686</v>
      </c>
      <c r="F104335" s="14" t="s">
        <v>61</v>
      </c>
      <c r="G104335" s="16">
        <v>2.3077432810603513</v>
      </c>
    </row>
    <row r="104336" spans="1:7" x14ac:dyDescent="0.3">
      <c r="A104336" s="13" t="s">
        <v>508</v>
      </c>
      <c r="B104336" s="14" t="s">
        <v>1</v>
      </c>
      <c r="C104336" s="14" t="s">
        <v>238</v>
      </c>
      <c r="D104336" s="14" t="s">
        <v>183</v>
      </c>
      <c r="E104336" s="15">
        <v>45687</v>
      </c>
      <c r="F104336" s="14" t="s">
        <v>61</v>
      </c>
      <c r="G104336" s="16">
        <v>2.3084207851631979</v>
      </c>
    </row>
    <row r="104337" spans="1:7" x14ac:dyDescent="0.3">
      <c r="A104337" s="13" t="s">
        <v>508</v>
      </c>
      <c r="B104337" s="14" t="s">
        <v>1</v>
      </c>
      <c r="C104337" s="14" t="s">
        <v>238</v>
      </c>
      <c r="D104337" s="14" t="s">
        <v>183</v>
      </c>
      <c r="E104337" s="15">
        <v>45688</v>
      </c>
      <c r="F104337" s="14" t="s">
        <v>61</v>
      </c>
      <c r="G104337" s="16">
        <v>2.3160726362243009</v>
      </c>
    </row>
    <row r="104338" spans="1:7" x14ac:dyDescent="0.3">
      <c r="A104338" s="13" t="s">
        <v>508</v>
      </c>
      <c r="B104338" s="14" t="s">
        <v>1</v>
      </c>
      <c r="C104338" s="14" t="s">
        <v>238</v>
      </c>
      <c r="D104338" s="14" t="s">
        <v>183</v>
      </c>
      <c r="E104338" s="15">
        <v>45689</v>
      </c>
      <c r="F104338" s="14" t="s">
        <v>61</v>
      </c>
      <c r="G104338" s="16">
        <v>2.3160726362243009</v>
      </c>
    </row>
    <row r="104339" spans="1:7" x14ac:dyDescent="0.3">
      <c r="A104339" s="13" t="s">
        <v>508</v>
      </c>
      <c r="B104339" s="14" t="s">
        <v>1</v>
      </c>
      <c r="C104339" s="14" t="s">
        <v>238</v>
      </c>
      <c r="D104339" s="14" t="s">
        <v>183</v>
      </c>
      <c r="E104339" s="15">
        <v>45690</v>
      </c>
      <c r="F104339" s="14" t="s">
        <v>61</v>
      </c>
      <c r="G104339" s="16">
        <v>2.3160726362243009</v>
      </c>
    </row>
    <row r="104340" spans="1:7" x14ac:dyDescent="0.3">
      <c r="A104340" s="13" t="s">
        <v>508</v>
      </c>
      <c r="B104340" s="14" t="s">
        <v>1</v>
      </c>
      <c r="C104340" s="14" t="s">
        <v>238</v>
      </c>
      <c r="D104340" s="14" t="s">
        <v>183</v>
      </c>
      <c r="E104340" s="15">
        <v>45691</v>
      </c>
      <c r="F104340" s="14" t="s">
        <v>61</v>
      </c>
      <c r="G104340" s="16">
        <v>2.3160726362243009</v>
      </c>
    </row>
    <row r="104341" spans="1:7" x14ac:dyDescent="0.3">
      <c r="A104341" s="13" t="s">
        <v>508</v>
      </c>
      <c r="B104341" s="14" t="s">
        <v>1</v>
      </c>
      <c r="C104341" s="14" t="s">
        <v>238</v>
      </c>
      <c r="D104341" s="14" t="s">
        <v>183</v>
      </c>
      <c r="E104341" s="15">
        <v>45692</v>
      </c>
      <c r="F104341" s="14" t="s">
        <v>61</v>
      </c>
      <c r="G104341" s="16">
        <v>2.323736905713071</v>
      </c>
    </row>
    <row r="104342" spans="1:7" x14ac:dyDescent="0.3">
      <c r="A104342" s="13" t="s">
        <v>508</v>
      </c>
      <c r="B104342" s="14" t="s">
        <v>1</v>
      </c>
      <c r="C104342" s="14" t="s">
        <v>238</v>
      </c>
      <c r="D104342" s="14" t="s">
        <v>183</v>
      </c>
      <c r="E104342" s="15">
        <v>45693</v>
      </c>
      <c r="F104342" s="14" t="s">
        <v>61</v>
      </c>
      <c r="G104342" s="16">
        <v>2.3535528057160717</v>
      </c>
    </row>
    <row r="104343" spans="1:7" x14ac:dyDescent="0.3">
      <c r="A104343" s="13" t="s">
        <v>508</v>
      </c>
      <c r="B104343" s="14" t="s">
        <v>1</v>
      </c>
      <c r="C104343" s="14" t="s">
        <v>238</v>
      </c>
      <c r="D104343" s="14" t="s">
        <v>183</v>
      </c>
      <c r="E104343" s="15">
        <v>45694</v>
      </c>
      <c r="F104343" s="14" t="s">
        <v>61</v>
      </c>
      <c r="G104343" s="16">
        <v>2.3612377269893146</v>
      </c>
    </row>
    <row r="104344" spans="1:7" x14ac:dyDescent="0.3">
      <c r="A104344" s="13" t="s">
        <v>508</v>
      </c>
      <c r="B104344" s="14" t="s">
        <v>1</v>
      </c>
      <c r="C104344" s="14" t="s">
        <v>238</v>
      </c>
      <c r="D104344" s="14" t="s">
        <v>183</v>
      </c>
      <c r="E104344" s="15">
        <v>45695</v>
      </c>
      <c r="F104344" s="14" t="s">
        <v>61</v>
      </c>
      <c r="G104344" s="16">
        <v>2.3691739396374216</v>
      </c>
    </row>
    <row r="104345" spans="1:7" x14ac:dyDescent="0.3">
      <c r="A104345" s="13" t="s">
        <v>508</v>
      </c>
      <c r="B104345" s="14" t="s">
        <v>1</v>
      </c>
      <c r="C104345" s="14" t="s">
        <v>238</v>
      </c>
      <c r="D104345" s="14" t="s">
        <v>183</v>
      </c>
      <c r="E104345" s="15">
        <v>45696</v>
      </c>
      <c r="F104345" s="14" t="s">
        <v>61</v>
      </c>
      <c r="G104345" s="16">
        <v>2.3691739396374216</v>
      </c>
    </row>
    <row r="104346" spans="1:7" x14ac:dyDescent="0.3">
      <c r="A104346" s="13" t="s">
        <v>508</v>
      </c>
      <c r="B104346" s="14" t="s">
        <v>1</v>
      </c>
      <c r="C104346" s="14" t="s">
        <v>238</v>
      </c>
      <c r="D104346" s="14" t="s">
        <v>183</v>
      </c>
      <c r="E104346" s="15">
        <v>45697</v>
      </c>
      <c r="F104346" s="14" t="s">
        <v>61</v>
      </c>
      <c r="G104346" s="16">
        <v>2.3691739396374216</v>
      </c>
    </row>
    <row r="104347" spans="1:7" x14ac:dyDescent="0.3">
      <c r="A104347" s="13" t="s">
        <v>508</v>
      </c>
      <c r="B104347" s="14" t="s">
        <v>1</v>
      </c>
      <c r="C104347" s="14" t="s">
        <v>238</v>
      </c>
      <c r="D104347" s="14" t="s">
        <v>183</v>
      </c>
      <c r="E104347" s="15">
        <v>45698</v>
      </c>
      <c r="F104347" s="14" t="s">
        <v>61</v>
      </c>
      <c r="G104347" s="16">
        <v>2.3768284790947889</v>
      </c>
    </row>
    <row r="104348" spans="1:7" x14ac:dyDescent="0.3">
      <c r="A104348" s="13" t="s">
        <v>508</v>
      </c>
      <c r="B104348" s="14" t="s">
        <v>1</v>
      </c>
      <c r="C104348" s="14" t="s">
        <v>238</v>
      </c>
      <c r="D104348" s="14" t="s">
        <v>183</v>
      </c>
      <c r="E104348" s="15">
        <v>45699</v>
      </c>
      <c r="F104348" s="14" t="s">
        <v>61</v>
      </c>
      <c r="G104348" s="16">
        <v>2.3997749966640836</v>
      </c>
    </row>
    <row r="104349" spans="1:7" x14ac:dyDescent="0.3">
      <c r="A104349" s="13" t="s">
        <v>508</v>
      </c>
      <c r="B104349" s="14" t="s">
        <v>1</v>
      </c>
      <c r="C104349" s="14" t="s">
        <v>238</v>
      </c>
      <c r="D104349" s="14" t="s">
        <v>183</v>
      </c>
      <c r="E104349" s="15">
        <v>45700</v>
      </c>
      <c r="F104349" s="14" t="s">
        <v>61</v>
      </c>
      <c r="G104349" s="16">
        <v>2.4073818704280994</v>
      </c>
    </row>
    <row r="104350" spans="1:7" x14ac:dyDescent="0.3">
      <c r="A104350" s="13" t="s">
        <v>508</v>
      </c>
      <c r="B104350" s="14" t="s">
        <v>1</v>
      </c>
      <c r="C104350" s="14" t="s">
        <v>238</v>
      </c>
      <c r="D104350" s="14" t="s">
        <v>183</v>
      </c>
      <c r="E104350" s="15">
        <v>45701</v>
      </c>
      <c r="F104350" s="14" t="s">
        <v>61</v>
      </c>
      <c r="G104350" s="16">
        <v>2.4150443091575942</v>
      </c>
    </row>
    <row r="104351" spans="1:7" x14ac:dyDescent="0.3">
      <c r="A104351" s="13" t="s">
        <v>508</v>
      </c>
      <c r="B104351" s="14" t="s">
        <v>1</v>
      </c>
      <c r="C104351" s="14" t="s">
        <v>238</v>
      </c>
      <c r="D104351" s="14" t="s">
        <v>183</v>
      </c>
      <c r="E104351" s="15">
        <v>45702</v>
      </c>
      <c r="F104351" s="14" t="s">
        <v>61</v>
      </c>
      <c r="G104351" s="16">
        <v>2.4227146471592169</v>
      </c>
    </row>
    <row r="104352" spans="1:7" x14ac:dyDescent="0.3">
      <c r="A104352" s="13" t="s">
        <v>508</v>
      </c>
      <c r="B104352" s="14" t="s">
        <v>1</v>
      </c>
      <c r="C104352" s="14" t="s">
        <v>238</v>
      </c>
      <c r="D104352" s="14" t="s">
        <v>183</v>
      </c>
      <c r="E104352" s="15">
        <v>45703</v>
      </c>
      <c r="F104352" s="14" t="s">
        <v>61</v>
      </c>
      <c r="G104352" s="16">
        <v>2.4227146471592169</v>
      </c>
    </row>
    <row r="104353" spans="1:7" x14ac:dyDescent="0.3">
      <c r="A104353" s="13" t="s">
        <v>508</v>
      </c>
      <c r="B104353" s="14" t="s">
        <v>1</v>
      </c>
      <c r="C104353" s="14" t="s">
        <v>238</v>
      </c>
      <c r="D104353" s="14" t="s">
        <v>183</v>
      </c>
      <c r="E104353" s="15">
        <v>45704</v>
      </c>
      <c r="F104353" s="14" t="s">
        <v>61</v>
      </c>
      <c r="G104353" s="16">
        <v>2.4227146471592169</v>
      </c>
    </row>
    <row r="104354" spans="1:7" x14ac:dyDescent="0.3">
      <c r="A104354" s="13" t="s">
        <v>508</v>
      </c>
      <c r="B104354" s="14" t="s">
        <v>1</v>
      </c>
      <c r="C104354" s="14" t="s">
        <v>238</v>
      </c>
      <c r="D104354" s="14" t="s">
        <v>183</v>
      </c>
      <c r="E104354" s="15">
        <v>45705</v>
      </c>
      <c r="F104354" s="14" t="s">
        <v>61</v>
      </c>
      <c r="G104354" s="16">
        <v>2.4303760731615163</v>
      </c>
    </row>
    <row r="104355" spans="1:7" x14ac:dyDescent="0.3">
      <c r="A104355" s="13" t="s">
        <v>508</v>
      </c>
      <c r="B104355" s="14" t="s">
        <v>1</v>
      </c>
      <c r="C104355" s="14" t="s">
        <v>238</v>
      </c>
      <c r="D104355" s="14" t="s">
        <v>183</v>
      </c>
      <c r="E104355" s="15">
        <v>45706</v>
      </c>
      <c r="F104355" s="14" t="s">
        <v>61</v>
      </c>
      <c r="G104355" s="16">
        <v>2.4533201601855406</v>
      </c>
    </row>
    <row r="104356" spans="1:7" x14ac:dyDescent="0.3">
      <c r="A104356" s="13" t="s">
        <v>508</v>
      </c>
      <c r="B104356" s="14" t="s">
        <v>1</v>
      </c>
      <c r="C104356" s="14" t="s">
        <v>238</v>
      </c>
      <c r="D104356" s="14" t="s">
        <v>183</v>
      </c>
      <c r="E104356" s="15">
        <v>45707</v>
      </c>
      <c r="F104356" s="14" t="s">
        <v>61</v>
      </c>
      <c r="G104356" s="16">
        <v>2.4609954943079964</v>
      </c>
    </row>
    <row r="104357" spans="1:7" x14ac:dyDescent="0.3">
      <c r="A104357" s="13" t="s">
        <v>508</v>
      </c>
      <c r="B104357" s="14" t="s">
        <v>1</v>
      </c>
      <c r="C104357" s="14" t="s">
        <v>238</v>
      </c>
      <c r="D104357" s="14" t="s">
        <v>183</v>
      </c>
      <c r="E104357" s="15">
        <v>45708</v>
      </c>
      <c r="F104357" s="14" t="s">
        <v>61</v>
      </c>
      <c r="G104357" s="16">
        <v>2.4686607011584933</v>
      </c>
    </row>
    <row r="104358" spans="1:7" x14ac:dyDescent="0.3">
      <c r="A104358" s="13" t="s">
        <v>508</v>
      </c>
      <c r="B104358" s="14" t="s">
        <v>1</v>
      </c>
      <c r="C104358" s="14" t="s">
        <v>238</v>
      </c>
      <c r="D104358" s="14" t="s">
        <v>183</v>
      </c>
      <c r="E104358" s="15">
        <v>45709</v>
      </c>
      <c r="F104358" s="14" t="s">
        <v>61</v>
      </c>
      <c r="G104358" s="16">
        <v>2.4763119323736875</v>
      </c>
    </row>
    <row r="104359" spans="1:7" x14ac:dyDescent="0.3">
      <c r="A104359" s="13" t="s">
        <v>508</v>
      </c>
      <c r="B104359" s="14" t="s">
        <v>1</v>
      </c>
      <c r="C104359" s="14" t="s">
        <v>238</v>
      </c>
      <c r="D104359" s="14" t="s">
        <v>183</v>
      </c>
      <c r="E104359" s="15">
        <v>45710</v>
      </c>
      <c r="F104359" s="14" t="s">
        <v>61</v>
      </c>
      <c r="G104359" s="16">
        <v>2.4763119323736875</v>
      </c>
    </row>
    <row r="104360" spans="1:7" x14ac:dyDescent="0.3">
      <c r="A104360" s="13" t="s">
        <v>508</v>
      </c>
      <c r="B104360" s="14" t="s">
        <v>1</v>
      </c>
      <c r="C104360" s="14" t="s">
        <v>238</v>
      </c>
      <c r="D104360" s="14" t="s">
        <v>183</v>
      </c>
      <c r="E104360" s="15">
        <v>45711</v>
      </c>
      <c r="F104360" s="14" t="s">
        <v>61</v>
      </c>
      <c r="G104360" s="16">
        <v>2.4763119323736875</v>
      </c>
    </row>
    <row r="104361" spans="1:7" x14ac:dyDescent="0.3">
      <c r="A104361" s="13" t="s">
        <v>508</v>
      </c>
      <c r="B104361" s="14" t="s">
        <v>1</v>
      </c>
      <c r="C104361" s="14" t="s">
        <v>238</v>
      </c>
      <c r="D104361" s="14" t="s">
        <v>183</v>
      </c>
      <c r="E104361" s="15">
        <v>45712</v>
      </c>
      <c r="F104361" s="14" t="s">
        <v>61</v>
      </c>
      <c r="G104361" s="16">
        <v>2.4840021873434952</v>
      </c>
    </row>
    <row r="104362" spans="1:7" x14ac:dyDescent="0.3">
      <c r="A104362" s="13" t="s">
        <v>508</v>
      </c>
      <c r="B104362" s="14" t="s">
        <v>1</v>
      </c>
      <c r="C104362" s="14" t="s">
        <v>238</v>
      </c>
      <c r="D104362" s="14" t="s">
        <v>183</v>
      </c>
      <c r="E104362" s="15">
        <v>45713</v>
      </c>
      <c r="F104362" s="14" t="s">
        <v>61</v>
      </c>
      <c r="G104362" s="16">
        <v>2.5069911044247228</v>
      </c>
    </row>
    <row r="104363" spans="1:7" x14ac:dyDescent="0.3">
      <c r="A104363" s="13" t="s">
        <v>508</v>
      </c>
      <c r="B104363" s="14" t="s">
        <v>1</v>
      </c>
      <c r="C104363" s="14" t="s">
        <v>238</v>
      </c>
      <c r="D104363" s="14" t="s">
        <v>183</v>
      </c>
      <c r="E104363" s="15">
        <v>45714</v>
      </c>
      <c r="F104363" s="14" t="s">
        <v>61</v>
      </c>
      <c r="G104363" s="16">
        <v>2.514644023518577</v>
      </c>
    </row>
    <row r="104364" spans="1:7" x14ac:dyDescent="0.3">
      <c r="A104364" s="13" t="s">
        <v>508</v>
      </c>
      <c r="B104364" s="14" t="s">
        <v>1</v>
      </c>
      <c r="C104364" s="14" t="s">
        <v>238</v>
      </c>
      <c r="D104364" s="14" t="s">
        <v>183</v>
      </c>
      <c r="E104364" s="15">
        <v>45715</v>
      </c>
      <c r="F104364" s="14" t="s">
        <v>61</v>
      </c>
      <c r="G104364" s="16">
        <v>2.5222731097657554</v>
      </c>
    </row>
    <row r="104365" spans="1:7" x14ac:dyDescent="0.3">
      <c r="A104365" s="13" t="s">
        <v>508</v>
      </c>
      <c r="B104365" s="14" t="s">
        <v>1</v>
      </c>
      <c r="C104365" s="14" t="s">
        <v>238</v>
      </c>
      <c r="D104365" s="14" t="s">
        <v>183</v>
      </c>
      <c r="E104365" s="15">
        <v>45716</v>
      </c>
      <c r="F104365" s="14" t="s">
        <v>61</v>
      </c>
      <c r="G104365" s="16">
        <v>2.5299178481095885</v>
      </c>
    </row>
    <row r="104366" spans="1:7" x14ac:dyDescent="0.3">
      <c r="A104366" s="13" t="s">
        <v>508</v>
      </c>
      <c r="B104366" s="14" t="s">
        <v>1</v>
      </c>
      <c r="C104366" s="14" t="s">
        <v>238</v>
      </c>
      <c r="D104366" s="14" t="s">
        <v>183</v>
      </c>
      <c r="E104366" s="15">
        <v>45717</v>
      </c>
      <c r="F104366" s="14" t="s">
        <v>61</v>
      </c>
      <c r="G104366" s="16">
        <v>2.5299178481095885</v>
      </c>
    </row>
    <row r="104367" spans="1:7" x14ac:dyDescent="0.3">
      <c r="A104367" s="13" t="s">
        <v>508</v>
      </c>
      <c r="B104367" s="14" t="s">
        <v>1</v>
      </c>
      <c r="C104367" s="14" t="s">
        <v>238</v>
      </c>
      <c r="D104367" s="14" t="s">
        <v>183</v>
      </c>
      <c r="E104367" s="15">
        <v>45718</v>
      </c>
      <c r="F104367" s="14" t="s">
        <v>61</v>
      </c>
      <c r="G104367" s="16">
        <v>2.5299178481095885</v>
      </c>
    </row>
    <row r="104368" spans="1:7" x14ac:dyDescent="0.3">
      <c r="A104368" s="13" t="s">
        <v>508</v>
      </c>
      <c r="B104368" s="14" t="s">
        <v>1</v>
      </c>
      <c r="C104368" s="14" t="s">
        <v>238</v>
      </c>
      <c r="D104368" s="14" t="s">
        <v>183</v>
      </c>
      <c r="E104368" s="15">
        <v>45719</v>
      </c>
      <c r="F104368" s="14" t="s">
        <v>61</v>
      </c>
      <c r="G104368" s="16">
        <v>2.536953695226285</v>
      </c>
    </row>
    <row r="104369" spans="1:7" x14ac:dyDescent="0.3">
      <c r="A104369" s="13" t="s">
        <v>508</v>
      </c>
      <c r="B104369" s="14" t="s">
        <v>1</v>
      </c>
      <c r="C104369" s="14" t="s">
        <v>238</v>
      </c>
      <c r="D104369" s="14" t="s">
        <v>183</v>
      </c>
      <c r="E104369" s="15">
        <v>45720</v>
      </c>
      <c r="F104369" s="14" t="s">
        <v>61</v>
      </c>
      <c r="G104369" s="16">
        <v>2.5599555272989827</v>
      </c>
    </row>
    <row r="104370" spans="1:7" x14ac:dyDescent="0.3">
      <c r="A104370" s="13" t="s">
        <v>508</v>
      </c>
      <c r="B104370" s="14" t="s">
        <v>1</v>
      </c>
      <c r="C104370" s="14" t="s">
        <v>238</v>
      </c>
      <c r="D104370" s="14" t="s">
        <v>183</v>
      </c>
      <c r="E104370" s="15">
        <v>45721</v>
      </c>
      <c r="F104370" s="14" t="s">
        <v>61</v>
      </c>
      <c r="G104370" s="16">
        <v>2.5684339690225624</v>
      </c>
    </row>
    <row r="104371" spans="1:7" x14ac:dyDescent="0.3">
      <c r="A104371" s="13" t="s">
        <v>508</v>
      </c>
      <c r="B104371" s="14" t="s">
        <v>1</v>
      </c>
      <c r="C104371" s="14" t="s">
        <v>238</v>
      </c>
      <c r="D104371" s="14" t="s">
        <v>183</v>
      </c>
      <c r="E104371" s="15">
        <v>45722</v>
      </c>
      <c r="F104371" s="14" t="s">
        <v>61</v>
      </c>
      <c r="G104371" s="16">
        <v>2.5721303223186127</v>
      </c>
    </row>
    <row r="104372" spans="1:7" x14ac:dyDescent="0.3">
      <c r="A104372" s="13" t="s">
        <v>508</v>
      </c>
      <c r="B104372" s="14" t="s">
        <v>1</v>
      </c>
      <c r="C104372" s="14" t="s">
        <v>238</v>
      </c>
      <c r="D104372" s="14" t="s">
        <v>183</v>
      </c>
      <c r="E104372" s="15">
        <v>45723</v>
      </c>
      <c r="F104372" s="14" t="s">
        <v>61</v>
      </c>
      <c r="G104372" s="16">
        <v>2.5878105606767883</v>
      </c>
    </row>
    <row r="104373" spans="1:7" x14ac:dyDescent="0.3">
      <c r="A104373" s="13" t="s">
        <v>508</v>
      </c>
      <c r="B104373" s="14" t="s">
        <v>1</v>
      </c>
      <c r="C104373" s="14" t="s">
        <v>238</v>
      </c>
      <c r="D104373" s="14" t="s">
        <v>183</v>
      </c>
      <c r="E104373" s="15">
        <v>45724</v>
      </c>
      <c r="F104373" s="14" t="s">
        <v>61</v>
      </c>
      <c r="G104373" s="16">
        <v>2.5878105606767883</v>
      </c>
    </row>
    <row r="104374" spans="1:7" x14ac:dyDescent="0.3">
      <c r="A104374" s="13" t="s">
        <v>508</v>
      </c>
      <c r="B104374" s="14" t="s">
        <v>1</v>
      </c>
      <c r="C104374" s="14" t="s">
        <v>238</v>
      </c>
      <c r="D104374" s="14" t="s">
        <v>183</v>
      </c>
      <c r="E104374" s="15">
        <v>45725</v>
      </c>
      <c r="F104374" s="14" t="s">
        <v>61</v>
      </c>
      <c r="G104374" s="16">
        <v>2.5878105606767883</v>
      </c>
    </row>
    <row r="104375" spans="1:7" x14ac:dyDescent="0.3">
      <c r="A104375" s="13" t="s">
        <v>508</v>
      </c>
      <c r="B104375" s="14" t="s">
        <v>1</v>
      </c>
      <c r="C104375" s="14" t="s">
        <v>238</v>
      </c>
      <c r="D104375" s="14" t="s">
        <v>183</v>
      </c>
      <c r="E104375" s="15">
        <v>45726</v>
      </c>
      <c r="F104375" s="14" t="s">
        <v>61</v>
      </c>
      <c r="G104375" s="16">
        <v>2.5955591867838206</v>
      </c>
    </row>
    <row r="104376" spans="1:7" x14ac:dyDescent="0.3">
      <c r="A104376" s="13" t="s">
        <v>508</v>
      </c>
      <c r="B104376" s="14" t="s">
        <v>1</v>
      </c>
      <c r="C104376" s="14" t="s">
        <v>238</v>
      </c>
      <c r="D104376" s="14" t="s">
        <v>183</v>
      </c>
      <c r="E104376" s="15">
        <v>45727</v>
      </c>
      <c r="F104376" s="14" t="s">
        <v>61</v>
      </c>
      <c r="G104376" s="16">
        <v>2.6186875783392738</v>
      </c>
    </row>
    <row r="104377" spans="1:7" x14ac:dyDescent="0.3">
      <c r="A104377" s="13" t="s">
        <v>508</v>
      </c>
      <c r="B104377" s="14" t="s">
        <v>1</v>
      </c>
      <c r="C104377" s="14" t="s">
        <v>238</v>
      </c>
      <c r="D104377" s="14" t="s">
        <v>183</v>
      </c>
      <c r="E104377" s="15">
        <v>45728</v>
      </c>
      <c r="F104377" s="14" t="s">
        <v>61</v>
      </c>
      <c r="G104377" s="16">
        <v>2.6264059841404741</v>
      </c>
    </row>
    <row r="104378" spans="1:7" x14ac:dyDescent="0.3">
      <c r="A104378" s="13" t="s">
        <v>508</v>
      </c>
      <c r="B104378" s="14" t="s">
        <v>1</v>
      </c>
      <c r="C104378" s="14" t="s">
        <v>238</v>
      </c>
      <c r="D104378" s="14" t="s">
        <v>183</v>
      </c>
      <c r="E104378" s="15">
        <v>45729</v>
      </c>
      <c r="F104378" s="14" t="s">
        <v>61</v>
      </c>
      <c r="G104378" s="16">
        <v>2.6338422679144626</v>
      </c>
    </row>
    <row r="104379" spans="1:7" x14ac:dyDescent="0.3">
      <c r="A104379" s="13" t="s">
        <v>508</v>
      </c>
      <c r="B104379" s="14" t="s">
        <v>1</v>
      </c>
      <c r="C104379" s="14" t="s">
        <v>238</v>
      </c>
      <c r="D104379" s="14" t="s">
        <v>183</v>
      </c>
      <c r="E104379" s="15">
        <v>45730</v>
      </c>
      <c r="F104379" s="14" t="s">
        <v>61</v>
      </c>
      <c r="G104379" s="16">
        <v>2.6415812156228951</v>
      </c>
    </row>
    <row r="104380" spans="1:7" x14ac:dyDescent="0.3">
      <c r="A104380" s="13" t="s">
        <v>508</v>
      </c>
      <c r="B104380" s="14" t="s">
        <v>1</v>
      </c>
      <c r="C104380" s="14" t="s">
        <v>238</v>
      </c>
      <c r="D104380" s="14" t="s">
        <v>183</v>
      </c>
      <c r="E104380" s="15">
        <v>45731</v>
      </c>
      <c r="F104380" s="14" t="s">
        <v>61</v>
      </c>
      <c r="G104380" s="16">
        <v>2.6415812156228951</v>
      </c>
    </row>
    <row r="104381" spans="1:7" x14ac:dyDescent="0.3">
      <c r="A104381" s="13" t="s">
        <v>508</v>
      </c>
      <c r="B104381" s="14" t="s">
        <v>1</v>
      </c>
      <c r="C104381" s="14" t="s">
        <v>238</v>
      </c>
      <c r="D104381" s="14" t="s">
        <v>183</v>
      </c>
      <c r="E104381" s="15">
        <v>45732</v>
      </c>
      <c r="F104381" s="14" t="s">
        <v>61</v>
      </c>
      <c r="G104381" s="16">
        <v>2.6415812156228951</v>
      </c>
    </row>
    <row r="104382" spans="1:7" x14ac:dyDescent="0.3">
      <c r="A104382" s="13" t="s">
        <v>508</v>
      </c>
      <c r="B104382" s="14" t="s">
        <v>1</v>
      </c>
      <c r="C104382" s="14" t="s">
        <v>238</v>
      </c>
      <c r="D104382" s="14" t="s">
        <v>183</v>
      </c>
      <c r="E104382" s="15">
        <v>45733</v>
      </c>
      <c r="F104382" s="14" t="s">
        <v>61</v>
      </c>
      <c r="G104382" s="16">
        <v>2.6415812156228951</v>
      </c>
    </row>
    <row r="104383" spans="1:7" x14ac:dyDescent="0.3">
      <c r="A104383" s="13" t="s">
        <v>508</v>
      </c>
      <c r="B104383" s="14" t="s">
        <v>1</v>
      </c>
      <c r="C104383" s="14" t="s">
        <v>238</v>
      </c>
      <c r="D104383" s="14" t="s">
        <v>183</v>
      </c>
      <c r="E104383" s="15">
        <v>45734</v>
      </c>
      <c r="F104383" s="14" t="s">
        <v>61</v>
      </c>
      <c r="G104383" s="16">
        <v>2.6493236205662498</v>
      </c>
    </row>
    <row r="104384" spans="1:7" x14ac:dyDescent="0.3">
      <c r="A104384" s="13" t="s">
        <v>508</v>
      </c>
      <c r="B104384" s="14" t="s">
        <v>1</v>
      </c>
      <c r="C104384" s="14" t="s">
        <v>238</v>
      </c>
      <c r="D104384" s="14" t="s">
        <v>183</v>
      </c>
      <c r="E104384" s="15">
        <v>45735</v>
      </c>
      <c r="F104384" s="14" t="s">
        <v>61</v>
      </c>
      <c r="G104384" s="16">
        <v>2.6775126147581991</v>
      </c>
    </row>
    <row r="104385" spans="1:7" x14ac:dyDescent="0.3">
      <c r="A104385" s="13" t="s">
        <v>508</v>
      </c>
      <c r="B104385" s="14" t="s">
        <v>1</v>
      </c>
      <c r="C104385" s="14" t="s">
        <v>238</v>
      </c>
      <c r="D104385" s="14" t="s">
        <v>183</v>
      </c>
      <c r="E104385" s="15">
        <v>45736</v>
      </c>
      <c r="F104385" s="14" t="s">
        <v>61</v>
      </c>
      <c r="G104385" s="16">
        <v>2.6852279752037775</v>
      </c>
    </row>
    <row r="104386" spans="1:7" x14ac:dyDescent="0.3">
      <c r="A104386" s="13" t="s">
        <v>508</v>
      </c>
      <c r="B104386" s="14" t="s">
        <v>1</v>
      </c>
      <c r="C104386" s="14" t="s">
        <v>238</v>
      </c>
      <c r="D104386" s="14" t="s">
        <v>183</v>
      </c>
      <c r="E104386" s="15">
        <v>45737</v>
      </c>
      <c r="F104386" s="14" t="s">
        <v>61</v>
      </c>
      <c r="G104386" s="16">
        <v>2.6932727521527231</v>
      </c>
    </row>
    <row r="104387" spans="1:7" x14ac:dyDescent="0.3">
      <c r="A104387" s="13" t="s">
        <v>508</v>
      </c>
      <c r="B104387" s="14" t="s">
        <v>1</v>
      </c>
      <c r="C104387" s="14" t="s">
        <v>238</v>
      </c>
      <c r="D104387" s="14" t="s">
        <v>183</v>
      </c>
      <c r="E104387" s="15">
        <v>45738</v>
      </c>
      <c r="F104387" s="14" t="s">
        <v>61</v>
      </c>
      <c r="G104387" s="16">
        <v>2.6932727521527231</v>
      </c>
    </row>
    <row r="104388" spans="1:7" x14ac:dyDescent="0.3">
      <c r="A104388" s="13" t="s">
        <v>508</v>
      </c>
      <c r="B104388" s="14" t="s">
        <v>1</v>
      </c>
      <c r="C104388" s="14" t="s">
        <v>238</v>
      </c>
      <c r="D104388" s="14" t="s">
        <v>183</v>
      </c>
      <c r="E104388" s="15">
        <v>45739</v>
      </c>
      <c r="F104388" s="14" t="s">
        <v>61</v>
      </c>
      <c r="G104388" s="16">
        <v>2.6932727521527231</v>
      </c>
    </row>
    <row r="104389" spans="1:7" x14ac:dyDescent="0.3">
      <c r="A104389" s="13" t="s">
        <v>508</v>
      </c>
      <c r="B104389" s="14" t="s">
        <v>1</v>
      </c>
      <c r="C104389" s="14" t="s">
        <v>238</v>
      </c>
      <c r="D104389" s="14" t="s">
        <v>183</v>
      </c>
      <c r="E104389" s="15">
        <v>45740</v>
      </c>
      <c r="F104389" s="14" t="s">
        <v>61</v>
      </c>
      <c r="G104389" s="16">
        <v>2.7010006452632456</v>
      </c>
    </row>
    <row r="104390" spans="1:7" x14ac:dyDescent="0.3">
      <c r="A104390" s="13" t="s">
        <v>508</v>
      </c>
      <c r="B104390" s="14" t="s">
        <v>1</v>
      </c>
      <c r="C104390" s="14" t="s">
        <v>238</v>
      </c>
      <c r="D104390" s="14" t="s">
        <v>183</v>
      </c>
      <c r="E104390" s="15">
        <v>45741</v>
      </c>
      <c r="F104390" s="14" t="s">
        <v>61</v>
      </c>
      <c r="G104390" s="16">
        <v>2.7241543393167782</v>
      </c>
    </row>
    <row r="104391" spans="1:7" x14ac:dyDescent="0.3">
      <c r="A104391" s="13" t="s">
        <v>508</v>
      </c>
      <c r="B104391" s="14" t="s">
        <v>1</v>
      </c>
      <c r="C104391" s="14" t="s">
        <v>238</v>
      </c>
      <c r="D104391" s="14" t="s">
        <v>183</v>
      </c>
      <c r="E104391" s="15">
        <v>45742</v>
      </c>
      <c r="F104391" s="14" t="s">
        <v>61</v>
      </c>
      <c r="G104391" s="16">
        <v>2.734401055875062</v>
      </c>
    </row>
    <row r="104392" spans="1:7" x14ac:dyDescent="0.3">
      <c r="A104392" s="13" t="s">
        <v>508</v>
      </c>
      <c r="B104392" s="14" t="s">
        <v>1</v>
      </c>
      <c r="C104392" s="14" t="s">
        <v>238</v>
      </c>
      <c r="D104392" s="14" t="s">
        <v>183</v>
      </c>
      <c r="E104392" s="15">
        <v>45743</v>
      </c>
      <c r="F104392" s="14" t="s">
        <v>61</v>
      </c>
      <c r="G104392" s="16">
        <v>2.7421248662223938</v>
      </c>
    </row>
    <row r="104393" spans="1:7" x14ac:dyDescent="0.3">
      <c r="A104393" s="13" t="s">
        <v>508</v>
      </c>
      <c r="B104393" s="14" t="s">
        <v>1</v>
      </c>
      <c r="C104393" s="14" t="s">
        <v>238</v>
      </c>
      <c r="D104393" s="14" t="s">
        <v>183</v>
      </c>
      <c r="E104393" s="15">
        <v>45744</v>
      </c>
      <c r="F104393" s="14" t="s">
        <v>61</v>
      </c>
      <c r="G104393" s="16">
        <v>2.7498523809811091</v>
      </c>
    </row>
    <row r="104394" spans="1:7" x14ac:dyDescent="0.3">
      <c r="A104394" s="13" t="s">
        <v>508</v>
      </c>
      <c r="B104394" s="14" t="s">
        <v>1</v>
      </c>
      <c r="C104394" s="14" t="s">
        <v>238</v>
      </c>
      <c r="D104394" s="14" t="s">
        <v>183</v>
      </c>
      <c r="E104394" s="15">
        <v>45745</v>
      </c>
      <c r="F104394" s="14" t="s">
        <v>61</v>
      </c>
      <c r="G104394" s="16">
        <v>2.7498523809811091</v>
      </c>
    </row>
    <row r="104395" spans="1:7" x14ac:dyDescent="0.3">
      <c r="A104395" s="13" t="s">
        <v>508</v>
      </c>
      <c r="B104395" s="14" t="s">
        <v>1</v>
      </c>
      <c r="C104395" s="14" t="s">
        <v>238</v>
      </c>
      <c r="D104395" s="14" t="s">
        <v>183</v>
      </c>
      <c r="E104395" s="15">
        <v>45746</v>
      </c>
      <c r="F104395" s="14" t="s">
        <v>61</v>
      </c>
      <c r="G104395" s="16">
        <v>2.7498523809811091</v>
      </c>
    </row>
    <row r="104396" spans="1:7" x14ac:dyDescent="0.3">
      <c r="A104396" s="13" t="s">
        <v>508</v>
      </c>
      <c r="B104396" s="14" t="s">
        <v>1</v>
      </c>
      <c r="C104396" s="14" t="s">
        <v>238</v>
      </c>
      <c r="D104396" s="14" t="s">
        <v>183</v>
      </c>
      <c r="E104396" s="15">
        <v>45747</v>
      </c>
      <c r="F104396" s="14" t="s">
        <v>61</v>
      </c>
      <c r="G104396" s="16">
        <v>2.7575780098576654</v>
      </c>
    </row>
    <row r="104397" spans="1:7" x14ac:dyDescent="0.3">
      <c r="A104397" s="13" t="s">
        <v>509</v>
      </c>
      <c r="B104397" s="14" t="s">
        <v>1</v>
      </c>
      <c r="C104397" s="14" t="s">
        <v>109</v>
      </c>
      <c r="D104397" s="14" t="s">
        <v>510</v>
      </c>
      <c r="E104397" s="15">
        <v>45383</v>
      </c>
      <c r="F104397" s="14" t="s">
        <v>61</v>
      </c>
      <c r="G104397" s="16">
        <v>0</v>
      </c>
    </row>
    <row r="104398" spans="1:7" x14ac:dyDescent="0.3">
      <c r="A104398" s="13" t="s">
        <v>509</v>
      </c>
      <c r="B104398" s="14" t="s">
        <v>1</v>
      </c>
      <c r="C104398" s="14" t="s">
        <v>109</v>
      </c>
      <c r="D104398" s="14" t="s">
        <v>510</v>
      </c>
      <c r="E104398" s="15">
        <v>45384</v>
      </c>
      <c r="F104398" s="14" t="s">
        <v>61</v>
      </c>
      <c r="G104398" s="16">
        <v>0</v>
      </c>
    </row>
    <row r="104399" spans="1:7" x14ac:dyDescent="0.3">
      <c r="A104399" s="13" t="s">
        <v>509</v>
      </c>
      <c r="B104399" s="14" t="s">
        <v>1</v>
      </c>
      <c r="C104399" s="14" t="s">
        <v>109</v>
      </c>
      <c r="D104399" s="14" t="s">
        <v>510</v>
      </c>
      <c r="E104399" s="15">
        <v>45385</v>
      </c>
      <c r="F104399" s="14" t="s">
        <v>61</v>
      </c>
      <c r="G104399" s="16">
        <v>0</v>
      </c>
    </row>
    <row r="104400" spans="1:7" x14ac:dyDescent="0.3">
      <c r="A104400" s="13" t="s">
        <v>509</v>
      </c>
      <c r="B104400" s="14" t="s">
        <v>1</v>
      </c>
      <c r="C104400" s="14" t="s">
        <v>109</v>
      </c>
      <c r="D104400" s="14" t="s">
        <v>510</v>
      </c>
      <c r="E104400" s="15">
        <v>45386</v>
      </c>
      <c r="F104400" s="14" t="s">
        <v>61</v>
      </c>
      <c r="G104400" s="16">
        <v>0</v>
      </c>
    </row>
    <row r="104401" spans="1:7" x14ac:dyDescent="0.3">
      <c r="A104401" s="13" t="s">
        <v>509</v>
      </c>
      <c r="B104401" s="14" t="s">
        <v>1</v>
      </c>
      <c r="C104401" s="14" t="s">
        <v>109</v>
      </c>
      <c r="D104401" s="14" t="s">
        <v>510</v>
      </c>
      <c r="E104401" s="15">
        <v>45387</v>
      </c>
      <c r="F104401" s="14" t="s">
        <v>61</v>
      </c>
      <c r="G104401" s="16">
        <v>0</v>
      </c>
    </row>
    <row r="104402" spans="1:7" x14ac:dyDescent="0.3">
      <c r="A104402" s="13" t="s">
        <v>509</v>
      </c>
      <c r="B104402" s="14" t="s">
        <v>1</v>
      </c>
      <c r="C104402" s="14" t="s">
        <v>109</v>
      </c>
      <c r="D104402" s="14" t="s">
        <v>510</v>
      </c>
      <c r="E104402" s="15">
        <v>45388</v>
      </c>
      <c r="F104402" s="14" t="s">
        <v>61</v>
      </c>
      <c r="G104402" s="16">
        <v>0</v>
      </c>
    </row>
    <row r="104403" spans="1:7" x14ac:dyDescent="0.3">
      <c r="A104403" s="13" t="s">
        <v>509</v>
      </c>
      <c r="B104403" s="14" t="s">
        <v>1</v>
      </c>
      <c r="C104403" s="14" t="s">
        <v>109</v>
      </c>
      <c r="D104403" s="14" t="s">
        <v>510</v>
      </c>
      <c r="E104403" s="15">
        <v>45389</v>
      </c>
      <c r="F104403" s="14" t="s">
        <v>61</v>
      </c>
      <c r="G104403" s="16">
        <v>0</v>
      </c>
    </row>
    <row r="104404" spans="1:7" x14ac:dyDescent="0.3">
      <c r="A104404" s="13" t="s">
        <v>509</v>
      </c>
      <c r="B104404" s="14" t="s">
        <v>1</v>
      </c>
      <c r="C104404" s="14" t="s">
        <v>109</v>
      </c>
      <c r="D104404" s="14" t="s">
        <v>510</v>
      </c>
      <c r="E104404" s="15">
        <v>45390</v>
      </c>
      <c r="F104404" s="14" t="s">
        <v>61</v>
      </c>
      <c r="G104404" s="16">
        <v>0</v>
      </c>
    </row>
    <row r="104405" spans="1:7" x14ac:dyDescent="0.3">
      <c r="A104405" s="13" t="s">
        <v>509</v>
      </c>
      <c r="B104405" s="14" t="s">
        <v>1</v>
      </c>
      <c r="C104405" s="14" t="s">
        <v>109</v>
      </c>
      <c r="D104405" s="14" t="s">
        <v>510</v>
      </c>
      <c r="E104405" s="15">
        <v>45391</v>
      </c>
      <c r="F104405" s="14" t="s">
        <v>61</v>
      </c>
      <c r="G104405" s="16">
        <v>0</v>
      </c>
    </row>
    <row r="104406" spans="1:7" x14ac:dyDescent="0.3">
      <c r="A104406" s="13" t="s">
        <v>509</v>
      </c>
      <c r="B104406" s="14" t="s">
        <v>1</v>
      </c>
      <c r="C104406" s="14" t="s">
        <v>109</v>
      </c>
      <c r="D104406" s="14" t="s">
        <v>510</v>
      </c>
      <c r="E104406" s="15">
        <v>45392</v>
      </c>
      <c r="F104406" s="14" t="s">
        <v>61</v>
      </c>
      <c r="G104406" s="16">
        <v>0</v>
      </c>
    </row>
    <row r="104407" spans="1:7" x14ac:dyDescent="0.3">
      <c r="A104407" s="13" t="s">
        <v>509</v>
      </c>
      <c r="B104407" s="14" t="s">
        <v>1</v>
      </c>
      <c r="C104407" s="14" t="s">
        <v>109</v>
      </c>
      <c r="D104407" s="14" t="s">
        <v>510</v>
      </c>
      <c r="E104407" s="15">
        <v>45393</v>
      </c>
      <c r="F104407" s="14" t="s">
        <v>61</v>
      </c>
      <c r="G104407" s="16">
        <v>0</v>
      </c>
    </row>
    <row r="104408" spans="1:7" x14ac:dyDescent="0.3">
      <c r="A104408" s="13" t="s">
        <v>509</v>
      </c>
      <c r="B104408" s="14" t="s">
        <v>1</v>
      </c>
      <c r="C104408" s="14" t="s">
        <v>109</v>
      </c>
      <c r="D104408" s="14" t="s">
        <v>510</v>
      </c>
      <c r="E104408" s="15">
        <v>45394</v>
      </c>
      <c r="F104408" s="14" t="s">
        <v>61</v>
      </c>
      <c r="G104408" s="16">
        <v>0</v>
      </c>
    </row>
    <row r="104409" spans="1:7" x14ac:dyDescent="0.3">
      <c r="A104409" s="13" t="s">
        <v>509</v>
      </c>
      <c r="B104409" s="14" t="s">
        <v>1</v>
      </c>
      <c r="C104409" s="14" t="s">
        <v>109</v>
      </c>
      <c r="D104409" s="14" t="s">
        <v>510</v>
      </c>
      <c r="E104409" s="15">
        <v>45395</v>
      </c>
      <c r="F104409" s="14" t="s">
        <v>61</v>
      </c>
      <c r="G104409" s="16">
        <v>0</v>
      </c>
    </row>
    <row r="104410" spans="1:7" x14ac:dyDescent="0.3">
      <c r="A104410" s="13" t="s">
        <v>509</v>
      </c>
      <c r="B104410" s="14" t="s">
        <v>1</v>
      </c>
      <c r="C104410" s="14" t="s">
        <v>109</v>
      </c>
      <c r="D104410" s="14" t="s">
        <v>510</v>
      </c>
      <c r="E104410" s="15">
        <v>45396</v>
      </c>
      <c r="F104410" s="14" t="s">
        <v>61</v>
      </c>
      <c r="G104410" s="16">
        <v>0</v>
      </c>
    </row>
    <row r="104411" spans="1:7" x14ac:dyDescent="0.3">
      <c r="A104411" s="13" t="s">
        <v>509</v>
      </c>
      <c r="B104411" s="14" t="s">
        <v>1</v>
      </c>
      <c r="C104411" s="14" t="s">
        <v>109</v>
      </c>
      <c r="D104411" s="14" t="s">
        <v>510</v>
      </c>
      <c r="E104411" s="15">
        <v>45397</v>
      </c>
      <c r="F104411" s="14" t="s">
        <v>61</v>
      </c>
      <c r="G104411" s="16">
        <v>4.8001813192907325E-3</v>
      </c>
    </row>
    <row r="104412" spans="1:7" x14ac:dyDescent="0.3">
      <c r="A104412" s="13" t="s">
        <v>509</v>
      </c>
      <c r="B104412" s="14" t="s">
        <v>1</v>
      </c>
      <c r="C104412" s="14" t="s">
        <v>109</v>
      </c>
      <c r="D104412" s="14" t="s">
        <v>510</v>
      </c>
      <c r="E104412" s="15">
        <v>45398</v>
      </c>
      <c r="F104412" s="14" t="s">
        <v>61</v>
      </c>
      <c r="G104412" s="16">
        <v>0</v>
      </c>
    </row>
    <row r="104413" spans="1:7" x14ac:dyDescent="0.3">
      <c r="A104413" s="13" t="s">
        <v>509</v>
      </c>
      <c r="B104413" s="14" t="s">
        <v>1</v>
      </c>
      <c r="C104413" s="14" t="s">
        <v>109</v>
      </c>
      <c r="D104413" s="14" t="s">
        <v>510</v>
      </c>
      <c r="E104413" s="15">
        <v>45399</v>
      </c>
      <c r="F104413" s="14" t="s">
        <v>61</v>
      </c>
      <c r="G104413" s="16">
        <v>0</v>
      </c>
    </row>
    <row r="104414" spans="1:7" x14ac:dyDescent="0.3">
      <c r="A104414" s="13" t="s">
        <v>509</v>
      </c>
      <c r="B104414" s="14" t="s">
        <v>1</v>
      </c>
      <c r="C104414" s="14" t="s">
        <v>109</v>
      </c>
      <c r="D104414" s="14" t="s">
        <v>510</v>
      </c>
      <c r="E104414" s="15">
        <v>45400</v>
      </c>
      <c r="F104414" s="14" t="s">
        <v>61</v>
      </c>
      <c r="G104414" s="16">
        <v>0</v>
      </c>
    </row>
    <row r="104415" spans="1:7" x14ac:dyDescent="0.3">
      <c r="A104415" s="13" t="s">
        <v>509</v>
      </c>
      <c r="B104415" s="14" t="s">
        <v>1</v>
      </c>
      <c r="C104415" s="14" t="s">
        <v>109</v>
      </c>
      <c r="D104415" s="14" t="s">
        <v>510</v>
      </c>
      <c r="E104415" s="15">
        <v>45401</v>
      </c>
      <c r="F104415" s="14" t="s">
        <v>61</v>
      </c>
      <c r="G104415" s="16">
        <v>0</v>
      </c>
    </row>
    <row r="104416" spans="1:7" x14ac:dyDescent="0.3">
      <c r="A104416" s="13" t="s">
        <v>509</v>
      </c>
      <c r="B104416" s="14" t="s">
        <v>1</v>
      </c>
      <c r="C104416" s="14" t="s">
        <v>109</v>
      </c>
      <c r="D104416" s="14" t="s">
        <v>510</v>
      </c>
      <c r="E104416" s="15">
        <v>45402</v>
      </c>
      <c r="F104416" s="14" t="s">
        <v>61</v>
      </c>
      <c r="G104416" s="16">
        <v>0</v>
      </c>
    </row>
    <row r="104417" spans="1:7" x14ac:dyDescent="0.3">
      <c r="A104417" s="13" t="s">
        <v>509</v>
      </c>
      <c r="B104417" s="14" t="s">
        <v>1</v>
      </c>
      <c r="C104417" s="14" t="s">
        <v>109</v>
      </c>
      <c r="D104417" s="14" t="s">
        <v>510</v>
      </c>
      <c r="E104417" s="15">
        <v>45403</v>
      </c>
      <c r="F104417" s="14" t="s">
        <v>61</v>
      </c>
      <c r="G104417" s="16">
        <v>0</v>
      </c>
    </row>
    <row r="104418" spans="1:7" x14ac:dyDescent="0.3">
      <c r="A104418" s="13" t="s">
        <v>509</v>
      </c>
      <c r="B104418" s="14" t="s">
        <v>1</v>
      </c>
      <c r="C104418" s="14" t="s">
        <v>109</v>
      </c>
      <c r="D104418" s="14" t="s">
        <v>510</v>
      </c>
      <c r="E104418" s="15">
        <v>45404</v>
      </c>
      <c r="F104418" s="14" t="s">
        <v>61</v>
      </c>
      <c r="G104418" s="16">
        <v>0</v>
      </c>
    </row>
    <row r="104419" spans="1:7" x14ac:dyDescent="0.3">
      <c r="A104419" s="13" t="s">
        <v>509</v>
      </c>
      <c r="B104419" s="14" t="s">
        <v>1</v>
      </c>
      <c r="C104419" s="14" t="s">
        <v>109</v>
      </c>
      <c r="D104419" s="14" t="s">
        <v>510</v>
      </c>
      <c r="E104419" s="15">
        <v>45405</v>
      </c>
      <c r="F104419" s="14" t="s">
        <v>61</v>
      </c>
      <c r="G104419" s="16">
        <v>0</v>
      </c>
    </row>
    <row r="104420" spans="1:7" x14ac:dyDescent="0.3">
      <c r="A104420" s="13" t="s">
        <v>509</v>
      </c>
      <c r="B104420" s="14" t="s">
        <v>1</v>
      </c>
      <c r="C104420" s="14" t="s">
        <v>109</v>
      </c>
      <c r="D104420" s="14" t="s">
        <v>510</v>
      </c>
      <c r="E104420" s="15">
        <v>45406</v>
      </c>
      <c r="F104420" s="14" t="s">
        <v>61</v>
      </c>
      <c r="G104420" s="16">
        <v>0</v>
      </c>
    </row>
    <row r="104421" spans="1:7" x14ac:dyDescent="0.3">
      <c r="A104421" s="13" t="s">
        <v>509</v>
      </c>
      <c r="B104421" s="14" t="s">
        <v>1</v>
      </c>
      <c r="C104421" s="14" t="s">
        <v>109</v>
      </c>
      <c r="D104421" s="14" t="s">
        <v>510</v>
      </c>
      <c r="E104421" s="15">
        <v>45407</v>
      </c>
      <c r="F104421" s="14" t="s">
        <v>61</v>
      </c>
      <c r="G104421" s="16">
        <v>0</v>
      </c>
    </row>
    <row r="104422" spans="1:7" x14ac:dyDescent="0.3">
      <c r="A104422" s="13" t="s">
        <v>509</v>
      </c>
      <c r="B104422" s="14" t="s">
        <v>1</v>
      </c>
      <c r="C104422" s="14" t="s">
        <v>109</v>
      </c>
      <c r="D104422" s="14" t="s">
        <v>510</v>
      </c>
      <c r="E104422" s="15">
        <v>45408</v>
      </c>
      <c r="F104422" s="14" t="s">
        <v>61</v>
      </c>
      <c r="G104422" s="16">
        <v>0</v>
      </c>
    </row>
    <row r="104423" spans="1:7" x14ac:dyDescent="0.3">
      <c r="A104423" s="13" t="s">
        <v>509</v>
      </c>
      <c r="B104423" s="14" t="s">
        <v>1</v>
      </c>
      <c r="C104423" s="14" t="s">
        <v>109</v>
      </c>
      <c r="D104423" s="14" t="s">
        <v>510</v>
      </c>
      <c r="E104423" s="15">
        <v>45409</v>
      </c>
      <c r="F104423" s="14" t="s">
        <v>61</v>
      </c>
      <c r="G104423" s="16">
        <v>0</v>
      </c>
    </row>
    <row r="104424" spans="1:7" x14ac:dyDescent="0.3">
      <c r="A104424" s="13" t="s">
        <v>509</v>
      </c>
      <c r="B104424" s="14" t="s">
        <v>1</v>
      </c>
      <c r="C104424" s="14" t="s">
        <v>109</v>
      </c>
      <c r="D104424" s="14" t="s">
        <v>510</v>
      </c>
      <c r="E104424" s="15">
        <v>45410</v>
      </c>
      <c r="F104424" s="14" t="s">
        <v>61</v>
      </c>
      <c r="G104424" s="16">
        <v>0</v>
      </c>
    </row>
    <row r="104425" spans="1:7" x14ac:dyDescent="0.3">
      <c r="A104425" s="13" t="s">
        <v>509</v>
      </c>
      <c r="B104425" s="14" t="s">
        <v>1</v>
      </c>
      <c r="C104425" s="14" t="s">
        <v>109</v>
      </c>
      <c r="D104425" s="14" t="s">
        <v>510</v>
      </c>
      <c r="E104425" s="15">
        <v>45411</v>
      </c>
      <c r="F104425" s="14" t="s">
        <v>61</v>
      </c>
      <c r="G104425" s="16">
        <v>0</v>
      </c>
    </row>
    <row r="104426" spans="1:7" x14ac:dyDescent="0.3">
      <c r="A104426" s="13" t="s">
        <v>509</v>
      </c>
      <c r="B104426" s="14" t="s">
        <v>1</v>
      </c>
      <c r="C104426" s="14" t="s">
        <v>109</v>
      </c>
      <c r="D104426" s="14" t="s">
        <v>510</v>
      </c>
      <c r="E104426" s="15">
        <v>45412</v>
      </c>
      <c r="F104426" s="14" t="s">
        <v>61</v>
      </c>
      <c r="G104426" s="16">
        <v>0</v>
      </c>
    </row>
    <row r="104427" spans="1:7" x14ac:dyDescent="0.3">
      <c r="A104427" s="13" t="s">
        <v>509</v>
      </c>
      <c r="B104427" s="14" t="s">
        <v>1</v>
      </c>
      <c r="C104427" s="14" t="s">
        <v>109</v>
      </c>
      <c r="D104427" s="14" t="s">
        <v>510</v>
      </c>
      <c r="E104427" s="15">
        <v>45413</v>
      </c>
      <c r="F104427" s="14" t="s">
        <v>61</v>
      </c>
      <c r="G104427" s="16">
        <v>0</v>
      </c>
    </row>
    <row r="104428" spans="1:7" x14ac:dyDescent="0.3">
      <c r="A104428" s="13" t="s">
        <v>509</v>
      </c>
      <c r="B104428" s="14" t="s">
        <v>1</v>
      </c>
      <c r="C104428" s="14" t="s">
        <v>109</v>
      </c>
      <c r="D104428" s="14" t="s">
        <v>510</v>
      </c>
      <c r="E104428" s="15">
        <v>45414</v>
      </c>
      <c r="F104428" s="14" t="s">
        <v>61</v>
      </c>
      <c r="G104428" s="16">
        <v>0</v>
      </c>
    </row>
    <row r="104429" spans="1:7" x14ac:dyDescent="0.3">
      <c r="A104429" s="13" t="s">
        <v>509</v>
      </c>
      <c r="B104429" s="14" t="s">
        <v>1</v>
      </c>
      <c r="C104429" s="14" t="s">
        <v>109</v>
      </c>
      <c r="D104429" s="14" t="s">
        <v>510</v>
      </c>
      <c r="E104429" s="15">
        <v>45415</v>
      </c>
      <c r="F104429" s="14" t="s">
        <v>61</v>
      </c>
      <c r="G104429" s="16">
        <v>0</v>
      </c>
    </row>
    <row r="104430" spans="1:7" x14ac:dyDescent="0.3">
      <c r="A104430" s="13" t="s">
        <v>509</v>
      </c>
      <c r="B104430" s="14" t="s">
        <v>1</v>
      </c>
      <c r="C104430" s="14" t="s">
        <v>109</v>
      </c>
      <c r="D104430" s="14" t="s">
        <v>510</v>
      </c>
      <c r="E104430" s="15">
        <v>45416</v>
      </c>
      <c r="F104430" s="14" t="s">
        <v>61</v>
      </c>
      <c r="G104430" s="16">
        <v>0</v>
      </c>
    </row>
    <row r="104431" spans="1:7" x14ac:dyDescent="0.3">
      <c r="A104431" s="13" t="s">
        <v>509</v>
      </c>
      <c r="B104431" s="14" t="s">
        <v>1</v>
      </c>
      <c r="C104431" s="14" t="s">
        <v>109</v>
      </c>
      <c r="D104431" s="14" t="s">
        <v>510</v>
      </c>
      <c r="E104431" s="15">
        <v>45417</v>
      </c>
      <c r="F104431" s="14" t="s">
        <v>61</v>
      </c>
      <c r="G104431" s="16">
        <v>0</v>
      </c>
    </row>
    <row r="104432" spans="1:7" x14ac:dyDescent="0.3">
      <c r="A104432" s="13" t="s">
        <v>509</v>
      </c>
      <c r="B104432" s="14" t="s">
        <v>1</v>
      </c>
      <c r="C104432" s="14" t="s">
        <v>109</v>
      </c>
      <c r="D104432" s="14" t="s">
        <v>510</v>
      </c>
      <c r="E104432" s="15">
        <v>45418</v>
      </c>
      <c r="F104432" s="14" t="s">
        <v>61</v>
      </c>
      <c r="G104432" s="16">
        <v>0</v>
      </c>
    </row>
    <row r="104433" spans="1:7" x14ac:dyDescent="0.3">
      <c r="A104433" s="13" t="s">
        <v>509</v>
      </c>
      <c r="B104433" s="14" t="s">
        <v>1</v>
      </c>
      <c r="C104433" s="14" t="s">
        <v>109</v>
      </c>
      <c r="D104433" s="14" t="s">
        <v>510</v>
      </c>
      <c r="E104433" s="15">
        <v>45419</v>
      </c>
      <c r="F104433" s="14" t="s">
        <v>61</v>
      </c>
      <c r="G104433" s="16">
        <v>0</v>
      </c>
    </row>
    <row r="104434" spans="1:7" x14ac:dyDescent="0.3">
      <c r="A104434" s="13" t="s">
        <v>509</v>
      </c>
      <c r="B104434" s="14" t="s">
        <v>1</v>
      </c>
      <c r="C104434" s="14" t="s">
        <v>109</v>
      </c>
      <c r="D104434" s="14" t="s">
        <v>510</v>
      </c>
      <c r="E104434" s="15">
        <v>45420</v>
      </c>
      <c r="F104434" s="14" t="s">
        <v>61</v>
      </c>
      <c r="G104434" s="16">
        <v>9.5619575060042934E-3</v>
      </c>
    </row>
    <row r="104435" spans="1:7" x14ac:dyDescent="0.3">
      <c r="A104435" s="13" t="s">
        <v>509</v>
      </c>
      <c r="B104435" s="14" t="s">
        <v>1</v>
      </c>
      <c r="C104435" s="14" t="s">
        <v>109</v>
      </c>
      <c r="D104435" s="14" t="s">
        <v>510</v>
      </c>
      <c r="E104435" s="15">
        <v>45421</v>
      </c>
      <c r="F104435" s="14" t="s">
        <v>61</v>
      </c>
      <c r="G104435" s="16">
        <v>7.6887420067846893E-3</v>
      </c>
    </row>
    <row r="104436" spans="1:7" x14ac:dyDescent="0.3">
      <c r="A104436" s="13" t="s">
        <v>509</v>
      </c>
      <c r="B104436" s="14" t="s">
        <v>1</v>
      </c>
      <c r="C104436" s="14" t="s">
        <v>109</v>
      </c>
      <c r="D104436" s="14" t="s">
        <v>510</v>
      </c>
      <c r="E104436" s="15">
        <v>45422</v>
      </c>
      <c r="F104436" s="14" t="s">
        <v>61</v>
      </c>
      <c r="G104436" s="16">
        <v>5.8493504640282096E-3</v>
      </c>
    </row>
    <row r="104437" spans="1:7" x14ac:dyDescent="0.3">
      <c r="A104437" s="13" t="s">
        <v>509</v>
      </c>
      <c r="B104437" s="14" t="s">
        <v>1</v>
      </c>
      <c r="C104437" s="14" t="s">
        <v>109</v>
      </c>
      <c r="D104437" s="14" t="s">
        <v>510</v>
      </c>
      <c r="E104437" s="15">
        <v>45423</v>
      </c>
      <c r="F104437" s="14" t="s">
        <v>61</v>
      </c>
      <c r="G104437" s="16">
        <v>5.8493504640282096E-3</v>
      </c>
    </row>
    <row r="104438" spans="1:7" x14ac:dyDescent="0.3">
      <c r="A104438" s="13" t="s">
        <v>509</v>
      </c>
      <c r="B104438" s="14" t="s">
        <v>1</v>
      </c>
      <c r="C104438" s="14" t="s">
        <v>109</v>
      </c>
      <c r="D104438" s="14" t="s">
        <v>510</v>
      </c>
      <c r="E104438" s="15">
        <v>45424</v>
      </c>
      <c r="F104438" s="14" t="s">
        <v>61</v>
      </c>
      <c r="G104438" s="16">
        <v>5.8493504640282096E-3</v>
      </c>
    </row>
    <row r="104439" spans="1:7" x14ac:dyDescent="0.3">
      <c r="A104439" s="13" t="s">
        <v>509</v>
      </c>
      <c r="B104439" s="14" t="s">
        <v>1</v>
      </c>
      <c r="C104439" s="14" t="s">
        <v>109</v>
      </c>
      <c r="D104439" s="14" t="s">
        <v>510</v>
      </c>
      <c r="E104439" s="15">
        <v>45425</v>
      </c>
      <c r="F104439" s="14" t="s">
        <v>61</v>
      </c>
      <c r="G104439" s="16">
        <v>1.6970656907452031E-2</v>
      </c>
    </row>
    <row r="104440" spans="1:7" x14ac:dyDescent="0.3">
      <c r="A104440" s="13" t="s">
        <v>509</v>
      </c>
      <c r="B104440" s="14" t="s">
        <v>1</v>
      </c>
      <c r="C104440" s="14" t="s">
        <v>109</v>
      </c>
      <c r="D104440" s="14" t="s">
        <v>510</v>
      </c>
      <c r="E104440" s="15">
        <v>45426</v>
      </c>
      <c r="F104440" s="14" t="s">
        <v>61</v>
      </c>
      <c r="G104440" s="16">
        <v>1.8779540801156357E-2</v>
      </c>
    </row>
    <row r="104441" spans="1:7" x14ac:dyDescent="0.3">
      <c r="A104441" s="13" t="s">
        <v>509</v>
      </c>
      <c r="B104441" s="14" t="s">
        <v>1</v>
      </c>
      <c r="C104441" s="14" t="s">
        <v>109</v>
      </c>
      <c r="D104441" s="14" t="s">
        <v>510</v>
      </c>
      <c r="E104441" s="15">
        <v>45427</v>
      </c>
      <c r="F104441" s="14" t="s">
        <v>61</v>
      </c>
      <c r="G104441" s="16">
        <v>1.9598658866930393E-2</v>
      </c>
    </row>
    <row r="104442" spans="1:7" x14ac:dyDescent="0.3">
      <c r="A104442" s="13" t="s">
        <v>509</v>
      </c>
      <c r="B104442" s="14" t="s">
        <v>1</v>
      </c>
      <c r="C104442" s="14" t="s">
        <v>109</v>
      </c>
      <c r="D104442" s="14" t="s">
        <v>510</v>
      </c>
      <c r="E104442" s="15">
        <v>45428</v>
      </c>
      <c r="F104442" s="14" t="s">
        <v>61</v>
      </c>
      <c r="G104442" s="16">
        <v>2.8838812645506022E-2</v>
      </c>
    </row>
    <row r="104443" spans="1:7" x14ac:dyDescent="0.3">
      <c r="A104443" s="13" t="s">
        <v>509</v>
      </c>
      <c r="B104443" s="14" t="s">
        <v>1</v>
      </c>
      <c r="C104443" s="14" t="s">
        <v>109</v>
      </c>
      <c r="D104443" s="14" t="s">
        <v>510</v>
      </c>
      <c r="E104443" s="15">
        <v>45429</v>
      </c>
      <c r="F104443" s="14" t="s">
        <v>61</v>
      </c>
      <c r="G104443" s="16">
        <v>2.6997353838774014E-2</v>
      </c>
    </row>
    <row r="104444" spans="1:7" x14ac:dyDescent="0.3">
      <c r="A104444" s="13" t="s">
        <v>509</v>
      </c>
      <c r="B104444" s="14" t="s">
        <v>1</v>
      </c>
      <c r="C104444" s="14" t="s">
        <v>109</v>
      </c>
      <c r="D104444" s="14" t="s">
        <v>510</v>
      </c>
      <c r="E104444" s="15">
        <v>45430</v>
      </c>
      <c r="F104444" s="14" t="s">
        <v>61</v>
      </c>
      <c r="G104444" s="16">
        <v>2.6997353838774014E-2</v>
      </c>
    </row>
    <row r="104445" spans="1:7" x14ac:dyDescent="0.3">
      <c r="A104445" s="13" t="s">
        <v>509</v>
      </c>
      <c r="B104445" s="14" t="s">
        <v>1</v>
      </c>
      <c r="C104445" s="14" t="s">
        <v>109</v>
      </c>
      <c r="D104445" s="14" t="s">
        <v>510</v>
      </c>
      <c r="E104445" s="15">
        <v>45431</v>
      </c>
      <c r="F104445" s="14" t="s">
        <v>61</v>
      </c>
      <c r="G104445" s="16">
        <v>2.6997353838774014E-2</v>
      </c>
    </row>
    <row r="104446" spans="1:7" x14ac:dyDescent="0.3">
      <c r="A104446" s="13" t="s">
        <v>509</v>
      </c>
      <c r="B104446" s="14" t="s">
        <v>1</v>
      </c>
      <c r="C104446" s="14" t="s">
        <v>109</v>
      </c>
      <c r="D104446" s="14" t="s">
        <v>510</v>
      </c>
      <c r="E104446" s="15">
        <v>45432</v>
      </c>
      <c r="F104446" s="14" t="s">
        <v>61</v>
      </c>
      <c r="G104446" s="16">
        <v>2.5204013206631647E-2</v>
      </c>
    </row>
    <row r="104447" spans="1:7" x14ac:dyDescent="0.3">
      <c r="A104447" s="13" t="s">
        <v>509</v>
      </c>
      <c r="B104447" s="14" t="s">
        <v>1</v>
      </c>
      <c r="C104447" s="14" t="s">
        <v>109</v>
      </c>
      <c r="D104447" s="14" t="s">
        <v>510</v>
      </c>
      <c r="E104447" s="15">
        <v>45433</v>
      </c>
      <c r="F104447" s="14" t="s">
        <v>61</v>
      </c>
      <c r="G104447" s="16">
        <v>1.8774121567579422E-2</v>
      </c>
    </row>
    <row r="104448" spans="1:7" x14ac:dyDescent="0.3">
      <c r="A104448" s="13" t="s">
        <v>509</v>
      </c>
      <c r="B104448" s="14" t="s">
        <v>1</v>
      </c>
      <c r="C104448" s="14" t="s">
        <v>109</v>
      </c>
      <c r="D104448" s="14" t="s">
        <v>510</v>
      </c>
      <c r="E104448" s="15">
        <v>45434</v>
      </c>
      <c r="F104448" s="14" t="s">
        <v>61</v>
      </c>
      <c r="G104448" s="16">
        <v>1.6989836510068242E-2</v>
      </c>
    </row>
    <row r="104449" spans="1:7" x14ac:dyDescent="0.3">
      <c r="A104449" s="13" t="s">
        <v>509</v>
      </c>
      <c r="B104449" s="14" t="s">
        <v>1</v>
      </c>
      <c r="C104449" s="14" t="s">
        <v>109</v>
      </c>
      <c r="D104449" s="14" t="s">
        <v>510</v>
      </c>
      <c r="E104449" s="15">
        <v>45435</v>
      </c>
      <c r="F104449" s="14" t="s">
        <v>61</v>
      </c>
      <c r="G104449" s="16">
        <v>1.5165685210142194E-2</v>
      </c>
    </row>
    <row r="104450" spans="1:7" x14ac:dyDescent="0.3">
      <c r="A104450" s="13" t="s">
        <v>509</v>
      </c>
      <c r="B104450" s="14" t="s">
        <v>1</v>
      </c>
      <c r="C104450" s="14" t="s">
        <v>109</v>
      </c>
      <c r="D104450" s="14" t="s">
        <v>510</v>
      </c>
      <c r="E104450" s="15">
        <v>45436</v>
      </c>
      <c r="F104450" s="14" t="s">
        <v>61</v>
      </c>
      <c r="G104450" s="16">
        <v>3.909262145050587E-2</v>
      </c>
    </row>
    <row r="104451" spans="1:7" x14ac:dyDescent="0.3">
      <c r="A104451" s="13" t="s">
        <v>509</v>
      </c>
      <c r="B104451" s="14" t="s">
        <v>1</v>
      </c>
      <c r="C104451" s="14" t="s">
        <v>109</v>
      </c>
      <c r="D104451" s="14" t="s">
        <v>510</v>
      </c>
      <c r="E104451" s="15">
        <v>45437</v>
      </c>
      <c r="F104451" s="14" t="s">
        <v>61</v>
      </c>
      <c r="G104451" s="16">
        <v>3.909262145050587E-2</v>
      </c>
    </row>
    <row r="104452" spans="1:7" x14ac:dyDescent="0.3">
      <c r="A104452" s="13" t="s">
        <v>509</v>
      </c>
      <c r="B104452" s="14" t="s">
        <v>1</v>
      </c>
      <c r="C104452" s="14" t="s">
        <v>109</v>
      </c>
      <c r="D104452" s="14" t="s">
        <v>510</v>
      </c>
      <c r="E104452" s="15">
        <v>45438</v>
      </c>
      <c r="F104452" s="14" t="s">
        <v>61</v>
      </c>
      <c r="G104452" s="16">
        <v>3.909262145050587E-2</v>
      </c>
    </row>
    <row r="104453" spans="1:7" x14ac:dyDescent="0.3">
      <c r="A104453" s="13" t="s">
        <v>509</v>
      </c>
      <c r="B104453" s="14" t="s">
        <v>1</v>
      </c>
      <c r="C104453" s="14" t="s">
        <v>109</v>
      </c>
      <c r="D104453" s="14" t="s">
        <v>510</v>
      </c>
      <c r="E104453" s="15">
        <v>45439</v>
      </c>
      <c r="F104453" s="14" t="s">
        <v>61</v>
      </c>
      <c r="G104453" s="16">
        <v>3.9989884904606136E-2</v>
      </c>
    </row>
    <row r="104454" spans="1:7" x14ac:dyDescent="0.3">
      <c r="A104454" s="13" t="s">
        <v>509</v>
      </c>
      <c r="B104454" s="14" t="s">
        <v>1</v>
      </c>
      <c r="C104454" s="14" t="s">
        <v>109</v>
      </c>
      <c r="D104454" s="14" t="s">
        <v>510</v>
      </c>
      <c r="E104454" s="15">
        <v>45440</v>
      </c>
      <c r="F104454" s="14" t="s">
        <v>61</v>
      </c>
      <c r="G104454" s="16">
        <v>3.3553879244201029E-2</v>
      </c>
    </row>
    <row r="104455" spans="1:7" x14ac:dyDescent="0.3">
      <c r="A104455" s="13" t="s">
        <v>509</v>
      </c>
      <c r="B104455" s="14" t="s">
        <v>1</v>
      </c>
      <c r="C104455" s="14" t="s">
        <v>109</v>
      </c>
      <c r="D104455" s="14" t="s">
        <v>510</v>
      </c>
      <c r="E104455" s="15">
        <v>45441</v>
      </c>
      <c r="F104455" s="14" t="s">
        <v>61</v>
      </c>
      <c r="G104455" s="16">
        <v>3.2809875153829417E-2</v>
      </c>
    </row>
    <row r="104456" spans="1:7" x14ac:dyDescent="0.3">
      <c r="A104456" s="13" t="s">
        <v>509</v>
      </c>
      <c r="B104456" s="14" t="s">
        <v>1</v>
      </c>
      <c r="C104456" s="14" t="s">
        <v>109</v>
      </c>
      <c r="D104456" s="14" t="s">
        <v>510</v>
      </c>
      <c r="E104456" s="15">
        <v>45442</v>
      </c>
      <c r="F104456" s="14" t="s">
        <v>61</v>
      </c>
      <c r="G104456" s="16">
        <v>3.7343030397751907E-2</v>
      </c>
    </row>
    <row r="104457" spans="1:7" x14ac:dyDescent="0.3">
      <c r="A104457" s="13" t="s">
        <v>509</v>
      </c>
      <c r="B104457" s="14" t="s">
        <v>1</v>
      </c>
      <c r="C104457" s="14" t="s">
        <v>109</v>
      </c>
      <c r="D104457" s="14" t="s">
        <v>510</v>
      </c>
      <c r="E104457" s="15">
        <v>45443</v>
      </c>
      <c r="F104457" s="14" t="s">
        <v>61</v>
      </c>
      <c r="G104457" s="16">
        <v>3.5472725662611726E-2</v>
      </c>
    </row>
    <row r="104458" spans="1:7" x14ac:dyDescent="0.3">
      <c r="A104458" s="13" t="s">
        <v>509</v>
      </c>
      <c r="B104458" s="14" t="s">
        <v>1</v>
      </c>
      <c r="C104458" s="14" t="s">
        <v>109</v>
      </c>
      <c r="D104458" s="14" t="s">
        <v>510</v>
      </c>
      <c r="E104458" s="15">
        <v>45444</v>
      </c>
      <c r="F104458" s="14" t="s">
        <v>61</v>
      </c>
      <c r="G104458" s="16">
        <v>3.5472725662611726E-2</v>
      </c>
    </row>
    <row r="104459" spans="1:7" x14ac:dyDescent="0.3">
      <c r="A104459" s="13" t="s">
        <v>509</v>
      </c>
      <c r="B104459" s="14" t="s">
        <v>1</v>
      </c>
      <c r="C104459" s="14" t="s">
        <v>109</v>
      </c>
      <c r="D104459" s="14" t="s">
        <v>510</v>
      </c>
      <c r="E104459" s="15">
        <v>45445</v>
      </c>
      <c r="F104459" s="14" t="s">
        <v>61</v>
      </c>
      <c r="G104459" s="16">
        <v>3.5472725662611726E-2</v>
      </c>
    </row>
    <row r="104460" spans="1:7" x14ac:dyDescent="0.3">
      <c r="A104460" s="13" t="s">
        <v>509</v>
      </c>
      <c r="B104460" s="14" t="s">
        <v>1</v>
      </c>
      <c r="C104460" s="14" t="s">
        <v>109</v>
      </c>
      <c r="D104460" s="14" t="s">
        <v>510</v>
      </c>
      <c r="E104460" s="15">
        <v>45446</v>
      </c>
      <c r="F104460" s="14" t="s">
        <v>61</v>
      </c>
      <c r="G104460" s="16">
        <v>3.5472725662611726E-2</v>
      </c>
    </row>
    <row r="104461" spans="1:7" x14ac:dyDescent="0.3">
      <c r="A104461" s="13" t="s">
        <v>509</v>
      </c>
      <c r="B104461" s="14" t="s">
        <v>1</v>
      </c>
      <c r="C104461" s="14" t="s">
        <v>109</v>
      </c>
      <c r="D104461" s="14" t="s">
        <v>510</v>
      </c>
      <c r="E104461" s="15">
        <v>45447</v>
      </c>
      <c r="F104461" s="14" t="s">
        <v>61</v>
      </c>
      <c r="G104461" s="16">
        <v>3.3522095246075946E-2</v>
      </c>
    </row>
    <row r="104462" spans="1:7" x14ac:dyDescent="0.3">
      <c r="A104462" s="13" t="s">
        <v>509</v>
      </c>
      <c r="B104462" s="14" t="s">
        <v>1</v>
      </c>
      <c r="C104462" s="14" t="s">
        <v>109</v>
      </c>
      <c r="D104462" s="14" t="s">
        <v>510</v>
      </c>
      <c r="E104462" s="15">
        <v>45448</v>
      </c>
      <c r="F104462" s="14" t="s">
        <v>61</v>
      </c>
      <c r="G104462" s="16">
        <v>2.8969359085359178E-2</v>
      </c>
    </row>
    <row r="104463" spans="1:7" x14ac:dyDescent="0.3">
      <c r="A104463" s="13" t="s">
        <v>509</v>
      </c>
      <c r="B104463" s="14" t="s">
        <v>1</v>
      </c>
      <c r="C104463" s="14" t="s">
        <v>109</v>
      </c>
      <c r="D104463" s="14" t="s">
        <v>510</v>
      </c>
      <c r="E104463" s="15">
        <v>45449</v>
      </c>
      <c r="F104463" s="14" t="s">
        <v>61</v>
      </c>
      <c r="G104463" s="16">
        <v>2.7086736782705428E-2</v>
      </c>
    </row>
    <row r="104464" spans="1:7" x14ac:dyDescent="0.3">
      <c r="A104464" s="13" t="s">
        <v>509</v>
      </c>
      <c r="B104464" s="14" t="s">
        <v>1</v>
      </c>
      <c r="C104464" s="14" t="s">
        <v>109</v>
      </c>
      <c r="D104464" s="14" t="s">
        <v>510</v>
      </c>
      <c r="E104464" s="15">
        <v>45450</v>
      </c>
      <c r="F104464" s="14" t="s">
        <v>61</v>
      </c>
      <c r="G104464" s="16">
        <v>5.6011956426903833E-2</v>
      </c>
    </row>
    <row r="104465" spans="1:7" x14ac:dyDescent="0.3">
      <c r="A104465" s="13" t="s">
        <v>509</v>
      </c>
      <c r="B104465" s="14" t="s">
        <v>1</v>
      </c>
      <c r="C104465" s="14" t="s">
        <v>109</v>
      </c>
      <c r="D104465" s="14" t="s">
        <v>510</v>
      </c>
      <c r="E104465" s="15">
        <v>45451</v>
      </c>
      <c r="F104465" s="14" t="s">
        <v>61</v>
      </c>
      <c r="G104465" s="16">
        <v>5.6011956426903833E-2</v>
      </c>
    </row>
    <row r="104466" spans="1:7" x14ac:dyDescent="0.3">
      <c r="A104466" s="13" t="s">
        <v>509</v>
      </c>
      <c r="B104466" s="14" t="s">
        <v>1</v>
      </c>
      <c r="C104466" s="14" t="s">
        <v>109</v>
      </c>
      <c r="D104466" s="14" t="s">
        <v>510</v>
      </c>
      <c r="E104466" s="15">
        <v>45452</v>
      </c>
      <c r="F104466" s="14" t="s">
        <v>61</v>
      </c>
      <c r="G104466" s="16">
        <v>5.6011956426903833E-2</v>
      </c>
    </row>
    <row r="104467" spans="1:7" x14ac:dyDescent="0.3">
      <c r="A104467" s="13" t="s">
        <v>509</v>
      </c>
      <c r="B104467" s="14" t="s">
        <v>1</v>
      </c>
      <c r="C104467" s="14" t="s">
        <v>109</v>
      </c>
      <c r="D104467" s="14" t="s">
        <v>510</v>
      </c>
      <c r="E104467" s="15">
        <v>45453</v>
      </c>
      <c r="F104467" s="14" t="s">
        <v>61</v>
      </c>
      <c r="G104467" s="16">
        <v>5.4358384561776364E-2</v>
      </c>
    </row>
    <row r="104468" spans="1:7" x14ac:dyDescent="0.3">
      <c r="A104468" s="13" t="s">
        <v>509</v>
      </c>
      <c r="B104468" s="14" t="s">
        <v>1</v>
      </c>
      <c r="C104468" s="14" t="s">
        <v>109</v>
      </c>
      <c r="D104468" s="14" t="s">
        <v>510</v>
      </c>
      <c r="E104468" s="15">
        <v>45454</v>
      </c>
      <c r="F104468" s="14" t="s">
        <v>61</v>
      </c>
      <c r="G104468" s="16">
        <v>4.9842547668386167E-2</v>
      </c>
    </row>
    <row r="104469" spans="1:7" x14ac:dyDescent="0.3">
      <c r="A104469" s="13" t="s">
        <v>509</v>
      </c>
      <c r="B104469" s="14" t="s">
        <v>1</v>
      </c>
      <c r="C104469" s="14" t="s">
        <v>109</v>
      </c>
      <c r="D104469" s="14" t="s">
        <v>510</v>
      </c>
      <c r="E104469" s="15">
        <v>45455</v>
      </c>
      <c r="F104469" s="14" t="s">
        <v>61</v>
      </c>
      <c r="G104469" s="16">
        <v>6.3406668413659231E-2</v>
      </c>
    </row>
    <row r="104470" spans="1:7" x14ac:dyDescent="0.3">
      <c r="A104470" s="13" t="s">
        <v>509</v>
      </c>
      <c r="B104470" s="14" t="s">
        <v>1</v>
      </c>
      <c r="C104470" s="14" t="s">
        <v>109</v>
      </c>
      <c r="D104470" s="14" t="s">
        <v>510</v>
      </c>
      <c r="E104470" s="15">
        <v>45456</v>
      </c>
      <c r="F104470" s="14" t="s">
        <v>61</v>
      </c>
      <c r="G104470" s="16">
        <v>6.1979673940209014E-2</v>
      </c>
    </row>
    <row r="104471" spans="1:7" x14ac:dyDescent="0.3">
      <c r="A104471" s="13" t="s">
        <v>509</v>
      </c>
      <c r="B104471" s="14" t="s">
        <v>1</v>
      </c>
      <c r="C104471" s="14" t="s">
        <v>109</v>
      </c>
      <c r="D104471" s="14" t="s">
        <v>510</v>
      </c>
      <c r="E104471" s="15">
        <v>45457</v>
      </c>
      <c r="F104471" s="14" t="s">
        <v>61</v>
      </c>
      <c r="G104471" s="16">
        <v>6.0321393739306402E-2</v>
      </c>
    </row>
    <row r="104472" spans="1:7" x14ac:dyDescent="0.3">
      <c r="A104472" s="13" t="s">
        <v>509</v>
      </c>
      <c r="B104472" s="14" t="s">
        <v>1</v>
      </c>
      <c r="C104472" s="14" t="s">
        <v>109</v>
      </c>
      <c r="D104472" s="14" t="s">
        <v>510</v>
      </c>
      <c r="E104472" s="15">
        <v>45458</v>
      </c>
      <c r="F104472" s="14" t="s">
        <v>61</v>
      </c>
      <c r="G104472" s="16">
        <v>6.0321393739306402E-2</v>
      </c>
    </row>
    <row r="104473" spans="1:7" x14ac:dyDescent="0.3">
      <c r="A104473" s="13" t="s">
        <v>509</v>
      </c>
      <c r="B104473" s="14" t="s">
        <v>1</v>
      </c>
      <c r="C104473" s="14" t="s">
        <v>109</v>
      </c>
      <c r="D104473" s="14" t="s">
        <v>510</v>
      </c>
      <c r="E104473" s="15">
        <v>45459</v>
      </c>
      <c r="F104473" s="14" t="s">
        <v>61</v>
      </c>
      <c r="G104473" s="16">
        <v>6.0321393739306402E-2</v>
      </c>
    </row>
    <row r="104474" spans="1:7" x14ac:dyDescent="0.3">
      <c r="A104474" s="13" t="s">
        <v>509</v>
      </c>
      <c r="B104474" s="14" t="s">
        <v>1</v>
      </c>
      <c r="C104474" s="14" t="s">
        <v>109</v>
      </c>
      <c r="D104474" s="14" t="s">
        <v>510</v>
      </c>
      <c r="E104474" s="15">
        <v>45460</v>
      </c>
      <c r="F104474" s="14" t="s">
        <v>61</v>
      </c>
      <c r="G104474" s="16">
        <v>5.8294467283415898E-2</v>
      </c>
    </row>
    <row r="104475" spans="1:7" x14ac:dyDescent="0.3">
      <c r="A104475" s="13" t="s">
        <v>509</v>
      </c>
      <c r="B104475" s="14" t="s">
        <v>1</v>
      </c>
      <c r="C104475" s="14" t="s">
        <v>109</v>
      </c>
      <c r="D104475" s="14" t="s">
        <v>510</v>
      </c>
      <c r="E104475" s="15">
        <v>45461</v>
      </c>
      <c r="F104475" s="14" t="s">
        <v>61</v>
      </c>
      <c r="G104475" s="16">
        <v>5.1751024637453819E-2</v>
      </c>
    </row>
    <row r="104476" spans="1:7" x14ac:dyDescent="0.3">
      <c r="A104476" s="13" t="s">
        <v>509</v>
      </c>
      <c r="B104476" s="14" t="s">
        <v>1</v>
      </c>
      <c r="C104476" s="14" t="s">
        <v>109</v>
      </c>
      <c r="D104476" s="14" t="s">
        <v>510</v>
      </c>
      <c r="E104476" s="15">
        <v>45462</v>
      </c>
      <c r="F104476" s="14" t="s">
        <v>61</v>
      </c>
      <c r="G104476" s="16">
        <v>4.9878189305706234E-2</v>
      </c>
    </row>
    <row r="104477" spans="1:7" x14ac:dyDescent="0.3">
      <c r="A104477" s="13" t="s">
        <v>509</v>
      </c>
      <c r="B104477" s="14" t="s">
        <v>1</v>
      </c>
      <c r="C104477" s="14" t="s">
        <v>109</v>
      </c>
      <c r="D104477" s="14" t="s">
        <v>510</v>
      </c>
      <c r="E104477" s="15">
        <v>45463</v>
      </c>
      <c r="F104477" s="14" t="s">
        <v>61</v>
      </c>
      <c r="G104477" s="16">
        <v>4.8218565797291224E-2</v>
      </c>
    </row>
    <row r="104478" spans="1:7" x14ac:dyDescent="0.3">
      <c r="A104478" s="13" t="s">
        <v>509</v>
      </c>
      <c r="B104478" s="14" t="s">
        <v>1</v>
      </c>
      <c r="C104478" s="14" t="s">
        <v>109</v>
      </c>
      <c r="D104478" s="14" t="s">
        <v>510</v>
      </c>
      <c r="E104478" s="15">
        <v>45464</v>
      </c>
      <c r="F104478" s="14" t="s">
        <v>61</v>
      </c>
      <c r="G104478" s="16">
        <v>4.6400309611454991E-2</v>
      </c>
    </row>
    <row r="104479" spans="1:7" x14ac:dyDescent="0.3">
      <c r="A104479" s="13" t="s">
        <v>509</v>
      </c>
      <c r="B104479" s="14" t="s">
        <v>1</v>
      </c>
      <c r="C104479" s="14" t="s">
        <v>109</v>
      </c>
      <c r="D104479" s="14" t="s">
        <v>510</v>
      </c>
      <c r="E104479" s="15">
        <v>45465</v>
      </c>
      <c r="F104479" s="14" t="s">
        <v>61</v>
      </c>
      <c r="G104479" s="16">
        <v>4.6400309611454991E-2</v>
      </c>
    </row>
    <row r="104480" spans="1:7" x14ac:dyDescent="0.3">
      <c r="A104480" s="13" t="s">
        <v>509</v>
      </c>
      <c r="B104480" s="14" t="s">
        <v>1</v>
      </c>
      <c r="C104480" s="14" t="s">
        <v>109</v>
      </c>
      <c r="D104480" s="14" t="s">
        <v>510</v>
      </c>
      <c r="E104480" s="15">
        <v>45466</v>
      </c>
      <c r="F104480" s="14" t="s">
        <v>61</v>
      </c>
      <c r="G104480" s="16">
        <v>4.6400309611454991E-2</v>
      </c>
    </row>
    <row r="104481" spans="1:7" x14ac:dyDescent="0.3">
      <c r="A104481" s="13" t="s">
        <v>509</v>
      </c>
      <c r="B104481" s="14" t="s">
        <v>1</v>
      </c>
      <c r="C104481" s="14" t="s">
        <v>109</v>
      </c>
      <c r="D104481" s="14" t="s">
        <v>510</v>
      </c>
      <c r="E104481" s="15">
        <v>45467</v>
      </c>
      <c r="F104481" s="14" t="s">
        <v>61</v>
      </c>
      <c r="G104481" s="16">
        <v>4.4378795163097666E-2</v>
      </c>
    </row>
    <row r="104482" spans="1:7" x14ac:dyDescent="0.3">
      <c r="A104482" s="13" t="s">
        <v>509</v>
      </c>
      <c r="B104482" s="14" t="s">
        <v>1</v>
      </c>
      <c r="C104482" s="14" t="s">
        <v>109</v>
      </c>
      <c r="D104482" s="14" t="s">
        <v>510</v>
      </c>
      <c r="E104482" s="15">
        <v>45468</v>
      </c>
      <c r="F104482" s="14" t="s">
        <v>61</v>
      </c>
      <c r="G104482" s="16">
        <v>3.7933046484067381E-2</v>
      </c>
    </row>
    <row r="104483" spans="1:7" x14ac:dyDescent="0.3">
      <c r="A104483" s="13" t="s">
        <v>509</v>
      </c>
      <c r="B104483" s="14" t="s">
        <v>1</v>
      </c>
      <c r="C104483" s="14" t="s">
        <v>109</v>
      </c>
      <c r="D104483" s="14" t="s">
        <v>510</v>
      </c>
      <c r="E104483" s="15">
        <v>45469</v>
      </c>
      <c r="F104483" s="14" t="s">
        <v>61</v>
      </c>
      <c r="G104483" s="16">
        <v>3.7129256925828975E-2</v>
      </c>
    </row>
    <row r="104484" spans="1:7" x14ac:dyDescent="0.3">
      <c r="A104484" s="13" t="s">
        <v>509</v>
      </c>
      <c r="B104484" s="14" t="s">
        <v>1</v>
      </c>
      <c r="C104484" s="14" t="s">
        <v>109</v>
      </c>
      <c r="D104484" s="14" t="s">
        <v>510</v>
      </c>
      <c r="E104484" s="15">
        <v>45470</v>
      </c>
      <c r="F104484" s="14" t="s">
        <v>61</v>
      </c>
      <c r="G104484" s="16">
        <v>4.07928137983882E-2</v>
      </c>
    </row>
    <row r="104485" spans="1:7" x14ac:dyDescent="0.3">
      <c r="A104485" s="13" t="s">
        <v>509</v>
      </c>
      <c r="B104485" s="14" t="s">
        <v>1</v>
      </c>
      <c r="C104485" s="14" t="s">
        <v>109</v>
      </c>
      <c r="D104485" s="14" t="s">
        <v>510</v>
      </c>
      <c r="E104485" s="15">
        <v>45471</v>
      </c>
      <c r="F104485" s="14" t="s">
        <v>61</v>
      </c>
      <c r="G104485" s="16">
        <v>7.1551873802623525E-2</v>
      </c>
    </row>
    <row r="104486" spans="1:7" x14ac:dyDescent="0.3">
      <c r="A104486" s="13" t="s">
        <v>509</v>
      </c>
      <c r="B104486" s="14" t="s">
        <v>1</v>
      </c>
      <c r="C104486" s="14" t="s">
        <v>109</v>
      </c>
      <c r="D104486" s="14" t="s">
        <v>510</v>
      </c>
      <c r="E104486" s="15">
        <v>45472</v>
      </c>
      <c r="F104486" s="14" t="s">
        <v>61</v>
      </c>
      <c r="G104486" s="16">
        <v>7.1551873802623525E-2</v>
      </c>
    </row>
    <row r="104487" spans="1:7" x14ac:dyDescent="0.3">
      <c r="A104487" s="13" t="s">
        <v>509</v>
      </c>
      <c r="B104487" s="14" t="s">
        <v>1</v>
      </c>
      <c r="C104487" s="14" t="s">
        <v>109</v>
      </c>
      <c r="D104487" s="14" t="s">
        <v>510</v>
      </c>
      <c r="E104487" s="15">
        <v>45473</v>
      </c>
      <c r="F104487" s="14" t="s">
        <v>61</v>
      </c>
      <c r="G104487" s="16">
        <v>7.1551873802623525E-2</v>
      </c>
    </row>
    <row r="104488" spans="1:7" x14ac:dyDescent="0.3">
      <c r="A104488" s="13" t="s">
        <v>509</v>
      </c>
      <c r="B104488" s="14" t="s">
        <v>1</v>
      </c>
      <c r="C104488" s="14" t="s">
        <v>109</v>
      </c>
      <c r="D104488" s="14" t="s">
        <v>510</v>
      </c>
      <c r="E104488" s="15">
        <v>45474</v>
      </c>
      <c r="F104488" s="14" t="s">
        <v>61</v>
      </c>
      <c r="G104488" s="16">
        <v>7.1393579764568574E-2</v>
      </c>
    </row>
    <row r="104489" spans="1:7" x14ac:dyDescent="0.3">
      <c r="A104489" s="13" t="s">
        <v>509</v>
      </c>
      <c r="B104489" s="14" t="s">
        <v>1</v>
      </c>
      <c r="C104489" s="14" t="s">
        <v>109</v>
      </c>
      <c r="D104489" s="14" t="s">
        <v>510</v>
      </c>
      <c r="E104489" s="15">
        <v>45475</v>
      </c>
      <c r="F104489" s="14" t="s">
        <v>61</v>
      </c>
      <c r="G104489" s="16">
        <v>6.6720804189990546E-2</v>
      </c>
    </row>
    <row r="104490" spans="1:7" x14ac:dyDescent="0.3">
      <c r="A104490" s="13" t="s">
        <v>509</v>
      </c>
      <c r="B104490" s="14" t="s">
        <v>1</v>
      </c>
      <c r="C104490" s="14" t="s">
        <v>109</v>
      </c>
      <c r="D104490" s="14" t="s">
        <v>510</v>
      </c>
      <c r="E104490" s="15">
        <v>45476</v>
      </c>
      <c r="F104490" s="14" t="s">
        <v>61</v>
      </c>
      <c r="G104490" s="16">
        <v>6.4626201845462167E-2</v>
      </c>
    </row>
    <row r="104491" spans="1:7" x14ac:dyDescent="0.3">
      <c r="A104491" s="13" t="s">
        <v>509</v>
      </c>
      <c r="B104491" s="14" t="s">
        <v>1</v>
      </c>
      <c r="C104491" s="14" t="s">
        <v>109</v>
      </c>
      <c r="D104491" s="14" t="s">
        <v>510</v>
      </c>
      <c r="E104491" s="15">
        <v>45477</v>
      </c>
      <c r="F104491" s="14" t="s">
        <v>61</v>
      </c>
      <c r="G104491" s="16">
        <v>6.2640338500310422E-2</v>
      </c>
    </row>
    <row r="104492" spans="1:7" x14ac:dyDescent="0.3">
      <c r="A104492" s="13" t="s">
        <v>509</v>
      </c>
      <c r="B104492" s="14" t="s">
        <v>1</v>
      </c>
      <c r="C104492" s="14" t="s">
        <v>109</v>
      </c>
      <c r="D104492" s="14" t="s">
        <v>510</v>
      </c>
      <c r="E104492" s="15">
        <v>45478</v>
      </c>
      <c r="F104492" s="14" t="s">
        <v>61</v>
      </c>
      <c r="G104492" s="16">
        <v>6.43331068696225E-2</v>
      </c>
    </row>
    <row r="104493" spans="1:7" x14ac:dyDescent="0.3">
      <c r="A104493" s="13" t="s">
        <v>509</v>
      </c>
      <c r="B104493" s="14" t="s">
        <v>1</v>
      </c>
      <c r="C104493" s="14" t="s">
        <v>109</v>
      </c>
      <c r="D104493" s="14" t="s">
        <v>510</v>
      </c>
      <c r="E104493" s="15">
        <v>45479</v>
      </c>
      <c r="F104493" s="14" t="s">
        <v>61</v>
      </c>
      <c r="G104493" s="16">
        <v>6.43331068696225E-2</v>
      </c>
    </row>
    <row r="104494" spans="1:7" x14ac:dyDescent="0.3">
      <c r="A104494" s="13" t="s">
        <v>509</v>
      </c>
      <c r="B104494" s="14" t="s">
        <v>1</v>
      </c>
      <c r="C104494" s="14" t="s">
        <v>109</v>
      </c>
      <c r="D104494" s="14" t="s">
        <v>510</v>
      </c>
      <c r="E104494" s="15">
        <v>45480</v>
      </c>
      <c r="F104494" s="14" t="s">
        <v>61</v>
      </c>
      <c r="G104494" s="16">
        <v>6.43331068696225E-2</v>
      </c>
    </row>
    <row r="104495" spans="1:7" x14ac:dyDescent="0.3">
      <c r="A104495" s="13" t="s">
        <v>509</v>
      </c>
      <c r="B104495" s="14" t="s">
        <v>1</v>
      </c>
      <c r="C104495" s="14" t="s">
        <v>109</v>
      </c>
      <c r="D104495" s="14" t="s">
        <v>510</v>
      </c>
      <c r="E104495" s="15">
        <v>45481</v>
      </c>
      <c r="F104495" s="14" t="s">
        <v>61</v>
      </c>
      <c r="G104495" s="16">
        <v>6.996931785146604E-2</v>
      </c>
    </row>
    <row r="104496" spans="1:7" x14ac:dyDescent="0.3">
      <c r="A104496" s="13" t="s">
        <v>509</v>
      </c>
      <c r="B104496" s="14" t="s">
        <v>1</v>
      </c>
      <c r="C104496" s="14" t="s">
        <v>109</v>
      </c>
      <c r="D104496" s="14" t="s">
        <v>510</v>
      </c>
      <c r="E104496" s="15">
        <v>45482</v>
      </c>
      <c r="F104496" s="14" t="s">
        <v>61</v>
      </c>
      <c r="G104496" s="16">
        <v>6.3575627619157443E-2</v>
      </c>
    </row>
    <row r="104497" spans="1:7" x14ac:dyDescent="0.3">
      <c r="A104497" s="13" t="s">
        <v>509</v>
      </c>
      <c r="B104497" s="14" t="s">
        <v>1</v>
      </c>
      <c r="C104497" s="14" t="s">
        <v>109</v>
      </c>
      <c r="D104497" s="14" t="s">
        <v>510</v>
      </c>
      <c r="E104497" s="15">
        <v>45483</v>
      </c>
      <c r="F104497" s="14" t="s">
        <v>61</v>
      </c>
      <c r="G104497" s="16">
        <v>6.1649960602247665E-2</v>
      </c>
    </row>
    <row r="104498" spans="1:7" x14ac:dyDescent="0.3">
      <c r="A104498" s="13" t="s">
        <v>509</v>
      </c>
      <c r="B104498" s="14" t="s">
        <v>1</v>
      </c>
      <c r="C104498" s="14" t="s">
        <v>109</v>
      </c>
      <c r="D104498" s="14" t="s">
        <v>510</v>
      </c>
      <c r="E104498" s="15">
        <v>45484</v>
      </c>
      <c r="F104498" s="14" t="s">
        <v>61</v>
      </c>
      <c r="G104498" s="16">
        <v>5.9599899522110353E-2</v>
      </c>
    </row>
    <row r="104499" spans="1:7" x14ac:dyDescent="0.3">
      <c r="A104499" s="13" t="s">
        <v>509</v>
      </c>
      <c r="B104499" s="14" t="s">
        <v>1</v>
      </c>
      <c r="C104499" s="14" t="s">
        <v>109</v>
      </c>
      <c r="D104499" s="14" t="s">
        <v>510</v>
      </c>
      <c r="E104499" s="15">
        <v>45485</v>
      </c>
      <c r="F104499" s="14" t="s">
        <v>61</v>
      </c>
      <c r="G104499" s="16">
        <v>5.7562964663450594E-2</v>
      </c>
    </row>
    <row r="104500" spans="1:7" x14ac:dyDescent="0.3">
      <c r="A104500" s="13" t="s">
        <v>509</v>
      </c>
      <c r="B104500" s="14" t="s">
        <v>1</v>
      </c>
      <c r="C104500" s="14" t="s">
        <v>109</v>
      </c>
      <c r="D104500" s="14" t="s">
        <v>510</v>
      </c>
      <c r="E104500" s="15">
        <v>45486</v>
      </c>
      <c r="F104500" s="14" t="s">
        <v>61</v>
      </c>
      <c r="G104500" s="16">
        <v>5.7562964663450594E-2</v>
      </c>
    </row>
    <row r="104501" spans="1:7" x14ac:dyDescent="0.3">
      <c r="A104501" s="13" t="s">
        <v>509</v>
      </c>
      <c r="B104501" s="14" t="s">
        <v>1</v>
      </c>
      <c r="C104501" s="14" t="s">
        <v>109</v>
      </c>
      <c r="D104501" s="14" t="s">
        <v>510</v>
      </c>
      <c r="E104501" s="15">
        <v>45487</v>
      </c>
      <c r="F104501" s="14" t="s">
        <v>61</v>
      </c>
      <c r="G104501" s="16">
        <v>5.7562964663450594E-2</v>
      </c>
    </row>
    <row r="104502" spans="1:7" x14ac:dyDescent="0.3">
      <c r="A104502" s="13" t="s">
        <v>509</v>
      </c>
      <c r="B104502" s="14" t="s">
        <v>1</v>
      </c>
      <c r="C104502" s="14" t="s">
        <v>109</v>
      </c>
      <c r="D104502" s="14" t="s">
        <v>510</v>
      </c>
      <c r="E104502" s="15">
        <v>45488</v>
      </c>
      <c r="F104502" s="14" t="s">
        <v>61</v>
      </c>
      <c r="G104502" s="16">
        <v>5.6730677881006948E-2</v>
      </c>
    </row>
    <row r="104503" spans="1:7" x14ac:dyDescent="0.3">
      <c r="A104503" s="13" t="s">
        <v>509</v>
      </c>
      <c r="B104503" s="14" t="s">
        <v>1</v>
      </c>
      <c r="C104503" s="14" t="s">
        <v>109</v>
      </c>
      <c r="D104503" s="14" t="s">
        <v>510</v>
      </c>
      <c r="E104503" s="15">
        <v>45489</v>
      </c>
      <c r="F104503" s="14" t="s">
        <v>61</v>
      </c>
      <c r="G104503" s="16">
        <v>5.0282749063806267E-2</v>
      </c>
    </row>
    <row r="104504" spans="1:7" x14ac:dyDescent="0.3">
      <c r="A104504" s="13" t="s">
        <v>509</v>
      </c>
      <c r="B104504" s="14" t="s">
        <v>1</v>
      </c>
      <c r="C104504" s="14" t="s">
        <v>109</v>
      </c>
      <c r="D104504" s="14" t="s">
        <v>510</v>
      </c>
      <c r="E104504" s="15">
        <v>45490</v>
      </c>
      <c r="F104504" s="14" t="s">
        <v>61</v>
      </c>
      <c r="G104504" s="16">
        <v>4.8284073355240008E-2</v>
      </c>
    </row>
    <row r="104505" spans="1:7" x14ac:dyDescent="0.3">
      <c r="A104505" s="13" t="s">
        <v>509</v>
      </c>
      <c r="B104505" s="14" t="s">
        <v>1</v>
      </c>
      <c r="C104505" s="14" t="s">
        <v>109</v>
      </c>
      <c r="D104505" s="14" t="s">
        <v>510</v>
      </c>
      <c r="E104505" s="15">
        <v>45491</v>
      </c>
      <c r="F104505" s="14" t="s">
        <v>61</v>
      </c>
      <c r="G104505" s="16">
        <v>4.6659476453485511E-2</v>
      </c>
    </row>
    <row r="104506" spans="1:7" x14ac:dyDescent="0.3">
      <c r="A104506" s="13" t="s">
        <v>509</v>
      </c>
      <c r="B104506" s="14" t="s">
        <v>1</v>
      </c>
      <c r="C104506" s="14" t="s">
        <v>109</v>
      </c>
      <c r="D104506" s="14" t="s">
        <v>510</v>
      </c>
      <c r="E104506" s="15">
        <v>45492</v>
      </c>
      <c r="F104506" s="14" t="s">
        <v>61</v>
      </c>
      <c r="G104506" s="16">
        <v>4.4892755624569514E-2</v>
      </c>
    </row>
    <row r="104507" spans="1:7" x14ac:dyDescent="0.3">
      <c r="A104507" s="13" t="s">
        <v>509</v>
      </c>
      <c r="B104507" s="14" t="s">
        <v>1</v>
      </c>
      <c r="C104507" s="14" t="s">
        <v>109</v>
      </c>
      <c r="D104507" s="14" t="s">
        <v>510</v>
      </c>
      <c r="E104507" s="15">
        <v>45493</v>
      </c>
      <c r="F104507" s="14" t="s">
        <v>61</v>
      </c>
      <c r="G104507" s="16">
        <v>4.4892755624569514E-2</v>
      </c>
    </row>
    <row r="104508" spans="1:7" x14ac:dyDescent="0.3">
      <c r="A104508" s="13" t="s">
        <v>509</v>
      </c>
      <c r="B104508" s="14" t="s">
        <v>1</v>
      </c>
      <c r="C104508" s="14" t="s">
        <v>109</v>
      </c>
      <c r="D104508" s="14" t="s">
        <v>510</v>
      </c>
      <c r="E104508" s="15">
        <v>45494</v>
      </c>
      <c r="F104508" s="14" t="s">
        <v>61</v>
      </c>
      <c r="G104508" s="16">
        <v>4.4892755624569514E-2</v>
      </c>
    </row>
    <row r="104509" spans="1:7" x14ac:dyDescent="0.3">
      <c r="A104509" s="13" t="s">
        <v>509</v>
      </c>
      <c r="B104509" s="14" t="s">
        <v>1</v>
      </c>
      <c r="C104509" s="14" t="s">
        <v>109</v>
      </c>
      <c r="D104509" s="14" t="s">
        <v>510</v>
      </c>
      <c r="E104509" s="15">
        <v>45495</v>
      </c>
      <c r="F104509" s="14" t="s">
        <v>61</v>
      </c>
      <c r="G104509" s="16">
        <v>4.3013481900521323E-2</v>
      </c>
    </row>
    <row r="104510" spans="1:7" x14ac:dyDescent="0.3">
      <c r="A104510" s="13" t="s">
        <v>509</v>
      </c>
      <c r="B104510" s="14" t="s">
        <v>1</v>
      </c>
      <c r="C104510" s="14" t="s">
        <v>109</v>
      </c>
      <c r="D104510" s="14" t="s">
        <v>510</v>
      </c>
      <c r="E104510" s="15">
        <v>45496</v>
      </c>
      <c r="F104510" s="14" t="s">
        <v>61</v>
      </c>
      <c r="G104510" s="16">
        <v>3.6730020066799839E-2</v>
      </c>
    </row>
    <row r="104511" spans="1:7" x14ac:dyDescent="0.3">
      <c r="A104511" s="13" t="s">
        <v>509</v>
      </c>
      <c r="B104511" s="14" t="s">
        <v>1</v>
      </c>
      <c r="C104511" s="14" t="s">
        <v>109</v>
      </c>
      <c r="D104511" s="14" t="s">
        <v>510</v>
      </c>
      <c r="E104511" s="15">
        <v>45497</v>
      </c>
      <c r="F104511" s="14" t="s">
        <v>61</v>
      </c>
      <c r="G104511" s="16">
        <v>3.4939589177176232E-2</v>
      </c>
    </row>
    <row r="104512" spans="1:7" x14ac:dyDescent="0.3">
      <c r="A104512" s="13" t="s">
        <v>509</v>
      </c>
      <c r="B104512" s="14" t="s">
        <v>1</v>
      </c>
      <c r="C104512" s="14" t="s">
        <v>109</v>
      </c>
      <c r="D104512" s="14" t="s">
        <v>510</v>
      </c>
      <c r="E104512" s="15">
        <v>45498</v>
      </c>
      <c r="F104512" s="14" t="s">
        <v>61</v>
      </c>
      <c r="G104512" s="16">
        <v>3.3087352024200427E-2</v>
      </c>
    </row>
    <row r="104513" spans="1:7" x14ac:dyDescent="0.3">
      <c r="A104513" s="13" t="s">
        <v>509</v>
      </c>
      <c r="B104513" s="14" t="s">
        <v>1</v>
      </c>
      <c r="C104513" s="14" t="s">
        <v>109</v>
      </c>
      <c r="D104513" s="14" t="s">
        <v>510</v>
      </c>
      <c r="E104513" s="15">
        <v>45499</v>
      </c>
      <c r="F104513" s="14" t="s">
        <v>61</v>
      </c>
      <c r="G104513" s="16">
        <v>3.1220150960818295E-2</v>
      </c>
    </row>
    <row r="104514" spans="1:7" x14ac:dyDescent="0.3">
      <c r="A104514" s="13" t="s">
        <v>509</v>
      </c>
      <c r="B104514" s="14" t="s">
        <v>1</v>
      </c>
      <c r="C104514" s="14" t="s">
        <v>109</v>
      </c>
      <c r="D104514" s="14" t="s">
        <v>510</v>
      </c>
      <c r="E104514" s="15">
        <v>45500</v>
      </c>
      <c r="F104514" s="14" t="s">
        <v>61</v>
      </c>
      <c r="G104514" s="16">
        <v>3.1220150960818295E-2</v>
      </c>
    </row>
    <row r="104515" spans="1:7" x14ac:dyDescent="0.3">
      <c r="A104515" s="13" t="s">
        <v>509</v>
      </c>
      <c r="B104515" s="14" t="s">
        <v>1</v>
      </c>
      <c r="C104515" s="14" t="s">
        <v>109</v>
      </c>
      <c r="D104515" s="14" t="s">
        <v>510</v>
      </c>
      <c r="E104515" s="15">
        <v>45501</v>
      </c>
      <c r="F104515" s="14" t="s">
        <v>61</v>
      </c>
      <c r="G104515" s="16">
        <v>3.1220150960818295E-2</v>
      </c>
    </row>
    <row r="104516" spans="1:7" x14ac:dyDescent="0.3">
      <c r="A104516" s="13" t="s">
        <v>509</v>
      </c>
      <c r="B104516" s="14" t="s">
        <v>1</v>
      </c>
      <c r="C104516" s="14" t="s">
        <v>109</v>
      </c>
      <c r="D104516" s="14" t="s">
        <v>510</v>
      </c>
      <c r="E104516" s="15">
        <v>45502</v>
      </c>
      <c r="F104516" s="14" t="s">
        <v>61</v>
      </c>
      <c r="G104516" s="16">
        <v>4.1502977437752477E-2</v>
      </c>
    </row>
    <row r="104517" spans="1:7" x14ac:dyDescent="0.3">
      <c r="A104517" s="13" t="s">
        <v>509</v>
      </c>
      <c r="B104517" s="14" t="s">
        <v>1</v>
      </c>
      <c r="C104517" s="14" t="s">
        <v>109</v>
      </c>
      <c r="D104517" s="14" t="s">
        <v>510</v>
      </c>
      <c r="E104517" s="15">
        <v>45503</v>
      </c>
      <c r="F104517" s="14" t="s">
        <v>61</v>
      </c>
      <c r="G104517" s="16">
        <v>3.506806312338339E-2</v>
      </c>
    </row>
    <row r="104518" spans="1:7" x14ac:dyDescent="0.3">
      <c r="A104518" s="13" t="s">
        <v>509</v>
      </c>
      <c r="B104518" s="14" t="s">
        <v>1</v>
      </c>
      <c r="C104518" s="14" t="s">
        <v>109</v>
      </c>
      <c r="D104518" s="14" t="s">
        <v>510</v>
      </c>
      <c r="E104518" s="15">
        <v>45504</v>
      </c>
      <c r="F104518" s="14" t="s">
        <v>61</v>
      </c>
      <c r="G104518" s="16">
        <v>3.5044253724226121E-2</v>
      </c>
    </row>
    <row r="104519" spans="1:7" x14ac:dyDescent="0.3">
      <c r="A104519" s="13" t="s">
        <v>509</v>
      </c>
      <c r="B104519" s="14" t="s">
        <v>1</v>
      </c>
      <c r="C104519" s="14" t="s">
        <v>109</v>
      </c>
      <c r="D104519" s="14" t="s">
        <v>510</v>
      </c>
      <c r="E104519" s="15">
        <v>45505</v>
      </c>
      <c r="F104519" s="14" t="s">
        <v>61</v>
      </c>
      <c r="G104519" s="16">
        <v>4.9063634879828254E-2</v>
      </c>
    </row>
    <row r="104520" spans="1:7" x14ac:dyDescent="0.3">
      <c r="A104520" s="13" t="s">
        <v>509</v>
      </c>
      <c r="B104520" s="14" t="s">
        <v>1</v>
      </c>
      <c r="C104520" s="14" t="s">
        <v>109</v>
      </c>
      <c r="D104520" s="14" t="s">
        <v>510</v>
      </c>
      <c r="E104520" s="15">
        <v>45506</v>
      </c>
      <c r="F104520" s="14" t="s">
        <v>61</v>
      </c>
      <c r="G104520" s="16">
        <v>4.6700987100890247E-2</v>
      </c>
    </row>
    <row r="104521" spans="1:7" x14ac:dyDescent="0.3">
      <c r="A104521" s="13" t="s">
        <v>509</v>
      </c>
      <c r="B104521" s="14" t="s">
        <v>1</v>
      </c>
      <c r="C104521" s="14" t="s">
        <v>109</v>
      </c>
      <c r="D104521" s="14" t="s">
        <v>510</v>
      </c>
      <c r="E104521" s="15">
        <v>45507</v>
      </c>
      <c r="F104521" s="14" t="s">
        <v>61</v>
      </c>
      <c r="G104521" s="16">
        <v>4.6700987100890247E-2</v>
      </c>
    </row>
    <row r="104522" spans="1:7" x14ac:dyDescent="0.3">
      <c r="A104522" s="13" t="s">
        <v>509</v>
      </c>
      <c r="B104522" s="14" t="s">
        <v>1</v>
      </c>
      <c r="C104522" s="14" t="s">
        <v>109</v>
      </c>
      <c r="D104522" s="14" t="s">
        <v>510</v>
      </c>
      <c r="E104522" s="15">
        <v>45508</v>
      </c>
      <c r="F104522" s="14" t="s">
        <v>61</v>
      </c>
      <c r="G104522" s="16">
        <v>4.6700987100890247E-2</v>
      </c>
    </row>
    <row r="104523" spans="1:7" x14ac:dyDescent="0.3">
      <c r="A104523" s="13" t="s">
        <v>509</v>
      </c>
      <c r="B104523" s="14" t="s">
        <v>1</v>
      </c>
      <c r="C104523" s="14" t="s">
        <v>109</v>
      </c>
      <c r="D104523" s="14" t="s">
        <v>510</v>
      </c>
      <c r="E104523" s="15">
        <v>45509</v>
      </c>
      <c r="F104523" s="14" t="s">
        <v>61</v>
      </c>
      <c r="G104523" s="16">
        <v>4.6700987100890247E-2</v>
      </c>
    </row>
    <row r="104524" spans="1:7" x14ac:dyDescent="0.3">
      <c r="A104524" s="13" t="s">
        <v>509</v>
      </c>
      <c r="B104524" s="14" t="s">
        <v>1</v>
      </c>
      <c r="C104524" s="14" t="s">
        <v>109</v>
      </c>
      <c r="D104524" s="14" t="s">
        <v>510</v>
      </c>
      <c r="E104524" s="15">
        <v>45510</v>
      </c>
      <c r="F104524" s="14" t="s">
        <v>61</v>
      </c>
      <c r="G104524" s="16">
        <v>4.4795177827330335E-2</v>
      </c>
    </row>
    <row r="104525" spans="1:7" x14ac:dyDescent="0.3">
      <c r="A104525" s="13" t="s">
        <v>509</v>
      </c>
      <c r="B104525" s="14" t="s">
        <v>1</v>
      </c>
      <c r="C104525" s="14" t="s">
        <v>109</v>
      </c>
      <c r="D104525" s="14" t="s">
        <v>510</v>
      </c>
      <c r="E104525" s="15">
        <v>45511</v>
      </c>
      <c r="F104525" s="14" t="s">
        <v>61</v>
      </c>
      <c r="G104525" s="16">
        <v>4.1182589830734549E-2</v>
      </c>
    </row>
    <row r="104526" spans="1:7" x14ac:dyDescent="0.3">
      <c r="A104526" s="13" t="s">
        <v>509</v>
      </c>
      <c r="B104526" s="14" t="s">
        <v>1</v>
      </c>
      <c r="C104526" s="14" t="s">
        <v>109</v>
      </c>
      <c r="D104526" s="14" t="s">
        <v>510</v>
      </c>
      <c r="E104526" s="15">
        <v>45512</v>
      </c>
      <c r="F104526" s="14" t="s">
        <v>61</v>
      </c>
      <c r="G104526" s="16">
        <v>4.0290522273742808E-2</v>
      </c>
    </row>
    <row r="104527" spans="1:7" x14ac:dyDescent="0.3">
      <c r="A104527" s="13" t="s">
        <v>509</v>
      </c>
      <c r="B104527" s="14" t="s">
        <v>1</v>
      </c>
      <c r="C104527" s="14" t="s">
        <v>109</v>
      </c>
      <c r="D104527" s="14" t="s">
        <v>510</v>
      </c>
      <c r="E104527" s="15">
        <v>45513</v>
      </c>
      <c r="F104527" s="14" t="s">
        <v>61</v>
      </c>
      <c r="G104527" s="16">
        <v>5.2217560816813412E-2</v>
      </c>
    </row>
    <row r="104528" spans="1:7" x14ac:dyDescent="0.3">
      <c r="A104528" s="13" t="s">
        <v>509</v>
      </c>
      <c r="B104528" s="14" t="s">
        <v>1</v>
      </c>
      <c r="C104528" s="14" t="s">
        <v>109</v>
      </c>
      <c r="D104528" s="14" t="s">
        <v>510</v>
      </c>
      <c r="E104528" s="15">
        <v>45514</v>
      </c>
      <c r="F104528" s="14" t="s">
        <v>61</v>
      </c>
      <c r="G104528" s="16">
        <v>5.2217560816813412E-2</v>
      </c>
    </row>
    <row r="104529" spans="1:7" x14ac:dyDescent="0.3">
      <c r="A104529" s="13" t="s">
        <v>509</v>
      </c>
      <c r="B104529" s="14" t="s">
        <v>1</v>
      </c>
      <c r="C104529" s="14" t="s">
        <v>109</v>
      </c>
      <c r="D104529" s="14" t="s">
        <v>510</v>
      </c>
      <c r="E104529" s="15">
        <v>45515</v>
      </c>
      <c r="F104529" s="14" t="s">
        <v>61</v>
      </c>
      <c r="G104529" s="16">
        <v>5.2217560816813412E-2</v>
      </c>
    </row>
    <row r="104530" spans="1:7" x14ac:dyDescent="0.3">
      <c r="A104530" s="13" t="s">
        <v>509</v>
      </c>
      <c r="B104530" s="14" t="s">
        <v>1</v>
      </c>
      <c r="C104530" s="14" t="s">
        <v>109</v>
      </c>
      <c r="D104530" s="14" t="s">
        <v>510</v>
      </c>
      <c r="E104530" s="15">
        <v>45516</v>
      </c>
      <c r="F104530" s="14" t="s">
        <v>61</v>
      </c>
      <c r="G104530" s="16">
        <v>5.2153677957322536E-2</v>
      </c>
    </row>
    <row r="104531" spans="1:7" x14ac:dyDescent="0.3">
      <c r="A104531" s="13" t="s">
        <v>509</v>
      </c>
      <c r="B104531" s="14" t="s">
        <v>1</v>
      </c>
      <c r="C104531" s="14" t="s">
        <v>109</v>
      </c>
      <c r="D104531" s="14" t="s">
        <v>510</v>
      </c>
      <c r="E104531" s="15">
        <v>45517</v>
      </c>
      <c r="F104531" s="14" t="s">
        <v>61</v>
      </c>
      <c r="G104531" s="16">
        <v>5.0053858007588069E-2</v>
      </c>
    </row>
    <row r="104532" spans="1:7" x14ac:dyDescent="0.3">
      <c r="A104532" s="13" t="s">
        <v>509</v>
      </c>
      <c r="B104532" s="14" t="s">
        <v>1</v>
      </c>
      <c r="C104532" s="14" t="s">
        <v>109</v>
      </c>
      <c r="D104532" s="14" t="s">
        <v>510</v>
      </c>
      <c r="E104532" s="15">
        <v>45518</v>
      </c>
      <c r="F104532" s="14" t="s">
        <v>61</v>
      </c>
      <c r="G104532" s="16">
        <v>4.8159962659085308E-2</v>
      </c>
    </row>
    <row r="104533" spans="1:7" x14ac:dyDescent="0.3">
      <c r="A104533" s="13" t="s">
        <v>509</v>
      </c>
      <c r="B104533" s="14" t="s">
        <v>1</v>
      </c>
      <c r="C104533" s="14" t="s">
        <v>109</v>
      </c>
      <c r="D104533" s="14" t="s">
        <v>510</v>
      </c>
      <c r="E104533" s="15">
        <v>45519</v>
      </c>
      <c r="F104533" s="14" t="s">
        <v>61</v>
      </c>
      <c r="G104533" s="16">
        <v>4.6522580385759765E-2</v>
      </c>
    </row>
    <row r="104534" spans="1:7" x14ac:dyDescent="0.3">
      <c r="A104534" s="13" t="s">
        <v>509</v>
      </c>
      <c r="B104534" s="14" t="s">
        <v>1</v>
      </c>
      <c r="C104534" s="14" t="s">
        <v>109</v>
      </c>
      <c r="D104534" s="14" t="s">
        <v>510</v>
      </c>
      <c r="E104534" s="15">
        <v>45520</v>
      </c>
      <c r="F104534" s="14" t="s">
        <v>61</v>
      </c>
      <c r="G104534" s="16">
        <v>5.5364882378668719E-2</v>
      </c>
    </row>
    <row r="104535" spans="1:7" x14ac:dyDescent="0.3">
      <c r="A104535" s="13" t="s">
        <v>509</v>
      </c>
      <c r="B104535" s="14" t="s">
        <v>1</v>
      </c>
      <c r="C104535" s="14" t="s">
        <v>109</v>
      </c>
      <c r="D104535" s="14" t="s">
        <v>510</v>
      </c>
      <c r="E104535" s="15">
        <v>45521</v>
      </c>
      <c r="F104535" s="14" t="s">
        <v>61</v>
      </c>
      <c r="G104535" s="16">
        <v>5.5364882378668719E-2</v>
      </c>
    </row>
    <row r="104536" spans="1:7" x14ac:dyDescent="0.3">
      <c r="A104536" s="13" t="s">
        <v>509</v>
      </c>
      <c r="B104536" s="14" t="s">
        <v>1</v>
      </c>
      <c r="C104536" s="14" t="s">
        <v>109</v>
      </c>
      <c r="D104536" s="14" t="s">
        <v>510</v>
      </c>
      <c r="E104536" s="15">
        <v>45522</v>
      </c>
      <c r="F104536" s="14" t="s">
        <v>61</v>
      </c>
      <c r="G104536" s="16">
        <v>5.5364882378668719E-2</v>
      </c>
    </row>
    <row r="104537" spans="1:7" x14ac:dyDescent="0.3">
      <c r="A104537" s="13" t="s">
        <v>509</v>
      </c>
      <c r="B104537" s="14" t="s">
        <v>1</v>
      </c>
      <c r="C104537" s="14" t="s">
        <v>109</v>
      </c>
      <c r="D104537" s="14" t="s">
        <v>510</v>
      </c>
      <c r="E104537" s="15">
        <v>45523</v>
      </c>
      <c r="F104537" s="14" t="s">
        <v>61</v>
      </c>
      <c r="G104537" s="16">
        <v>5.3283974214574342E-2</v>
      </c>
    </row>
    <row r="104538" spans="1:7" x14ac:dyDescent="0.3">
      <c r="A104538" s="13" t="s">
        <v>509</v>
      </c>
      <c r="B104538" s="14" t="s">
        <v>1</v>
      </c>
      <c r="C104538" s="14" t="s">
        <v>109</v>
      </c>
      <c r="D104538" s="14" t="s">
        <v>510</v>
      </c>
      <c r="E104538" s="15">
        <v>45524</v>
      </c>
      <c r="F104538" s="14" t="s">
        <v>61</v>
      </c>
      <c r="G104538" s="16">
        <v>4.6792553724757914E-2</v>
      </c>
    </row>
    <row r="104539" spans="1:7" x14ac:dyDescent="0.3">
      <c r="A104539" s="13" t="s">
        <v>509</v>
      </c>
      <c r="B104539" s="14" t="s">
        <v>1</v>
      </c>
      <c r="C104539" s="14" t="s">
        <v>109</v>
      </c>
      <c r="D104539" s="14" t="s">
        <v>510</v>
      </c>
      <c r="E104539" s="15">
        <v>45525</v>
      </c>
      <c r="F104539" s="14" t="s">
        <v>61</v>
      </c>
      <c r="G104539" s="16">
        <v>4.4925643747826198E-2</v>
      </c>
    </row>
    <row r="104540" spans="1:7" x14ac:dyDescent="0.3">
      <c r="A104540" s="13" t="s">
        <v>509</v>
      </c>
      <c r="B104540" s="14" t="s">
        <v>1</v>
      </c>
      <c r="C104540" s="14" t="s">
        <v>109</v>
      </c>
      <c r="D104540" s="14" t="s">
        <v>510</v>
      </c>
      <c r="E104540" s="15">
        <v>45526</v>
      </c>
      <c r="F104540" s="14" t="s">
        <v>61</v>
      </c>
      <c r="G104540" s="16">
        <v>4.3286388717538864E-2</v>
      </c>
    </row>
    <row r="104541" spans="1:7" x14ac:dyDescent="0.3">
      <c r="A104541" s="13" t="s">
        <v>509</v>
      </c>
      <c r="B104541" s="14" t="s">
        <v>1</v>
      </c>
      <c r="C104541" s="14" t="s">
        <v>109</v>
      </c>
      <c r="D104541" s="14" t="s">
        <v>510</v>
      </c>
      <c r="E104541" s="15">
        <v>45527</v>
      </c>
      <c r="F104541" s="14" t="s">
        <v>61</v>
      </c>
      <c r="G104541" s="16">
        <v>6.5323492908468103E-2</v>
      </c>
    </row>
    <row r="104542" spans="1:7" x14ac:dyDescent="0.3">
      <c r="A104542" s="13" t="s">
        <v>509</v>
      </c>
      <c r="B104542" s="14" t="s">
        <v>1</v>
      </c>
      <c r="C104542" s="14" t="s">
        <v>109</v>
      </c>
      <c r="D104542" s="14" t="s">
        <v>510</v>
      </c>
      <c r="E104542" s="15">
        <v>45528</v>
      </c>
      <c r="F104542" s="14" t="s">
        <v>61</v>
      </c>
      <c r="G104542" s="16">
        <v>6.5323492908468103E-2</v>
      </c>
    </row>
    <row r="104543" spans="1:7" x14ac:dyDescent="0.3">
      <c r="A104543" s="13" t="s">
        <v>509</v>
      </c>
      <c r="B104543" s="14" t="s">
        <v>1</v>
      </c>
      <c r="C104543" s="14" t="s">
        <v>109</v>
      </c>
      <c r="D104543" s="14" t="s">
        <v>510</v>
      </c>
      <c r="E104543" s="15">
        <v>45529</v>
      </c>
      <c r="F104543" s="14" t="s">
        <v>61</v>
      </c>
      <c r="G104543" s="16">
        <v>6.5323492908468103E-2</v>
      </c>
    </row>
    <row r="104544" spans="1:7" x14ac:dyDescent="0.3">
      <c r="A104544" s="13" t="s">
        <v>509</v>
      </c>
      <c r="B104544" s="14" t="s">
        <v>1</v>
      </c>
      <c r="C104544" s="14" t="s">
        <v>109</v>
      </c>
      <c r="D104544" s="14" t="s">
        <v>510</v>
      </c>
      <c r="E104544" s="15">
        <v>45530</v>
      </c>
      <c r="F104544" s="14" t="s">
        <v>61</v>
      </c>
      <c r="G104544" s="16">
        <v>6.3724502424964788E-2</v>
      </c>
    </row>
    <row r="104545" spans="1:7" x14ac:dyDescent="0.3">
      <c r="A104545" s="13" t="s">
        <v>509</v>
      </c>
      <c r="B104545" s="14" t="s">
        <v>1</v>
      </c>
      <c r="C104545" s="14" t="s">
        <v>109</v>
      </c>
      <c r="D104545" s="14" t="s">
        <v>510</v>
      </c>
      <c r="E104545" s="15">
        <v>45531</v>
      </c>
      <c r="F104545" s="14" t="s">
        <v>61</v>
      </c>
      <c r="G104545" s="16">
        <v>5.7347764916107644E-2</v>
      </c>
    </row>
    <row r="104546" spans="1:7" x14ac:dyDescent="0.3">
      <c r="A104546" s="13" t="s">
        <v>509</v>
      </c>
      <c r="B104546" s="14" t="s">
        <v>1</v>
      </c>
      <c r="C104546" s="14" t="s">
        <v>109</v>
      </c>
      <c r="D104546" s="14" t="s">
        <v>510</v>
      </c>
      <c r="E104546" s="15">
        <v>45532</v>
      </c>
      <c r="F104546" s="14" t="s">
        <v>61</v>
      </c>
      <c r="G104546" s="16">
        <v>6.7576131769860492E-2</v>
      </c>
    </row>
    <row r="104547" spans="1:7" x14ac:dyDescent="0.3">
      <c r="A104547" s="13" t="s">
        <v>509</v>
      </c>
      <c r="B104547" s="14" t="s">
        <v>1</v>
      </c>
      <c r="C104547" s="14" t="s">
        <v>109</v>
      </c>
      <c r="D104547" s="14" t="s">
        <v>510</v>
      </c>
      <c r="E104547" s="15">
        <v>45533</v>
      </c>
      <c r="F104547" s="14" t="s">
        <v>61</v>
      </c>
      <c r="G104547" s="16">
        <v>7.9584352531915301E-2</v>
      </c>
    </row>
    <row r="104548" spans="1:7" x14ac:dyDescent="0.3">
      <c r="A104548" s="13" t="s">
        <v>509</v>
      </c>
      <c r="B104548" s="14" t="s">
        <v>1</v>
      </c>
      <c r="C104548" s="14" t="s">
        <v>109</v>
      </c>
      <c r="D104548" s="14" t="s">
        <v>510</v>
      </c>
      <c r="E104548" s="15">
        <v>45534</v>
      </c>
      <c r="F104548" s="14" t="s">
        <v>61</v>
      </c>
      <c r="G104548" s="16">
        <v>7.7995860419775256E-2</v>
      </c>
    </row>
    <row r="104549" spans="1:7" x14ac:dyDescent="0.3">
      <c r="A104549" s="13" t="s">
        <v>509</v>
      </c>
      <c r="B104549" s="14" t="s">
        <v>1</v>
      </c>
      <c r="C104549" s="14" t="s">
        <v>109</v>
      </c>
      <c r="D104549" s="14" t="s">
        <v>510</v>
      </c>
      <c r="E104549" s="15">
        <v>45535</v>
      </c>
      <c r="F104549" s="14" t="s">
        <v>61</v>
      </c>
      <c r="G104549" s="16">
        <v>7.7995860419775256E-2</v>
      </c>
    </row>
    <row r="104550" spans="1:7" x14ac:dyDescent="0.3">
      <c r="A104550" s="13" t="s">
        <v>509</v>
      </c>
      <c r="B104550" s="14" t="s">
        <v>1</v>
      </c>
      <c r="C104550" s="14" t="s">
        <v>109</v>
      </c>
      <c r="D104550" s="14" t="s">
        <v>510</v>
      </c>
      <c r="E104550" s="15">
        <v>45536</v>
      </c>
      <c r="F104550" s="14" t="s">
        <v>61</v>
      </c>
      <c r="G104550" s="16">
        <v>7.7995860419775256E-2</v>
      </c>
    </row>
    <row r="104551" spans="1:7" x14ac:dyDescent="0.3">
      <c r="A104551" s="13" t="s">
        <v>509</v>
      </c>
      <c r="B104551" s="14" t="s">
        <v>1</v>
      </c>
      <c r="C104551" s="14" t="s">
        <v>109</v>
      </c>
      <c r="D104551" s="14" t="s">
        <v>510</v>
      </c>
      <c r="E104551" s="15">
        <v>45537</v>
      </c>
      <c r="F104551" s="14" t="s">
        <v>61</v>
      </c>
      <c r="G104551" s="16">
        <v>7.6027408282489162E-2</v>
      </c>
    </row>
    <row r="104552" spans="1:7" x14ac:dyDescent="0.3">
      <c r="A104552" s="13" t="s">
        <v>509</v>
      </c>
      <c r="B104552" s="14" t="s">
        <v>1</v>
      </c>
      <c r="C104552" s="14" t="s">
        <v>109</v>
      </c>
      <c r="D104552" s="14" t="s">
        <v>510</v>
      </c>
      <c r="E104552" s="15">
        <v>45538</v>
      </c>
      <c r="F104552" s="14" t="s">
        <v>61</v>
      </c>
      <c r="G104552" s="16">
        <v>6.9901074298881941E-2</v>
      </c>
    </row>
    <row r="104553" spans="1:7" x14ac:dyDescent="0.3">
      <c r="A104553" s="13" t="s">
        <v>509</v>
      </c>
      <c r="B104553" s="14" t="s">
        <v>1</v>
      </c>
      <c r="C104553" s="14" t="s">
        <v>109</v>
      </c>
      <c r="D104553" s="14" t="s">
        <v>510</v>
      </c>
      <c r="E104553" s="15">
        <v>45539</v>
      </c>
      <c r="F104553" s="14" t="s">
        <v>61</v>
      </c>
      <c r="G104553" s="16">
        <v>6.8761833176869999E-2</v>
      </c>
    </row>
    <row r="104554" spans="1:7" x14ac:dyDescent="0.3">
      <c r="A104554" s="13" t="s">
        <v>509</v>
      </c>
      <c r="B104554" s="14" t="s">
        <v>1</v>
      </c>
      <c r="C104554" s="14" t="s">
        <v>109</v>
      </c>
      <c r="D104554" s="14" t="s">
        <v>510</v>
      </c>
      <c r="E104554" s="15">
        <v>45540</v>
      </c>
      <c r="F104554" s="14" t="s">
        <v>61</v>
      </c>
      <c r="G104554" s="16">
        <v>6.679661712917756E-2</v>
      </c>
    </row>
    <row r="104555" spans="1:7" x14ac:dyDescent="0.3">
      <c r="A104555" s="13" t="s">
        <v>509</v>
      </c>
      <c r="B104555" s="14" t="s">
        <v>1</v>
      </c>
      <c r="C104555" s="14" t="s">
        <v>109</v>
      </c>
      <c r="D104555" s="14" t="s">
        <v>510</v>
      </c>
      <c r="E104555" s="15">
        <v>45541</v>
      </c>
      <c r="F104555" s="14" t="s">
        <v>61</v>
      </c>
      <c r="G104555" s="16">
        <v>6.6053137120866426E-2</v>
      </c>
    </row>
    <row r="104556" spans="1:7" x14ac:dyDescent="0.3">
      <c r="A104556" s="13" t="s">
        <v>509</v>
      </c>
      <c r="B104556" s="14" t="s">
        <v>1</v>
      </c>
      <c r="C104556" s="14" t="s">
        <v>109</v>
      </c>
      <c r="D104556" s="14" t="s">
        <v>510</v>
      </c>
      <c r="E104556" s="15">
        <v>45542</v>
      </c>
      <c r="F104556" s="14" t="s">
        <v>61</v>
      </c>
      <c r="G104556" s="16">
        <v>6.6053137120866426E-2</v>
      </c>
    </row>
    <row r="104557" spans="1:7" x14ac:dyDescent="0.3">
      <c r="A104557" s="13" t="s">
        <v>509</v>
      </c>
      <c r="B104557" s="14" t="s">
        <v>1</v>
      </c>
      <c r="C104557" s="14" t="s">
        <v>109</v>
      </c>
      <c r="D104557" s="14" t="s">
        <v>510</v>
      </c>
      <c r="E104557" s="15">
        <v>45543</v>
      </c>
      <c r="F104557" s="14" t="s">
        <v>61</v>
      </c>
      <c r="G104557" s="16">
        <v>6.6053137120866426E-2</v>
      </c>
    </row>
    <row r="104558" spans="1:7" x14ac:dyDescent="0.3">
      <c r="A104558" s="13" t="s">
        <v>509</v>
      </c>
      <c r="B104558" s="14" t="s">
        <v>1</v>
      </c>
      <c r="C104558" s="14" t="s">
        <v>109</v>
      </c>
      <c r="D104558" s="14" t="s">
        <v>510</v>
      </c>
      <c r="E104558" s="15">
        <v>45544</v>
      </c>
      <c r="F104558" s="14" t="s">
        <v>61</v>
      </c>
      <c r="G104558" s="16">
        <v>6.9089431632142081E-2</v>
      </c>
    </row>
    <row r="104559" spans="1:7" x14ac:dyDescent="0.3">
      <c r="A104559" s="13" t="s">
        <v>509</v>
      </c>
      <c r="B104559" s="14" t="s">
        <v>1</v>
      </c>
      <c r="C104559" s="14" t="s">
        <v>109</v>
      </c>
      <c r="D104559" s="14" t="s">
        <v>510</v>
      </c>
      <c r="E104559" s="15">
        <v>45545</v>
      </c>
      <c r="F104559" s="14" t="s">
        <v>61</v>
      </c>
      <c r="G104559" s="16">
        <v>6.3746664045848708E-2</v>
      </c>
    </row>
    <row r="104560" spans="1:7" x14ac:dyDescent="0.3">
      <c r="A104560" s="13" t="s">
        <v>509</v>
      </c>
      <c r="B104560" s="14" t="s">
        <v>1</v>
      </c>
      <c r="C104560" s="14" t="s">
        <v>109</v>
      </c>
      <c r="D104560" s="14" t="s">
        <v>510</v>
      </c>
      <c r="E104560" s="15">
        <v>45546</v>
      </c>
      <c r="F104560" s="14" t="s">
        <v>61</v>
      </c>
      <c r="G104560" s="16">
        <v>6.1068239063695968E-2</v>
      </c>
    </row>
    <row r="104561" spans="1:7" x14ac:dyDescent="0.3">
      <c r="A104561" s="13" t="s">
        <v>509</v>
      </c>
      <c r="B104561" s="14" t="s">
        <v>1</v>
      </c>
      <c r="C104561" s="14" t="s">
        <v>109</v>
      </c>
      <c r="D104561" s="14" t="s">
        <v>510</v>
      </c>
      <c r="E104561" s="15">
        <v>45547</v>
      </c>
      <c r="F104561" s="14" t="s">
        <v>61</v>
      </c>
      <c r="G104561" s="16">
        <v>5.8936216300474242E-2</v>
      </c>
    </row>
    <row r="104562" spans="1:7" x14ac:dyDescent="0.3">
      <c r="A104562" s="13" t="s">
        <v>509</v>
      </c>
      <c r="B104562" s="14" t="s">
        <v>1</v>
      </c>
      <c r="C104562" s="14" t="s">
        <v>109</v>
      </c>
      <c r="D104562" s="14" t="s">
        <v>510</v>
      </c>
      <c r="E104562" s="15">
        <v>45548</v>
      </c>
      <c r="F104562" s="14" t="s">
        <v>61</v>
      </c>
      <c r="G104562" s="16">
        <v>5.8036980872430921E-2</v>
      </c>
    </row>
    <row r="104563" spans="1:7" x14ac:dyDescent="0.3">
      <c r="A104563" s="13" t="s">
        <v>509</v>
      </c>
      <c r="B104563" s="14" t="s">
        <v>1</v>
      </c>
      <c r="C104563" s="14" t="s">
        <v>109</v>
      </c>
      <c r="D104563" s="14" t="s">
        <v>510</v>
      </c>
      <c r="E104563" s="15">
        <v>45549</v>
      </c>
      <c r="F104563" s="14" t="s">
        <v>61</v>
      </c>
      <c r="G104563" s="16">
        <v>5.8036980872430921E-2</v>
      </c>
    </row>
    <row r="104564" spans="1:7" x14ac:dyDescent="0.3">
      <c r="A104564" s="13" t="s">
        <v>509</v>
      </c>
      <c r="B104564" s="14" t="s">
        <v>1</v>
      </c>
      <c r="C104564" s="14" t="s">
        <v>109</v>
      </c>
      <c r="D104564" s="14" t="s">
        <v>510</v>
      </c>
      <c r="E104564" s="15">
        <v>45550</v>
      </c>
      <c r="F104564" s="14" t="s">
        <v>61</v>
      </c>
      <c r="G104564" s="16">
        <v>5.8036980872430921E-2</v>
      </c>
    </row>
    <row r="104565" spans="1:7" x14ac:dyDescent="0.3">
      <c r="A104565" s="13" t="s">
        <v>509</v>
      </c>
      <c r="B104565" s="14" t="s">
        <v>1</v>
      </c>
      <c r="C104565" s="14" t="s">
        <v>109</v>
      </c>
      <c r="D104565" s="14" t="s">
        <v>510</v>
      </c>
      <c r="E104565" s="15">
        <v>45551</v>
      </c>
      <c r="F104565" s="14" t="s">
        <v>61</v>
      </c>
      <c r="G104565" s="16">
        <v>5.5954907998262637E-2</v>
      </c>
    </row>
    <row r="104566" spans="1:7" x14ac:dyDescent="0.3">
      <c r="A104566" s="13" t="s">
        <v>509</v>
      </c>
      <c r="B104566" s="14" t="s">
        <v>1</v>
      </c>
      <c r="C104566" s="14" t="s">
        <v>109</v>
      </c>
      <c r="D104566" s="14" t="s">
        <v>510</v>
      </c>
      <c r="E104566" s="15">
        <v>45552</v>
      </c>
      <c r="F104566" s="14" t="s">
        <v>61</v>
      </c>
      <c r="G104566" s="16">
        <v>4.9766041211636844E-2</v>
      </c>
    </row>
    <row r="104567" spans="1:7" x14ac:dyDescent="0.3">
      <c r="A104567" s="13" t="s">
        <v>509</v>
      </c>
      <c r="B104567" s="14" t="s">
        <v>1</v>
      </c>
      <c r="C104567" s="14" t="s">
        <v>109</v>
      </c>
      <c r="D104567" s="14" t="s">
        <v>510</v>
      </c>
      <c r="E104567" s="15">
        <v>45553</v>
      </c>
      <c r="F104567" s="14" t="s">
        <v>61</v>
      </c>
      <c r="G104567" s="16">
        <v>4.7955172055309997E-2</v>
      </c>
    </row>
    <row r="104568" spans="1:7" x14ac:dyDescent="0.3">
      <c r="A104568" s="13" t="s">
        <v>509</v>
      </c>
      <c r="B104568" s="14" t="s">
        <v>1</v>
      </c>
      <c r="C104568" s="14" t="s">
        <v>109</v>
      </c>
      <c r="D104568" s="14" t="s">
        <v>510</v>
      </c>
      <c r="E104568" s="15">
        <v>45554</v>
      </c>
      <c r="F104568" s="14" t="s">
        <v>61</v>
      </c>
      <c r="G104568" s="16">
        <v>4.598677018386943E-2</v>
      </c>
    </row>
    <row r="104569" spans="1:7" x14ac:dyDescent="0.3">
      <c r="A104569" s="13" t="s">
        <v>509</v>
      </c>
      <c r="B104569" s="14" t="s">
        <v>1</v>
      </c>
      <c r="C104569" s="14" t="s">
        <v>109</v>
      </c>
      <c r="D104569" s="14" t="s">
        <v>510</v>
      </c>
      <c r="E104569" s="15">
        <v>45555</v>
      </c>
      <c r="F104569" s="14" t="s">
        <v>61</v>
      </c>
      <c r="G104569" s="16">
        <v>4.4200050916596033E-2</v>
      </c>
    </row>
    <row r="104570" spans="1:7" x14ac:dyDescent="0.3">
      <c r="A104570" s="13" t="s">
        <v>509</v>
      </c>
      <c r="B104570" s="14" t="s">
        <v>1</v>
      </c>
      <c r="C104570" s="14" t="s">
        <v>109</v>
      </c>
      <c r="D104570" s="14" t="s">
        <v>510</v>
      </c>
      <c r="E104570" s="15">
        <v>45556</v>
      </c>
      <c r="F104570" s="14" t="s">
        <v>61</v>
      </c>
      <c r="G104570" s="16">
        <v>4.4200050916596033E-2</v>
      </c>
    </row>
    <row r="104571" spans="1:7" x14ac:dyDescent="0.3">
      <c r="A104571" s="13" t="s">
        <v>509</v>
      </c>
      <c r="B104571" s="14" t="s">
        <v>1</v>
      </c>
      <c r="C104571" s="14" t="s">
        <v>109</v>
      </c>
      <c r="D104571" s="14" t="s">
        <v>510</v>
      </c>
      <c r="E104571" s="15">
        <v>45557</v>
      </c>
      <c r="F104571" s="14" t="s">
        <v>61</v>
      </c>
      <c r="G104571" s="16">
        <v>4.4200050916596033E-2</v>
      </c>
    </row>
    <row r="104572" spans="1:7" x14ac:dyDescent="0.3">
      <c r="A104572" s="13" t="s">
        <v>509</v>
      </c>
      <c r="B104572" s="14" t="s">
        <v>1</v>
      </c>
      <c r="C104572" s="14" t="s">
        <v>109</v>
      </c>
      <c r="D104572" s="14" t="s">
        <v>510</v>
      </c>
      <c r="E104572" s="15">
        <v>45558</v>
      </c>
      <c r="F104572" s="14" t="s">
        <v>61</v>
      </c>
      <c r="G104572" s="16">
        <v>4.2607875099214175E-2</v>
      </c>
    </row>
    <row r="104573" spans="1:7" x14ac:dyDescent="0.3">
      <c r="A104573" s="13" t="s">
        <v>509</v>
      </c>
      <c r="B104573" s="14" t="s">
        <v>1</v>
      </c>
      <c r="C104573" s="14" t="s">
        <v>109</v>
      </c>
      <c r="D104573" s="14" t="s">
        <v>510</v>
      </c>
      <c r="E104573" s="15">
        <v>45559</v>
      </c>
      <c r="F104573" s="14" t="s">
        <v>61</v>
      </c>
      <c r="G104573" s="16">
        <v>3.6101369133140084E-2</v>
      </c>
    </row>
    <row r="104574" spans="1:7" x14ac:dyDescent="0.3">
      <c r="A104574" s="13" t="s">
        <v>509</v>
      </c>
      <c r="B104574" s="14" t="s">
        <v>1</v>
      </c>
      <c r="C104574" s="14" t="s">
        <v>109</v>
      </c>
      <c r="D104574" s="14" t="s">
        <v>510</v>
      </c>
      <c r="E104574" s="15">
        <v>45560</v>
      </c>
      <c r="F104574" s="14" t="s">
        <v>61</v>
      </c>
      <c r="G104574" s="16">
        <v>3.4464554605268781E-2</v>
      </c>
    </row>
    <row r="104575" spans="1:7" x14ac:dyDescent="0.3">
      <c r="A104575" s="13" t="s">
        <v>509</v>
      </c>
      <c r="B104575" s="14" t="s">
        <v>1</v>
      </c>
      <c r="C104575" s="14" t="s">
        <v>109</v>
      </c>
      <c r="D104575" s="14" t="s">
        <v>510</v>
      </c>
      <c r="E104575" s="15">
        <v>45561</v>
      </c>
      <c r="F104575" s="14" t="s">
        <v>61</v>
      </c>
      <c r="G104575" s="16">
        <v>3.2554681191018557E-2</v>
      </c>
    </row>
    <row r="104576" spans="1:7" x14ac:dyDescent="0.3">
      <c r="A104576" s="13" t="s">
        <v>509</v>
      </c>
      <c r="B104576" s="14" t="s">
        <v>1</v>
      </c>
      <c r="C104576" s="14" t="s">
        <v>109</v>
      </c>
      <c r="D104576" s="14" t="s">
        <v>510</v>
      </c>
      <c r="E104576" s="15">
        <v>45562</v>
      </c>
      <c r="F104576" s="14" t="s">
        <v>61</v>
      </c>
      <c r="G104576" s="16">
        <v>3.1705379972737438E-2</v>
      </c>
    </row>
    <row r="104577" spans="1:7" x14ac:dyDescent="0.3">
      <c r="A104577" s="13" t="s">
        <v>509</v>
      </c>
      <c r="B104577" s="14" t="s">
        <v>1</v>
      </c>
      <c r="C104577" s="14" t="s">
        <v>109</v>
      </c>
      <c r="D104577" s="14" t="s">
        <v>510</v>
      </c>
      <c r="E104577" s="15">
        <v>45563</v>
      </c>
      <c r="F104577" s="14" t="s">
        <v>61</v>
      </c>
      <c r="G104577" s="16">
        <v>3.1705379972737438E-2</v>
      </c>
    </row>
    <row r="104578" spans="1:7" x14ac:dyDescent="0.3">
      <c r="A104578" s="13" t="s">
        <v>509</v>
      </c>
      <c r="B104578" s="14" t="s">
        <v>1</v>
      </c>
      <c r="C104578" s="14" t="s">
        <v>109</v>
      </c>
      <c r="D104578" s="14" t="s">
        <v>510</v>
      </c>
      <c r="E104578" s="15">
        <v>45564</v>
      </c>
      <c r="F104578" s="14" t="s">
        <v>61</v>
      </c>
      <c r="G104578" s="16">
        <v>3.1705379972737438E-2</v>
      </c>
    </row>
    <row r="104579" spans="1:7" x14ac:dyDescent="0.3">
      <c r="A104579" s="13" t="s">
        <v>509</v>
      </c>
      <c r="B104579" s="14" t="s">
        <v>1</v>
      </c>
      <c r="C104579" s="14" t="s">
        <v>109</v>
      </c>
      <c r="D104579" s="14" t="s">
        <v>510</v>
      </c>
      <c r="E104579" s="15">
        <v>45565</v>
      </c>
      <c r="F104579" s="14" t="s">
        <v>61</v>
      </c>
      <c r="G104579" s="16">
        <v>5.2456673010275345E-2</v>
      </c>
    </row>
    <row r="104580" spans="1:7" x14ac:dyDescent="0.3">
      <c r="A104580" s="13" t="s">
        <v>509</v>
      </c>
      <c r="B104580" s="14" t="s">
        <v>1</v>
      </c>
      <c r="C104580" s="14" t="s">
        <v>109</v>
      </c>
      <c r="D104580" s="14" t="s">
        <v>510</v>
      </c>
      <c r="E104580" s="15">
        <v>45566</v>
      </c>
      <c r="F104580" s="14" t="s">
        <v>61</v>
      </c>
      <c r="G104580" s="16">
        <v>4.9162736770044554E-2</v>
      </c>
    </row>
    <row r="104581" spans="1:7" x14ac:dyDescent="0.3">
      <c r="A104581" s="13" t="s">
        <v>509</v>
      </c>
      <c r="B104581" s="14" t="s">
        <v>1</v>
      </c>
      <c r="C104581" s="14" t="s">
        <v>109</v>
      </c>
      <c r="D104581" s="14" t="s">
        <v>510</v>
      </c>
      <c r="E104581" s="15">
        <v>45567</v>
      </c>
      <c r="F104581" s="14" t="s">
        <v>61</v>
      </c>
      <c r="G104581" s="16">
        <v>4.746565411153604E-2</v>
      </c>
    </row>
    <row r="104582" spans="1:7" x14ac:dyDescent="0.3">
      <c r="A104582" s="13" t="s">
        <v>509</v>
      </c>
      <c r="B104582" s="14" t="s">
        <v>1</v>
      </c>
      <c r="C104582" s="14" t="s">
        <v>109</v>
      </c>
      <c r="D104582" s="14" t="s">
        <v>510</v>
      </c>
      <c r="E104582" s="15">
        <v>45568</v>
      </c>
      <c r="F104582" s="14" t="s">
        <v>61</v>
      </c>
      <c r="G104582" s="16">
        <v>4.5725704507240846E-2</v>
      </c>
    </row>
    <row r="104583" spans="1:7" x14ac:dyDescent="0.3">
      <c r="A104583" s="13" t="s">
        <v>509</v>
      </c>
      <c r="B104583" s="14" t="s">
        <v>1</v>
      </c>
      <c r="C104583" s="14" t="s">
        <v>109</v>
      </c>
      <c r="D104583" s="14" t="s">
        <v>510</v>
      </c>
      <c r="E104583" s="15">
        <v>45569</v>
      </c>
      <c r="F104583" s="14" t="s">
        <v>61</v>
      </c>
      <c r="G104583" s="16">
        <v>4.4136032014126574E-2</v>
      </c>
    </row>
    <row r="104584" spans="1:7" x14ac:dyDescent="0.3">
      <c r="A104584" s="13" t="s">
        <v>509</v>
      </c>
      <c r="B104584" s="14" t="s">
        <v>1</v>
      </c>
      <c r="C104584" s="14" t="s">
        <v>109</v>
      </c>
      <c r="D104584" s="14" t="s">
        <v>510</v>
      </c>
      <c r="E104584" s="15">
        <v>45570</v>
      </c>
      <c r="F104584" s="14" t="s">
        <v>61</v>
      </c>
      <c r="G104584" s="16">
        <v>4.4136032014126574E-2</v>
      </c>
    </row>
    <row r="104585" spans="1:7" x14ac:dyDescent="0.3">
      <c r="A104585" s="13" t="s">
        <v>509</v>
      </c>
      <c r="B104585" s="14" t="s">
        <v>1</v>
      </c>
      <c r="C104585" s="14" t="s">
        <v>109</v>
      </c>
      <c r="D104585" s="14" t="s">
        <v>510</v>
      </c>
      <c r="E104585" s="15">
        <v>45571</v>
      </c>
      <c r="F104585" s="14" t="s">
        <v>61</v>
      </c>
      <c r="G104585" s="16">
        <v>4.4136032014126574E-2</v>
      </c>
    </row>
    <row r="104586" spans="1:7" x14ac:dyDescent="0.3">
      <c r="A104586" s="13" t="s">
        <v>509</v>
      </c>
      <c r="B104586" s="14" t="s">
        <v>1</v>
      </c>
      <c r="C104586" s="14" t="s">
        <v>109</v>
      </c>
      <c r="D104586" s="14" t="s">
        <v>510</v>
      </c>
      <c r="E104586" s="15">
        <v>45572</v>
      </c>
      <c r="F104586" s="14" t="s">
        <v>61</v>
      </c>
      <c r="G104586" s="16">
        <v>4.5973061007269889E-2</v>
      </c>
    </row>
    <row r="104587" spans="1:7" x14ac:dyDescent="0.3">
      <c r="A104587" s="13" t="s">
        <v>509</v>
      </c>
      <c r="B104587" s="14" t="s">
        <v>1</v>
      </c>
      <c r="C104587" s="14" t="s">
        <v>109</v>
      </c>
      <c r="D104587" s="14" t="s">
        <v>510</v>
      </c>
      <c r="E104587" s="15">
        <v>45573</v>
      </c>
      <c r="F104587" s="14" t="s">
        <v>61</v>
      </c>
      <c r="G104587" s="16">
        <v>3.9584506893856584E-2</v>
      </c>
    </row>
    <row r="104588" spans="1:7" x14ac:dyDescent="0.3">
      <c r="A104588" s="13" t="s">
        <v>509</v>
      </c>
      <c r="B104588" s="14" t="s">
        <v>1</v>
      </c>
      <c r="C104588" s="14" t="s">
        <v>109</v>
      </c>
      <c r="D104588" s="14" t="s">
        <v>510</v>
      </c>
      <c r="E104588" s="15">
        <v>45574</v>
      </c>
      <c r="F104588" s="14" t="s">
        <v>61</v>
      </c>
      <c r="G104588" s="16">
        <v>3.7923037272832798E-2</v>
      </c>
    </row>
    <row r="104589" spans="1:7" x14ac:dyDescent="0.3">
      <c r="A104589" s="13" t="s">
        <v>509</v>
      </c>
      <c r="B104589" s="14" t="s">
        <v>1</v>
      </c>
      <c r="C104589" s="14" t="s">
        <v>109</v>
      </c>
      <c r="D104589" s="14" t="s">
        <v>510</v>
      </c>
      <c r="E104589" s="15">
        <v>45575</v>
      </c>
      <c r="F104589" s="14" t="s">
        <v>61</v>
      </c>
      <c r="G104589" s="16">
        <v>3.6116904976465559E-2</v>
      </c>
    </row>
    <row r="104590" spans="1:7" x14ac:dyDescent="0.3">
      <c r="A104590" s="13" t="s">
        <v>509</v>
      </c>
      <c r="B104590" s="14" t="s">
        <v>1</v>
      </c>
      <c r="C104590" s="14" t="s">
        <v>109</v>
      </c>
      <c r="D104590" s="14" t="s">
        <v>510</v>
      </c>
      <c r="E104590" s="15">
        <v>45576</v>
      </c>
      <c r="F104590" s="14" t="s">
        <v>61</v>
      </c>
      <c r="G104590" s="16">
        <v>3.4290824834166199E-2</v>
      </c>
    </row>
    <row r="104591" spans="1:7" x14ac:dyDescent="0.3">
      <c r="A104591" s="13" t="s">
        <v>509</v>
      </c>
      <c r="B104591" s="14" t="s">
        <v>1</v>
      </c>
      <c r="C104591" s="14" t="s">
        <v>109</v>
      </c>
      <c r="D104591" s="14" t="s">
        <v>510</v>
      </c>
      <c r="E104591" s="15">
        <v>45577</v>
      </c>
      <c r="F104591" s="14" t="s">
        <v>61</v>
      </c>
      <c r="G104591" s="16">
        <v>3.4290824834166199E-2</v>
      </c>
    </row>
    <row r="104592" spans="1:7" x14ac:dyDescent="0.3">
      <c r="A104592" s="13" t="s">
        <v>509</v>
      </c>
      <c r="B104592" s="14" t="s">
        <v>1</v>
      </c>
      <c r="C104592" s="14" t="s">
        <v>109</v>
      </c>
      <c r="D104592" s="14" t="s">
        <v>510</v>
      </c>
      <c r="E104592" s="15">
        <v>45578</v>
      </c>
      <c r="F104592" s="14" t="s">
        <v>61</v>
      </c>
      <c r="G104592" s="16">
        <v>3.4290824834166199E-2</v>
      </c>
    </row>
    <row r="104593" spans="1:7" x14ac:dyDescent="0.3">
      <c r="A104593" s="13" t="s">
        <v>509</v>
      </c>
      <c r="B104593" s="14" t="s">
        <v>1</v>
      </c>
      <c r="C104593" s="14" t="s">
        <v>109</v>
      </c>
      <c r="D104593" s="14" t="s">
        <v>510</v>
      </c>
      <c r="E104593" s="15">
        <v>45579</v>
      </c>
      <c r="F104593" s="14" t="s">
        <v>61</v>
      </c>
      <c r="G104593" s="16">
        <v>3.3474492960674423E-2</v>
      </c>
    </row>
    <row r="104594" spans="1:7" x14ac:dyDescent="0.3">
      <c r="A104594" s="13" t="s">
        <v>509</v>
      </c>
      <c r="B104594" s="14" t="s">
        <v>1</v>
      </c>
      <c r="C104594" s="14" t="s">
        <v>109</v>
      </c>
      <c r="D104594" s="14" t="s">
        <v>510</v>
      </c>
      <c r="E104594" s="15">
        <v>45580</v>
      </c>
      <c r="F104594" s="14" t="s">
        <v>61</v>
      </c>
      <c r="G104594" s="16">
        <v>2.7112836427347721E-2</v>
      </c>
    </row>
    <row r="104595" spans="1:7" x14ac:dyDescent="0.3">
      <c r="A104595" s="13" t="s">
        <v>509</v>
      </c>
      <c r="B104595" s="14" t="s">
        <v>1</v>
      </c>
      <c r="C104595" s="14" t="s">
        <v>109</v>
      </c>
      <c r="D104595" s="14" t="s">
        <v>510</v>
      </c>
      <c r="E104595" s="15">
        <v>45581</v>
      </c>
      <c r="F104595" s="14" t="s">
        <v>61</v>
      </c>
      <c r="G104595" s="16">
        <v>2.535575607154613E-2</v>
      </c>
    </row>
    <row r="104596" spans="1:7" x14ac:dyDescent="0.3">
      <c r="A104596" s="13" t="s">
        <v>509</v>
      </c>
      <c r="B104596" s="14" t="s">
        <v>1</v>
      </c>
      <c r="C104596" s="14" t="s">
        <v>109</v>
      </c>
      <c r="D104596" s="14" t="s">
        <v>510</v>
      </c>
      <c r="E104596" s="15">
        <v>45582</v>
      </c>
      <c r="F104596" s="14" t="s">
        <v>61</v>
      </c>
      <c r="G104596" s="16">
        <v>2.3591286990604296E-2</v>
      </c>
    </row>
    <row r="104597" spans="1:7" x14ac:dyDescent="0.3">
      <c r="A104597" s="13" t="s">
        <v>509</v>
      </c>
      <c r="B104597" s="14" t="s">
        <v>1</v>
      </c>
      <c r="C104597" s="14" t="s">
        <v>109</v>
      </c>
      <c r="D104597" s="14" t="s">
        <v>510</v>
      </c>
      <c r="E104597" s="15">
        <v>45583</v>
      </c>
      <c r="F104597" s="14" t="s">
        <v>61</v>
      </c>
      <c r="G104597" s="16">
        <v>2.5365312044013086E-2</v>
      </c>
    </row>
    <row r="104598" spans="1:7" x14ac:dyDescent="0.3">
      <c r="A104598" s="13" t="s">
        <v>509</v>
      </c>
      <c r="B104598" s="14" t="s">
        <v>1</v>
      </c>
      <c r="C104598" s="14" t="s">
        <v>109</v>
      </c>
      <c r="D104598" s="14" t="s">
        <v>510</v>
      </c>
      <c r="E104598" s="15">
        <v>45584</v>
      </c>
      <c r="F104598" s="14" t="s">
        <v>61</v>
      </c>
      <c r="G104598" s="16">
        <v>2.5365312044013086E-2</v>
      </c>
    </row>
    <row r="104599" spans="1:7" x14ac:dyDescent="0.3">
      <c r="A104599" s="13" t="s">
        <v>509</v>
      </c>
      <c r="B104599" s="14" t="s">
        <v>1</v>
      </c>
      <c r="C104599" s="14" t="s">
        <v>109</v>
      </c>
      <c r="D104599" s="14" t="s">
        <v>510</v>
      </c>
      <c r="E104599" s="15">
        <v>45585</v>
      </c>
      <c r="F104599" s="14" t="s">
        <v>61</v>
      </c>
      <c r="G104599" s="16">
        <v>2.5365312044013086E-2</v>
      </c>
    </row>
    <row r="104600" spans="1:7" x14ac:dyDescent="0.3">
      <c r="A104600" s="13" t="s">
        <v>509</v>
      </c>
      <c r="B104600" s="14" t="s">
        <v>1</v>
      </c>
      <c r="C104600" s="14" t="s">
        <v>109</v>
      </c>
      <c r="D104600" s="14" t="s">
        <v>510</v>
      </c>
      <c r="E104600" s="15">
        <v>45586</v>
      </c>
      <c r="F104600" s="14" t="s">
        <v>61</v>
      </c>
      <c r="G104600" s="16">
        <v>2.3647733739723696E-2</v>
      </c>
    </row>
    <row r="104601" spans="1:7" x14ac:dyDescent="0.3">
      <c r="A104601" s="13" t="s">
        <v>509</v>
      </c>
      <c r="B104601" s="14" t="s">
        <v>1</v>
      </c>
      <c r="C104601" s="14" t="s">
        <v>109</v>
      </c>
      <c r="D104601" s="14" t="s">
        <v>510</v>
      </c>
      <c r="E104601" s="15">
        <v>45587</v>
      </c>
      <c r="F104601" s="14" t="s">
        <v>61</v>
      </c>
      <c r="G104601" s="16">
        <v>1.7208174267312373E-2</v>
      </c>
    </row>
    <row r="104602" spans="1:7" x14ac:dyDescent="0.3">
      <c r="A104602" s="13" t="s">
        <v>509</v>
      </c>
      <c r="B104602" s="14" t="s">
        <v>1</v>
      </c>
      <c r="C104602" s="14" t="s">
        <v>109</v>
      </c>
      <c r="D104602" s="14" t="s">
        <v>510</v>
      </c>
      <c r="E104602" s="15">
        <v>45588</v>
      </c>
      <c r="F104602" s="14" t="s">
        <v>61</v>
      </c>
      <c r="G104602" s="16">
        <v>1.5391821183850612E-2</v>
      </c>
    </row>
    <row r="104603" spans="1:7" x14ac:dyDescent="0.3">
      <c r="A104603" s="13" t="s">
        <v>509</v>
      </c>
      <c r="B104603" s="14" t="s">
        <v>1</v>
      </c>
      <c r="C104603" s="14" t="s">
        <v>109</v>
      </c>
      <c r="D104603" s="14" t="s">
        <v>510</v>
      </c>
      <c r="E104603" s="15">
        <v>45589</v>
      </c>
      <c r="F104603" s="14" t="s">
        <v>61</v>
      </c>
      <c r="G104603" s="16">
        <v>1.3492070156030022E-2</v>
      </c>
    </row>
    <row r="104604" spans="1:7" x14ac:dyDescent="0.3">
      <c r="A104604" s="13" t="s">
        <v>509</v>
      </c>
      <c r="B104604" s="14" t="s">
        <v>1</v>
      </c>
      <c r="C104604" s="14" t="s">
        <v>109</v>
      </c>
      <c r="D104604" s="14" t="s">
        <v>510</v>
      </c>
      <c r="E104604" s="15">
        <v>45590</v>
      </c>
      <c r="F104604" s="14" t="s">
        <v>61</v>
      </c>
      <c r="G104604" s="16">
        <v>1.1689469967700445E-2</v>
      </c>
    </row>
    <row r="104605" spans="1:7" x14ac:dyDescent="0.3">
      <c r="A104605" s="13" t="s">
        <v>509</v>
      </c>
      <c r="B104605" s="14" t="s">
        <v>1</v>
      </c>
      <c r="C104605" s="14" t="s">
        <v>109</v>
      </c>
      <c r="D104605" s="14" t="s">
        <v>510</v>
      </c>
      <c r="E104605" s="15">
        <v>45591</v>
      </c>
      <c r="F104605" s="14" t="s">
        <v>61</v>
      </c>
      <c r="G104605" s="16">
        <v>1.1689469967700445E-2</v>
      </c>
    </row>
    <row r="104606" spans="1:7" x14ac:dyDescent="0.3">
      <c r="A104606" s="13" t="s">
        <v>509</v>
      </c>
      <c r="B104606" s="14" t="s">
        <v>1</v>
      </c>
      <c r="C104606" s="14" t="s">
        <v>109</v>
      </c>
      <c r="D104606" s="14" t="s">
        <v>510</v>
      </c>
      <c r="E104606" s="15">
        <v>45592</v>
      </c>
      <c r="F104606" s="14" t="s">
        <v>61</v>
      </c>
      <c r="G104606" s="16">
        <v>1.1689469967700445E-2</v>
      </c>
    </row>
    <row r="104607" spans="1:7" x14ac:dyDescent="0.3">
      <c r="A104607" s="13" t="s">
        <v>509</v>
      </c>
      <c r="B104607" s="14" t="s">
        <v>1</v>
      </c>
      <c r="C104607" s="14" t="s">
        <v>109</v>
      </c>
      <c r="D104607" s="14" t="s">
        <v>510</v>
      </c>
      <c r="E104607" s="15">
        <v>45593</v>
      </c>
      <c r="F104607" s="14" t="s">
        <v>61</v>
      </c>
      <c r="G104607" s="16">
        <v>1.1689469967700445E-2</v>
      </c>
    </row>
    <row r="104608" spans="1:7" x14ac:dyDescent="0.3">
      <c r="A104608" s="13" t="s">
        <v>509</v>
      </c>
      <c r="B104608" s="14" t="s">
        <v>1</v>
      </c>
      <c r="C104608" s="14" t="s">
        <v>109</v>
      </c>
      <c r="D104608" s="14" t="s">
        <v>510</v>
      </c>
      <c r="E104608" s="15">
        <v>45594</v>
      </c>
      <c r="F104608" s="14" t="s">
        <v>61</v>
      </c>
      <c r="G104608" s="16">
        <v>1.0751522620028786E-2</v>
      </c>
    </row>
    <row r="104609" spans="1:7" x14ac:dyDescent="0.3">
      <c r="A104609" s="13" t="s">
        <v>509</v>
      </c>
      <c r="B104609" s="14" t="s">
        <v>1</v>
      </c>
      <c r="C104609" s="14" t="s">
        <v>109</v>
      </c>
      <c r="D104609" s="14" t="s">
        <v>510</v>
      </c>
      <c r="E104609" s="15">
        <v>45595</v>
      </c>
      <c r="F104609" s="14" t="s">
        <v>61</v>
      </c>
      <c r="G104609" s="16">
        <v>4.2768965702319837E-3</v>
      </c>
    </row>
    <row r="104610" spans="1:7" x14ac:dyDescent="0.3">
      <c r="A104610" s="13" t="s">
        <v>509</v>
      </c>
      <c r="B104610" s="14" t="s">
        <v>1</v>
      </c>
      <c r="C104610" s="14" t="s">
        <v>109</v>
      </c>
      <c r="D104610" s="14" t="s">
        <v>510</v>
      </c>
      <c r="E104610" s="15">
        <v>45596</v>
      </c>
      <c r="F104610" s="14" t="s">
        <v>61</v>
      </c>
      <c r="G104610" s="16">
        <v>2.4388879623513859E-3</v>
      </c>
    </row>
    <row r="104611" spans="1:7" x14ac:dyDescent="0.3">
      <c r="A104611" s="13" t="s">
        <v>509</v>
      </c>
      <c r="B104611" s="14" t="s">
        <v>1</v>
      </c>
      <c r="C104611" s="14" t="s">
        <v>109</v>
      </c>
      <c r="D104611" s="14" t="s">
        <v>510</v>
      </c>
      <c r="E104611" s="15">
        <v>45597</v>
      </c>
      <c r="F104611" s="14" t="s">
        <v>61</v>
      </c>
      <c r="G104611" s="16">
        <v>6.1435437231802819E-4</v>
      </c>
    </row>
    <row r="104612" spans="1:7" x14ac:dyDescent="0.3">
      <c r="A104612" s="13" t="s">
        <v>509</v>
      </c>
      <c r="B104612" s="14" t="s">
        <v>1</v>
      </c>
      <c r="C104612" s="14" t="s">
        <v>109</v>
      </c>
      <c r="D104612" s="14" t="s">
        <v>510</v>
      </c>
      <c r="E104612" s="15">
        <v>45598</v>
      </c>
      <c r="F104612" s="14" t="s">
        <v>61</v>
      </c>
      <c r="G104612" s="16">
        <v>6.1435437231802819E-4</v>
      </c>
    </row>
    <row r="104613" spans="1:7" x14ac:dyDescent="0.3">
      <c r="A104613" s="13" t="s">
        <v>509</v>
      </c>
      <c r="B104613" s="14" t="s">
        <v>1</v>
      </c>
      <c r="C104613" s="14" t="s">
        <v>109</v>
      </c>
      <c r="D104613" s="14" t="s">
        <v>510</v>
      </c>
      <c r="E104613" s="15">
        <v>45599</v>
      </c>
      <c r="F104613" s="14" t="s">
        <v>61</v>
      </c>
      <c r="G104613" s="16">
        <v>6.1435437231802819E-4</v>
      </c>
    </row>
    <row r="104614" spans="1:7" x14ac:dyDescent="0.3">
      <c r="A104614" s="13" t="s">
        <v>509</v>
      </c>
      <c r="B104614" s="14" t="s">
        <v>1</v>
      </c>
      <c r="C104614" s="14" t="s">
        <v>109</v>
      </c>
      <c r="D104614" s="14" t="s">
        <v>510</v>
      </c>
      <c r="E104614" s="15">
        <v>45600</v>
      </c>
      <c r="F104614" s="14" t="s">
        <v>61</v>
      </c>
      <c r="G104614" s="16">
        <v>0</v>
      </c>
    </row>
    <row r="104615" spans="1:7" x14ac:dyDescent="0.3">
      <c r="A104615" s="13" t="s">
        <v>509</v>
      </c>
      <c r="B104615" s="14" t="s">
        <v>1</v>
      </c>
      <c r="C104615" s="14" t="s">
        <v>109</v>
      </c>
      <c r="D104615" s="14" t="s">
        <v>510</v>
      </c>
      <c r="E104615" s="15">
        <v>45601</v>
      </c>
      <c r="F104615" s="14" t="s">
        <v>61</v>
      </c>
      <c r="G104615" s="16">
        <v>0</v>
      </c>
    </row>
    <row r="104616" spans="1:7" x14ac:dyDescent="0.3">
      <c r="A104616" s="13" t="s">
        <v>509</v>
      </c>
      <c r="B104616" s="14" t="s">
        <v>1</v>
      </c>
      <c r="C104616" s="14" t="s">
        <v>109</v>
      </c>
      <c r="D104616" s="14" t="s">
        <v>510</v>
      </c>
      <c r="E104616" s="15">
        <v>45602</v>
      </c>
      <c r="F104616" s="14" t="s">
        <v>61</v>
      </c>
      <c r="G104616" s="16">
        <v>0</v>
      </c>
    </row>
    <row r="104617" spans="1:7" x14ac:dyDescent="0.3">
      <c r="A104617" s="13" t="s">
        <v>509</v>
      </c>
      <c r="B104617" s="14" t="s">
        <v>1</v>
      </c>
      <c r="C104617" s="14" t="s">
        <v>109</v>
      </c>
      <c r="D104617" s="14" t="s">
        <v>510</v>
      </c>
      <c r="E104617" s="15">
        <v>45603</v>
      </c>
      <c r="F104617" s="14" t="s">
        <v>61</v>
      </c>
      <c r="G104617" s="16">
        <v>0</v>
      </c>
    </row>
    <row r="104618" spans="1:7" x14ac:dyDescent="0.3">
      <c r="A104618" s="13" t="s">
        <v>509</v>
      </c>
      <c r="B104618" s="14" t="s">
        <v>1</v>
      </c>
      <c r="C104618" s="14" t="s">
        <v>109</v>
      </c>
      <c r="D104618" s="14" t="s">
        <v>510</v>
      </c>
      <c r="E104618" s="15">
        <v>45604</v>
      </c>
      <c r="F104618" s="14" t="s">
        <v>61</v>
      </c>
      <c r="G104618" s="16">
        <v>0</v>
      </c>
    </row>
    <row r="104619" spans="1:7" x14ac:dyDescent="0.3">
      <c r="A104619" s="13" t="s">
        <v>509</v>
      </c>
      <c r="B104619" s="14" t="s">
        <v>1</v>
      </c>
      <c r="C104619" s="14" t="s">
        <v>109</v>
      </c>
      <c r="D104619" s="14" t="s">
        <v>510</v>
      </c>
      <c r="E104619" s="15">
        <v>45605</v>
      </c>
      <c r="F104619" s="14" t="s">
        <v>61</v>
      </c>
      <c r="G104619" s="16">
        <v>0</v>
      </c>
    </row>
    <row r="104620" spans="1:7" x14ac:dyDescent="0.3">
      <c r="A104620" s="13" t="s">
        <v>509</v>
      </c>
      <c r="B104620" s="14" t="s">
        <v>1</v>
      </c>
      <c r="C104620" s="14" t="s">
        <v>109</v>
      </c>
      <c r="D104620" s="14" t="s">
        <v>510</v>
      </c>
      <c r="E104620" s="15">
        <v>45606</v>
      </c>
      <c r="F104620" s="14" t="s">
        <v>61</v>
      </c>
      <c r="G104620" s="16">
        <v>0</v>
      </c>
    </row>
    <row r="104621" spans="1:7" x14ac:dyDescent="0.3">
      <c r="A104621" s="13" t="s">
        <v>509</v>
      </c>
      <c r="B104621" s="14" t="s">
        <v>1</v>
      </c>
      <c r="C104621" s="14" t="s">
        <v>109</v>
      </c>
      <c r="D104621" s="14" t="s">
        <v>510</v>
      </c>
      <c r="E104621" s="15">
        <v>45607</v>
      </c>
      <c r="F104621" s="14" t="s">
        <v>61</v>
      </c>
      <c r="G104621" s="16">
        <v>0</v>
      </c>
    </row>
    <row r="104622" spans="1:7" x14ac:dyDescent="0.3">
      <c r="A104622" s="13" t="s">
        <v>509</v>
      </c>
      <c r="B104622" s="14" t="s">
        <v>1</v>
      </c>
      <c r="C104622" s="14" t="s">
        <v>109</v>
      </c>
      <c r="D104622" s="14" t="s">
        <v>510</v>
      </c>
      <c r="E104622" s="15">
        <v>45608</v>
      </c>
      <c r="F104622" s="14" t="s">
        <v>61</v>
      </c>
      <c r="G104622" s="16">
        <v>0</v>
      </c>
    </row>
    <row r="104623" spans="1:7" x14ac:dyDescent="0.3">
      <c r="A104623" s="13" t="s">
        <v>509</v>
      </c>
      <c r="B104623" s="14" t="s">
        <v>1</v>
      </c>
      <c r="C104623" s="14" t="s">
        <v>109</v>
      </c>
      <c r="D104623" s="14" t="s">
        <v>510</v>
      </c>
      <c r="E104623" s="15">
        <v>45609</v>
      </c>
      <c r="F104623" s="14" t="s">
        <v>61</v>
      </c>
      <c r="G104623" s="16">
        <v>0</v>
      </c>
    </row>
    <row r="104624" spans="1:7" x14ac:dyDescent="0.3">
      <c r="A104624" s="13" t="s">
        <v>509</v>
      </c>
      <c r="B104624" s="14" t="s">
        <v>1</v>
      </c>
      <c r="C104624" s="14" t="s">
        <v>109</v>
      </c>
      <c r="D104624" s="14" t="s">
        <v>510</v>
      </c>
      <c r="E104624" s="15">
        <v>45610</v>
      </c>
      <c r="F104624" s="14" t="s">
        <v>61</v>
      </c>
      <c r="G104624" s="16">
        <v>0</v>
      </c>
    </row>
    <row r="104625" spans="1:7" x14ac:dyDescent="0.3">
      <c r="A104625" s="13" t="s">
        <v>509</v>
      </c>
      <c r="B104625" s="14" t="s">
        <v>1</v>
      </c>
      <c r="C104625" s="14" t="s">
        <v>109</v>
      </c>
      <c r="D104625" s="14" t="s">
        <v>510</v>
      </c>
      <c r="E104625" s="15">
        <v>45611</v>
      </c>
      <c r="F104625" s="14" t="s">
        <v>61</v>
      </c>
      <c r="G104625" s="16">
        <v>0</v>
      </c>
    </row>
    <row r="104626" spans="1:7" x14ac:dyDescent="0.3">
      <c r="A104626" s="13" t="s">
        <v>509</v>
      </c>
      <c r="B104626" s="14" t="s">
        <v>1</v>
      </c>
      <c r="C104626" s="14" t="s">
        <v>109</v>
      </c>
      <c r="D104626" s="14" t="s">
        <v>510</v>
      </c>
      <c r="E104626" s="15">
        <v>45612</v>
      </c>
      <c r="F104626" s="14" t="s">
        <v>61</v>
      </c>
      <c r="G104626" s="16">
        <v>0</v>
      </c>
    </row>
    <row r="104627" spans="1:7" x14ac:dyDescent="0.3">
      <c r="A104627" s="13" t="s">
        <v>509</v>
      </c>
      <c r="B104627" s="14" t="s">
        <v>1</v>
      </c>
      <c r="C104627" s="14" t="s">
        <v>109</v>
      </c>
      <c r="D104627" s="14" t="s">
        <v>510</v>
      </c>
      <c r="E104627" s="15">
        <v>45613</v>
      </c>
      <c r="F104627" s="14" t="s">
        <v>61</v>
      </c>
      <c r="G104627" s="16">
        <v>0</v>
      </c>
    </row>
    <row r="104628" spans="1:7" x14ac:dyDescent="0.3">
      <c r="A104628" s="13" t="s">
        <v>509</v>
      </c>
      <c r="B104628" s="14" t="s">
        <v>1</v>
      </c>
      <c r="C104628" s="14" t="s">
        <v>109</v>
      </c>
      <c r="D104628" s="14" t="s">
        <v>510</v>
      </c>
      <c r="E104628" s="15">
        <v>45614</v>
      </c>
      <c r="F104628" s="14" t="s">
        <v>61</v>
      </c>
      <c r="G104628" s="16">
        <v>0</v>
      </c>
    </row>
    <row r="104629" spans="1:7" x14ac:dyDescent="0.3">
      <c r="A104629" s="13" t="s">
        <v>509</v>
      </c>
      <c r="B104629" s="14" t="s">
        <v>1</v>
      </c>
      <c r="C104629" s="14" t="s">
        <v>109</v>
      </c>
      <c r="D104629" s="14" t="s">
        <v>510</v>
      </c>
      <c r="E104629" s="15">
        <v>45615</v>
      </c>
      <c r="F104629" s="14" t="s">
        <v>61</v>
      </c>
      <c r="G104629" s="16">
        <v>0</v>
      </c>
    </row>
    <row r="104630" spans="1:7" x14ac:dyDescent="0.3">
      <c r="A104630" s="13" t="s">
        <v>509</v>
      </c>
      <c r="B104630" s="14" t="s">
        <v>1</v>
      </c>
      <c r="C104630" s="14" t="s">
        <v>109</v>
      </c>
      <c r="D104630" s="14" t="s">
        <v>510</v>
      </c>
      <c r="E104630" s="15">
        <v>45616</v>
      </c>
      <c r="F104630" s="14" t="s">
        <v>61</v>
      </c>
      <c r="G104630" s="16">
        <v>0</v>
      </c>
    </row>
    <row r="104631" spans="1:7" x14ac:dyDescent="0.3">
      <c r="A104631" s="13" t="s">
        <v>509</v>
      </c>
      <c r="B104631" s="14" t="s">
        <v>1</v>
      </c>
      <c r="C104631" s="14" t="s">
        <v>109</v>
      </c>
      <c r="D104631" s="14" t="s">
        <v>510</v>
      </c>
      <c r="E104631" s="15">
        <v>45617</v>
      </c>
      <c r="F104631" s="14" t="s">
        <v>61</v>
      </c>
      <c r="G104631" s="16">
        <v>0</v>
      </c>
    </row>
    <row r="104632" spans="1:7" x14ac:dyDescent="0.3">
      <c r="A104632" s="13" t="s">
        <v>509</v>
      </c>
      <c r="B104632" s="14" t="s">
        <v>1</v>
      </c>
      <c r="C104632" s="14" t="s">
        <v>109</v>
      </c>
      <c r="D104632" s="14" t="s">
        <v>510</v>
      </c>
      <c r="E104632" s="15">
        <v>45618</v>
      </c>
      <c r="F104632" s="14" t="s">
        <v>61</v>
      </c>
      <c r="G104632" s="16">
        <v>0</v>
      </c>
    </row>
    <row r="104633" spans="1:7" x14ac:dyDescent="0.3">
      <c r="A104633" s="13" t="s">
        <v>509</v>
      </c>
      <c r="B104633" s="14" t="s">
        <v>1</v>
      </c>
      <c r="C104633" s="14" t="s">
        <v>109</v>
      </c>
      <c r="D104633" s="14" t="s">
        <v>510</v>
      </c>
      <c r="E104633" s="15">
        <v>45619</v>
      </c>
      <c r="F104633" s="14" t="s">
        <v>61</v>
      </c>
      <c r="G104633" s="16">
        <v>0</v>
      </c>
    </row>
    <row r="104634" spans="1:7" x14ac:dyDescent="0.3">
      <c r="A104634" s="13" t="s">
        <v>509</v>
      </c>
      <c r="B104634" s="14" t="s">
        <v>1</v>
      </c>
      <c r="C104634" s="14" t="s">
        <v>109</v>
      </c>
      <c r="D104634" s="14" t="s">
        <v>510</v>
      </c>
      <c r="E104634" s="15">
        <v>45620</v>
      </c>
      <c r="F104634" s="14" t="s">
        <v>61</v>
      </c>
      <c r="G104634" s="16">
        <v>0</v>
      </c>
    </row>
    <row r="104635" spans="1:7" x14ac:dyDescent="0.3">
      <c r="A104635" s="13" t="s">
        <v>509</v>
      </c>
      <c r="B104635" s="14" t="s">
        <v>1</v>
      </c>
      <c r="C104635" s="14" t="s">
        <v>109</v>
      </c>
      <c r="D104635" s="14" t="s">
        <v>510</v>
      </c>
      <c r="E104635" s="15">
        <v>45621</v>
      </c>
      <c r="F104635" s="14" t="s">
        <v>61</v>
      </c>
      <c r="G104635" s="16">
        <v>0</v>
      </c>
    </row>
    <row r="104636" spans="1:7" x14ac:dyDescent="0.3">
      <c r="A104636" s="13" t="s">
        <v>509</v>
      </c>
      <c r="B104636" s="14" t="s">
        <v>1</v>
      </c>
      <c r="C104636" s="14" t="s">
        <v>109</v>
      </c>
      <c r="D104636" s="14" t="s">
        <v>510</v>
      </c>
      <c r="E104636" s="15">
        <v>45622</v>
      </c>
      <c r="F104636" s="14" t="s">
        <v>61</v>
      </c>
      <c r="G104636" s="16">
        <v>0</v>
      </c>
    </row>
    <row r="104637" spans="1:7" x14ac:dyDescent="0.3">
      <c r="A104637" s="13" t="s">
        <v>509</v>
      </c>
      <c r="B104637" s="14" t="s">
        <v>1</v>
      </c>
      <c r="C104637" s="14" t="s">
        <v>109</v>
      </c>
      <c r="D104637" s="14" t="s">
        <v>510</v>
      </c>
      <c r="E104637" s="15">
        <v>45623</v>
      </c>
      <c r="F104637" s="14" t="s">
        <v>61</v>
      </c>
      <c r="G104637" s="16">
        <v>0</v>
      </c>
    </row>
    <row r="104638" spans="1:7" x14ac:dyDescent="0.3">
      <c r="A104638" s="13" t="s">
        <v>509</v>
      </c>
      <c r="B104638" s="14" t="s">
        <v>1</v>
      </c>
      <c r="C104638" s="14" t="s">
        <v>109</v>
      </c>
      <c r="D104638" s="14" t="s">
        <v>510</v>
      </c>
      <c r="E104638" s="15">
        <v>45624</v>
      </c>
      <c r="F104638" s="14" t="s">
        <v>61</v>
      </c>
      <c r="G104638" s="16">
        <v>0</v>
      </c>
    </row>
    <row r="104639" spans="1:7" x14ac:dyDescent="0.3">
      <c r="A104639" s="13" t="s">
        <v>509</v>
      </c>
      <c r="B104639" s="14" t="s">
        <v>1</v>
      </c>
      <c r="C104639" s="14" t="s">
        <v>109</v>
      </c>
      <c r="D104639" s="14" t="s">
        <v>510</v>
      </c>
      <c r="E104639" s="15">
        <v>45625</v>
      </c>
      <c r="F104639" s="14" t="s">
        <v>61</v>
      </c>
      <c r="G104639" s="16">
        <v>0</v>
      </c>
    </row>
    <row r="104640" spans="1:7" x14ac:dyDescent="0.3">
      <c r="A104640" s="13" t="s">
        <v>509</v>
      </c>
      <c r="B104640" s="14" t="s">
        <v>1</v>
      </c>
      <c r="C104640" s="14" t="s">
        <v>109</v>
      </c>
      <c r="D104640" s="14" t="s">
        <v>510</v>
      </c>
      <c r="E104640" s="15">
        <v>45626</v>
      </c>
      <c r="F104640" s="14" t="s">
        <v>61</v>
      </c>
      <c r="G104640" s="16">
        <v>0</v>
      </c>
    </row>
    <row r="104641" spans="1:7" x14ac:dyDescent="0.3">
      <c r="A104641" s="13" t="s">
        <v>509</v>
      </c>
      <c r="B104641" s="14" t="s">
        <v>1</v>
      </c>
      <c r="C104641" s="14" t="s">
        <v>109</v>
      </c>
      <c r="D104641" s="14" t="s">
        <v>510</v>
      </c>
      <c r="E104641" s="15">
        <v>45627</v>
      </c>
      <c r="F104641" s="14" t="s">
        <v>61</v>
      </c>
      <c r="G104641" s="16">
        <v>0</v>
      </c>
    </row>
    <row r="104642" spans="1:7" x14ac:dyDescent="0.3">
      <c r="A104642" s="13" t="s">
        <v>509</v>
      </c>
      <c r="B104642" s="14" t="s">
        <v>1</v>
      </c>
      <c r="C104642" s="14" t="s">
        <v>109</v>
      </c>
      <c r="D104642" s="14" t="s">
        <v>510</v>
      </c>
      <c r="E104642" s="15">
        <v>45628</v>
      </c>
      <c r="F104642" s="14" t="s">
        <v>61</v>
      </c>
      <c r="G104642" s="16">
        <v>0</v>
      </c>
    </row>
    <row r="104643" spans="1:7" x14ac:dyDescent="0.3">
      <c r="A104643" s="13" t="s">
        <v>509</v>
      </c>
      <c r="B104643" s="14" t="s">
        <v>1</v>
      </c>
      <c r="C104643" s="14" t="s">
        <v>109</v>
      </c>
      <c r="D104643" s="14" t="s">
        <v>510</v>
      </c>
      <c r="E104643" s="15">
        <v>45629</v>
      </c>
      <c r="F104643" s="14" t="s">
        <v>61</v>
      </c>
      <c r="G104643" s="16">
        <v>0</v>
      </c>
    </row>
    <row r="104644" spans="1:7" x14ac:dyDescent="0.3">
      <c r="A104644" s="13" t="s">
        <v>509</v>
      </c>
      <c r="B104644" s="14" t="s">
        <v>1</v>
      </c>
      <c r="C104644" s="14" t="s">
        <v>109</v>
      </c>
      <c r="D104644" s="14" t="s">
        <v>510</v>
      </c>
      <c r="E104644" s="15">
        <v>45630</v>
      </c>
      <c r="F104644" s="14" t="s">
        <v>61</v>
      </c>
      <c r="G104644" s="16">
        <v>0</v>
      </c>
    </row>
    <row r="104645" spans="1:7" x14ac:dyDescent="0.3">
      <c r="A104645" s="13" t="s">
        <v>509</v>
      </c>
      <c r="B104645" s="14" t="s">
        <v>1</v>
      </c>
      <c r="C104645" s="14" t="s">
        <v>109</v>
      </c>
      <c r="D104645" s="14" t="s">
        <v>510</v>
      </c>
      <c r="E104645" s="15">
        <v>45631</v>
      </c>
      <c r="F104645" s="14" t="s">
        <v>61</v>
      </c>
      <c r="G104645" s="16">
        <v>0</v>
      </c>
    </row>
    <row r="104646" spans="1:7" x14ac:dyDescent="0.3">
      <c r="A104646" s="13" t="s">
        <v>509</v>
      </c>
      <c r="B104646" s="14" t="s">
        <v>1</v>
      </c>
      <c r="C104646" s="14" t="s">
        <v>109</v>
      </c>
      <c r="D104646" s="14" t="s">
        <v>510</v>
      </c>
      <c r="E104646" s="15">
        <v>45632</v>
      </c>
      <c r="F104646" s="14" t="s">
        <v>61</v>
      </c>
      <c r="G104646" s="16">
        <v>0</v>
      </c>
    </row>
    <row r="104647" spans="1:7" x14ac:dyDescent="0.3">
      <c r="A104647" s="13" t="s">
        <v>509</v>
      </c>
      <c r="B104647" s="14" t="s">
        <v>1</v>
      </c>
      <c r="C104647" s="14" t="s">
        <v>109</v>
      </c>
      <c r="D104647" s="14" t="s">
        <v>510</v>
      </c>
      <c r="E104647" s="15">
        <v>45633</v>
      </c>
      <c r="F104647" s="14" t="s">
        <v>61</v>
      </c>
      <c r="G104647" s="16">
        <v>0</v>
      </c>
    </row>
    <row r="104648" spans="1:7" x14ac:dyDescent="0.3">
      <c r="A104648" s="13" t="s">
        <v>509</v>
      </c>
      <c r="B104648" s="14" t="s">
        <v>1</v>
      </c>
      <c r="C104648" s="14" t="s">
        <v>109</v>
      </c>
      <c r="D104648" s="14" t="s">
        <v>510</v>
      </c>
      <c r="E104648" s="15">
        <v>45634</v>
      </c>
      <c r="F104648" s="14" t="s">
        <v>61</v>
      </c>
      <c r="G104648" s="16">
        <v>0</v>
      </c>
    </row>
    <row r="104649" spans="1:7" x14ac:dyDescent="0.3">
      <c r="A104649" s="13" t="s">
        <v>509</v>
      </c>
      <c r="B104649" s="14" t="s">
        <v>1</v>
      </c>
      <c r="C104649" s="14" t="s">
        <v>109</v>
      </c>
      <c r="D104649" s="14" t="s">
        <v>510</v>
      </c>
      <c r="E104649" s="15">
        <v>45635</v>
      </c>
      <c r="F104649" s="14" t="s">
        <v>61</v>
      </c>
      <c r="G104649" s="16">
        <v>0</v>
      </c>
    </row>
    <row r="104650" spans="1:7" x14ac:dyDescent="0.3">
      <c r="A104650" s="13" t="s">
        <v>509</v>
      </c>
      <c r="B104650" s="14" t="s">
        <v>1</v>
      </c>
      <c r="C104650" s="14" t="s">
        <v>109</v>
      </c>
      <c r="D104650" s="14" t="s">
        <v>510</v>
      </c>
      <c r="E104650" s="15">
        <v>45636</v>
      </c>
      <c r="F104650" s="14" t="s">
        <v>61</v>
      </c>
      <c r="G104650" s="16">
        <v>0</v>
      </c>
    </row>
    <row r="104651" spans="1:7" x14ac:dyDescent="0.3">
      <c r="A104651" s="13" t="s">
        <v>509</v>
      </c>
      <c r="B104651" s="14" t="s">
        <v>1</v>
      </c>
      <c r="C104651" s="14" t="s">
        <v>109</v>
      </c>
      <c r="D104651" s="14" t="s">
        <v>510</v>
      </c>
      <c r="E104651" s="15">
        <v>45637</v>
      </c>
      <c r="F104651" s="14" t="s">
        <v>61</v>
      </c>
      <c r="G104651" s="16">
        <v>0</v>
      </c>
    </row>
    <row r="104652" spans="1:7" x14ac:dyDescent="0.3">
      <c r="A104652" s="13" t="s">
        <v>509</v>
      </c>
      <c r="B104652" s="14" t="s">
        <v>1</v>
      </c>
      <c r="C104652" s="14" t="s">
        <v>109</v>
      </c>
      <c r="D104652" s="14" t="s">
        <v>510</v>
      </c>
      <c r="E104652" s="15">
        <v>45638</v>
      </c>
      <c r="F104652" s="14" t="s">
        <v>61</v>
      </c>
      <c r="G104652" s="16">
        <v>0</v>
      </c>
    </row>
    <row r="104653" spans="1:7" x14ac:dyDescent="0.3">
      <c r="A104653" s="13" t="s">
        <v>509</v>
      </c>
      <c r="B104653" s="14" t="s">
        <v>1</v>
      </c>
      <c r="C104653" s="14" t="s">
        <v>109</v>
      </c>
      <c r="D104653" s="14" t="s">
        <v>510</v>
      </c>
      <c r="E104653" s="15">
        <v>45639</v>
      </c>
      <c r="F104653" s="14" t="s">
        <v>61</v>
      </c>
      <c r="G104653" s="16">
        <v>0</v>
      </c>
    </row>
    <row r="104654" spans="1:7" x14ac:dyDescent="0.3">
      <c r="A104654" s="13" t="s">
        <v>509</v>
      </c>
      <c r="B104654" s="14" t="s">
        <v>1</v>
      </c>
      <c r="C104654" s="14" t="s">
        <v>109</v>
      </c>
      <c r="D104654" s="14" t="s">
        <v>510</v>
      </c>
      <c r="E104654" s="15">
        <v>45640</v>
      </c>
      <c r="F104654" s="14" t="s">
        <v>61</v>
      </c>
      <c r="G104654" s="16">
        <v>0</v>
      </c>
    </row>
    <row r="104655" spans="1:7" x14ac:dyDescent="0.3">
      <c r="A104655" s="13" t="s">
        <v>509</v>
      </c>
      <c r="B104655" s="14" t="s">
        <v>1</v>
      </c>
      <c r="C104655" s="14" t="s">
        <v>109</v>
      </c>
      <c r="D104655" s="14" t="s">
        <v>510</v>
      </c>
      <c r="E104655" s="15">
        <v>45641</v>
      </c>
      <c r="F104655" s="14" t="s">
        <v>61</v>
      </c>
      <c r="G104655" s="16">
        <v>0</v>
      </c>
    </row>
    <row r="104656" spans="1:7" x14ac:dyDescent="0.3">
      <c r="A104656" s="13" t="s">
        <v>509</v>
      </c>
      <c r="B104656" s="14" t="s">
        <v>1</v>
      </c>
      <c r="C104656" s="14" t="s">
        <v>109</v>
      </c>
      <c r="D104656" s="14" t="s">
        <v>510</v>
      </c>
      <c r="E104656" s="15">
        <v>45642</v>
      </c>
      <c r="F104656" s="14" t="s">
        <v>61</v>
      </c>
      <c r="G104656" s="16">
        <v>0</v>
      </c>
    </row>
    <row r="104657" spans="1:7" x14ac:dyDescent="0.3">
      <c r="A104657" s="13" t="s">
        <v>509</v>
      </c>
      <c r="B104657" s="14" t="s">
        <v>1</v>
      </c>
      <c r="C104657" s="14" t="s">
        <v>109</v>
      </c>
      <c r="D104657" s="14" t="s">
        <v>510</v>
      </c>
      <c r="E104657" s="15">
        <v>45643</v>
      </c>
      <c r="F104657" s="14" t="s">
        <v>61</v>
      </c>
      <c r="G104657" s="16">
        <v>0</v>
      </c>
    </row>
    <row r="104658" spans="1:7" x14ac:dyDescent="0.3">
      <c r="A104658" s="13" t="s">
        <v>509</v>
      </c>
      <c r="B104658" s="14" t="s">
        <v>1</v>
      </c>
      <c r="C104658" s="14" t="s">
        <v>109</v>
      </c>
      <c r="D104658" s="14" t="s">
        <v>510</v>
      </c>
      <c r="E104658" s="15">
        <v>45644</v>
      </c>
      <c r="F104658" s="14" t="s">
        <v>61</v>
      </c>
      <c r="G104658" s="16">
        <v>0</v>
      </c>
    </row>
    <row r="104659" spans="1:7" x14ac:dyDescent="0.3">
      <c r="A104659" s="13" t="s">
        <v>509</v>
      </c>
      <c r="B104659" s="14" t="s">
        <v>1</v>
      </c>
      <c r="C104659" s="14" t="s">
        <v>109</v>
      </c>
      <c r="D104659" s="14" t="s">
        <v>510</v>
      </c>
      <c r="E104659" s="15">
        <v>45645</v>
      </c>
      <c r="F104659" s="14" t="s">
        <v>61</v>
      </c>
      <c r="G104659" s="16">
        <v>0</v>
      </c>
    </row>
    <row r="104660" spans="1:7" x14ac:dyDescent="0.3">
      <c r="A104660" s="13" t="s">
        <v>509</v>
      </c>
      <c r="B104660" s="14" t="s">
        <v>1</v>
      </c>
      <c r="C104660" s="14" t="s">
        <v>109</v>
      </c>
      <c r="D104660" s="14" t="s">
        <v>510</v>
      </c>
      <c r="E104660" s="15">
        <v>45646</v>
      </c>
      <c r="F104660" s="14" t="s">
        <v>61</v>
      </c>
      <c r="G104660" s="16">
        <v>0</v>
      </c>
    </row>
    <row r="104661" spans="1:7" x14ac:dyDescent="0.3">
      <c r="A104661" s="13" t="s">
        <v>509</v>
      </c>
      <c r="B104661" s="14" t="s">
        <v>1</v>
      </c>
      <c r="C104661" s="14" t="s">
        <v>109</v>
      </c>
      <c r="D104661" s="14" t="s">
        <v>510</v>
      </c>
      <c r="E104661" s="15">
        <v>45647</v>
      </c>
      <c r="F104661" s="14" t="s">
        <v>61</v>
      </c>
      <c r="G104661" s="16">
        <v>0</v>
      </c>
    </row>
    <row r="104662" spans="1:7" x14ac:dyDescent="0.3">
      <c r="A104662" s="13" t="s">
        <v>509</v>
      </c>
      <c r="B104662" s="14" t="s">
        <v>1</v>
      </c>
      <c r="C104662" s="14" t="s">
        <v>109</v>
      </c>
      <c r="D104662" s="14" t="s">
        <v>510</v>
      </c>
      <c r="E104662" s="15">
        <v>45648</v>
      </c>
      <c r="F104662" s="14" t="s">
        <v>61</v>
      </c>
      <c r="G104662" s="16">
        <v>0</v>
      </c>
    </row>
    <row r="104663" spans="1:7" x14ac:dyDescent="0.3">
      <c r="A104663" s="13" t="s">
        <v>509</v>
      </c>
      <c r="B104663" s="14" t="s">
        <v>1</v>
      </c>
      <c r="C104663" s="14" t="s">
        <v>109</v>
      </c>
      <c r="D104663" s="14" t="s">
        <v>510</v>
      </c>
      <c r="E104663" s="15">
        <v>45649</v>
      </c>
      <c r="F104663" s="14" t="s">
        <v>61</v>
      </c>
      <c r="G104663" s="16">
        <v>0</v>
      </c>
    </row>
    <row r="104664" spans="1:7" x14ac:dyDescent="0.3">
      <c r="A104664" s="13" t="s">
        <v>509</v>
      </c>
      <c r="B104664" s="14" t="s">
        <v>1</v>
      </c>
      <c r="C104664" s="14" t="s">
        <v>109</v>
      </c>
      <c r="D104664" s="14" t="s">
        <v>510</v>
      </c>
      <c r="E104664" s="15">
        <v>45650</v>
      </c>
      <c r="F104664" s="14" t="s">
        <v>61</v>
      </c>
      <c r="G104664" s="16">
        <v>0</v>
      </c>
    </row>
    <row r="104665" spans="1:7" x14ac:dyDescent="0.3">
      <c r="A104665" s="13" t="s">
        <v>509</v>
      </c>
      <c r="B104665" s="14" t="s">
        <v>1</v>
      </c>
      <c r="C104665" s="14" t="s">
        <v>109</v>
      </c>
      <c r="D104665" s="14" t="s">
        <v>510</v>
      </c>
      <c r="E104665" s="15">
        <v>45651</v>
      </c>
      <c r="F104665" s="14" t="s">
        <v>61</v>
      </c>
      <c r="G104665" s="16">
        <v>0</v>
      </c>
    </row>
    <row r="104666" spans="1:7" x14ac:dyDescent="0.3">
      <c r="A104666" s="13" t="s">
        <v>509</v>
      </c>
      <c r="B104666" s="14" t="s">
        <v>1</v>
      </c>
      <c r="C104666" s="14" t="s">
        <v>109</v>
      </c>
      <c r="D104666" s="14" t="s">
        <v>510</v>
      </c>
      <c r="E104666" s="15">
        <v>45652</v>
      </c>
      <c r="F104666" s="14" t="s">
        <v>61</v>
      </c>
      <c r="G104666" s="16">
        <v>0</v>
      </c>
    </row>
    <row r="104667" spans="1:7" x14ac:dyDescent="0.3">
      <c r="A104667" s="13" t="s">
        <v>509</v>
      </c>
      <c r="B104667" s="14" t="s">
        <v>1</v>
      </c>
      <c r="C104667" s="14" t="s">
        <v>109</v>
      </c>
      <c r="D104667" s="14" t="s">
        <v>510</v>
      </c>
      <c r="E104667" s="15">
        <v>45653</v>
      </c>
      <c r="F104667" s="14" t="s">
        <v>61</v>
      </c>
      <c r="G104667" s="16">
        <v>0</v>
      </c>
    </row>
    <row r="104668" spans="1:7" x14ac:dyDescent="0.3">
      <c r="A104668" s="13" t="s">
        <v>509</v>
      </c>
      <c r="B104668" s="14" t="s">
        <v>1</v>
      </c>
      <c r="C104668" s="14" t="s">
        <v>109</v>
      </c>
      <c r="D104668" s="14" t="s">
        <v>510</v>
      </c>
      <c r="E104668" s="15">
        <v>45654</v>
      </c>
      <c r="F104668" s="14" t="s">
        <v>61</v>
      </c>
      <c r="G104668" s="16">
        <v>0</v>
      </c>
    </row>
    <row r="104669" spans="1:7" x14ac:dyDescent="0.3">
      <c r="A104669" s="13" t="s">
        <v>509</v>
      </c>
      <c r="B104669" s="14" t="s">
        <v>1</v>
      </c>
      <c r="C104669" s="14" t="s">
        <v>109</v>
      </c>
      <c r="D104669" s="14" t="s">
        <v>510</v>
      </c>
      <c r="E104669" s="15">
        <v>45655</v>
      </c>
      <c r="F104669" s="14" t="s">
        <v>61</v>
      </c>
      <c r="G104669" s="16">
        <v>0</v>
      </c>
    </row>
    <row r="104670" spans="1:7" x14ac:dyDescent="0.3">
      <c r="A104670" s="13" t="s">
        <v>509</v>
      </c>
      <c r="B104670" s="14" t="s">
        <v>1</v>
      </c>
      <c r="C104670" s="14" t="s">
        <v>109</v>
      </c>
      <c r="D104670" s="14" t="s">
        <v>510</v>
      </c>
      <c r="E104670" s="15">
        <v>45656</v>
      </c>
      <c r="F104670" s="14" t="s">
        <v>61</v>
      </c>
      <c r="G104670" s="16">
        <v>0</v>
      </c>
    </row>
    <row r="104671" spans="1:7" x14ac:dyDescent="0.3">
      <c r="A104671" s="13" t="s">
        <v>509</v>
      </c>
      <c r="B104671" s="14" t="s">
        <v>1</v>
      </c>
      <c r="C104671" s="14" t="s">
        <v>109</v>
      </c>
      <c r="D104671" s="14" t="s">
        <v>510</v>
      </c>
      <c r="E104671" s="15">
        <v>45657</v>
      </c>
      <c r="F104671" s="14" t="s">
        <v>61</v>
      </c>
      <c r="G104671" s="16">
        <v>0</v>
      </c>
    </row>
    <row r="104672" spans="1:7" x14ac:dyDescent="0.3">
      <c r="A104672" s="13" t="s">
        <v>509</v>
      </c>
      <c r="B104672" s="14" t="s">
        <v>1</v>
      </c>
      <c r="C104672" s="14" t="s">
        <v>109</v>
      </c>
      <c r="D104672" s="14" t="s">
        <v>510</v>
      </c>
      <c r="E104672" s="15">
        <v>45658</v>
      </c>
      <c r="F104672" s="14" t="s">
        <v>61</v>
      </c>
      <c r="G104672" s="16">
        <v>0</v>
      </c>
    </row>
    <row r="104673" spans="1:7" x14ac:dyDescent="0.3">
      <c r="A104673" s="13" t="s">
        <v>509</v>
      </c>
      <c r="B104673" s="14" t="s">
        <v>1</v>
      </c>
      <c r="C104673" s="14" t="s">
        <v>109</v>
      </c>
      <c r="D104673" s="14" t="s">
        <v>510</v>
      </c>
      <c r="E104673" s="15">
        <v>45659</v>
      </c>
      <c r="F104673" s="14" t="s">
        <v>61</v>
      </c>
      <c r="G104673" s="16">
        <v>0</v>
      </c>
    </row>
    <row r="104674" spans="1:7" x14ac:dyDescent="0.3">
      <c r="A104674" s="13" t="s">
        <v>509</v>
      </c>
      <c r="B104674" s="14" t="s">
        <v>1</v>
      </c>
      <c r="C104674" s="14" t="s">
        <v>109</v>
      </c>
      <c r="D104674" s="14" t="s">
        <v>510</v>
      </c>
      <c r="E104674" s="15">
        <v>45660</v>
      </c>
      <c r="F104674" s="14" t="s">
        <v>61</v>
      </c>
      <c r="G104674" s="16">
        <v>0</v>
      </c>
    </row>
    <row r="104675" spans="1:7" x14ac:dyDescent="0.3">
      <c r="A104675" s="13" t="s">
        <v>509</v>
      </c>
      <c r="B104675" s="14" t="s">
        <v>1</v>
      </c>
      <c r="C104675" s="14" t="s">
        <v>109</v>
      </c>
      <c r="D104675" s="14" t="s">
        <v>510</v>
      </c>
      <c r="E104675" s="15">
        <v>45661</v>
      </c>
      <c r="F104675" s="14" t="s">
        <v>61</v>
      </c>
      <c r="G104675" s="16">
        <v>0</v>
      </c>
    </row>
    <row r="104676" spans="1:7" x14ac:dyDescent="0.3">
      <c r="A104676" s="13" t="s">
        <v>509</v>
      </c>
      <c r="B104676" s="14" t="s">
        <v>1</v>
      </c>
      <c r="C104676" s="14" t="s">
        <v>109</v>
      </c>
      <c r="D104676" s="14" t="s">
        <v>510</v>
      </c>
      <c r="E104676" s="15">
        <v>45662</v>
      </c>
      <c r="F104676" s="14" t="s">
        <v>61</v>
      </c>
      <c r="G104676" s="16">
        <v>0</v>
      </c>
    </row>
    <row r="104677" spans="1:7" x14ac:dyDescent="0.3">
      <c r="A104677" s="13" t="s">
        <v>509</v>
      </c>
      <c r="B104677" s="14" t="s">
        <v>1</v>
      </c>
      <c r="C104677" s="14" t="s">
        <v>109</v>
      </c>
      <c r="D104677" s="14" t="s">
        <v>510</v>
      </c>
      <c r="E104677" s="15">
        <v>45663</v>
      </c>
      <c r="F104677" s="14" t="s">
        <v>61</v>
      </c>
      <c r="G104677" s="16">
        <v>0</v>
      </c>
    </row>
    <row r="104678" spans="1:7" x14ac:dyDescent="0.3">
      <c r="A104678" s="13" t="s">
        <v>509</v>
      </c>
      <c r="B104678" s="14" t="s">
        <v>1</v>
      </c>
      <c r="C104678" s="14" t="s">
        <v>109</v>
      </c>
      <c r="D104678" s="14" t="s">
        <v>510</v>
      </c>
      <c r="E104678" s="15">
        <v>45664</v>
      </c>
      <c r="F104678" s="14" t="s">
        <v>61</v>
      </c>
      <c r="G104678" s="16">
        <v>0</v>
      </c>
    </row>
    <row r="104679" spans="1:7" x14ac:dyDescent="0.3">
      <c r="A104679" s="13" t="s">
        <v>509</v>
      </c>
      <c r="B104679" s="14" t="s">
        <v>1</v>
      </c>
      <c r="C104679" s="14" t="s">
        <v>109</v>
      </c>
      <c r="D104679" s="14" t="s">
        <v>510</v>
      </c>
      <c r="E104679" s="15">
        <v>45665</v>
      </c>
      <c r="F104679" s="14" t="s">
        <v>61</v>
      </c>
      <c r="G104679" s="16">
        <v>0</v>
      </c>
    </row>
    <row r="104680" spans="1:7" x14ac:dyDescent="0.3">
      <c r="A104680" s="13" t="s">
        <v>509</v>
      </c>
      <c r="B104680" s="14" t="s">
        <v>1</v>
      </c>
      <c r="C104680" s="14" t="s">
        <v>109</v>
      </c>
      <c r="D104680" s="14" t="s">
        <v>510</v>
      </c>
      <c r="E104680" s="15">
        <v>45666</v>
      </c>
      <c r="F104680" s="14" t="s">
        <v>61</v>
      </c>
      <c r="G104680" s="16">
        <v>0</v>
      </c>
    </row>
    <row r="104681" spans="1:7" x14ac:dyDescent="0.3">
      <c r="A104681" s="13" t="s">
        <v>509</v>
      </c>
      <c r="B104681" s="14" t="s">
        <v>1</v>
      </c>
      <c r="C104681" s="14" t="s">
        <v>109</v>
      </c>
      <c r="D104681" s="14" t="s">
        <v>510</v>
      </c>
      <c r="E104681" s="15">
        <v>45667</v>
      </c>
      <c r="F104681" s="14" t="s">
        <v>61</v>
      </c>
      <c r="G104681" s="16">
        <v>0</v>
      </c>
    </row>
    <row r="104682" spans="1:7" x14ac:dyDescent="0.3">
      <c r="A104682" s="13" t="s">
        <v>509</v>
      </c>
      <c r="B104682" s="14" t="s">
        <v>1</v>
      </c>
      <c r="C104682" s="14" t="s">
        <v>109</v>
      </c>
      <c r="D104682" s="14" t="s">
        <v>510</v>
      </c>
      <c r="E104682" s="15">
        <v>45668</v>
      </c>
      <c r="F104682" s="14" t="s">
        <v>61</v>
      </c>
      <c r="G104682" s="16">
        <v>0</v>
      </c>
    </row>
    <row r="104683" spans="1:7" x14ac:dyDescent="0.3">
      <c r="A104683" s="13" t="s">
        <v>509</v>
      </c>
      <c r="B104683" s="14" t="s">
        <v>1</v>
      </c>
      <c r="C104683" s="14" t="s">
        <v>109</v>
      </c>
      <c r="D104683" s="14" t="s">
        <v>510</v>
      </c>
      <c r="E104683" s="15">
        <v>45669</v>
      </c>
      <c r="F104683" s="14" t="s">
        <v>61</v>
      </c>
      <c r="G104683" s="16">
        <v>0</v>
      </c>
    </row>
    <row r="104684" spans="1:7" x14ac:dyDescent="0.3">
      <c r="A104684" s="13" t="s">
        <v>509</v>
      </c>
      <c r="B104684" s="14" t="s">
        <v>1</v>
      </c>
      <c r="C104684" s="14" t="s">
        <v>109</v>
      </c>
      <c r="D104684" s="14" t="s">
        <v>510</v>
      </c>
      <c r="E104684" s="15">
        <v>45670</v>
      </c>
      <c r="F104684" s="14" t="s">
        <v>61</v>
      </c>
      <c r="G104684" s="16">
        <v>0</v>
      </c>
    </row>
    <row r="104685" spans="1:7" x14ac:dyDescent="0.3">
      <c r="A104685" s="13" t="s">
        <v>509</v>
      </c>
      <c r="B104685" s="14" t="s">
        <v>1</v>
      </c>
      <c r="C104685" s="14" t="s">
        <v>109</v>
      </c>
      <c r="D104685" s="14" t="s">
        <v>510</v>
      </c>
      <c r="E104685" s="15">
        <v>45671</v>
      </c>
      <c r="F104685" s="14" t="s">
        <v>61</v>
      </c>
      <c r="G104685" s="16">
        <v>0</v>
      </c>
    </row>
    <row r="104686" spans="1:7" x14ac:dyDescent="0.3">
      <c r="A104686" s="13" t="s">
        <v>509</v>
      </c>
      <c r="B104686" s="14" t="s">
        <v>1</v>
      </c>
      <c r="C104686" s="14" t="s">
        <v>109</v>
      </c>
      <c r="D104686" s="14" t="s">
        <v>510</v>
      </c>
      <c r="E104686" s="15">
        <v>45672</v>
      </c>
      <c r="F104686" s="14" t="s">
        <v>61</v>
      </c>
      <c r="G104686" s="16">
        <v>0</v>
      </c>
    </row>
    <row r="104687" spans="1:7" x14ac:dyDescent="0.3">
      <c r="A104687" s="13" t="s">
        <v>509</v>
      </c>
      <c r="B104687" s="14" t="s">
        <v>1</v>
      </c>
      <c r="C104687" s="14" t="s">
        <v>109</v>
      </c>
      <c r="D104687" s="14" t="s">
        <v>510</v>
      </c>
      <c r="E104687" s="15">
        <v>45673</v>
      </c>
      <c r="F104687" s="14" t="s">
        <v>61</v>
      </c>
      <c r="G104687" s="16">
        <v>0</v>
      </c>
    </row>
    <row r="104688" spans="1:7" x14ac:dyDescent="0.3">
      <c r="A104688" s="13" t="s">
        <v>509</v>
      </c>
      <c r="B104688" s="14" t="s">
        <v>1</v>
      </c>
      <c r="C104688" s="14" t="s">
        <v>109</v>
      </c>
      <c r="D104688" s="14" t="s">
        <v>510</v>
      </c>
      <c r="E104688" s="15">
        <v>45674</v>
      </c>
      <c r="F104688" s="14" t="s">
        <v>61</v>
      </c>
      <c r="G104688" s="16">
        <v>0</v>
      </c>
    </row>
    <row r="104689" spans="1:7" x14ac:dyDescent="0.3">
      <c r="A104689" s="13" t="s">
        <v>509</v>
      </c>
      <c r="B104689" s="14" t="s">
        <v>1</v>
      </c>
      <c r="C104689" s="14" t="s">
        <v>109</v>
      </c>
      <c r="D104689" s="14" t="s">
        <v>510</v>
      </c>
      <c r="E104689" s="15">
        <v>45675</v>
      </c>
      <c r="F104689" s="14" t="s">
        <v>61</v>
      </c>
      <c r="G104689" s="16">
        <v>0</v>
      </c>
    </row>
    <row r="104690" spans="1:7" x14ac:dyDescent="0.3">
      <c r="A104690" s="13" t="s">
        <v>509</v>
      </c>
      <c r="B104690" s="14" t="s">
        <v>1</v>
      </c>
      <c r="C104690" s="14" t="s">
        <v>109</v>
      </c>
      <c r="D104690" s="14" t="s">
        <v>510</v>
      </c>
      <c r="E104690" s="15">
        <v>45676</v>
      </c>
      <c r="F104690" s="14" t="s">
        <v>61</v>
      </c>
      <c r="G104690" s="16">
        <v>0</v>
      </c>
    </row>
    <row r="104691" spans="1:7" x14ac:dyDescent="0.3">
      <c r="A104691" s="13" t="s">
        <v>509</v>
      </c>
      <c r="B104691" s="14" t="s">
        <v>1</v>
      </c>
      <c r="C104691" s="14" t="s">
        <v>109</v>
      </c>
      <c r="D104691" s="14" t="s">
        <v>510</v>
      </c>
      <c r="E104691" s="15">
        <v>45677</v>
      </c>
      <c r="F104691" s="14" t="s">
        <v>61</v>
      </c>
      <c r="G104691" s="16">
        <v>0</v>
      </c>
    </row>
    <row r="104692" spans="1:7" x14ac:dyDescent="0.3">
      <c r="A104692" s="13" t="s">
        <v>509</v>
      </c>
      <c r="B104692" s="14" t="s">
        <v>1</v>
      </c>
      <c r="C104692" s="14" t="s">
        <v>109</v>
      </c>
      <c r="D104692" s="14" t="s">
        <v>510</v>
      </c>
      <c r="E104692" s="15">
        <v>45678</v>
      </c>
      <c r="F104692" s="14" t="s">
        <v>61</v>
      </c>
      <c r="G104692" s="16">
        <v>0</v>
      </c>
    </row>
    <row r="104693" spans="1:7" x14ac:dyDescent="0.3">
      <c r="A104693" s="13" t="s">
        <v>509</v>
      </c>
      <c r="B104693" s="14" t="s">
        <v>1</v>
      </c>
      <c r="C104693" s="14" t="s">
        <v>109</v>
      </c>
      <c r="D104693" s="14" t="s">
        <v>510</v>
      </c>
      <c r="E104693" s="15">
        <v>45679</v>
      </c>
      <c r="F104693" s="14" t="s">
        <v>61</v>
      </c>
      <c r="G104693" s="16">
        <v>0</v>
      </c>
    </row>
    <row r="104694" spans="1:7" x14ac:dyDescent="0.3">
      <c r="A104694" s="13" t="s">
        <v>509</v>
      </c>
      <c r="B104694" s="14" t="s">
        <v>1</v>
      </c>
      <c r="C104694" s="14" t="s">
        <v>109</v>
      </c>
      <c r="D104694" s="14" t="s">
        <v>510</v>
      </c>
      <c r="E104694" s="15">
        <v>45680</v>
      </c>
      <c r="F104694" s="14" t="s">
        <v>61</v>
      </c>
      <c r="G104694" s="16">
        <v>0</v>
      </c>
    </row>
    <row r="104695" spans="1:7" x14ac:dyDescent="0.3">
      <c r="A104695" s="13" t="s">
        <v>509</v>
      </c>
      <c r="B104695" s="14" t="s">
        <v>1</v>
      </c>
      <c r="C104695" s="14" t="s">
        <v>109</v>
      </c>
      <c r="D104695" s="14" t="s">
        <v>510</v>
      </c>
      <c r="E104695" s="15">
        <v>45681</v>
      </c>
      <c r="F104695" s="14" t="s">
        <v>61</v>
      </c>
      <c r="G104695" s="16">
        <v>0</v>
      </c>
    </row>
    <row r="104696" spans="1:7" x14ac:dyDescent="0.3">
      <c r="A104696" s="13" t="s">
        <v>509</v>
      </c>
      <c r="B104696" s="14" t="s">
        <v>1</v>
      </c>
      <c r="C104696" s="14" t="s">
        <v>109</v>
      </c>
      <c r="D104696" s="14" t="s">
        <v>510</v>
      </c>
      <c r="E104696" s="15">
        <v>45682</v>
      </c>
      <c r="F104696" s="14" t="s">
        <v>61</v>
      </c>
      <c r="G104696" s="16">
        <v>0</v>
      </c>
    </row>
    <row r="104697" spans="1:7" x14ac:dyDescent="0.3">
      <c r="A104697" s="13" t="s">
        <v>509</v>
      </c>
      <c r="B104697" s="14" t="s">
        <v>1</v>
      </c>
      <c r="C104697" s="14" t="s">
        <v>109</v>
      </c>
      <c r="D104697" s="14" t="s">
        <v>510</v>
      </c>
      <c r="E104697" s="15">
        <v>45683</v>
      </c>
      <c r="F104697" s="14" t="s">
        <v>61</v>
      </c>
      <c r="G104697" s="16">
        <v>0</v>
      </c>
    </row>
    <row r="104698" spans="1:7" x14ac:dyDescent="0.3">
      <c r="A104698" s="13" t="s">
        <v>509</v>
      </c>
      <c r="B104698" s="14" t="s">
        <v>1</v>
      </c>
      <c r="C104698" s="14" t="s">
        <v>109</v>
      </c>
      <c r="D104698" s="14" t="s">
        <v>510</v>
      </c>
      <c r="E104698" s="15">
        <v>45684</v>
      </c>
      <c r="F104698" s="14" t="s">
        <v>61</v>
      </c>
      <c r="G104698" s="16">
        <v>0</v>
      </c>
    </row>
    <row r="104699" spans="1:7" x14ac:dyDescent="0.3">
      <c r="A104699" s="13" t="s">
        <v>509</v>
      </c>
      <c r="B104699" s="14" t="s">
        <v>1</v>
      </c>
      <c r="C104699" s="14" t="s">
        <v>109</v>
      </c>
      <c r="D104699" s="14" t="s">
        <v>510</v>
      </c>
      <c r="E104699" s="15">
        <v>45685</v>
      </c>
      <c r="F104699" s="14" t="s">
        <v>61</v>
      </c>
      <c r="G104699" s="16">
        <v>0</v>
      </c>
    </row>
    <row r="104700" spans="1:7" x14ac:dyDescent="0.3">
      <c r="A104700" s="13" t="s">
        <v>509</v>
      </c>
      <c r="B104700" s="14" t="s">
        <v>1</v>
      </c>
      <c r="C104700" s="14" t="s">
        <v>109</v>
      </c>
      <c r="D104700" s="14" t="s">
        <v>510</v>
      </c>
      <c r="E104700" s="15">
        <v>45686</v>
      </c>
      <c r="F104700" s="14" t="s">
        <v>61</v>
      </c>
      <c r="G104700" s="16">
        <v>0</v>
      </c>
    </row>
    <row r="104701" spans="1:7" x14ac:dyDescent="0.3">
      <c r="A104701" s="13" t="s">
        <v>509</v>
      </c>
      <c r="B104701" s="14" t="s">
        <v>1</v>
      </c>
      <c r="C104701" s="14" t="s">
        <v>109</v>
      </c>
      <c r="D104701" s="14" t="s">
        <v>510</v>
      </c>
      <c r="E104701" s="15">
        <v>45687</v>
      </c>
      <c r="F104701" s="14" t="s">
        <v>61</v>
      </c>
      <c r="G104701" s="16">
        <v>0</v>
      </c>
    </row>
    <row r="104702" spans="1:7" x14ac:dyDescent="0.3">
      <c r="A104702" s="13" t="s">
        <v>509</v>
      </c>
      <c r="B104702" s="14" t="s">
        <v>1</v>
      </c>
      <c r="C104702" s="14" t="s">
        <v>109</v>
      </c>
      <c r="D104702" s="14" t="s">
        <v>510</v>
      </c>
      <c r="E104702" s="15">
        <v>45688</v>
      </c>
      <c r="F104702" s="14" t="s">
        <v>61</v>
      </c>
      <c r="G104702" s="16">
        <v>0</v>
      </c>
    </row>
    <row r="104703" spans="1:7" x14ac:dyDescent="0.3">
      <c r="A104703" s="13" t="s">
        <v>509</v>
      </c>
      <c r="B104703" s="14" t="s">
        <v>1</v>
      </c>
      <c r="C104703" s="14" t="s">
        <v>109</v>
      </c>
      <c r="D104703" s="14" t="s">
        <v>510</v>
      </c>
      <c r="E104703" s="15">
        <v>45689</v>
      </c>
      <c r="F104703" s="14" t="s">
        <v>61</v>
      </c>
      <c r="G104703" s="16">
        <v>0</v>
      </c>
    </row>
    <row r="104704" spans="1:7" x14ac:dyDescent="0.3">
      <c r="A104704" s="13" t="s">
        <v>509</v>
      </c>
      <c r="B104704" s="14" t="s">
        <v>1</v>
      </c>
      <c r="C104704" s="14" t="s">
        <v>109</v>
      </c>
      <c r="D104704" s="14" t="s">
        <v>510</v>
      </c>
      <c r="E104704" s="15">
        <v>45690</v>
      </c>
      <c r="F104704" s="14" t="s">
        <v>61</v>
      </c>
      <c r="G104704" s="16">
        <v>0</v>
      </c>
    </row>
    <row r="104705" spans="1:7" x14ac:dyDescent="0.3">
      <c r="A104705" s="13" t="s">
        <v>509</v>
      </c>
      <c r="B104705" s="14" t="s">
        <v>1</v>
      </c>
      <c r="C104705" s="14" t="s">
        <v>109</v>
      </c>
      <c r="D104705" s="14" t="s">
        <v>510</v>
      </c>
      <c r="E104705" s="15">
        <v>45691</v>
      </c>
      <c r="F104705" s="14" t="s">
        <v>61</v>
      </c>
      <c r="G104705" s="16">
        <v>0</v>
      </c>
    </row>
    <row r="104706" spans="1:7" x14ac:dyDescent="0.3">
      <c r="A104706" s="13" t="s">
        <v>509</v>
      </c>
      <c r="B104706" s="14" t="s">
        <v>1</v>
      </c>
      <c r="C104706" s="14" t="s">
        <v>109</v>
      </c>
      <c r="D104706" s="14" t="s">
        <v>510</v>
      </c>
      <c r="E104706" s="15">
        <v>45692</v>
      </c>
      <c r="F104706" s="14" t="s">
        <v>61</v>
      </c>
      <c r="G104706" s="16">
        <v>0</v>
      </c>
    </row>
    <row r="104707" spans="1:7" x14ac:dyDescent="0.3">
      <c r="A104707" s="13" t="s">
        <v>509</v>
      </c>
      <c r="B104707" s="14" t="s">
        <v>1</v>
      </c>
      <c r="C104707" s="14" t="s">
        <v>109</v>
      </c>
      <c r="D104707" s="14" t="s">
        <v>510</v>
      </c>
      <c r="E104707" s="15">
        <v>45693</v>
      </c>
      <c r="F104707" s="14" t="s">
        <v>61</v>
      </c>
      <c r="G104707" s="16">
        <v>0</v>
      </c>
    </row>
    <row r="104708" spans="1:7" x14ac:dyDescent="0.3">
      <c r="A104708" s="13" t="s">
        <v>509</v>
      </c>
      <c r="B104708" s="14" t="s">
        <v>1</v>
      </c>
      <c r="C104708" s="14" t="s">
        <v>109</v>
      </c>
      <c r="D104708" s="14" t="s">
        <v>510</v>
      </c>
      <c r="E104708" s="15">
        <v>45694</v>
      </c>
      <c r="F104708" s="14" t="s">
        <v>61</v>
      </c>
      <c r="G104708" s="16">
        <v>0</v>
      </c>
    </row>
    <row r="104709" spans="1:7" x14ac:dyDescent="0.3">
      <c r="A104709" s="13" t="s">
        <v>509</v>
      </c>
      <c r="B104709" s="14" t="s">
        <v>1</v>
      </c>
      <c r="C104709" s="14" t="s">
        <v>109</v>
      </c>
      <c r="D104709" s="14" t="s">
        <v>510</v>
      </c>
      <c r="E104709" s="15">
        <v>45695</v>
      </c>
      <c r="F104709" s="14" t="s">
        <v>61</v>
      </c>
      <c r="G104709" s="16">
        <v>0</v>
      </c>
    </row>
    <row r="104710" spans="1:7" x14ac:dyDescent="0.3">
      <c r="A104710" s="13" t="s">
        <v>509</v>
      </c>
      <c r="B104710" s="14" t="s">
        <v>1</v>
      </c>
      <c r="C104710" s="14" t="s">
        <v>109</v>
      </c>
      <c r="D104710" s="14" t="s">
        <v>510</v>
      </c>
      <c r="E104710" s="15">
        <v>45696</v>
      </c>
      <c r="F104710" s="14" t="s">
        <v>61</v>
      </c>
      <c r="G104710" s="16">
        <v>0</v>
      </c>
    </row>
    <row r="104711" spans="1:7" x14ac:dyDescent="0.3">
      <c r="A104711" s="13" t="s">
        <v>509</v>
      </c>
      <c r="B104711" s="14" t="s">
        <v>1</v>
      </c>
      <c r="C104711" s="14" t="s">
        <v>109</v>
      </c>
      <c r="D104711" s="14" t="s">
        <v>510</v>
      </c>
      <c r="E104711" s="15">
        <v>45697</v>
      </c>
      <c r="F104711" s="14" t="s">
        <v>61</v>
      </c>
      <c r="G104711" s="16">
        <v>0</v>
      </c>
    </row>
    <row r="104712" spans="1:7" x14ac:dyDescent="0.3">
      <c r="A104712" s="13" t="s">
        <v>509</v>
      </c>
      <c r="B104712" s="14" t="s">
        <v>1</v>
      </c>
      <c r="C104712" s="14" t="s">
        <v>109</v>
      </c>
      <c r="D104712" s="14" t="s">
        <v>510</v>
      </c>
      <c r="E104712" s="15">
        <v>45698</v>
      </c>
      <c r="F104712" s="14" t="s">
        <v>61</v>
      </c>
      <c r="G104712" s="16">
        <v>0</v>
      </c>
    </row>
    <row r="104713" spans="1:7" x14ac:dyDescent="0.3">
      <c r="A104713" s="13" t="s">
        <v>509</v>
      </c>
      <c r="B104713" s="14" t="s">
        <v>1</v>
      </c>
      <c r="C104713" s="14" t="s">
        <v>109</v>
      </c>
      <c r="D104713" s="14" t="s">
        <v>510</v>
      </c>
      <c r="E104713" s="15">
        <v>45699</v>
      </c>
      <c r="F104713" s="14" t="s">
        <v>61</v>
      </c>
      <c r="G104713" s="16">
        <v>0</v>
      </c>
    </row>
    <row r="104714" spans="1:7" x14ac:dyDescent="0.3">
      <c r="A104714" s="13" t="s">
        <v>509</v>
      </c>
      <c r="B104714" s="14" t="s">
        <v>1</v>
      </c>
      <c r="C104714" s="14" t="s">
        <v>109</v>
      </c>
      <c r="D104714" s="14" t="s">
        <v>510</v>
      </c>
      <c r="E104714" s="15">
        <v>45700</v>
      </c>
      <c r="F104714" s="14" t="s">
        <v>61</v>
      </c>
      <c r="G104714" s="16">
        <v>0</v>
      </c>
    </row>
    <row r="104715" spans="1:7" x14ac:dyDescent="0.3">
      <c r="A104715" s="13" t="s">
        <v>509</v>
      </c>
      <c r="B104715" s="14" t="s">
        <v>1</v>
      </c>
      <c r="C104715" s="14" t="s">
        <v>109</v>
      </c>
      <c r="D104715" s="14" t="s">
        <v>510</v>
      </c>
      <c r="E104715" s="15">
        <v>45701</v>
      </c>
      <c r="F104715" s="14" t="s">
        <v>61</v>
      </c>
      <c r="G104715" s="16">
        <v>0</v>
      </c>
    </row>
    <row r="104716" spans="1:7" x14ac:dyDescent="0.3">
      <c r="A104716" s="13" t="s">
        <v>509</v>
      </c>
      <c r="B104716" s="14" t="s">
        <v>1</v>
      </c>
      <c r="C104716" s="14" t="s">
        <v>109</v>
      </c>
      <c r="D104716" s="14" t="s">
        <v>510</v>
      </c>
      <c r="E104716" s="15">
        <v>45702</v>
      </c>
      <c r="F104716" s="14" t="s">
        <v>61</v>
      </c>
      <c r="G104716" s="16">
        <v>0</v>
      </c>
    </row>
    <row r="104717" spans="1:7" x14ac:dyDescent="0.3">
      <c r="A104717" s="13" t="s">
        <v>509</v>
      </c>
      <c r="B104717" s="14" t="s">
        <v>1</v>
      </c>
      <c r="C104717" s="14" t="s">
        <v>109</v>
      </c>
      <c r="D104717" s="14" t="s">
        <v>510</v>
      </c>
      <c r="E104717" s="15">
        <v>45703</v>
      </c>
      <c r="F104717" s="14" t="s">
        <v>61</v>
      </c>
      <c r="G104717" s="16">
        <v>0</v>
      </c>
    </row>
    <row r="104718" spans="1:7" x14ac:dyDescent="0.3">
      <c r="A104718" s="13" t="s">
        <v>509</v>
      </c>
      <c r="B104718" s="14" t="s">
        <v>1</v>
      </c>
      <c r="C104718" s="14" t="s">
        <v>109</v>
      </c>
      <c r="D104718" s="14" t="s">
        <v>510</v>
      </c>
      <c r="E104718" s="15">
        <v>45704</v>
      </c>
      <c r="F104718" s="14" t="s">
        <v>61</v>
      </c>
      <c r="G104718" s="16">
        <v>0</v>
      </c>
    </row>
    <row r="104719" spans="1:7" x14ac:dyDescent="0.3">
      <c r="A104719" s="13" t="s">
        <v>509</v>
      </c>
      <c r="B104719" s="14" t="s">
        <v>1</v>
      </c>
      <c r="C104719" s="14" t="s">
        <v>109</v>
      </c>
      <c r="D104719" s="14" t="s">
        <v>510</v>
      </c>
      <c r="E104719" s="15">
        <v>45705</v>
      </c>
      <c r="F104719" s="14" t="s">
        <v>61</v>
      </c>
      <c r="G104719" s="16">
        <v>0</v>
      </c>
    </row>
    <row r="104720" spans="1:7" x14ac:dyDescent="0.3">
      <c r="A104720" s="13" t="s">
        <v>509</v>
      </c>
      <c r="B104720" s="14" t="s">
        <v>1</v>
      </c>
      <c r="C104720" s="14" t="s">
        <v>109</v>
      </c>
      <c r="D104720" s="14" t="s">
        <v>510</v>
      </c>
      <c r="E104720" s="15">
        <v>45706</v>
      </c>
      <c r="F104720" s="14" t="s">
        <v>61</v>
      </c>
      <c r="G104720" s="16">
        <v>0</v>
      </c>
    </row>
    <row r="104721" spans="1:7" x14ac:dyDescent="0.3">
      <c r="A104721" s="13" t="s">
        <v>509</v>
      </c>
      <c r="B104721" s="14" t="s">
        <v>1</v>
      </c>
      <c r="C104721" s="14" t="s">
        <v>109</v>
      </c>
      <c r="D104721" s="14" t="s">
        <v>510</v>
      </c>
      <c r="E104721" s="15">
        <v>45707</v>
      </c>
      <c r="F104721" s="14" t="s">
        <v>61</v>
      </c>
      <c r="G104721" s="16">
        <v>0</v>
      </c>
    </row>
    <row r="104722" spans="1:7" x14ac:dyDescent="0.3">
      <c r="A104722" s="13" t="s">
        <v>509</v>
      </c>
      <c r="B104722" s="14" t="s">
        <v>1</v>
      </c>
      <c r="C104722" s="14" t="s">
        <v>109</v>
      </c>
      <c r="D104722" s="14" t="s">
        <v>510</v>
      </c>
      <c r="E104722" s="15">
        <v>45708</v>
      </c>
      <c r="F104722" s="14" t="s">
        <v>61</v>
      </c>
      <c r="G104722" s="16">
        <v>0</v>
      </c>
    </row>
    <row r="104723" spans="1:7" x14ac:dyDescent="0.3">
      <c r="A104723" s="13" t="s">
        <v>509</v>
      </c>
      <c r="B104723" s="14" t="s">
        <v>1</v>
      </c>
      <c r="C104723" s="14" t="s">
        <v>109</v>
      </c>
      <c r="D104723" s="14" t="s">
        <v>510</v>
      </c>
      <c r="E104723" s="15">
        <v>45709</v>
      </c>
      <c r="F104723" s="14" t="s">
        <v>61</v>
      </c>
      <c r="G104723" s="16">
        <v>0</v>
      </c>
    </row>
    <row r="104724" spans="1:7" x14ac:dyDescent="0.3">
      <c r="A104724" s="13" t="s">
        <v>509</v>
      </c>
      <c r="B104724" s="14" t="s">
        <v>1</v>
      </c>
      <c r="C104724" s="14" t="s">
        <v>109</v>
      </c>
      <c r="D104724" s="14" t="s">
        <v>510</v>
      </c>
      <c r="E104724" s="15">
        <v>45710</v>
      </c>
      <c r="F104724" s="14" t="s">
        <v>61</v>
      </c>
      <c r="G104724" s="16">
        <v>0</v>
      </c>
    </row>
    <row r="104725" spans="1:7" x14ac:dyDescent="0.3">
      <c r="A104725" s="13" t="s">
        <v>509</v>
      </c>
      <c r="B104725" s="14" t="s">
        <v>1</v>
      </c>
      <c r="C104725" s="14" t="s">
        <v>109</v>
      </c>
      <c r="D104725" s="14" t="s">
        <v>510</v>
      </c>
      <c r="E104725" s="15">
        <v>45711</v>
      </c>
      <c r="F104725" s="14" t="s">
        <v>61</v>
      </c>
      <c r="G104725" s="16">
        <v>0</v>
      </c>
    </row>
    <row r="104726" spans="1:7" x14ac:dyDescent="0.3">
      <c r="A104726" s="13" t="s">
        <v>509</v>
      </c>
      <c r="B104726" s="14" t="s">
        <v>1</v>
      </c>
      <c r="C104726" s="14" t="s">
        <v>109</v>
      </c>
      <c r="D104726" s="14" t="s">
        <v>510</v>
      </c>
      <c r="E104726" s="15">
        <v>45712</v>
      </c>
      <c r="F104726" s="14" t="s">
        <v>61</v>
      </c>
      <c r="G104726" s="16">
        <v>0</v>
      </c>
    </row>
    <row r="104727" spans="1:7" x14ac:dyDescent="0.3">
      <c r="A104727" s="13" t="s">
        <v>509</v>
      </c>
      <c r="B104727" s="14" t="s">
        <v>1</v>
      </c>
      <c r="C104727" s="14" t="s">
        <v>109</v>
      </c>
      <c r="D104727" s="14" t="s">
        <v>510</v>
      </c>
      <c r="E104727" s="15">
        <v>45713</v>
      </c>
      <c r="F104727" s="14" t="s">
        <v>61</v>
      </c>
      <c r="G104727" s="16">
        <v>0</v>
      </c>
    </row>
    <row r="104728" spans="1:7" x14ac:dyDescent="0.3">
      <c r="A104728" s="13" t="s">
        <v>509</v>
      </c>
      <c r="B104728" s="14" t="s">
        <v>1</v>
      </c>
      <c r="C104728" s="14" t="s">
        <v>109</v>
      </c>
      <c r="D104728" s="14" t="s">
        <v>510</v>
      </c>
      <c r="E104728" s="15">
        <v>45714</v>
      </c>
      <c r="F104728" s="14" t="s">
        <v>61</v>
      </c>
      <c r="G104728" s="16">
        <v>0</v>
      </c>
    </row>
    <row r="104729" spans="1:7" x14ac:dyDescent="0.3">
      <c r="A104729" s="13" t="s">
        <v>509</v>
      </c>
      <c r="B104729" s="14" t="s">
        <v>1</v>
      </c>
      <c r="C104729" s="14" t="s">
        <v>109</v>
      </c>
      <c r="D104729" s="14" t="s">
        <v>510</v>
      </c>
      <c r="E104729" s="15">
        <v>45715</v>
      </c>
      <c r="F104729" s="14" t="s">
        <v>61</v>
      </c>
      <c r="G104729" s="16">
        <v>0</v>
      </c>
    </row>
    <row r="104730" spans="1:7" x14ac:dyDescent="0.3">
      <c r="A104730" s="13" t="s">
        <v>509</v>
      </c>
      <c r="B104730" s="14" t="s">
        <v>1</v>
      </c>
      <c r="C104730" s="14" t="s">
        <v>109</v>
      </c>
      <c r="D104730" s="14" t="s">
        <v>510</v>
      </c>
      <c r="E104730" s="15">
        <v>45716</v>
      </c>
      <c r="F104730" s="14" t="s">
        <v>61</v>
      </c>
      <c r="G104730" s="16">
        <v>0</v>
      </c>
    </row>
    <row r="104731" spans="1:7" x14ac:dyDescent="0.3">
      <c r="A104731" s="13" t="s">
        <v>509</v>
      </c>
      <c r="B104731" s="14" t="s">
        <v>1</v>
      </c>
      <c r="C104731" s="14" t="s">
        <v>109</v>
      </c>
      <c r="D104731" s="14" t="s">
        <v>510</v>
      </c>
      <c r="E104731" s="15">
        <v>45717</v>
      </c>
      <c r="F104731" s="14" t="s">
        <v>61</v>
      </c>
      <c r="G104731" s="16">
        <v>0</v>
      </c>
    </row>
    <row r="104732" spans="1:7" x14ac:dyDescent="0.3">
      <c r="A104732" s="13" t="s">
        <v>509</v>
      </c>
      <c r="B104732" s="14" t="s">
        <v>1</v>
      </c>
      <c r="C104732" s="14" t="s">
        <v>109</v>
      </c>
      <c r="D104732" s="14" t="s">
        <v>510</v>
      </c>
      <c r="E104732" s="15">
        <v>45718</v>
      </c>
      <c r="F104732" s="14" t="s">
        <v>61</v>
      </c>
      <c r="G104732" s="16">
        <v>0</v>
      </c>
    </row>
    <row r="104733" spans="1:7" x14ac:dyDescent="0.3">
      <c r="A104733" s="13" t="s">
        <v>509</v>
      </c>
      <c r="B104733" s="14" t="s">
        <v>1</v>
      </c>
      <c r="C104733" s="14" t="s">
        <v>109</v>
      </c>
      <c r="D104733" s="14" t="s">
        <v>510</v>
      </c>
      <c r="E104733" s="15">
        <v>45719</v>
      </c>
      <c r="F104733" s="14" t="s">
        <v>61</v>
      </c>
      <c r="G104733" s="16">
        <v>0</v>
      </c>
    </row>
    <row r="104734" spans="1:7" x14ac:dyDescent="0.3">
      <c r="A104734" s="13" t="s">
        <v>509</v>
      </c>
      <c r="B104734" s="14" t="s">
        <v>1</v>
      </c>
      <c r="C104734" s="14" t="s">
        <v>109</v>
      </c>
      <c r="D104734" s="14" t="s">
        <v>510</v>
      </c>
      <c r="E104734" s="15">
        <v>45720</v>
      </c>
      <c r="F104734" s="14" t="s">
        <v>61</v>
      </c>
      <c r="G104734" s="16">
        <v>0</v>
      </c>
    </row>
    <row r="104735" spans="1:7" x14ac:dyDescent="0.3">
      <c r="A104735" s="13" t="s">
        <v>509</v>
      </c>
      <c r="B104735" s="14" t="s">
        <v>1</v>
      </c>
      <c r="C104735" s="14" t="s">
        <v>109</v>
      </c>
      <c r="D104735" s="14" t="s">
        <v>510</v>
      </c>
      <c r="E104735" s="15">
        <v>45721</v>
      </c>
      <c r="F104735" s="14" t="s">
        <v>61</v>
      </c>
      <c r="G104735" s="16">
        <v>0</v>
      </c>
    </row>
    <row r="104736" spans="1:7" x14ac:dyDescent="0.3">
      <c r="A104736" s="13" t="s">
        <v>509</v>
      </c>
      <c r="B104736" s="14" t="s">
        <v>1</v>
      </c>
      <c r="C104736" s="14" t="s">
        <v>109</v>
      </c>
      <c r="D104736" s="14" t="s">
        <v>510</v>
      </c>
      <c r="E104736" s="15">
        <v>45722</v>
      </c>
      <c r="F104736" s="14" t="s">
        <v>61</v>
      </c>
      <c r="G104736" s="16">
        <v>0</v>
      </c>
    </row>
    <row r="104737" spans="1:7" x14ac:dyDescent="0.3">
      <c r="A104737" s="13" t="s">
        <v>509</v>
      </c>
      <c r="B104737" s="14" t="s">
        <v>1</v>
      </c>
      <c r="C104737" s="14" t="s">
        <v>109</v>
      </c>
      <c r="D104737" s="14" t="s">
        <v>510</v>
      </c>
      <c r="E104737" s="15">
        <v>45723</v>
      </c>
      <c r="F104737" s="14" t="s">
        <v>61</v>
      </c>
      <c r="G104737" s="16">
        <v>0</v>
      </c>
    </row>
    <row r="104738" spans="1:7" x14ac:dyDescent="0.3">
      <c r="A104738" s="13" t="s">
        <v>509</v>
      </c>
      <c r="B104738" s="14" t="s">
        <v>1</v>
      </c>
      <c r="C104738" s="14" t="s">
        <v>109</v>
      </c>
      <c r="D104738" s="14" t="s">
        <v>510</v>
      </c>
      <c r="E104738" s="15">
        <v>45724</v>
      </c>
      <c r="F104738" s="14" t="s">
        <v>61</v>
      </c>
      <c r="G104738" s="16">
        <v>0</v>
      </c>
    </row>
    <row r="104739" spans="1:7" x14ac:dyDescent="0.3">
      <c r="A104739" s="13" t="s">
        <v>509</v>
      </c>
      <c r="B104739" s="14" t="s">
        <v>1</v>
      </c>
      <c r="C104739" s="14" t="s">
        <v>109</v>
      </c>
      <c r="D104739" s="14" t="s">
        <v>510</v>
      </c>
      <c r="E104739" s="15">
        <v>45725</v>
      </c>
      <c r="F104739" s="14" t="s">
        <v>61</v>
      </c>
      <c r="G104739" s="16">
        <v>0</v>
      </c>
    </row>
    <row r="104740" spans="1:7" x14ac:dyDescent="0.3">
      <c r="A104740" s="13" t="s">
        <v>509</v>
      </c>
      <c r="B104740" s="14" t="s">
        <v>1</v>
      </c>
      <c r="C104740" s="14" t="s">
        <v>109</v>
      </c>
      <c r="D104740" s="14" t="s">
        <v>510</v>
      </c>
      <c r="E104740" s="15">
        <v>45726</v>
      </c>
      <c r="F104740" s="14" t="s">
        <v>61</v>
      </c>
      <c r="G104740" s="16">
        <v>0</v>
      </c>
    </row>
    <row r="104741" spans="1:7" x14ac:dyDescent="0.3">
      <c r="A104741" s="13" t="s">
        <v>509</v>
      </c>
      <c r="B104741" s="14" t="s">
        <v>1</v>
      </c>
      <c r="C104741" s="14" t="s">
        <v>109</v>
      </c>
      <c r="D104741" s="14" t="s">
        <v>510</v>
      </c>
      <c r="E104741" s="15">
        <v>45727</v>
      </c>
      <c r="F104741" s="14" t="s">
        <v>61</v>
      </c>
      <c r="G104741" s="16">
        <v>0</v>
      </c>
    </row>
    <row r="104742" spans="1:7" x14ac:dyDescent="0.3">
      <c r="A104742" s="13" t="s">
        <v>509</v>
      </c>
      <c r="B104742" s="14" t="s">
        <v>1</v>
      </c>
      <c r="C104742" s="14" t="s">
        <v>109</v>
      </c>
      <c r="D104742" s="14" t="s">
        <v>510</v>
      </c>
      <c r="E104742" s="15">
        <v>45728</v>
      </c>
      <c r="F104742" s="14" t="s">
        <v>61</v>
      </c>
      <c r="G104742" s="16">
        <v>0</v>
      </c>
    </row>
    <row r="104743" spans="1:7" x14ac:dyDescent="0.3">
      <c r="A104743" s="13" t="s">
        <v>509</v>
      </c>
      <c r="B104743" s="14" t="s">
        <v>1</v>
      </c>
      <c r="C104743" s="14" t="s">
        <v>109</v>
      </c>
      <c r="D104743" s="14" t="s">
        <v>510</v>
      </c>
      <c r="E104743" s="15">
        <v>45729</v>
      </c>
      <c r="F104743" s="14" t="s">
        <v>61</v>
      </c>
      <c r="G104743" s="16">
        <v>0</v>
      </c>
    </row>
    <row r="104744" spans="1:7" x14ac:dyDescent="0.3">
      <c r="A104744" s="13" t="s">
        <v>509</v>
      </c>
      <c r="B104744" s="14" t="s">
        <v>1</v>
      </c>
      <c r="C104744" s="14" t="s">
        <v>109</v>
      </c>
      <c r="D104744" s="14" t="s">
        <v>510</v>
      </c>
      <c r="E104744" s="15">
        <v>45730</v>
      </c>
      <c r="F104744" s="14" t="s">
        <v>61</v>
      </c>
      <c r="G104744" s="16">
        <v>0</v>
      </c>
    </row>
    <row r="104745" spans="1:7" x14ac:dyDescent="0.3">
      <c r="A104745" s="13" t="s">
        <v>509</v>
      </c>
      <c r="B104745" s="14" t="s">
        <v>1</v>
      </c>
      <c r="C104745" s="14" t="s">
        <v>109</v>
      </c>
      <c r="D104745" s="14" t="s">
        <v>510</v>
      </c>
      <c r="E104745" s="15">
        <v>45731</v>
      </c>
      <c r="F104745" s="14" t="s">
        <v>61</v>
      </c>
      <c r="G104745" s="16">
        <v>0</v>
      </c>
    </row>
    <row r="104746" spans="1:7" x14ac:dyDescent="0.3">
      <c r="A104746" s="13" t="s">
        <v>509</v>
      </c>
      <c r="B104746" s="14" t="s">
        <v>1</v>
      </c>
      <c r="C104746" s="14" t="s">
        <v>109</v>
      </c>
      <c r="D104746" s="14" t="s">
        <v>510</v>
      </c>
      <c r="E104746" s="15">
        <v>45732</v>
      </c>
      <c r="F104746" s="14" t="s">
        <v>61</v>
      </c>
      <c r="G104746" s="16">
        <v>0</v>
      </c>
    </row>
    <row r="104747" spans="1:7" x14ac:dyDescent="0.3">
      <c r="A104747" s="13" t="s">
        <v>509</v>
      </c>
      <c r="B104747" s="14" t="s">
        <v>1</v>
      </c>
      <c r="C104747" s="14" t="s">
        <v>109</v>
      </c>
      <c r="D104747" s="14" t="s">
        <v>510</v>
      </c>
      <c r="E104747" s="15">
        <v>45733</v>
      </c>
      <c r="F104747" s="14" t="s">
        <v>61</v>
      </c>
      <c r="G104747" s="16">
        <v>0</v>
      </c>
    </row>
    <row r="104748" spans="1:7" x14ac:dyDescent="0.3">
      <c r="A104748" s="13" t="s">
        <v>509</v>
      </c>
      <c r="B104748" s="14" t="s">
        <v>1</v>
      </c>
      <c r="C104748" s="14" t="s">
        <v>109</v>
      </c>
      <c r="D104748" s="14" t="s">
        <v>510</v>
      </c>
      <c r="E104748" s="15">
        <v>45734</v>
      </c>
      <c r="F104748" s="14" t="s">
        <v>61</v>
      </c>
      <c r="G104748" s="16">
        <v>0</v>
      </c>
    </row>
    <row r="104749" spans="1:7" x14ac:dyDescent="0.3">
      <c r="A104749" s="13" t="s">
        <v>509</v>
      </c>
      <c r="B104749" s="14" t="s">
        <v>1</v>
      </c>
      <c r="C104749" s="14" t="s">
        <v>109</v>
      </c>
      <c r="D104749" s="14" t="s">
        <v>510</v>
      </c>
      <c r="E104749" s="15">
        <v>45735</v>
      </c>
      <c r="F104749" s="14" t="s">
        <v>61</v>
      </c>
      <c r="G104749" s="16">
        <v>0</v>
      </c>
    </row>
    <row r="104750" spans="1:7" x14ac:dyDescent="0.3">
      <c r="A104750" s="13" t="s">
        <v>509</v>
      </c>
      <c r="B104750" s="14" t="s">
        <v>1</v>
      </c>
      <c r="C104750" s="14" t="s">
        <v>109</v>
      </c>
      <c r="D104750" s="14" t="s">
        <v>510</v>
      </c>
      <c r="E104750" s="15">
        <v>45736</v>
      </c>
      <c r="F104750" s="14" t="s">
        <v>61</v>
      </c>
      <c r="G104750" s="16">
        <v>0</v>
      </c>
    </row>
    <row r="104751" spans="1:7" x14ac:dyDescent="0.3">
      <c r="A104751" s="13" t="s">
        <v>509</v>
      </c>
      <c r="B104751" s="14" t="s">
        <v>1</v>
      </c>
      <c r="C104751" s="14" t="s">
        <v>109</v>
      </c>
      <c r="D104751" s="14" t="s">
        <v>510</v>
      </c>
      <c r="E104751" s="15">
        <v>45737</v>
      </c>
      <c r="F104751" s="14" t="s">
        <v>61</v>
      </c>
      <c r="G104751" s="16">
        <v>0</v>
      </c>
    </row>
    <row r="104752" spans="1:7" x14ac:dyDescent="0.3">
      <c r="A104752" s="13" t="s">
        <v>509</v>
      </c>
      <c r="B104752" s="14" t="s">
        <v>1</v>
      </c>
      <c r="C104752" s="14" t="s">
        <v>109</v>
      </c>
      <c r="D104752" s="14" t="s">
        <v>510</v>
      </c>
      <c r="E104752" s="15">
        <v>45738</v>
      </c>
      <c r="F104752" s="14" t="s">
        <v>61</v>
      </c>
      <c r="G104752" s="16">
        <v>0</v>
      </c>
    </row>
    <row r="104753" spans="1:7" x14ac:dyDescent="0.3">
      <c r="A104753" s="13" t="s">
        <v>509</v>
      </c>
      <c r="B104753" s="14" t="s">
        <v>1</v>
      </c>
      <c r="C104753" s="14" t="s">
        <v>109</v>
      </c>
      <c r="D104753" s="14" t="s">
        <v>510</v>
      </c>
      <c r="E104753" s="15">
        <v>45739</v>
      </c>
      <c r="F104753" s="14" t="s">
        <v>61</v>
      </c>
      <c r="G104753" s="16">
        <v>0</v>
      </c>
    </row>
    <row r="104754" spans="1:7" x14ac:dyDescent="0.3">
      <c r="A104754" s="13" t="s">
        <v>509</v>
      </c>
      <c r="B104754" s="14" t="s">
        <v>1</v>
      </c>
      <c r="C104754" s="14" t="s">
        <v>109</v>
      </c>
      <c r="D104754" s="14" t="s">
        <v>510</v>
      </c>
      <c r="E104754" s="15">
        <v>45740</v>
      </c>
      <c r="F104754" s="14" t="s">
        <v>61</v>
      </c>
      <c r="G104754" s="16">
        <v>0</v>
      </c>
    </row>
    <row r="104755" spans="1:7" x14ac:dyDescent="0.3">
      <c r="A104755" s="13" t="s">
        <v>509</v>
      </c>
      <c r="B104755" s="14" t="s">
        <v>1</v>
      </c>
      <c r="C104755" s="14" t="s">
        <v>109</v>
      </c>
      <c r="D104755" s="14" t="s">
        <v>510</v>
      </c>
      <c r="E104755" s="15">
        <v>45741</v>
      </c>
      <c r="F104755" s="14" t="s">
        <v>61</v>
      </c>
      <c r="G104755" s="16">
        <v>0</v>
      </c>
    </row>
    <row r="104756" spans="1:7" x14ac:dyDescent="0.3">
      <c r="A104756" s="13" t="s">
        <v>509</v>
      </c>
      <c r="B104756" s="14" t="s">
        <v>1</v>
      </c>
      <c r="C104756" s="14" t="s">
        <v>109</v>
      </c>
      <c r="D104756" s="14" t="s">
        <v>510</v>
      </c>
      <c r="E104756" s="15">
        <v>45742</v>
      </c>
      <c r="F104756" s="14" t="s">
        <v>61</v>
      </c>
      <c r="G104756" s="16">
        <v>0</v>
      </c>
    </row>
    <row r="104757" spans="1:7" x14ac:dyDescent="0.3">
      <c r="A104757" s="13" t="s">
        <v>509</v>
      </c>
      <c r="B104757" s="14" t="s">
        <v>1</v>
      </c>
      <c r="C104757" s="14" t="s">
        <v>109</v>
      </c>
      <c r="D104757" s="14" t="s">
        <v>510</v>
      </c>
      <c r="E104757" s="15">
        <v>45743</v>
      </c>
      <c r="F104757" s="14" t="s">
        <v>61</v>
      </c>
      <c r="G104757" s="16">
        <v>0</v>
      </c>
    </row>
    <row r="104758" spans="1:7" x14ac:dyDescent="0.3">
      <c r="A104758" s="13" t="s">
        <v>509</v>
      </c>
      <c r="B104758" s="14" t="s">
        <v>1</v>
      </c>
      <c r="C104758" s="14" t="s">
        <v>109</v>
      </c>
      <c r="D104758" s="14" t="s">
        <v>510</v>
      </c>
      <c r="E104758" s="15">
        <v>45744</v>
      </c>
      <c r="F104758" s="14" t="s">
        <v>61</v>
      </c>
      <c r="G104758" s="16">
        <v>0</v>
      </c>
    </row>
    <row r="104759" spans="1:7" x14ac:dyDescent="0.3">
      <c r="A104759" s="13" t="s">
        <v>509</v>
      </c>
      <c r="B104759" s="14" t="s">
        <v>1</v>
      </c>
      <c r="C104759" s="14" t="s">
        <v>109</v>
      </c>
      <c r="D104759" s="14" t="s">
        <v>510</v>
      </c>
      <c r="E104759" s="15">
        <v>45745</v>
      </c>
      <c r="F104759" s="14" t="s">
        <v>61</v>
      </c>
      <c r="G104759" s="16">
        <v>0</v>
      </c>
    </row>
    <row r="104760" spans="1:7" x14ac:dyDescent="0.3">
      <c r="A104760" s="13" t="s">
        <v>509</v>
      </c>
      <c r="B104760" s="14" t="s">
        <v>1</v>
      </c>
      <c r="C104760" s="14" t="s">
        <v>109</v>
      </c>
      <c r="D104760" s="14" t="s">
        <v>510</v>
      </c>
      <c r="E104760" s="15">
        <v>45746</v>
      </c>
      <c r="F104760" s="14" t="s">
        <v>61</v>
      </c>
      <c r="G104760" s="16">
        <v>0</v>
      </c>
    </row>
    <row r="104761" spans="1:7" x14ac:dyDescent="0.3">
      <c r="A104761" s="13" t="s">
        <v>509</v>
      </c>
      <c r="B104761" s="14" t="s">
        <v>1</v>
      </c>
      <c r="C104761" s="14" t="s">
        <v>109</v>
      </c>
      <c r="D104761" s="14" t="s">
        <v>510</v>
      </c>
      <c r="E104761" s="15">
        <v>45747</v>
      </c>
      <c r="F104761" s="14" t="s">
        <v>61</v>
      </c>
      <c r="G104761" s="16">
        <v>0</v>
      </c>
    </row>
    <row r="104762" spans="1:7" x14ac:dyDescent="0.3">
      <c r="A104762" s="13" t="s">
        <v>511</v>
      </c>
      <c r="B104762" s="14" t="s">
        <v>1</v>
      </c>
      <c r="C104762" s="14" t="s">
        <v>342</v>
      </c>
      <c r="D104762" s="14" t="s">
        <v>512</v>
      </c>
      <c r="E104762" s="15">
        <v>45383</v>
      </c>
      <c r="F104762" s="14" t="s">
        <v>53</v>
      </c>
      <c r="G104762" s="16">
        <v>0</v>
      </c>
    </row>
    <row r="104763" spans="1:7" x14ac:dyDescent="0.3">
      <c r="A104763" s="13" t="s">
        <v>511</v>
      </c>
      <c r="B104763" s="14" t="s">
        <v>1</v>
      </c>
      <c r="C104763" s="14" t="s">
        <v>342</v>
      </c>
      <c r="D104763" s="14" t="s">
        <v>512</v>
      </c>
      <c r="E104763" s="15">
        <v>45384</v>
      </c>
      <c r="F104763" s="14" t="s">
        <v>53</v>
      </c>
      <c r="G104763" s="16">
        <v>0</v>
      </c>
    </row>
    <row r="104764" spans="1:7" x14ac:dyDescent="0.3">
      <c r="A104764" s="13" t="s">
        <v>511</v>
      </c>
      <c r="B104764" s="14" t="s">
        <v>1</v>
      </c>
      <c r="C104764" s="14" t="s">
        <v>342</v>
      </c>
      <c r="D104764" s="14" t="s">
        <v>512</v>
      </c>
      <c r="E104764" s="15">
        <v>45385</v>
      </c>
      <c r="F104764" s="14" t="s">
        <v>53</v>
      </c>
      <c r="G104764" s="16">
        <v>5.2042260373545722E-2</v>
      </c>
    </row>
    <row r="104765" spans="1:7" x14ac:dyDescent="0.3">
      <c r="A104765" s="13" t="s">
        <v>511</v>
      </c>
      <c r="B104765" s="14" t="s">
        <v>1</v>
      </c>
      <c r="C104765" s="14" t="s">
        <v>342</v>
      </c>
      <c r="D104765" s="14" t="s">
        <v>512</v>
      </c>
      <c r="E104765" s="15">
        <v>45386</v>
      </c>
      <c r="F104765" s="14" t="s">
        <v>53</v>
      </c>
      <c r="G104765" s="16">
        <v>6.4164320747091441E-2</v>
      </c>
    </row>
    <row r="104766" spans="1:7" x14ac:dyDescent="0.3">
      <c r="A104766" s="13" t="s">
        <v>511</v>
      </c>
      <c r="B104766" s="14" t="s">
        <v>1</v>
      </c>
      <c r="C104766" s="14" t="s">
        <v>342</v>
      </c>
      <c r="D104766" s="14" t="s">
        <v>512</v>
      </c>
      <c r="E104766" s="15">
        <v>45387</v>
      </c>
      <c r="F104766" s="14" t="s">
        <v>53</v>
      </c>
      <c r="G104766" s="16">
        <v>7.4628981120637164E-2</v>
      </c>
    </row>
    <row r="104767" spans="1:7" x14ac:dyDescent="0.3">
      <c r="A104767" s="13" t="s">
        <v>511</v>
      </c>
      <c r="B104767" s="14" t="s">
        <v>1</v>
      </c>
      <c r="C104767" s="14" t="s">
        <v>342</v>
      </c>
      <c r="D104767" s="14" t="s">
        <v>512</v>
      </c>
      <c r="E104767" s="15">
        <v>45388</v>
      </c>
      <c r="F104767" s="14" t="s">
        <v>53</v>
      </c>
      <c r="G104767" s="16">
        <v>7.4628981120637164E-2</v>
      </c>
    </row>
    <row r="104768" spans="1:7" x14ac:dyDescent="0.3">
      <c r="A104768" s="13" t="s">
        <v>511</v>
      </c>
      <c r="B104768" s="14" t="s">
        <v>1</v>
      </c>
      <c r="C104768" s="14" t="s">
        <v>342</v>
      </c>
      <c r="D104768" s="14" t="s">
        <v>512</v>
      </c>
      <c r="E104768" s="15">
        <v>45389</v>
      </c>
      <c r="F104768" s="14" t="s">
        <v>53</v>
      </c>
      <c r="G104768" s="16">
        <v>7.4628981120637164E-2</v>
      </c>
    </row>
    <row r="104769" spans="1:7" x14ac:dyDescent="0.3">
      <c r="A104769" s="13" t="s">
        <v>511</v>
      </c>
      <c r="B104769" s="14" t="s">
        <v>1</v>
      </c>
      <c r="C104769" s="14" t="s">
        <v>342</v>
      </c>
      <c r="D104769" s="14" t="s">
        <v>512</v>
      </c>
      <c r="E104769" s="15">
        <v>45390</v>
      </c>
      <c r="F104769" s="14" t="s">
        <v>53</v>
      </c>
      <c r="G104769" s="16">
        <v>8.6364441494182889E-2</v>
      </c>
    </row>
    <row r="104770" spans="1:7" x14ac:dyDescent="0.3">
      <c r="A104770" s="13" t="s">
        <v>511</v>
      </c>
      <c r="B104770" s="14" t="s">
        <v>1</v>
      </c>
      <c r="C104770" s="14" t="s">
        <v>342</v>
      </c>
      <c r="D104770" s="14" t="s">
        <v>512</v>
      </c>
      <c r="E104770" s="15">
        <v>45391</v>
      </c>
      <c r="F104770" s="14" t="s">
        <v>53</v>
      </c>
      <c r="G104770" s="16">
        <v>0.11766836146553482</v>
      </c>
    </row>
    <row r="104771" spans="1:7" x14ac:dyDescent="0.3">
      <c r="A104771" s="13" t="s">
        <v>511</v>
      </c>
      <c r="B104771" s="14" t="s">
        <v>1</v>
      </c>
      <c r="C104771" s="14" t="s">
        <v>342</v>
      </c>
      <c r="D104771" s="14" t="s">
        <v>512</v>
      </c>
      <c r="E104771" s="15">
        <v>45392</v>
      </c>
      <c r="F104771" s="14" t="s">
        <v>53</v>
      </c>
      <c r="G104771" s="16">
        <v>0.12809677869465641</v>
      </c>
    </row>
    <row r="104772" spans="1:7" x14ac:dyDescent="0.3">
      <c r="A104772" s="13" t="s">
        <v>511</v>
      </c>
      <c r="B104772" s="14" t="s">
        <v>1</v>
      </c>
      <c r="C104772" s="14" t="s">
        <v>342</v>
      </c>
      <c r="D104772" s="14" t="s">
        <v>512</v>
      </c>
      <c r="E104772" s="15">
        <v>45393</v>
      </c>
      <c r="F104772" s="14" t="s">
        <v>53</v>
      </c>
      <c r="G104772" s="16">
        <v>0.13897089976290047</v>
      </c>
    </row>
    <row r="104773" spans="1:7" x14ac:dyDescent="0.3">
      <c r="A104773" s="13" t="s">
        <v>511</v>
      </c>
      <c r="B104773" s="14" t="s">
        <v>1</v>
      </c>
      <c r="C104773" s="14" t="s">
        <v>342</v>
      </c>
      <c r="D104773" s="14" t="s">
        <v>512</v>
      </c>
      <c r="E104773" s="15">
        <v>45394</v>
      </c>
      <c r="F104773" s="14" t="s">
        <v>53</v>
      </c>
      <c r="G104773" s="16">
        <v>0.14940736086770762</v>
      </c>
    </row>
    <row r="104774" spans="1:7" x14ac:dyDescent="0.3">
      <c r="A104774" s="13" t="s">
        <v>511</v>
      </c>
      <c r="B104774" s="14" t="s">
        <v>1</v>
      </c>
      <c r="C104774" s="14" t="s">
        <v>342</v>
      </c>
      <c r="D104774" s="14" t="s">
        <v>512</v>
      </c>
      <c r="E104774" s="15">
        <v>45395</v>
      </c>
      <c r="F104774" s="14" t="s">
        <v>53</v>
      </c>
      <c r="G104774" s="16">
        <v>0.14940736086770762</v>
      </c>
    </row>
    <row r="104775" spans="1:7" x14ac:dyDescent="0.3">
      <c r="A104775" s="13" t="s">
        <v>511</v>
      </c>
      <c r="B104775" s="14" t="s">
        <v>1</v>
      </c>
      <c r="C104775" s="14" t="s">
        <v>342</v>
      </c>
      <c r="D104775" s="14" t="s">
        <v>512</v>
      </c>
      <c r="E104775" s="15">
        <v>45396</v>
      </c>
      <c r="F104775" s="14" t="s">
        <v>53</v>
      </c>
      <c r="G104775" s="16">
        <v>0.14940736086770762</v>
      </c>
    </row>
    <row r="104776" spans="1:7" x14ac:dyDescent="0.3">
      <c r="A104776" s="13" t="s">
        <v>511</v>
      </c>
      <c r="B104776" s="14" t="s">
        <v>1</v>
      </c>
      <c r="C104776" s="14" t="s">
        <v>342</v>
      </c>
      <c r="D104776" s="14" t="s">
        <v>512</v>
      </c>
      <c r="E104776" s="15">
        <v>45397</v>
      </c>
      <c r="F104776" s="14" t="s">
        <v>53</v>
      </c>
      <c r="G104776" s="16">
        <v>0.15982901392863907</v>
      </c>
    </row>
    <row r="104777" spans="1:7" x14ac:dyDescent="0.3">
      <c r="A104777" s="13" t="s">
        <v>511</v>
      </c>
      <c r="B104777" s="14" t="s">
        <v>1</v>
      </c>
      <c r="C104777" s="14" t="s">
        <v>342</v>
      </c>
      <c r="D104777" s="14" t="s">
        <v>512</v>
      </c>
      <c r="E104777" s="15">
        <v>45398</v>
      </c>
      <c r="F104777" s="14" t="s">
        <v>53</v>
      </c>
      <c r="G104777" s="16">
        <v>0.19108814413765099</v>
      </c>
    </row>
    <row r="104778" spans="1:7" x14ac:dyDescent="0.3">
      <c r="A104778" s="13" t="s">
        <v>511</v>
      </c>
      <c r="B104778" s="14" t="s">
        <v>1</v>
      </c>
      <c r="C104778" s="14" t="s">
        <v>342</v>
      </c>
      <c r="D104778" s="14" t="s">
        <v>512</v>
      </c>
      <c r="E104778" s="15">
        <v>45399</v>
      </c>
      <c r="F104778" s="14" t="s">
        <v>53</v>
      </c>
      <c r="G104778" s="16">
        <v>0.20149316100114187</v>
      </c>
    </row>
    <row r="104779" spans="1:7" x14ac:dyDescent="0.3">
      <c r="A104779" s="13" t="s">
        <v>511</v>
      </c>
      <c r="B104779" s="14" t="s">
        <v>1</v>
      </c>
      <c r="C104779" s="14" t="s">
        <v>342</v>
      </c>
      <c r="D104779" s="14" t="s">
        <v>512</v>
      </c>
      <c r="E104779" s="15">
        <v>45400</v>
      </c>
      <c r="F104779" s="14" t="s">
        <v>53</v>
      </c>
      <c r="G104779" s="16">
        <v>0.21188720894324337</v>
      </c>
    </row>
    <row r="104780" spans="1:7" x14ac:dyDescent="0.3">
      <c r="A104780" s="13" t="s">
        <v>511</v>
      </c>
      <c r="B104780" s="14" t="s">
        <v>1</v>
      </c>
      <c r="C104780" s="14" t="s">
        <v>342</v>
      </c>
      <c r="D104780" s="14" t="s">
        <v>512</v>
      </c>
      <c r="E104780" s="15">
        <v>45401</v>
      </c>
      <c r="F104780" s="14" t="s">
        <v>53</v>
      </c>
      <c r="G104780" s="16">
        <v>0.22228290222355326</v>
      </c>
    </row>
    <row r="104781" spans="1:7" x14ac:dyDescent="0.3">
      <c r="A104781" s="13" t="s">
        <v>511</v>
      </c>
      <c r="B104781" s="14" t="s">
        <v>1</v>
      </c>
      <c r="C104781" s="14" t="s">
        <v>342</v>
      </c>
      <c r="D104781" s="14" t="s">
        <v>512</v>
      </c>
      <c r="E104781" s="15">
        <v>45402</v>
      </c>
      <c r="F104781" s="14" t="s">
        <v>53</v>
      </c>
      <c r="G104781" s="16">
        <v>0.22228290222355326</v>
      </c>
    </row>
    <row r="104782" spans="1:7" x14ac:dyDescent="0.3">
      <c r="A104782" s="13" t="s">
        <v>511</v>
      </c>
      <c r="B104782" s="14" t="s">
        <v>1</v>
      </c>
      <c r="C104782" s="14" t="s">
        <v>342</v>
      </c>
      <c r="D104782" s="14" t="s">
        <v>512</v>
      </c>
      <c r="E104782" s="15">
        <v>45403</v>
      </c>
      <c r="F104782" s="14" t="s">
        <v>53</v>
      </c>
      <c r="G104782" s="16">
        <v>0.22228290222355326</v>
      </c>
    </row>
    <row r="104783" spans="1:7" x14ac:dyDescent="0.3">
      <c r="A104783" s="13" t="s">
        <v>511</v>
      </c>
      <c r="B104783" s="14" t="s">
        <v>1</v>
      </c>
      <c r="C104783" s="14" t="s">
        <v>342</v>
      </c>
      <c r="D104783" s="14" t="s">
        <v>512</v>
      </c>
      <c r="E104783" s="15">
        <v>45404</v>
      </c>
      <c r="F104783" s="14" t="s">
        <v>53</v>
      </c>
      <c r="G104783" s="16">
        <v>0.23266360464463101</v>
      </c>
    </row>
    <row r="104784" spans="1:7" x14ac:dyDescent="0.3">
      <c r="A104784" s="13" t="s">
        <v>511</v>
      </c>
      <c r="B104784" s="14" t="s">
        <v>1</v>
      </c>
      <c r="C104784" s="14" t="s">
        <v>342</v>
      </c>
      <c r="D104784" s="14" t="s">
        <v>512</v>
      </c>
      <c r="E104784" s="15">
        <v>45405</v>
      </c>
      <c r="F104784" s="14" t="s">
        <v>53</v>
      </c>
      <c r="G104784" s="16">
        <v>0.26417666538380741</v>
      </c>
    </row>
    <row r="104785" spans="1:7" x14ac:dyDescent="0.3">
      <c r="A104785" s="13" t="s">
        <v>511</v>
      </c>
      <c r="B104785" s="14" t="s">
        <v>1</v>
      </c>
      <c r="C104785" s="14" t="s">
        <v>342</v>
      </c>
      <c r="D104785" s="14" t="s">
        <v>512</v>
      </c>
      <c r="E104785" s="15">
        <v>45406</v>
      </c>
      <c r="F104785" s="14" t="s">
        <v>53</v>
      </c>
      <c r="G104785" s="16">
        <v>0.27467674623267307</v>
      </c>
    </row>
    <row r="104786" spans="1:7" x14ac:dyDescent="0.3">
      <c r="A104786" s="13" t="s">
        <v>511</v>
      </c>
      <c r="B104786" s="14" t="s">
        <v>1</v>
      </c>
      <c r="C104786" s="14" t="s">
        <v>342</v>
      </c>
      <c r="D104786" s="14" t="s">
        <v>512</v>
      </c>
      <c r="E104786" s="15">
        <v>45407</v>
      </c>
      <c r="F104786" s="14" t="s">
        <v>53</v>
      </c>
      <c r="G104786" s="16">
        <v>0.28493898430274528</v>
      </c>
    </row>
    <row r="104787" spans="1:7" x14ac:dyDescent="0.3">
      <c r="A104787" s="13" t="s">
        <v>511</v>
      </c>
      <c r="B104787" s="14" t="s">
        <v>1</v>
      </c>
      <c r="C104787" s="14" t="s">
        <v>342</v>
      </c>
      <c r="D104787" s="14" t="s">
        <v>512</v>
      </c>
      <c r="E104787" s="15">
        <v>45408</v>
      </c>
      <c r="F104787" s="14" t="s">
        <v>53</v>
      </c>
      <c r="G104787" s="16">
        <v>0.29575752950261641</v>
      </c>
    </row>
    <row r="104788" spans="1:7" x14ac:dyDescent="0.3">
      <c r="A104788" s="13" t="s">
        <v>511</v>
      </c>
      <c r="B104788" s="14" t="s">
        <v>1</v>
      </c>
      <c r="C104788" s="14" t="s">
        <v>342</v>
      </c>
      <c r="D104788" s="14" t="s">
        <v>512</v>
      </c>
      <c r="E104788" s="15">
        <v>45409</v>
      </c>
      <c r="F104788" s="14" t="s">
        <v>53</v>
      </c>
      <c r="G104788" s="16">
        <v>0.29575752950261641</v>
      </c>
    </row>
    <row r="104789" spans="1:7" x14ac:dyDescent="0.3">
      <c r="A104789" s="13" t="s">
        <v>511</v>
      </c>
      <c r="B104789" s="14" t="s">
        <v>1</v>
      </c>
      <c r="C104789" s="14" t="s">
        <v>342</v>
      </c>
      <c r="D104789" s="14" t="s">
        <v>512</v>
      </c>
      <c r="E104789" s="15">
        <v>45410</v>
      </c>
      <c r="F104789" s="14" t="s">
        <v>53</v>
      </c>
      <c r="G104789" s="16">
        <v>0.29575752950261641</v>
      </c>
    </row>
    <row r="104790" spans="1:7" x14ac:dyDescent="0.3">
      <c r="A104790" s="13" t="s">
        <v>511</v>
      </c>
      <c r="B104790" s="14" t="s">
        <v>1</v>
      </c>
      <c r="C104790" s="14" t="s">
        <v>342</v>
      </c>
      <c r="D104790" s="14" t="s">
        <v>512</v>
      </c>
      <c r="E104790" s="15">
        <v>45411</v>
      </c>
      <c r="F104790" s="14" t="s">
        <v>53</v>
      </c>
      <c r="G104790" s="16">
        <v>0.30602561766409631</v>
      </c>
    </row>
    <row r="104791" spans="1:7" x14ac:dyDescent="0.3">
      <c r="A104791" s="13" t="s">
        <v>511</v>
      </c>
      <c r="B104791" s="14" t="s">
        <v>1</v>
      </c>
      <c r="C104791" s="14" t="s">
        <v>342</v>
      </c>
      <c r="D104791" s="14" t="s">
        <v>512</v>
      </c>
      <c r="E104791" s="15">
        <v>45412</v>
      </c>
      <c r="F104791" s="14" t="s">
        <v>53</v>
      </c>
      <c r="G104791" s="16">
        <v>0.33683538772685595</v>
      </c>
    </row>
    <row r="104792" spans="1:7" x14ac:dyDescent="0.3">
      <c r="A104792" s="13" t="s">
        <v>511</v>
      </c>
      <c r="B104792" s="14" t="s">
        <v>1</v>
      </c>
      <c r="C104792" s="14" t="s">
        <v>342</v>
      </c>
      <c r="D104792" s="14" t="s">
        <v>512</v>
      </c>
      <c r="E104792" s="15">
        <v>45413</v>
      </c>
      <c r="F104792" s="14" t="s">
        <v>53</v>
      </c>
      <c r="G104792" s="16">
        <v>0.33683538772685595</v>
      </c>
    </row>
    <row r="104793" spans="1:7" x14ac:dyDescent="0.3">
      <c r="A104793" s="13" t="s">
        <v>511</v>
      </c>
      <c r="B104793" s="14" t="s">
        <v>1</v>
      </c>
      <c r="C104793" s="14" t="s">
        <v>342</v>
      </c>
      <c r="D104793" s="14" t="s">
        <v>512</v>
      </c>
      <c r="E104793" s="15">
        <v>45414</v>
      </c>
      <c r="F104793" s="14" t="s">
        <v>53</v>
      </c>
      <c r="G104793" s="16">
        <v>0</v>
      </c>
    </row>
    <row r="104794" spans="1:7" x14ac:dyDescent="0.3">
      <c r="A104794" s="13" t="s">
        <v>511</v>
      </c>
      <c r="B104794" s="14" t="s">
        <v>1</v>
      </c>
      <c r="C104794" s="14" t="s">
        <v>342</v>
      </c>
      <c r="D104794" s="14" t="s">
        <v>512</v>
      </c>
      <c r="E104794" s="15">
        <v>45415</v>
      </c>
      <c r="F104794" s="14" t="s">
        <v>53</v>
      </c>
      <c r="G104794" s="16">
        <v>0</v>
      </c>
    </row>
    <row r="104795" spans="1:7" x14ac:dyDescent="0.3">
      <c r="A104795" s="13" t="s">
        <v>511</v>
      </c>
      <c r="B104795" s="14" t="s">
        <v>1</v>
      </c>
      <c r="C104795" s="14" t="s">
        <v>342</v>
      </c>
      <c r="D104795" s="14" t="s">
        <v>512</v>
      </c>
      <c r="E104795" s="15">
        <v>45416</v>
      </c>
      <c r="F104795" s="14" t="s">
        <v>53</v>
      </c>
      <c r="G104795" s="16">
        <v>0</v>
      </c>
    </row>
    <row r="104796" spans="1:7" x14ac:dyDescent="0.3">
      <c r="A104796" s="13" t="s">
        <v>511</v>
      </c>
      <c r="B104796" s="14" t="s">
        <v>1</v>
      </c>
      <c r="C104796" s="14" t="s">
        <v>342</v>
      </c>
      <c r="D104796" s="14" t="s">
        <v>512</v>
      </c>
      <c r="E104796" s="15">
        <v>45417</v>
      </c>
      <c r="F104796" s="14" t="s">
        <v>53</v>
      </c>
      <c r="G104796" s="16">
        <v>0</v>
      </c>
    </row>
    <row r="104797" spans="1:7" x14ac:dyDescent="0.3">
      <c r="A104797" s="13" t="s">
        <v>511</v>
      </c>
      <c r="B104797" s="14" t="s">
        <v>1</v>
      </c>
      <c r="C104797" s="14" t="s">
        <v>342</v>
      </c>
      <c r="D104797" s="14" t="s">
        <v>512</v>
      </c>
      <c r="E104797" s="15">
        <v>45418</v>
      </c>
      <c r="F104797" s="14" t="s">
        <v>53</v>
      </c>
      <c r="G104797" s="16">
        <v>0</v>
      </c>
    </row>
    <row r="104798" spans="1:7" x14ac:dyDescent="0.3">
      <c r="A104798" s="13" t="s">
        <v>511</v>
      </c>
      <c r="B104798" s="14" t="s">
        <v>1</v>
      </c>
      <c r="C104798" s="14" t="s">
        <v>342</v>
      </c>
      <c r="D104798" s="14" t="s">
        <v>512</v>
      </c>
      <c r="E104798" s="15">
        <v>45419</v>
      </c>
      <c r="F104798" s="14" t="s">
        <v>53</v>
      </c>
      <c r="G104798" s="16">
        <v>0</v>
      </c>
    </row>
    <row r="104799" spans="1:7" x14ac:dyDescent="0.3">
      <c r="A104799" s="13" t="s">
        <v>511</v>
      </c>
      <c r="B104799" s="14" t="s">
        <v>1</v>
      </c>
      <c r="C104799" s="14" t="s">
        <v>342</v>
      </c>
      <c r="D104799" s="14" t="s">
        <v>512</v>
      </c>
      <c r="E104799" s="15">
        <v>45420</v>
      </c>
      <c r="F104799" s="14" t="s">
        <v>53</v>
      </c>
      <c r="G104799" s="16">
        <v>0</v>
      </c>
    </row>
    <row r="104800" spans="1:7" x14ac:dyDescent="0.3">
      <c r="A104800" s="13" t="s">
        <v>511</v>
      </c>
      <c r="B104800" s="14" t="s">
        <v>1</v>
      </c>
      <c r="C104800" s="14" t="s">
        <v>342</v>
      </c>
      <c r="D104800" s="14" t="s">
        <v>512</v>
      </c>
      <c r="E104800" s="15">
        <v>45421</v>
      </c>
      <c r="F104800" s="14" t="s">
        <v>53</v>
      </c>
      <c r="G104800" s="16">
        <v>0</v>
      </c>
    </row>
    <row r="104801" spans="1:7" x14ac:dyDescent="0.3">
      <c r="A104801" s="13" t="s">
        <v>511</v>
      </c>
      <c r="B104801" s="14" t="s">
        <v>1</v>
      </c>
      <c r="C104801" s="14" t="s">
        <v>342</v>
      </c>
      <c r="D104801" s="14" t="s">
        <v>512</v>
      </c>
      <c r="E104801" s="15">
        <v>45422</v>
      </c>
      <c r="F104801" s="14" t="s">
        <v>53</v>
      </c>
      <c r="G104801" s="16">
        <v>0</v>
      </c>
    </row>
    <row r="104802" spans="1:7" x14ac:dyDescent="0.3">
      <c r="A104802" s="13" t="s">
        <v>511</v>
      </c>
      <c r="B104802" s="14" t="s">
        <v>1</v>
      </c>
      <c r="C104802" s="14" t="s">
        <v>342</v>
      </c>
      <c r="D104802" s="14" t="s">
        <v>512</v>
      </c>
      <c r="E104802" s="15">
        <v>45423</v>
      </c>
      <c r="F104802" s="14" t="s">
        <v>53</v>
      </c>
      <c r="G104802" s="16">
        <v>0</v>
      </c>
    </row>
    <row r="104803" spans="1:7" x14ac:dyDescent="0.3">
      <c r="A104803" s="13" t="s">
        <v>511</v>
      </c>
      <c r="B104803" s="14" t="s">
        <v>1</v>
      </c>
      <c r="C104803" s="14" t="s">
        <v>342</v>
      </c>
      <c r="D104803" s="14" t="s">
        <v>512</v>
      </c>
      <c r="E104803" s="15">
        <v>45424</v>
      </c>
      <c r="F104803" s="14" t="s">
        <v>53</v>
      </c>
      <c r="G104803" s="16">
        <v>0</v>
      </c>
    </row>
    <row r="104804" spans="1:7" x14ac:dyDescent="0.3">
      <c r="A104804" s="13" t="s">
        <v>511</v>
      </c>
      <c r="B104804" s="14" t="s">
        <v>1</v>
      </c>
      <c r="C104804" s="14" t="s">
        <v>342</v>
      </c>
      <c r="D104804" s="14" t="s">
        <v>512</v>
      </c>
      <c r="E104804" s="15">
        <v>45425</v>
      </c>
      <c r="F104804" s="14" t="s">
        <v>53</v>
      </c>
      <c r="G104804" s="16">
        <v>2.0162440877221133E-2</v>
      </c>
    </row>
    <row r="104805" spans="1:7" x14ac:dyDescent="0.3">
      <c r="A104805" s="13" t="s">
        <v>511</v>
      </c>
      <c r="B104805" s="14" t="s">
        <v>1</v>
      </c>
      <c r="C104805" s="14" t="s">
        <v>342</v>
      </c>
      <c r="D104805" s="14" t="s">
        <v>512</v>
      </c>
      <c r="E104805" s="15">
        <v>45426</v>
      </c>
      <c r="F104805" s="14" t="s">
        <v>53</v>
      </c>
      <c r="G104805" s="16">
        <v>5.1083876142541763E-2</v>
      </c>
    </row>
    <row r="104806" spans="1:7" x14ac:dyDescent="0.3">
      <c r="A104806" s="13" t="s">
        <v>511</v>
      </c>
      <c r="B104806" s="14" t="s">
        <v>1</v>
      </c>
      <c r="C104806" s="14" t="s">
        <v>342</v>
      </c>
      <c r="D104806" s="14" t="s">
        <v>512</v>
      </c>
      <c r="E104806" s="15">
        <v>45427</v>
      </c>
      <c r="F104806" s="14" t="s">
        <v>53</v>
      </c>
      <c r="G104806" s="16">
        <v>6.1358558161109099E-2</v>
      </c>
    </row>
    <row r="104807" spans="1:7" x14ac:dyDescent="0.3">
      <c r="A104807" s="13" t="s">
        <v>511</v>
      </c>
      <c r="B104807" s="14" t="s">
        <v>1</v>
      </c>
      <c r="C104807" s="14" t="s">
        <v>342</v>
      </c>
      <c r="D104807" s="14" t="s">
        <v>512</v>
      </c>
      <c r="E104807" s="15">
        <v>45428</v>
      </c>
      <c r="F104807" s="14" t="s">
        <v>53</v>
      </c>
      <c r="G104807" s="16">
        <v>7.1790642777079042E-2</v>
      </c>
    </row>
    <row r="104808" spans="1:7" x14ac:dyDescent="0.3">
      <c r="A104808" s="13" t="s">
        <v>511</v>
      </c>
      <c r="B104808" s="14" t="s">
        <v>1</v>
      </c>
      <c r="C104808" s="14" t="s">
        <v>342</v>
      </c>
      <c r="D104808" s="14" t="s">
        <v>512</v>
      </c>
      <c r="E104808" s="15">
        <v>45429</v>
      </c>
      <c r="F104808" s="14" t="s">
        <v>53</v>
      </c>
      <c r="G104808" s="16">
        <v>8.2211298821620413E-2</v>
      </c>
    </row>
    <row r="104809" spans="1:7" x14ac:dyDescent="0.3">
      <c r="A104809" s="13" t="s">
        <v>511</v>
      </c>
      <c r="B104809" s="14" t="s">
        <v>1</v>
      </c>
      <c r="C104809" s="14" t="s">
        <v>342</v>
      </c>
      <c r="D104809" s="14" t="s">
        <v>512</v>
      </c>
      <c r="E104809" s="15">
        <v>45430</v>
      </c>
      <c r="F104809" s="14" t="s">
        <v>53</v>
      </c>
      <c r="G104809" s="16">
        <v>8.2211298821620413E-2</v>
      </c>
    </row>
    <row r="104810" spans="1:7" x14ac:dyDescent="0.3">
      <c r="A104810" s="13" t="s">
        <v>511</v>
      </c>
      <c r="B104810" s="14" t="s">
        <v>1</v>
      </c>
      <c r="C104810" s="14" t="s">
        <v>342</v>
      </c>
      <c r="D104810" s="14" t="s">
        <v>512</v>
      </c>
      <c r="E104810" s="15">
        <v>45431</v>
      </c>
      <c r="F104810" s="14" t="s">
        <v>53</v>
      </c>
      <c r="G104810" s="16">
        <v>8.2211298821620413E-2</v>
      </c>
    </row>
    <row r="104811" spans="1:7" x14ac:dyDescent="0.3">
      <c r="A104811" s="13" t="s">
        <v>511</v>
      </c>
      <c r="B104811" s="14" t="s">
        <v>1</v>
      </c>
      <c r="C104811" s="14" t="s">
        <v>342</v>
      </c>
      <c r="D104811" s="14" t="s">
        <v>512</v>
      </c>
      <c r="E104811" s="15">
        <v>45432</v>
      </c>
      <c r="F104811" s="14" t="s">
        <v>53</v>
      </c>
      <c r="G104811" s="16">
        <v>8.2211298821620413E-2</v>
      </c>
    </row>
    <row r="104812" spans="1:7" x14ac:dyDescent="0.3">
      <c r="A104812" s="13" t="s">
        <v>511</v>
      </c>
      <c r="B104812" s="14" t="s">
        <v>1</v>
      </c>
      <c r="C104812" s="14" t="s">
        <v>342</v>
      </c>
      <c r="D104812" s="14" t="s">
        <v>512</v>
      </c>
      <c r="E104812" s="15">
        <v>45433</v>
      </c>
      <c r="F104812" s="14" t="s">
        <v>53</v>
      </c>
      <c r="G104812" s="16">
        <v>9.2629011143218101E-2</v>
      </c>
    </row>
    <row r="104813" spans="1:7" x14ac:dyDescent="0.3">
      <c r="A104813" s="13" t="s">
        <v>511</v>
      </c>
      <c r="B104813" s="14" t="s">
        <v>1</v>
      </c>
      <c r="C104813" s="14" t="s">
        <v>342</v>
      </c>
      <c r="D104813" s="14" t="s">
        <v>512</v>
      </c>
      <c r="E104813" s="15">
        <v>45434</v>
      </c>
      <c r="F104813" s="14" t="s">
        <v>53</v>
      </c>
      <c r="G104813" s="16">
        <v>0.1343165070145993</v>
      </c>
    </row>
    <row r="104814" spans="1:7" x14ac:dyDescent="0.3">
      <c r="A104814" s="13" t="s">
        <v>511</v>
      </c>
      <c r="B104814" s="14" t="s">
        <v>1</v>
      </c>
      <c r="C104814" s="14" t="s">
        <v>342</v>
      </c>
      <c r="D104814" s="14" t="s">
        <v>512</v>
      </c>
      <c r="E104814" s="15">
        <v>45435</v>
      </c>
      <c r="F104814" s="14" t="s">
        <v>53</v>
      </c>
      <c r="G104814" s="16">
        <v>0.14469196825394584</v>
      </c>
    </row>
    <row r="104815" spans="1:7" x14ac:dyDescent="0.3">
      <c r="A104815" s="13" t="s">
        <v>511</v>
      </c>
      <c r="B104815" s="14" t="s">
        <v>1</v>
      </c>
      <c r="C104815" s="14" t="s">
        <v>342</v>
      </c>
      <c r="D104815" s="14" t="s">
        <v>512</v>
      </c>
      <c r="E104815" s="15">
        <v>45436</v>
      </c>
      <c r="F104815" s="14" t="s">
        <v>53</v>
      </c>
      <c r="G104815" s="16">
        <v>0.1550708926967557</v>
      </c>
    </row>
    <row r="104816" spans="1:7" x14ac:dyDescent="0.3">
      <c r="A104816" s="13" t="s">
        <v>511</v>
      </c>
      <c r="B104816" s="14" t="s">
        <v>1</v>
      </c>
      <c r="C104816" s="14" t="s">
        <v>342</v>
      </c>
      <c r="D104816" s="14" t="s">
        <v>512</v>
      </c>
      <c r="E104816" s="15">
        <v>45437</v>
      </c>
      <c r="F104816" s="14" t="s">
        <v>53</v>
      </c>
      <c r="G104816" s="16">
        <v>0.1550708926967557</v>
      </c>
    </row>
    <row r="104817" spans="1:7" x14ac:dyDescent="0.3">
      <c r="A104817" s="13" t="s">
        <v>511</v>
      </c>
      <c r="B104817" s="14" t="s">
        <v>1</v>
      </c>
      <c r="C104817" s="14" t="s">
        <v>342</v>
      </c>
      <c r="D104817" s="14" t="s">
        <v>512</v>
      </c>
      <c r="E104817" s="15">
        <v>45438</v>
      </c>
      <c r="F104817" s="14" t="s">
        <v>53</v>
      </c>
      <c r="G104817" s="16">
        <v>0.1550708926967557</v>
      </c>
    </row>
    <row r="104818" spans="1:7" x14ac:dyDescent="0.3">
      <c r="A104818" s="13" t="s">
        <v>511</v>
      </c>
      <c r="B104818" s="14" t="s">
        <v>1</v>
      </c>
      <c r="C104818" s="14" t="s">
        <v>342</v>
      </c>
      <c r="D104818" s="14" t="s">
        <v>512</v>
      </c>
      <c r="E104818" s="15">
        <v>45439</v>
      </c>
      <c r="F104818" s="14" t="s">
        <v>53</v>
      </c>
      <c r="G104818" s="16">
        <v>0.1550708926967557</v>
      </c>
    </row>
    <row r="104819" spans="1:7" x14ac:dyDescent="0.3">
      <c r="A104819" s="13" t="s">
        <v>511</v>
      </c>
      <c r="B104819" s="14" t="s">
        <v>1</v>
      </c>
      <c r="C104819" s="14" t="s">
        <v>342</v>
      </c>
      <c r="D104819" s="14" t="s">
        <v>512</v>
      </c>
      <c r="E104819" s="15">
        <v>45440</v>
      </c>
      <c r="F104819" s="14" t="s">
        <v>53</v>
      </c>
      <c r="G104819" s="16">
        <v>0.16545085610060431</v>
      </c>
    </row>
    <row r="104820" spans="1:7" x14ac:dyDescent="0.3">
      <c r="A104820" s="13" t="s">
        <v>511</v>
      </c>
      <c r="B104820" s="14" t="s">
        <v>1</v>
      </c>
      <c r="C104820" s="14" t="s">
        <v>342</v>
      </c>
      <c r="D104820" s="14" t="s">
        <v>512</v>
      </c>
      <c r="E104820" s="15">
        <v>45441</v>
      </c>
      <c r="F104820" s="14" t="s">
        <v>53</v>
      </c>
      <c r="G104820" s="16">
        <v>0.2074981788118124</v>
      </c>
    </row>
    <row r="104821" spans="1:7" x14ac:dyDescent="0.3">
      <c r="A104821" s="13" t="s">
        <v>511</v>
      </c>
      <c r="B104821" s="14" t="s">
        <v>1</v>
      </c>
      <c r="C104821" s="14" t="s">
        <v>342</v>
      </c>
      <c r="D104821" s="14" t="s">
        <v>512</v>
      </c>
      <c r="E104821" s="15">
        <v>45442</v>
      </c>
      <c r="F104821" s="14" t="s">
        <v>53</v>
      </c>
      <c r="G104821" s="16">
        <v>0.21990705996457888</v>
      </c>
    </row>
    <row r="104822" spans="1:7" x14ac:dyDescent="0.3">
      <c r="A104822" s="13" t="s">
        <v>511</v>
      </c>
      <c r="B104822" s="14" t="s">
        <v>1</v>
      </c>
      <c r="C104822" s="14" t="s">
        <v>342</v>
      </c>
      <c r="D104822" s="14" t="s">
        <v>512</v>
      </c>
      <c r="E104822" s="15">
        <v>45443</v>
      </c>
      <c r="F104822" s="14" t="s">
        <v>53</v>
      </c>
      <c r="G104822" s="16">
        <v>0.23031005367145796</v>
      </c>
    </row>
    <row r="104823" spans="1:7" x14ac:dyDescent="0.3">
      <c r="A104823" s="13" t="s">
        <v>511</v>
      </c>
      <c r="B104823" s="14" t="s">
        <v>1</v>
      </c>
      <c r="C104823" s="14" t="s">
        <v>342</v>
      </c>
      <c r="D104823" s="14" t="s">
        <v>512</v>
      </c>
      <c r="E104823" s="15">
        <v>45444</v>
      </c>
      <c r="F104823" s="14" t="s">
        <v>53</v>
      </c>
      <c r="G104823" s="16">
        <v>0.23031005367145796</v>
      </c>
    </row>
    <row r="104824" spans="1:7" x14ac:dyDescent="0.3">
      <c r="A104824" s="13" t="s">
        <v>511</v>
      </c>
      <c r="B104824" s="14" t="s">
        <v>1</v>
      </c>
      <c r="C104824" s="14" t="s">
        <v>342</v>
      </c>
      <c r="D104824" s="14" t="s">
        <v>512</v>
      </c>
      <c r="E104824" s="15">
        <v>45445</v>
      </c>
      <c r="F104824" s="14" t="s">
        <v>53</v>
      </c>
      <c r="G104824" s="16">
        <v>0.23031005367145796</v>
      </c>
    </row>
    <row r="104825" spans="1:7" x14ac:dyDescent="0.3">
      <c r="A104825" s="13" t="s">
        <v>511</v>
      </c>
      <c r="B104825" s="14" t="s">
        <v>1</v>
      </c>
      <c r="C104825" s="14" t="s">
        <v>342</v>
      </c>
      <c r="D104825" s="14" t="s">
        <v>512</v>
      </c>
      <c r="E104825" s="15">
        <v>45446</v>
      </c>
      <c r="F104825" s="14" t="s">
        <v>53</v>
      </c>
      <c r="G104825" s="16">
        <v>0.23031005367145796</v>
      </c>
    </row>
    <row r="104826" spans="1:7" x14ac:dyDescent="0.3">
      <c r="A104826" s="13" t="s">
        <v>511</v>
      </c>
      <c r="B104826" s="14" t="s">
        <v>1</v>
      </c>
      <c r="C104826" s="14" t="s">
        <v>342</v>
      </c>
      <c r="D104826" s="14" t="s">
        <v>512</v>
      </c>
      <c r="E104826" s="15">
        <v>45447</v>
      </c>
      <c r="F104826" s="14" t="s">
        <v>53</v>
      </c>
      <c r="G104826" s="16">
        <v>0</v>
      </c>
    </row>
    <row r="104827" spans="1:7" x14ac:dyDescent="0.3">
      <c r="A104827" s="13" t="s">
        <v>511</v>
      </c>
      <c r="B104827" s="14" t="s">
        <v>1</v>
      </c>
      <c r="C104827" s="14" t="s">
        <v>342</v>
      </c>
      <c r="D104827" s="14" t="s">
        <v>512</v>
      </c>
      <c r="E104827" s="15">
        <v>45448</v>
      </c>
      <c r="F104827" s="14" t="s">
        <v>53</v>
      </c>
      <c r="G104827" s="16">
        <v>0</v>
      </c>
    </row>
    <row r="104828" spans="1:7" x14ac:dyDescent="0.3">
      <c r="A104828" s="13" t="s">
        <v>511</v>
      </c>
      <c r="B104828" s="14" t="s">
        <v>1</v>
      </c>
      <c r="C104828" s="14" t="s">
        <v>342</v>
      </c>
      <c r="D104828" s="14" t="s">
        <v>512</v>
      </c>
      <c r="E104828" s="15">
        <v>45449</v>
      </c>
      <c r="F104828" s="14" t="s">
        <v>53</v>
      </c>
      <c r="G104828" s="16">
        <v>0</v>
      </c>
    </row>
    <row r="104829" spans="1:7" x14ac:dyDescent="0.3">
      <c r="A104829" s="13" t="s">
        <v>511</v>
      </c>
      <c r="B104829" s="14" t="s">
        <v>1</v>
      </c>
      <c r="C104829" s="14" t="s">
        <v>342</v>
      </c>
      <c r="D104829" s="14" t="s">
        <v>512</v>
      </c>
      <c r="E104829" s="15">
        <v>45450</v>
      </c>
      <c r="F104829" s="14" t="s">
        <v>53</v>
      </c>
      <c r="G104829" s="16">
        <v>0</v>
      </c>
    </row>
    <row r="104830" spans="1:7" x14ac:dyDescent="0.3">
      <c r="A104830" s="13" t="s">
        <v>511</v>
      </c>
      <c r="B104830" s="14" t="s">
        <v>1</v>
      </c>
      <c r="C104830" s="14" t="s">
        <v>342</v>
      </c>
      <c r="D104830" s="14" t="s">
        <v>512</v>
      </c>
      <c r="E104830" s="15">
        <v>45451</v>
      </c>
      <c r="F104830" s="14" t="s">
        <v>53</v>
      </c>
      <c r="G104830" s="16">
        <v>0</v>
      </c>
    </row>
    <row r="104831" spans="1:7" x14ac:dyDescent="0.3">
      <c r="A104831" s="13" t="s">
        <v>511</v>
      </c>
      <c r="B104831" s="14" t="s">
        <v>1</v>
      </c>
      <c r="C104831" s="14" t="s">
        <v>342</v>
      </c>
      <c r="D104831" s="14" t="s">
        <v>512</v>
      </c>
      <c r="E104831" s="15">
        <v>45452</v>
      </c>
      <c r="F104831" s="14" t="s">
        <v>53</v>
      </c>
      <c r="G104831" s="16">
        <v>0</v>
      </c>
    </row>
    <row r="104832" spans="1:7" x14ac:dyDescent="0.3">
      <c r="A104832" s="13" t="s">
        <v>511</v>
      </c>
      <c r="B104832" s="14" t="s">
        <v>1</v>
      </c>
      <c r="C104832" s="14" t="s">
        <v>342</v>
      </c>
      <c r="D104832" s="14" t="s">
        <v>512</v>
      </c>
      <c r="E104832" s="15">
        <v>45453</v>
      </c>
      <c r="F104832" s="14" t="s">
        <v>53</v>
      </c>
      <c r="G104832" s="16">
        <v>0</v>
      </c>
    </row>
    <row r="104833" spans="1:7" x14ac:dyDescent="0.3">
      <c r="A104833" s="13" t="s">
        <v>511</v>
      </c>
      <c r="B104833" s="14" t="s">
        <v>1</v>
      </c>
      <c r="C104833" s="14" t="s">
        <v>342</v>
      </c>
      <c r="D104833" s="14" t="s">
        <v>512</v>
      </c>
      <c r="E104833" s="15">
        <v>45454</v>
      </c>
      <c r="F104833" s="14" t="s">
        <v>53</v>
      </c>
      <c r="G104833" s="16">
        <v>0</v>
      </c>
    </row>
    <row r="104834" spans="1:7" x14ac:dyDescent="0.3">
      <c r="A104834" s="13" t="s">
        <v>511</v>
      </c>
      <c r="B104834" s="14" t="s">
        <v>1</v>
      </c>
      <c r="C104834" s="14" t="s">
        <v>342</v>
      </c>
      <c r="D104834" s="14" t="s">
        <v>512</v>
      </c>
      <c r="E104834" s="15">
        <v>45455</v>
      </c>
      <c r="F104834" s="14" t="s">
        <v>53</v>
      </c>
      <c r="G104834" s="16">
        <v>0</v>
      </c>
    </row>
    <row r="104835" spans="1:7" x14ac:dyDescent="0.3">
      <c r="A104835" s="13" t="s">
        <v>511</v>
      </c>
      <c r="B104835" s="14" t="s">
        <v>1</v>
      </c>
      <c r="C104835" s="14" t="s">
        <v>342</v>
      </c>
      <c r="D104835" s="14" t="s">
        <v>512</v>
      </c>
      <c r="E104835" s="15">
        <v>45456</v>
      </c>
      <c r="F104835" s="14" t="s">
        <v>53</v>
      </c>
      <c r="G104835" s="16">
        <v>0</v>
      </c>
    </row>
    <row r="104836" spans="1:7" x14ac:dyDescent="0.3">
      <c r="A104836" s="13" t="s">
        <v>511</v>
      </c>
      <c r="B104836" s="14" t="s">
        <v>1</v>
      </c>
      <c r="C104836" s="14" t="s">
        <v>342</v>
      </c>
      <c r="D104836" s="14" t="s">
        <v>512</v>
      </c>
      <c r="E104836" s="15">
        <v>45457</v>
      </c>
      <c r="F104836" s="14" t="s">
        <v>53</v>
      </c>
      <c r="G104836" s="16">
        <v>0</v>
      </c>
    </row>
    <row r="104837" spans="1:7" x14ac:dyDescent="0.3">
      <c r="A104837" s="13" t="s">
        <v>511</v>
      </c>
      <c r="B104837" s="14" t="s">
        <v>1</v>
      </c>
      <c r="C104837" s="14" t="s">
        <v>342</v>
      </c>
      <c r="D104837" s="14" t="s">
        <v>512</v>
      </c>
      <c r="E104837" s="15">
        <v>45458</v>
      </c>
      <c r="F104837" s="14" t="s">
        <v>53</v>
      </c>
      <c r="G104837" s="16">
        <v>0</v>
      </c>
    </row>
    <row r="104838" spans="1:7" x14ac:dyDescent="0.3">
      <c r="A104838" s="13" t="s">
        <v>511</v>
      </c>
      <c r="B104838" s="14" t="s">
        <v>1</v>
      </c>
      <c r="C104838" s="14" t="s">
        <v>342</v>
      </c>
      <c r="D104838" s="14" t="s">
        <v>512</v>
      </c>
      <c r="E104838" s="15">
        <v>45459</v>
      </c>
      <c r="F104838" s="14" t="s">
        <v>53</v>
      </c>
      <c r="G104838" s="16">
        <v>0</v>
      </c>
    </row>
    <row r="104839" spans="1:7" x14ac:dyDescent="0.3">
      <c r="A104839" s="13" t="s">
        <v>511</v>
      </c>
      <c r="B104839" s="14" t="s">
        <v>1</v>
      </c>
      <c r="C104839" s="14" t="s">
        <v>342</v>
      </c>
      <c r="D104839" s="14" t="s">
        <v>512</v>
      </c>
      <c r="E104839" s="15">
        <v>45460</v>
      </c>
      <c r="F104839" s="14" t="s">
        <v>53</v>
      </c>
      <c r="G104839" s="16">
        <v>0</v>
      </c>
    </row>
    <row r="104840" spans="1:7" x14ac:dyDescent="0.3">
      <c r="A104840" s="13" t="s">
        <v>511</v>
      </c>
      <c r="B104840" s="14" t="s">
        <v>1</v>
      </c>
      <c r="C104840" s="14" t="s">
        <v>342</v>
      </c>
      <c r="D104840" s="14" t="s">
        <v>512</v>
      </c>
      <c r="E104840" s="15">
        <v>45461</v>
      </c>
      <c r="F104840" s="14" t="s">
        <v>53</v>
      </c>
      <c r="G104840" s="16">
        <v>1.5707486611629812E-2</v>
      </c>
    </row>
    <row r="104841" spans="1:7" x14ac:dyDescent="0.3">
      <c r="A104841" s="13" t="s">
        <v>511</v>
      </c>
      <c r="B104841" s="14" t="s">
        <v>1</v>
      </c>
      <c r="C104841" s="14" t="s">
        <v>342</v>
      </c>
      <c r="D104841" s="14" t="s">
        <v>512</v>
      </c>
      <c r="E104841" s="15">
        <v>45462</v>
      </c>
      <c r="F104841" s="14" t="s">
        <v>53</v>
      </c>
      <c r="G104841" s="16">
        <v>2.6036194604223174E-2</v>
      </c>
    </row>
    <row r="104842" spans="1:7" x14ac:dyDescent="0.3">
      <c r="A104842" s="13" t="s">
        <v>511</v>
      </c>
      <c r="B104842" s="14" t="s">
        <v>1</v>
      </c>
      <c r="C104842" s="14" t="s">
        <v>342</v>
      </c>
      <c r="D104842" s="14" t="s">
        <v>512</v>
      </c>
      <c r="E104842" s="15">
        <v>45463</v>
      </c>
      <c r="F104842" s="14" t="s">
        <v>53</v>
      </c>
      <c r="G104842" s="16">
        <v>3.6346084436179545E-2</v>
      </c>
    </row>
    <row r="104843" spans="1:7" x14ac:dyDescent="0.3">
      <c r="A104843" s="13" t="s">
        <v>511</v>
      </c>
      <c r="B104843" s="14" t="s">
        <v>1</v>
      </c>
      <c r="C104843" s="14" t="s">
        <v>342</v>
      </c>
      <c r="D104843" s="14" t="s">
        <v>512</v>
      </c>
      <c r="E104843" s="15">
        <v>45464</v>
      </c>
      <c r="F104843" s="14" t="s">
        <v>53</v>
      </c>
      <c r="G104843" s="16">
        <v>4.6641126959210653E-2</v>
      </c>
    </row>
    <row r="104844" spans="1:7" x14ac:dyDescent="0.3">
      <c r="A104844" s="13" t="s">
        <v>511</v>
      </c>
      <c r="B104844" s="14" t="s">
        <v>1</v>
      </c>
      <c r="C104844" s="14" t="s">
        <v>342</v>
      </c>
      <c r="D104844" s="14" t="s">
        <v>512</v>
      </c>
      <c r="E104844" s="15">
        <v>45465</v>
      </c>
      <c r="F104844" s="14" t="s">
        <v>53</v>
      </c>
      <c r="G104844" s="16">
        <v>4.6641126959210653E-2</v>
      </c>
    </row>
    <row r="104845" spans="1:7" x14ac:dyDescent="0.3">
      <c r="A104845" s="13" t="s">
        <v>511</v>
      </c>
      <c r="B104845" s="14" t="s">
        <v>1</v>
      </c>
      <c r="C104845" s="14" t="s">
        <v>342</v>
      </c>
      <c r="D104845" s="14" t="s">
        <v>512</v>
      </c>
      <c r="E104845" s="15">
        <v>45466</v>
      </c>
      <c r="F104845" s="14" t="s">
        <v>53</v>
      </c>
      <c r="G104845" s="16">
        <v>4.6641126959210653E-2</v>
      </c>
    </row>
    <row r="104846" spans="1:7" x14ac:dyDescent="0.3">
      <c r="A104846" s="13" t="s">
        <v>511</v>
      </c>
      <c r="B104846" s="14" t="s">
        <v>1</v>
      </c>
      <c r="C104846" s="14" t="s">
        <v>342</v>
      </c>
      <c r="D104846" s="14" t="s">
        <v>512</v>
      </c>
      <c r="E104846" s="15">
        <v>45467</v>
      </c>
      <c r="F104846" s="14" t="s">
        <v>53</v>
      </c>
      <c r="G104846" s="16">
        <v>5.6934988446304534E-2</v>
      </c>
    </row>
    <row r="104847" spans="1:7" x14ac:dyDescent="0.3">
      <c r="A104847" s="13" t="s">
        <v>511</v>
      </c>
      <c r="B104847" s="14" t="s">
        <v>1</v>
      </c>
      <c r="C104847" s="14" t="s">
        <v>342</v>
      </c>
      <c r="D104847" s="14" t="s">
        <v>512</v>
      </c>
      <c r="E104847" s="15">
        <v>45468</v>
      </c>
      <c r="F104847" s="14" t="s">
        <v>53</v>
      </c>
      <c r="G104847" s="16">
        <v>8.7809919614518769E-2</v>
      </c>
    </row>
    <row r="104848" spans="1:7" x14ac:dyDescent="0.3">
      <c r="A104848" s="13" t="s">
        <v>511</v>
      </c>
      <c r="B104848" s="14" t="s">
        <v>1</v>
      </c>
      <c r="C104848" s="14" t="s">
        <v>342</v>
      </c>
      <c r="D104848" s="14" t="s">
        <v>512</v>
      </c>
      <c r="E104848" s="15">
        <v>45469</v>
      </c>
      <c r="F104848" s="14" t="s">
        <v>53</v>
      </c>
      <c r="G104848" s="16">
        <v>9.8080835260546326E-2</v>
      </c>
    </row>
    <row r="104849" spans="1:7" x14ac:dyDescent="0.3">
      <c r="A104849" s="13" t="s">
        <v>511</v>
      </c>
      <c r="B104849" s="14" t="s">
        <v>1</v>
      </c>
      <c r="C104849" s="14" t="s">
        <v>342</v>
      </c>
      <c r="D104849" s="14" t="s">
        <v>512</v>
      </c>
      <c r="E104849" s="15">
        <v>45470</v>
      </c>
      <c r="F104849" s="14" t="s">
        <v>53</v>
      </c>
      <c r="G104849" s="16">
        <v>0.10835090730947594</v>
      </c>
    </row>
    <row r="104850" spans="1:7" x14ac:dyDescent="0.3">
      <c r="A104850" s="13" t="s">
        <v>511</v>
      </c>
      <c r="B104850" s="14" t="s">
        <v>1</v>
      </c>
      <c r="C104850" s="14" t="s">
        <v>342</v>
      </c>
      <c r="D104850" s="14" t="s">
        <v>512</v>
      </c>
      <c r="E104850" s="15">
        <v>45471</v>
      </c>
      <c r="F104850" s="14" t="s">
        <v>53</v>
      </c>
      <c r="G104850" s="16">
        <v>0.11863768258094642</v>
      </c>
    </row>
    <row r="104851" spans="1:7" x14ac:dyDescent="0.3">
      <c r="A104851" s="13" t="s">
        <v>511</v>
      </c>
      <c r="B104851" s="14" t="s">
        <v>1</v>
      </c>
      <c r="C104851" s="14" t="s">
        <v>342</v>
      </c>
      <c r="D104851" s="14" t="s">
        <v>512</v>
      </c>
      <c r="E104851" s="15">
        <v>45472</v>
      </c>
      <c r="F104851" s="14" t="s">
        <v>53</v>
      </c>
      <c r="G104851" s="16">
        <v>0.11863768258094642</v>
      </c>
    </row>
    <row r="104852" spans="1:7" x14ac:dyDescent="0.3">
      <c r="A104852" s="13" t="s">
        <v>511</v>
      </c>
      <c r="B104852" s="14" t="s">
        <v>1</v>
      </c>
      <c r="C104852" s="14" t="s">
        <v>342</v>
      </c>
      <c r="D104852" s="14" t="s">
        <v>512</v>
      </c>
      <c r="E104852" s="15">
        <v>45473</v>
      </c>
      <c r="F104852" s="14" t="s">
        <v>53</v>
      </c>
      <c r="G104852" s="16">
        <v>0.11863768258094642</v>
      </c>
    </row>
    <row r="104853" spans="1:7" x14ac:dyDescent="0.3">
      <c r="A104853" s="13" t="s">
        <v>511</v>
      </c>
      <c r="B104853" s="14" t="s">
        <v>1</v>
      </c>
      <c r="C104853" s="14" t="s">
        <v>342</v>
      </c>
      <c r="D104853" s="14" t="s">
        <v>512</v>
      </c>
      <c r="E104853" s="15">
        <v>45474</v>
      </c>
      <c r="F104853" s="14" t="s">
        <v>53</v>
      </c>
      <c r="G104853" s="16">
        <v>0</v>
      </c>
    </row>
    <row r="104854" spans="1:7" x14ac:dyDescent="0.3">
      <c r="A104854" s="13" t="s">
        <v>511</v>
      </c>
      <c r="B104854" s="14" t="s">
        <v>1</v>
      </c>
      <c r="C104854" s="14" t="s">
        <v>342</v>
      </c>
      <c r="D104854" s="14" t="s">
        <v>512</v>
      </c>
      <c r="E104854" s="15">
        <v>45475</v>
      </c>
      <c r="F104854" s="14" t="s">
        <v>53</v>
      </c>
      <c r="G104854" s="16">
        <v>0</v>
      </c>
    </row>
    <row r="104855" spans="1:7" x14ac:dyDescent="0.3">
      <c r="A104855" s="13" t="s">
        <v>511</v>
      </c>
      <c r="B104855" s="14" t="s">
        <v>1</v>
      </c>
      <c r="C104855" s="14" t="s">
        <v>342</v>
      </c>
      <c r="D104855" s="14" t="s">
        <v>512</v>
      </c>
      <c r="E104855" s="15">
        <v>45476</v>
      </c>
      <c r="F104855" s="14" t="s">
        <v>53</v>
      </c>
      <c r="G104855" s="16">
        <v>0</v>
      </c>
    </row>
    <row r="104856" spans="1:7" x14ac:dyDescent="0.3">
      <c r="A104856" s="13" t="s">
        <v>511</v>
      </c>
      <c r="B104856" s="14" t="s">
        <v>1</v>
      </c>
      <c r="C104856" s="14" t="s">
        <v>342</v>
      </c>
      <c r="D104856" s="14" t="s">
        <v>512</v>
      </c>
      <c r="E104856" s="15">
        <v>45477</v>
      </c>
      <c r="F104856" s="14" t="s">
        <v>53</v>
      </c>
      <c r="G104856" s="16">
        <v>0</v>
      </c>
    </row>
    <row r="104857" spans="1:7" x14ac:dyDescent="0.3">
      <c r="A104857" s="13" t="s">
        <v>511</v>
      </c>
      <c r="B104857" s="14" t="s">
        <v>1</v>
      </c>
      <c r="C104857" s="14" t="s">
        <v>342</v>
      </c>
      <c r="D104857" s="14" t="s">
        <v>512</v>
      </c>
      <c r="E104857" s="15">
        <v>45478</v>
      </c>
      <c r="F104857" s="14" t="s">
        <v>53</v>
      </c>
      <c r="G104857" s="16">
        <v>0</v>
      </c>
    </row>
    <row r="104858" spans="1:7" x14ac:dyDescent="0.3">
      <c r="A104858" s="13" t="s">
        <v>511</v>
      </c>
      <c r="B104858" s="14" t="s">
        <v>1</v>
      </c>
      <c r="C104858" s="14" t="s">
        <v>342</v>
      </c>
      <c r="D104858" s="14" t="s">
        <v>512</v>
      </c>
      <c r="E104858" s="15">
        <v>45479</v>
      </c>
      <c r="F104858" s="14" t="s">
        <v>53</v>
      </c>
      <c r="G104858" s="16">
        <v>0</v>
      </c>
    </row>
    <row r="104859" spans="1:7" x14ac:dyDescent="0.3">
      <c r="A104859" s="13" t="s">
        <v>511</v>
      </c>
      <c r="B104859" s="14" t="s">
        <v>1</v>
      </c>
      <c r="C104859" s="14" t="s">
        <v>342</v>
      </c>
      <c r="D104859" s="14" t="s">
        <v>512</v>
      </c>
      <c r="E104859" s="15">
        <v>45480</v>
      </c>
      <c r="F104859" s="14" t="s">
        <v>53</v>
      </c>
      <c r="G104859" s="16">
        <v>0</v>
      </c>
    </row>
    <row r="104860" spans="1:7" x14ac:dyDescent="0.3">
      <c r="A104860" s="13" t="s">
        <v>511</v>
      </c>
      <c r="B104860" s="14" t="s">
        <v>1</v>
      </c>
      <c r="C104860" s="14" t="s">
        <v>342</v>
      </c>
      <c r="D104860" s="14" t="s">
        <v>512</v>
      </c>
      <c r="E104860" s="15">
        <v>45481</v>
      </c>
      <c r="F104860" s="14" t="s">
        <v>53</v>
      </c>
      <c r="G104860" s="16">
        <v>0</v>
      </c>
    </row>
    <row r="104861" spans="1:7" x14ac:dyDescent="0.3">
      <c r="A104861" s="13" t="s">
        <v>511</v>
      </c>
      <c r="B104861" s="14" t="s">
        <v>1</v>
      </c>
      <c r="C104861" s="14" t="s">
        <v>342</v>
      </c>
      <c r="D104861" s="14" t="s">
        <v>512</v>
      </c>
      <c r="E104861" s="15">
        <v>45482</v>
      </c>
      <c r="F104861" s="14" t="s">
        <v>53</v>
      </c>
      <c r="G104861" s="16">
        <v>0</v>
      </c>
    </row>
    <row r="104862" spans="1:7" x14ac:dyDescent="0.3">
      <c r="A104862" s="13" t="s">
        <v>511</v>
      </c>
      <c r="B104862" s="14" t="s">
        <v>1</v>
      </c>
      <c r="C104862" s="14" t="s">
        <v>342</v>
      </c>
      <c r="D104862" s="14" t="s">
        <v>512</v>
      </c>
      <c r="E104862" s="15">
        <v>45483</v>
      </c>
      <c r="F104862" s="14" t="s">
        <v>53</v>
      </c>
      <c r="G104862" s="16">
        <v>0</v>
      </c>
    </row>
    <row r="104863" spans="1:7" x14ac:dyDescent="0.3">
      <c r="A104863" s="13" t="s">
        <v>511</v>
      </c>
      <c r="B104863" s="14" t="s">
        <v>1</v>
      </c>
      <c r="C104863" s="14" t="s">
        <v>342</v>
      </c>
      <c r="D104863" s="14" t="s">
        <v>512</v>
      </c>
      <c r="E104863" s="15">
        <v>45484</v>
      </c>
      <c r="F104863" s="14" t="s">
        <v>53</v>
      </c>
      <c r="G104863" s="16">
        <v>0</v>
      </c>
    </row>
    <row r="104864" spans="1:7" x14ac:dyDescent="0.3">
      <c r="A104864" s="13" t="s">
        <v>511</v>
      </c>
      <c r="B104864" s="14" t="s">
        <v>1</v>
      </c>
      <c r="C104864" s="14" t="s">
        <v>342</v>
      </c>
      <c r="D104864" s="14" t="s">
        <v>512</v>
      </c>
      <c r="E104864" s="15">
        <v>45485</v>
      </c>
      <c r="F104864" s="14" t="s">
        <v>53</v>
      </c>
      <c r="G104864" s="16">
        <v>0</v>
      </c>
    </row>
    <row r="104865" spans="1:7" x14ac:dyDescent="0.3">
      <c r="A104865" s="13" t="s">
        <v>511</v>
      </c>
      <c r="B104865" s="14" t="s">
        <v>1</v>
      </c>
      <c r="C104865" s="14" t="s">
        <v>342</v>
      </c>
      <c r="D104865" s="14" t="s">
        <v>512</v>
      </c>
      <c r="E104865" s="15">
        <v>45486</v>
      </c>
      <c r="F104865" s="14" t="s">
        <v>53</v>
      </c>
      <c r="G104865" s="16">
        <v>0</v>
      </c>
    </row>
    <row r="104866" spans="1:7" x14ac:dyDescent="0.3">
      <c r="A104866" s="13" t="s">
        <v>511</v>
      </c>
      <c r="B104866" s="14" t="s">
        <v>1</v>
      </c>
      <c r="C104866" s="14" t="s">
        <v>342</v>
      </c>
      <c r="D104866" s="14" t="s">
        <v>512</v>
      </c>
      <c r="E104866" s="15">
        <v>45487</v>
      </c>
      <c r="F104866" s="14" t="s">
        <v>53</v>
      </c>
      <c r="G104866" s="16">
        <v>0</v>
      </c>
    </row>
    <row r="104867" spans="1:7" x14ac:dyDescent="0.3">
      <c r="A104867" s="13" t="s">
        <v>511</v>
      </c>
      <c r="B104867" s="14" t="s">
        <v>1</v>
      </c>
      <c r="C104867" s="14" t="s">
        <v>342</v>
      </c>
      <c r="D104867" s="14" t="s">
        <v>512</v>
      </c>
      <c r="E104867" s="15">
        <v>45488</v>
      </c>
      <c r="F104867" s="14" t="s">
        <v>53</v>
      </c>
      <c r="G104867" s="16">
        <v>0</v>
      </c>
    </row>
    <row r="104868" spans="1:7" x14ac:dyDescent="0.3">
      <c r="A104868" s="13" t="s">
        <v>511</v>
      </c>
      <c r="B104868" s="14" t="s">
        <v>1</v>
      </c>
      <c r="C104868" s="14" t="s">
        <v>342</v>
      </c>
      <c r="D104868" s="14" t="s">
        <v>512</v>
      </c>
      <c r="E104868" s="15">
        <v>45489</v>
      </c>
      <c r="F104868" s="14" t="s">
        <v>53</v>
      </c>
      <c r="G104868" s="16">
        <v>0</v>
      </c>
    </row>
    <row r="104869" spans="1:7" x14ac:dyDescent="0.3">
      <c r="A104869" s="13" t="s">
        <v>511</v>
      </c>
      <c r="B104869" s="14" t="s">
        <v>1</v>
      </c>
      <c r="C104869" s="14" t="s">
        <v>342</v>
      </c>
      <c r="D104869" s="14" t="s">
        <v>512</v>
      </c>
      <c r="E104869" s="15">
        <v>45490</v>
      </c>
      <c r="F104869" s="14" t="s">
        <v>53</v>
      </c>
      <c r="G104869" s="16">
        <v>0</v>
      </c>
    </row>
    <row r="104870" spans="1:7" x14ac:dyDescent="0.3">
      <c r="A104870" s="13" t="s">
        <v>511</v>
      </c>
      <c r="B104870" s="14" t="s">
        <v>1</v>
      </c>
      <c r="C104870" s="14" t="s">
        <v>342</v>
      </c>
      <c r="D104870" s="14" t="s">
        <v>512</v>
      </c>
      <c r="E104870" s="15">
        <v>45491</v>
      </c>
      <c r="F104870" s="14" t="s">
        <v>53</v>
      </c>
      <c r="G104870" s="16">
        <v>0</v>
      </c>
    </row>
    <row r="104871" spans="1:7" x14ac:dyDescent="0.3">
      <c r="A104871" s="13" t="s">
        <v>511</v>
      </c>
      <c r="B104871" s="14" t="s">
        <v>1</v>
      </c>
      <c r="C104871" s="14" t="s">
        <v>342</v>
      </c>
      <c r="D104871" s="14" t="s">
        <v>512</v>
      </c>
      <c r="E104871" s="15">
        <v>45492</v>
      </c>
      <c r="F104871" s="14" t="s">
        <v>53</v>
      </c>
      <c r="G104871" s="16">
        <v>0</v>
      </c>
    </row>
    <row r="104872" spans="1:7" x14ac:dyDescent="0.3">
      <c r="A104872" s="13" t="s">
        <v>511</v>
      </c>
      <c r="B104872" s="14" t="s">
        <v>1</v>
      </c>
      <c r="C104872" s="14" t="s">
        <v>342</v>
      </c>
      <c r="D104872" s="14" t="s">
        <v>512</v>
      </c>
      <c r="E104872" s="15">
        <v>45493</v>
      </c>
      <c r="F104872" s="14" t="s">
        <v>53</v>
      </c>
      <c r="G104872" s="16">
        <v>0</v>
      </c>
    </row>
    <row r="104873" spans="1:7" x14ac:dyDescent="0.3">
      <c r="A104873" s="13" t="s">
        <v>511</v>
      </c>
      <c r="B104873" s="14" t="s">
        <v>1</v>
      </c>
      <c r="C104873" s="14" t="s">
        <v>342</v>
      </c>
      <c r="D104873" s="14" t="s">
        <v>512</v>
      </c>
      <c r="E104873" s="15">
        <v>45494</v>
      </c>
      <c r="F104873" s="14" t="s">
        <v>53</v>
      </c>
      <c r="G104873" s="16">
        <v>0</v>
      </c>
    </row>
    <row r="104874" spans="1:7" x14ac:dyDescent="0.3">
      <c r="A104874" s="13" t="s">
        <v>511</v>
      </c>
      <c r="B104874" s="14" t="s">
        <v>1</v>
      </c>
      <c r="C104874" s="14" t="s">
        <v>342</v>
      </c>
      <c r="D104874" s="14" t="s">
        <v>512</v>
      </c>
      <c r="E104874" s="15">
        <v>45495</v>
      </c>
      <c r="F104874" s="14" t="s">
        <v>53</v>
      </c>
      <c r="G104874" s="16">
        <v>0</v>
      </c>
    </row>
    <row r="104875" spans="1:7" x14ac:dyDescent="0.3">
      <c r="A104875" s="13" t="s">
        <v>511</v>
      </c>
      <c r="B104875" s="14" t="s">
        <v>1</v>
      </c>
      <c r="C104875" s="14" t="s">
        <v>342</v>
      </c>
      <c r="D104875" s="14" t="s">
        <v>512</v>
      </c>
      <c r="E104875" s="15">
        <v>45496</v>
      </c>
      <c r="F104875" s="14" t="s">
        <v>53</v>
      </c>
      <c r="G104875" s="16">
        <v>0</v>
      </c>
    </row>
    <row r="104876" spans="1:7" x14ac:dyDescent="0.3">
      <c r="A104876" s="13" t="s">
        <v>511</v>
      </c>
      <c r="B104876" s="14" t="s">
        <v>1</v>
      </c>
      <c r="C104876" s="14" t="s">
        <v>342</v>
      </c>
      <c r="D104876" s="14" t="s">
        <v>512</v>
      </c>
      <c r="E104876" s="15">
        <v>45497</v>
      </c>
      <c r="F104876" s="14" t="s">
        <v>53</v>
      </c>
      <c r="G104876" s="16">
        <v>0</v>
      </c>
    </row>
    <row r="104877" spans="1:7" x14ac:dyDescent="0.3">
      <c r="A104877" s="13" t="s">
        <v>511</v>
      </c>
      <c r="B104877" s="14" t="s">
        <v>1</v>
      </c>
      <c r="C104877" s="14" t="s">
        <v>342</v>
      </c>
      <c r="D104877" s="14" t="s">
        <v>512</v>
      </c>
      <c r="E104877" s="15">
        <v>45498</v>
      </c>
      <c r="F104877" s="14" t="s">
        <v>53</v>
      </c>
      <c r="G104877" s="16">
        <v>0</v>
      </c>
    </row>
    <row r="104878" spans="1:7" x14ac:dyDescent="0.3">
      <c r="A104878" s="13" t="s">
        <v>511</v>
      </c>
      <c r="B104878" s="14" t="s">
        <v>1</v>
      </c>
      <c r="C104878" s="14" t="s">
        <v>342</v>
      </c>
      <c r="D104878" s="14" t="s">
        <v>512</v>
      </c>
      <c r="E104878" s="15">
        <v>45499</v>
      </c>
      <c r="F104878" s="14" t="s">
        <v>53</v>
      </c>
      <c r="G104878" s="16">
        <v>0</v>
      </c>
    </row>
    <row r="104879" spans="1:7" x14ac:dyDescent="0.3">
      <c r="A104879" s="13" t="s">
        <v>511</v>
      </c>
      <c r="B104879" s="14" t="s">
        <v>1</v>
      </c>
      <c r="C104879" s="14" t="s">
        <v>342</v>
      </c>
      <c r="D104879" s="14" t="s">
        <v>512</v>
      </c>
      <c r="E104879" s="15">
        <v>45500</v>
      </c>
      <c r="F104879" s="14" t="s">
        <v>53</v>
      </c>
      <c r="G104879" s="16">
        <v>0</v>
      </c>
    </row>
    <row r="104880" spans="1:7" x14ac:dyDescent="0.3">
      <c r="A104880" s="13" t="s">
        <v>511</v>
      </c>
      <c r="B104880" s="14" t="s">
        <v>1</v>
      </c>
      <c r="C104880" s="14" t="s">
        <v>342</v>
      </c>
      <c r="D104880" s="14" t="s">
        <v>512</v>
      </c>
      <c r="E104880" s="15">
        <v>45501</v>
      </c>
      <c r="F104880" s="14" t="s">
        <v>53</v>
      </c>
      <c r="G104880" s="16">
        <v>0</v>
      </c>
    </row>
    <row r="104881" spans="1:7" x14ac:dyDescent="0.3">
      <c r="A104881" s="13" t="s">
        <v>511</v>
      </c>
      <c r="B104881" s="14" t="s">
        <v>1</v>
      </c>
      <c r="C104881" s="14" t="s">
        <v>342</v>
      </c>
      <c r="D104881" s="14" t="s">
        <v>512</v>
      </c>
      <c r="E104881" s="15">
        <v>45502</v>
      </c>
      <c r="F104881" s="14" t="s">
        <v>53</v>
      </c>
      <c r="G104881" s="16">
        <v>3.6641807746953152E-4</v>
      </c>
    </row>
    <row r="104882" spans="1:7" x14ac:dyDescent="0.3">
      <c r="A104882" s="13" t="s">
        <v>511</v>
      </c>
      <c r="B104882" s="14" t="s">
        <v>1</v>
      </c>
      <c r="C104882" s="14" t="s">
        <v>342</v>
      </c>
      <c r="D104882" s="14" t="s">
        <v>512</v>
      </c>
      <c r="E104882" s="15">
        <v>45503</v>
      </c>
      <c r="F104882" s="14" t="s">
        <v>53</v>
      </c>
      <c r="G104882" s="16">
        <v>3.1145944472975522E-2</v>
      </c>
    </row>
    <row r="104883" spans="1:7" x14ac:dyDescent="0.3">
      <c r="A104883" s="13" t="s">
        <v>511</v>
      </c>
      <c r="B104883" s="14" t="s">
        <v>1</v>
      </c>
      <c r="C104883" s="14" t="s">
        <v>342</v>
      </c>
      <c r="D104883" s="14" t="s">
        <v>512</v>
      </c>
      <c r="E104883" s="15">
        <v>45504</v>
      </c>
      <c r="F104883" s="14" t="s">
        <v>53</v>
      </c>
      <c r="G104883" s="16">
        <v>4.1966570898702198E-2</v>
      </c>
    </row>
    <row r="104884" spans="1:7" x14ac:dyDescent="0.3">
      <c r="A104884" s="13" t="s">
        <v>511</v>
      </c>
      <c r="B104884" s="14" t="s">
        <v>1</v>
      </c>
      <c r="C104884" s="14" t="s">
        <v>342</v>
      </c>
      <c r="D104884" s="14" t="s">
        <v>512</v>
      </c>
      <c r="E104884" s="15">
        <v>45505</v>
      </c>
      <c r="F104884" s="14" t="s">
        <v>53</v>
      </c>
      <c r="G104884" s="16">
        <v>4.1966570898702198E-2</v>
      </c>
    </row>
    <row r="104885" spans="1:7" x14ac:dyDescent="0.3">
      <c r="A104885" s="13" t="s">
        <v>511</v>
      </c>
      <c r="B104885" s="14" t="s">
        <v>1</v>
      </c>
      <c r="C104885" s="14" t="s">
        <v>342</v>
      </c>
      <c r="D104885" s="14" t="s">
        <v>512</v>
      </c>
      <c r="E104885" s="15">
        <v>45506</v>
      </c>
      <c r="F104885" s="14" t="s">
        <v>53</v>
      </c>
      <c r="G104885" s="16">
        <v>0</v>
      </c>
    </row>
    <row r="104886" spans="1:7" x14ac:dyDescent="0.3">
      <c r="A104886" s="13" t="s">
        <v>511</v>
      </c>
      <c r="B104886" s="14" t="s">
        <v>1</v>
      </c>
      <c r="C104886" s="14" t="s">
        <v>342</v>
      </c>
      <c r="D104886" s="14" t="s">
        <v>512</v>
      </c>
      <c r="E104886" s="15">
        <v>45507</v>
      </c>
      <c r="F104886" s="14" t="s">
        <v>53</v>
      </c>
      <c r="G104886" s="16">
        <v>0</v>
      </c>
    </row>
    <row r="104887" spans="1:7" x14ac:dyDescent="0.3">
      <c r="A104887" s="13" t="s">
        <v>511</v>
      </c>
      <c r="B104887" s="14" t="s">
        <v>1</v>
      </c>
      <c r="C104887" s="14" t="s">
        <v>342</v>
      </c>
      <c r="D104887" s="14" t="s">
        <v>512</v>
      </c>
      <c r="E104887" s="15">
        <v>45508</v>
      </c>
      <c r="F104887" s="14" t="s">
        <v>53</v>
      </c>
      <c r="G104887" s="16">
        <v>0</v>
      </c>
    </row>
    <row r="104888" spans="1:7" x14ac:dyDescent="0.3">
      <c r="A104888" s="13" t="s">
        <v>511</v>
      </c>
      <c r="B104888" s="14" t="s">
        <v>1</v>
      </c>
      <c r="C104888" s="14" t="s">
        <v>342</v>
      </c>
      <c r="D104888" s="14" t="s">
        <v>512</v>
      </c>
      <c r="E104888" s="15">
        <v>45509</v>
      </c>
      <c r="F104888" s="14" t="s">
        <v>53</v>
      </c>
      <c r="G104888" s="16">
        <v>0</v>
      </c>
    </row>
    <row r="104889" spans="1:7" x14ac:dyDescent="0.3">
      <c r="A104889" s="13" t="s">
        <v>511</v>
      </c>
      <c r="B104889" s="14" t="s">
        <v>1</v>
      </c>
      <c r="C104889" s="14" t="s">
        <v>342</v>
      </c>
      <c r="D104889" s="14" t="s">
        <v>512</v>
      </c>
      <c r="E104889" s="15">
        <v>45510</v>
      </c>
      <c r="F104889" s="14" t="s">
        <v>53</v>
      </c>
      <c r="G104889" s="16">
        <v>0</v>
      </c>
    </row>
    <row r="104890" spans="1:7" x14ac:dyDescent="0.3">
      <c r="A104890" s="13" t="s">
        <v>511</v>
      </c>
      <c r="B104890" s="14" t="s">
        <v>1</v>
      </c>
      <c r="C104890" s="14" t="s">
        <v>342</v>
      </c>
      <c r="D104890" s="14" t="s">
        <v>512</v>
      </c>
      <c r="E104890" s="15">
        <v>45511</v>
      </c>
      <c r="F104890" s="14" t="s">
        <v>53</v>
      </c>
      <c r="G104890" s="16">
        <v>0</v>
      </c>
    </row>
    <row r="104891" spans="1:7" x14ac:dyDescent="0.3">
      <c r="A104891" s="13" t="s">
        <v>511</v>
      </c>
      <c r="B104891" s="14" t="s">
        <v>1</v>
      </c>
      <c r="C104891" s="14" t="s">
        <v>342</v>
      </c>
      <c r="D104891" s="14" t="s">
        <v>512</v>
      </c>
      <c r="E104891" s="15">
        <v>45512</v>
      </c>
      <c r="F104891" s="14" t="s">
        <v>53</v>
      </c>
      <c r="G104891" s="16">
        <v>0</v>
      </c>
    </row>
    <row r="104892" spans="1:7" x14ac:dyDescent="0.3">
      <c r="A104892" s="13" t="s">
        <v>511</v>
      </c>
      <c r="B104892" s="14" t="s">
        <v>1</v>
      </c>
      <c r="C104892" s="14" t="s">
        <v>342</v>
      </c>
      <c r="D104892" s="14" t="s">
        <v>512</v>
      </c>
      <c r="E104892" s="15">
        <v>45513</v>
      </c>
      <c r="F104892" s="14" t="s">
        <v>53</v>
      </c>
      <c r="G104892" s="16">
        <v>0</v>
      </c>
    </row>
    <row r="104893" spans="1:7" x14ac:dyDescent="0.3">
      <c r="A104893" s="13" t="s">
        <v>511</v>
      </c>
      <c r="B104893" s="14" t="s">
        <v>1</v>
      </c>
      <c r="C104893" s="14" t="s">
        <v>342</v>
      </c>
      <c r="D104893" s="14" t="s">
        <v>512</v>
      </c>
      <c r="E104893" s="15">
        <v>45514</v>
      </c>
      <c r="F104893" s="14" t="s">
        <v>53</v>
      </c>
      <c r="G104893" s="16">
        <v>0</v>
      </c>
    </row>
    <row r="104894" spans="1:7" x14ac:dyDescent="0.3">
      <c r="A104894" s="13" t="s">
        <v>511</v>
      </c>
      <c r="B104894" s="14" t="s">
        <v>1</v>
      </c>
      <c r="C104894" s="14" t="s">
        <v>342</v>
      </c>
      <c r="D104894" s="14" t="s">
        <v>512</v>
      </c>
      <c r="E104894" s="15">
        <v>45515</v>
      </c>
      <c r="F104894" s="14" t="s">
        <v>53</v>
      </c>
      <c r="G104894" s="16">
        <v>0</v>
      </c>
    </row>
    <row r="104895" spans="1:7" x14ac:dyDescent="0.3">
      <c r="A104895" s="13" t="s">
        <v>511</v>
      </c>
      <c r="B104895" s="14" t="s">
        <v>1</v>
      </c>
      <c r="C104895" s="14" t="s">
        <v>342</v>
      </c>
      <c r="D104895" s="14" t="s">
        <v>512</v>
      </c>
      <c r="E104895" s="15">
        <v>45516</v>
      </c>
      <c r="F104895" s="14" t="s">
        <v>53</v>
      </c>
      <c r="G104895" s="16">
        <v>0</v>
      </c>
    </row>
    <row r="104896" spans="1:7" x14ac:dyDescent="0.3">
      <c r="A104896" s="13" t="s">
        <v>511</v>
      </c>
      <c r="B104896" s="14" t="s">
        <v>1</v>
      </c>
      <c r="C104896" s="14" t="s">
        <v>342</v>
      </c>
      <c r="D104896" s="14" t="s">
        <v>512</v>
      </c>
      <c r="E104896" s="15">
        <v>45517</v>
      </c>
      <c r="F104896" s="14" t="s">
        <v>53</v>
      </c>
      <c r="G104896" s="16">
        <v>0</v>
      </c>
    </row>
    <row r="104897" spans="1:7" x14ac:dyDescent="0.3">
      <c r="A104897" s="13" t="s">
        <v>511</v>
      </c>
      <c r="B104897" s="14" t="s">
        <v>1</v>
      </c>
      <c r="C104897" s="14" t="s">
        <v>342</v>
      </c>
      <c r="D104897" s="14" t="s">
        <v>512</v>
      </c>
      <c r="E104897" s="15">
        <v>45518</v>
      </c>
      <c r="F104897" s="14" t="s">
        <v>53</v>
      </c>
      <c r="G104897" s="16">
        <v>0</v>
      </c>
    </row>
    <row r="104898" spans="1:7" x14ac:dyDescent="0.3">
      <c r="A104898" s="13" t="s">
        <v>511</v>
      </c>
      <c r="B104898" s="14" t="s">
        <v>1</v>
      </c>
      <c r="C104898" s="14" t="s">
        <v>342</v>
      </c>
      <c r="D104898" s="14" t="s">
        <v>512</v>
      </c>
      <c r="E104898" s="15">
        <v>45519</v>
      </c>
      <c r="F104898" s="14" t="s">
        <v>53</v>
      </c>
      <c r="G104898" s="16">
        <v>0</v>
      </c>
    </row>
    <row r="104899" spans="1:7" x14ac:dyDescent="0.3">
      <c r="A104899" s="13" t="s">
        <v>511</v>
      </c>
      <c r="B104899" s="14" t="s">
        <v>1</v>
      </c>
      <c r="C104899" s="14" t="s">
        <v>342</v>
      </c>
      <c r="D104899" s="14" t="s">
        <v>512</v>
      </c>
      <c r="E104899" s="15">
        <v>45520</v>
      </c>
      <c r="F104899" s="14" t="s">
        <v>53</v>
      </c>
      <c r="G104899" s="16">
        <v>0</v>
      </c>
    </row>
    <row r="104900" spans="1:7" x14ac:dyDescent="0.3">
      <c r="A104900" s="13" t="s">
        <v>511</v>
      </c>
      <c r="B104900" s="14" t="s">
        <v>1</v>
      </c>
      <c r="C104900" s="14" t="s">
        <v>342</v>
      </c>
      <c r="D104900" s="14" t="s">
        <v>512</v>
      </c>
      <c r="E104900" s="15">
        <v>45521</v>
      </c>
      <c r="F104900" s="14" t="s">
        <v>53</v>
      </c>
      <c r="G104900" s="16">
        <v>0</v>
      </c>
    </row>
    <row r="104901" spans="1:7" x14ac:dyDescent="0.3">
      <c r="A104901" s="13" t="s">
        <v>511</v>
      </c>
      <c r="B104901" s="14" t="s">
        <v>1</v>
      </c>
      <c r="C104901" s="14" t="s">
        <v>342</v>
      </c>
      <c r="D104901" s="14" t="s">
        <v>512</v>
      </c>
      <c r="E104901" s="15">
        <v>45522</v>
      </c>
      <c r="F104901" s="14" t="s">
        <v>53</v>
      </c>
      <c r="G104901" s="16">
        <v>0</v>
      </c>
    </row>
    <row r="104902" spans="1:7" x14ac:dyDescent="0.3">
      <c r="A104902" s="13" t="s">
        <v>511</v>
      </c>
      <c r="B104902" s="14" t="s">
        <v>1</v>
      </c>
      <c r="C104902" s="14" t="s">
        <v>342</v>
      </c>
      <c r="D104902" s="14" t="s">
        <v>512</v>
      </c>
      <c r="E104902" s="15">
        <v>45523</v>
      </c>
      <c r="F104902" s="14" t="s">
        <v>53</v>
      </c>
      <c r="G104902" s="16">
        <v>0</v>
      </c>
    </row>
    <row r="104903" spans="1:7" x14ac:dyDescent="0.3">
      <c r="A104903" s="13" t="s">
        <v>511</v>
      </c>
      <c r="B104903" s="14" t="s">
        <v>1</v>
      </c>
      <c r="C104903" s="14" t="s">
        <v>342</v>
      </c>
      <c r="D104903" s="14" t="s">
        <v>512</v>
      </c>
      <c r="E104903" s="15">
        <v>45524</v>
      </c>
      <c r="F104903" s="14" t="s">
        <v>53</v>
      </c>
      <c r="G104903" s="16">
        <v>0</v>
      </c>
    </row>
    <row r="104904" spans="1:7" x14ac:dyDescent="0.3">
      <c r="A104904" s="13" t="s">
        <v>511</v>
      </c>
      <c r="B104904" s="14" t="s">
        <v>1</v>
      </c>
      <c r="C104904" s="14" t="s">
        <v>342</v>
      </c>
      <c r="D104904" s="14" t="s">
        <v>512</v>
      </c>
      <c r="E104904" s="15">
        <v>45525</v>
      </c>
      <c r="F104904" s="14" t="s">
        <v>53</v>
      </c>
      <c r="G104904" s="16">
        <v>0</v>
      </c>
    </row>
    <row r="104905" spans="1:7" x14ac:dyDescent="0.3">
      <c r="A104905" s="13" t="s">
        <v>511</v>
      </c>
      <c r="B104905" s="14" t="s">
        <v>1</v>
      </c>
      <c r="C104905" s="14" t="s">
        <v>342</v>
      </c>
      <c r="D104905" s="14" t="s">
        <v>512</v>
      </c>
      <c r="E104905" s="15">
        <v>45526</v>
      </c>
      <c r="F104905" s="14" t="s">
        <v>53</v>
      </c>
      <c r="G104905" s="16">
        <v>0</v>
      </c>
    </row>
    <row r="104906" spans="1:7" x14ac:dyDescent="0.3">
      <c r="A104906" s="13" t="s">
        <v>511</v>
      </c>
      <c r="B104906" s="14" t="s">
        <v>1</v>
      </c>
      <c r="C104906" s="14" t="s">
        <v>342</v>
      </c>
      <c r="D104906" s="14" t="s">
        <v>512</v>
      </c>
      <c r="E104906" s="15">
        <v>45527</v>
      </c>
      <c r="F104906" s="14" t="s">
        <v>53</v>
      </c>
      <c r="G104906" s="16">
        <v>0</v>
      </c>
    </row>
    <row r="104907" spans="1:7" x14ac:dyDescent="0.3">
      <c r="A104907" s="13" t="s">
        <v>511</v>
      </c>
      <c r="B104907" s="14" t="s">
        <v>1</v>
      </c>
      <c r="C104907" s="14" t="s">
        <v>342</v>
      </c>
      <c r="D104907" s="14" t="s">
        <v>512</v>
      </c>
      <c r="E104907" s="15">
        <v>45528</v>
      </c>
      <c r="F104907" s="14" t="s">
        <v>53</v>
      </c>
      <c r="G104907" s="16">
        <v>0</v>
      </c>
    </row>
    <row r="104908" spans="1:7" x14ac:dyDescent="0.3">
      <c r="A104908" s="13" t="s">
        <v>511</v>
      </c>
      <c r="B104908" s="14" t="s">
        <v>1</v>
      </c>
      <c r="C104908" s="14" t="s">
        <v>342</v>
      </c>
      <c r="D104908" s="14" t="s">
        <v>512</v>
      </c>
      <c r="E104908" s="15">
        <v>45529</v>
      </c>
      <c r="F104908" s="14" t="s">
        <v>53</v>
      </c>
      <c r="G104908" s="16">
        <v>0</v>
      </c>
    </row>
    <row r="104909" spans="1:7" x14ac:dyDescent="0.3">
      <c r="A104909" s="13" t="s">
        <v>511</v>
      </c>
      <c r="B104909" s="14" t="s">
        <v>1</v>
      </c>
      <c r="C104909" s="14" t="s">
        <v>342</v>
      </c>
      <c r="D104909" s="14" t="s">
        <v>512</v>
      </c>
      <c r="E104909" s="15">
        <v>45530</v>
      </c>
      <c r="F104909" s="14" t="s">
        <v>53</v>
      </c>
      <c r="G104909" s="16">
        <v>0</v>
      </c>
    </row>
    <row r="104910" spans="1:7" x14ac:dyDescent="0.3">
      <c r="A104910" s="13" t="s">
        <v>511</v>
      </c>
      <c r="B104910" s="14" t="s">
        <v>1</v>
      </c>
      <c r="C104910" s="14" t="s">
        <v>342</v>
      </c>
      <c r="D104910" s="14" t="s">
        <v>512</v>
      </c>
      <c r="E104910" s="15">
        <v>45531</v>
      </c>
      <c r="F104910" s="14" t="s">
        <v>53</v>
      </c>
      <c r="G104910" s="16">
        <v>0</v>
      </c>
    </row>
    <row r="104911" spans="1:7" x14ac:dyDescent="0.3">
      <c r="A104911" s="13" t="s">
        <v>511</v>
      </c>
      <c r="B104911" s="14" t="s">
        <v>1</v>
      </c>
      <c r="C104911" s="14" t="s">
        <v>342</v>
      </c>
      <c r="D104911" s="14" t="s">
        <v>512</v>
      </c>
      <c r="E104911" s="15">
        <v>45532</v>
      </c>
      <c r="F104911" s="14" t="s">
        <v>53</v>
      </c>
      <c r="G104911" s="16">
        <v>0</v>
      </c>
    </row>
    <row r="104912" spans="1:7" x14ac:dyDescent="0.3">
      <c r="A104912" s="13" t="s">
        <v>511</v>
      </c>
      <c r="B104912" s="14" t="s">
        <v>1</v>
      </c>
      <c r="C104912" s="14" t="s">
        <v>342</v>
      </c>
      <c r="D104912" s="14" t="s">
        <v>512</v>
      </c>
      <c r="E104912" s="15">
        <v>45533</v>
      </c>
      <c r="F104912" s="14" t="s">
        <v>53</v>
      </c>
      <c r="G104912" s="16">
        <v>0</v>
      </c>
    </row>
    <row r="104913" spans="1:7" x14ac:dyDescent="0.3">
      <c r="A104913" s="13" t="s">
        <v>511</v>
      </c>
      <c r="B104913" s="14" t="s">
        <v>1</v>
      </c>
      <c r="C104913" s="14" t="s">
        <v>342</v>
      </c>
      <c r="D104913" s="14" t="s">
        <v>512</v>
      </c>
      <c r="E104913" s="15">
        <v>45534</v>
      </c>
      <c r="F104913" s="14" t="s">
        <v>53</v>
      </c>
      <c r="G104913" s="16">
        <v>0</v>
      </c>
    </row>
    <row r="104914" spans="1:7" x14ac:dyDescent="0.3">
      <c r="A104914" s="13" t="s">
        <v>511</v>
      </c>
      <c r="B104914" s="14" t="s">
        <v>1</v>
      </c>
      <c r="C104914" s="14" t="s">
        <v>342</v>
      </c>
      <c r="D104914" s="14" t="s">
        <v>512</v>
      </c>
      <c r="E104914" s="15">
        <v>45535</v>
      </c>
      <c r="F104914" s="14" t="s">
        <v>53</v>
      </c>
      <c r="G104914" s="16">
        <v>0</v>
      </c>
    </row>
    <row r="104915" spans="1:7" x14ac:dyDescent="0.3">
      <c r="A104915" s="13" t="s">
        <v>511</v>
      </c>
      <c r="B104915" s="14" t="s">
        <v>1</v>
      </c>
      <c r="C104915" s="14" t="s">
        <v>342</v>
      </c>
      <c r="D104915" s="14" t="s">
        <v>512</v>
      </c>
      <c r="E104915" s="15">
        <v>45536</v>
      </c>
      <c r="F104915" s="14" t="s">
        <v>53</v>
      </c>
      <c r="G104915" s="16">
        <v>0</v>
      </c>
    </row>
    <row r="104916" spans="1:7" x14ac:dyDescent="0.3">
      <c r="A104916" s="13" t="s">
        <v>511</v>
      </c>
      <c r="B104916" s="14" t="s">
        <v>1</v>
      </c>
      <c r="C104916" s="14" t="s">
        <v>342</v>
      </c>
      <c r="D104916" s="14" t="s">
        <v>512</v>
      </c>
      <c r="E104916" s="15">
        <v>45537</v>
      </c>
      <c r="F104916" s="14" t="s">
        <v>53</v>
      </c>
      <c r="G104916" s="16">
        <v>0</v>
      </c>
    </row>
    <row r="104917" spans="1:7" x14ac:dyDescent="0.3">
      <c r="A104917" s="13" t="s">
        <v>511</v>
      </c>
      <c r="B104917" s="14" t="s">
        <v>1</v>
      </c>
      <c r="C104917" s="14" t="s">
        <v>342</v>
      </c>
      <c r="D104917" s="14" t="s">
        <v>512</v>
      </c>
      <c r="E104917" s="15">
        <v>45538</v>
      </c>
      <c r="F104917" s="14" t="s">
        <v>53</v>
      </c>
      <c r="G104917" s="16">
        <v>0</v>
      </c>
    </row>
    <row r="104918" spans="1:7" x14ac:dyDescent="0.3">
      <c r="A104918" s="13" t="s">
        <v>511</v>
      </c>
      <c r="B104918" s="14" t="s">
        <v>1</v>
      </c>
      <c r="C104918" s="14" t="s">
        <v>342</v>
      </c>
      <c r="D104918" s="14" t="s">
        <v>512</v>
      </c>
      <c r="E104918" s="15">
        <v>45539</v>
      </c>
      <c r="F104918" s="14" t="s">
        <v>53</v>
      </c>
      <c r="G104918" s="16">
        <v>0</v>
      </c>
    </row>
    <row r="104919" spans="1:7" x14ac:dyDescent="0.3">
      <c r="A104919" s="13" t="s">
        <v>511</v>
      </c>
      <c r="B104919" s="14" t="s">
        <v>1</v>
      </c>
      <c r="C104919" s="14" t="s">
        <v>342</v>
      </c>
      <c r="D104919" s="14" t="s">
        <v>512</v>
      </c>
      <c r="E104919" s="15">
        <v>45540</v>
      </c>
      <c r="F104919" s="14" t="s">
        <v>53</v>
      </c>
      <c r="G104919" s="16">
        <v>0</v>
      </c>
    </row>
    <row r="104920" spans="1:7" x14ac:dyDescent="0.3">
      <c r="A104920" s="13" t="s">
        <v>511</v>
      </c>
      <c r="B104920" s="14" t="s">
        <v>1</v>
      </c>
      <c r="C104920" s="14" t="s">
        <v>342</v>
      </c>
      <c r="D104920" s="14" t="s">
        <v>512</v>
      </c>
      <c r="E104920" s="15">
        <v>45541</v>
      </c>
      <c r="F104920" s="14" t="s">
        <v>53</v>
      </c>
      <c r="G104920" s="16">
        <v>0</v>
      </c>
    </row>
    <row r="104921" spans="1:7" x14ac:dyDescent="0.3">
      <c r="A104921" s="13" t="s">
        <v>511</v>
      </c>
      <c r="B104921" s="14" t="s">
        <v>1</v>
      </c>
      <c r="C104921" s="14" t="s">
        <v>342</v>
      </c>
      <c r="D104921" s="14" t="s">
        <v>512</v>
      </c>
      <c r="E104921" s="15">
        <v>45542</v>
      </c>
      <c r="F104921" s="14" t="s">
        <v>53</v>
      </c>
      <c r="G104921" s="16">
        <v>0</v>
      </c>
    </row>
    <row r="104922" spans="1:7" x14ac:dyDescent="0.3">
      <c r="A104922" s="13" t="s">
        <v>511</v>
      </c>
      <c r="B104922" s="14" t="s">
        <v>1</v>
      </c>
      <c r="C104922" s="14" t="s">
        <v>342</v>
      </c>
      <c r="D104922" s="14" t="s">
        <v>512</v>
      </c>
      <c r="E104922" s="15">
        <v>45543</v>
      </c>
      <c r="F104922" s="14" t="s">
        <v>53</v>
      </c>
      <c r="G104922" s="16">
        <v>0</v>
      </c>
    </row>
    <row r="104923" spans="1:7" x14ac:dyDescent="0.3">
      <c r="A104923" s="13" t="s">
        <v>511</v>
      </c>
      <c r="B104923" s="14" t="s">
        <v>1</v>
      </c>
      <c r="C104923" s="14" t="s">
        <v>342</v>
      </c>
      <c r="D104923" s="14" t="s">
        <v>512</v>
      </c>
      <c r="E104923" s="15">
        <v>45544</v>
      </c>
      <c r="F104923" s="14" t="s">
        <v>53</v>
      </c>
      <c r="G104923" s="16">
        <v>0</v>
      </c>
    </row>
    <row r="104924" spans="1:7" x14ac:dyDescent="0.3">
      <c r="A104924" s="13" t="s">
        <v>511</v>
      </c>
      <c r="B104924" s="14" t="s">
        <v>1</v>
      </c>
      <c r="C104924" s="14" t="s">
        <v>342</v>
      </c>
      <c r="D104924" s="14" t="s">
        <v>512</v>
      </c>
      <c r="E104924" s="15">
        <v>45545</v>
      </c>
      <c r="F104924" s="14" t="s">
        <v>53</v>
      </c>
      <c r="G104924" s="16">
        <v>0</v>
      </c>
    </row>
    <row r="104925" spans="1:7" x14ac:dyDescent="0.3">
      <c r="A104925" s="13" t="s">
        <v>511</v>
      </c>
      <c r="B104925" s="14" t="s">
        <v>1</v>
      </c>
      <c r="C104925" s="14" t="s">
        <v>342</v>
      </c>
      <c r="D104925" s="14" t="s">
        <v>512</v>
      </c>
      <c r="E104925" s="15">
        <v>45546</v>
      </c>
      <c r="F104925" s="14" t="s">
        <v>53</v>
      </c>
      <c r="G104925" s="16">
        <v>0</v>
      </c>
    </row>
    <row r="104926" spans="1:7" x14ac:dyDescent="0.3">
      <c r="A104926" s="13" t="s">
        <v>511</v>
      </c>
      <c r="B104926" s="14" t="s">
        <v>1</v>
      </c>
      <c r="C104926" s="14" t="s">
        <v>342</v>
      </c>
      <c r="D104926" s="14" t="s">
        <v>512</v>
      </c>
      <c r="E104926" s="15">
        <v>45547</v>
      </c>
      <c r="F104926" s="14" t="s">
        <v>53</v>
      </c>
      <c r="G104926" s="16">
        <v>0</v>
      </c>
    </row>
    <row r="104927" spans="1:7" x14ac:dyDescent="0.3">
      <c r="A104927" s="13" t="s">
        <v>511</v>
      </c>
      <c r="B104927" s="14" t="s">
        <v>1</v>
      </c>
      <c r="C104927" s="14" t="s">
        <v>342</v>
      </c>
      <c r="D104927" s="14" t="s">
        <v>512</v>
      </c>
      <c r="E104927" s="15">
        <v>45548</v>
      </c>
      <c r="F104927" s="14" t="s">
        <v>53</v>
      </c>
      <c r="G104927" s="16">
        <v>0</v>
      </c>
    </row>
    <row r="104928" spans="1:7" x14ac:dyDescent="0.3">
      <c r="A104928" s="13" t="s">
        <v>511</v>
      </c>
      <c r="B104928" s="14" t="s">
        <v>1</v>
      </c>
      <c r="C104928" s="14" t="s">
        <v>342</v>
      </c>
      <c r="D104928" s="14" t="s">
        <v>512</v>
      </c>
      <c r="E104928" s="15">
        <v>45549</v>
      </c>
      <c r="F104928" s="14" t="s">
        <v>53</v>
      </c>
      <c r="G104928" s="16">
        <v>0</v>
      </c>
    </row>
    <row r="104929" spans="1:7" x14ac:dyDescent="0.3">
      <c r="A104929" s="13" t="s">
        <v>511</v>
      </c>
      <c r="B104929" s="14" t="s">
        <v>1</v>
      </c>
      <c r="C104929" s="14" t="s">
        <v>342</v>
      </c>
      <c r="D104929" s="14" t="s">
        <v>512</v>
      </c>
      <c r="E104929" s="15">
        <v>45550</v>
      </c>
      <c r="F104929" s="14" t="s">
        <v>53</v>
      </c>
      <c r="G104929" s="16">
        <v>0</v>
      </c>
    </row>
    <row r="104930" spans="1:7" x14ac:dyDescent="0.3">
      <c r="A104930" s="13" t="s">
        <v>511</v>
      </c>
      <c r="B104930" s="14" t="s">
        <v>1</v>
      </c>
      <c r="C104930" s="14" t="s">
        <v>342</v>
      </c>
      <c r="D104930" s="14" t="s">
        <v>512</v>
      </c>
      <c r="E104930" s="15">
        <v>45551</v>
      </c>
      <c r="F104930" s="14" t="s">
        <v>53</v>
      </c>
      <c r="G104930" s="16">
        <v>0</v>
      </c>
    </row>
    <row r="104931" spans="1:7" x14ac:dyDescent="0.3">
      <c r="A104931" s="13" t="s">
        <v>511</v>
      </c>
      <c r="B104931" s="14" t="s">
        <v>1</v>
      </c>
      <c r="C104931" s="14" t="s">
        <v>342</v>
      </c>
      <c r="D104931" s="14" t="s">
        <v>512</v>
      </c>
      <c r="E104931" s="15">
        <v>45552</v>
      </c>
      <c r="F104931" s="14" t="s">
        <v>53</v>
      </c>
      <c r="G104931" s="16">
        <v>0</v>
      </c>
    </row>
    <row r="104932" spans="1:7" x14ac:dyDescent="0.3">
      <c r="A104932" s="13" t="s">
        <v>511</v>
      </c>
      <c r="B104932" s="14" t="s">
        <v>1</v>
      </c>
      <c r="C104932" s="14" t="s">
        <v>342</v>
      </c>
      <c r="D104932" s="14" t="s">
        <v>512</v>
      </c>
      <c r="E104932" s="15">
        <v>45553</v>
      </c>
      <c r="F104932" s="14" t="s">
        <v>53</v>
      </c>
      <c r="G104932" s="16">
        <v>0</v>
      </c>
    </row>
    <row r="104933" spans="1:7" x14ac:dyDescent="0.3">
      <c r="A104933" s="13" t="s">
        <v>511</v>
      </c>
      <c r="B104933" s="14" t="s">
        <v>1</v>
      </c>
      <c r="C104933" s="14" t="s">
        <v>342</v>
      </c>
      <c r="D104933" s="14" t="s">
        <v>512</v>
      </c>
      <c r="E104933" s="15">
        <v>45554</v>
      </c>
      <c r="F104933" s="14" t="s">
        <v>53</v>
      </c>
      <c r="G104933" s="16">
        <v>0</v>
      </c>
    </row>
    <row r="104934" spans="1:7" x14ac:dyDescent="0.3">
      <c r="A104934" s="13" t="s">
        <v>511</v>
      </c>
      <c r="B104934" s="14" t="s">
        <v>1</v>
      </c>
      <c r="C104934" s="14" t="s">
        <v>342</v>
      </c>
      <c r="D104934" s="14" t="s">
        <v>512</v>
      </c>
      <c r="E104934" s="15">
        <v>45555</v>
      </c>
      <c r="F104934" s="14" t="s">
        <v>53</v>
      </c>
      <c r="G104934" s="16">
        <v>0</v>
      </c>
    </row>
    <row r="104935" spans="1:7" x14ac:dyDescent="0.3">
      <c r="A104935" s="13" t="s">
        <v>511</v>
      </c>
      <c r="B104935" s="14" t="s">
        <v>1</v>
      </c>
      <c r="C104935" s="14" t="s">
        <v>342</v>
      </c>
      <c r="D104935" s="14" t="s">
        <v>512</v>
      </c>
      <c r="E104935" s="15">
        <v>45556</v>
      </c>
      <c r="F104935" s="14" t="s">
        <v>53</v>
      </c>
      <c r="G104935" s="16">
        <v>0</v>
      </c>
    </row>
    <row r="104936" spans="1:7" x14ac:dyDescent="0.3">
      <c r="A104936" s="13" t="s">
        <v>511</v>
      </c>
      <c r="B104936" s="14" t="s">
        <v>1</v>
      </c>
      <c r="C104936" s="14" t="s">
        <v>342</v>
      </c>
      <c r="D104936" s="14" t="s">
        <v>512</v>
      </c>
      <c r="E104936" s="15">
        <v>45557</v>
      </c>
      <c r="F104936" s="14" t="s">
        <v>53</v>
      </c>
      <c r="G104936" s="16">
        <v>0</v>
      </c>
    </row>
    <row r="104937" spans="1:7" x14ac:dyDescent="0.3">
      <c r="A104937" s="13" t="s">
        <v>511</v>
      </c>
      <c r="B104937" s="14" t="s">
        <v>1</v>
      </c>
      <c r="C104937" s="14" t="s">
        <v>342</v>
      </c>
      <c r="D104937" s="14" t="s">
        <v>512</v>
      </c>
      <c r="E104937" s="15">
        <v>45558</v>
      </c>
      <c r="F104937" s="14" t="s">
        <v>53</v>
      </c>
      <c r="G104937" s="16">
        <v>0</v>
      </c>
    </row>
    <row r="104938" spans="1:7" x14ac:dyDescent="0.3">
      <c r="A104938" s="13" t="s">
        <v>511</v>
      </c>
      <c r="B104938" s="14" t="s">
        <v>1</v>
      </c>
      <c r="C104938" s="14" t="s">
        <v>342</v>
      </c>
      <c r="D104938" s="14" t="s">
        <v>512</v>
      </c>
      <c r="E104938" s="15">
        <v>45559</v>
      </c>
      <c r="F104938" s="14" t="s">
        <v>53</v>
      </c>
      <c r="G104938" s="16">
        <v>0</v>
      </c>
    </row>
    <row r="104939" spans="1:7" x14ac:dyDescent="0.3">
      <c r="A104939" s="13" t="s">
        <v>511</v>
      </c>
      <c r="B104939" s="14" t="s">
        <v>1</v>
      </c>
      <c r="C104939" s="14" t="s">
        <v>342</v>
      </c>
      <c r="D104939" s="14" t="s">
        <v>512</v>
      </c>
      <c r="E104939" s="15">
        <v>45560</v>
      </c>
      <c r="F104939" s="14" t="s">
        <v>53</v>
      </c>
      <c r="G104939" s="16">
        <v>0</v>
      </c>
    </row>
    <row r="104940" spans="1:7" x14ac:dyDescent="0.3">
      <c r="A104940" s="13" t="s">
        <v>511</v>
      </c>
      <c r="B104940" s="14" t="s">
        <v>1</v>
      </c>
      <c r="C104940" s="14" t="s">
        <v>342</v>
      </c>
      <c r="D104940" s="14" t="s">
        <v>512</v>
      </c>
      <c r="E104940" s="15">
        <v>45561</v>
      </c>
      <c r="F104940" s="14" t="s">
        <v>53</v>
      </c>
      <c r="G104940" s="16">
        <v>0</v>
      </c>
    </row>
    <row r="104941" spans="1:7" x14ac:dyDescent="0.3">
      <c r="A104941" s="13" t="s">
        <v>511</v>
      </c>
      <c r="B104941" s="14" t="s">
        <v>1</v>
      </c>
      <c r="C104941" s="14" t="s">
        <v>342</v>
      </c>
      <c r="D104941" s="14" t="s">
        <v>512</v>
      </c>
      <c r="E104941" s="15">
        <v>45562</v>
      </c>
      <c r="F104941" s="14" t="s">
        <v>53</v>
      </c>
      <c r="G104941" s="16">
        <v>0</v>
      </c>
    </row>
    <row r="104942" spans="1:7" x14ac:dyDescent="0.3">
      <c r="A104942" s="13" t="s">
        <v>511</v>
      </c>
      <c r="B104942" s="14" t="s">
        <v>1</v>
      </c>
      <c r="C104942" s="14" t="s">
        <v>342</v>
      </c>
      <c r="D104942" s="14" t="s">
        <v>512</v>
      </c>
      <c r="E104942" s="15">
        <v>45563</v>
      </c>
      <c r="F104942" s="14" t="s">
        <v>53</v>
      </c>
      <c r="G104942" s="16">
        <v>0</v>
      </c>
    </row>
    <row r="104943" spans="1:7" x14ac:dyDescent="0.3">
      <c r="A104943" s="13" t="s">
        <v>511</v>
      </c>
      <c r="B104943" s="14" t="s">
        <v>1</v>
      </c>
      <c r="C104943" s="14" t="s">
        <v>342</v>
      </c>
      <c r="D104943" s="14" t="s">
        <v>512</v>
      </c>
      <c r="E104943" s="15">
        <v>45564</v>
      </c>
      <c r="F104943" s="14" t="s">
        <v>53</v>
      </c>
      <c r="G104943" s="16">
        <v>0</v>
      </c>
    </row>
    <row r="104944" spans="1:7" x14ac:dyDescent="0.3">
      <c r="A104944" s="13" t="s">
        <v>511</v>
      </c>
      <c r="B104944" s="14" t="s">
        <v>1</v>
      </c>
      <c r="C104944" s="14" t="s">
        <v>342</v>
      </c>
      <c r="D104944" s="14" t="s">
        <v>512</v>
      </c>
      <c r="E104944" s="15">
        <v>45565</v>
      </c>
      <c r="F104944" s="14" t="s">
        <v>53</v>
      </c>
      <c r="G104944" s="16">
        <v>0</v>
      </c>
    </row>
    <row r="104945" spans="1:7" x14ac:dyDescent="0.3">
      <c r="A104945" s="13" t="s">
        <v>511</v>
      </c>
      <c r="B104945" s="14" t="s">
        <v>1</v>
      </c>
      <c r="C104945" s="14" t="s">
        <v>342</v>
      </c>
      <c r="D104945" s="14" t="s">
        <v>512</v>
      </c>
      <c r="E104945" s="15">
        <v>45566</v>
      </c>
      <c r="F104945" s="14" t="s">
        <v>53</v>
      </c>
      <c r="G104945" s="16">
        <v>0</v>
      </c>
    </row>
    <row r="104946" spans="1:7" x14ac:dyDescent="0.3">
      <c r="A104946" s="13" t="s">
        <v>511</v>
      </c>
      <c r="B104946" s="14" t="s">
        <v>1</v>
      </c>
      <c r="C104946" s="14" t="s">
        <v>342</v>
      </c>
      <c r="D104946" s="14" t="s">
        <v>512</v>
      </c>
      <c r="E104946" s="15">
        <v>45567</v>
      </c>
      <c r="F104946" s="14" t="s">
        <v>53</v>
      </c>
      <c r="G104946" s="16">
        <v>0</v>
      </c>
    </row>
    <row r="104947" spans="1:7" x14ac:dyDescent="0.3">
      <c r="A104947" s="13" t="s">
        <v>511</v>
      </c>
      <c r="B104947" s="14" t="s">
        <v>1</v>
      </c>
      <c r="C104947" s="14" t="s">
        <v>342</v>
      </c>
      <c r="D104947" s="14" t="s">
        <v>512</v>
      </c>
      <c r="E104947" s="15">
        <v>45568</v>
      </c>
      <c r="F104947" s="14" t="s">
        <v>53</v>
      </c>
      <c r="G104947" s="16">
        <v>0</v>
      </c>
    </row>
    <row r="104948" spans="1:7" x14ac:dyDescent="0.3">
      <c r="A104948" s="13" t="s">
        <v>511</v>
      </c>
      <c r="B104948" s="14" t="s">
        <v>1</v>
      </c>
      <c r="C104948" s="14" t="s">
        <v>342</v>
      </c>
      <c r="D104948" s="14" t="s">
        <v>512</v>
      </c>
      <c r="E104948" s="15">
        <v>45569</v>
      </c>
      <c r="F104948" s="14" t="s">
        <v>53</v>
      </c>
      <c r="G104948" s="16">
        <v>0</v>
      </c>
    </row>
    <row r="104949" spans="1:7" x14ac:dyDescent="0.3">
      <c r="A104949" s="13" t="s">
        <v>511</v>
      </c>
      <c r="B104949" s="14" t="s">
        <v>1</v>
      </c>
      <c r="C104949" s="14" t="s">
        <v>342</v>
      </c>
      <c r="D104949" s="14" t="s">
        <v>512</v>
      </c>
      <c r="E104949" s="15">
        <v>45570</v>
      </c>
      <c r="F104949" s="14" t="s">
        <v>53</v>
      </c>
      <c r="G104949" s="16">
        <v>0</v>
      </c>
    </row>
    <row r="104950" spans="1:7" x14ac:dyDescent="0.3">
      <c r="A104950" s="13" t="s">
        <v>511</v>
      </c>
      <c r="B104950" s="14" t="s">
        <v>1</v>
      </c>
      <c r="C104950" s="14" t="s">
        <v>342</v>
      </c>
      <c r="D104950" s="14" t="s">
        <v>512</v>
      </c>
      <c r="E104950" s="15">
        <v>45571</v>
      </c>
      <c r="F104950" s="14" t="s">
        <v>53</v>
      </c>
      <c r="G104950" s="16">
        <v>0</v>
      </c>
    </row>
    <row r="104951" spans="1:7" x14ac:dyDescent="0.3">
      <c r="A104951" s="13" t="s">
        <v>511</v>
      </c>
      <c r="B104951" s="14" t="s">
        <v>1</v>
      </c>
      <c r="C104951" s="14" t="s">
        <v>342</v>
      </c>
      <c r="D104951" s="14" t="s">
        <v>512</v>
      </c>
      <c r="E104951" s="15">
        <v>45572</v>
      </c>
      <c r="F104951" s="14" t="s">
        <v>53</v>
      </c>
      <c r="G104951" s="16">
        <v>0</v>
      </c>
    </row>
    <row r="104952" spans="1:7" x14ac:dyDescent="0.3">
      <c r="A104952" s="13" t="s">
        <v>511</v>
      </c>
      <c r="B104952" s="14" t="s">
        <v>1</v>
      </c>
      <c r="C104952" s="14" t="s">
        <v>342</v>
      </c>
      <c r="D104952" s="14" t="s">
        <v>512</v>
      </c>
      <c r="E104952" s="15">
        <v>45573</v>
      </c>
      <c r="F104952" s="14" t="s">
        <v>53</v>
      </c>
      <c r="G104952" s="16">
        <v>0</v>
      </c>
    </row>
    <row r="104953" spans="1:7" x14ac:dyDescent="0.3">
      <c r="A104953" s="13" t="s">
        <v>511</v>
      </c>
      <c r="B104953" s="14" t="s">
        <v>1</v>
      </c>
      <c r="C104953" s="14" t="s">
        <v>342</v>
      </c>
      <c r="D104953" s="14" t="s">
        <v>512</v>
      </c>
      <c r="E104953" s="15">
        <v>45574</v>
      </c>
      <c r="F104953" s="14" t="s">
        <v>53</v>
      </c>
      <c r="G104953" s="16">
        <v>0</v>
      </c>
    </row>
    <row r="104954" spans="1:7" x14ac:dyDescent="0.3">
      <c r="A104954" s="13" t="s">
        <v>511</v>
      </c>
      <c r="B104954" s="14" t="s">
        <v>1</v>
      </c>
      <c r="C104954" s="14" t="s">
        <v>342</v>
      </c>
      <c r="D104954" s="14" t="s">
        <v>512</v>
      </c>
      <c r="E104954" s="15">
        <v>45575</v>
      </c>
      <c r="F104954" s="14" t="s">
        <v>53</v>
      </c>
      <c r="G104954" s="16">
        <v>0</v>
      </c>
    </row>
    <row r="104955" spans="1:7" x14ac:dyDescent="0.3">
      <c r="A104955" s="13" t="s">
        <v>511</v>
      </c>
      <c r="B104955" s="14" t="s">
        <v>1</v>
      </c>
      <c r="C104955" s="14" t="s">
        <v>342</v>
      </c>
      <c r="D104955" s="14" t="s">
        <v>512</v>
      </c>
      <c r="E104955" s="15">
        <v>45576</v>
      </c>
      <c r="F104955" s="14" t="s">
        <v>53</v>
      </c>
      <c r="G104955" s="16">
        <v>0</v>
      </c>
    </row>
    <row r="104956" spans="1:7" x14ac:dyDescent="0.3">
      <c r="A104956" s="13" t="s">
        <v>511</v>
      </c>
      <c r="B104956" s="14" t="s">
        <v>1</v>
      </c>
      <c r="C104956" s="14" t="s">
        <v>342</v>
      </c>
      <c r="D104956" s="14" t="s">
        <v>512</v>
      </c>
      <c r="E104956" s="15">
        <v>45577</v>
      </c>
      <c r="F104956" s="14" t="s">
        <v>53</v>
      </c>
      <c r="G104956" s="16">
        <v>0</v>
      </c>
    </row>
    <row r="104957" spans="1:7" x14ac:dyDescent="0.3">
      <c r="A104957" s="13" t="s">
        <v>511</v>
      </c>
      <c r="B104957" s="14" t="s">
        <v>1</v>
      </c>
      <c r="C104957" s="14" t="s">
        <v>342</v>
      </c>
      <c r="D104957" s="14" t="s">
        <v>512</v>
      </c>
      <c r="E104957" s="15">
        <v>45578</v>
      </c>
      <c r="F104957" s="14" t="s">
        <v>53</v>
      </c>
      <c r="G104957" s="16">
        <v>0</v>
      </c>
    </row>
    <row r="104958" spans="1:7" x14ac:dyDescent="0.3">
      <c r="A104958" s="13" t="s">
        <v>511</v>
      </c>
      <c r="B104958" s="14" t="s">
        <v>1</v>
      </c>
      <c r="C104958" s="14" t="s">
        <v>342</v>
      </c>
      <c r="D104958" s="14" t="s">
        <v>512</v>
      </c>
      <c r="E104958" s="15">
        <v>45579</v>
      </c>
      <c r="F104958" s="14" t="s">
        <v>53</v>
      </c>
      <c r="G104958" s="16">
        <v>0</v>
      </c>
    </row>
    <row r="104959" spans="1:7" x14ac:dyDescent="0.3">
      <c r="A104959" s="13" t="s">
        <v>511</v>
      </c>
      <c r="B104959" s="14" t="s">
        <v>1</v>
      </c>
      <c r="C104959" s="14" t="s">
        <v>342</v>
      </c>
      <c r="D104959" s="14" t="s">
        <v>512</v>
      </c>
      <c r="E104959" s="15">
        <v>45580</v>
      </c>
      <c r="F104959" s="14" t="s">
        <v>53</v>
      </c>
      <c r="G104959" s="16">
        <v>0</v>
      </c>
    </row>
    <row r="104960" spans="1:7" x14ac:dyDescent="0.3">
      <c r="A104960" s="13" t="s">
        <v>511</v>
      </c>
      <c r="B104960" s="14" t="s">
        <v>1</v>
      </c>
      <c r="C104960" s="14" t="s">
        <v>342</v>
      </c>
      <c r="D104960" s="14" t="s">
        <v>512</v>
      </c>
      <c r="E104960" s="15">
        <v>45581</v>
      </c>
      <c r="F104960" s="14" t="s">
        <v>53</v>
      </c>
      <c r="G104960" s="16">
        <v>0</v>
      </c>
    </row>
    <row r="104961" spans="1:7" x14ac:dyDescent="0.3">
      <c r="A104961" s="13" t="s">
        <v>511</v>
      </c>
      <c r="B104961" s="14" t="s">
        <v>1</v>
      </c>
      <c r="C104961" s="14" t="s">
        <v>342</v>
      </c>
      <c r="D104961" s="14" t="s">
        <v>512</v>
      </c>
      <c r="E104961" s="15">
        <v>45582</v>
      </c>
      <c r="F104961" s="14" t="s">
        <v>53</v>
      </c>
      <c r="G104961" s="16">
        <v>0</v>
      </c>
    </row>
    <row r="104962" spans="1:7" x14ac:dyDescent="0.3">
      <c r="A104962" s="13" t="s">
        <v>511</v>
      </c>
      <c r="B104962" s="14" t="s">
        <v>1</v>
      </c>
      <c r="C104962" s="14" t="s">
        <v>342</v>
      </c>
      <c r="D104962" s="14" t="s">
        <v>512</v>
      </c>
      <c r="E104962" s="15">
        <v>45583</v>
      </c>
      <c r="F104962" s="14" t="s">
        <v>53</v>
      </c>
      <c r="G104962" s="16">
        <v>0</v>
      </c>
    </row>
    <row r="104963" spans="1:7" x14ac:dyDescent="0.3">
      <c r="A104963" s="13" t="s">
        <v>511</v>
      </c>
      <c r="B104963" s="14" t="s">
        <v>1</v>
      </c>
      <c r="C104963" s="14" t="s">
        <v>342</v>
      </c>
      <c r="D104963" s="14" t="s">
        <v>512</v>
      </c>
      <c r="E104963" s="15">
        <v>45584</v>
      </c>
      <c r="F104963" s="14" t="s">
        <v>53</v>
      </c>
      <c r="G104963" s="16">
        <v>0</v>
      </c>
    </row>
    <row r="104964" spans="1:7" x14ac:dyDescent="0.3">
      <c r="A104964" s="13" t="s">
        <v>511</v>
      </c>
      <c r="B104964" s="14" t="s">
        <v>1</v>
      </c>
      <c r="C104964" s="14" t="s">
        <v>342</v>
      </c>
      <c r="D104964" s="14" t="s">
        <v>512</v>
      </c>
      <c r="E104964" s="15">
        <v>45585</v>
      </c>
      <c r="F104964" s="14" t="s">
        <v>53</v>
      </c>
      <c r="G104964" s="16">
        <v>0</v>
      </c>
    </row>
    <row r="104965" spans="1:7" x14ac:dyDescent="0.3">
      <c r="A104965" s="13" t="s">
        <v>511</v>
      </c>
      <c r="B104965" s="14" t="s">
        <v>1</v>
      </c>
      <c r="C104965" s="14" t="s">
        <v>342</v>
      </c>
      <c r="D104965" s="14" t="s">
        <v>512</v>
      </c>
      <c r="E104965" s="15">
        <v>45586</v>
      </c>
      <c r="F104965" s="14" t="s">
        <v>53</v>
      </c>
      <c r="G104965" s="16">
        <v>0</v>
      </c>
    </row>
    <row r="104966" spans="1:7" x14ac:dyDescent="0.3">
      <c r="A104966" s="13" t="s">
        <v>511</v>
      </c>
      <c r="B104966" s="14" t="s">
        <v>1</v>
      </c>
      <c r="C104966" s="14" t="s">
        <v>342</v>
      </c>
      <c r="D104966" s="14" t="s">
        <v>512</v>
      </c>
      <c r="E104966" s="15">
        <v>45587</v>
      </c>
      <c r="F104966" s="14" t="s">
        <v>53</v>
      </c>
      <c r="G104966" s="16">
        <v>0</v>
      </c>
    </row>
    <row r="104967" spans="1:7" x14ac:dyDescent="0.3">
      <c r="A104967" s="13" t="s">
        <v>511</v>
      </c>
      <c r="B104967" s="14" t="s">
        <v>1</v>
      </c>
      <c r="C104967" s="14" t="s">
        <v>342</v>
      </c>
      <c r="D104967" s="14" t="s">
        <v>512</v>
      </c>
      <c r="E104967" s="15">
        <v>45588</v>
      </c>
      <c r="F104967" s="14" t="s">
        <v>53</v>
      </c>
      <c r="G104967" s="16">
        <v>0</v>
      </c>
    </row>
    <row r="104968" spans="1:7" x14ac:dyDescent="0.3">
      <c r="A104968" s="13" t="s">
        <v>511</v>
      </c>
      <c r="B104968" s="14" t="s">
        <v>1</v>
      </c>
      <c r="C104968" s="14" t="s">
        <v>342</v>
      </c>
      <c r="D104968" s="14" t="s">
        <v>512</v>
      </c>
      <c r="E104968" s="15">
        <v>45589</v>
      </c>
      <c r="F104968" s="14" t="s">
        <v>53</v>
      </c>
      <c r="G104968" s="16">
        <v>0</v>
      </c>
    </row>
    <row r="104969" spans="1:7" x14ac:dyDescent="0.3">
      <c r="A104969" s="13" t="s">
        <v>511</v>
      </c>
      <c r="B104969" s="14" t="s">
        <v>1</v>
      </c>
      <c r="C104969" s="14" t="s">
        <v>342</v>
      </c>
      <c r="D104969" s="14" t="s">
        <v>512</v>
      </c>
      <c r="E104969" s="15">
        <v>45590</v>
      </c>
      <c r="F104969" s="14" t="s">
        <v>53</v>
      </c>
      <c r="G104969" s="16">
        <v>0</v>
      </c>
    </row>
    <row r="104970" spans="1:7" x14ac:dyDescent="0.3">
      <c r="A104970" s="13" t="s">
        <v>511</v>
      </c>
      <c r="B104970" s="14" t="s">
        <v>1</v>
      </c>
      <c r="C104970" s="14" t="s">
        <v>342</v>
      </c>
      <c r="D104970" s="14" t="s">
        <v>512</v>
      </c>
      <c r="E104970" s="15">
        <v>45591</v>
      </c>
      <c r="F104970" s="14" t="s">
        <v>53</v>
      </c>
      <c r="G104970" s="16">
        <v>0</v>
      </c>
    </row>
    <row r="104971" spans="1:7" x14ac:dyDescent="0.3">
      <c r="A104971" s="13" t="s">
        <v>511</v>
      </c>
      <c r="B104971" s="14" t="s">
        <v>1</v>
      </c>
      <c r="C104971" s="14" t="s">
        <v>342</v>
      </c>
      <c r="D104971" s="14" t="s">
        <v>512</v>
      </c>
      <c r="E104971" s="15">
        <v>45592</v>
      </c>
      <c r="F104971" s="14" t="s">
        <v>53</v>
      </c>
      <c r="G104971" s="16">
        <v>0</v>
      </c>
    </row>
    <row r="104972" spans="1:7" x14ac:dyDescent="0.3">
      <c r="A104972" s="13" t="s">
        <v>511</v>
      </c>
      <c r="B104972" s="14" t="s">
        <v>1</v>
      </c>
      <c r="C104972" s="14" t="s">
        <v>342</v>
      </c>
      <c r="D104972" s="14" t="s">
        <v>512</v>
      </c>
      <c r="E104972" s="15">
        <v>45593</v>
      </c>
      <c r="F104972" s="14" t="s">
        <v>53</v>
      </c>
      <c r="G104972" s="16">
        <v>0</v>
      </c>
    </row>
    <row r="104973" spans="1:7" x14ac:dyDescent="0.3">
      <c r="A104973" s="13" t="s">
        <v>511</v>
      </c>
      <c r="B104973" s="14" t="s">
        <v>1</v>
      </c>
      <c r="C104973" s="14" t="s">
        <v>342</v>
      </c>
      <c r="D104973" s="14" t="s">
        <v>512</v>
      </c>
      <c r="E104973" s="15">
        <v>45594</v>
      </c>
      <c r="F104973" s="14" t="s">
        <v>53</v>
      </c>
      <c r="G104973" s="16">
        <v>0</v>
      </c>
    </row>
    <row r="104974" spans="1:7" x14ac:dyDescent="0.3">
      <c r="A104974" s="13" t="s">
        <v>511</v>
      </c>
      <c r="B104974" s="14" t="s">
        <v>1</v>
      </c>
      <c r="C104974" s="14" t="s">
        <v>342</v>
      </c>
      <c r="D104974" s="14" t="s">
        <v>512</v>
      </c>
      <c r="E104974" s="15">
        <v>45595</v>
      </c>
      <c r="F104974" s="14" t="s">
        <v>53</v>
      </c>
      <c r="G104974" s="16">
        <v>0</v>
      </c>
    </row>
    <row r="104975" spans="1:7" x14ac:dyDescent="0.3">
      <c r="A104975" s="13" t="s">
        <v>511</v>
      </c>
      <c r="B104975" s="14" t="s">
        <v>1</v>
      </c>
      <c r="C104975" s="14" t="s">
        <v>342</v>
      </c>
      <c r="D104975" s="14" t="s">
        <v>512</v>
      </c>
      <c r="E104975" s="15">
        <v>45596</v>
      </c>
      <c r="F104975" s="14" t="s">
        <v>53</v>
      </c>
      <c r="G104975" s="16">
        <v>0</v>
      </c>
    </row>
    <row r="104976" spans="1:7" x14ac:dyDescent="0.3">
      <c r="A104976" s="13" t="s">
        <v>511</v>
      </c>
      <c r="B104976" s="14" t="s">
        <v>1</v>
      </c>
      <c r="C104976" s="14" t="s">
        <v>342</v>
      </c>
      <c r="D104976" s="14" t="s">
        <v>512</v>
      </c>
      <c r="E104976" s="15">
        <v>45597</v>
      </c>
      <c r="F104976" s="14" t="s">
        <v>53</v>
      </c>
      <c r="G104976" s="16">
        <v>0</v>
      </c>
    </row>
    <row r="104977" spans="1:7" x14ac:dyDescent="0.3">
      <c r="A104977" s="13" t="s">
        <v>511</v>
      </c>
      <c r="B104977" s="14" t="s">
        <v>1</v>
      </c>
      <c r="C104977" s="14" t="s">
        <v>342</v>
      </c>
      <c r="D104977" s="14" t="s">
        <v>512</v>
      </c>
      <c r="E104977" s="15">
        <v>45598</v>
      </c>
      <c r="F104977" s="14" t="s">
        <v>53</v>
      </c>
      <c r="G104977" s="16">
        <v>0</v>
      </c>
    </row>
    <row r="104978" spans="1:7" x14ac:dyDescent="0.3">
      <c r="A104978" s="13" t="s">
        <v>511</v>
      </c>
      <c r="B104978" s="14" t="s">
        <v>1</v>
      </c>
      <c r="C104978" s="14" t="s">
        <v>342</v>
      </c>
      <c r="D104978" s="14" t="s">
        <v>512</v>
      </c>
      <c r="E104978" s="15">
        <v>45599</v>
      </c>
      <c r="F104978" s="14" t="s">
        <v>53</v>
      </c>
      <c r="G104978" s="16">
        <v>0</v>
      </c>
    </row>
    <row r="104979" spans="1:7" x14ac:dyDescent="0.3">
      <c r="A104979" s="13" t="s">
        <v>511</v>
      </c>
      <c r="B104979" s="14" t="s">
        <v>1</v>
      </c>
      <c r="C104979" s="14" t="s">
        <v>342</v>
      </c>
      <c r="D104979" s="14" t="s">
        <v>512</v>
      </c>
      <c r="E104979" s="15">
        <v>45600</v>
      </c>
      <c r="F104979" s="14" t="s">
        <v>53</v>
      </c>
      <c r="G104979" s="16">
        <v>0</v>
      </c>
    </row>
    <row r="104980" spans="1:7" x14ac:dyDescent="0.3">
      <c r="A104980" s="13" t="s">
        <v>511</v>
      </c>
      <c r="B104980" s="14" t="s">
        <v>1</v>
      </c>
      <c r="C104980" s="14" t="s">
        <v>342</v>
      </c>
      <c r="D104980" s="14" t="s">
        <v>512</v>
      </c>
      <c r="E104980" s="15">
        <v>45601</v>
      </c>
      <c r="F104980" s="14" t="s">
        <v>53</v>
      </c>
      <c r="G104980" s="16">
        <v>0</v>
      </c>
    </row>
    <row r="104981" spans="1:7" x14ac:dyDescent="0.3">
      <c r="A104981" s="13" t="s">
        <v>511</v>
      </c>
      <c r="B104981" s="14" t="s">
        <v>1</v>
      </c>
      <c r="C104981" s="14" t="s">
        <v>342</v>
      </c>
      <c r="D104981" s="14" t="s">
        <v>512</v>
      </c>
      <c r="E104981" s="15">
        <v>45602</v>
      </c>
      <c r="F104981" s="14" t="s">
        <v>53</v>
      </c>
      <c r="G104981" s="16">
        <v>0</v>
      </c>
    </row>
    <row r="104982" spans="1:7" x14ac:dyDescent="0.3">
      <c r="A104982" s="13" t="s">
        <v>511</v>
      </c>
      <c r="B104982" s="14" t="s">
        <v>1</v>
      </c>
      <c r="C104982" s="14" t="s">
        <v>342</v>
      </c>
      <c r="D104982" s="14" t="s">
        <v>512</v>
      </c>
      <c r="E104982" s="15">
        <v>45603</v>
      </c>
      <c r="F104982" s="14" t="s">
        <v>53</v>
      </c>
      <c r="G104982" s="16">
        <v>0</v>
      </c>
    </row>
    <row r="104983" spans="1:7" x14ac:dyDescent="0.3">
      <c r="A104983" s="13" t="s">
        <v>511</v>
      </c>
      <c r="B104983" s="14" t="s">
        <v>1</v>
      </c>
      <c r="C104983" s="14" t="s">
        <v>342</v>
      </c>
      <c r="D104983" s="14" t="s">
        <v>512</v>
      </c>
      <c r="E104983" s="15">
        <v>45604</v>
      </c>
      <c r="F104983" s="14" t="s">
        <v>53</v>
      </c>
      <c r="G104983" s="16">
        <v>0</v>
      </c>
    </row>
    <row r="104984" spans="1:7" x14ac:dyDescent="0.3">
      <c r="A104984" s="13" t="s">
        <v>511</v>
      </c>
      <c r="B104984" s="14" t="s">
        <v>1</v>
      </c>
      <c r="C104984" s="14" t="s">
        <v>342</v>
      </c>
      <c r="D104984" s="14" t="s">
        <v>512</v>
      </c>
      <c r="E104984" s="15">
        <v>45605</v>
      </c>
      <c r="F104984" s="14" t="s">
        <v>53</v>
      </c>
      <c r="G104984" s="16">
        <v>0</v>
      </c>
    </row>
    <row r="104985" spans="1:7" x14ac:dyDescent="0.3">
      <c r="A104985" s="13" t="s">
        <v>511</v>
      </c>
      <c r="B104985" s="14" t="s">
        <v>1</v>
      </c>
      <c r="C104985" s="14" t="s">
        <v>342</v>
      </c>
      <c r="D104985" s="14" t="s">
        <v>512</v>
      </c>
      <c r="E104985" s="15">
        <v>45606</v>
      </c>
      <c r="F104985" s="14" t="s">
        <v>53</v>
      </c>
      <c r="G104985" s="16">
        <v>0</v>
      </c>
    </row>
    <row r="104986" spans="1:7" x14ac:dyDescent="0.3">
      <c r="A104986" s="13" t="s">
        <v>511</v>
      </c>
      <c r="B104986" s="14" t="s">
        <v>1</v>
      </c>
      <c r="C104986" s="14" t="s">
        <v>342</v>
      </c>
      <c r="D104986" s="14" t="s">
        <v>512</v>
      </c>
      <c r="E104986" s="15">
        <v>45607</v>
      </c>
      <c r="F104986" s="14" t="s">
        <v>53</v>
      </c>
      <c r="G104986" s="16">
        <v>0</v>
      </c>
    </row>
    <row r="104987" spans="1:7" x14ac:dyDescent="0.3">
      <c r="A104987" s="13" t="s">
        <v>511</v>
      </c>
      <c r="B104987" s="14" t="s">
        <v>1</v>
      </c>
      <c r="C104987" s="14" t="s">
        <v>342</v>
      </c>
      <c r="D104987" s="14" t="s">
        <v>512</v>
      </c>
      <c r="E104987" s="15">
        <v>45608</v>
      </c>
      <c r="F104987" s="14" t="s">
        <v>53</v>
      </c>
      <c r="G104987" s="16">
        <v>0</v>
      </c>
    </row>
    <row r="104988" spans="1:7" x14ac:dyDescent="0.3">
      <c r="A104988" s="13" t="s">
        <v>511</v>
      </c>
      <c r="B104988" s="14" t="s">
        <v>1</v>
      </c>
      <c r="C104988" s="14" t="s">
        <v>342</v>
      </c>
      <c r="D104988" s="14" t="s">
        <v>512</v>
      </c>
      <c r="E104988" s="15">
        <v>45609</v>
      </c>
      <c r="F104988" s="14" t="s">
        <v>53</v>
      </c>
      <c r="G104988" s="16">
        <v>0</v>
      </c>
    </row>
    <row r="104989" spans="1:7" x14ac:dyDescent="0.3">
      <c r="A104989" s="13" t="s">
        <v>511</v>
      </c>
      <c r="B104989" s="14" t="s">
        <v>1</v>
      </c>
      <c r="C104989" s="14" t="s">
        <v>342</v>
      </c>
      <c r="D104989" s="14" t="s">
        <v>512</v>
      </c>
      <c r="E104989" s="15">
        <v>45610</v>
      </c>
      <c r="F104989" s="14" t="s">
        <v>53</v>
      </c>
      <c r="G104989" s="16">
        <v>0</v>
      </c>
    </row>
    <row r="104990" spans="1:7" x14ac:dyDescent="0.3">
      <c r="A104990" s="13" t="s">
        <v>511</v>
      </c>
      <c r="B104990" s="14" t="s">
        <v>1</v>
      </c>
      <c r="C104990" s="14" t="s">
        <v>342</v>
      </c>
      <c r="D104990" s="14" t="s">
        <v>512</v>
      </c>
      <c r="E104990" s="15">
        <v>45611</v>
      </c>
      <c r="F104990" s="14" t="s">
        <v>53</v>
      </c>
      <c r="G104990" s="16">
        <v>0</v>
      </c>
    </row>
    <row r="104991" spans="1:7" x14ac:dyDescent="0.3">
      <c r="A104991" s="13" t="s">
        <v>511</v>
      </c>
      <c r="B104991" s="14" t="s">
        <v>1</v>
      </c>
      <c r="C104991" s="14" t="s">
        <v>342</v>
      </c>
      <c r="D104991" s="14" t="s">
        <v>512</v>
      </c>
      <c r="E104991" s="15">
        <v>45612</v>
      </c>
      <c r="F104991" s="14" t="s">
        <v>53</v>
      </c>
      <c r="G104991" s="16">
        <v>0</v>
      </c>
    </row>
    <row r="104992" spans="1:7" x14ac:dyDescent="0.3">
      <c r="A104992" s="13" t="s">
        <v>511</v>
      </c>
      <c r="B104992" s="14" t="s">
        <v>1</v>
      </c>
      <c r="C104992" s="14" t="s">
        <v>342</v>
      </c>
      <c r="D104992" s="14" t="s">
        <v>512</v>
      </c>
      <c r="E104992" s="15">
        <v>45613</v>
      </c>
      <c r="F104992" s="14" t="s">
        <v>53</v>
      </c>
      <c r="G104992" s="16">
        <v>0</v>
      </c>
    </row>
    <row r="104993" spans="1:7" x14ac:dyDescent="0.3">
      <c r="A104993" s="13" t="s">
        <v>511</v>
      </c>
      <c r="B104993" s="14" t="s">
        <v>1</v>
      </c>
      <c r="C104993" s="14" t="s">
        <v>342</v>
      </c>
      <c r="D104993" s="14" t="s">
        <v>512</v>
      </c>
      <c r="E104993" s="15">
        <v>45614</v>
      </c>
      <c r="F104993" s="14" t="s">
        <v>53</v>
      </c>
      <c r="G104993" s="16">
        <v>0</v>
      </c>
    </row>
    <row r="104994" spans="1:7" x14ac:dyDescent="0.3">
      <c r="A104994" s="13" t="s">
        <v>511</v>
      </c>
      <c r="B104994" s="14" t="s">
        <v>1</v>
      </c>
      <c r="C104994" s="14" t="s">
        <v>342</v>
      </c>
      <c r="D104994" s="14" t="s">
        <v>512</v>
      </c>
      <c r="E104994" s="15">
        <v>45615</v>
      </c>
      <c r="F104994" s="14" t="s">
        <v>53</v>
      </c>
      <c r="G104994" s="16">
        <v>0</v>
      </c>
    </row>
    <row r="104995" spans="1:7" x14ac:dyDescent="0.3">
      <c r="A104995" s="13" t="s">
        <v>511</v>
      </c>
      <c r="B104995" s="14" t="s">
        <v>1</v>
      </c>
      <c r="C104995" s="14" t="s">
        <v>342</v>
      </c>
      <c r="D104995" s="14" t="s">
        <v>512</v>
      </c>
      <c r="E104995" s="15">
        <v>45616</v>
      </c>
      <c r="F104995" s="14" t="s">
        <v>53</v>
      </c>
      <c r="G104995" s="16">
        <v>0</v>
      </c>
    </row>
    <row r="104996" spans="1:7" x14ac:dyDescent="0.3">
      <c r="A104996" s="13" t="s">
        <v>511</v>
      </c>
      <c r="B104996" s="14" t="s">
        <v>1</v>
      </c>
      <c r="C104996" s="14" t="s">
        <v>342</v>
      </c>
      <c r="D104996" s="14" t="s">
        <v>512</v>
      </c>
      <c r="E104996" s="15">
        <v>45617</v>
      </c>
      <c r="F104996" s="14" t="s">
        <v>53</v>
      </c>
      <c r="G104996" s="16">
        <v>0</v>
      </c>
    </row>
    <row r="104997" spans="1:7" x14ac:dyDescent="0.3">
      <c r="A104997" s="13" t="s">
        <v>511</v>
      </c>
      <c r="B104997" s="14" t="s">
        <v>1</v>
      </c>
      <c r="C104997" s="14" t="s">
        <v>342</v>
      </c>
      <c r="D104997" s="14" t="s">
        <v>512</v>
      </c>
      <c r="E104997" s="15">
        <v>45618</v>
      </c>
      <c r="F104997" s="14" t="s">
        <v>53</v>
      </c>
      <c r="G104997" s="16">
        <v>0</v>
      </c>
    </row>
    <row r="104998" spans="1:7" x14ac:dyDescent="0.3">
      <c r="A104998" s="13" t="s">
        <v>511</v>
      </c>
      <c r="B104998" s="14" t="s">
        <v>1</v>
      </c>
      <c r="C104998" s="14" t="s">
        <v>342</v>
      </c>
      <c r="D104998" s="14" t="s">
        <v>512</v>
      </c>
      <c r="E104998" s="15">
        <v>45619</v>
      </c>
      <c r="F104998" s="14" t="s">
        <v>53</v>
      </c>
      <c r="G104998" s="16">
        <v>0</v>
      </c>
    </row>
    <row r="104999" spans="1:7" x14ac:dyDescent="0.3">
      <c r="A104999" s="13" t="s">
        <v>511</v>
      </c>
      <c r="B104999" s="14" t="s">
        <v>1</v>
      </c>
      <c r="C104999" s="14" t="s">
        <v>342</v>
      </c>
      <c r="D104999" s="14" t="s">
        <v>512</v>
      </c>
      <c r="E104999" s="15">
        <v>45620</v>
      </c>
      <c r="F104999" s="14" t="s">
        <v>53</v>
      </c>
      <c r="G104999" s="16">
        <v>0</v>
      </c>
    </row>
    <row r="105000" spans="1:7" x14ac:dyDescent="0.3">
      <c r="A105000" s="13" t="s">
        <v>511</v>
      </c>
      <c r="B105000" s="14" t="s">
        <v>1</v>
      </c>
      <c r="C105000" s="14" t="s">
        <v>342</v>
      </c>
      <c r="D105000" s="14" t="s">
        <v>512</v>
      </c>
      <c r="E105000" s="15">
        <v>45621</v>
      </c>
      <c r="F105000" s="14" t="s">
        <v>53</v>
      </c>
      <c r="G105000" s="16">
        <v>0</v>
      </c>
    </row>
    <row r="105001" spans="1:7" x14ac:dyDescent="0.3">
      <c r="A105001" s="13" t="s">
        <v>511</v>
      </c>
      <c r="B105001" s="14" t="s">
        <v>1</v>
      </c>
      <c r="C105001" s="14" t="s">
        <v>342</v>
      </c>
      <c r="D105001" s="14" t="s">
        <v>512</v>
      </c>
      <c r="E105001" s="15">
        <v>45622</v>
      </c>
      <c r="F105001" s="14" t="s">
        <v>53</v>
      </c>
      <c r="G105001" s="16">
        <v>0</v>
      </c>
    </row>
    <row r="105002" spans="1:7" x14ac:dyDescent="0.3">
      <c r="A105002" s="13" t="s">
        <v>511</v>
      </c>
      <c r="B105002" s="14" t="s">
        <v>1</v>
      </c>
      <c r="C105002" s="14" t="s">
        <v>342</v>
      </c>
      <c r="D105002" s="14" t="s">
        <v>512</v>
      </c>
      <c r="E105002" s="15">
        <v>45623</v>
      </c>
      <c r="F105002" s="14" t="s">
        <v>53</v>
      </c>
      <c r="G105002" s="16">
        <v>0</v>
      </c>
    </row>
    <row r="105003" spans="1:7" x14ac:dyDescent="0.3">
      <c r="A105003" s="13" t="s">
        <v>511</v>
      </c>
      <c r="B105003" s="14" t="s">
        <v>1</v>
      </c>
      <c r="C105003" s="14" t="s">
        <v>342</v>
      </c>
      <c r="D105003" s="14" t="s">
        <v>512</v>
      </c>
      <c r="E105003" s="15">
        <v>45624</v>
      </c>
      <c r="F105003" s="14" t="s">
        <v>53</v>
      </c>
      <c r="G105003" s="16">
        <v>0</v>
      </c>
    </row>
    <row r="105004" spans="1:7" x14ac:dyDescent="0.3">
      <c r="A105004" s="13" t="s">
        <v>511</v>
      </c>
      <c r="B105004" s="14" t="s">
        <v>1</v>
      </c>
      <c r="C105004" s="14" t="s">
        <v>342</v>
      </c>
      <c r="D105004" s="14" t="s">
        <v>512</v>
      </c>
      <c r="E105004" s="15">
        <v>45625</v>
      </c>
      <c r="F105004" s="14" t="s">
        <v>53</v>
      </c>
      <c r="G105004" s="16">
        <v>0</v>
      </c>
    </row>
    <row r="105005" spans="1:7" x14ac:dyDescent="0.3">
      <c r="A105005" s="13" t="s">
        <v>511</v>
      </c>
      <c r="B105005" s="14" t="s">
        <v>1</v>
      </c>
      <c r="C105005" s="14" t="s">
        <v>342</v>
      </c>
      <c r="D105005" s="14" t="s">
        <v>512</v>
      </c>
      <c r="E105005" s="15">
        <v>45626</v>
      </c>
      <c r="F105005" s="14" t="s">
        <v>53</v>
      </c>
      <c r="G105005" s="16">
        <v>0</v>
      </c>
    </row>
    <row r="105006" spans="1:7" x14ac:dyDescent="0.3">
      <c r="A105006" s="13" t="s">
        <v>511</v>
      </c>
      <c r="B105006" s="14" t="s">
        <v>1</v>
      </c>
      <c r="C105006" s="14" t="s">
        <v>342</v>
      </c>
      <c r="D105006" s="14" t="s">
        <v>512</v>
      </c>
      <c r="E105006" s="15">
        <v>45627</v>
      </c>
      <c r="F105006" s="14" t="s">
        <v>53</v>
      </c>
      <c r="G105006" s="16">
        <v>0</v>
      </c>
    </row>
    <row r="105007" spans="1:7" x14ac:dyDescent="0.3">
      <c r="A105007" s="13" t="s">
        <v>511</v>
      </c>
      <c r="B105007" s="14" t="s">
        <v>1</v>
      </c>
      <c r="C105007" s="14" t="s">
        <v>342</v>
      </c>
      <c r="D105007" s="14" t="s">
        <v>512</v>
      </c>
      <c r="E105007" s="15">
        <v>45628</v>
      </c>
      <c r="F105007" s="14" t="s">
        <v>53</v>
      </c>
      <c r="G105007" s="16">
        <v>0</v>
      </c>
    </row>
    <row r="105008" spans="1:7" x14ac:dyDescent="0.3">
      <c r="A105008" s="13" t="s">
        <v>511</v>
      </c>
      <c r="B105008" s="14" t="s">
        <v>1</v>
      </c>
      <c r="C105008" s="14" t="s">
        <v>342</v>
      </c>
      <c r="D105008" s="14" t="s">
        <v>512</v>
      </c>
      <c r="E105008" s="15">
        <v>45629</v>
      </c>
      <c r="F105008" s="14" t="s">
        <v>53</v>
      </c>
      <c r="G105008" s="16">
        <v>0</v>
      </c>
    </row>
    <row r="105009" spans="1:7" x14ac:dyDescent="0.3">
      <c r="A105009" s="13" t="s">
        <v>511</v>
      </c>
      <c r="B105009" s="14" t="s">
        <v>1</v>
      </c>
      <c r="C105009" s="14" t="s">
        <v>342</v>
      </c>
      <c r="D105009" s="14" t="s">
        <v>512</v>
      </c>
      <c r="E105009" s="15">
        <v>45630</v>
      </c>
      <c r="F105009" s="14" t="s">
        <v>53</v>
      </c>
      <c r="G105009" s="16">
        <v>0</v>
      </c>
    </row>
    <row r="105010" spans="1:7" x14ac:dyDescent="0.3">
      <c r="A105010" s="13" t="s">
        <v>511</v>
      </c>
      <c r="B105010" s="14" t="s">
        <v>1</v>
      </c>
      <c r="C105010" s="14" t="s">
        <v>342</v>
      </c>
      <c r="D105010" s="14" t="s">
        <v>512</v>
      </c>
      <c r="E105010" s="15">
        <v>45631</v>
      </c>
      <c r="F105010" s="14" t="s">
        <v>53</v>
      </c>
      <c r="G105010" s="16">
        <v>0</v>
      </c>
    </row>
    <row r="105011" spans="1:7" x14ac:dyDescent="0.3">
      <c r="A105011" s="13" t="s">
        <v>511</v>
      </c>
      <c r="B105011" s="14" t="s">
        <v>1</v>
      </c>
      <c r="C105011" s="14" t="s">
        <v>342</v>
      </c>
      <c r="D105011" s="14" t="s">
        <v>512</v>
      </c>
      <c r="E105011" s="15">
        <v>45632</v>
      </c>
      <c r="F105011" s="14" t="s">
        <v>53</v>
      </c>
      <c r="G105011" s="16">
        <v>0</v>
      </c>
    </row>
    <row r="105012" spans="1:7" x14ac:dyDescent="0.3">
      <c r="A105012" s="13" t="s">
        <v>511</v>
      </c>
      <c r="B105012" s="14" t="s">
        <v>1</v>
      </c>
      <c r="C105012" s="14" t="s">
        <v>342</v>
      </c>
      <c r="D105012" s="14" t="s">
        <v>512</v>
      </c>
      <c r="E105012" s="15">
        <v>45633</v>
      </c>
      <c r="F105012" s="14" t="s">
        <v>53</v>
      </c>
      <c r="G105012" s="16">
        <v>0</v>
      </c>
    </row>
    <row r="105013" spans="1:7" x14ac:dyDescent="0.3">
      <c r="A105013" s="13" t="s">
        <v>511</v>
      </c>
      <c r="B105013" s="14" t="s">
        <v>1</v>
      </c>
      <c r="C105013" s="14" t="s">
        <v>342</v>
      </c>
      <c r="D105013" s="14" t="s">
        <v>512</v>
      </c>
      <c r="E105013" s="15">
        <v>45634</v>
      </c>
      <c r="F105013" s="14" t="s">
        <v>53</v>
      </c>
      <c r="G105013" s="16">
        <v>0</v>
      </c>
    </row>
    <row r="105014" spans="1:7" x14ac:dyDescent="0.3">
      <c r="A105014" s="13" t="s">
        <v>511</v>
      </c>
      <c r="B105014" s="14" t="s">
        <v>1</v>
      </c>
      <c r="C105014" s="14" t="s">
        <v>342</v>
      </c>
      <c r="D105014" s="14" t="s">
        <v>512</v>
      </c>
      <c r="E105014" s="15">
        <v>45635</v>
      </c>
      <c r="F105014" s="14" t="s">
        <v>53</v>
      </c>
      <c r="G105014" s="16">
        <v>0</v>
      </c>
    </row>
    <row r="105015" spans="1:7" x14ac:dyDescent="0.3">
      <c r="A105015" s="13" t="s">
        <v>511</v>
      </c>
      <c r="B105015" s="14" t="s">
        <v>1</v>
      </c>
      <c r="C105015" s="14" t="s">
        <v>342</v>
      </c>
      <c r="D105015" s="14" t="s">
        <v>512</v>
      </c>
      <c r="E105015" s="15">
        <v>45636</v>
      </c>
      <c r="F105015" s="14" t="s">
        <v>53</v>
      </c>
      <c r="G105015" s="16">
        <v>0</v>
      </c>
    </row>
    <row r="105016" spans="1:7" x14ac:dyDescent="0.3">
      <c r="A105016" s="13" t="s">
        <v>511</v>
      </c>
      <c r="B105016" s="14" t="s">
        <v>1</v>
      </c>
      <c r="C105016" s="14" t="s">
        <v>342</v>
      </c>
      <c r="D105016" s="14" t="s">
        <v>512</v>
      </c>
      <c r="E105016" s="15">
        <v>45637</v>
      </c>
      <c r="F105016" s="14" t="s">
        <v>53</v>
      </c>
      <c r="G105016" s="16">
        <v>0</v>
      </c>
    </row>
    <row r="105017" spans="1:7" x14ac:dyDescent="0.3">
      <c r="A105017" s="13" t="s">
        <v>511</v>
      </c>
      <c r="B105017" s="14" t="s">
        <v>1</v>
      </c>
      <c r="C105017" s="14" t="s">
        <v>342</v>
      </c>
      <c r="D105017" s="14" t="s">
        <v>512</v>
      </c>
      <c r="E105017" s="15">
        <v>45638</v>
      </c>
      <c r="F105017" s="14" t="s">
        <v>53</v>
      </c>
      <c r="G105017" s="16">
        <v>0</v>
      </c>
    </row>
    <row r="105018" spans="1:7" x14ac:dyDescent="0.3">
      <c r="A105018" s="13" t="s">
        <v>511</v>
      </c>
      <c r="B105018" s="14" t="s">
        <v>1</v>
      </c>
      <c r="C105018" s="14" t="s">
        <v>342</v>
      </c>
      <c r="D105018" s="14" t="s">
        <v>512</v>
      </c>
      <c r="E105018" s="15">
        <v>45639</v>
      </c>
      <c r="F105018" s="14" t="s">
        <v>53</v>
      </c>
      <c r="G105018" s="16">
        <v>0</v>
      </c>
    </row>
    <row r="105019" spans="1:7" x14ac:dyDescent="0.3">
      <c r="A105019" s="13" t="s">
        <v>511</v>
      </c>
      <c r="B105019" s="14" t="s">
        <v>1</v>
      </c>
      <c r="C105019" s="14" t="s">
        <v>342</v>
      </c>
      <c r="D105019" s="14" t="s">
        <v>512</v>
      </c>
      <c r="E105019" s="15">
        <v>45640</v>
      </c>
      <c r="F105019" s="14" t="s">
        <v>53</v>
      </c>
      <c r="G105019" s="16">
        <v>0</v>
      </c>
    </row>
    <row r="105020" spans="1:7" x14ac:dyDescent="0.3">
      <c r="A105020" s="13" t="s">
        <v>511</v>
      </c>
      <c r="B105020" s="14" t="s">
        <v>1</v>
      </c>
      <c r="C105020" s="14" t="s">
        <v>342</v>
      </c>
      <c r="D105020" s="14" t="s">
        <v>512</v>
      </c>
      <c r="E105020" s="15">
        <v>45641</v>
      </c>
      <c r="F105020" s="14" t="s">
        <v>53</v>
      </c>
      <c r="G105020" s="16">
        <v>0</v>
      </c>
    </row>
    <row r="105021" spans="1:7" x14ac:dyDescent="0.3">
      <c r="A105021" s="13" t="s">
        <v>511</v>
      </c>
      <c r="B105021" s="14" t="s">
        <v>1</v>
      </c>
      <c r="C105021" s="14" t="s">
        <v>342</v>
      </c>
      <c r="D105021" s="14" t="s">
        <v>512</v>
      </c>
      <c r="E105021" s="15">
        <v>45642</v>
      </c>
      <c r="F105021" s="14" t="s">
        <v>53</v>
      </c>
      <c r="G105021" s="16">
        <v>0</v>
      </c>
    </row>
    <row r="105022" spans="1:7" x14ac:dyDescent="0.3">
      <c r="A105022" s="13" t="s">
        <v>511</v>
      </c>
      <c r="B105022" s="14" t="s">
        <v>1</v>
      </c>
      <c r="C105022" s="14" t="s">
        <v>342</v>
      </c>
      <c r="D105022" s="14" t="s">
        <v>512</v>
      </c>
      <c r="E105022" s="15">
        <v>45643</v>
      </c>
      <c r="F105022" s="14" t="s">
        <v>53</v>
      </c>
      <c r="G105022" s="16">
        <v>0</v>
      </c>
    </row>
    <row r="105023" spans="1:7" x14ac:dyDescent="0.3">
      <c r="A105023" s="13" t="s">
        <v>511</v>
      </c>
      <c r="B105023" s="14" t="s">
        <v>1</v>
      </c>
      <c r="C105023" s="14" t="s">
        <v>342</v>
      </c>
      <c r="D105023" s="14" t="s">
        <v>512</v>
      </c>
      <c r="E105023" s="15">
        <v>45644</v>
      </c>
      <c r="F105023" s="14" t="s">
        <v>53</v>
      </c>
      <c r="G105023" s="16">
        <v>0</v>
      </c>
    </row>
    <row r="105024" spans="1:7" x14ac:dyDescent="0.3">
      <c r="A105024" s="13" t="s">
        <v>511</v>
      </c>
      <c r="B105024" s="14" t="s">
        <v>1</v>
      </c>
      <c r="C105024" s="14" t="s">
        <v>342</v>
      </c>
      <c r="D105024" s="14" t="s">
        <v>512</v>
      </c>
      <c r="E105024" s="15">
        <v>45645</v>
      </c>
      <c r="F105024" s="14" t="s">
        <v>53</v>
      </c>
      <c r="G105024" s="16">
        <v>0</v>
      </c>
    </row>
    <row r="105025" spans="1:7" x14ac:dyDescent="0.3">
      <c r="A105025" s="13" t="s">
        <v>511</v>
      </c>
      <c r="B105025" s="14" t="s">
        <v>1</v>
      </c>
      <c r="C105025" s="14" t="s">
        <v>342</v>
      </c>
      <c r="D105025" s="14" t="s">
        <v>512</v>
      </c>
      <c r="E105025" s="15">
        <v>45646</v>
      </c>
      <c r="F105025" s="14" t="s">
        <v>53</v>
      </c>
      <c r="G105025" s="16">
        <v>0</v>
      </c>
    </row>
    <row r="105026" spans="1:7" x14ac:dyDescent="0.3">
      <c r="A105026" s="13" t="s">
        <v>511</v>
      </c>
      <c r="B105026" s="14" t="s">
        <v>1</v>
      </c>
      <c r="C105026" s="14" t="s">
        <v>342</v>
      </c>
      <c r="D105026" s="14" t="s">
        <v>512</v>
      </c>
      <c r="E105026" s="15">
        <v>45647</v>
      </c>
      <c r="F105026" s="14" t="s">
        <v>53</v>
      </c>
      <c r="G105026" s="16">
        <v>0</v>
      </c>
    </row>
    <row r="105027" spans="1:7" x14ac:dyDescent="0.3">
      <c r="A105027" s="13" t="s">
        <v>511</v>
      </c>
      <c r="B105027" s="14" t="s">
        <v>1</v>
      </c>
      <c r="C105027" s="14" t="s">
        <v>342</v>
      </c>
      <c r="D105027" s="14" t="s">
        <v>512</v>
      </c>
      <c r="E105027" s="15">
        <v>45648</v>
      </c>
      <c r="F105027" s="14" t="s">
        <v>53</v>
      </c>
      <c r="G105027" s="16">
        <v>0</v>
      </c>
    </row>
    <row r="105028" spans="1:7" x14ac:dyDescent="0.3">
      <c r="A105028" s="13" t="s">
        <v>511</v>
      </c>
      <c r="B105028" s="14" t="s">
        <v>1</v>
      </c>
      <c r="C105028" s="14" t="s">
        <v>342</v>
      </c>
      <c r="D105028" s="14" t="s">
        <v>512</v>
      </c>
      <c r="E105028" s="15">
        <v>45649</v>
      </c>
      <c r="F105028" s="14" t="s">
        <v>53</v>
      </c>
      <c r="G105028" s="16">
        <v>0</v>
      </c>
    </row>
    <row r="105029" spans="1:7" x14ac:dyDescent="0.3">
      <c r="A105029" s="13" t="s">
        <v>511</v>
      </c>
      <c r="B105029" s="14" t="s">
        <v>1</v>
      </c>
      <c r="C105029" s="14" t="s">
        <v>342</v>
      </c>
      <c r="D105029" s="14" t="s">
        <v>512</v>
      </c>
      <c r="E105029" s="15">
        <v>45650</v>
      </c>
      <c r="F105029" s="14" t="s">
        <v>53</v>
      </c>
      <c r="G105029" s="16">
        <v>0</v>
      </c>
    </row>
    <row r="105030" spans="1:7" x14ac:dyDescent="0.3">
      <c r="A105030" s="13" t="s">
        <v>511</v>
      </c>
      <c r="B105030" s="14" t="s">
        <v>1</v>
      </c>
      <c r="C105030" s="14" t="s">
        <v>342</v>
      </c>
      <c r="D105030" s="14" t="s">
        <v>512</v>
      </c>
      <c r="E105030" s="15">
        <v>45651</v>
      </c>
      <c r="F105030" s="14" t="s">
        <v>53</v>
      </c>
      <c r="G105030" s="16">
        <v>0</v>
      </c>
    </row>
    <row r="105031" spans="1:7" x14ac:dyDescent="0.3">
      <c r="A105031" s="13" t="s">
        <v>511</v>
      </c>
      <c r="B105031" s="14" t="s">
        <v>1</v>
      </c>
      <c r="C105031" s="14" t="s">
        <v>342</v>
      </c>
      <c r="D105031" s="14" t="s">
        <v>512</v>
      </c>
      <c r="E105031" s="15">
        <v>45652</v>
      </c>
      <c r="F105031" s="14" t="s">
        <v>53</v>
      </c>
      <c r="G105031" s="16">
        <v>0</v>
      </c>
    </row>
    <row r="105032" spans="1:7" x14ac:dyDescent="0.3">
      <c r="A105032" s="13" t="s">
        <v>511</v>
      </c>
      <c r="B105032" s="14" t="s">
        <v>1</v>
      </c>
      <c r="C105032" s="14" t="s">
        <v>342</v>
      </c>
      <c r="D105032" s="14" t="s">
        <v>512</v>
      </c>
      <c r="E105032" s="15">
        <v>45653</v>
      </c>
      <c r="F105032" s="14" t="s">
        <v>53</v>
      </c>
      <c r="G105032" s="16">
        <v>0</v>
      </c>
    </row>
    <row r="105033" spans="1:7" x14ac:dyDescent="0.3">
      <c r="A105033" s="13" t="s">
        <v>511</v>
      </c>
      <c r="B105033" s="14" t="s">
        <v>1</v>
      </c>
      <c r="C105033" s="14" t="s">
        <v>342</v>
      </c>
      <c r="D105033" s="14" t="s">
        <v>512</v>
      </c>
      <c r="E105033" s="15">
        <v>45654</v>
      </c>
      <c r="F105033" s="14" t="s">
        <v>53</v>
      </c>
      <c r="G105033" s="16">
        <v>0</v>
      </c>
    </row>
    <row r="105034" spans="1:7" x14ac:dyDescent="0.3">
      <c r="A105034" s="13" t="s">
        <v>511</v>
      </c>
      <c r="B105034" s="14" t="s">
        <v>1</v>
      </c>
      <c r="C105034" s="14" t="s">
        <v>342</v>
      </c>
      <c r="D105034" s="14" t="s">
        <v>512</v>
      </c>
      <c r="E105034" s="15">
        <v>45655</v>
      </c>
      <c r="F105034" s="14" t="s">
        <v>53</v>
      </c>
      <c r="G105034" s="16">
        <v>0</v>
      </c>
    </row>
    <row r="105035" spans="1:7" x14ac:dyDescent="0.3">
      <c r="A105035" s="13" t="s">
        <v>511</v>
      </c>
      <c r="B105035" s="14" t="s">
        <v>1</v>
      </c>
      <c r="C105035" s="14" t="s">
        <v>342</v>
      </c>
      <c r="D105035" s="14" t="s">
        <v>512</v>
      </c>
      <c r="E105035" s="15">
        <v>45656</v>
      </c>
      <c r="F105035" s="14" t="s">
        <v>53</v>
      </c>
      <c r="G105035" s="16">
        <v>0</v>
      </c>
    </row>
    <row r="105036" spans="1:7" x14ac:dyDescent="0.3">
      <c r="A105036" s="13" t="s">
        <v>511</v>
      </c>
      <c r="B105036" s="14" t="s">
        <v>1</v>
      </c>
      <c r="C105036" s="14" t="s">
        <v>342</v>
      </c>
      <c r="D105036" s="14" t="s">
        <v>512</v>
      </c>
      <c r="E105036" s="15">
        <v>45657</v>
      </c>
      <c r="F105036" s="14" t="s">
        <v>53</v>
      </c>
      <c r="G105036" s="16">
        <v>0</v>
      </c>
    </row>
    <row r="105037" spans="1:7" x14ac:dyDescent="0.3">
      <c r="A105037" s="13" t="s">
        <v>511</v>
      </c>
      <c r="B105037" s="14" t="s">
        <v>1</v>
      </c>
      <c r="C105037" s="14" t="s">
        <v>342</v>
      </c>
      <c r="D105037" s="14" t="s">
        <v>512</v>
      </c>
      <c r="E105037" s="15">
        <v>45658</v>
      </c>
      <c r="F105037" s="14" t="s">
        <v>53</v>
      </c>
      <c r="G105037" s="16">
        <v>0</v>
      </c>
    </row>
    <row r="105038" spans="1:7" x14ac:dyDescent="0.3">
      <c r="A105038" s="13" t="s">
        <v>511</v>
      </c>
      <c r="B105038" s="14" t="s">
        <v>1</v>
      </c>
      <c r="C105038" s="14" t="s">
        <v>342</v>
      </c>
      <c r="D105038" s="14" t="s">
        <v>512</v>
      </c>
      <c r="E105038" s="15">
        <v>45659</v>
      </c>
      <c r="F105038" s="14" t="s">
        <v>53</v>
      </c>
      <c r="G105038" s="16">
        <v>0</v>
      </c>
    </row>
    <row r="105039" spans="1:7" x14ac:dyDescent="0.3">
      <c r="A105039" s="13" t="s">
        <v>511</v>
      </c>
      <c r="B105039" s="14" t="s">
        <v>1</v>
      </c>
      <c r="C105039" s="14" t="s">
        <v>342</v>
      </c>
      <c r="D105039" s="14" t="s">
        <v>512</v>
      </c>
      <c r="E105039" s="15">
        <v>45660</v>
      </c>
      <c r="F105039" s="14" t="s">
        <v>53</v>
      </c>
      <c r="G105039" s="16">
        <v>0</v>
      </c>
    </row>
    <row r="105040" spans="1:7" x14ac:dyDescent="0.3">
      <c r="A105040" s="13" t="s">
        <v>511</v>
      </c>
      <c r="B105040" s="14" t="s">
        <v>1</v>
      </c>
      <c r="C105040" s="14" t="s">
        <v>342</v>
      </c>
      <c r="D105040" s="14" t="s">
        <v>512</v>
      </c>
      <c r="E105040" s="15">
        <v>45661</v>
      </c>
      <c r="F105040" s="14" t="s">
        <v>53</v>
      </c>
      <c r="G105040" s="16">
        <v>0</v>
      </c>
    </row>
    <row r="105041" spans="1:7" x14ac:dyDescent="0.3">
      <c r="A105041" s="13" t="s">
        <v>511</v>
      </c>
      <c r="B105041" s="14" t="s">
        <v>1</v>
      </c>
      <c r="C105041" s="14" t="s">
        <v>342</v>
      </c>
      <c r="D105041" s="14" t="s">
        <v>512</v>
      </c>
      <c r="E105041" s="15">
        <v>45662</v>
      </c>
      <c r="F105041" s="14" t="s">
        <v>53</v>
      </c>
      <c r="G105041" s="16">
        <v>0</v>
      </c>
    </row>
    <row r="105042" spans="1:7" x14ac:dyDescent="0.3">
      <c r="A105042" s="13" t="s">
        <v>511</v>
      </c>
      <c r="B105042" s="14" t="s">
        <v>1</v>
      </c>
      <c r="C105042" s="14" t="s">
        <v>342</v>
      </c>
      <c r="D105042" s="14" t="s">
        <v>512</v>
      </c>
      <c r="E105042" s="15">
        <v>45663</v>
      </c>
      <c r="F105042" s="14" t="s">
        <v>53</v>
      </c>
      <c r="G105042" s="16">
        <v>0</v>
      </c>
    </row>
    <row r="105043" spans="1:7" x14ac:dyDescent="0.3">
      <c r="A105043" s="13" t="s">
        <v>511</v>
      </c>
      <c r="B105043" s="14" t="s">
        <v>1</v>
      </c>
      <c r="C105043" s="14" t="s">
        <v>342</v>
      </c>
      <c r="D105043" s="14" t="s">
        <v>512</v>
      </c>
      <c r="E105043" s="15">
        <v>45664</v>
      </c>
      <c r="F105043" s="14" t="s">
        <v>53</v>
      </c>
      <c r="G105043" s="16">
        <v>0</v>
      </c>
    </row>
    <row r="105044" spans="1:7" x14ac:dyDescent="0.3">
      <c r="A105044" s="13" t="s">
        <v>511</v>
      </c>
      <c r="B105044" s="14" t="s">
        <v>1</v>
      </c>
      <c r="C105044" s="14" t="s">
        <v>342</v>
      </c>
      <c r="D105044" s="14" t="s">
        <v>512</v>
      </c>
      <c r="E105044" s="15">
        <v>45665</v>
      </c>
      <c r="F105044" s="14" t="s">
        <v>53</v>
      </c>
      <c r="G105044" s="16">
        <v>0</v>
      </c>
    </row>
    <row r="105045" spans="1:7" x14ac:dyDescent="0.3">
      <c r="A105045" s="13" t="s">
        <v>511</v>
      </c>
      <c r="B105045" s="14" t="s">
        <v>1</v>
      </c>
      <c r="C105045" s="14" t="s">
        <v>342</v>
      </c>
      <c r="D105045" s="14" t="s">
        <v>512</v>
      </c>
      <c r="E105045" s="15">
        <v>45666</v>
      </c>
      <c r="F105045" s="14" t="s">
        <v>53</v>
      </c>
      <c r="G105045" s="16">
        <v>0</v>
      </c>
    </row>
    <row r="105046" spans="1:7" x14ac:dyDescent="0.3">
      <c r="A105046" s="13" t="s">
        <v>511</v>
      </c>
      <c r="B105046" s="14" t="s">
        <v>1</v>
      </c>
      <c r="C105046" s="14" t="s">
        <v>342</v>
      </c>
      <c r="D105046" s="14" t="s">
        <v>512</v>
      </c>
      <c r="E105046" s="15">
        <v>45667</v>
      </c>
      <c r="F105046" s="14" t="s">
        <v>53</v>
      </c>
      <c r="G105046" s="16">
        <v>0</v>
      </c>
    </row>
    <row r="105047" spans="1:7" x14ac:dyDescent="0.3">
      <c r="A105047" s="13" t="s">
        <v>511</v>
      </c>
      <c r="B105047" s="14" t="s">
        <v>1</v>
      </c>
      <c r="C105047" s="14" t="s">
        <v>342</v>
      </c>
      <c r="D105047" s="14" t="s">
        <v>512</v>
      </c>
      <c r="E105047" s="15">
        <v>45668</v>
      </c>
      <c r="F105047" s="14" t="s">
        <v>53</v>
      </c>
      <c r="G105047" s="16">
        <v>0</v>
      </c>
    </row>
    <row r="105048" spans="1:7" x14ac:dyDescent="0.3">
      <c r="A105048" s="13" t="s">
        <v>511</v>
      </c>
      <c r="B105048" s="14" t="s">
        <v>1</v>
      </c>
      <c r="C105048" s="14" t="s">
        <v>342</v>
      </c>
      <c r="D105048" s="14" t="s">
        <v>512</v>
      </c>
      <c r="E105048" s="15">
        <v>45669</v>
      </c>
      <c r="F105048" s="14" t="s">
        <v>53</v>
      </c>
      <c r="G105048" s="16">
        <v>0</v>
      </c>
    </row>
    <row r="105049" spans="1:7" x14ac:dyDescent="0.3">
      <c r="A105049" s="13" t="s">
        <v>511</v>
      </c>
      <c r="B105049" s="14" t="s">
        <v>1</v>
      </c>
      <c r="C105049" s="14" t="s">
        <v>342</v>
      </c>
      <c r="D105049" s="14" t="s">
        <v>512</v>
      </c>
      <c r="E105049" s="15">
        <v>45670</v>
      </c>
      <c r="F105049" s="14" t="s">
        <v>53</v>
      </c>
      <c r="G105049" s="16">
        <v>0</v>
      </c>
    </row>
    <row r="105050" spans="1:7" x14ac:dyDescent="0.3">
      <c r="A105050" s="13" t="s">
        <v>511</v>
      </c>
      <c r="B105050" s="14" t="s">
        <v>1</v>
      </c>
      <c r="C105050" s="14" t="s">
        <v>342</v>
      </c>
      <c r="D105050" s="14" t="s">
        <v>512</v>
      </c>
      <c r="E105050" s="15">
        <v>45671</v>
      </c>
      <c r="F105050" s="14" t="s">
        <v>53</v>
      </c>
      <c r="G105050" s="16">
        <v>0</v>
      </c>
    </row>
    <row r="105051" spans="1:7" x14ac:dyDescent="0.3">
      <c r="A105051" s="13" t="s">
        <v>511</v>
      </c>
      <c r="B105051" s="14" t="s">
        <v>1</v>
      </c>
      <c r="C105051" s="14" t="s">
        <v>342</v>
      </c>
      <c r="D105051" s="14" t="s">
        <v>512</v>
      </c>
      <c r="E105051" s="15">
        <v>45672</v>
      </c>
      <c r="F105051" s="14" t="s">
        <v>53</v>
      </c>
      <c r="G105051" s="16">
        <v>0</v>
      </c>
    </row>
    <row r="105052" spans="1:7" x14ac:dyDescent="0.3">
      <c r="A105052" s="13" t="s">
        <v>511</v>
      </c>
      <c r="B105052" s="14" t="s">
        <v>1</v>
      </c>
      <c r="C105052" s="14" t="s">
        <v>342</v>
      </c>
      <c r="D105052" s="14" t="s">
        <v>512</v>
      </c>
      <c r="E105052" s="15">
        <v>45673</v>
      </c>
      <c r="F105052" s="14" t="s">
        <v>53</v>
      </c>
      <c r="G105052" s="16">
        <v>0</v>
      </c>
    </row>
    <row r="105053" spans="1:7" x14ac:dyDescent="0.3">
      <c r="A105053" s="13" t="s">
        <v>511</v>
      </c>
      <c r="B105053" s="14" t="s">
        <v>1</v>
      </c>
      <c r="C105053" s="14" t="s">
        <v>342</v>
      </c>
      <c r="D105053" s="14" t="s">
        <v>512</v>
      </c>
      <c r="E105053" s="15">
        <v>45674</v>
      </c>
      <c r="F105053" s="14" t="s">
        <v>53</v>
      </c>
      <c r="G105053" s="16">
        <v>0</v>
      </c>
    </row>
    <row r="105054" spans="1:7" x14ac:dyDescent="0.3">
      <c r="A105054" s="13" t="s">
        <v>511</v>
      </c>
      <c r="B105054" s="14" t="s">
        <v>1</v>
      </c>
      <c r="C105054" s="14" t="s">
        <v>342</v>
      </c>
      <c r="D105054" s="14" t="s">
        <v>512</v>
      </c>
      <c r="E105054" s="15">
        <v>45675</v>
      </c>
      <c r="F105054" s="14" t="s">
        <v>53</v>
      </c>
      <c r="G105054" s="16">
        <v>0</v>
      </c>
    </row>
    <row r="105055" spans="1:7" x14ac:dyDescent="0.3">
      <c r="A105055" s="13" t="s">
        <v>511</v>
      </c>
      <c r="B105055" s="14" t="s">
        <v>1</v>
      </c>
      <c r="C105055" s="14" t="s">
        <v>342</v>
      </c>
      <c r="D105055" s="14" t="s">
        <v>512</v>
      </c>
      <c r="E105055" s="15">
        <v>45676</v>
      </c>
      <c r="F105055" s="14" t="s">
        <v>53</v>
      </c>
      <c r="G105055" s="16">
        <v>0</v>
      </c>
    </row>
    <row r="105056" spans="1:7" x14ac:dyDescent="0.3">
      <c r="A105056" s="13" t="s">
        <v>511</v>
      </c>
      <c r="B105056" s="14" t="s">
        <v>1</v>
      </c>
      <c r="C105056" s="14" t="s">
        <v>342</v>
      </c>
      <c r="D105056" s="14" t="s">
        <v>512</v>
      </c>
      <c r="E105056" s="15">
        <v>45677</v>
      </c>
      <c r="F105056" s="14" t="s">
        <v>53</v>
      </c>
      <c r="G105056" s="16">
        <v>0</v>
      </c>
    </row>
    <row r="105057" spans="1:7" x14ac:dyDescent="0.3">
      <c r="A105057" s="13" t="s">
        <v>511</v>
      </c>
      <c r="B105057" s="14" t="s">
        <v>1</v>
      </c>
      <c r="C105057" s="14" t="s">
        <v>342</v>
      </c>
      <c r="D105057" s="14" t="s">
        <v>512</v>
      </c>
      <c r="E105057" s="15">
        <v>45678</v>
      </c>
      <c r="F105057" s="14" t="s">
        <v>53</v>
      </c>
      <c r="G105057" s="16">
        <v>0</v>
      </c>
    </row>
    <row r="105058" spans="1:7" x14ac:dyDescent="0.3">
      <c r="A105058" s="13" t="s">
        <v>511</v>
      </c>
      <c r="B105058" s="14" t="s">
        <v>1</v>
      </c>
      <c r="C105058" s="14" t="s">
        <v>342</v>
      </c>
      <c r="D105058" s="14" t="s">
        <v>512</v>
      </c>
      <c r="E105058" s="15">
        <v>45679</v>
      </c>
      <c r="F105058" s="14" t="s">
        <v>53</v>
      </c>
      <c r="G105058" s="16">
        <v>0</v>
      </c>
    </row>
    <row r="105059" spans="1:7" x14ac:dyDescent="0.3">
      <c r="A105059" s="13" t="s">
        <v>511</v>
      </c>
      <c r="B105059" s="14" t="s">
        <v>1</v>
      </c>
      <c r="C105059" s="14" t="s">
        <v>342</v>
      </c>
      <c r="D105059" s="14" t="s">
        <v>512</v>
      </c>
      <c r="E105059" s="15">
        <v>45680</v>
      </c>
      <c r="F105059" s="14" t="s">
        <v>53</v>
      </c>
      <c r="G105059" s="16">
        <v>0</v>
      </c>
    </row>
    <row r="105060" spans="1:7" x14ac:dyDescent="0.3">
      <c r="A105060" s="13" t="s">
        <v>511</v>
      </c>
      <c r="B105060" s="14" t="s">
        <v>1</v>
      </c>
      <c r="C105060" s="14" t="s">
        <v>342</v>
      </c>
      <c r="D105060" s="14" t="s">
        <v>512</v>
      </c>
      <c r="E105060" s="15">
        <v>45681</v>
      </c>
      <c r="F105060" s="14" t="s">
        <v>53</v>
      </c>
      <c r="G105060" s="16">
        <v>0</v>
      </c>
    </row>
    <row r="105061" spans="1:7" x14ac:dyDescent="0.3">
      <c r="A105061" s="13" t="s">
        <v>511</v>
      </c>
      <c r="B105061" s="14" t="s">
        <v>1</v>
      </c>
      <c r="C105061" s="14" t="s">
        <v>342</v>
      </c>
      <c r="D105061" s="14" t="s">
        <v>512</v>
      </c>
      <c r="E105061" s="15">
        <v>45682</v>
      </c>
      <c r="F105061" s="14" t="s">
        <v>53</v>
      </c>
      <c r="G105061" s="16">
        <v>0</v>
      </c>
    </row>
    <row r="105062" spans="1:7" x14ac:dyDescent="0.3">
      <c r="A105062" s="13" t="s">
        <v>511</v>
      </c>
      <c r="B105062" s="14" t="s">
        <v>1</v>
      </c>
      <c r="C105062" s="14" t="s">
        <v>342</v>
      </c>
      <c r="D105062" s="14" t="s">
        <v>512</v>
      </c>
      <c r="E105062" s="15">
        <v>45683</v>
      </c>
      <c r="F105062" s="14" t="s">
        <v>53</v>
      </c>
      <c r="G105062" s="16">
        <v>0</v>
      </c>
    </row>
    <row r="105063" spans="1:7" x14ac:dyDescent="0.3">
      <c r="A105063" s="13" t="s">
        <v>511</v>
      </c>
      <c r="B105063" s="14" t="s">
        <v>1</v>
      </c>
      <c r="C105063" s="14" t="s">
        <v>342</v>
      </c>
      <c r="D105063" s="14" t="s">
        <v>512</v>
      </c>
      <c r="E105063" s="15">
        <v>45684</v>
      </c>
      <c r="F105063" s="14" t="s">
        <v>53</v>
      </c>
      <c r="G105063" s="16">
        <v>0</v>
      </c>
    </row>
    <row r="105064" spans="1:7" x14ac:dyDescent="0.3">
      <c r="A105064" s="13" t="s">
        <v>511</v>
      </c>
      <c r="B105064" s="14" t="s">
        <v>1</v>
      </c>
      <c r="C105064" s="14" t="s">
        <v>342</v>
      </c>
      <c r="D105064" s="14" t="s">
        <v>512</v>
      </c>
      <c r="E105064" s="15">
        <v>45685</v>
      </c>
      <c r="F105064" s="14" t="s">
        <v>53</v>
      </c>
      <c r="G105064" s="16">
        <v>0</v>
      </c>
    </row>
    <row r="105065" spans="1:7" x14ac:dyDescent="0.3">
      <c r="A105065" s="13" t="s">
        <v>511</v>
      </c>
      <c r="B105065" s="14" t="s">
        <v>1</v>
      </c>
      <c r="C105065" s="14" t="s">
        <v>342</v>
      </c>
      <c r="D105065" s="14" t="s">
        <v>512</v>
      </c>
      <c r="E105065" s="15">
        <v>45686</v>
      </c>
      <c r="F105065" s="14" t="s">
        <v>53</v>
      </c>
      <c r="G105065" s="16">
        <v>0</v>
      </c>
    </row>
    <row r="105066" spans="1:7" x14ac:dyDescent="0.3">
      <c r="A105066" s="13" t="s">
        <v>511</v>
      </c>
      <c r="B105066" s="14" t="s">
        <v>1</v>
      </c>
      <c r="C105066" s="14" t="s">
        <v>342</v>
      </c>
      <c r="D105066" s="14" t="s">
        <v>512</v>
      </c>
      <c r="E105066" s="15">
        <v>45687</v>
      </c>
      <c r="F105066" s="14" t="s">
        <v>53</v>
      </c>
      <c r="G105066" s="16">
        <v>0</v>
      </c>
    </row>
    <row r="105067" spans="1:7" x14ac:dyDescent="0.3">
      <c r="A105067" s="13" t="s">
        <v>511</v>
      </c>
      <c r="B105067" s="14" t="s">
        <v>1</v>
      </c>
      <c r="C105067" s="14" t="s">
        <v>342</v>
      </c>
      <c r="D105067" s="14" t="s">
        <v>512</v>
      </c>
      <c r="E105067" s="15">
        <v>45688</v>
      </c>
      <c r="F105067" s="14" t="s">
        <v>53</v>
      </c>
      <c r="G105067" s="16">
        <v>0</v>
      </c>
    </row>
    <row r="105068" spans="1:7" x14ac:dyDescent="0.3">
      <c r="A105068" s="13" t="s">
        <v>511</v>
      </c>
      <c r="B105068" s="14" t="s">
        <v>1</v>
      </c>
      <c r="C105068" s="14" t="s">
        <v>342</v>
      </c>
      <c r="D105068" s="14" t="s">
        <v>512</v>
      </c>
      <c r="E105068" s="15">
        <v>45689</v>
      </c>
      <c r="F105068" s="14" t="s">
        <v>53</v>
      </c>
      <c r="G105068" s="16">
        <v>0</v>
      </c>
    </row>
    <row r="105069" spans="1:7" x14ac:dyDescent="0.3">
      <c r="A105069" s="13" t="s">
        <v>511</v>
      </c>
      <c r="B105069" s="14" t="s">
        <v>1</v>
      </c>
      <c r="C105069" s="14" t="s">
        <v>342</v>
      </c>
      <c r="D105069" s="14" t="s">
        <v>512</v>
      </c>
      <c r="E105069" s="15">
        <v>45690</v>
      </c>
      <c r="F105069" s="14" t="s">
        <v>53</v>
      </c>
      <c r="G105069" s="16">
        <v>0</v>
      </c>
    </row>
    <row r="105070" spans="1:7" x14ac:dyDescent="0.3">
      <c r="A105070" s="13" t="s">
        <v>511</v>
      </c>
      <c r="B105070" s="14" t="s">
        <v>1</v>
      </c>
      <c r="C105070" s="14" t="s">
        <v>342</v>
      </c>
      <c r="D105070" s="14" t="s">
        <v>512</v>
      </c>
      <c r="E105070" s="15">
        <v>45691</v>
      </c>
      <c r="F105070" s="14" t="s">
        <v>53</v>
      </c>
      <c r="G105070" s="16">
        <v>0</v>
      </c>
    </row>
    <row r="105071" spans="1:7" x14ac:dyDescent="0.3">
      <c r="A105071" s="13" t="s">
        <v>511</v>
      </c>
      <c r="B105071" s="14" t="s">
        <v>1</v>
      </c>
      <c r="C105071" s="14" t="s">
        <v>342</v>
      </c>
      <c r="D105071" s="14" t="s">
        <v>512</v>
      </c>
      <c r="E105071" s="15">
        <v>45692</v>
      </c>
      <c r="F105071" s="14" t="s">
        <v>53</v>
      </c>
      <c r="G105071" s="16">
        <v>0</v>
      </c>
    </row>
    <row r="105072" spans="1:7" x14ac:dyDescent="0.3">
      <c r="A105072" s="13" t="s">
        <v>511</v>
      </c>
      <c r="B105072" s="14" t="s">
        <v>1</v>
      </c>
      <c r="C105072" s="14" t="s">
        <v>342</v>
      </c>
      <c r="D105072" s="14" t="s">
        <v>512</v>
      </c>
      <c r="E105072" s="15">
        <v>45693</v>
      </c>
      <c r="F105072" s="14" t="s">
        <v>53</v>
      </c>
      <c r="G105072" s="16">
        <v>0</v>
      </c>
    </row>
    <row r="105073" spans="1:7" x14ac:dyDescent="0.3">
      <c r="A105073" s="13" t="s">
        <v>511</v>
      </c>
      <c r="B105073" s="14" t="s">
        <v>1</v>
      </c>
      <c r="C105073" s="14" t="s">
        <v>342</v>
      </c>
      <c r="D105073" s="14" t="s">
        <v>512</v>
      </c>
      <c r="E105073" s="15">
        <v>45694</v>
      </c>
      <c r="F105073" s="14" t="s">
        <v>53</v>
      </c>
      <c r="G105073" s="16">
        <v>0</v>
      </c>
    </row>
    <row r="105074" spans="1:7" x14ac:dyDescent="0.3">
      <c r="A105074" s="13" t="s">
        <v>511</v>
      </c>
      <c r="B105074" s="14" t="s">
        <v>1</v>
      </c>
      <c r="C105074" s="14" t="s">
        <v>342</v>
      </c>
      <c r="D105074" s="14" t="s">
        <v>512</v>
      </c>
      <c r="E105074" s="15">
        <v>45695</v>
      </c>
      <c r="F105074" s="14" t="s">
        <v>53</v>
      </c>
      <c r="G105074" s="16">
        <v>0</v>
      </c>
    </row>
    <row r="105075" spans="1:7" x14ac:dyDescent="0.3">
      <c r="A105075" s="13" t="s">
        <v>511</v>
      </c>
      <c r="B105075" s="14" t="s">
        <v>1</v>
      </c>
      <c r="C105075" s="14" t="s">
        <v>342</v>
      </c>
      <c r="D105075" s="14" t="s">
        <v>512</v>
      </c>
      <c r="E105075" s="15">
        <v>45696</v>
      </c>
      <c r="F105075" s="14" t="s">
        <v>53</v>
      </c>
      <c r="G105075" s="16">
        <v>0</v>
      </c>
    </row>
    <row r="105076" spans="1:7" x14ac:dyDescent="0.3">
      <c r="A105076" s="13" t="s">
        <v>511</v>
      </c>
      <c r="B105076" s="14" t="s">
        <v>1</v>
      </c>
      <c r="C105076" s="14" t="s">
        <v>342</v>
      </c>
      <c r="D105076" s="14" t="s">
        <v>512</v>
      </c>
      <c r="E105076" s="15">
        <v>45697</v>
      </c>
      <c r="F105076" s="14" t="s">
        <v>53</v>
      </c>
      <c r="G105076" s="16">
        <v>0</v>
      </c>
    </row>
    <row r="105077" spans="1:7" x14ac:dyDescent="0.3">
      <c r="A105077" s="13" t="s">
        <v>511</v>
      </c>
      <c r="B105077" s="14" t="s">
        <v>1</v>
      </c>
      <c r="C105077" s="14" t="s">
        <v>342</v>
      </c>
      <c r="D105077" s="14" t="s">
        <v>512</v>
      </c>
      <c r="E105077" s="15">
        <v>45698</v>
      </c>
      <c r="F105077" s="14" t="s">
        <v>53</v>
      </c>
      <c r="G105077" s="16">
        <v>0</v>
      </c>
    </row>
    <row r="105078" spans="1:7" x14ac:dyDescent="0.3">
      <c r="A105078" s="13" t="s">
        <v>511</v>
      </c>
      <c r="B105078" s="14" t="s">
        <v>1</v>
      </c>
      <c r="C105078" s="14" t="s">
        <v>342</v>
      </c>
      <c r="D105078" s="14" t="s">
        <v>512</v>
      </c>
      <c r="E105078" s="15">
        <v>45699</v>
      </c>
      <c r="F105078" s="14" t="s">
        <v>53</v>
      </c>
      <c r="G105078" s="16">
        <v>0</v>
      </c>
    </row>
    <row r="105079" spans="1:7" x14ac:dyDescent="0.3">
      <c r="A105079" s="13" t="s">
        <v>511</v>
      </c>
      <c r="B105079" s="14" t="s">
        <v>1</v>
      </c>
      <c r="C105079" s="14" t="s">
        <v>342</v>
      </c>
      <c r="D105079" s="14" t="s">
        <v>512</v>
      </c>
      <c r="E105079" s="15">
        <v>45700</v>
      </c>
      <c r="F105079" s="14" t="s">
        <v>53</v>
      </c>
      <c r="G105079" s="16">
        <v>0</v>
      </c>
    </row>
    <row r="105080" spans="1:7" x14ac:dyDescent="0.3">
      <c r="A105080" s="13" t="s">
        <v>511</v>
      </c>
      <c r="B105080" s="14" t="s">
        <v>1</v>
      </c>
      <c r="C105080" s="14" t="s">
        <v>342</v>
      </c>
      <c r="D105080" s="14" t="s">
        <v>512</v>
      </c>
      <c r="E105080" s="15">
        <v>45701</v>
      </c>
      <c r="F105080" s="14" t="s">
        <v>53</v>
      </c>
      <c r="G105080" s="16">
        <v>0</v>
      </c>
    </row>
    <row r="105081" spans="1:7" x14ac:dyDescent="0.3">
      <c r="A105081" s="13" t="s">
        <v>511</v>
      </c>
      <c r="B105081" s="14" t="s">
        <v>1</v>
      </c>
      <c r="C105081" s="14" t="s">
        <v>342</v>
      </c>
      <c r="D105081" s="14" t="s">
        <v>512</v>
      </c>
      <c r="E105081" s="15">
        <v>45702</v>
      </c>
      <c r="F105081" s="14" t="s">
        <v>53</v>
      </c>
      <c r="G105081" s="16">
        <v>0</v>
      </c>
    </row>
    <row r="105082" spans="1:7" x14ac:dyDescent="0.3">
      <c r="A105082" s="13" t="s">
        <v>511</v>
      </c>
      <c r="B105082" s="14" t="s">
        <v>1</v>
      </c>
      <c r="C105082" s="14" t="s">
        <v>342</v>
      </c>
      <c r="D105082" s="14" t="s">
        <v>512</v>
      </c>
      <c r="E105082" s="15">
        <v>45703</v>
      </c>
      <c r="F105082" s="14" t="s">
        <v>53</v>
      </c>
      <c r="G105082" s="16">
        <v>0</v>
      </c>
    </row>
    <row r="105083" spans="1:7" x14ac:dyDescent="0.3">
      <c r="A105083" s="13" t="s">
        <v>511</v>
      </c>
      <c r="B105083" s="14" t="s">
        <v>1</v>
      </c>
      <c r="C105083" s="14" t="s">
        <v>342</v>
      </c>
      <c r="D105083" s="14" t="s">
        <v>512</v>
      </c>
      <c r="E105083" s="15">
        <v>45704</v>
      </c>
      <c r="F105083" s="14" t="s">
        <v>53</v>
      </c>
      <c r="G105083" s="16">
        <v>0</v>
      </c>
    </row>
    <row r="105084" spans="1:7" x14ac:dyDescent="0.3">
      <c r="A105084" s="13" t="s">
        <v>511</v>
      </c>
      <c r="B105084" s="14" t="s">
        <v>1</v>
      </c>
      <c r="C105084" s="14" t="s">
        <v>342</v>
      </c>
      <c r="D105084" s="14" t="s">
        <v>512</v>
      </c>
      <c r="E105084" s="15">
        <v>45705</v>
      </c>
      <c r="F105084" s="14" t="s">
        <v>53</v>
      </c>
      <c r="G105084" s="16">
        <v>0</v>
      </c>
    </row>
    <row r="105085" spans="1:7" x14ac:dyDescent="0.3">
      <c r="A105085" s="13" t="s">
        <v>511</v>
      </c>
      <c r="B105085" s="14" t="s">
        <v>1</v>
      </c>
      <c r="C105085" s="14" t="s">
        <v>342</v>
      </c>
      <c r="D105085" s="14" t="s">
        <v>512</v>
      </c>
      <c r="E105085" s="15">
        <v>45706</v>
      </c>
      <c r="F105085" s="14" t="s">
        <v>53</v>
      </c>
      <c r="G105085" s="16">
        <v>0</v>
      </c>
    </row>
    <row r="105086" spans="1:7" x14ac:dyDescent="0.3">
      <c r="A105086" s="13" t="s">
        <v>511</v>
      </c>
      <c r="B105086" s="14" t="s">
        <v>1</v>
      </c>
      <c r="C105086" s="14" t="s">
        <v>342</v>
      </c>
      <c r="D105086" s="14" t="s">
        <v>512</v>
      </c>
      <c r="E105086" s="15">
        <v>45707</v>
      </c>
      <c r="F105086" s="14" t="s">
        <v>53</v>
      </c>
      <c r="G105086" s="16">
        <v>0</v>
      </c>
    </row>
    <row r="105087" spans="1:7" x14ac:dyDescent="0.3">
      <c r="A105087" s="13" t="s">
        <v>511</v>
      </c>
      <c r="B105087" s="14" t="s">
        <v>1</v>
      </c>
      <c r="C105087" s="14" t="s">
        <v>342</v>
      </c>
      <c r="D105087" s="14" t="s">
        <v>512</v>
      </c>
      <c r="E105087" s="15">
        <v>45708</v>
      </c>
      <c r="F105087" s="14" t="s">
        <v>53</v>
      </c>
      <c r="G105087" s="16">
        <v>0</v>
      </c>
    </row>
    <row r="105088" spans="1:7" x14ac:dyDescent="0.3">
      <c r="A105088" s="13" t="s">
        <v>511</v>
      </c>
      <c r="B105088" s="14" t="s">
        <v>1</v>
      </c>
      <c r="C105088" s="14" t="s">
        <v>342</v>
      </c>
      <c r="D105088" s="14" t="s">
        <v>512</v>
      </c>
      <c r="E105088" s="15">
        <v>45709</v>
      </c>
      <c r="F105088" s="14" t="s">
        <v>53</v>
      </c>
      <c r="G105088" s="16">
        <v>0</v>
      </c>
    </row>
    <row r="105089" spans="1:7" x14ac:dyDescent="0.3">
      <c r="A105089" s="13" t="s">
        <v>511</v>
      </c>
      <c r="B105089" s="14" t="s">
        <v>1</v>
      </c>
      <c r="C105089" s="14" t="s">
        <v>342</v>
      </c>
      <c r="D105089" s="14" t="s">
        <v>512</v>
      </c>
      <c r="E105089" s="15">
        <v>45710</v>
      </c>
      <c r="F105089" s="14" t="s">
        <v>53</v>
      </c>
      <c r="G105089" s="16">
        <v>0</v>
      </c>
    </row>
    <row r="105090" spans="1:7" x14ac:dyDescent="0.3">
      <c r="A105090" s="13" t="s">
        <v>511</v>
      </c>
      <c r="B105090" s="14" t="s">
        <v>1</v>
      </c>
      <c r="C105090" s="14" t="s">
        <v>342</v>
      </c>
      <c r="D105090" s="14" t="s">
        <v>512</v>
      </c>
      <c r="E105090" s="15">
        <v>45711</v>
      </c>
      <c r="F105090" s="14" t="s">
        <v>53</v>
      </c>
      <c r="G105090" s="16">
        <v>0</v>
      </c>
    </row>
    <row r="105091" spans="1:7" x14ac:dyDescent="0.3">
      <c r="A105091" s="13" t="s">
        <v>511</v>
      </c>
      <c r="B105091" s="14" t="s">
        <v>1</v>
      </c>
      <c r="C105091" s="14" t="s">
        <v>342</v>
      </c>
      <c r="D105091" s="14" t="s">
        <v>512</v>
      </c>
      <c r="E105091" s="15">
        <v>45712</v>
      </c>
      <c r="F105091" s="14" t="s">
        <v>53</v>
      </c>
      <c r="G105091" s="16">
        <v>0</v>
      </c>
    </row>
    <row r="105092" spans="1:7" x14ac:dyDescent="0.3">
      <c r="A105092" s="13" t="s">
        <v>511</v>
      </c>
      <c r="B105092" s="14" t="s">
        <v>1</v>
      </c>
      <c r="C105092" s="14" t="s">
        <v>342</v>
      </c>
      <c r="D105092" s="14" t="s">
        <v>512</v>
      </c>
      <c r="E105092" s="15">
        <v>45713</v>
      </c>
      <c r="F105092" s="14" t="s">
        <v>53</v>
      </c>
      <c r="G105092" s="16">
        <v>0</v>
      </c>
    </row>
    <row r="105093" spans="1:7" x14ac:dyDescent="0.3">
      <c r="A105093" s="13" t="s">
        <v>511</v>
      </c>
      <c r="B105093" s="14" t="s">
        <v>1</v>
      </c>
      <c r="C105093" s="14" t="s">
        <v>342</v>
      </c>
      <c r="D105093" s="14" t="s">
        <v>512</v>
      </c>
      <c r="E105093" s="15">
        <v>45714</v>
      </c>
      <c r="F105093" s="14" t="s">
        <v>53</v>
      </c>
      <c r="G105093" s="16">
        <v>0</v>
      </c>
    </row>
    <row r="105094" spans="1:7" x14ac:dyDescent="0.3">
      <c r="A105094" s="13" t="s">
        <v>511</v>
      </c>
      <c r="B105094" s="14" t="s">
        <v>1</v>
      </c>
      <c r="C105094" s="14" t="s">
        <v>342</v>
      </c>
      <c r="D105094" s="14" t="s">
        <v>512</v>
      </c>
      <c r="E105094" s="15">
        <v>45715</v>
      </c>
      <c r="F105094" s="14" t="s">
        <v>53</v>
      </c>
      <c r="G105094" s="16">
        <v>0</v>
      </c>
    </row>
    <row r="105095" spans="1:7" x14ac:dyDescent="0.3">
      <c r="A105095" s="13" t="s">
        <v>511</v>
      </c>
      <c r="B105095" s="14" t="s">
        <v>1</v>
      </c>
      <c r="C105095" s="14" t="s">
        <v>342</v>
      </c>
      <c r="D105095" s="14" t="s">
        <v>512</v>
      </c>
      <c r="E105095" s="15">
        <v>45716</v>
      </c>
      <c r="F105095" s="14" t="s">
        <v>53</v>
      </c>
      <c r="G105095" s="16">
        <v>0</v>
      </c>
    </row>
    <row r="105096" spans="1:7" x14ac:dyDescent="0.3">
      <c r="A105096" s="13" t="s">
        <v>511</v>
      </c>
      <c r="B105096" s="14" t="s">
        <v>1</v>
      </c>
      <c r="C105096" s="14" t="s">
        <v>342</v>
      </c>
      <c r="D105096" s="14" t="s">
        <v>512</v>
      </c>
      <c r="E105096" s="15">
        <v>45717</v>
      </c>
      <c r="F105096" s="14" t="s">
        <v>53</v>
      </c>
      <c r="G105096" s="16">
        <v>0</v>
      </c>
    </row>
    <row r="105097" spans="1:7" x14ac:dyDescent="0.3">
      <c r="A105097" s="13" t="s">
        <v>511</v>
      </c>
      <c r="B105097" s="14" t="s">
        <v>1</v>
      </c>
      <c r="C105097" s="14" t="s">
        <v>342</v>
      </c>
      <c r="D105097" s="14" t="s">
        <v>512</v>
      </c>
      <c r="E105097" s="15">
        <v>45718</v>
      </c>
      <c r="F105097" s="14" t="s">
        <v>53</v>
      </c>
      <c r="G105097" s="16">
        <v>0</v>
      </c>
    </row>
    <row r="105098" spans="1:7" x14ac:dyDescent="0.3">
      <c r="A105098" s="13" t="s">
        <v>511</v>
      </c>
      <c r="B105098" s="14" t="s">
        <v>1</v>
      </c>
      <c r="C105098" s="14" t="s">
        <v>342</v>
      </c>
      <c r="D105098" s="14" t="s">
        <v>512</v>
      </c>
      <c r="E105098" s="15">
        <v>45719</v>
      </c>
      <c r="F105098" s="14" t="s">
        <v>53</v>
      </c>
      <c r="G105098" s="16">
        <v>0</v>
      </c>
    </row>
    <row r="105099" spans="1:7" x14ac:dyDescent="0.3">
      <c r="A105099" s="13" t="s">
        <v>511</v>
      </c>
      <c r="B105099" s="14" t="s">
        <v>1</v>
      </c>
      <c r="C105099" s="14" t="s">
        <v>342</v>
      </c>
      <c r="D105099" s="14" t="s">
        <v>512</v>
      </c>
      <c r="E105099" s="15">
        <v>45720</v>
      </c>
      <c r="F105099" s="14" t="s">
        <v>53</v>
      </c>
      <c r="G105099" s="16">
        <v>0</v>
      </c>
    </row>
    <row r="105100" spans="1:7" x14ac:dyDescent="0.3">
      <c r="A105100" s="13" t="s">
        <v>511</v>
      </c>
      <c r="B105100" s="14" t="s">
        <v>1</v>
      </c>
      <c r="C105100" s="14" t="s">
        <v>342</v>
      </c>
      <c r="D105100" s="14" t="s">
        <v>512</v>
      </c>
      <c r="E105100" s="15">
        <v>45721</v>
      </c>
      <c r="F105100" s="14" t="s">
        <v>53</v>
      </c>
      <c r="G105100" s="16">
        <v>0</v>
      </c>
    </row>
    <row r="105101" spans="1:7" x14ac:dyDescent="0.3">
      <c r="A105101" s="13" t="s">
        <v>511</v>
      </c>
      <c r="B105101" s="14" t="s">
        <v>1</v>
      </c>
      <c r="C105101" s="14" t="s">
        <v>342</v>
      </c>
      <c r="D105101" s="14" t="s">
        <v>512</v>
      </c>
      <c r="E105101" s="15">
        <v>45722</v>
      </c>
      <c r="F105101" s="14" t="s">
        <v>53</v>
      </c>
      <c r="G105101" s="16">
        <v>0</v>
      </c>
    </row>
    <row r="105102" spans="1:7" x14ac:dyDescent="0.3">
      <c r="A105102" s="13" t="s">
        <v>511</v>
      </c>
      <c r="B105102" s="14" t="s">
        <v>1</v>
      </c>
      <c r="C105102" s="14" t="s">
        <v>342</v>
      </c>
      <c r="D105102" s="14" t="s">
        <v>512</v>
      </c>
      <c r="E105102" s="15">
        <v>45723</v>
      </c>
      <c r="F105102" s="14" t="s">
        <v>53</v>
      </c>
      <c r="G105102" s="16">
        <v>0</v>
      </c>
    </row>
    <row r="105103" spans="1:7" x14ac:dyDescent="0.3">
      <c r="A105103" s="13" t="s">
        <v>511</v>
      </c>
      <c r="B105103" s="14" t="s">
        <v>1</v>
      </c>
      <c r="C105103" s="14" t="s">
        <v>342</v>
      </c>
      <c r="D105103" s="14" t="s">
        <v>512</v>
      </c>
      <c r="E105103" s="15">
        <v>45724</v>
      </c>
      <c r="F105103" s="14" t="s">
        <v>53</v>
      </c>
      <c r="G105103" s="16">
        <v>0</v>
      </c>
    </row>
    <row r="105104" spans="1:7" x14ac:dyDescent="0.3">
      <c r="A105104" s="13" t="s">
        <v>511</v>
      </c>
      <c r="B105104" s="14" t="s">
        <v>1</v>
      </c>
      <c r="C105104" s="14" t="s">
        <v>342</v>
      </c>
      <c r="D105104" s="14" t="s">
        <v>512</v>
      </c>
      <c r="E105104" s="15">
        <v>45725</v>
      </c>
      <c r="F105104" s="14" t="s">
        <v>53</v>
      </c>
      <c r="G105104" s="16">
        <v>0</v>
      </c>
    </row>
    <row r="105105" spans="1:7" x14ac:dyDescent="0.3">
      <c r="A105105" s="13" t="s">
        <v>511</v>
      </c>
      <c r="B105105" s="14" t="s">
        <v>1</v>
      </c>
      <c r="C105105" s="14" t="s">
        <v>342</v>
      </c>
      <c r="D105105" s="14" t="s">
        <v>512</v>
      </c>
      <c r="E105105" s="15">
        <v>45726</v>
      </c>
      <c r="F105105" s="14" t="s">
        <v>53</v>
      </c>
      <c r="G105105" s="16">
        <v>0</v>
      </c>
    </row>
    <row r="105106" spans="1:7" x14ac:dyDescent="0.3">
      <c r="A105106" s="13" t="s">
        <v>511</v>
      </c>
      <c r="B105106" s="14" t="s">
        <v>1</v>
      </c>
      <c r="C105106" s="14" t="s">
        <v>342</v>
      </c>
      <c r="D105106" s="14" t="s">
        <v>512</v>
      </c>
      <c r="E105106" s="15">
        <v>45727</v>
      </c>
      <c r="F105106" s="14" t="s">
        <v>53</v>
      </c>
      <c r="G105106" s="16">
        <v>0</v>
      </c>
    </row>
    <row r="105107" spans="1:7" x14ac:dyDescent="0.3">
      <c r="A105107" s="13" t="s">
        <v>511</v>
      </c>
      <c r="B105107" s="14" t="s">
        <v>1</v>
      </c>
      <c r="C105107" s="14" t="s">
        <v>342</v>
      </c>
      <c r="D105107" s="14" t="s">
        <v>512</v>
      </c>
      <c r="E105107" s="15">
        <v>45728</v>
      </c>
      <c r="F105107" s="14" t="s">
        <v>53</v>
      </c>
      <c r="G105107" s="16">
        <v>0</v>
      </c>
    </row>
    <row r="105108" spans="1:7" x14ac:dyDescent="0.3">
      <c r="A105108" s="13" t="s">
        <v>511</v>
      </c>
      <c r="B105108" s="14" t="s">
        <v>1</v>
      </c>
      <c r="C105108" s="14" t="s">
        <v>342</v>
      </c>
      <c r="D105108" s="14" t="s">
        <v>512</v>
      </c>
      <c r="E105108" s="15">
        <v>45729</v>
      </c>
      <c r="F105108" s="14" t="s">
        <v>53</v>
      </c>
      <c r="G105108" s="16">
        <v>0</v>
      </c>
    </row>
    <row r="105109" spans="1:7" x14ac:dyDescent="0.3">
      <c r="A105109" s="13" t="s">
        <v>511</v>
      </c>
      <c r="B105109" s="14" t="s">
        <v>1</v>
      </c>
      <c r="C105109" s="14" t="s">
        <v>342</v>
      </c>
      <c r="D105109" s="14" t="s">
        <v>512</v>
      </c>
      <c r="E105109" s="15">
        <v>45730</v>
      </c>
      <c r="F105109" s="14" t="s">
        <v>53</v>
      </c>
      <c r="G105109" s="16">
        <v>0</v>
      </c>
    </row>
    <row r="105110" spans="1:7" x14ac:dyDescent="0.3">
      <c r="A105110" s="13" t="s">
        <v>511</v>
      </c>
      <c r="B105110" s="14" t="s">
        <v>1</v>
      </c>
      <c r="C105110" s="14" t="s">
        <v>342</v>
      </c>
      <c r="D105110" s="14" t="s">
        <v>512</v>
      </c>
      <c r="E105110" s="15">
        <v>45731</v>
      </c>
      <c r="F105110" s="14" t="s">
        <v>53</v>
      </c>
      <c r="G105110" s="16">
        <v>0</v>
      </c>
    </row>
    <row r="105111" spans="1:7" x14ac:dyDescent="0.3">
      <c r="A105111" s="13" t="s">
        <v>511</v>
      </c>
      <c r="B105111" s="14" t="s">
        <v>1</v>
      </c>
      <c r="C105111" s="14" t="s">
        <v>342</v>
      </c>
      <c r="D105111" s="14" t="s">
        <v>512</v>
      </c>
      <c r="E105111" s="15">
        <v>45732</v>
      </c>
      <c r="F105111" s="14" t="s">
        <v>53</v>
      </c>
      <c r="G105111" s="16">
        <v>0</v>
      </c>
    </row>
    <row r="105112" spans="1:7" x14ac:dyDescent="0.3">
      <c r="A105112" s="13" t="s">
        <v>511</v>
      </c>
      <c r="B105112" s="14" t="s">
        <v>1</v>
      </c>
      <c r="C105112" s="14" t="s">
        <v>342</v>
      </c>
      <c r="D105112" s="14" t="s">
        <v>512</v>
      </c>
      <c r="E105112" s="15">
        <v>45733</v>
      </c>
      <c r="F105112" s="14" t="s">
        <v>53</v>
      </c>
      <c r="G105112" s="16">
        <v>0</v>
      </c>
    </row>
    <row r="105113" spans="1:7" x14ac:dyDescent="0.3">
      <c r="A105113" s="13" t="s">
        <v>511</v>
      </c>
      <c r="B105113" s="14" t="s">
        <v>1</v>
      </c>
      <c r="C105113" s="14" t="s">
        <v>342</v>
      </c>
      <c r="D105113" s="14" t="s">
        <v>512</v>
      </c>
      <c r="E105113" s="15">
        <v>45734</v>
      </c>
      <c r="F105113" s="14" t="s">
        <v>53</v>
      </c>
      <c r="G105113" s="16">
        <v>0</v>
      </c>
    </row>
    <row r="105114" spans="1:7" x14ac:dyDescent="0.3">
      <c r="A105114" s="13" t="s">
        <v>511</v>
      </c>
      <c r="B105114" s="14" t="s">
        <v>1</v>
      </c>
      <c r="C105114" s="14" t="s">
        <v>342</v>
      </c>
      <c r="D105114" s="14" t="s">
        <v>512</v>
      </c>
      <c r="E105114" s="15">
        <v>45735</v>
      </c>
      <c r="F105114" s="14" t="s">
        <v>53</v>
      </c>
      <c r="G105114" s="16">
        <v>0</v>
      </c>
    </row>
    <row r="105115" spans="1:7" x14ac:dyDescent="0.3">
      <c r="A105115" s="13" t="s">
        <v>511</v>
      </c>
      <c r="B105115" s="14" t="s">
        <v>1</v>
      </c>
      <c r="C105115" s="14" t="s">
        <v>342</v>
      </c>
      <c r="D105115" s="14" t="s">
        <v>512</v>
      </c>
      <c r="E105115" s="15">
        <v>45736</v>
      </c>
      <c r="F105115" s="14" t="s">
        <v>53</v>
      </c>
      <c r="G105115" s="16">
        <v>0</v>
      </c>
    </row>
    <row r="105116" spans="1:7" x14ac:dyDescent="0.3">
      <c r="A105116" s="13" t="s">
        <v>511</v>
      </c>
      <c r="B105116" s="14" t="s">
        <v>1</v>
      </c>
      <c r="C105116" s="14" t="s">
        <v>342</v>
      </c>
      <c r="D105116" s="14" t="s">
        <v>512</v>
      </c>
      <c r="E105116" s="15">
        <v>45737</v>
      </c>
      <c r="F105116" s="14" t="s">
        <v>53</v>
      </c>
      <c r="G105116" s="16">
        <v>0</v>
      </c>
    </row>
    <row r="105117" spans="1:7" x14ac:dyDescent="0.3">
      <c r="A105117" s="13" t="s">
        <v>511</v>
      </c>
      <c r="B105117" s="14" t="s">
        <v>1</v>
      </c>
      <c r="C105117" s="14" t="s">
        <v>342</v>
      </c>
      <c r="D105117" s="14" t="s">
        <v>512</v>
      </c>
      <c r="E105117" s="15">
        <v>45738</v>
      </c>
      <c r="F105117" s="14" t="s">
        <v>53</v>
      </c>
      <c r="G105117" s="16">
        <v>0</v>
      </c>
    </row>
    <row r="105118" spans="1:7" x14ac:dyDescent="0.3">
      <c r="A105118" s="13" t="s">
        <v>511</v>
      </c>
      <c r="B105118" s="14" t="s">
        <v>1</v>
      </c>
      <c r="C105118" s="14" t="s">
        <v>342</v>
      </c>
      <c r="D105118" s="14" t="s">
        <v>512</v>
      </c>
      <c r="E105118" s="15">
        <v>45739</v>
      </c>
      <c r="F105118" s="14" t="s">
        <v>53</v>
      </c>
      <c r="G105118" s="16">
        <v>0</v>
      </c>
    </row>
    <row r="105119" spans="1:7" x14ac:dyDescent="0.3">
      <c r="A105119" s="13" t="s">
        <v>511</v>
      </c>
      <c r="B105119" s="14" t="s">
        <v>1</v>
      </c>
      <c r="C105119" s="14" t="s">
        <v>342</v>
      </c>
      <c r="D105119" s="14" t="s">
        <v>512</v>
      </c>
      <c r="E105119" s="15">
        <v>45740</v>
      </c>
      <c r="F105119" s="14" t="s">
        <v>53</v>
      </c>
      <c r="G105119" s="16">
        <v>0</v>
      </c>
    </row>
    <row r="105120" spans="1:7" x14ac:dyDescent="0.3">
      <c r="A105120" s="13" t="s">
        <v>511</v>
      </c>
      <c r="B105120" s="14" t="s">
        <v>1</v>
      </c>
      <c r="C105120" s="14" t="s">
        <v>342</v>
      </c>
      <c r="D105120" s="14" t="s">
        <v>512</v>
      </c>
      <c r="E105120" s="15">
        <v>45741</v>
      </c>
      <c r="F105120" s="14" t="s">
        <v>53</v>
      </c>
      <c r="G105120" s="16">
        <v>0</v>
      </c>
    </row>
    <row r="105121" spans="1:7" x14ac:dyDescent="0.3">
      <c r="A105121" s="13" t="s">
        <v>511</v>
      </c>
      <c r="B105121" s="14" t="s">
        <v>1</v>
      </c>
      <c r="C105121" s="14" t="s">
        <v>342</v>
      </c>
      <c r="D105121" s="14" t="s">
        <v>512</v>
      </c>
      <c r="E105121" s="15">
        <v>45742</v>
      </c>
      <c r="F105121" s="14" t="s">
        <v>53</v>
      </c>
      <c r="G105121" s="16">
        <v>0</v>
      </c>
    </row>
    <row r="105122" spans="1:7" x14ac:dyDescent="0.3">
      <c r="A105122" s="13" t="s">
        <v>511</v>
      </c>
      <c r="B105122" s="14" t="s">
        <v>1</v>
      </c>
      <c r="C105122" s="14" t="s">
        <v>342</v>
      </c>
      <c r="D105122" s="14" t="s">
        <v>512</v>
      </c>
      <c r="E105122" s="15">
        <v>45743</v>
      </c>
      <c r="F105122" s="14" t="s">
        <v>53</v>
      </c>
      <c r="G105122" s="16">
        <v>0</v>
      </c>
    </row>
    <row r="105123" spans="1:7" x14ac:dyDescent="0.3">
      <c r="A105123" s="13" t="s">
        <v>511</v>
      </c>
      <c r="B105123" s="14" t="s">
        <v>1</v>
      </c>
      <c r="C105123" s="14" t="s">
        <v>342</v>
      </c>
      <c r="D105123" s="14" t="s">
        <v>512</v>
      </c>
      <c r="E105123" s="15">
        <v>45744</v>
      </c>
      <c r="F105123" s="14" t="s">
        <v>53</v>
      </c>
      <c r="G105123" s="16">
        <v>0</v>
      </c>
    </row>
    <row r="105124" spans="1:7" x14ac:dyDescent="0.3">
      <c r="A105124" s="13" t="s">
        <v>511</v>
      </c>
      <c r="B105124" s="14" t="s">
        <v>1</v>
      </c>
      <c r="C105124" s="14" t="s">
        <v>342</v>
      </c>
      <c r="D105124" s="14" t="s">
        <v>512</v>
      </c>
      <c r="E105124" s="15">
        <v>45745</v>
      </c>
      <c r="F105124" s="14" t="s">
        <v>53</v>
      </c>
      <c r="G105124" s="16">
        <v>0</v>
      </c>
    </row>
    <row r="105125" spans="1:7" x14ac:dyDescent="0.3">
      <c r="A105125" s="13" t="s">
        <v>511</v>
      </c>
      <c r="B105125" s="14" t="s">
        <v>1</v>
      </c>
      <c r="C105125" s="14" t="s">
        <v>342</v>
      </c>
      <c r="D105125" s="14" t="s">
        <v>512</v>
      </c>
      <c r="E105125" s="15">
        <v>45746</v>
      </c>
      <c r="F105125" s="14" t="s">
        <v>53</v>
      </c>
      <c r="G105125" s="16">
        <v>0</v>
      </c>
    </row>
    <row r="105126" spans="1:7" x14ac:dyDescent="0.3">
      <c r="A105126" s="13" t="s">
        <v>511</v>
      </c>
      <c r="B105126" s="14" t="s">
        <v>1</v>
      </c>
      <c r="C105126" s="14" t="s">
        <v>342</v>
      </c>
      <c r="D105126" s="14" t="s">
        <v>512</v>
      </c>
      <c r="E105126" s="15">
        <v>45747</v>
      </c>
      <c r="F105126" s="14" t="s">
        <v>53</v>
      </c>
      <c r="G105126" s="16">
        <v>0</v>
      </c>
    </row>
    <row r="105127" spans="1:7" x14ac:dyDescent="0.3">
      <c r="A105127" s="13" t="s">
        <v>513</v>
      </c>
      <c r="B105127" s="14" t="s">
        <v>1</v>
      </c>
      <c r="C105127" s="14" t="s">
        <v>63</v>
      </c>
      <c r="D105127" s="14" t="s">
        <v>345</v>
      </c>
      <c r="E105127" s="15">
        <v>45383</v>
      </c>
      <c r="F105127" s="14" t="s">
        <v>72</v>
      </c>
      <c r="G105127" s="16">
        <v>0</v>
      </c>
    </row>
    <row r="105128" spans="1:7" x14ac:dyDescent="0.3">
      <c r="A105128" s="13" t="s">
        <v>513</v>
      </c>
      <c r="B105128" s="14" t="s">
        <v>1</v>
      </c>
      <c r="C105128" s="14" t="s">
        <v>63</v>
      </c>
      <c r="D105128" s="14" t="s">
        <v>345</v>
      </c>
      <c r="E105128" s="15">
        <v>45384</v>
      </c>
      <c r="F105128" s="14" t="s">
        <v>72</v>
      </c>
      <c r="G105128" s="16">
        <v>0</v>
      </c>
    </row>
    <row r="105129" spans="1:7" x14ac:dyDescent="0.3">
      <c r="A105129" s="13" t="s">
        <v>513</v>
      </c>
      <c r="B105129" s="14" t="s">
        <v>1</v>
      </c>
      <c r="C105129" s="14" t="s">
        <v>63</v>
      </c>
      <c r="D105129" s="14" t="s">
        <v>345</v>
      </c>
      <c r="E105129" s="15">
        <v>45385</v>
      </c>
      <c r="F105129" s="14" t="s">
        <v>72</v>
      </c>
      <c r="G105129" s="16">
        <v>3.8724316250134276E-2</v>
      </c>
    </row>
    <row r="105130" spans="1:7" x14ac:dyDescent="0.3">
      <c r="A105130" s="13" t="s">
        <v>513</v>
      </c>
      <c r="B105130" s="14" t="s">
        <v>1</v>
      </c>
      <c r="C105130" s="14" t="s">
        <v>63</v>
      </c>
      <c r="D105130" s="14" t="s">
        <v>345</v>
      </c>
      <c r="E105130" s="15">
        <v>45386</v>
      </c>
      <c r="F105130" s="14" t="s">
        <v>72</v>
      </c>
      <c r="G105130" s="16">
        <v>3.8724316250134276E-2</v>
      </c>
    </row>
    <row r="105131" spans="1:7" x14ac:dyDescent="0.3">
      <c r="A105131" s="13" t="s">
        <v>513</v>
      </c>
      <c r="B105131" s="14" t="s">
        <v>1</v>
      </c>
      <c r="C105131" s="14" t="s">
        <v>63</v>
      </c>
      <c r="D105131" s="14" t="s">
        <v>345</v>
      </c>
      <c r="E105131" s="15">
        <v>45387</v>
      </c>
      <c r="F105131" s="14" t="s">
        <v>72</v>
      </c>
      <c r="G105131" s="16">
        <v>5.0519722016887342E-2</v>
      </c>
    </row>
    <row r="105132" spans="1:7" x14ac:dyDescent="0.3">
      <c r="A105132" s="13" t="s">
        <v>513</v>
      </c>
      <c r="B105132" s="14" t="s">
        <v>1</v>
      </c>
      <c r="C105132" s="14" t="s">
        <v>63</v>
      </c>
      <c r="D105132" s="14" t="s">
        <v>345</v>
      </c>
      <c r="E105132" s="15">
        <v>45388</v>
      </c>
      <c r="F105132" s="14" t="s">
        <v>72</v>
      </c>
      <c r="G105132" s="16">
        <v>5.0519722016887342E-2</v>
      </c>
    </row>
    <row r="105133" spans="1:7" x14ac:dyDescent="0.3">
      <c r="A105133" s="13" t="s">
        <v>513</v>
      </c>
      <c r="B105133" s="14" t="s">
        <v>1</v>
      </c>
      <c r="C105133" s="14" t="s">
        <v>63</v>
      </c>
      <c r="D105133" s="14" t="s">
        <v>345</v>
      </c>
      <c r="E105133" s="15">
        <v>45389</v>
      </c>
      <c r="F105133" s="14" t="s">
        <v>72</v>
      </c>
      <c r="G105133" s="16">
        <v>5.0519722016887342E-2</v>
      </c>
    </row>
    <row r="105134" spans="1:7" x14ac:dyDescent="0.3">
      <c r="A105134" s="13" t="s">
        <v>513</v>
      </c>
      <c r="B105134" s="14" t="s">
        <v>1</v>
      </c>
      <c r="C105134" s="14" t="s">
        <v>63</v>
      </c>
      <c r="D105134" s="14" t="s">
        <v>345</v>
      </c>
      <c r="E105134" s="15">
        <v>45390</v>
      </c>
      <c r="F105134" s="14" t="s">
        <v>72</v>
      </c>
      <c r="G105134" s="16">
        <v>6.9407920091318118E-2</v>
      </c>
    </row>
    <row r="105135" spans="1:7" x14ac:dyDescent="0.3">
      <c r="A105135" s="13" t="s">
        <v>513</v>
      </c>
      <c r="B105135" s="14" t="s">
        <v>1</v>
      </c>
      <c r="C105135" s="14" t="s">
        <v>63</v>
      </c>
      <c r="D105135" s="14" t="s">
        <v>345</v>
      </c>
      <c r="E105135" s="15">
        <v>45391</v>
      </c>
      <c r="F105135" s="14" t="s">
        <v>72</v>
      </c>
      <c r="G105135" s="16">
        <v>9.8450551040423773E-2</v>
      </c>
    </row>
    <row r="105136" spans="1:7" x14ac:dyDescent="0.3">
      <c r="A105136" s="13" t="s">
        <v>513</v>
      </c>
      <c r="B105136" s="14" t="s">
        <v>1</v>
      </c>
      <c r="C105136" s="14" t="s">
        <v>63</v>
      </c>
      <c r="D105136" s="14" t="s">
        <v>345</v>
      </c>
      <c r="E105136" s="15">
        <v>45392</v>
      </c>
      <c r="F105136" s="14" t="s">
        <v>72</v>
      </c>
      <c r="G105136" s="16">
        <v>9.8450551040423773E-2</v>
      </c>
    </row>
    <row r="105137" spans="1:7" x14ac:dyDescent="0.3">
      <c r="A105137" s="13" t="s">
        <v>513</v>
      </c>
      <c r="B105137" s="14" t="s">
        <v>1</v>
      </c>
      <c r="C105137" s="14" t="s">
        <v>63</v>
      </c>
      <c r="D105137" s="14" t="s">
        <v>345</v>
      </c>
      <c r="E105137" s="15">
        <v>45393</v>
      </c>
      <c r="F105137" s="14" t="s">
        <v>72</v>
      </c>
      <c r="G105137" s="16">
        <v>0.10952305495525491</v>
      </c>
    </row>
    <row r="105138" spans="1:7" x14ac:dyDescent="0.3">
      <c r="A105138" s="13" t="s">
        <v>513</v>
      </c>
      <c r="B105138" s="14" t="s">
        <v>1</v>
      </c>
      <c r="C105138" s="14" t="s">
        <v>63</v>
      </c>
      <c r="D105138" s="14" t="s">
        <v>345</v>
      </c>
      <c r="E105138" s="15">
        <v>45394</v>
      </c>
      <c r="F105138" s="14" t="s">
        <v>72</v>
      </c>
      <c r="G105138" s="16">
        <v>0.13315543960178261</v>
      </c>
    </row>
    <row r="105139" spans="1:7" x14ac:dyDescent="0.3">
      <c r="A105139" s="13" t="s">
        <v>513</v>
      </c>
      <c r="B105139" s="14" t="s">
        <v>1</v>
      </c>
      <c r="C105139" s="14" t="s">
        <v>63</v>
      </c>
      <c r="D105139" s="14" t="s">
        <v>345</v>
      </c>
      <c r="E105139" s="15">
        <v>45395</v>
      </c>
      <c r="F105139" s="14" t="s">
        <v>72</v>
      </c>
      <c r="G105139" s="16">
        <v>0.13315543960178261</v>
      </c>
    </row>
    <row r="105140" spans="1:7" x14ac:dyDescent="0.3">
      <c r="A105140" s="13" t="s">
        <v>513</v>
      </c>
      <c r="B105140" s="14" t="s">
        <v>1</v>
      </c>
      <c r="C105140" s="14" t="s">
        <v>63</v>
      </c>
      <c r="D105140" s="14" t="s">
        <v>345</v>
      </c>
      <c r="E105140" s="15">
        <v>45396</v>
      </c>
      <c r="F105140" s="14" t="s">
        <v>72</v>
      </c>
      <c r="G105140" s="16">
        <v>0.13315543960178261</v>
      </c>
    </row>
    <row r="105141" spans="1:7" x14ac:dyDescent="0.3">
      <c r="A105141" s="13" t="s">
        <v>513</v>
      </c>
      <c r="B105141" s="14" t="s">
        <v>1</v>
      </c>
      <c r="C105141" s="14" t="s">
        <v>63</v>
      </c>
      <c r="D105141" s="14" t="s">
        <v>345</v>
      </c>
      <c r="E105141" s="15">
        <v>45397</v>
      </c>
      <c r="F105141" s="14" t="s">
        <v>72</v>
      </c>
      <c r="G105141" s="16">
        <v>0.14324532850184268</v>
      </c>
    </row>
    <row r="105142" spans="1:7" x14ac:dyDescent="0.3">
      <c r="A105142" s="13" t="s">
        <v>513</v>
      </c>
      <c r="B105142" s="14" t="s">
        <v>1</v>
      </c>
      <c r="C105142" s="14" t="s">
        <v>63</v>
      </c>
      <c r="D105142" s="14" t="s">
        <v>345</v>
      </c>
      <c r="E105142" s="15">
        <v>45398</v>
      </c>
      <c r="F105142" s="14" t="s">
        <v>72</v>
      </c>
      <c r="G105142" s="16">
        <v>0.17320983014196437</v>
      </c>
    </row>
    <row r="105143" spans="1:7" x14ac:dyDescent="0.3">
      <c r="A105143" s="13" t="s">
        <v>513</v>
      </c>
      <c r="B105143" s="14" t="s">
        <v>1</v>
      </c>
      <c r="C105143" s="14" t="s">
        <v>63</v>
      </c>
      <c r="D105143" s="14" t="s">
        <v>345</v>
      </c>
      <c r="E105143" s="15">
        <v>45399</v>
      </c>
      <c r="F105143" s="14" t="s">
        <v>72</v>
      </c>
      <c r="G105143" s="16">
        <v>0.18358868846017487</v>
      </c>
    </row>
    <row r="105144" spans="1:7" x14ac:dyDescent="0.3">
      <c r="A105144" s="13" t="s">
        <v>513</v>
      </c>
      <c r="B105144" s="14" t="s">
        <v>1</v>
      </c>
      <c r="C105144" s="14" t="s">
        <v>63</v>
      </c>
      <c r="D105144" s="14" t="s">
        <v>345</v>
      </c>
      <c r="E105144" s="15">
        <v>45400</v>
      </c>
      <c r="F105144" s="14" t="s">
        <v>72</v>
      </c>
      <c r="G105144" s="16">
        <v>0.19364296945080606</v>
      </c>
    </row>
    <row r="105145" spans="1:7" x14ac:dyDescent="0.3">
      <c r="A105145" s="13" t="s">
        <v>513</v>
      </c>
      <c r="B105145" s="14" t="s">
        <v>1</v>
      </c>
      <c r="C105145" s="14" t="s">
        <v>63</v>
      </c>
      <c r="D105145" s="14" t="s">
        <v>345</v>
      </c>
      <c r="E105145" s="15">
        <v>45401</v>
      </c>
      <c r="F105145" s="14" t="s">
        <v>72</v>
      </c>
      <c r="G105145" s="16">
        <v>0.2032244530460906</v>
      </c>
    </row>
    <row r="105146" spans="1:7" x14ac:dyDescent="0.3">
      <c r="A105146" s="13" t="s">
        <v>513</v>
      </c>
      <c r="B105146" s="14" t="s">
        <v>1</v>
      </c>
      <c r="C105146" s="14" t="s">
        <v>63</v>
      </c>
      <c r="D105146" s="14" t="s">
        <v>345</v>
      </c>
      <c r="E105146" s="15">
        <v>45402</v>
      </c>
      <c r="F105146" s="14" t="s">
        <v>72</v>
      </c>
      <c r="G105146" s="16">
        <v>0.2032244530460906</v>
      </c>
    </row>
    <row r="105147" spans="1:7" x14ac:dyDescent="0.3">
      <c r="A105147" s="13" t="s">
        <v>513</v>
      </c>
      <c r="B105147" s="14" t="s">
        <v>1</v>
      </c>
      <c r="C105147" s="14" t="s">
        <v>63</v>
      </c>
      <c r="D105147" s="14" t="s">
        <v>345</v>
      </c>
      <c r="E105147" s="15">
        <v>45403</v>
      </c>
      <c r="F105147" s="14" t="s">
        <v>72</v>
      </c>
      <c r="G105147" s="16">
        <v>0.2032244530460906</v>
      </c>
    </row>
    <row r="105148" spans="1:7" x14ac:dyDescent="0.3">
      <c r="A105148" s="13" t="s">
        <v>513</v>
      </c>
      <c r="B105148" s="14" t="s">
        <v>1</v>
      </c>
      <c r="C105148" s="14" t="s">
        <v>63</v>
      </c>
      <c r="D105148" s="14" t="s">
        <v>345</v>
      </c>
      <c r="E105148" s="15">
        <v>45404</v>
      </c>
      <c r="F105148" s="14" t="s">
        <v>72</v>
      </c>
      <c r="G105148" s="16">
        <v>0.21227836020574312</v>
      </c>
    </row>
    <row r="105149" spans="1:7" x14ac:dyDescent="0.3">
      <c r="A105149" s="13" t="s">
        <v>513</v>
      </c>
      <c r="B105149" s="14" t="s">
        <v>1</v>
      </c>
      <c r="C105149" s="14" t="s">
        <v>63</v>
      </c>
      <c r="D105149" s="14" t="s">
        <v>345</v>
      </c>
      <c r="E105149" s="15">
        <v>45405</v>
      </c>
      <c r="F105149" s="14" t="s">
        <v>72</v>
      </c>
      <c r="G105149" s="16">
        <v>0.23958955502520607</v>
      </c>
    </row>
    <row r="105150" spans="1:7" x14ac:dyDescent="0.3">
      <c r="A105150" s="13" t="s">
        <v>513</v>
      </c>
      <c r="B105150" s="14" t="s">
        <v>1</v>
      </c>
      <c r="C105150" s="14" t="s">
        <v>63</v>
      </c>
      <c r="D105150" s="14" t="s">
        <v>345</v>
      </c>
      <c r="E105150" s="15">
        <v>45406</v>
      </c>
      <c r="F105150" s="14" t="s">
        <v>72</v>
      </c>
      <c r="G105150" s="16">
        <v>0.24948190343461385</v>
      </c>
    </row>
    <row r="105151" spans="1:7" x14ac:dyDescent="0.3">
      <c r="A105151" s="13" t="s">
        <v>513</v>
      </c>
      <c r="B105151" s="14" t="s">
        <v>1</v>
      </c>
      <c r="C105151" s="14" t="s">
        <v>63</v>
      </c>
      <c r="D105151" s="14" t="s">
        <v>345</v>
      </c>
      <c r="E105151" s="15">
        <v>45407</v>
      </c>
      <c r="F105151" s="14" t="s">
        <v>72</v>
      </c>
      <c r="G105151" s="16">
        <v>0.2605589489596134</v>
      </c>
    </row>
    <row r="105152" spans="1:7" x14ac:dyDescent="0.3">
      <c r="A105152" s="13" t="s">
        <v>513</v>
      </c>
      <c r="B105152" s="14" t="s">
        <v>1</v>
      </c>
      <c r="C105152" s="14" t="s">
        <v>63</v>
      </c>
      <c r="D105152" s="14" t="s">
        <v>345</v>
      </c>
      <c r="E105152" s="15">
        <v>45408</v>
      </c>
      <c r="F105152" s="14" t="s">
        <v>72</v>
      </c>
      <c r="G105152" s="16">
        <v>0.27234280777732994</v>
      </c>
    </row>
    <row r="105153" spans="1:7" x14ac:dyDescent="0.3">
      <c r="A105153" s="13" t="s">
        <v>513</v>
      </c>
      <c r="B105153" s="14" t="s">
        <v>1</v>
      </c>
      <c r="C105153" s="14" t="s">
        <v>63</v>
      </c>
      <c r="D105153" s="14" t="s">
        <v>345</v>
      </c>
      <c r="E105153" s="15">
        <v>45409</v>
      </c>
      <c r="F105153" s="14" t="s">
        <v>72</v>
      </c>
      <c r="G105153" s="16">
        <v>0.27234280777732994</v>
      </c>
    </row>
    <row r="105154" spans="1:7" x14ac:dyDescent="0.3">
      <c r="A105154" s="13" t="s">
        <v>513</v>
      </c>
      <c r="B105154" s="14" t="s">
        <v>1</v>
      </c>
      <c r="C105154" s="14" t="s">
        <v>63</v>
      </c>
      <c r="D105154" s="14" t="s">
        <v>345</v>
      </c>
      <c r="E105154" s="15">
        <v>45410</v>
      </c>
      <c r="F105154" s="14" t="s">
        <v>72</v>
      </c>
      <c r="G105154" s="16">
        <v>0.27234280777732994</v>
      </c>
    </row>
    <row r="105155" spans="1:7" x14ac:dyDescent="0.3">
      <c r="A105155" s="13" t="s">
        <v>513</v>
      </c>
      <c r="B105155" s="14" t="s">
        <v>1</v>
      </c>
      <c r="C105155" s="14" t="s">
        <v>63</v>
      </c>
      <c r="D105155" s="14" t="s">
        <v>345</v>
      </c>
      <c r="E105155" s="15">
        <v>45411</v>
      </c>
      <c r="F105155" s="14" t="s">
        <v>72</v>
      </c>
      <c r="G105155" s="16">
        <v>0.2803933187601832</v>
      </c>
    </row>
    <row r="105156" spans="1:7" x14ac:dyDescent="0.3">
      <c r="A105156" s="13" t="s">
        <v>513</v>
      </c>
      <c r="B105156" s="14" t="s">
        <v>1</v>
      </c>
      <c r="C105156" s="14" t="s">
        <v>63</v>
      </c>
      <c r="D105156" s="14" t="s">
        <v>345</v>
      </c>
      <c r="E105156" s="15">
        <v>45412</v>
      </c>
      <c r="F105156" s="14" t="s">
        <v>72</v>
      </c>
      <c r="G105156" s="16">
        <v>0.31588472896624226</v>
      </c>
    </row>
    <row r="105157" spans="1:7" x14ac:dyDescent="0.3">
      <c r="A105157" s="13" t="s">
        <v>513</v>
      </c>
      <c r="B105157" s="14" t="s">
        <v>1</v>
      </c>
      <c r="C105157" s="14" t="s">
        <v>63</v>
      </c>
      <c r="D105157" s="14" t="s">
        <v>345</v>
      </c>
      <c r="E105157" s="15">
        <v>45413</v>
      </c>
      <c r="F105157" s="14" t="s">
        <v>72</v>
      </c>
      <c r="G105157" s="16">
        <v>0.31588472896624226</v>
      </c>
    </row>
    <row r="105158" spans="1:7" x14ac:dyDescent="0.3">
      <c r="A105158" s="13" t="s">
        <v>513</v>
      </c>
      <c r="B105158" s="14" t="s">
        <v>1</v>
      </c>
      <c r="C105158" s="14" t="s">
        <v>63</v>
      </c>
      <c r="D105158" s="14" t="s">
        <v>345</v>
      </c>
      <c r="E105158" s="15">
        <v>45414</v>
      </c>
      <c r="F105158" s="14" t="s">
        <v>72</v>
      </c>
      <c r="G105158" s="16">
        <v>0.32234119784965526</v>
      </c>
    </row>
    <row r="105159" spans="1:7" x14ac:dyDescent="0.3">
      <c r="A105159" s="13" t="s">
        <v>513</v>
      </c>
      <c r="B105159" s="14" t="s">
        <v>1</v>
      </c>
      <c r="C105159" s="14" t="s">
        <v>63</v>
      </c>
      <c r="D105159" s="14" t="s">
        <v>345</v>
      </c>
      <c r="E105159" s="15">
        <v>45415</v>
      </c>
      <c r="F105159" s="14" t="s">
        <v>72</v>
      </c>
      <c r="G105159" s="16">
        <v>0.34409982444930581</v>
      </c>
    </row>
    <row r="105160" spans="1:7" x14ac:dyDescent="0.3">
      <c r="A105160" s="13" t="s">
        <v>513</v>
      </c>
      <c r="B105160" s="14" t="s">
        <v>1</v>
      </c>
      <c r="C105160" s="14" t="s">
        <v>63</v>
      </c>
      <c r="D105160" s="14" t="s">
        <v>345</v>
      </c>
      <c r="E105160" s="15">
        <v>45416</v>
      </c>
      <c r="F105160" s="14" t="s">
        <v>72</v>
      </c>
      <c r="G105160" s="16">
        <v>0.34409982444930581</v>
      </c>
    </row>
    <row r="105161" spans="1:7" x14ac:dyDescent="0.3">
      <c r="A105161" s="13" t="s">
        <v>513</v>
      </c>
      <c r="B105161" s="14" t="s">
        <v>1</v>
      </c>
      <c r="C105161" s="14" t="s">
        <v>63</v>
      </c>
      <c r="D105161" s="14" t="s">
        <v>345</v>
      </c>
      <c r="E105161" s="15">
        <v>45417</v>
      </c>
      <c r="F105161" s="14" t="s">
        <v>72</v>
      </c>
      <c r="G105161" s="16">
        <v>0.34409982444930581</v>
      </c>
    </row>
    <row r="105162" spans="1:7" x14ac:dyDescent="0.3">
      <c r="A105162" s="13" t="s">
        <v>513</v>
      </c>
      <c r="B105162" s="14" t="s">
        <v>1</v>
      </c>
      <c r="C105162" s="14" t="s">
        <v>63</v>
      </c>
      <c r="D105162" s="14" t="s">
        <v>345</v>
      </c>
      <c r="E105162" s="15">
        <v>45418</v>
      </c>
      <c r="F105162" s="14" t="s">
        <v>72</v>
      </c>
      <c r="G105162" s="16">
        <v>0.34409982444930581</v>
      </c>
    </row>
    <row r="105163" spans="1:7" x14ac:dyDescent="0.3">
      <c r="A105163" s="13" t="s">
        <v>513</v>
      </c>
      <c r="B105163" s="14" t="s">
        <v>1</v>
      </c>
      <c r="C105163" s="14" t="s">
        <v>63</v>
      </c>
      <c r="D105163" s="14" t="s">
        <v>345</v>
      </c>
      <c r="E105163" s="15">
        <v>45419</v>
      </c>
      <c r="F105163" s="14" t="s">
        <v>72</v>
      </c>
      <c r="G105163" s="16">
        <v>0.35409074539066093</v>
      </c>
    </row>
    <row r="105164" spans="1:7" x14ac:dyDescent="0.3">
      <c r="A105164" s="13" t="s">
        <v>513</v>
      </c>
      <c r="B105164" s="14" t="s">
        <v>1</v>
      </c>
      <c r="C105164" s="14" t="s">
        <v>63</v>
      </c>
      <c r="D105164" s="14" t="s">
        <v>345</v>
      </c>
      <c r="E105164" s="15">
        <v>45420</v>
      </c>
      <c r="F105164" s="14" t="s">
        <v>72</v>
      </c>
      <c r="G105164" s="16">
        <v>0.3929679091677441</v>
      </c>
    </row>
    <row r="105165" spans="1:7" x14ac:dyDescent="0.3">
      <c r="A105165" s="13" t="s">
        <v>513</v>
      </c>
      <c r="B105165" s="14" t="s">
        <v>1</v>
      </c>
      <c r="C105165" s="14" t="s">
        <v>63</v>
      </c>
      <c r="D105165" s="14" t="s">
        <v>345</v>
      </c>
      <c r="E105165" s="15">
        <v>45421</v>
      </c>
      <c r="F105165" s="14" t="s">
        <v>72</v>
      </c>
      <c r="G105165" s="16">
        <v>0.3929679091677441</v>
      </c>
    </row>
    <row r="105166" spans="1:7" x14ac:dyDescent="0.3">
      <c r="A105166" s="13" t="s">
        <v>513</v>
      </c>
      <c r="B105166" s="14" t="s">
        <v>1</v>
      </c>
      <c r="C105166" s="14" t="s">
        <v>63</v>
      </c>
      <c r="D105166" s="14" t="s">
        <v>345</v>
      </c>
      <c r="E105166" s="15">
        <v>45422</v>
      </c>
      <c r="F105166" s="14" t="s">
        <v>72</v>
      </c>
      <c r="G105166" s="16">
        <v>0.40081223382064801</v>
      </c>
    </row>
    <row r="105167" spans="1:7" x14ac:dyDescent="0.3">
      <c r="A105167" s="13" t="s">
        <v>513</v>
      </c>
      <c r="B105167" s="14" t="s">
        <v>1</v>
      </c>
      <c r="C105167" s="14" t="s">
        <v>63</v>
      </c>
      <c r="D105167" s="14" t="s">
        <v>345</v>
      </c>
      <c r="E105167" s="15">
        <v>45423</v>
      </c>
      <c r="F105167" s="14" t="s">
        <v>72</v>
      </c>
      <c r="G105167" s="16">
        <v>0.40081223382064801</v>
      </c>
    </row>
    <row r="105168" spans="1:7" x14ac:dyDescent="0.3">
      <c r="A105168" s="13" t="s">
        <v>513</v>
      </c>
      <c r="B105168" s="14" t="s">
        <v>1</v>
      </c>
      <c r="C105168" s="14" t="s">
        <v>63</v>
      </c>
      <c r="D105168" s="14" t="s">
        <v>345</v>
      </c>
      <c r="E105168" s="15">
        <v>45424</v>
      </c>
      <c r="F105168" s="14" t="s">
        <v>72</v>
      </c>
      <c r="G105168" s="16">
        <v>0.40081223382064801</v>
      </c>
    </row>
    <row r="105169" spans="1:7" x14ac:dyDescent="0.3">
      <c r="A105169" s="13" t="s">
        <v>513</v>
      </c>
      <c r="B105169" s="14" t="s">
        <v>1</v>
      </c>
      <c r="C105169" s="14" t="s">
        <v>63</v>
      </c>
      <c r="D105169" s="14" t="s">
        <v>345</v>
      </c>
      <c r="E105169" s="15">
        <v>45425</v>
      </c>
      <c r="F105169" s="14" t="s">
        <v>72</v>
      </c>
      <c r="G105169" s="16">
        <v>0.41826354230612561</v>
      </c>
    </row>
    <row r="105170" spans="1:7" x14ac:dyDescent="0.3">
      <c r="A105170" s="13" t="s">
        <v>513</v>
      </c>
      <c r="B105170" s="14" t="s">
        <v>1</v>
      </c>
      <c r="C105170" s="14" t="s">
        <v>63</v>
      </c>
      <c r="D105170" s="14" t="s">
        <v>345</v>
      </c>
      <c r="E105170" s="15">
        <v>45426</v>
      </c>
      <c r="F105170" s="14" t="s">
        <v>72</v>
      </c>
      <c r="G105170" s="16">
        <v>0.44703339073528242</v>
      </c>
    </row>
    <row r="105171" spans="1:7" x14ac:dyDescent="0.3">
      <c r="A105171" s="13" t="s">
        <v>513</v>
      </c>
      <c r="B105171" s="14" t="s">
        <v>1</v>
      </c>
      <c r="C105171" s="14" t="s">
        <v>63</v>
      </c>
      <c r="D105171" s="14" t="s">
        <v>345</v>
      </c>
      <c r="E105171" s="15">
        <v>45427</v>
      </c>
      <c r="F105171" s="14" t="s">
        <v>72</v>
      </c>
      <c r="G105171" s="16">
        <v>0.44703339073528242</v>
      </c>
    </row>
    <row r="105172" spans="1:7" x14ac:dyDescent="0.3">
      <c r="A105172" s="13" t="s">
        <v>513</v>
      </c>
      <c r="B105172" s="14" t="s">
        <v>1</v>
      </c>
      <c r="C105172" s="14" t="s">
        <v>63</v>
      </c>
      <c r="D105172" s="14" t="s">
        <v>345</v>
      </c>
      <c r="E105172" s="15">
        <v>45428</v>
      </c>
      <c r="F105172" s="14" t="s">
        <v>72</v>
      </c>
      <c r="G105172" s="16">
        <v>0.45251170753919978</v>
      </c>
    </row>
    <row r="105173" spans="1:7" x14ac:dyDescent="0.3">
      <c r="A105173" s="13" t="s">
        <v>513</v>
      </c>
      <c r="B105173" s="14" t="s">
        <v>1</v>
      </c>
      <c r="C105173" s="14" t="s">
        <v>63</v>
      </c>
      <c r="D105173" s="14" t="s">
        <v>345</v>
      </c>
      <c r="E105173" s="15">
        <v>45429</v>
      </c>
      <c r="F105173" s="14" t="s">
        <v>72</v>
      </c>
      <c r="G105173" s="16">
        <v>0.47273134295307212</v>
      </c>
    </row>
    <row r="105174" spans="1:7" x14ac:dyDescent="0.3">
      <c r="A105174" s="13" t="s">
        <v>513</v>
      </c>
      <c r="B105174" s="14" t="s">
        <v>1</v>
      </c>
      <c r="C105174" s="14" t="s">
        <v>63</v>
      </c>
      <c r="D105174" s="14" t="s">
        <v>345</v>
      </c>
      <c r="E105174" s="15">
        <v>45430</v>
      </c>
      <c r="F105174" s="14" t="s">
        <v>72</v>
      </c>
      <c r="G105174" s="16">
        <v>0.47273134295307212</v>
      </c>
    </row>
    <row r="105175" spans="1:7" x14ac:dyDescent="0.3">
      <c r="A105175" s="13" t="s">
        <v>513</v>
      </c>
      <c r="B105175" s="14" t="s">
        <v>1</v>
      </c>
      <c r="C105175" s="14" t="s">
        <v>63</v>
      </c>
      <c r="D105175" s="14" t="s">
        <v>345</v>
      </c>
      <c r="E105175" s="15">
        <v>45431</v>
      </c>
      <c r="F105175" s="14" t="s">
        <v>72</v>
      </c>
      <c r="G105175" s="16">
        <v>0.47273134295307212</v>
      </c>
    </row>
    <row r="105176" spans="1:7" x14ac:dyDescent="0.3">
      <c r="A105176" s="13" t="s">
        <v>513</v>
      </c>
      <c r="B105176" s="14" t="s">
        <v>1</v>
      </c>
      <c r="C105176" s="14" t="s">
        <v>63</v>
      </c>
      <c r="D105176" s="14" t="s">
        <v>345</v>
      </c>
      <c r="E105176" s="15">
        <v>45432</v>
      </c>
      <c r="F105176" s="14" t="s">
        <v>72</v>
      </c>
      <c r="G105176" s="16">
        <v>0.47273134295307212</v>
      </c>
    </row>
    <row r="105177" spans="1:7" x14ac:dyDescent="0.3">
      <c r="A105177" s="13" t="s">
        <v>513</v>
      </c>
      <c r="B105177" s="14" t="s">
        <v>1</v>
      </c>
      <c r="C105177" s="14" t="s">
        <v>63</v>
      </c>
      <c r="D105177" s="14" t="s">
        <v>345</v>
      </c>
      <c r="E105177" s="15">
        <v>45433</v>
      </c>
      <c r="F105177" s="14" t="s">
        <v>72</v>
      </c>
      <c r="G105177" s="16">
        <v>0.48922558934009386</v>
      </c>
    </row>
    <row r="105178" spans="1:7" x14ac:dyDescent="0.3">
      <c r="A105178" s="13" t="s">
        <v>513</v>
      </c>
      <c r="B105178" s="14" t="s">
        <v>1</v>
      </c>
      <c r="C105178" s="14" t="s">
        <v>63</v>
      </c>
      <c r="D105178" s="14" t="s">
        <v>345</v>
      </c>
      <c r="E105178" s="15">
        <v>45434</v>
      </c>
      <c r="F105178" s="14" t="s">
        <v>72</v>
      </c>
      <c r="G105178" s="16">
        <v>0.48922558934009386</v>
      </c>
    </row>
    <row r="105179" spans="1:7" x14ac:dyDescent="0.3">
      <c r="A105179" s="13" t="s">
        <v>513</v>
      </c>
      <c r="B105179" s="14" t="s">
        <v>1</v>
      </c>
      <c r="C105179" s="14" t="s">
        <v>63</v>
      </c>
      <c r="D105179" s="14" t="s">
        <v>345</v>
      </c>
      <c r="E105179" s="15">
        <v>45435</v>
      </c>
      <c r="F105179" s="14" t="s">
        <v>72</v>
      </c>
      <c r="G105179" s="16">
        <v>0.5315037525149412</v>
      </c>
    </row>
    <row r="105180" spans="1:7" x14ac:dyDescent="0.3">
      <c r="A105180" s="13" t="s">
        <v>513</v>
      </c>
      <c r="B105180" s="14" t="s">
        <v>1</v>
      </c>
      <c r="C105180" s="14" t="s">
        <v>63</v>
      </c>
      <c r="D105180" s="14" t="s">
        <v>345</v>
      </c>
      <c r="E105180" s="15">
        <v>45436</v>
      </c>
      <c r="F105180" s="14" t="s">
        <v>72</v>
      </c>
      <c r="G105180" s="16">
        <v>0.54902366609246867</v>
      </c>
    </row>
    <row r="105181" spans="1:7" x14ac:dyDescent="0.3">
      <c r="A105181" s="13" t="s">
        <v>513</v>
      </c>
      <c r="B105181" s="14" t="s">
        <v>1</v>
      </c>
      <c r="C105181" s="14" t="s">
        <v>63</v>
      </c>
      <c r="D105181" s="14" t="s">
        <v>345</v>
      </c>
      <c r="E105181" s="15">
        <v>45437</v>
      </c>
      <c r="F105181" s="14" t="s">
        <v>72</v>
      </c>
      <c r="G105181" s="16">
        <v>0.54902366609246867</v>
      </c>
    </row>
    <row r="105182" spans="1:7" x14ac:dyDescent="0.3">
      <c r="A105182" s="13" t="s">
        <v>513</v>
      </c>
      <c r="B105182" s="14" t="s">
        <v>1</v>
      </c>
      <c r="C105182" s="14" t="s">
        <v>63</v>
      </c>
      <c r="D105182" s="14" t="s">
        <v>345</v>
      </c>
      <c r="E105182" s="15">
        <v>45438</v>
      </c>
      <c r="F105182" s="14" t="s">
        <v>72</v>
      </c>
      <c r="G105182" s="16">
        <v>0.54902366609246867</v>
      </c>
    </row>
    <row r="105183" spans="1:7" x14ac:dyDescent="0.3">
      <c r="A105183" s="13" t="s">
        <v>513</v>
      </c>
      <c r="B105183" s="14" t="s">
        <v>1</v>
      </c>
      <c r="C105183" s="14" t="s">
        <v>63</v>
      </c>
      <c r="D105183" s="14" t="s">
        <v>345</v>
      </c>
      <c r="E105183" s="15">
        <v>45439</v>
      </c>
      <c r="F105183" s="14" t="s">
        <v>72</v>
      </c>
      <c r="G105183" s="16">
        <v>0.55558709011516794</v>
      </c>
    </row>
    <row r="105184" spans="1:7" x14ac:dyDescent="0.3">
      <c r="A105184" s="13" t="s">
        <v>513</v>
      </c>
      <c r="B105184" s="14" t="s">
        <v>1</v>
      </c>
      <c r="C105184" s="14" t="s">
        <v>63</v>
      </c>
      <c r="D105184" s="14" t="s">
        <v>345</v>
      </c>
      <c r="E105184" s="15">
        <v>45440</v>
      </c>
      <c r="F105184" s="14" t="s">
        <v>72</v>
      </c>
      <c r="G105184" s="16">
        <v>0.58357560741768899</v>
      </c>
    </row>
    <row r="105185" spans="1:7" x14ac:dyDescent="0.3">
      <c r="A105185" s="13" t="s">
        <v>513</v>
      </c>
      <c r="B105185" s="14" t="s">
        <v>1</v>
      </c>
      <c r="C105185" s="14" t="s">
        <v>63</v>
      </c>
      <c r="D105185" s="14" t="s">
        <v>345</v>
      </c>
      <c r="E105185" s="15">
        <v>45441</v>
      </c>
      <c r="F105185" s="14" t="s">
        <v>72</v>
      </c>
      <c r="G105185" s="16">
        <v>0.59710813479270231</v>
      </c>
    </row>
    <row r="105186" spans="1:7" x14ac:dyDescent="0.3">
      <c r="A105186" s="13" t="s">
        <v>513</v>
      </c>
      <c r="B105186" s="14" t="s">
        <v>1</v>
      </c>
      <c r="C105186" s="14" t="s">
        <v>63</v>
      </c>
      <c r="D105186" s="14" t="s">
        <v>345</v>
      </c>
      <c r="E105186" s="15">
        <v>45442</v>
      </c>
      <c r="F105186" s="14" t="s">
        <v>72</v>
      </c>
      <c r="G105186" s="16">
        <v>0.60691295118386912</v>
      </c>
    </row>
    <row r="105187" spans="1:7" x14ac:dyDescent="0.3">
      <c r="A105187" s="13" t="s">
        <v>513</v>
      </c>
      <c r="B105187" s="14" t="s">
        <v>1</v>
      </c>
      <c r="C105187" s="14" t="s">
        <v>63</v>
      </c>
      <c r="D105187" s="14" t="s">
        <v>345</v>
      </c>
      <c r="E105187" s="15">
        <v>45443</v>
      </c>
      <c r="F105187" s="14" t="s">
        <v>72</v>
      </c>
      <c r="G105187" s="16">
        <v>0.61457370294007385</v>
      </c>
    </row>
    <row r="105188" spans="1:7" x14ac:dyDescent="0.3">
      <c r="A105188" s="13" t="s">
        <v>513</v>
      </c>
      <c r="B105188" s="14" t="s">
        <v>1</v>
      </c>
      <c r="C105188" s="14" t="s">
        <v>63</v>
      </c>
      <c r="D105188" s="14" t="s">
        <v>345</v>
      </c>
      <c r="E105188" s="15">
        <v>45444</v>
      </c>
      <c r="F105188" s="14" t="s">
        <v>72</v>
      </c>
      <c r="G105188" s="16">
        <v>0.61457370294007385</v>
      </c>
    </row>
    <row r="105189" spans="1:7" x14ac:dyDescent="0.3">
      <c r="A105189" s="13" t="s">
        <v>513</v>
      </c>
      <c r="B105189" s="14" t="s">
        <v>1</v>
      </c>
      <c r="C105189" s="14" t="s">
        <v>63</v>
      </c>
      <c r="D105189" s="14" t="s">
        <v>345</v>
      </c>
      <c r="E105189" s="15">
        <v>45445</v>
      </c>
      <c r="F105189" s="14" t="s">
        <v>72</v>
      </c>
      <c r="G105189" s="16">
        <v>0.61457370294007385</v>
      </c>
    </row>
    <row r="105190" spans="1:7" x14ac:dyDescent="0.3">
      <c r="A105190" s="13" t="s">
        <v>513</v>
      </c>
      <c r="B105190" s="14" t="s">
        <v>1</v>
      </c>
      <c r="C105190" s="14" t="s">
        <v>63</v>
      </c>
      <c r="D105190" s="14" t="s">
        <v>345</v>
      </c>
      <c r="E105190" s="15">
        <v>45446</v>
      </c>
      <c r="F105190" s="14" t="s">
        <v>72</v>
      </c>
      <c r="G105190" s="16">
        <v>0.61457370294007385</v>
      </c>
    </row>
    <row r="105191" spans="1:7" x14ac:dyDescent="0.3">
      <c r="A105191" s="13" t="s">
        <v>513</v>
      </c>
      <c r="B105191" s="14" t="s">
        <v>1</v>
      </c>
      <c r="C105191" s="14" t="s">
        <v>63</v>
      </c>
      <c r="D105191" s="14" t="s">
        <v>345</v>
      </c>
      <c r="E105191" s="15">
        <v>45447</v>
      </c>
      <c r="F105191" s="14" t="s">
        <v>72</v>
      </c>
      <c r="G105191" s="16">
        <v>0.62498214916105754</v>
      </c>
    </row>
    <row r="105192" spans="1:7" x14ac:dyDescent="0.3">
      <c r="A105192" s="13" t="s">
        <v>513</v>
      </c>
      <c r="B105192" s="14" t="s">
        <v>1</v>
      </c>
      <c r="C105192" s="14" t="s">
        <v>63</v>
      </c>
      <c r="D105192" s="14" t="s">
        <v>345</v>
      </c>
      <c r="E105192" s="15">
        <v>45448</v>
      </c>
      <c r="F105192" s="14" t="s">
        <v>72</v>
      </c>
      <c r="G105192" s="16">
        <v>0.65666080418605211</v>
      </c>
    </row>
    <row r="105193" spans="1:7" x14ac:dyDescent="0.3">
      <c r="A105193" s="13" t="s">
        <v>513</v>
      </c>
      <c r="B105193" s="14" t="s">
        <v>1</v>
      </c>
      <c r="C105193" s="14" t="s">
        <v>63</v>
      </c>
      <c r="D105193" s="14" t="s">
        <v>345</v>
      </c>
      <c r="E105193" s="15">
        <v>45449</v>
      </c>
      <c r="F105193" s="14" t="s">
        <v>72</v>
      </c>
      <c r="G105193" s="16">
        <v>0.66439198630317331</v>
      </c>
    </row>
    <row r="105194" spans="1:7" x14ac:dyDescent="0.3">
      <c r="A105194" s="13" t="s">
        <v>513</v>
      </c>
      <c r="B105194" s="14" t="s">
        <v>1</v>
      </c>
      <c r="C105194" s="14" t="s">
        <v>63</v>
      </c>
      <c r="D105194" s="14" t="s">
        <v>345</v>
      </c>
      <c r="E105194" s="15">
        <v>45450</v>
      </c>
      <c r="F105194" s="14" t="s">
        <v>72</v>
      </c>
      <c r="G105194" s="16">
        <v>0.68260452248592052</v>
      </c>
    </row>
    <row r="105195" spans="1:7" x14ac:dyDescent="0.3">
      <c r="A105195" s="13" t="s">
        <v>513</v>
      </c>
      <c r="B105195" s="14" t="s">
        <v>1</v>
      </c>
      <c r="C105195" s="14" t="s">
        <v>63</v>
      </c>
      <c r="D105195" s="14" t="s">
        <v>345</v>
      </c>
      <c r="E105195" s="15">
        <v>45451</v>
      </c>
      <c r="F105195" s="14" t="s">
        <v>72</v>
      </c>
      <c r="G105195" s="16">
        <v>0.68260452248592052</v>
      </c>
    </row>
    <row r="105196" spans="1:7" x14ac:dyDescent="0.3">
      <c r="A105196" s="13" t="s">
        <v>513</v>
      </c>
      <c r="B105196" s="14" t="s">
        <v>1</v>
      </c>
      <c r="C105196" s="14" t="s">
        <v>63</v>
      </c>
      <c r="D105196" s="14" t="s">
        <v>345</v>
      </c>
      <c r="E105196" s="15">
        <v>45452</v>
      </c>
      <c r="F105196" s="14" t="s">
        <v>72</v>
      </c>
      <c r="G105196" s="16">
        <v>0.68260452248592052</v>
      </c>
    </row>
    <row r="105197" spans="1:7" x14ac:dyDescent="0.3">
      <c r="A105197" s="13" t="s">
        <v>513</v>
      </c>
      <c r="B105197" s="14" t="s">
        <v>1</v>
      </c>
      <c r="C105197" s="14" t="s">
        <v>63</v>
      </c>
      <c r="D105197" s="14" t="s">
        <v>345</v>
      </c>
      <c r="E105197" s="15">
        <v>45453</v>
      </c>
      <c r="F105197" s="14" t="s">
        <v>72</v>
      </c>
      <c r="G105197" s="16">
        <v>0.68260452248592052</v>
      </c>
    </row>
    <row r="105198" spans="1:7" x14ac:dyDescent="0.3">
      <c r="A105198" s="13" t="s">
        <v>513</v>
      </c>
      <c r="B105198" s="14" t="s">
        <v>1</v>
      </c>
      <c r="C105198" s="14" t="s">
        <v>63</v>
      </c>
      <c r="D105198" s="14" t="s">
        <v>345</v>
      </c>
      <c r="E105198" s="15">
        <v>45454</v>
      </c>
      <c r="F105198" s="14" t="s">
        <v>72</v>
      </c>
      <c r="G105198" s="16">
        <v>0.69830100775220416</v>
      </c>
    </row>
    <row r="105199" spans="1:7" x14ac:dyDescent="0.3">
      <c r="A105199" s="13" t="s">
        <v>513</v>
      </c>
      <c r="B105199" s="14" t="s">
        <v>1</v>
      </c>
      <c r="C105199" s="14" t="s">
        <v>63</v>
      </c>
      <c r="D105199" s="14" t="s">
        <v>345</v>
      </c>
      <c r="E105199" s="15">
        <v>45455</v>
      </c>
      <c r="F105199" s="14" t="s">
        <v>72</v>
      </c>
      <c r="G105199" s="16">
        <v>0.73200868502476768</v>
      </c>
    </row>
    <row r="105200" spans="1:7" x14ac:dyDescent="0.3">
      <c r="A105200" s="13" t="s">
        <v>513</v>
      </c>
      <c r="B105200" s="14" t="s">
        <v>1</v>
      </c>
      <c r="C105200" s="14" t="s">
        <v>63</v>
      </c>
      <c r="D105200" s="14" t="s">
        <v>345</v>
      </c>
      <c r="E105200" s="15">
        <v>45456</v>
      </c>
      <c r="F105200" s="14" t="s">
        <v>72</v>
      </c>
      <c r="G105200" s="16">
        <v>0.75036160998205848</v>
      </c>
    </row>
    <row r="105201" spans="1:7" x14ac:dyDescent="0.3">
      <c r="A105201" s="13" t="s">
        <v>513</v>
      </c>
      <c r="B105201" s="14" t="s">
        <v>1</v>
      </c>
      <c r="C105201" s="14" t="s">
        <v>63</v>
      </c>
      <c r="D105201" s="14" t="s">
        <v>345</v>
      </c>
      <c r="E105201" s="15">
        <v>45457</v>
      </c>
      <c r="F105201" s="14" t="s">
        <v>72</v>
      </c>
      <c r="G105201" s="16">
        <v>0.76273985489837348</v>
      </c>
    </row>
    <row r="105202" spans="1:7" x14ac:dyDescent="0.3">
      <c r="A105202" s="13" t="s">
        <v>513</v>
      </c>
      <c r="B105202" s="14" t="s">
        <v>1</v>
      </c>
      <c r="C105202" s="14" t="s">
        <v>63</v>
      </c>
      <c r="D105202" s="14" t="s">
        <v>345</v>
      </c>
      <c r="E105202" s="15">
        <v>45458</v>
      </c>
      <c r="F105202" s="14" t="s">
        <v>72</v>
      </c>
      <c r="G105202" s="16">
        <v>0.76273985489837348</v>
      </c>
    </row>
    <row r="105203" spans="1:7" x14ac:dyDescent="0.3">
      <c r="A105203" s="13" t="s">
        <v>513</v>
      </c>
      <c r="B105203" s="14" t="s">
        <v>1</v>
      </c>
      <c r="C105203" s="14" t="s">
        <v>63</v>
      </c>
      <c r="D105203" s="14" t="s">
        <v>345</v>
      </c>
      <c r="E105203" s="15">
        <v>45459</v>
      </c>
      <c r="F105203" s="14" t="s">
        <v>72</v>
      </c>
      <c r="G105203" s="16">
        <v>0.76273985489837348</v>
      </c>
    </row>
    <row r="105204" spans="1:7" x14ac:dyDescent="0.3">
      <c r="A105204" s="13" t="s">
        <v>513</v>
      </c>
      <c r="B105204" s="14" t="s">
        <v>1</v>
      </c>
      <c r="C105204" s="14" t="s">
        <v>63</v>
      </c>
      <c r="D105204" s="14" t="s">
        <v>345</v>
      </c>
      <c r="E105204" s="15">
        <v>45460</v>
      </c>
      <c r="F105204" s="14" t="s">
        <v>72</v>
      </c>
      <c r="G105204" s="16">
        <v>0.76273985489837348</v>
      </c>
    </row>
    <row r="105205" spans="1:7" x14ac:dyDescent="0.3">
      <c r="A105205" s="13" t="s">
        <v>513</v>
      </c>
      <c r="B105205" s="14" t="s">
        <v>1</v>
      </c>
      <c r="C105205" s="14" t="s">
        <v>63</v>
      </c>
      <c r="D105205" s="14" t="s">
        <v>345</v>
      </c>
      <c r="E105205" s="15">
        <v>45461</v>
      </c>
      <c r="F105205" s="14" t="s">
        <v>72</v>
      </c>
      <c r="G105205" s="16">
        <v>0.7677643358746904</v>
      </c>
    </row>
    <row r="105206" spans="1:7" x14ac:dyDescent="0.3">
      <c r="A105206" s="13" t="s">
        <v>513</v>
      </c>
      <c r="B105206" s="14" t="s">
        <v>1</v>
      </c>
      <c r="C105206" s="14" t="s">
        <v>63</v>
      </c>
      <c r="D105206" s="14" t="s">
        <v>345</v>
      </c>
      <c r="E105206" s="15">
        <v>45462</v>
      </c>
      <c r="F105206" s="14" t="s">
        <v>72</v>
      </c>
      <c r="G105206" s="16">
        <v>0.80410891040839683</v>
      </c>
    </row>
    <row r="105207" spans="1:7" x14ac:dyDescent="0.3">
      <c r="A105207" s="13" t="s">
        <v>513</v>
      </c>
      <c r="B105207" s="14" t="s">
        <v>1</v>
      </c>
      <c r="C105207" s="14" t="s">
        <v>63</v>
      </c>
      <c r="D105207" s="14" t="s">
        <v>345</v>
      </c>
      <c r="E105207" s="15">
        <v>45463</v>
      </c>
      <c r="F105207" s="14" t="s">
        <v>72</v>
      </c>
      <c r="G105207" s="16">
        <v>0.81561710108933894</v>
      </c>
    </row>
    <row r="105208" spans="1:7" x14ac:dyDescent="0.3">
      <c r="A105208" s="13" t="s">
        <v>513</v>
      </c>
      <c r="B105208" s="14" t="s">
        <v>1</v>
      </c>
      <c r="C105208" s="14" t="s">
        <v>63</v>
      </c>
      <c r="D105208" s="14" t="s">
        <v>345</v>
      </c>
      <c r="E105208" s="15">
        <v>45464</v>
      </c>
      <c r="F105208" s="14" t="s">
        <v>72</v>
      </c>
      <c r="G105208" s="16">
        <v>0.82807615187749639</v>
      </c>
    </row>
    <row r="105209" spans="1:7" x14ac:dyDescent="0.3">
      <c r="A105209" s="13" t="s">
        <v>513</v>
      </c>
      <c r="B105209" s="14" t="s">
        <v>1</v>
      </c>
      <c r="C105209" s="14" t="s">
        <v>63</v>
      </c>
      <c r="D105209" s="14" t="s">
        <v>345</v>
      </c>
      <c r="E105209" s="15">
        <v>45465</v>
      </c>
      <c r="F105209" s="14" t="s">
        <v>72</v>
      </c>
      <c r="G105209" s="16">
        <v>0.82807615187749639</v>
      </c>
    </row>
    <row r="105210" spans="1:7" x14ac:dyDescent="0.3">
      <c r="A105210" s="13" t="s">
        <v>513</v>
      </c>
      <c r="B105210" s="14" t="s">
        <v>1</v>
      </c>
      <c r="C105210" s="14" t="s">
        <v>63</v>
      </c>
      <c r="D105210" s="14" t="s">
        <v>345</v>
      </c>
      <c r="E105210" s="15">
        <v>45466</v>
      </c>
      <c r="F105210" s="14" t="s">
        <v>72</v>
      </c>
      <c r="G105210" s="16">
        <v>0.82807615187749639</v>
      </c>
    </row>
    <row r="105211" spans="1:7" x14ac:dyDescent="0.3">
      <c r="A105211" s="13" t="s">
        <v>513</v>
      </c>
      <c r="B105211" s="14" t="s">
        <v>1</v>
      </c>
      <c r="C105211" s="14" t="s">
        <v>63</v>
      </c>
      <c r="D105211" s="14" t="s">
        <v>345</v>
      </c>
      <c r="E105211" s="15">
        <v>45467</v>
      </c>
      <c r="F105211" s="14" t="s">
        <v>72</v>
      </c>
      <c r="G105211" s="16">
        <v>0.837053576773505</v>
      </c>
    </row>
    <row r="105212" spans="1:7" x14ac:dyDescent="0.3">
      <c r="A105212" s="13" t="s">
        <v>513</v>
      </c>
      <c r="B105212" s="14" t="s">
        <v>1</v>
      </c>
      <c r="C105212" s="14" t="s">
        <v>63</v>
      </c>
      <c r="D105212" s="14" t="s">
        <v>345</v>
      </c>
      <c r="E105212" s="15">
        <v>45468</v>
      </c>
      <c r="F105212" s="14" t="s">
        <v>72</v>
      </c>
      <c r="G105212" s="16">
        <v>0.86966208419382673</v>
      </c>
    </row>
    <row r="105213" spans="1:7" x14ac:dyDescent="0.3">
      <c r="A105213" s="13" t="s">
        <v>513</v>
      </c>
      <c r="B105213" s="14" t="s">
        <v>1</v>
      </c>
      <c r="C105213" s="14" t="s">
        <v>63</v>
      </c>
      <c r="D105213" s="14" t="s">
        <v>345</v>
      </c>
      <c r="E105213" s="15">
        <v>45469</v>
      </c>
      <c r="F105213" s="14" t="s">
        <v>72</v>
      </c>
      <c r="G105213" s="16">
        <v>0.87916116110566445</v>
      </c>
    </row>
    <row r="105214" spans="1:7" x14ac:dyDescent="0.3">
      <c r="A105214" s="13" t="s">
        <v>513</v>
      </c>
      <c r="B105214" s="14" t="s">
        <v>1</v>
      </c>
      <c r="C105214" s="14" t="s">
        <v>63</v>
      </c>
      <c r="D105214" s="14" t="s">
        <v>345</v>
      </c>
      <c r="E105214" s="15">
        <v>45470</v>
      </c>
      <c r="F105214" s="14" t="s">
        <v>72</v>
      </c>
      <c r="G105214" s="16">
        <v>0.88904694759969782</v>
      </c>
    </row>
    <row r="105215" spans="1:7" x14ac:dyDescent="0.3">
      <c r="A105215" s="13" t="s">
        <v>513</v>
      </c>
      <c r="B105215" s="14" t="s">
        <v>1</v>
      </c>
      <c r="C105215" s="14" t="s">
        <v>63</v>
      </c>
      <c r="D105215" s="14" t="s">
        <v>345</v>
      </c>
      <c r="E105215" s="15">
        <v>45471</v>
      </c>
      <c r="F105215" s="14" t="s">
        <v>72</v>
      </c>
      <c r="G105215" s="16">
        <v>0.89606041594719266</v>
      </c>
    </row>
    <row r="105216" spans="1:7" x14ac:dyDescent="0.3">
      <c r="A105216" s="13" t="s">
        <v>513</v>
      </c>
      <c r="B105216" s="14" t="s">
        <v>1</v>
      </c>
      <c r="C105216" s="14" t="s">
        <v>63</v>
      </c>
      <c r="D105216" s="14" t="s">
        <v>345</v>
      </c>
      <c r="E105216" s="15">
        <v>45472</v>
      </c>
      <c r="F105216" s="14" t="s">
        <v>72</v>
      </c>
      <c r="G105216" s="16">
        <v>0.89606041594719266</v>
      </c>
    </row>
    <row r="105217" spans="1:7" x14ac:dyDescent="0.3">
      <c r="A105217" s="13" t="s">
        <v>513</v>
      </c>
      <c r="B105217" s="14" t="s">
        <v>1</v>
      </c>
      <c r="C105217" s="14" t="s">
        <v>63</v>
      </c>
      <c r="D105217" s="14" t="s">
        <v>345</v>
      </c>
      <c r="E105217" s="15">
        <v>45473</v>
      </c>
      <c r="F105217" s="14" t="s">
        <v>72</v>
      </c>
      <c r="G105217" s="16">
        <v>0.89606041594719266</v>
      </c>
    </row>
    <row r="105218" spans="1:7" x14ac:dyDescent="0.3">
      <c r="A105218" s="13" t="s">
        <v>513</v>
      </c>
      <c r="B105218" s="14" t="s">
        <v>1</v>
      </c>
      <c r="C105218" s="14" t="s">
        <v>63</v>
      </c>
      <c r="D105218" s="14" t="s">
        <v>345</v>
      </c>
      <c r="E105218" s="15">
        <v>45474</v>
      </c>
      <c r="F105218" s="14" t="s">
        <v>72</v>
      </c>
      <c r="G105218" s="16">
        <v>0.89606041594719266</v>
      </c>
    </row>
    <row r="105219" spans="1:7" x14ac:dyDescent="0.3">
      <c r="A105219" s="13" t="s">
        <v>513</v>
      </c>
      <c r="B105219" s="14" t="s">
        <v>1</v>
      </c>
      <c r="C105219" s="14" t="s">
        <v>63</v>
      </c>
      <c r="D105219" s="14" t="s">
        <v>345</v>
      </c>
      <c r="E105219" s="15">
        <v>45475</v>
      </c>
      <c r="F105219" s="14" t="s">
        <v>72</v>
      </c>
      <c r="G105219" s="16">
        <v>0</v>
      </c>
    </row>
    <row r="105220" spans="1:7" x14ac:dyDescent="0.3">
      <c r="A105220" s="13" t="s">
        <v>513</v>
      </c>
      <c r="B105220" s="14" t="s">
        <v>1</v>
      </c>
      <c r="C105220" s="14" t="s">
        <v>63</v>
      </c>
      <c r="D105220" s="14" t="s">
        <v>345</v>
      </c>
      <c r="E105220" s="15">
        <v>45476</v>
      </c>
      <c r="F105220" s="14" t="s">
        <v>72</v>
      </c>
      <c r="G105220" s="16">
        <v>0</v>
      </c>
    </row>
    <row r="105221" spans="1:7" x14ac:dyDescent="0.3">
      <c r="A105221" s="13" t="s">
        <v>513</v>
      </c>
      <c r="B105221" s="14" t="s">
        <v>1</v>
      </c>
      <c r="C105221" s="14" t="s">
        <v>63</v>
      </c>
      <c r="D105221" s="14" t="s">
        <v>345</v>
      </c>
      <c r="E105221" s="15">
        <v>45477</v>
      </c>
      <c r="F105221" s="14" t="s">
        <v>72</v>
      </c>
      <c r="G105221" s="16">
        <v>0</v>
      </c>
    </row>
    <row r="105222" spans="1:7" x14ac:dyDescent="0.3">
      <c r="A105222" s="13" t="s">
        <v>513</v>
      </c>
      <c r="B105222" s="14" t="s">
        <v>1</v>
      </c>
      <c r="C105222" s="14" t="s">
        <v>63</v>
      </c>
      <c r="D105222" s="14" t="s">
        <v>345</v>
      </c>
      <c r="E105222" s="15">
        <v>45478</v>
      </c>
      <c r="F105222" s="14" t="s">
        <v>72</v>
      </c>
      <c r="G105222" s="16">
        <v>0</v>
      </c>
    </row>
    <row r="105223" spans="1:7" x14ac:dyDescent="0.3">
      <c r="A105223" s="13" t="s">
        <v>513</v>
      </c>
      <c r="B105223" s="14" t="s">
        <v>1</v>
      </c>
      <c r="C105223" s="14" t="s">
        <v>63</v>
      </c>
      <c r="D105223" s="14" t="s">
        <v>345</v>
      </c>
      <c r="E105223" s="15">
        <v>45479</v>
      </c>
      <c r="F105223" s="14" t="s">
        <v>72</v>
      </c>
      <c r="G105223" s="16">
        <v>0</v>
      </c>
    </row>
    <row r="105224" spans="1:7" x14ac:dyDescent="0.3">
      <c r="A105224" s="13" t="s">
        <v>513</v>
      </c>
      <c r="B105224" s="14" t="s">
        <v>1</v>
      </c>
      <c r="C105224" s="14" t="s">
        <v>63</v>
      </c>
      <c r="D105224" s="14" t="s">
        <v>345</v>
      </c>
      <c r="E105224" s="15">
        <v>45480</v>
      </c>
      <c r="F105224" s="14" t="s">
        <v>72</v>
      </c>
      <c r="G105224" s="16">
        <v>0</v>
      </c>
    </row>
    <row r="105225" spans="1:7" x14ac:dyDescent="0.3">
      <c r="A105225" s="13" t="s">
        <v>513</v>
      </c>
      <c r="B105225" s="14" t="s">
        <v>1</v>
      </c>
      <c r="C105225" s="14" t="s">
        <v>63</v>
      </c>
      <c r="D105225" s="14" t="s">
        <v>345</v>
      </c>
      <c r="E105225" s="15">
        <v>45481</v>
      </c>
      <c r="F105225" s="14" t="s">
        <v>72</v>
      </c>
      <c r="G105225" s="16">
        <v>0</v>
      </c>
    </row>
    <row r="105226" spans="1:7" x14ac:dyDescent="0.3">
      <c r="A105226" s="13" t="s">
        <v>513</v>
      </c>
      <c r="B105226" s="14" t="s">
        <v>1</v>
      </c>
      <c r="C105226" s="14" t="s">
        <v>63</v>
      </c>
      <c r="D105226" s="14" t="s">
        <v>345</v>
      </c>
      <c r="E105226" s="15">
        <v>45482</v>
      </c>
      <c r="F105226" s="14" t="s">
        <v>72</v>
      </c>
      <c r="G105226" s="16">
        <v>0</v>
      </c>
    </row>
    <row r="105227" spans="1:7" x14ac:dyDescent="0.3">
      <c r="A105227" s="13" t="s">
        <v>513</v>
      </c>
      <c r="B105227" s="14" t="s">
        <v>1</v>
      </c>
      <c r="C105227" s="14" t="s">
        <v>63</v>
      </c>
      <c r="D105227" s="14" t="s">
        <v>345</v>
      </c>
      <c r="E105227" s="15">
        <v>45483</v>
      </c>
      <c r="F105227" s="14" t="s">
        <v>72</v>
      </c>
      <c r="G105227" s="16">
        <v>0</v>
      </c>
    </row>
    <row r="105228" spans="1:7" x14ac:dyDescent="0.3">
      <c r="A105228" s="13" t="s">
        <v>513</v>
      </c>
      <c r="B105228" s="14" t="s">
        <v>1</v>
      </c>
      <c r="C105228" s="14" t="s">
        <v>63</v>
      </c>
      <c r="D105228" s="14" t="s">
        <v>345</v>
      </c>
      <c r="E105228" s="15">
        <v>45484</v>
      </c>
      <c r="F105228" s="14" t="s">
        <v>72</v>
      </c>
      <c r="G105228" s="16">
        <v>0</v>
      </c>
    </row>
    <row r="105229" spans="1:7" x14ac:dyDescent="0.3">
      <c r="A105229" s="13" t="s">
        <v>513</v>
      </c>
      <c r="B105229" s="14" t="s">
        <v>1</v>
      </c>
      <c r="C105229" s="14" t="s">
        <v>63</v>
      </c>
      <c r="D105229" s="14" t="s">
        <v>345</v>
      </c>
      <c r="E105229" s="15">
        <v>45485</v>
      </c>
      <c r="F105229" s="14" t="s">
        <v>72</v>
      </c>
      <c r="G105229" s="16">
        <v>0</v>
      </c>
    </row>
    <row r="105230" spans="1:7" x14ac:dyDescent="0.3">
      <c r="A105230" s="13" t="s">
        <v>513</v>
      </c>
      <c r="B105230" s="14" t="s">
        <v>1</v>
      </c>
      <c r="C105230" s="14" t="s">
        <v>63</v>
      </c>
      <c r="D105230" s="14" t="s">
        <v>345</v>
      </c>
      <c r="E105230" s="15">
        <v>45486</v>
      </c>
      <c r="F105230" s="14" t="s">
        <v>72</v>
      </c>
      <c r="G105230" s="16">
        <v>0</v>
      </c>
    </row>
    <row r="105231" spans="1:7" x14ac:dyDescent="0.3">
      <c r="A105231" s="13" t="s">
        <v>513</v>
      </c>
      <c r="B105231" s="14" t="s">
        <v>1</v>
      </c>
      <c r="C105231" s="14" t="s">
        <v>63</v>
      </c>
      <c r="D105231" s="14" t="s">
        <v>345</v>
      </c>
      <c r="E105231" s="15">
        <v>45487</v>
      </c>
      <c r="F105231" s="14" t="s">
        <v>72</v>
      </c>
      <c r="G105231" s="16">
        <v>0</v>
      </c>
    </row>
    <row r="105232" spans="1:7" x14ac:dyDescent="0.3">
      <c r="A105232" s="13" t="s">
        <v>513</v>
      </c>
      <c r="B105232" s="14" t="s">
        <v>1</v>
      </c>
      <c r="C105232" s="14" t="s">
        <v>63</v>
      </c>
      <c r="D105232" s="14" t="s">
        <v>345</v>
      </c>
      <c r="E105232" s="15">
        <v>45488</v>
      </c>
      <c r="F105232" s="14" t="s">
        <v>72</v>
      </c>
      <c r="G105232" s="16">
        <v>0</v>
      </c>
    </row>
    <row r="105233" spans="1:7" x14ac:dyDescent="0.3">
      <c r="A105233" s="13" t="s">
        <v>513</v>
      </c>
      <c r="B105233" s="14" t="s">
        <v>1</v>
      </c>
      <c r="C105233" s="14" t="s">
        <v>63</v>
      </c>
      <c r="D105233" s="14" t="s">
        <v>345</v>
      </c>
      <c r="E105233" s="15">
        <v>45489</v>
      </c>
      <c r="F105233" s="14" t="s">
        <v>72</v>
      </c>
      <c r="G105233" s="16">
        <v>0</v>
      </c>
    </row>
    <row r="105234" spans="1:7" x14ac:dyDescent="0.3">
      <c r="A105234" s="13" t="s">
        <v>513</v>
      </c>
      <c r="B105234" s="14" t="s">
        <v>1</v>
      </c>
      <c r="C105234" s="14" t="s">
        <v>63</v>
      </c>
      <c r="D105234" s="14" t="s">
        <v>345</v>
      </c>
      <c r="E105234" s="15">
        <v>45490</v>
      </c>
      <c r="F105234" s="14" t="s">
        <v>72</v>
      </c>
      <c r="G105234" s="16">
        <v>0</v>
      </c>
    </row>
    <row r="105235" spans="1:7" x14ac:dyDescent="0.3">
      <c r="A105235" s="13" t="s">
        <v>513</v>
      </c>
      <c r="B105235" s="14" t="s">
        <v>1</v>
      </c>
      <c r="C105235" s="14" t="s">
        <v>63</v>
      </c>
      <c r="D105235" s="14" t="s">
        <v>345</v>
      </c>
      <c r="E105235" s="15">
        <v>45491</v>
      </c>
      <c r="F105235" s="14" t="s">
        <v>72</v>
      </c>
      <c r="G105235" s="16">
        <v>0</v>
      </c>
    </row>
    <row r="105236" spans="1:7" x14ac:dyDescent="0.3">
      <c r="A105236" s="13" t="s">
        <v>513</v>
      </c>
      <c r="B105236" s="14" t="s">
        <v>1</v>
      </c>
      <c r="C105236" s="14" t="s">
        <v>63</v>
      </c>
      <c r="D105236" s="14" t="s">
        <v>345</v>
      </c>
      <c r="E105236" s="15">
        <v>45492</v>
      </c>
      <c r="F105236" s="14" t="s">
        <v>72</v>
      </c>
      <c r="G105236" s="16">
        <v>0</v>
      </c>
    </row>
    <row r="105237" spans="1:7" x14ac:dyDescent="0.3">
      <c r="A105237" s="13" t="s">
        <v>513</v>
      </c>
      <c r="B105237" s="14" t="s">
        <v>1</v>
      </c>
      <c r="C105237" s="14" t="s">
        <v>63</v>
      </c>
      <c r="D105237" s="14" t="s">
        <v>345</v>
      </c>
      <c r="E105237" s="15">
        <v>45493</v>
      </c>
      <c r="F105237" s="14" t="s">
        <v>72</v>
      </c>
      <c r="G105237" s="16">
        <v>0</v>
      </c>
    </row>
    <row r="105238" spans="1:7" x14ac:dyDescent="0.3">
      <c r="A105238" s="13" t="s">
        <v>513</v>
      </c>
      <c r="B105238" s="14" t="s">
        <v>1</v>
      </c>
      <c r="C105238" s="14" t="s">
        <v>63</v>
      </c>
      <c r="D105238" s="14" t="s">
        <v>345</v>
      </c>
      <c r="E105238" s="15">
        <v>45494</v>
      </c>
      <c r="F105238" s="14" t="s">
        <v>72</v>
      </c>
      <c r="G105238" s="16">
        <v>0</v>
      </c>
    </row>
    <row r="105239" spans="1:7" x14ac:dyDescent="0.3">
      <c r="A105239" s="13" t="s">
        <v>513</v>
      </c>
      <c r="B105239" s="14" t="s">
        <v>1</v>
      </c>
      <c r="C105239" s="14" t="s">
        <v>63</v>
      </c>
      <c r="D105239" s="14" t="s">
        <v>345</v>
      </c>
      <c r="E105239" s="15">
        <v>45495</v>
      </c>
      <c r="F105239" s="14" t="s">
        <v>72</v>
      </c>
      <c r="G105239" s="16">
        <v>0</v>
      </c>
    </row>
    <row r="105240" spans="1:7" x14ac:dyDescent="0.3">
      <c r="A105240" s="13" t="s">
        <v>513</v>
      </c>
      <c r="B105240" s="14" t="s">
        <v>1</v>
      </c>
      <c r="C105240" s="14" t="s">
        <v>63</v>
      </c>
      <c r="D105240" s="14" t="s">
        <v>345</v>
      </c>
      <c r="E105240" s="15">
        <v>45496</v>
      </c>
      <c r="F105240" s="14" t="s">
        <v>72</v>
      </c>
      <c r="G105240" s="16">
        <v>0</v>
      </c>
    </row>
    <row r="105241" spans="1:7" x14ac:dyDescent="0.3">
      <c r="A105241" s="13" t="s">
        <v>513</v>
      </c>
      <c r="B105241" s="14" t="s">
        <v>1</v>
      </c>
      <c r="C105241" s="14" t="s">
        <v>63</v>
      </c>
      <c r="D105241" s="14" t="s">
        <v>345</v>
      </c>
      <c r="E105241" s="15">
        <v>45497</v>
      </c>
      <c r="F105241" s="14" t="s">
        <v>72</v>
      </c>
      <c r="G105241" s="16">
        <v>9.747726778120535E-3</v>
      </c>
    </row>
    <row r="105242" spans="1:7" x14ac:dyDescent="0.3">
      <c r="A105242" s="13" t="s">
        <v>513</v>
      </c>
      <c r="B105242" s="14" t="s">
        <v>1</v>
      </c>
      <c r="C105242" s="14" t="s">
        <v>63</v>
      </c>
      <c r="D105242" s="14" t="s">
        <v>345</v>
      </c>
      <c r="E105242" s="15">
        <v>45498</v>
      </c>
      <c r="F105242" s="14" t="s">
        <v>72</v>
      </c>
      <c r="G105242" s="16">
        <v>1.8994723879341834E-2</v>
      </c>
    </row>
    <row r="105243" spans="1:7" x14ac:dyDescent="0.3">
      <c r="A105243" s="13" t="s">
        <v>513</v>
      </c>
      <c r="B105243" s="14" t="s">
        <v>1</v>
      </c>
      <c r="C105243" s="14" t="s">
        <v>63</v>
      </c>
      <c r="D105243" s="14" t="s">
        <v>345</v>
      </c>
      <c r="E105243" s="15">
        <v>45499</v>
      </c>
      <c r="F105243" s="14" t="s">
        <v>72</v>
      </c>
      <c r="G105243" s="16">
        <v>2.8466080692780626E-2</v>
      </c>
    </row>
    <row r="105244" spans="1:7" x14ac:dyDescent="0.3">
      <c r="A105244" s="13" t="s">
        <v>513</v>
      </c>
      <c r="B105244" s="14" t="s">
        <v>1</v>
      </c>
      <c r="C105244" s="14" t="s">
        <v>63</v>
      </c>
      <c r="D105244" s="14" t="s">
        <v>345</v>
      </c>
      <c r="E105244" s="15">
        <v>45500</v>
      </c>
      <c r="F105244" s="14" t="s">
        <v>72</v>
      </c>
      <c r="G105244" s="16">
        <v>2.8466080692780626E-2</v>
      </c>
    </row>
    <row r="105245" spans="1:7" x14ac:dyDescent="0.3">
      <c r="A105245" s="13" t="s">
        <v>513</v>
      </c>
      <c r="B105245" s="14" t="s">
        <v>1</v>
      </c>
      <c r="C105245" s="14" t="s">
        <v>63</v>
      </c>
      <c r="D105245" s="14" t="s">
        <v>345</v>
      </c>
      <c r="E105245" s="15">
        <v>45501</v>
      </c>
      <c r="F105245" s="14" t="s">
        <v>72</v>
      </c>
      <c r="G105245" s="16">
        <v>2.8466080692780626E-2</v>
      </c>
    </row>
    <row r="105246" spans="1:7" x14ac:dyDescent="0.3">
      <c r="A105246" s="13" t="s">
        <v>513</v>
      </c>
      <c r="B105246" s="14" t="s">
        <v>1</v>
      </c>
      <c r="C105246" s="14" t="s">
        <v>63</v>
      </c>
      <c r="D105246" s="14" t="s">
        <v>345</v>
      </c>
      <c r="E105246" s="15">
        <v>45502</v>
      </c>
      <c r="F105246" s="14" t="s">
        <v>72</v>
      </c>
      <c r="G105246" s="16">
        <v>3.8216150767093442E-2</v>
      </c>
    </row>
    <row r="105247" spans="1:7" x14ac:dyDescent="0.3">
      <c r="A105247" s="13" t="s">
        <v>513</v>
      </c>
      <c r="B105247" s="14" t="s">
        <v>1</v>
      </c>
      <c r="C105247" s="14" t="s">
        <v>63</v>
      </c>
      <c r="D105247" s="14" t="s">
        <v>345</v>
      </c>
      <c r="E105247" s="15">
        <v>45503</v>
      </c>
      <c r="F105247" s="14" t="s">
        <v>72</v>
      </c>
      <c r="G105247" s="16">
        <v>6.7044476959284199E-2</v>
      </c>
    </row>
    <row r="105248" spans="1:7" x14ac:dyDescent="0.3">
      <c r="A105248" s="13" t="s">
        <v>513</v>
      </c>
      <c r="B105248" s="14" t="s">
        <v>1</v>
      </c>
      <c r="C105248" s="14" t="s">
        <v>63</v>
      </c>
      <c r="D105248" s="14" t="s">
        <v>345</v>
      </c>
      <c r="E105248" s="15">
        <v>45504</v>
      </c>
      <c r="F105248" s="14" t="s">
        <v>72</v>
      </c>
      <c r="G105248" s="16">
        <v>7.7734382720753045E-2</v>
      </c>
    </row>
    <row r="105249" spans="1:7" x14ac:dyDescent="0.3">
      <c r="A105249" s="13" t="s">
        <v>513</v>
      </c>
      <c r="B105249" s="14" t="s">
        <v>1</v>
      </c>
      <c r="C105249" s="14" t="s">
        <v>63</v>
      </c>
      <c r="D105249" s="14" t="s">
        <v>345</v>
      </c>
      <c r="E105249" s="15">
        <v>45505</v>
      </c>
      <c r="F105249" s="14" t="s">
        <v>72</v>
      </c>
      <c r="G105249" s="16">
        <v>7.7734382720753045E-2</v>
      </c>
    </row>
    <row r="105250" spans="1:7" x14ac:dyDescent="0.3">
      <c r="A105250" s="13" t="s">
        <v>513</v>
      </c>
      <c r="B105250" s="14" t="s">
        <v>1</v>
      </c>
      <c r="C105250" s="14" t="s">
        <v>63</v>
      </c>
      <c r="D105250" s="14" t="s">
        <v>345</v>
      </c>
      <c r="E105250" s="15">
        <v>45506</v>
      </c>
      <c r="F105250" s="14" t="s">
        <v>72</v>
      </c>
      <c r="G105250" s="16">
        <v>9.7639682571058845E-2</v>
      </c>
    </row>
    <row r="105251" spans="1:7" x14ac:dyDescent="0.3">
      <c r="A105251" s="13" t="s">
        <v>513</v>
      </c>
      <c r="B105251" s="14" t="s">
        <v>1</v>
      </c>
      <c r="C105251" s="14" t="s">
        <v>63</v>
      </c>
      <c r="D105251" s="14" t="s">
        <v>345</v>
      </c>
      <c r="E105251" s="15">
        <v>45507</v>
      </c>
      <c r="F105251" s="14" t="s">
        <v>72</v>
      </c>
      <c r="G105251" s="16">
        <v>9.7639682571058845E-2</v>
      </c>
    </row>
    <row r="105252" spans="1:7" x14ac:dyDescent="0.3">
      <c r="A105252" s="13" t="s">
        <v>513</v>
      </c>
      <c r="B105252" s="14" t="s">
        <v>1</v>
      </c>
      <c r="C105252" s="14" t="s">
        <v>63</v>
      </c>
      <c r="D105252" s="14" t="s">
        <v>345</v>
      </c>
      <c r="E105252" s="15">
        <v>45508</v>
      </c>
      <c r="F105252" s="14" t="s">
        <v>72</v>
      </c>
      <c r="G105252" s="16">
        <v>9.7639682571058845E-2</v>
      </c>
    </row>
    <row r="105253" spans="1:7" x14ac:dyDescent="0.3">
      <c r="A105253" s="13" t="s">
        <v>513</v>
      </c>
      <c r="B105253" s="14" t="s">
        <v>1</v>
      </c>
      <c r="C105253" s="14" t="s">
        <v>63</v>
      </c>
      <c r="D105253" s="14" t="s">
        <v>345</v>
      </c>
      <c r="E105253" s="15">
        <v>45509</v>
      </c>
      <c r="F105253" s="14" t="s">
        <v>72</v>
      </c>
      <c r="G105253" s="16">
        <v>9.7639682571058845E-2</v>
      </c>
    </row>
    <row r="105254" spans="1:7" x14ac:dyDescent="0.3">
      <c r="A105254" s="13" t="s">
        <v>513</v>
      </c>
      <c r="B105254" s="14" t="s">
        <v>1</v>
      </c>
      <c r="C105254" s="14" t="s">
        <v>63</v>
      </c>
      <c r="D105254" s="14" t="s">
        <v>345</v>
      </c>
      <c r="E105254" s="15">
        <v>45510</v>
      </c>
      <c r="F105254" s="14" t="s">
        <v>72</v>
      </c>
      <c r="G105254" s="16">
        <v>0.10597310454887404</v>
      </c>
    </row>
    <row r="105255" spans="1:7" x14ac:dyDescent="0.3">
      <c r="A105255" s="13" t="s">
        <v>513</v>
      </c>
      <c r="B105255" s="14" t="s">
        <v>1</v>
      </c>
      <c r="C105255" s="14" t="s">
        <v>63</v>
      </c>
      <c r="D105255" s="14" t="s">
        <v>345</v>
      </c>
      <c r="E105255" s="15">
        <v>45511</v>
      </c>
      <c r="F105255" s="14" t="s">
        <v>72</v>
      </c>
      <c r="G105255" s="16">
        <v>0.12884845317868029</v>
      </c>
    </row>
    <row r="105256" spans="1:7" x14ac:dyDescent="0.3">
      <c r="A105256" s="13" t="s">
        <v>513</v>
      </c>
      <c r="B105256" s="14" t="s">
        <v>1</v>
      </c>
      <c r="C105256" s="14" t="s">
        <v>63</v>
      </c>
      <c r="D105256" s="14" t="s">
        <v>345</v>
      </c>
      <c r="E105256" s="15">
        <v>45512</v>
      </c>
      <c r="F105256" s="14" t="s">
        <v>72</v>
      </c>
      <c r="G105256" s="16">
        <v>0.13547077557226866</v>
      </c>
    </row>
    <row r="105257" spans="1:7" x14ac:dyDescent="0.3">
      <c r="A105257" s="13" t="s">
        <v>513</v>
      </c>
      <c r="B105257" s="14" t="s">
        <v>1</v>
      </c>
      <c r="C105257" s="14" t="s">
        <v>63</v>
      </c>
      <c r="D105257" s="14" t="s">
        <v>345</v>
      </c>
      <c r="E105257" s="15">
        <v>45513</v>
      </c>
      <c r="F105257" s="14" t="s">
        <v>72</v>
      </c>
      <c r="G105257" s="16">
        <v>0.13547077557226866</v>
      </c>
    </row>
    <row r="105258" spans="1:7" x14ac:dyDescent="0.3">
      <c r="A105258" s="13" t="s">
        <v>513</v>
      </c>
      <c r="B105258" s="14" t="s">
        <v>1</v>
      </c>
      <c r="C105258" s="14" t="s">
        <v>63</v>
      </c>
      <c r="D105258" s="14" t="s">
        <v>345</v>
      </c>
      <c r="E105258" s="15">
        <v>45514</v>
      </c>
      <c r="F105258" s="14" t="s">
        <v>72</v>
      </c>
      <c r="G105258" s="16">
        <v>0.13547077557226866</v>
      </c>
    </row>
    <row r="105259" spans="1:7" x14ac:dyDescent="0.3">
      <c r="A105259" s="13" t="s">
        <v>513</v>
      </c>
      <c r="B105259" s="14" t="s">
        <v>1</v>
      </c>
      <c r="C105259" s="14" t="s">
        <v>63</v>
      </c>
      <c r="D105259" s="14" t="s">
        <v>345</v>
      </c>
      <c r="E105259" s="15">
        <v>45515</v>
      </c>
      <c r="F105259" s="14" t="s">
        <v>72</v>
      </c>
      <c r="G105259" s="16">
        <v>0.13547077557226866</v>
      </c>
    </row>
    <row r="105260" spans="1:7" x14ac:dyDescent="0.3">
      <c r="A105260" s="13" t="s">
        <v>513</v>
      </c>
      <c r="B105260" s="14" t="s">
        <v>1</v>
      </c>
      <c r="C105260" s="14" t="s">
        <v>63</v>
      </c>
      <c r="D105260" s="14" t="s">
        <v>345</v>
      </c>
      <c r="E105260" s="15">
        <v>45516</v>
      </c>
      <c r="F105260" s="14" t="s">
        <v>72</v>
      </c>
      <c r="G105260" s="16">
        <v>0.14952143046067923</v>
      </c>
    </row>
    <row r="105261" spans="1:7" x14ac:dyDescent="0.3">
      <c r="A105261" s="13" t="s">
        <v>513</v>
      </c>
      <c r="B105261" s="14" t="s">
        <v>1</v>
      </c>
      <c r="C105261" s="14" t="s">
        <v>63</v>
      </c>
      <c r="D105261" s="14" t="s">
        <v>345</v>
      </c>
      <c r="E105261" s="15">
        <v>45517</v>
      </c>
      <c r="F105261" s="14" t="s">
        <v>72</v>
      </c>
      <c r="G105261" s="16">
        <v>0.18624493808240805</v>
      </c>
    </row>
    <row r="105262" spans="1:7" x14ac:dyDescent="0.3">
      <c r="A105262" s="13" t="s">
        <v>513</v>
      </c>
      <c r="B105262" s="14" t="s">
        <v>1</v>
      </c>
      <c r="C105262" s="14" t="s">
        <v>63</v>
      </c>
      <c r="D105262" s="14" t="s">
        <v>345</v>
      </c>
      <c r="E105262" s="15">
        <v>45518</v>
      </c>
      <c r="F105262" s="14" t="s">
        <v>72</v>
      </c>
      <c r="G105262" s="16">
        <v>0.19691246147208569</v>
      </c>
    </row>
    <row r="105263" spans="1:7" x14ac:dyDescent="0.3">
      <c r="A105263" s="13" t="s">
        <v>513</v>
      </c>
      <c r="B105263" s="14" t="s">
        <v>1</v>
      </c>
      <c r="C105263" s="14" t="s">
        <v>63</v>
      </c>
      <c r="D105263" s="14" t="s">
        <v>345</v>
      </c>
      <c r="E105263" s="15">
        <v>45519</v>
      </c>
      <c r="F105263" s="14" t="s">
        <v>72</v>
      </c>
      <c r="G105263" s="16">
        <v>0.20942649202019853</v>
      </c>
    </row>
    <row r="105264" spans="1:7" x14ac:dyDescent="0.3">
      <c r="A105264" s="13" t="s">
        <v>513</v>
      </c>
      <c r="B105264" s="14" t="s">
        <v>1</v>
      </c>
      <c r="C105264" s="14" t="s">
        <v>63</v>
      </c>
      <c r="D105264" s="14" t="s">
        <v>345</v>
      </c>
      <c r="E105264" s="15">
        <v>45520</v>
      </c>
      <c r="F105264" s="14" t="s">
        <v>72</v>
      </c>
      <c r="G105264" s="16">
        <v>0.22001832406925068</v>
      </c>
    </row>
    <row r="105265" spans="1:7" x14ac:dyDescent="0.3">
      <c r="A105265" s="13" t="s">
        <v>513</v>
      </c>
      <c r="B105265" s="14" t="s">
        <v>1</v>
      </c>
      <c r="C105265" s="14" t="s">
        <v>63</v>
      </c>
      <c r="D105265" s="14" t="s">
        <v>345</v>
      </c>
      <c r="E105265" s="15">
        <v>45521</v>
      </c>
      <c r="F105265" s="14" t="s">
        <v>72</v>
      </c>
      <c r="G105265" s="16">
        <v>0.22001832406925068</v>
      </c>
    </row>
    <row r="105266" spans="1:7" x14ac:dyDescent="0.3">
      <c r="A105266" s="13" t="s">
        <v>513</v>
      </c>
      <c r="B105266" s="14" t="s">
        <v>1</v>
      </c>
      <c r="C105266" s="14" t="s">
        <v>63</v>
      </c>
      <c r="D105266" s="14" t="s">
        <v>345</v>
      </c>
      <c r="E105266" s="15">
        <v>45522</v>
      </c>
      <c r="F105266" s="14" t="s">
        <v>72</v>
      </c>
      <c r="G105266" s="16">
        <v>0.22001832406925068</v>
      </c>
    </row>
    <row r="105267" spans="1:7" x14ac:dyDescent="0.3">
      <c r="A105267" s="13" t="s">
        <v>513</v>
      </c>
      <c r="B105267" s="14" t="s">
        <v>1</v>
      </c>
      <c r="C105267" s="14" t="s">
        <v>63</v>
      </c>
      <c r="D105267" s="14" t="s">
        <v>345</v>
      </c>
      <c r="E105267" s="15">
        <v>45523</v>
      </c>
      <c r="F105267" s="14" t="s">
        <v>72</v>
      </c>
      <c r="G105267" s="16">
        <v>0.22832201945904176</v>
      </c>
    </row>
    <row r="105268" spans="1:7" x14ac:dyDescent="0.3">
      <c r="A105268" s="13" t="s">
        <v>513</v>
      </c>
      <c r="B105268" s="14" t="s">
        <v>1</v>
      </c>
      <c r="C105268" s="14" t="s">
        <v>63</v>
      </c>
      <c r="D105268" s="14" t="s">
        <v>345</v>
      </c>
      <c r="E105268" s="15">
        <v>45524</v>
      </c>
      <c r="F105268" s="14" t="s">
        <v>72</v>
      </c>
      <c r="G105268" s="16">
        <v>0.25608037533126166</v>
      </c>
    </row>
    <row r="105269" spans="1:7" x14ac:dyDescent="0.3">
      <c r="A105269" s="13" t="s">
        <v>513</v>
      </c>
      <c r="B105269" s="14" t="s">
        <v>1</v>
      </c>
      <c r="C105269" s="14" t="s">
        <v>63</v>
      </c>
      <c r="D105269" s="14" t="s">
        <v>345</v>
      </c>
      <c r="E105269" s="15">
        <v>45525</v>
      </c>
      <c r="F105269" s="14" t="s">
        <v>72</v>
      </c>
      <c r="G105269" s="16">
        <v>0.26556188542013259</v>
      </c>
    </row>
    <row r="105270" spans="1:7" x14ac:dyDescent="0.3">
      <c r="A105270" s="13" t="s">
        <v>513</v>
      </c>
      <c r="B105270" s="14" t="s">
        <v>1</v>
      </c>
      <c r="C105270" s="14" t="s">
        <v>63</v>
      </c>
      <c r="D105270" s="14" t="s">
        <v>345</v>
      </c>
      <c r="E105270" s="15">
        <v>45526</v>
      </c>
      <c r="F105270" s="14" t="s">
        <v>72</v>
      </c>
      <c r="G105270" s="16">
        <v>0.27660123885352261</v>
      </c>
    </row>
    <row r="105271" spans="1:7" x14ac:dyDescent="0.3">
      <c r="A105271" s="13" t="s">
        <v>513</v>
      </c>
      <c r="B105271" s="14" t="s">
        <v>1</v>
      </c>
      <c r="C105271" s="14" t="s">
        <v>63</v>
      </c>
      <c r="D105271" s="14" t="s">
        <v>345</v>
      </c>
      <c r="E105271" s="15">
        <v>45527</v>
      </c>
      <c r="F105271" s="14" t="s">
        <v>72</v>
      </c>
      <c r="G105271" s="16">
        <v>0.28254179253608386</v>
      </c>
    </row>
    <row r="105272" spans="1:7" x14ac:dyDescent="0.3">
      <c r="A105272" s="13" t="s">
        <v>513</v>
      </c>
      <c r="B105272" s="14" t="s">
        <v>1</v>
      </c>
      <c r="C105272" s="14" t="s">
        <v>63</v>
      </c>
      <c r="D105272" s="14" t="s">
        <v>345</v>
      </c>
      <c r="E105272" s="15">
        <v>45528</v>
      </c>
      <c r="F105272" s="14" t="s">
        <v>72</v>
      </c>
      <c r="G105272" s="16">
        <v>0.28254179253608386</v>
      </c>
    </row>
    <row r="105273" spans="1:7" x14ac:dyDescent="0.3">
      <c r="A105273" s="13" t="s">
        <v>513</v>
      </c>
      <c r="B105273" s="14" t="s">
        <v>1</v>
      </c>
      <c r="C105273" s="14" t="s">
        <v>63</v>
      </c>
      <c r="D105273" s="14" t="s">
        <v>345</v>
      </c>
      <c r="E105273" s="15">
        <v>45529</v>
      </c>
      <c r="F105273" s="14" t="s">
        <v>72</v>
      </c>
      <c r="G105273" s="16">
        <v>0.28254179253608386</v>
      </c>
    </row>
    <row r="105274" spans="1:7" x14ac:dyDescent="0.3">
      <c r="A105274" s="13" t="s">
        <v>513</v>
      </c>
      <c r="B105274" s="14" t="s">
        <v>1</v>
      </c>
      <c r="C105274" s="14" t="s">
        <v>63</v>
      </c>
      <c r="D105274" s="14" t="s">
        <v>345</v>
      </c>
      <c r="E105274" s="15">
        <v>45530</v>
      </c>
      <c r="F105274" s="14" t="s">
        <v>72</v>
      </c>
      <c r="G105274" s="16">
        <v>0.29339217086519148</v>
      </c>
    </row>
    <row r="105275" spans="1:7" x14ac:dyDescent="0.3">
      <c r="A105275" s="13" t="s">
        <v>513</v>
      </c>
      <c r="B105275" s="14" t="s">
        <v>1</v>
      </c>
      <c r="C105275" s="14" t="s">
        <v>63</v>
      </c>
      <c r="D105275" s="14" t="s">
        <v>345</v>
      </c>
      <c r="E105275" s="15">
        <v>45531</v>
      </c>
      <c r="F105275" s="14" t="s">
        <v>72</v>
      </c>
      <c r="G105275" s="16">
        <v>0.32031907846123697</v>
      </c>
    </row>
    <row r="105276" spans="1:7" x14ac:dyDescent="0.3">
      <c r="A105276" s="13" t="s">
        <v>513</v>
      </c>
      <c r="B105276" s="14" t="s">
        <v>1</v>
      </c>
      <c r="C105276" s="14" t="s">
        <v>63</v>
      </c>
      <c r="D105276" s="14" t="s">
        <v>345</v>
      </c>
      <c r="E105276" s="15">
        <v>45532</v>
      </c>
      <c r="F105276" s="14" t="s">
        <v>72</v>
      </c>
      <c r="G105276" s="16">
        <v>0.33208637746103603</v>
      </c>
    </row>
    <row r="105277" spans="1:7" x14ac:dyDescent="0.3">
      <c r="A105277" s="13" t="s">
        <v>513</v>
      </c>
      <c r="B105277" s="14" t="s">
        <v>1</v>
      </c>
      <c r="C105277" s="14" t="s">
        <v>63</v>
      </c>
      <c r="D105277" s="14" t="s">
        <v>345</v>
      </c>
      <c r="E105277" s="15">
        <v>45533</v>
      </c>
      <c r="F105277" s="14" t="s">
        <v>72</v>
      </c>
      <c r="G105277" s="16">
        <v>0.34069907810036831</v>
      </c>
    </row>
    <row r="105278" spans="1:7" x14ac:dyDescent="0.3">
      <c r="A105278" s="13" t="s">
        <v>513</v>
      </c>
      <c r="B105278" s="14" t="s">
        <v>1</v>
      </c>
      <c r="C105278" s="14" t="s">
        <v>63</v>
      </c>
      <c r="D105278" s="14" t="s">
        <v>345</v>
      </c>
      <c r="E105278" s="15">
        <v>45534</v>
      </c>
      <c r="F105278" s="14" t="s">
        <v>72</v>
      </c>
      <c r="G105278" s="16">
        <v>0.35238187776737845</v>
      </c>
    </row>
    <row r="105279" spans="1:7" x14ac:dyDescent="0.3">
      <c r="A105279" s="13" t="s">
        <v>513</v>
      </c>
      <c r="B105279" s="14" t="s">
        <v>1</v>
      </c>
      <c r="C105279" s="14" t="s">
        <v>63</v>
      </c>
      <c r="D105279" s="14" t="s">
        <v>345</v>
      </c>
      <c r="E105279" s="15">
        <v>45535</v>
      </c>
      <c r="F105279" s="14" t="s">
        <v>72</v>
      </c>
      <c r="G105279" s="16">
        <v>0.35238187776737845</v>
      </c>
    </row>
    <row r="105280" spans="1:7" x14ac:dyDescent="0.3">
      <c r="A105280" s="13" t="s">
        <v>513</v>
      </c>
      <c r="B105280" s="14" t="s">
        <v>1</v>
      </c>
      <c r="C105280" s="14" t="s">
        <v>63</v>
      </c>
      <c r="D105280" s="14" t="s">
        <v>345</v>
      </c>
      <c r="E105280" s="15">
        <v>45536</v>
      </c>
      <c r="F105280" s="14" t="s">
        <v>72</v>
      </c>
      <c r="G105280" s="16">
        <v>0.35238187776737845</v>
      </c>
    </row>
    <row r="105281" spans="1:7" x14ac:dyDescent="0.3">
      <c r="A105281" s="13" t="s">
        <v>513</v>
      </c>
      <c r="B105281" s="14" t="s">
        <v>1</v>
      </c>
      <c r="C105281" s="14" t="s">
        <v>63</v>
      </c>
      <c r="D105281" s="14" t="s">
        <v>345</v>
      </c>
      <c r="E105281" s="15">
        <v>45537</v>
      </c>
      <c r="F105281" s="14" t="s">
        <v>72</v>
      </c>
      <c r="G105281" s="16">
        <v>0.36042328220583741</v>
      </c>
    </row>
    <row r="105282" spans="1:7" x14ac:dyDescent="0.3">
      <c r="A105282" s="13" t="s">
        <v>513</v>
      </c>
      <c r="B105282" s="14" t="s">
        <v>1</v>
      </c>
      <c r="C105282" s="14" t="s">
        <v>63</v>
      </c>
      <c r="D105282" s="14" t="s">
        <v>345</v>
      </c>
      <c r="E105282" s="15">
        <v>45538</v>
      </c>
      <c r="F105282" s="14" t="s">
        <v>72</v>
      </c>
      <c r="G105282" s="16">
        <v>0.38287446955067606</v>
      </c>
    </row>
    <row r="105283" spans="1:7" x14ac:dyDescent="0.3">
      <c r="A105283" s="13" t="s">
        <v>513</v>
      </c>
      <c r="B105283" s="14" t="s">
        <v>1</v>
      </c>
      <c r="C105283" s="14" t="s">
        <v>63</v>
      </c>
      <c r="D105283" s="14" t="s">
        <v>345</v>
      </c>
      <c r="E105283" s="15">
        <v>45539</v>
      </c>
      <c r="F105283" s="14" t="s">
        <v>72</v>
      </c>
      <c r="G105283" s="16">
        <v>0.39219311650794975</v>
      </c>
    </row>
    <row r="105284" spans="1:7" x14ac:dyDescent="0.3">
      <c r="A105284" s="13" t="s">
        <v>513</v>
      </c>
      <c r="B105284" s="14" t="s">
        <v>1</v>
      </c>
      <c r="C105284" s="14" t="s">
        <v>63</v>
      </c>
      <c r="D105284" s="14" t="s">
        <v>345</v>
      </c>
      <c r="E105284" s="15">
        <v>45540</v>
      </c>
      <c r="F105284" s="14" t="s">
        <v>72</v>
      </c>
      <c r="G105284" s="16">
        <v>0.40068866060556019</v>
      </c>
    </row>
    <row r="105285" spans="1:7" x14ac:dyDescent="0.3">
      <c r="A105285" s="13" t="s">
        <v>513</v>
      </c>
      <c r="B105285" s="14" t="s">
        <v>1</v>
      </c>
      <c r="C105285" s="14" t="s">
        <v>63</v>
      </c>
      <c r="D105285" s="14" t="s">
        <v>345</v>
      </c>
      <c r="E105285" s="15">
        <v>45541</v>
      </c>
      <c r="F105285" s="14" t="s">
        <v>72</v>
      </c>
      <c r="G105285" s="16">
        <v>0.41436218890770726</v>
      </c>
    </row>
    <row r="105286" spans="1:7" x14ac:dyDescent="0.3">
      <c r="A105286" s="13" t="s">
        <v>513</v>
      </c>
      <c r="B105286" s="14" t="s">
        <v>1</v>
      </c>
      <c r="C105286" s="14" t="s">
        <v>63</v>
      </c>
      <c r="D105286" s="14" t="s">
        <v>345</v>
      </c>
      <c r="E105286" s="15">
        <v>45542</v>
      </c>
      <c r="F105286" s="14" t="s">
        <v>72</v>
      </c>
      <c r="G105286" s="16">
        <v>0.41436218890770726</v>
      </c>
    </row>
    <row r="105287" spans="1:7" x14ac:dyDescent="0.3">
      <c r="A105287" s="13" t="s">
        <v>513</v>
      </c>
      <c r="B105287" s="14" t="s">
        <v>1</v>
      </c>
      <c r="C105287" s="14" t="s">
        <v>63</v>
      </c>
      <c r="D105287" s="14" t="s">
        <v>345</v>
      </c>
      <c r="E105287" s="15">
        <v>45543</v>
      </c>
      <c r="F105287" s="14" t="s">
        <v>72</v>
      </c>
      <c r="G105287" s="16">
        <v>0.41436218890770726</v>
      </c>
    </row>
    <row r="105288" spans="1:7" x14ac:dyDescent="0.3">
      <c r="A105288" s="13" t="s">
        <v>513</v>
      </c>
      <c r="B105288" s="14" t="s">
        <v>1</v>
      </c>
      <c r="C105288" s="14" t="s">
        <v>63</v>
      </c>
      <c r="D105288" s="14" t="s">
        <v>345</v>
      </c>
      <c r="E105288" s="15">
        <v>45544</v>
      </c>
      <c r="F105288" s="14" t="s">
        <v>72</v>
      </c>
      <c r="G105288" s="16">
        <v>0.42671712499804537</v>
      </c>
    </row>
    <row r="105289" spans="1:7" x14ac:dyDescent="0.3">
      <c r="A105289" s="13" t="s">
        <v>513</v>
      </c>
      <c r="B105289" s="14" t="s">
        <v>1</v>
      </c>
      <c r="C105289" s="14" t="s">
        <v>63</v>
      </c>
      <c r="D105289" s="14" t="s">
        <v>345</v>
      </c>
      <c r="E105289" s="15">
        <v>45545</v>
      </c>
      <c r="F105289" s="14" t="s">
        <v>72</v>
      </c>
      <c r="G105289" s="16">
        <v>0.45568749588530744</v>
      </c>
    </row>
    <row r="105290" spans="1:7" x14ac:dyDescent="0.3">
      <c r="A105290" s="13" t="s">
        <v>513</v>
      </c>
      <c r="B105290" s="14" t="s">
        <v>1</v>
      </c>
      <c r="C105290" s="14" t="s">
        <v>63</v>
      </c>
      <c r="D105290" s="14" t="s">
        <v>345</v>
      </c>
      <c r="E105290" s="15">
        <v>45546</v>
      </c>
      <c r="F105290" s="14" t="s">
        <v>72</v>
      </c>
      <c r="G105290" s="16">
        <v>0.46344432744077241</v>
      </c>
    </row>
    <row r="105291" spans="1:7" x14ac:dyDescent="0.3">
      <c r="A105291" s="13" t="s">
        <v>513</v>
      </c>
      <c r="B105291" s="14" t="s">
        <v>1</v>
      </c>
      <c r="C105291" s="14" t="s">
        <v>63</v>
      </c>
      <c r="D105291" s="14" t="s">
        <v>345</v>
      </c>
      <c r="E105291" s="15">
        <v>45547</v>
      </c>
      <c r="F105291" s="14" t="s">
        <v>72</v>
      </c>
      <c r="G105291" s="16">
        <v>0.46936450859014933</v>
      </c>
    </row>
    <row r="105292" spans="1:7" x14ac:dyDescent="0.3">
      <c r="A105292" s="13" t="s">
        <v>513</v>
      </c>
      <c r="B105292" s="14" t="s">
        <v>1</v>
      </c>
      <c r="C105292" s="14" t="s">
        <v>63</v>
      </c>
      <c r="D105292" s="14" t="s">
        <v>345</v>
      </c>
      <c r="E105292" s="15">
        <v>45548</v>
      </c>
      <c r="F105292" s="14" t="s">
        <v>72</v>
      </c>
      <c r="G105292" s="16">
        <v>0.4815111943834367</v>
      </c>
    </row>
    <row r="105293" spans="1:7" x14ac:dyDescent="0.3">
      <c r="A105293" s="13" t="s">
        <v>513</v>
      </c>
      <c r="B105293" s="14" t="s">
        <v>1</v>
      </c>
      <c r="C105293" s="14" t="s">
        <v>63</v>
      </c>
      <c r="D105293" s="14" t="s">
        <v>345</v>
      </c>
      <c r="E105293" s="15">
        <v>45549</v>
      </c>
      <c r="F105293" s="14" t="s">
        <v>72</v>
      </c>
      <c r="G105293" s="16">
        <v>0.4815111943834367</v>
      </c>
    </row>
    <row r="105294" spans="1:7" x14ac:dyDescent="0.3">
      <c r="A105294" s="13" t="s">
        <v>513</v>
      </c>
      <c r="B105294" s="14" t="s">
        <v>1</v>
      </c>
      <c r="C105294" s="14" t="s">
        <v>63</v>
      </c>
      <c r="D105294" s="14" t="s">
        <v>345</v>
      </c>
      <c r="E105294" s="15">
        <v>45550</v>
      </c>
      <c r="F105294" s="14" t="s">
        <v>72</v>
      </c>
      <c r="G105294" s="16">
        <v>0.4815111943834367</v>
      </c>
    </row>
    <row r="105295" spans="1:7" x14ac:dyDescent="0.3">
      <c r="A105295" s="13" t="s">
        <v>513</v>
      </c>
      <c r="B105295" s="14" t="s">
        <v>1</v>
      </c>
      <c r="C105295" s="14" t="s">
        <v>63</v>
      </c>
      <c r="D105295" s="14" t="s">
        <v>345</v>
      </c>
      <c r="E105295" s="15">
        <v>45551</v>
      </c>
      <c r="F105295" s="14" t="s">
        <v>72</v>
      </c>
      <c r="G105295" s="16">
        <v>0.48722203309178325</v>
      </c>
    </row>
    <row r="105296" spans="1:7" x14ac:dyDescent="0.3">
      <c r="A105296" s="13" t="s">
        <v>513</v>
      </c>
      <c r="B105296" s="14" t="s">
        <v>1</v>
      </c>
      <c r="C105296" s="14" t="s">
        <v>63</v>
      </c>
      <c r="D105296" s="14" t="s">
        <v>345</v>
      </c>
      <c r="E105296" s="15">
        <v>45552</v>
      </c>
      <c r="F105296" s="14" t="s">
        <v>72</v>
      </c>
      <c r="G105296" s="16">
        <v>0.5142942856867595</v>
      </c>
    </row>
    <row r="105297" spans="1:7" x14ac:dyDescent="0.3">
      <c r="A105297" s="13" t="s">
        <v>513</v>
      </c>
      <c r="B105297" s="14" t="s">
        <v>1</v>
      </c>
      <c r="C105297" s="14" t="s">
        <v>63</v>
      </c>
      <c r="D105297" s="14" t="s">
        <v>345</v>
      </c>
      <c r="E105297" s="15">
        <v>45553</v>
      </c>
      <c r="F105297" s="14" t="s">
        <v>72</v>
      </c>
      <c r="G105297" s="16">
        <v>0.5142942856867595</v>
      </c>
    </row>
    <row r="105298" spans="1:7" x14ac:dyDescent="0.3">
      <c r="A105298" s="13" t="s">
        <v>513</v>
      </c>
      <c r="B105298" s="14" t="s">
        <v>1</v>
      </c>
      <c r="C105298" s="14" t="s">
        <v>63</v>
      </c>
      <c r="D105298" s="14" t="s">
        <v>345</v>
      </c>
      <c r="E105298" s="15">
        <v>45554</v>
      </c>
      <c r="F105298" s="14" t="s">
        <v>72</v>
      </c>
      <c r="G105298" s="16">
        <v>0.51952181956562049</v>
      </c>
    </row>
    <row r="105299" spans="1:7" x14ac:dyDescent="0.3">
      <c r="A105299" s="13" t="s">
        <v>513</v>
      </c>
      <c r="B105299" s="14" t="s">
        <v>1</v>
      </c>
      <c r="C105299" s="14" t="s">
        <v>63</v>
      </c>
      <c r="D105299" s="14" t="s">
        <v>345</v>
      </c>
      <c r="E105299" s="15">
        <v>45555</v>
      </c>
      <c r="F105299" s="14" t="s">
        <v>72</v>
      </c>
      <c r="G105299" s="16">
        <v>0.54400831882623801</v>
      </c>
    </row>
    <row r="105300" spans="1:7" x14ac:dyDescent="0.3">
      <c r="A105300" s="13" t="s">
        <v>513</v>
      </c>
      <c r="B105300" s="14" t="s">
        <v>1</v>
      </c>
      <c r="C105300" s="14" t="s">
        <v>63</v>
      </c>
      <c r="D105300" s="14" t="s">
        <v>345</v>
      </c>
      <c r="E105300" s="15">
        <v>45556</v>
      </c>
      <c r="F105300" s="14" t="s">
        <v>72</v>
      </c>
      <c r="G105300" s="16">
        <v>0.54400831882623801</v>
      </c>
    </row>
    <row r="105301" spans="1:7" x14ac:dyDescent="0.3">
      <c r="A105301" s="13" t="s">
        <v>513</v>
      </c>
      <c r="B105301" s="14" t="s">
        <v>1</v>
      </c>
      <c r="C105301" s="14" t="s">
        <v>63</v>
      </c>
      <c r="D105301" s="14" t="s">
        <v>345</v>
      </c>
      <c r="E105301" s="15">
        <v>45557</v>
      </c>
      <c r="F105301" s="14" t="s">
        <v>72</v>
      </c>
      <c r="G105301" s="16">
        <v>0.54400831882623801</v>
      </c>
    </row>
    <row r="105302" spans="1:7" x14ac:dyDescent="0.3">
      <c r="A105302" s="13" t="s">
        <v>513</v>
      </c>
      <c r="B105302" s="14" t="s">
        <v>1</v>
      </c>
      <c r="C105302" s="14" t="s">
        <v>63</v>
      </c>
      <c r="D105302" s="14" t="s">
        <v>345</v>
      </c>
      <c r="E105302" s="15">
        <v>45558</v>
      </c>
      <c r="F105302" s="14" t="s">
        <v>72</v>
      </c>
      <c r="G105302" s="16">
        <v>0.55070883496376422</v>
      </c>
    </row>
    <row r="105303" spans="1:7" x14ac:dyDescent="0.3">
      <c r="A105303" s="13" t="s">
        <v>513</v>
      </c>
      <c r="B105303" s="14" t="s">
        <v>1</v>
      </c>
      <c r="C105303" s="14" t="s">
        <v>63</v>
      </c>
      <c r="D105303" s="14" t="s">
        <v>345</v>
      </c>
      <c r="E105303" s="15">
        <v>45559</v>
      </c>
      <c r="F105303" s="14" t="s">
        <v>72</v>
      </c>
      <c r="G105303" s="16">
        <v>0.57323441969351074</v>
      </c>
    </row>
    <row r="105304" spans="1:7" x14ac:dyDescent="0.3">
      <c r="A105304" s="13" t="s">
        <v>513</v>
      </c>
      <c r="B105304" s="14" t="s">
        <v>1</v>
      </c>
      <c r="C105304" s="14" t="s">
        <v>63</v>
      </c>
      <c r="D105304" s="14" t="s">
        <v>345</v>
      </c>
      <c r="E105304" s="15">
        <v>45560</v>
      </c>
      <c r="F105304" s="14" t="s">
        <v>72</v>
      </c>
      <c r="G105304" s="16">
        <v>0.58871165256641012</v>
      </c>
    </row>
    <row r="105305" spans="1:7" x14ac:dyDescent="0.3">
      <c r="A105305" s="13" t="s">
        <v>513</v>
      </c>
      <c r="B105305" s="14" t="s">
        <v>1</v>
      </c>
      <c r="C105305" s="14" t="s">
        <v>63</v>
      </c>
      <c r="D105305" s="14" t="s">
        <v>345</v>
      </c>
      <c r="E105305" s="15">
        <v>45561</v>
      </c>
      <c r="F105305" s="14" t="s">
        <v>72</v>
      </c>
      <c r="G105305" s="16">
        <v>0.59186461980423544</v>
      </c>
    </row>
    <row r="105306" spans="1:7" x14ac:dyDescent="0.3">
      <c r="A105306" s="13" t="s">
        <v>513</v>
      </c>
      <c r="B105306" s="14" t="s">
        <v>1</v>
      </c>
      <c r="C105306" s="14" t="s">
        <v>63</v>
      </c>
      <c r="D105306" s="14" t="s">
        <v>345</v>
      </c>
      <c r="E105306" s="15">
        <v>45562</v>
      </c>
      <c r="F105306" s="14" t="s">
        <v>72</v>
      </c>
      <c r="G105306" s="16">
        <v>0.60449666769290489</v>
      </c>
    </row>
    <row r="105307" spans="1:7" x14ac:dyDescent="0.3">
      <c r="A105307" s="13" t="s">
        <v>513</v>
      </c>
      <c r="B105307" s="14" t="s">
        <v>1</v>
      </c>
      <c r="C105307" s="14" t="s">
        <v>63</v>
      </c>
      <c r="D105307" s="14" t="s">
        <v>345</v>
      </c>
      <c r="E105307" s="15">
        <v>45563</v>
      </c>
      <c r="F105307" s="14" t="s">
        <v>72</v>
      </c>
      <c r="G105307" s="16">
        <v>0.60449666769290489</v>
      </c>
    </row>
    <row r="105308" spans="1:7" x14ac:dyDescent="0.3">
      <c r="A105308" s="13" t="s">
        <v>513</v>
      </c>
      <c r="B105308" s="14" t="s">
        <v>1</v>
      </c>
      <c r="C105308" s="14" t="s">
        <v>63</v>
      </c>
      <c r="D105308" s="14" t="s">
        <v>345</v>
      </c>
      <c r="E105308" s="15">
        <v>45564</v>
      </c>
      <c r="F105308" s="14" t="s">
        <v>72</v>
      </c>
      <c r="G105308" s="16">
        <v>0.60449666769290489</v>
      </c>
    </row>
    <row r="105309" spans="1:7" x14ac:dyDescent="0.3">
      <c r="A105309" s="13" t="s">
        <v>513</v>
      </c>
      <c r="B105309" s="14" t="s">
        <v>1</v>
      </c>
      <c r="C105309" s="14" t="s">
        <v>63</v>
      </c>
      <c r="D105309" s="14" t="s">
        <v>345</v>
      </c>
      <c r="E105309" s="15">
        <v>45565</v>
      </c>
      <c r="F105309" s="14" t="s">
        <v>72</v>
      </c>
      <c r="G105309" s="16">
        <v>0.61371875665717468</v>
      </c>
    </row>
    <row r="105310" spans="1:7" x14ac:dyDescent="0.3">
      <c r="A105310" s="13" t="s">
        <v>513</v>
      </c>
      <c r="B105310" s="14" t="s">
        <v>1</v>
      </c>
      <c r="C105310" s="14" t="s">
        <v>63</v>
      </c>
      <c r="D105310" s="14" t="s">
        <v>345</v>
      </c>
      <c r="E105310" s="15">
        <v>45566</v>
      </c>
      <c r="F105310" s="14" t="s">
        <v>72</v>
      </c>
      <c r="G105310" s="16">
        <v>0.61371875665717468</v>
      </c>
    </row>
    <row r="105311" spans="1:7" x14ac:dyDescent="0.3">
      <c r="A105311" s="13" t="s">
        <v>513</v>
      </c>
      <c r="B105311" s="14" t="s">
        <v>1</v>
      </c>
      <c r="C105311" s="14" t="s">
        <v>63</v>
      </c>
      <c r="D105311" s="14" t="s">
        <v>345</v>
      </c>
      <c r="E105311" s="15">
        <v>45567</v>
      </c>
      <c r="F105311" s="14" t="s">
        <v>72</v>
      </c>
      <c r="G105311" s="16">
        <v>0</v>
      </c>
    </row>
    <row r="105312" spans="1:7" x14ac:dyDescent="0.3">
      <c r="A105312" s="13" t="s">
        <v>513</v>
      </c>
      <c r="B105312" s="14" t="s">
        <v>1</v>
      </c>
      <c r="C105312" s="14" t="s">
        <v>63</v>
      </c>
      <c r="D105312" s="14" t="s">
        <v>345</v>
      </c>
      <c r="E105312" s="15">
        <v>45568</v>
      </c>
      <c r="F105312" s="14" t="s">
        <v>72</v>
      </c>
      <c r="G105312" s="16">
        <v>0</v>
      </c>
    </row>
    <row r="105313" spans="1:7" x14ac:dyDescent="0.3">
      <c r="A105313" s="13" t="s">
        <v>513</v>
      </c>
      <c r="B105313" s="14" t="s">
        <v>1</v>
      </c>
      <c r="C105313" s="14" t="s">
        <v>63</v>
      </c>
      <c r="D105313" s="14" t="s">
        <v>345</v>
      </c>
      <c r="E105313" s="15">
        <v>45569</v>
      </c>
      <c r="F105313" s="14" t="s">
        <v>72</v>
      </c>
      <c r="G105313" s="16">
        <v>0</v>
      </c>
    </row>
    <row r="105314" spans="1:7" x14ac:dyDescent="0.3">
      <c r="A105314" s="13" t="s">
        <v>513</v>
      </c>
      <c r="B105314" s="14" t="s">
        <v>1</v>
      </c>
      <c r="C105314" s="14" t="s">
        <v>63</v>
      </c>
      <c r="D105314" s="14" t="s">
        <v>345</v>
      </c>
      <c r="E105314" s="15">
        <v>45570</v>
      </c>
      <c r="F105314" s="14" t="s">
        <v>72</v>
      </c>
      <c r="G105314" s="16">
        <v>0</v>
      </c>
    </row>
    <row r="105315" spans="1:7" x14ac:dyDescent="0.3">
      <c r="A105315" s="13" t="s">
        <v>513</v>
      </c>
      <c r="B105315" s="14" t="s">
        <v>1</v>
      </c>
      <c r="C105315" s="14" t="s">
        <v>63</v>
      </c>
      <c r="D105315" s="14" t="s">
        <v>345</v>
      </c>
      <c r="E105315" s="15">
        <v>45571</v>
      </c>
      <c r="F105315" s="14" t="s">
        <v>72</v>
      </c>
      <c r="G105315" s="16">
        <v>0</v>
      </c>
    </row>
    <row r="105316" spans="1:7" x14ac:dyDescent="0.3">
      <c r="A105316" s="13" t="s">
        <v>513</v>
      </c>
      <c r="B105316" s="14" t="s">
        <v>1</v>
      </c>
      <c r="C105316" s="14" t="s">
        <v>63</v>
      </c>
      <c r="D105316" s="14" t="s">
        <v>345</v>
      </c>
      <c r="E105316" s="15">
        <v>45572</v>
      </c>
      <c r="F105316" s="14" t="s">
        <v>72</v>
      </c>
      <c r="G105316" s="16">
        <v>0</v>
      </c>
    </row>
    <row r="105317" spans="1:7" x14ac:dyDescent="0.3">
      <c r="A105317" s="13" t="s">
        <v>513</v>
      </c>
      <c r="B105317" s="14" t="s">
        <v>1</v>
      </c>
      <c r="C105317" s="14" t="s">
        <v>63</v>
      </c>
      <c r="D105317" s="14" t="s">
        <v>345</v>
      </c>
      <c r="E105317" s="15">
        <v>45573</v>
      </c>
      <c r="F105317" s="14" t="s">
        <v>72</v>
      </c>
      <c r="G105317" s="16">
        <v>0</v>
      </c>
    </row>
    <row r="105318" spans="1:7" x14ac:dyDescent="0.3">
      <c r="A105318" s="13" t="s">
        <v>513</v>
      </c>
      <c r="B105318" s="14" t="s">
        <v>1</v>
      </c>
      <c r="C105318" s="14" t="s">
        <v>63</v>
      </c>
      <c r="D105318" s="14" t="s">
        <v>345</v>
      </c>
      <c r="E105318" s="15">
        <v>45574</v>
      </c>
      <c r="F105318" s="14" t="s">
        <v>72</v>
      </c>
      <c r="G105318" s="16">
        <v>0</v>
      </c>
    </row>
    <row r="105319" spans="1:7" x14ac:dyDescent="0.3">
      <c r="A105319" s="13" t="s">
        <v>513</v>
      </c>
      <c r="B105319" s="14" t="s">
        <v>1</v>
      </c>
      <c r="C105319" s="14" t="s">
        <v>63</v>
      </c>
      <c r="D105319" s="14" t="s">
        <v>345</v>
      </c>
      <c r="E105319" s="15">
        <v>45575</v>
      </c>
      <c r="F105319" s="14" t="s">
        <v>72</v>
      </c>
      <c r="G105319" s="16">
        <v>0</v>
      </c>
    </row>
    <row r="105320" spans="1:7" x14ac:dyDescent="0.3">
      <c r="A105320" s="13" t="s">
        <v>513</v>
      </c>
      <c r="B105320" s="14" t="s">
        <v>1</v>
      </c>
      <c r="C105320" s="14" t="s">
        <v>63</v>
      </c>
      <c r="D105320" s="14" t="s">
        <v>345</v>
      </c>
      <c r="E105320" s="15">
        <v>45576</v>
      </c>
      <c r="F105320" s="14" t="s">
        <v>72</v>
      </c>
      <c r="G105320" s="16">
        <v>0</v>
      </c>
    </row>
    <row r="105321" spans="1:7" x14ac:dyDescent="0.3">
      <c r="A105321" s="13" t="s">
        <v>513</v>
      </c>
      <c r="B105321" s="14" t="s">
        <v>1</v>
      </c>
      <c r="C105321" s="14" t="s">
        <v>63</v>
      </c>
      <c r="D105321" s="14" t="s">
        <v>345</v>
      </c>
      <c r="E105321" s="15">
        <v>45577</v>
      </c>
      <c r="F105321" s="14" t="s">
        <v>72</v>
      </c>
      <c r="G105321" s="16">
        <v>0</v>
      </c>
    </row>
    <row r="105322" spans="1:7" x14ac:dyDescent="0.3">
      <c r="A105322" s="13" t="s">
        <v>513</v>
      </c>
      <c r="B105322" s="14" t="s">
        <v>1</v>
      </c>
      <c r="C105322" s="14" t="s">
        <v>63</v>
      </c>
      <c r="D105322" s="14" t="s">
        <v>345</v>
      </c>
      <c r="E105322" s="15">
        <v>45578</v>
      </c>
      <c r="F105322" s="14" t="s">
        <v>72</v>
      </c>
      <c r="G105322" s="16">
        <v>0</v>
      </c>
    </row>
    <row r="105323" spans="1:7" x14ac:dyDescent="0.3">
      <c r="A105323" s="13" t="s">
        <v>513</v>
      </c>
      <c r="B105323" s="14" t="s">
        <v>1</v>
      </c>
      <c r="C105323" s="14" t="s">
        <v>63</v>
      </c>
      <c r="D105323" s="14" t="s">
        <v>345</v>
      </c>
      <c r="E105323" s="15">
        <v>45579</v>
      </c>
      <c r="F105323" s="14" t="s">
        <v>72</v>
      </c>
      <c r="G105323" s="16">
        <v>0</v>
      </c>
    </row>
    <row r="105324" spans="1:7" x14ac:dyDescent="0.3">
      <c r="A105324" s="13" t="s">
        <v>513</v>
      </c>
      <c r="B105324" s="14" t="s">
        <v>1</v>
      </c>
      <c r="C105324" s="14" t="s">
        <v>63</v>
      </c>
      <c r="D105324" s="14" t="s">
        <v>345</v>
      </c>
      <c r="E105324" s="15">
        <v>45580</v>
      </c>
      <c r="F105324" s="14" t="s">
        <v>72</v>
      </c>
      <c r="G105324" s="16">
        <v>0</v>
      </c>
    </row>
    <row r="105325" spans="1:7" x14ac:dyDescent="0.3">
      <c r="A105325" s="13" t="s">
        <v>513</v>
      </c>
      <c r="B105325" s="14" t="s">
        <v>1</v>
      </c>
      <c r="C105325" s="14" t="s">
        <v>63</v>
      </c>
      <c r="D105325" s="14" t="s">
        <v>345</v>
      </c>
      <c r="E105325" s="15">
        <v>45581</v>
      </c>
      <c r="F105325" s="14" t="s">
        <v>72</v>
      </c>
      <c r="G105325" s="16">
        <v>0</v>
      </c>
    </row>
    <row r="105326" spans="1:7" x14ac:dyDescent="0.3">
      <c r="A105326" s="13" t="s">
        <v>513</v>
      </c>
      <c r="B105326" s="14" t="s">
        <v>1</v>
      </c>
      <c r="C105326" s="14" t="s">
        <v>63</v>
      </c>
      <c r="D105326" s="14" t="s">
        <v>345</v>
      </c>
      <c r="E105326" s="15">
        <v>45582</v>
      </c>
      <c r="F105326" s="14" t="s">
        <v>72</v>
      </c>
      <c r="G105326" s="16">
        <v>0</v>
      </c>
    </row>
    <row r="105327" spans="1:7" x14ac:dyDescent="0.3">
      <c r="A105327" s="13" t="s">
        <v>513</v>
      </c>
      <c r="B105327" s="14" t="s">
        <v>1</v>
      </c>
      <c r="C105327" s="14" t="s">
        <v>63</v>
      </c>
      <c r="D105327" s="14" t="s">
        <v>345</v>
      </c>
      <c r="E105327" s="15">
        <v>45583</v>
      </c>
      <c r="F105327" s="14" t="s">
        <v>72</v>
      </c>
      <c r="G105327" s="16">
        <v>0</v>
      </c>
    </row>
    <row r="105328" spans="1:7" x14ac:dyDescent="0.3">
      <c r="A105328" s="13" t="s">
        <v>513</v>
      </c>
      <c r="B105328" s="14" t="s">
        <v>1</v>
      </c>
      <c r="C105328" s="14" t="s">
        <v>63</v>
      </c>
      <c r="D105328" s="14" t="s">
        <v>345</v>
      </c>
      <c r="E105328" s="15">
        <v>45584</v>
      </c>
      <c r="F105328" s="14" t="s">
        <v>72</v>
      </c>
      <c r="G105328" s="16">
        <v>0</v>
      </c>
    </row>
    <row r="105329" spans="1:7" x14ac:dyDescent="0.3">
      <c r="A105329" s="13" t="s">
        <v>513</v>
      </c>
      <c r="B105329" s="14" t="s">
        <v>1</v>
      </c>
      <c r="C105329" s="14" t="s">
        <v>63</v>
      </c>
      <c r="D105329" s="14" t="s">
        <v>345</v>
      </c>
      <c r="E105329" s="15">
        <v>45585</v>
      </c>
      <c r="F105329" s="14" t="s">
        <v>72</v>
      </c>
      <c r="G105329" s="16">
        <v>0</v>
      </c>
    </row>
    <row r="105330" spans="1:7" x14ac:dyDescent="0.3">
      <c r="A105330" s="13" t="s">
        <v>513</v>
      </c>
      <c r="B105330" s="14" t="s">
        <v>1</v>
      </c>
      <c r="C105330" s="14" t="s">
        <v>63</v>
      </c>
      <c r="D105330" s="14" t="s">
        <v>345</v>
      </c>
      <c r="E105330" s="15">
        <v>45586</v>
      </c>
      <c r="F105330" s="14" t="s">
        <v>72</v>
      </c>
      <c r="G105330" s="16">
        <v>0</v>
      </c>
    </row>
    <row r="105331" spans="1:7" x14ac:dyDescent="0.3">
      <c r="A105331" s="13" t="s">
        <v>513</v>
      </c>
      <c r="B105331" s="14" t="s">
        <v>1</v>
      </c>
      <c r="C105331" s="14" t="s">
        <v>63</v>
      </c>
      <c r="D105331" s="14" t="s">
        <v>345</v>
      </c>
      <c r="E105331" s="15">
        <v>45587</v>
      </c>
      <c r="F105331" s="14" t="s">
        <v>72</v>
      </c>
      <c r="G105331" s="16">
        <v>0</v>
      </c>
    </row>
    <row r="105332" spans="1:7" x14ac:dyDescent="0.3">
      <c r="A105332" s="13" t="s">
        <v>513</v>
      </c>
      <c r="B105332" s="14" t="s">
        <v>1</v>
      </c>
      <c r="C105332" s="14" t="s">
        <v>63</v>
      </c>
      <c r="D105332" s="14" t="s">
        <v>345</v>
      </c>
      <c r="E105332" s="15">
        <v>45588</v>
      </c>
      <c r="F105332" s="14" t="s">
        <v>72</v>
      </c>
      <c r="G105332" s="16">
        <v>0</v>
      </c>
    </row>
    <row r="105333" spans="1:7" x14ac:dyDescent="0.3">
      <c r="A105333" s="13" t="s">
        <v>513</v>
      </c>
      <c r="B105333" s="14" t="s">
        <v>1</v>
      </c>
      <c r="C105333" s="14" t="s">
        <v>63</v>
      </c>
      <c r="D105333" s="14" t="s">
        <v>345</v>
      </c>
      <c r="E105333" s="15">
        <v>45589</v>
      </c>
      <c r="F105333" s="14" t="s">
        <v>72</v>
      </c>
      <c r="G105333" s="16">
        <v>0</v>
      </c>
    </row>
    <row r="105334" spans="1:7" x14ac:dyDescent="0.3">
      <c r="A105334" s="13" t="s">
        <v>513</v>
      </c>
      <c r="B105334" s="14" t="s">
        <v>1</v>
      </c>
      <c r="C105334" s="14" t="s">
        <v>63</v>
      </c>
      <c r="D105334" s="14" t="s">
        <v>345</v>
      </c>
      <c r="E105334" s="15">
        <v>45590</v>
      </c>
      <c r="F105334" s="14" t="s">
        <v>72</v>
      </c>
      <c r="G105334" s="16">
        <v>0</v>
      </c>
    </row>
    <row r="105335" spans="1:7" x14ac:dyDescent="0.3">
      <c r="A105335" s="13" t="s">
        <v>513</v>
      </c>
      <c r="B105335" s="14" t="s">
        <v>1</v>
      </c>
      <c r="C105335" s="14" t="s">
        <v>63</v>
      </c>
      <c r="D105335" s="14" t="s">
        <v>345</v>
      </c>
      <c r="E105335" s="15">
        <v>45591</v>
      </c>
      <c r="F105335" s="14" t="s">
        <v>72</v>
      </c>
      <c r="G105335" s="16">
        <v>0</v>
      </c>
    </row>
    <row r="105336" spans="1:7" x14ac:dyDescent="0.3">
      <c r="A105336" s="13" t="s">
        <v>513</v>
      </c>
      <c r="B105336" s="14" t="s">
        <v>1</v>
      </c>
      <c r="C105336" s="14" t="s">
        <v>63</v>
      </c>
      <c r="D105336" s="14" t="s">
        <v>345</v>
      </c>
      <c r="E105336" s="15">
        <v>45592</v>
      </c>
      <c r="F105336" s="14" t="s">
        <v>72</v>
      </c>
      <c r="G105336" s="16">
        <v>0</v>
      </c>
    </row>
    <row r="105337" spans="1:7" x14ac:dyDescent="0.3">
      <c r="A105337" s="13" t="s">
        <v>513</v>
      </c>
      <c r="B105337" s="14" t="s">
        <v>1</v>
      </c>
      <c r="C105337" s="14" t="s">
        <v>63</v>
      </c>
      <c r="D105337" s="14" t="s">
        <v>345</v>
      </c>
      <c r="E105337" s="15">
        <v>45593</v>
      </c>
      <c r="F105337" s="14" t="s">
        <v>72</v>
      </c>
      <c r="G105337" s="16">
        <v>0</v>
      </c>
    </row>
    <row r="105338" spans="1:7" x14ac:dyDescent="0.3">
      <c r="A105338" s="13" t="s">
        <v>513</v>
      </c>
      <c r="B105338" s="14" t="s">
        <v>1</v>
      </c>
      <c r="C105338" s="14" t="s">
        <v>63</v>
      </c>
      <c r="D105338" s="14" t="s">
        <v>345</v>
      </c>
      <c r="E105338" s="15">
        <v>45594</v>
      </c>
      <c r="F105338" s="14" t="s">
        <v>72</v>
      </c>
      <c r="G105338" s="16">
        <v>0</v>
      </c>
    </row>
    <row r="105339" spans="1:7" x14ac:dyDescent="0.3">
      <c r="A105339" s="13" t="s">
        <v>513</v>
      </c>
      <c r="B105339" s="14" t="s">
        <v>1</v>
      </c>
      <c r="C105339" s="14" t="s">
        <v>63</v>
      </c>
      <c r="D105339" s="14" t="s">
        <v>345</v>
      </c>
      <c r="E105339" s="15">
        <v>45595</v>
      </c>
      <c r="F105339" s="14" t="s">
        <v>72</v>
      </c>
      <c r="G105339" s="16">
        <v>0</v>
      </c>
    </row>
    <row r="105340" spans="1:7" x14ac:dyDescent="0.3">
      <c r="A105340" s="13" t="s">
        <v>513</v>
      </c>
      <c r="B105340" s="14" t="s">
        <v>1</v>
      </c>
      <c r="C105340" s="14" t="s">
        <v>63</v>
      </c>
      <c r="D105340" s="14" t="s">
        <v>345</v>
      </c>
      <c r="E105340" s="15">
        <v>45596</v>
      </c>
      <c r="F105340" s="14" t="s">
        <v>72</v>
      </c>
      <c r="G105340" s="16">
        <v>0</v>
      </c>
    </row>
    <row r="105341" spans="1:7" x14ac:dyDescent="0.3">
      <c r="A105341" s="13" t="s">
        <v>513</v>
      </c>
      <c r="B105341" s="14" t="s">
        <v>1</v>
      </c>
      <c r="C105341" s="14" t="s">
        <v>63</v>
      </c>
      <c r="D105341" s="14" t="s">
        <v>345</v>
      </c>
      <c r="E105341" s="15">
        <v>45597</v>
      </c>
      <c r="F105341" s="14" t="s">
        <v>72</v>
      </c>
      <c r="G105341" s="16">
        <v>0</v>
      </c>
    </row>
    <row r="105342" spans="1:7" x14ac:dyDescent="0.3">
      <c r="A105342" s="13" t="s">
        <v>513</v>
      </c>
      <c r="B105342" s="14" t="s">
        <v>1</v>
      </c>
      <c r="C105342" s="14" t="s">
        <v>63</v>
      </c>
      <c r="D105342" s="14" t="s">
        <v>345</v>
      </c>
      <c r="E105342" s="15">
        <v>45598</v>
      </c>
      <c r="F105342" s="14" t="s">
        <v>72</v>
      </c>
      <c r="G105342" s="16">
        <v>0</v>
      </c>
    </row>
    <row r="105343" spans="1:7" x14ac:dyDescent="0.3">
      <c r="A105343" s="13" t="s">
        <v>513</v>
      </c>
      <c r="B105343" s="14" t="s">
        <v>1</v>
      </c>
      <c r="C105343" s="14" t="s">
        <v>63</v>
      </c>
      <c r="D105343" s="14" t="s">
        <v>345</v>
      </c>
      <c r="E105343" s="15">
        <v>45599</v>
      </c>
      <c r="F105343" s="14" t="s">
        <v>72</v>
      </c>
      <c r="G105343" s="16">
        <v>0</v>
      </c>
    </row>
    <row r="105344" spans="1:7" x14ac:dyDescent="0.3">
      <c r="A105344" s="13" t="s">
        <v>513</v>
      </c>
      <c r="B105344" s="14" t="s">
        <v>1</v>
      </c>
      <c r="C105344" s="14" t="s">
        <v>63</v>
      </c>
      <c r="D105344" s="14" t="s">
        <v>345</v>
      </c>
      <c r="E105344" s="15">
        <v>45600</v>
      </c>
      <c r="F105344" s="14" t="s">
        <v>72</v>
      </c>
      <c r="G105344" s="16">
        <v>0</v>
      </c>
    </row>
    <row r="105345" spans="1:7" x14ac:dyDescent="0.3">
      <c r="A105345" s="13" t="s">
        <v>513</v>
      </c>
      <c r="B105345" s="14" t="s">
        <v>1</v>
      </c>
      <c r="C105345" s="14" t="s">
        <v>63</v>
      </c>
      <c r="D105345" s="14" t="s">
        <v>345</v>
      </c>
      <c r="E105345" s="15">
        <v>45601</v>
      </c>
      <c r="F105345" s="14" t="s">
        <v>72</v>
      </c>
      <c r="G105345" s="16">
        <v>0</v>
      </c>
    </row>
    <row r="105346" spans="1:7" x14ac:dyDescent="0.3">
      <c r="A105346" s="13" t="s">
        <v>513</v>
      </c>
      <c r="B105346" s="14" t="s">
        <v>1</v>
      </c>
      <c r="C105346" s="14" t="s">
        <v>63</v>
      </c>
      <c r="D105346" s="14" t="s">
        <v>345</v>
      </c>
      <c r="E105346" s="15">
        <v>45602</v>
      </c>
      <c r="F105346" s="14" t="s">
        <v>72</v>
      </c>
      <c r="G105346" s="16">
        <v>0</v>
      </c>
    </row>
    <row r="105347" spans="1:7" x14ac:dyDescent="0.3">
      <c r="A105347" s="13" t="s">
        <v>513</v>
      </c>
      <c r="B105347" s="14" t="s">
        <v>1</v>
      </c>
      <c r="C105347" s="14" t="s">
        <v>63</v>
      </c>
      <c r="D105347" s="14" t="s">
        <v>345</v>
      </c>
      <c r="E105347" s="15">
        <v>45603</v>
      </c>
      <c r="F105347" s="14" t="s">
        <v>72</v>
      </c>
      <c r="G105347" s="16">
        <v>0</v>
      </c>
    </row>
    <row r="105348" spans="1:7" x14ac:dyDescent="0.3">
      <c r="A105348" s="13" t="s">
        <v>513</v>
      </c>
      <c r="B105348" s="14" t="s">
        <v>1</v>
      </c>
      <c r="C105348" s="14" t="s">
        <v>63</v>
      </c>
      <c r="D105348" s="14" t="s">
        <v>345</v>
      </c>
      <c r="E105348" s="15">
        <v>45604</v>
      </c>
      <c r="F105348" s="14" t="s">
        <v>72</v>
      </c>
      <c r="G105348" s="16">
        <v>0</v>
      </c>
    </row>
    <row r="105349" spans="1:7" x14ac:dyDescent="0.3">
      <c r="A105349" s="13" t="s">
        <v>513</v>
      </c>
      <c r="B105349" s="14" t="s">
        <v>1</v>
      </c>
      <c r="C105349" s="14" t="s">
        <v>63</v>
      </c>
      <c r="D105349" s="14" t="s">
        <v>345</v>
      </c>
      <c r="E105349" s="15">
        <v>45605</v>
      </c>
      <c r="F105349" s="14" t="s">
        <v>72</v>
      </c>
      <c r="G105349" s="16">
        <v>0</v>
      </c>
    </row>
    <row r="105350" spans="1:7" x14ac:dyDescent="0.3">
      <c r="A105350" s="13" t="s">
        <v>513</v>
      </c>
      <c r="B105350" s="14" t="s">
        <v>1</v>
      </c>
      <c r="C105350" s="14" t="s">
        <v>63</v>
      </c>
      <c r="D105350" s="14" t="s">
        <v>345</v>
      </c>
      <c r="E105350" s="15">
        <v>45606</v>
      </c>
      <c r="F105350" s="14" t="s">
        <v>72</v>
      </c>
      <c r="G105350" s="16">
        <v>0</v>
      </c>
    </row>
    <row r="105351" spans="1:7" x14ac:dyDescent="0.3">
      <c r="A105351" s="13" t="s">
        <v>513</v>
      </c>
      <c r="B105351" s="14" t="s">
        <v>1</v>
      </c>
      <c r="C105351" s="14" t="s">
        <v>63</v>
      </c>
      <c r="D105351" s="14" t="s">
        <v>345</v>
      </c>
      <c r="E105351" s="15">
        <v>45607</v>
      </c>
      <c r="F105351" s="14" t="s">
        <v>72</v>
      </c>
      <c r="G105351" s="16">
        <v>0</v>
      </c>
    </row>
    <row r="105352" spans="1:7" x14ac:dyDescent="0.3">
      <c r="A105352" s="13" t="s">
        <v>513</v>
      </c>
      <c r="B105352" s="14" t="s">
        <v>1</v>
      </c>
      <c r="C105352" s="14" t="s">
        <v>63</v>
      </c>
      <c r="D105352" s="14" t="s">
        <v>345</v>
      </c>
      <c r="E105352" s="15">
        <v>45608</v>
      </c>
      <c r="F105352" s="14" t="s">
        <v>72</v>
      </c>
      <c r="G105352" s="16">
        <v>0</v>
      </c>
    </row>
    <row r="105353" spans="1:7" x14ac:dyDescent="0.3">
      <c r="A105353" s="13" t="s">
        <v>513</v>
      </c>
      <c r="B105353" s="14" t="s">
        <v>1</v>
      </c>
      <c r="C105353" s="14" t="s">
        <v>63</v>
      </c>
      <c r="D105353" s="14" t="s">
        <v>345</v>
      </c>
      <c r="E105353" s="15">
        <v>45609</v>
      </c>
      <c r="F105353" s="14" t="s">
        <v>72</v>
      </c>
      <c r="G105353" s="16">
        <v>0</v>
      </c>
    </row>
    <row r="105354" spans="1:7" x14ac:dyDescent="0.3">
      <c r="A105354" s="13" t="s">
        <v>513</v>
      </c>
      <c r="B105354" s="14" t="s">
        <v>1</v>
      </c>
      <c r="C105354" s="14" t="s">
        <v>63</v>
      </c>
      <c r="D105354" s="14" t="s">
        <v>345</v>
      </c>
      <c r="E105354" s="15">
        <v>45610</v>
      </c>
      <c r="F105354" s="14" t="s">
        <v>72</v>
      </c>
      <c r="G105354" s="16">
        <v>0</v>
      </c>
    </row>
    <row r="105355" spans="1:7" x14ac:dyDescent="0.3">
      <c r="A105355" s="13" t="s">
        <v>513</v>
      </c>
      <c r="B105355" s="14" t="s">
        <v>1</v>
      </c>
      <c r="C105355" s="14" t="s">
        <v>63</v>
      </c>
      <c r="D105355" s="14" t="s">
        <v>345</v>
      </c>
      <c r="E105355" s="15">
        <v>45611</v>
      </c>
      <c r="F105355" s="14" t="s">
        <v>72</v>
      </c>
      <c r="G105355" s="16">
        <v>0</v>
      </c>
    </row>
    <row r="105356" spans="1:7" x14ac:dyDescent="0.3">
      <c r="A105356" s="13" t="s">
        <v>513</v>
      </c>
      <c r="B105356" s="14" t="s">
        <v>1</v>
      </c>
      <c r="C105356" s="14" t="s">
        <v>63</v>
      </c>
      <c r="D105356" s="14" t="s">
        <v>345</v>
      </c>
      <c r="E105356" s="15">
        <v>45612</v>
      </c>
      <c r="F105356" s="14" t="s">
        <v>72</v>
      </c>
      <c r="G105356" s="16">
        <v>0</v>
      </c>
    </row>
    <row r="105357" spans="1:7" x14ac:dyDescent="0.3">
      <c r="A105357" s="13" t="s">
        <v>513</v>
      </c>
      <c r="B105357" s="14" t="s">
        <v>1</v>
      </c>
      <c r="C105357" s="14" t="s">
        <v>63</v>
      </c>
      <c r="D105357" s="14" t="s">
        <v>345</v>
      </c>
      <c r="E105357" s="15">
        <v>45613</v>
      </c>
      <c r="F105357" s="14" t="s">
        <v>72</v>
      </c>
      <c r="G105357" s="16">
        <v>0</v>
      </c>
    </row>
    <row r="105358" spans="1:7" x14ac:dyDescent="0.3">
      <c r="A105358" s="13" t="s">
        <v>513</v>
      </c>
      <c r="B105358" s="14" t="s">
        <v>1</v>
      </c>
      <c r="C105358" s="14" t="s">
        <v>63</v>
      </c>
      <c r="D105358" s="14" t="s">
        <v>345</v>
      </c>
      <c r="E105358" s="15">
        <v>45614</v>
      </c>
      <c r="F105358" s="14" t="s">
        <v>72</v>
      </c>
      <c r="G105358" s="16">
        <v>0</v>
      </c>
    </row>
    <row r="105359" spans="1:7" x14ac:dyDescent="0.3">
      <c r="A105359" s="13" t="s">
        <v>513</v>
      </c>
      <c r="B105359" s="14" t="s">
        <v>1</v>
      </c>
      <c r="C105359" s="14" t="s">
        <v>63</v>
      </c>
      <c r="D105359" s="14" t="s">
        <v>345</v>
      </c>
      <c r="E105359" s="15">
        <v>45615</v>
      </c>
      <c r="F105359" s="14" t="s">
        <v>72</v>
      </c>
      <c r="G105359" s="16">
        <v>9.9730015797682529E-3</v>
      </c>
    </row>
    <row r="105360" spans="1:7" x14ac:dyDescent="0.3">
      <c r="A105360" s="13" t="s">
        <v>513</v>
      </c>
      <c r="B105360" s="14" t="s">
        <v>1</v>
      </c>
      <c r="C105360" s="14" t="s">
        <v>63</v>
      </c>
      <c r="D105360" s="14" t="s">
        <v>345</v>
      </c>
      <c r="E105360" s="15">
        <v>45616</v>
      </c>
      <c r="F105360" s="14" t="s">
        <v>72</v>
      </c>
      <c r="G105360" s="16">
        <v>1.875887361587375E-2</v>
      </c>
    </row>
    <row r="105361" spans="1:7" x14ac:dyDescent="0.3">
      <c r="A105361" s="13" t="s">
        <v>513</v>
      </c>
      <c r="B105361" s="14" t="s">
        <v>1</v>
      </c>
      <c r="C105361" s="14" t="s">
        <v>63</v>
      </c>
      <c r="D105361" s="14" t="s">
        <v>345</v>
      </c>
      <c r="E105361" s="15">
        <v>45617</v>
      </c>
      <c r="F105361" s="14" t="s">
        <v>72</v>
      </c>
      <c r="G105361" s="16">
        <v>2.8268360327891567E-2</v>
      </c>
    </row>
    <row r="105362" spans="1:7" x14ac:dyDescent="0.3">
      <c r="A105362" s="13" t="s">
        <v>513</v>
      </c>
      <c r="B105362" s="14" t="s">
        <v>1</v>
      </c>
      <c r="C105362" s="14" t="s">
        <v>63</v>
      </c>
      <c r="D105362" s="14" t="s">
        <v>345</v>
      </c>
      <c r="E105362" s="15">
        <v>45618</v>
      </c>
      <c r="F105362" s="14" t="s">
        <v>72</v>
      </c>
      <c r="G105362" s="16">
        <v>3.8340771895763799E-2</v>
      </c>
    </row>
    <row r="105363" spans="1:7" x14ac:dyDescent="0.3">
      <c r="A105363" s="13" t="s">
        <v>513</v>
      </c>
      <c r="B105363" s="14" t="s">
        <v>1</v>
      </c>
      <c r="C105363" s="14" t="s">
        <v>63</v>
      </c>
      <c r="D105363" s="14" t="s">
        <v>345</v>
      </c>
      <c r="E105363" s="15">
        <v>45619</v>
      </c>
      <c r="F105363" s="14" t="s">
        <v>72</v>
      </c>
      <c r="G105363" s="16">
        <v>3.8340771895763799E-2</v>
      </c>
    </row>
    <row r="105364" spans="1:7" x14ac:dyDescent="0.3">
      <c r="A105364" s="13" t="s">
        <v>513</v>
      </c>
      <c r="B105364" s="14" t="s">
        <v>1</v>
      </c>
      <c r="C105364" s="14" t="s">
        <v>63</v>
      </c>
      <c r="D105364" s="14" t="s">
        <v>345</v>
      </c>
      <c r="E105364" s="15">
        <v>45620</v>
      </c>
      <c r="F105364" s="14" t="s">
        <v>72</v>
      </c>
      <c r="G105364" s="16">
        <v>3.8340771895763799E-2</v>
      </c>
    </row>
    <row r="105365" spans="1:7" x14ac:dyDescent="0.3">
      <c r="A105365" s="13" t="s">
        <v>513</v>
      </c>
      <c r="B105365" s="14" t="s">
        <v>1</v>
      </c>
      <c r="C105365" s="14" t="s">
        <v>63</v>
      </c>
      <c r="D105365" s="14" t="s">
        <v>345</v>
      </c>
      <c r="E105365" s="15">
        <v>45621</v>
      </c>
      <c r="F105365" s="14" t="s">
        <v>72</v>
      </c>
      <c r="G105365" s="16">
        <v>4.7895506059368466E-2</v>
      </c>
    </row>
    <row r="105366" spans="1:7" x14ac:dyDescent="0.3">
      <c r="A105366" s="13" t="s">
        <v>513</v>
      </c>
      <c r="B105366" s="14" t="s">
        <v>1</v>
      </c>
      <c r="C105366" s="14" t="s">
        <v>63</v>
      </c>
      <c r="D105366" s="14" t="s">
        <v>345</v>
      </c>
      <c r="E105366" s="15">
        <v>45622</v>
      </c>
      <c r="F105366" s="14" t="s">
        <v>72</v>
      </c>
      <c r="G105366" s="16">
        <v>7.7725078579456097E-2</v>
      </c>
    </row>
    <row r="105367" spans="1:7" x14ac:dyDescent="0.3">
      <c r="A105367" s="13" t="s">
        <v>513</v>
      </c>
      <c r="B105367" s="14" t="s">
        <v>1</v>
      </c>
      <c r="C105367" s="14" t="s">
        <v>63</v>
      </c>
      <c r="D105367" s="14" t="s">
        <v>345</v>
      </c>
      <c r="E105367" s="15">
        <v>45623</v>
      </c>
      <c r="F105367" s="14" t="s">
        <v>72</v>
      </c>
      <c r="G105367" s="16">
        <v>8.381893606402438E-2</v>
      </c>
    </row>
    <row r="105368" spans="1:7" x14ac:dyDescent="0.3">
      <c r="A105368" s="13" t="s">
        <v>513</v>
      </c>
      <c r="B105368" s="14" t="s">
        <v>1</v>
      </c>
      <c r="C105368" s="14" t="s">
        <v>63</v>
      </c>
      <c r="D105368" s="14" t="s">
        <v>345</v>
      </c>
      <c r="E105368" s="15">
        <v>45624</v>
      </c>
      <c r="F105368" s="14" t="s">
        <v>72</v>
      </c>
      <c r="G105368" s="16">
        <v>9.6058092670505399E-2</v>
      </c>
    </row>
    <row r="105369" spans="1:7" x14ac:dyDescent="0.3">
      <c r="A105369" s="13" t="s">
        <v>513</v>
      </c>
      <c r="B105369" s="14" t="s">
        <v>1</v>
      </c>
      <c r="C105369" s="14" t="s">
        <v>63</v>
      </c>
      <c r="D105369" s="14" t="s">
        <v>345</v>
      </c>
      <c r="E105369" s="15">
        <v>45625</v>
      </c>
      <c r="F105369" s="14" t="s">
        <v>72</v>
      </c>
      <c r="G105369" s="16">
        <v>0.10535280654194834</v>
      </c>
    </row>
    <row r="105370" spans="1:7" x14ac:dyDescent="0.3">
      <c r="A105370" s="13" t="s">
        <v>513</v>
      </c>
      <c r="B105370" s="14" t="s">
        <v>1</v>
      </c>
      <c r="C105370" s="14" t="s">
        <v>63</v>
      </c>
      <c r="D105370" s="14" t="s">
        <v>345</v>
      </c>
      <c r="E105370" s="15">
        <v>45626</v>
      </c>
      <c r="F105370" s="14" t="s">
        <v>72</v>
      </c>
      <c r="G105370" s="16">
        <v>0.10535280654194834</v>
      </c>
    </row>
    <row r="105371" spans="1:7" x14ac:dyDescent="0.3">
      <c r="A105371" s="13" t="s">
        <v>513</v>
      </c>
      <c r="B105371" s="14" t="s">
        <v>1</v>
      </c>
      <c r="C105371" s="14" t="s">
        <v>63</v>
      </c>
      <c r="D105371" s="14" t="s">
        <v>345</v>
      </c>
      <c r="E105371" s="15">
        <v>45627</v>
      </c>
      <c r="F105371" s="14" t="s">
        <v>72</v>
      </c>
      <c r="G105371" s="16">
        <v>0.10535280654194834</v>
      </c>
    </row>
    <row r="105372" spans="1:7" x14ac:dyDescent="0.3">
      <c r="A105372" s="13" t="s">
        <v>513</v>
      </c>
      <c r="B105372" s="14" t="s">
        <v>1</v>
      </c>
      <c r="C105372" s="14" t="s">
        <v>63</v>
      </c>
      <c r="D105372" s="14" t="s">
        <v>345</v>
      </c>
      <c r="E105372" s="15">
        <v>45628</v>
      </c>
      <c r="F105372" s="14" t="s">
        <v>72</v>
      </c>
      <c r="G105372" s="16">
        <v>0.11815934431712589</v>
      </c>
    </row>
    <row r="105373" spans="1:7" x14ac:dyDescent="0.3">
      <c r="A105373" s="13" t="s">
        <v>513</v>
      </c>
      <c r="B105373" s="14" t="s">
        <v>1</v>
      </c>
      <c r="C105373" s="14" t="s">
        <v>63</v>
      </c>
      <c r="D105373" s="14" t="s">
        <v>345</v>
      </c>
      <c r="E105373" s="15">
        <v>45629</v>
      </c>
      <c r="F105373" s="14" t="s">
        <v>72</v>
      </c>
      <c r="G105373" s="16">
        <v>0.14649009308754365</v>
      </c>
    </row>
    <row r="105374" spans="1:7" x14ac:dyDescent="0.3">
      <c r="A105374" s="13" t="s">
        <v>513</v>
      </c>
      <c r="B105374" s="14" t="s">
        <v>1</v>
      </c>
      <c r="C105374" s="14" t="s">
        <v>63</v>
      </c>
      <c r="D105374" s="14" t="s">
        <v>345</v>
      </c>
      <c r="E105374" s="15">
        <v>45630</v>
      </c>
      <c r="F105374" s="14" t="s">
        <v>72</v>
      </c>
      <c r="G105374" s="16">
        <v>0.15790899975462536</v>
      </c>
    </row>
    <row r="105375" spans="1:7" x14ac:dyDescent="0.3">
      <c r="A105375" s="13" t="s">
        <v>513</v>
      </c>
      <c r="B105375" s="14" t="s">
        <v>1</v>
      </c>
      <c r="C105375" s="14" t="s">
        <v>63</v>
      </c>
      <c r="D105375" s="14" t="s">
        <v>345</v>
      </c>
      <c r="E105375" s="15">
        <v>45631</v>
      </c>
      <c r="F105375" s="14" t="s">
        <v>72</v>
      </c>
      <c r="G105375" s="16">
        <v>0.16665217511182312</v>
      </c>
    </row>
    <row r="105376" spans="1:7" x14ac:dyDescent="0.3">
      <c r="A105376" s="13" t="s">
        <v>513</v>
      </c>
      <c r="B105376" s="14" t="s">
        <v>1</v>
      </c>
      <c r="C105376" s="14" t="s">
        <v>63</v>
      </c>
      <c r="D105376" s="14" t="s">
        <v>345</v>
      </c>
      <c r="E105376" s="15">
        <v>45632</v>
      </c>
      <c r="F105376" s="14" t="s">
        <v>72</v>
      </c>
      <c r="G105376" s="16">
        <v>0.17805542276092806</v>
      </c>
    </row>
    <row r="105377" spans="1:7" x14ac:dyDescent="0.3">
      <c r="A105377" s="13" t="s">
        <v>513</v>
      </c>
      <c r="B105377" s="14" t="s">
        <v>1</v>
      </c>
      <c r="C105377" s="14" t="s">
        <v>63</v>
      </c>
      <c r="D105377" s="14" t="s">
        <v>345</v>
      </c>
      <c r="E105377" s="15">
        <v>45633</v>
      </c>
      <c r="F105377" s="14" t="s">
        <v>72</v>
      </c>
      <c r="G105377" s="16">
        <v>0.17805542276092806</v>
      </c>
    </row>
    <row r="105378" spans="1:7" x14ac:dyDescent="0.3">
      <c r="A105378" s="13" t="s">
        <v>513</v>
      </c>
      <c r="B105378" s="14" t="s">
        <v>1</v>
      </c>
      <c r="C105378" s="14" t="s">
        <v>63</v>
      </c>
      <c r="D105378" s="14" t="s">
        <v>345</v>
      </c>
      <c r="E105378" s="15">
        <v>45634</v>
      </c>
      <c r="F105378" s="14" t="s">
        <v>72</v>
      </c>
      <c r="G105378" s="16">
        <v>0.17805542276092806</v>
      </c>
    </row>
    <row r="105379" spans="1:7" x14ac:dyDescent="0.3">
      <c r="A105379" s="13" t="s">
        <v>513</v>
      </c>
      <c r="B105379" s="14" t="s">
        <v>1</v>
      </c>
      <c r="C105379" s="14" t="s">
        <v>63</v>
      </c>
      <c r="D105379" s="14" t="s">
        <v>345</v>
      </c>
      <c r="E105379" s="15">
        <v>45635</v>
      </c>
      <c r="F105379" s="14" t="s">
        <v>72</v>
      </c>
      <c r="G105379" s="16">
        <v>0.19079706381864112</v>
      </c>
    </row>
    <row r="105380" spans="1:7" x14ac:dyDescent="0.3">
      <c r="A105380" s="13" t="s">
        <v>513</v>
      </c>
      <c r="B105380" s="14" t="s">
        <v>1</v>
      </c>
      <c r="C105380" s="14" t="s">
        <v>63</v>
      </c>
      <c r="D105380" s="14" t="s">
        <v>345</v>
      </c>
      <c r="E105380" s="15">
        <v>45636</v>
      </c>
      <c r="F105380" s="14" t="s">
        <v>72</v>
      </c>
      <c r="G105380" s="16">
        <v>0.22124228878918861</v>
      </c>
    </row>
    <row r="105381" spans="1:7" x14ac:dyDescent="0.3">
      <c r="A105381" s="13" t="s">
        <v>513</v>
      </c>
      <c r="B105381" s="14" t="s">
        <v>1</v>
      </c>
      <c r="C105381" s="14" t="s">
        <v>63</v>
      </c>
      <c r="D105381" s="14" t="s">
        <v>345</v>
      </c>
      <c r="E105381" s="15">
        <v>45637</v>
      </c>
      <c r="F105381" s="14" t="s">
        <v>72</v>
      </c>
      <c r="G105381" s="16">
        <v>0.23106041528404023</v>
      </c>
    </row>
    <row r="105382" spans="1:7" x14ac:dyDescent="0.3">
      <c r="A105382" s="13" t="s">
        <v>513</v>
      </c>
      <c r="B105382" s="14" t="s">
        <v>1</v>
      </c>
      <c r="C105382" s="14" t="s">
        <v>63</v>
      </c>
      <c r="D105382" s="14" t="s">
        <v>345</v>
      </c>
      <c r="E105382" s="15">
        <v>45638</v>
      </c>
      <c r="F105382" s="14" t="s">
        <v>72</v>
      </c>
      <c r="G105382" s="16">
        <v>0.24065017028429142</v>
      </c>
    </row>
    <row r="105383" spans="1:7" x14ac:dyDescent="0.3">
      <c r="A105383" s="13" t="s">
        <v>513</v>
      </c>
      <c r="B105383" s="14" t="s">
        <v>1</v>
      </c>
      <c r="C105383" s="14" t="s">
        <v>63</v>
      </c>
      <c r="D105383" s="14" t="s">
        <v>345</v>
      </c>
      <c r="E105383" s="15">
        <v>45639</v>
      </c>
      <c r="F105383" s="14" t="s">
        <v>72</v>
      </c>
      <c r="G105383" s="16">
        <v>0.25049721540986691</v>
      </c>
    </row>
    <row r="105384" spans="1:7" x14ac:dyDescent="0.3">
      <c r="A105384" s="13" t="s">
        <v>513</v>
      </c>
      <c r="B105384" s="14" t="s">
        <v>1</v>
      </c>
      <c r="C105384" s="14" t="s">
        <v>63</v>
      </c>
      <c r="D105384" s="14" t="s">
        <v>345</v>
      </c>
      <c r="E105384" s="15">
        <v>45640</v>
      </c>
      <c r="F105384" s="14" t="s">
        <v>72</v>
      </c>
      <c r="G105384" s="16">
        <v>0.25049721540986691</v>
      </c>
    </row>
    <row r="105385" spans="1:7" x14ac:dyDescent="0.3">
      <c r="A105385" s="13" t="s">
        <v>513</v>
      </c>
      <c r="B105385" s="14" t="s">
        <v>1</v>
      </c>
      <c r="C105385" s="14" t="s">
        <v>63</v>
      </c>
      <c r="D105385" s="14" t="s">
        <v>345</v>
      </c>
      <c r="E105385" s="15">
        <v>45641</v>
      </c>
      <c r="F105385" s="14" t="s">
        <v>72</v>
      </c>
      <c r="G105385" s="16">
        <v>0.25049721540986691</v>
      </c>
    </row>
    <row r="105386" spans="1:7" x14ac:dyDescent="0.3">
      <c r="A105386" s="13" t="s">
        <v>513</v>
      </c>
      <c r="B105386" s="14" t="s">
        <v>1</v>
      </c>
      <c r="C105386" s="14" t="s">
        <v>63</v>
      </c>
      <c r="D105386" s="14" t="s">
        <v>345</v>
      </c>
      <c r="E105386" s="15">
        <v>45642</v>
      </c>
      <c r="F105386" s="14" t="s">
        <v>72</v>
      </c>
      <c r="G105386" s="16">
        <v>0.25938571263454846</v>
      </c>
    </row>
    <row r="105387" spans="1:7" x14ac:dyDescent="0.3">
      <c r="A105387" s="13" t="s">
        <v>513</v>
      </c>
      <c r="B105387" s="14" t="s">
        <v>1</v>
      </c>
      <c r="C105387" s="14" t="s">
        <v>63</v>
      </c>
      <c r="D105387" s="14" t="s">
        <v>345</v>
      </c>
      <c r="E105387" s="15">
        <v>45643</v>
      </c>
      <c r="F105387" s="14" t="s">
        <v>72</v>
      </c>
      <c r="G105387" s="16">
        <v>0.28845521089909293</v>
      </c>
    </row>
    <row r="105388" spans="1:7" x14ac:dyDescent="0.3">
      <c r="A105388" s="13" t="s">
        <v>513</v>
      </c>
      <c r="B105388" s="14" t="s">
        <v>1</v>
      </c>
      <c r="C105388" s="14" t="s">
        <v>63</v>
      </c>
      <c r="D105388" s="14" t="s">
        <v>345</v>
      </c>
      <c r="E105388" s="15">
        <v>45644</v>
      </c>
      <c r="F105388" s="14" t="s">
        <v>72</v>
      </c>
      <c r="G105388" s="16">
        <v>0.30346173328156512</v>
      </c>
    </row>
    <row r="105389" spans="1:7" x14ac:dyDescent="0.3">
      <c r="A105389" s="13" t="s">
        <v>513</v>
      </c>
      <c r="B105389" s="14" t="s">
        <v>1</v>
      </c>
      <c r="C105389" s="14" t="s">
        <v>63</v>
      </c>
      <c r="D105389" s="14" t="s">
        <v>345</v>
      </c>
      <c r="E105389" s="15">
        <v>45645</v>
      </c>
      <c r="F105389" s="14" t="s">
        <v>72</v>
      </c>
      <c r="G105389" s="16">
        <v>0.31179785742398786</v>
      </c>
    </row>
    <row r="105390" spans="1:7" x14ac:dyDescent="0.3">
      <c r="A105390" s="13" t="s">
        <v>513</v>
      </c>
      <c r="B105390" s="14" t="s">
        <v>1</v>
      </c>
      <c r="C105390" s="14" t="s">
        <v>63</v>
      </c>
      <c r="D105390" s="14" t="s">
        <v>345</v>
      </c>
      <c r="E105390" s="15">
        <v>45646</v>
      </c>
      <c r="F105390" s="14" t="s">
        <v>72</v>
      </c>
      <c r="G105390" s="16">
        <v>0.32174488976515858</v>
      </c>
    </row>
    <row r="105391" spans="1:7" x14ac:dyDescent="0.3">
      <c r="A105391" s="13" t="s">
        <v>513</v>
      </c>
      <c r="B105391" s="14" t="s">
        <v>1</v>
      </c>
      <c r="C105391" s="14" t="s">
        <v>63</v>
      </c>
      <c r="D105391" s="14" t="s">
        <v>345</v>
      </c>
      <c r="E105391" s="15">
        <v>45647</v>
      </c>
      <c r="F105391" s="14" t="s">
        <v>72</v>
      </c>
      <c r="G105391" s="16">
        <v>0.32174488976515858</v>
      </c>
    </row>
    <row r="105392" spans="1:7" x14ac:dyDescent="0.3">
      <c r="A105392" s="13" t="s">
        <v>513</v>
      </c>
      <c r="B105392" s="14" t="s">
        <v>1</v>
      </c>
      <c r="C105392" s="14" t="s">
        <v>63</v>
      </c>
      <c r="D105392" s="14" t="s">
        <v>345</v>
      </c>
      <c r="E105392" s="15">
        <v>45648</v>
      </c>
      <c r="F105392" s="14" t="s">
        <v>72</v>
      </c>
      <c r="G105392" s="16">
        <v>0.32174488976515858</v>
      </c>
    </row>
    <row r="105393" spans="1:7" x14ac:dyDescent="0.3">
      <c r="A105393" s="13" t="s">
        <v>513</v>
      </c>
      <c r="B105393" s="14" t="s">
        <v>1</v>
      </c>
      <c r="C105393" s="14" t="s">
        <v>63</v>
      </c>
      <c r="D105393" s="14" t="s">
        <v>345</v>
      </c>
      <c r="E105393" s="15">
        <v>45649</v>
      </c>
      <c r="F105393" s="14" t="s">
        <v>72</v>
      </c>
      <c r="G105393" s="16">
        <v>0.3308737334507762</v>
      </c>
    </row>
    <row r="105394" spans="1:7" x14ac:dyDescent="0.3">
      <c r="A105394" s="13" t="s">
        <v>513</v>
      </c>
      <c r="B105394" s="14" t="s">
        <v>1</v>
      </c>
      <c r="C105394" s="14" t="s">
        <v>63</v>
      </c>
      <c r="D105394" s="14" t="s">
        <v>345</v>
      </c>
      <c r="E105394" s="15">
        <v>45650</v>
      </c>
      <c r="F105394" s="14" t="s">
        <v>72</v>
      </c>
      <c r="G105394" s="16">
        <v>0.35862350554903533</v>
      </c>
    </row>
    <row r="105395" spans="1:7" x14ac:dyDescent="0.3">
      <c r="A105395" s="13" t="s">
        <v>513</v>
      </c>
      <c r="B105395" s="14" t="s">
        <v>1</v>
      </c>
      <c r="C105395" s="14" t="s">
        <v>63</v>
      </c>
      <c r="D105395" s="14" t="s">
        <v>345</v>
      </c>
      <c r="E105395" s="15">
        <v>45651</v>
      </c>
      <c r="F105395" s="14" t="s">
        <v>72</v>
      </c>
      <c r="G105395" s="16">
        <v>0.35862350554903533</v>
      </c>
    </row>
    <row r="105396" spans="1:7" x14ac:dyDescent="0.3">
      <c r="A105396" s="13" t="s">
        <v>513</v>
      </c>
      <c r="B105396" s="14" t="s">
        <v>1</v>
      </c>
      <c r="C105396" s="14" t="s">
        <v>63</v>
      </c>
      <c r="D105396" s="14" t="s">
        <v>345</v>
      </c>
      <c r="E105396" s="15">
        <v>45652</v>
      </c>
      <c r="F105396" s="14" t="s">
        <v>72</v>
      </c>
      <c r="G105396" s="16">
        <v>0.35862350554903533</v>
      </c>
    </row>
    <row r="105397" spans="1:7" x14ac:dyDescent="0.3">
      <c r="A105397" s="13" t="s">
        <v>513</v>
      </c>
      <c r="B105397" s="14" t="s">
        <v>1</v>
      </c>
      <c r="C105397" s="14" t="s">
        <v>63</v>
      </c>
      <c r="D105397" s="14" t="s">
        <v>345</v>
      </c>
      <c r="E105397" s="15">
        <v>45653</v>
      </c>
      <c r="F105397" s="14" t="s">
        <v>72</v>
      </c>
      <c r="G105397" s="16">
        <v>0.35862350554903533</v>
      </c>
    </row>
    <row r="105398" spans="1:7" x14ac:dyDescent="0.3">
      <c r="A105398" s="13" t="s">
        <v>513</v>
      </c>
      <c r="B105398" s="14" t="s">
        <v>1</v>
      </c>
      <c r="C105398" s="14" t="s">
        <v>63</v>
      </c>
      <c r="D105398" s="14" t="s">
        <v>345</v>
      </c>
      <c r="E105398" s="15">
        <v>45654</v>
      </c>
      <c r="F105398" s="14" t="s">
        <v>72</v>
      </c>
      <c r="G105398" s="16">
        <v>0.35862350554903533</v>
      </c>
    </row>
    <row r="105399" spans="1:7" x14ac:dyDescent="0.3">
      <c r="A105399" s="13" t="s">
        <v>513</v>
      </c>
      <c r="B105399" s="14" t="s">
        <v>1</v>
      </c>
      <c r="C105399" s="14" t="s">
        <v>63</v>
      </c>
      <c r="D105399" s="14" t="s">
        <v>345</v>
      </c>
      <c r="E105399" s="15">
        <v>45655</v>
      </c>
      <c r="F105399" s="14" t="s">
        <v>72</v>
      </c>
      <c r="G105399" s="16">
        <v>0.35862350554903533</v>
      </c>
    </row>
    <row r="105400" spans="1:7" x14ac:dyDescent="0.3">
      <c r="A105400" s="13" t="s">
        <v>513</v>
      </c>
      <c r="B105400" s="14" t="s">
        <v>1</v>
      </c>
      <c r="C105400" s="14" t="s">
        <v>63</v>
      </c>
      <c r="D105400" s="14" t="s">
        <v>345</v>
      </c>
      <c r="E105400" s="15">
        <v>45656</v>
      </c>
      <c r="F105400" s="14" t="s">
        <v>72</v>
      </c>
      <c r="G105400" s="16">
        <v>0.36839903157479187</v>
      </c>
    </row>
    <row r="105401" spans="1:7" x14ac:dyDescent="0.3">
      <c r="A105401" s="13" t="s">
        <v>513</v>
      </c>
      <c r="B105401" s="14" t="s">
        <v>1</v>
      </c>
      <c r="C105401" s="14" t="s">
        <v>63</v>
      </c>
      <c r="D105401" s="14" t="s">
        <v>345</v>
      </c>
      <c r="E105401" s="15">
        <v>45657</v>
      </c>
      <c r="F105401" s="14" t="s">
        <v>72</v>
      </c>
      <c r="G105401" s="16">
        <v>0.42433468285393772</v>
      </c>
    </row>
    <row r="105402" spans="1:7" x14ac:dyDescent="0.3">
      <c r="A105402" s="13" t="s">
        <v>513</v>
      </c>
      <c r="B105402" s="14" t="s">
        <v>1</v>
      </c>
      <c r="C105402" s="14" t="s">
        <v>63</v>
      </c>
      <c r="D105402" s="14" t="s">
        <v>345</v>
      </c>
      <c r="E105402" s="15">
        <v>45658</v>
      </c>
      <c r="F105402" s="14" t="s">
        <v>72</v>
      </c>
      <c r="G105402" s="16">
        <v>0.42433468285393772</v>
      </c>
    </row>
    <row r="105403" spans="1:7" x14ac:dyDescent="0.3">
      <c r="A105403" s="13" t="s">
        <v>513</v>
      </c>
      <c r="B105403" s="14" t="s">
        <v>1</v>
      </c>
      <c r="C105403" s="14" t="s">
        <v>63</v>
      </c>
      <c r="D105403" s="14" t="s">
        <v>345</v>
      </c>
      <c r="E105403" s="15">
        <v>45659</v>
      </c>
      <c r="F105403" s="14" t="s">
        <v>72</v>
      </c>
      <c r="G105403" s="16">
        <v>0</v>
      </c>
    </row>
    <row r="105404" spans="1:7" x14ac:dyDescent="0.3">
      <c r="A105404" s="13" t="s">
        <v>513</v>
      </c>
      <c r="B105404" s="14" t="s">
        <v>1</v>
      </c>
      <c r="C105404" s="14" t="s">
        <v>63</v>
      </c>
      <c r="D105404" s="14" t="s">
        <v>345</v>
      </c>
      <c r="E105404" s="15">
        <v>45660</v>
      </c>
      <c r="F105404" s="14" t="s">
        <v>72</v>
      </c>
      <c r="G105404" s="16">
        <v>0</v>
      </c>
    </row>
    <row r="105405" spans="1:7" x14ac:dyDescent="0.3">
      <c r="A105405" s="13" t="s">
        <v>513</v>
      </c>
      <c r="B105405" s="14" t="s">
        <v>1</v>
      </c>
      <c r="C105405" s="14" t="s">
        <v>63</v>
      </c>
      <c r="D105405" s="14" t="s">
        <v>345</v>
      </c>
      <c r="E105405" s="15">
        <v>45661</v>
      </c>
      <c r="F105405" s="14" t="s">
        <v>72</v>
      </c>
      <c r="G105405" s="16">
        <v>0</v>
      </c>
    </row>
    <row r="105406" spans="1:7" x14ac:dyDescent="0.3">
      <c r="A105406" s="13" t="s">
        <v>513</v>
      </c>
      <c r="B105406" s="14" t="s">
        <v>1</v>
      </c>
      <c r="C105406" s="14" t="s">
        <v>63</v>
      </c>
      <c r="D105406" s="14" t="s">
        <v>345</v>
      </c>
      <c r="E105406" s="15">
        <v>45662</v>
      </c>
      <c r="F105406" s="14" t="s">
        <v>72</v>
      </c>
      <c r="G105406" s="16">
        <v>0</v>
      </c>
    </row>
    <row r="105407" spans="1:7" x14ac:dyDescent="0.3">
      <c r="A105407" s="13" t="s">
        <v>513</v>
      </c>
      <c r="B105407" s="14" t="s">
        <v>1</v>
      </c>
      <c r="C105407" s="14" t="s">
        <v>63</v>
      </c>
      <c r="D105407" s="14" t="s">
        <v>345</v>
      </c>
      <c r="E105407" s="15">
        <v>45663</v>
      </c>
      <c r="F105407" s="14" t="s">
        <v>72</v>
      </c>
      <c r="G105407" s="16">
        <v>0</v>
      </c>
    </row>
    <row r="105408" spans="1:7" x14ac:dyDescent="0.3">
      <c r="A105408" s="13" t="s">
        <v>513</v>
      </c>
      <c r="B105408" s="14" t="s">
        <v>1</v>
      </c>
      <c r="C105408" s="14" t="s">
        <v>63</v>
      </c>
      <c r="D105408" s="14" t="s">
        <v>345</v>
      </c>
      <c r="E105408" s="15">
        <v>45664</v>
      </c>
      <c r="F105408" s="14" t="s">
        <v>72</v>
      </c>
      <c r="G105408" s="16">
        <v>0</v>
      </c>
    </row>
    <row r="105409" spans="1:7" x14ac:dyDescent="0.3">
      <c r="A105409" s="13" t="s">
        <v>513</v>
      </c>
      <c r="B105409" s="14" t="s">
        <v>1</v>
      </c>
      <c r="C105409" s="14" t="s">
        <v>63</v>
      </c>
      <c r="D105409" s="14" t="s">
        <v>345</v>
      </c>
      <c r="E105409" s="15">
        <v>45665</v>
      </c>
      <c r="F105409" s="14" t="s">
        <v>72</v>
      </c>
      <c r="G105409" s="16">
        <v>0</v>
      </c>
    </row>
    <row r="105410" spans="1:7" x14ac:dyDescent="0.3">
      <c r="A105410" s="13" t="s">
        <v>513</v>
      </c>
      <c r="B105410" s="14" t="s">
        <v>1</v>
      </c>
      <c r="C105410" s="14" t="s">
        <v>63</v>
      </c>
      <c r="D105410" s="14" t="s">
        <v>345</v>
      </c>
      <c r="E105410" s="15">
        <v>45666</v>
      </c>
      <c r="F105410" s="14" t="s">
        <v>72</v>
      </c>
      <c r="G105410" s="16">
        <v>0</v>
      </c>
    </row>
    <row r="105411" spans="1:7" x14ac:dyDescent="0.3">
      <c r="A105411" s="13" t="s">
        <v>513</v>
      </c>
      <c r="B105411" s="14" t="s">
        <v>1</v>
      </c>
      <c r="C105411" s="14" t="s">
        <v>63</v>
      </c>
      <c r="D105411" s="14" t="s">
        <v>345</v>
      </c>
      <c r="E105411" s="15">
        <v>45667</v>
      </c>
      <c r="F105411" s="14" t="s">
        <v>72</v>
      </c>
      <c r="G105411" s="16">
        <v>0</v>
      </c>
    </row>
    <row r="105412" spans="1:7" x14ac:dyDescent="0.3">
      <c r="A105412" s="13" t="s">
        <v>513</v>
      </c>
      <c r="B105412" s="14" t="s">
        <v>1</v>
      </c>
      <c r="C105412" s="14" t="s">
        <v>63</v>
      </c>
      <c r="D105412" s="14" t="s">
        <v>345</v>
      </c>
      <c r="E105412" s="15">
        <v>45668</v>
      </c>
      <c r="F105412" s="14" t="s">
        <v>72</v>
      </c>
      <c r="G105412" s="16">
        <v>0</v>
      </c>
    </row>
    <row r="105413" spans="1:7" x14ac:dyDescent="0.3">
      <c r="A105413" s="13" t="s">
        <v>513</v>
      </c>
      <c r="B105413" s="14" t="s">
        <v>1</v>
      </c>
      <c r="C105413" s="14" t="s">
        <v>63</v>
      </c>
      <c r="D105413" s="14" t="s">
        <v>345</v>
      </c>
      <c r="E105413" s="15">
        <v>45669</v>
      </c>
      <c r="F105413" s="14" t="s">
        <v>72</v>
      </c>
      <c r="G105413" s="16">
        <v>0</v>
      </c>
    </row>
    <row r="105414" spans="1:7" x14ac:dyDescent="0.3">
      <c r="A105414" s="13" t="s">
        <v>513</v>
      </c>
      <c r="B105414" s="14" t="s">
        <v>1</v>
      </c>
      <c r="C105414" s="14" t="s">
        <v>63</v>
      </c>
      <c r="D105414" s="14" t="s">
        <v>345</v>
      </c>
      <c r="E105414" s="15">
        <v>45670</v>
      </c>
      <c r="F105414" s="14" t="s">
        <v>72</v>
      </c>
      <c r="G105414" s="16">
        <v>0</v>
      </c>
    </row>
    <row r="105415" spans="1:7" x14ac:dyDescent="0.3">
      <c r="A105415" s="13" t="s">
        <v>513</v>
      </c>
      <c r="B105415" s="14" t="s">
        <v>1</v>
      </c>
      <c r="C105415" s="14" t="s">
        <v>63</v>
      </c>
      <c r="D105415" s="14" t="s">
        <v>345</v>
      </c>
      <c r="E105415" s="15">
        <v>45671</v>
      </c>
      <c r="F105415" s="14" t="s">
        <v>72</v>
      </c>
      <c r="G105415" s="16">
        <v>0</v>
      </c>
    </row>
    <row r="105416" spans="1:7" x14ac:dyDescent="0.3">
      <c r="A105416" s="13" t="s">
        <v>513</v>
      </c>
      <c r="B105416" s="14" t="s">
        <v>1</v>
      </c>
      <c r="C105416" s="14" t="s">
        <v>63</v>
      </c>
      <c r="D105416" s="14" t="s">
        <v>345</v>
      </c>
      <c r="E105416" s="15">
        <v>45672</v>
      </c>
      <c r="F105416" s="14" t="s">
        <v>72</v>
      </c>
      <c r="G105416" s="16">
        <v>0</v>
      </c>
    </row>
    <row r="105417" spans="1:7" x14ac:dyDescent="0.3">
      <c r="A105417" s="13" t="s">
        <v>513</v>
      </c>
      <c r="B105417" s="14" t="s">
        <v>1</v>
      </c>
      <c r="C105417" s="14" t="s">
        <v>63</v>
      </c>
      <c r="D105417" s="14" t="s">
        <v>345</v>
      </c>
      <c r="E105417" s="15">
        <v>45673</v>
      </c>
      <c r="F105417" s="14" t="s">
        <v>72</v>
      </c>
      <c r="G105417" s="16">
        <v>0</v>
      </c>
    </row>
    <row r="105418" spans="1:7" x14ac:dyDescent="0.3">
      <c r="A105418" s="13" t="s">
        <v>513</v>
      </c>
      <c r="B105418" s="14" t="s">
        <v>1</v>
      </c>
      <c r="C105418" s="14" t="s">
        <v>63</v>
      </c>
      <c r="D105418" s="14" t="s">
        <v>345</v>
      </c>
      <c r="E105418" s="15">
        <v>45674</v>
      </c>
      <c r="F105418" s="14" t="s">
        <v>72</v>
      </c>
      <c r="G105418" s="16">
        <v>0</v>
      </c>
    </row>
    <row r="105419" spans="1:7" x14ac:dyDescent="0.3">
      <c r="A105419" s="13" t="s">
        <v>513</v>
      </c>
      <c r="B105419" s="14" t="s">
        <v>1</v>
      </c>
      <c r="C105419" s="14" t="s">
        <v>63</v>
      </c>
      <c r="D105419" s="14" t="s">
        <v>345</v>
      </c>
      <c r="E105419" s="15">
        <v>45675</v>
      </c>
      <c r="F105419" s="14" t="s">
        <v>72</v>
      </c>
      <c r="G105419" s="16">
        <v>0</v>
      </c>
    </row>
    <row r="105420" spans="1:7" x14ac:dyDescent="0.3">
      <c r="A105420" s="13" t="s">
        <v>513</v>
      </c>
      <c r="B105420" s="14" t="s">
        <v>1</v>
      </c>
      <c r="C105420" s="14" t="s">
        <v>63</v>
      </c>
      <c r="D105420" s="14" t="s">
        <v>345</v>
      </c>
      <c r="E105420" s="15">
        <v>45676</v>
      </c>
      <c r="F105420" s="14" t="s">
        <v>72</v>
      </c>
      <c r="G105420" s="16">
        <v>0</v>
      </c>
    </row>
    <row r="105421" spans="1:7" x14ac:dyDescent="0.3">
      <c r="A105421" s="13" t="s">
        <v>513</v>
      </c>
      <c r="B105421" s="14" t="s">
        <v>1</v>
      </c>
      <c r="C105421" s="14" t="s">
        <v>63</v>
      </c>
      <c r="D105421" s="14" t="s">
        <v>345</v>
      </c>
      <c r="E105421" s="15">
        <v>45677</v>
      </c>
      <c r="F105421" s="14" t="s">
        <v>72</v>
      </c>
      <c r="G105421" s="16">
        <v>0</v>
      </c>
    </row>
    <row r="105422" spans="1:7" x14ac:dyDescent="0.3">
      <c r="A105422" s="13" t="s">
        <v>513</v>
      </c>
      <c r="B105422" s="14" t="s">
        <v>1</v>
      </c>
      <c r="C105422" s="14" t="s">
        <v>63</v>
      </c>
      <c r="D105422" s="14" t="s">
        <v>345</v>
      </c>
      <c r="E105422" s="15">
        <v>45678</v>
      </c>
      <c r="F105422" s="14" t="s">
        <v>72</v>
      </c>
      <c r="G105422" s="16">
        <v>0</v>
      </c>
    </row>
    <row r="105423" spans="1:7" x14ac:dyDescent="0.3">
      <c r="A105423" s="13" t="s">
        <v>513</v>
      </c>
      <c r="B105423" s="14" t="s">
        <v>1</v>
      </c>
      <c r="C105423" s="14" t="s">
        <v>63</v>
      </c>
      <c r="D105423" s="14" t="s">
        <v>345</v>
      </c>
      <c r="E105423" s="15">
        <v>45679</v>
      </c>
      <c r="F105423" s="14" t="s">
        <v>72</v>
      </c>
      <c r="G105423" s="16">
        <v>0</v>
      </c>
    </row>
    <row r="105424" spans="1:7" x14ac:dyDescent="0.3">
      <c r="A105424" s="13" t="s">
        <v>513</v>
      </c>
      <c r="B105424" s="14" t="s">
        <v>1</v>
      </c>
      <c r="C105424" s="14" t="s">
        <v>63</v>
      </c>
      <c r="D105424" s="14" t="s">
        <v>345</v>
      </c>
      <c r="E105424" s="15">
        <v>45680</v>
      </c>
      <c r="F105424" s="14" t="s">
        <v>72</v>
      </c>
      <c r="G105424" s="16">
        <v>0</v>
      </c>
    </row>
    <row r="105425" spans="1:7" x14ac:dyDescent="0.3">
      <c r="A105425" s="13" t="s">
        <v>513</v>
      </c>
      <c r="B105425" s="14" t="s">
        <v>1</v>
      </c>
      <c r="C105425" s="14" t="s">
        <v>63</v>
      </c>
      <c r="D105425" s="14" t="s">
        <v>345</v>
      </c>
      <c r="E105425" s="15">
        <v>45681</v>
      </c>
      <c r="F105425" s="14" t="s">
        <v>72</v>
      </c>
      <c r="G105425" s="16">
        <v>0</v>
      </c>
    </row>
    <row r="105426" spans="1:7" x14ac:dyDescent="0.3">
      <c r="A105426" s="13" t="s">
        <v>513</v>
      </c>
      <c r="B105426" s="14" t="s">
        <v>1</v>
      </c>
      <c r="C105426" s="14" t="s">
        <v>63</v>
      </c>
      <c r="D105426" s="14" t="s">
        <v>345</v>
      </c>
      <c r="E105426" s="15">
        <v>45682</v>
      </c>
      <c r="F105426" s="14" t="s">
        <v>72</v>
      </c>
      <c r="G105426" s="16">
        <v>0</v>
      </c>
    </row>
    <row r="105427" spans="1:7" x14ac:dyDescent="0.3">
      <c r="A105427" s="13" t="s">
        <v>513</v>
      </c>
      <c r="B105427" s="14" t="s">
        <v>1</v>
      </c>
      <c r="C105427" s="14" t="s">
        <v>63</v>
      </c>
      <c r="D105427" s="14" t="s">
        <v>345</v>
      </c>
      <c r="E105427" s="15">
        <v>45683</v>
      </c>
      <c r="F105427" s="14" t="s">
        <v>72</v>
      </c>
      <c r="G105427" s="16">
        <v>0</v>
      </c>
    </row>
    <row r="105428" spans="1:7" x14ac:dyDescent="0.3">
      <c r="A105428" s="13" t="s">
        <v>513</v>
      </c>
      <c r="B105428" s="14" t="s">
        <v>1</v>
      </c>
      <c r="C105428" s="14" t="s">
        <v>63</v>
      </c>
      <c r="D105428" s="14" t="s">
        <v>345</v>
      </c>
      <c r="E105428" s="15">
        <v>45684</v>
      </c>
      <c r="F105428" s="14" t="s">
        <v>72</v>
      </c>
      <c r="G105428" s="16">
        <v>0</v>
      </c>
    </row>
    <row r="105429" spans="1:7" x14ac:dyDescent="0.3">
      <c r="A105429" s="13" t="s">
        <v>513</v>
      </c>
      <c r="B105429" s="14" t="s">
        <v>1</v>
      </c>
      <c r="C105429" s="14" t="s">
        <v>63</v>
      </c>
      <c r="D105429" s="14" t="s">
        <v>345</v>
      </c>
      <c r="E105429" s="15">
        <v>45685</v>
      </c>
      <c r="F105429" s="14" t="s">
        <v>72</v>
      </c>
      <c r="G105429" s="16">
        <v>0</v>
      </c>
    </row>
    <row r="105430" spans="1:7" x14ac:dyDescent="0.3">
      <c r="A105430" s="13" t="s">
        <v>513</v>
      </c>
      <c r="B105430" s="14" t="s">
        <v>1</v>
      </c>
      <c r="C105430" s="14" t="s">
        <v>63</v>
      </c>
      <c r="D105430" s="14" t="s">
        <v>345</v>
      </c>
      <c r="E105430" s="15">
        <v>45686</v>
      </c>
      <c r="F105430" s="14" t="s">
        <v>72</v>
      </c>
      <c r="G105430" s="16">
        <v>0</v>
      </c>
    </row>
    <row r="105431" spans="1:7" x14ac:dyDescent="0.3">
      <c r="A105431" s="13" t="s">
        <v>513</v>
      </c>
      <c r="B105431" s="14" t="s">
        <v>1</v>
      </c>
      <c r="C105431" s="14" t="s">
        <v>63</v>
      </c>
      <c r="D105431" s="14" t="s">
        <v>345</v>
      </c>
      <c r="E105431" s="15">
        <v>45687</v>
      </c>
      <c r="F105431" s="14" t="s">
        <v>72</v>
      </c>
      <c r="G105431" s="16">
        <v>0</v>
      </c>
    </row>
    <row r="105432" spans="1:7" x14ac:dyDescent="0.3">
      <c r="A105432" s="13" t="s">
        <v>513</v>
      </c>
      <c r="B105432" s="14" t="s">
        <v>1</v>
      </c>
      <c r="C105432" s="14" t="s">
        <v>63</v>
      </c>
      <c r="D105432" s="14" t="s">
        <v>345</v>
      </c>
      <c r="E105432" s="15">
        <v>45688</v>
      </c>
      <c r="F105432" s="14" t="s">
        <v>72</v>
      </c>
      <c r="G105432" s="16">
        <v>0</v>
      </c>
    </row>
    <row r="105433" spans="1:7" x14ac:dyDescent="0.3">
      <c r="A105433" s="13" t="s">
        <v>513</v>
      </c>
      <c r="B105433" s="14" t="s">
        <v>1</v>
      </c>
      <c r="C105433" s="14" t="s">
        <v>63</v>
      </c>
      <c r="D105433" s="14" t="s">
        <v>345</v>
      </c>
      <c r="E105433" s="15">
        <v>45689</v>
      </c>
      <c r="F105433" s="14" t="s">
        <v>72</v>
      </c>
      <c r="G105433" s="16">
        <v>0</v>
      </c>
    </row>
    <row r="105434" spans="1:7" x14ac:dyDescent="0.3">
      <c r="A105434" s="13" t="s">
        <v>513</v>
      </c>
      <c r="B105434" s="14" t="s">
        <v>1</v>
      </c>
      <c r="C105434" s="14" t="s">
        <v>63</v>
      </c>
      <c r="D105434" s="14" t="s">
        <v>345</v>
      </c>
      <c r="E105434" s="15">
        <v>45690</v>
      </c>
      <c r="F105434" s="14" t="s">
        <v>72</v>
      </c>
      <c r="G105434" s="16">
        <v>0</v>
      </c>
    </row>
    <row r="105435" spans="1:7" x14ac:dyDescent="0.3">
      <c r="A105435" s="13" t="s">
        <v>513</v>
      </c>
      <c r="B105435" s="14" t="s">
        <v>1</v>
      </c>
      <c r="C105435" s="14" t="s">
        <v>63</v>
      </c>
      <c r="D105435" s="14" t="s">
        <v>345</v>
      </c>
      <c r="E105435" s="15">
        <v>45691</v>
      </c>
      <c r="F105435" s="14" t="s">
        <v>72</v>
      </c>
      <c r="G105435" s="16">
        <v>0</v>
      </c>
    </row>
    <row r="105436" spans="1:7" x14ac:dyDescent="0.3">
      <c r="A105436" s="13" t="s">
        <v>513</v>
      </c>
      <c r="B105436" s="14" t="s">
        <v>1</v>
      </c>
      <c r="C105436" s="14" t="s">
        <v>63</v>
      </c>
      <c r="D105436" s="14" t="s">
        <v>345</v>
      </c>
      <c r="E105436" s="15">
        <v>45692</v>
      </c>
      <c r="F105436" s="14" t="s">
        <v>72</v>
      </c>
      <c r="G105436" s="16">
        <v>0</v>
      </c>
    </row>
    <row r="105437" spans="1:7" x14ac:dyDescent="0.3">
      <c r="A105437" s="13" t="s">
        <v>513</v>
      </c>
      <c r="B105437" s="14" t="s">
        <v>1</v>
      </c>
      <c r="C105437" s="14" t="s">
        <v>63</v>
      </c>
      <c r="D105437" s="14" t="s">
        <v>345</v>
      </c>
      <c r="E105437" s="15">
        <v>45693</v>
      </c>
      <c r="F105437" s="14" t="s">
        <v>72</v>
      </c>
      <c r="G105437" s="16">
        <v>0</v>
      </c>
    </row>
    <row r="105438" spans="1:7" x14ac:dyDescent="0.3">
      <c r="A105438" s="13" t="s">
        <v>513</v>
      </c>
      <c r="B105438" s="14" t="s">
        <v>1</v>
      </c>
      <c r="C105438" s="14" t="s">
        <v>63</v>
      </c>
      <c r="D105438" s="14" t="s">
        <v>345</v>
      </c>
      <c r="E105438" s="15">
        <v>45694</v>
      </c>
      <c r="F105438" s="14" t="s">
        <v>72</v>
      </c>
      <c r="G105438" s="16">
        <v>0</v>
      </c>
    </row>
    <row r="105439" spans="1:7" x14ac:dyDescent="0.3">
      <c r="A105439" s="13" t="s">
        <v>513</v>
      </c>
      <c r="B105439" s="14" t="s">
        <v>1</v>
      </c>
      <c r="C105439" s="14" t="s">
        <v>63</v>
      </c>
      <c r="D105439" s="14" t="s">
        <v>345</v>
      </c>
      <c r="E105439" s="15">
        <v>45695</v>
      </c>
      <c r="F105439" s="14" t="s">
        <v>72</v>
      </c>
      <c r="G105439" s="16">
        <v>0</v>
      </c>
    </row>
    <row r="105440" spans="1:7" x14ac:dyDescent="0.3">
      <c r="A105440" s="13" t="s">
        <v>513</v>
      </c>
      <c r="B105440" s="14" t="s">
        <v>1</v>
      </c>
      <c r="C105440" s="14" t="s">
        <v>63</v>
      </c>
      <c r="D105440" s="14" t="s">
        <v>345</v>
      </c>
      <c r="E105440" s="15">
        <v>45696</v>
      </c>
      <c r="F105440" s="14" t="s">
        <v>72</v>
      </c>
      <c r="G105440" s="16">
        <v>0</v>
      </c>
    </row>
    <row r="105441" spans="1:7" x14ac:dyDescent="0.3">
      <c r="A105441" s="13" t="s">
        <v>513</v>
      </c>
      <c r="B105441" s="14" t="s">
        <v>1</v>
      </c>
      <c r="C105441" s="14" t="s">
        <v>63</v>
      </c>
      <c r="D105441" s="14" t="s">
        <v>345</v>
      </c>
      <c r="E105441" s="15">
        <v>45697</v>
      </c>
      <c r="F105441" s="14" t="s">
        <v>72</v>
      </c>
      <c r="G105441" s="16">
        <v>0</v>
      </c>
    </row>
    <row r="105442" spans="1:7" x14ac:dyDescent="0.3">
      <c r="A105442" s="13" t="s">
        <v>513</v>
      </c>
      <c r="B105442" s="14" t="s">
        <v>1</v>
      </c>
      <c r="C105442" s="14" t="s">
        <v>63</v>
      </c>
      <c r="D105442" s="14" t="s">
        <v>345</v>
      </c>
      <c r="E105442" s="15">
        <v>45698</v>
      </c>
      <c r="F105442" s="14" t="s">
        <v>72</v>
      </c>
      <c r="G105442" s="16">
        <v>0</v>
      </c>
    </row>
    <row r="105443" spans="1:7" x14ac:dyDescent="0.3">
      <c r="A105443" s="13" t="s">
        <v>513</v>
      </c>
      <c r="B105443" s="14" t="s">
        <v>1</v>
      </c>
      <c r="C105443" s="14" t="s">
        <v>63</v>
      </c>
      <c r="D105443" s="14" t="s">
        <v>345</v>
      </c>
      <c r="E105443" s="15">
        <v>45699</v>
      </c>
      <c r="F105443" s="14" t="s">
        <v>72</v>
      </c>
      <c r="G105443" s="16">
        <v>0</v>
      </c>
    </row>
    <row r="105444" spans="1:7" x14ac:dyDescent="0.3">
      <c r="A105444" s="13" t="s">
        <v>513</v>
      </c>
      <c r="B105444" s="14" t="s">
        <v>1</v>
      </c>
      <c r="C105444" s="14" t="s">
        <v>63</v>
      </c>
      <c r="D105444" s="14" t="s">
        <v>345</v>
      </c>
      <c r="E105444" s="15">
        <v>45700</v>
      </c>
      <c r="F105444" s="14" t="s">
        <v>72</v>
      </c>
      <c r="G105444" s="16">
        <v>0</v>
      </c>
    </row>
    <row r="105445" spans="1:7" x14ac:dyDescent="0.3">
      <c r="A105445" s="13" t="s">
        <v>513</v>
      </c>
      <c r="B105445" s="14" t="s">
        <v>1</v>
      </c>
      <c r="C105445" s="14" t="s">
        <v>63</v>
      </c>
      <c r="D105445" s="14" t="s">
        <v>345</v>
      </c>
      <c r="E105445" s="15">
        <v>45701</v>
      </c>
      <c r="F105445" s="14" t="s">
        <v>72</v>
      </c>
      <c r="G105445" s="16">
        <v>0</v>
      </c>
    </row>
    <row r="105446" spans="1:7" x14ac:dyDescent="0.3">
      <c r="A105446" s="13" t="s">
        <v>513</v>
      </c>
      <c r="B105446" s="14" t="s">
        <v>1</v>
      </c>
      <c r="C105446" s="14" t="s">
        <v>63</v>
      </c>
      <c r="D105446" s="14" t="s">
        <v>345</v>
      </c>
      <c r="E105446" s="15">
        <v>45702</v>
      </c>
      <c r="F105446" s="14" t="s">
        <v>72</v>
      </c>
      <c r="G105446" s="16">
        <v>0</v>
      </c>
    </row>
    <row r="105447" spans="1:7" x14ac:dyDescent="0.3">
      <c r="A105447" s="13" t="s">
        <v>513</v>
      </c>
      <c r="B105447" s="14" t="s">
        <v>1</v>
      </c>
      <c r="C105447" s="14" t="s">
        <v>63</v>
      </c>
      <c r="D105447" s="14" t="s">
        <v>345</v>
      </c>
      <c r="E105447" s="15">
        <v>45703</v>
      </c>
      <c r="F105447" s="14" t="s">
        <v>72</v>
      </c>
      <c r="G105447" s="16">
        <v>0</v>
      </c>
    </row>
    <row r="105448" spans="1:7" x14ac:dyDescent="0.3">
      <c r="A105448" s="13" t="s">
        <v>513</v>
      </c>
      <c r="B105448" s="14" t="s">
        <v>1</v>
      </c>
      <c r="C105448" s="14" t="s">
        <v>63</v>
      </c>
      <c r="D105448" s="14" t="s">
        <v>345</v>
      </c>
      <c r="E105448" s="15">
        <v>45704</v>
      </c>
      <c r="F105448" s="14" t="s">
        <v>72</v>
      </c>
      <c r="G105448" s="16">
        <v>0</v>
      </c>
    </row>
    <row r="105449" spans="1:7" x14ac:dyDescent="0.3">
      <c r="A105449" s="13" t="s">
        <v>513</v>
      </c>
      <c r="B105449" s="14" t="s">
        <v>1</v>
      </c>
      <c r="C105449" s="14" t="s">
        <v>63</v>
      </c>
      <c r="D105449" s="14" t="s">
        <v>345</v>
      </c>
      <c r="E105449" s="15">
        <v>45705</v>
      </c>
      <c r="F105449" s="14" t="s">
        <v>72</v>
      </c>
      <c r="G105449" s="16">
        <v>0</v>
      </c>
    </row>
    <row r="105450" spans="1:7" x14ac:dyDescent="0.3">
      <c r="A105450" s="13" t="s">
        <v>513</v>
      </c>
      <c r="B105450" s="14" t="s">
        <v>1</v>
      </c>
      <c r="C105450" s="14" t="s">
        <v>63</v>
      </c>
      <c r="D105450" s="14" t="s">
        <v>345</v>
      </c>
      <c r="E105450" s="15">
        <v>45706</v>
      </c>
      <c r="F105450" s="14" t="s">
        <v>72</v>
      </c>
      <c r="G105450" s="16">
        <v>0</v>
      </c>
    </row>
    <row r="105451" spans="1:7" x14ac:dyDescent="0.3">
      <c r="A105451" s="13" t="s">
        <v>513</v>
      </c>
      <c r="B105451" s="14" t="s">
        <v>1</v>
      </c>
      <c r="C105451" s="14" t="s">
        <v>63</v>
      </c>
      <c r="D105451" s="14" t="s">
        <v>345</v>
      </c>
      <c r="E105451" s="15">
        <v>45707</v>
      </c>
      <c r="F105451" s="14" t="s">
        <v>72</v>
      </c>
      <c r="G105451" s="16">
        <v>0</v>
      </c>
    </row>
    <row r="105452" spans="1:7" x14ac:dyDescent="0.3">
      <c r="A105452" s="13" t="s">
        <v>513</v>
      </c>
      <c r="B105452" s="14" t="s">
        <v>1</v>
      </c>
      <c r="C105452" s="14" t="s">
        <v>63</v>
      </c>
      <c r="D105452" s="14" t="s">
        <v>345</v>
      </c>
      <c r="E105452" s="15">
        <v>45708</v>
      </c>
      <c r="F105452" s="14" t="s">
        <v>72</v>
      </c>
      <c r="G105452" s="16">
        <v>0</v>
      </c>
    </row>
    <row r="105453" spans="1:7" x14ac:dyDescent="0.3">
      <c r="A105453" s="13" t="s">
        <v>513</v>
      </c>
      <c r="B105453" s="14" t="s">
        <v>1</v>
      </c>
      <c r="C105453" s="14" t="s">
        <v>63</v>
      </c>
      <c r="D105453" s="14" t="s">
        <v>345</v>
      </c>
      <c r="E105453" s="15">
        <v>45709</v>
      </c>
      <c r="F105453" s="14" t="s">
        <v>72</v>
      </c>
      <c r="G105453" s="16">
        <v>0</v>
      </c>
    </row>
    <row r="105454" spans="1:7" x14ac:dyDescent="0.3">
      <c r="A105454" s="13" t="s">
        <v>513</v>
      </c>
      <c r="B105454" s="14" t="s">
        <v>1</v>
      </c>
      <c r="C105454" s="14" t="s">
        <v>63</v>
      </c>
      <c r="D105454" s="14" t="s">
        <v>345</v>
      </c>
      <c r="E105454" s="15">
        <v>45710</v>
      </c>
      <c r="F105454" s="14" t="s">
        <v>72</v>
      </c>
      <c r="G105454" s="16">
        <v>0</v>
      </c>
    </row>
    <row r="105455" spans="1:7" x14ac:dyDescent="0.3">
      <c r="A105455" s="13" t="s">
        <v>513</v>
      </c>
      <c r="B105455" s="14" t="s">
        <v>1</v>
      </c>
      <c r="C105455" s="14" t="s">
        <v>63</v>
      </c>
      <c r="D105455" s="14" t="s">
        <v>345</v>
      </c>
      <c r="E105455" s="15">
        <v>45711</v>
      </c>
      <c r="F105455" s="14" t="s">
        <v>72</v>
      </c>
      <c r="G105455" s="16">
        <v>0</v>
      </c>
    </row>
    <row r="105456" spans="1:7" x14ac:dyDescent="0.3">
      <c r="A105456" s="13" t="s">
        <v>513</v>
      </c>
      <c r="B105456" s="14" t="s">
        <v>1</v>
      </c>
      <c r="C105456" s="14" t="s">
        <v>63</v>
      </c>
      <c r="D105456" s="14" t="s">
        <v>345</v>
      </c>
      <c r="E105456" s="15">
        <v>45712</v>
      </c>
      <c r="F105456" s="14" t="s">
        <v>72</v>
      </c>
      <c r="G105456" s="16">
        <v>0</v>
      </c>
    </row>
    <row r="105457" spans="1:7" x14ac:dyDescent="0.3">
      <c r="A105457" s="13" t="s">
        <v>513</v>
      </c>
      <c r="B105457" s="14" t="s">
        <v>1</v>
      </c>
      <c r="C105457" s="14" t="s">
        <v>63</v>
      </c>
      <c r="D105457" s="14" t="s">
        <v>345</v>
      </c>
      <c r="E105457" s="15">
        <v>45713</v>
      </c>
      <c r="F105457" s="14" t="s">
        <v>72</v>
      </c>
      <c r="G105457" s="16">
        <v>0</v>
      </c>
    </row>
    <row r="105458" spans="1:7" x14ac:dyDescent="0.3">
      <c r="A105458" s="13" t="s">
        <v>513</v>
      </c>
      <c r="B105458" s="14" t="s">
        <v>1</v>
      </c>
      <c r="C105458" s="14" t="s">
        <v>63</v>
      </c>
      <c r="D105458" s="14" t="s">
        <v>345</v>
      </c>
      <c r="E105458" s="15">
        <v>45714</v>
      </c>
      <c r="F105458" s="14" t="s">
        <v>72</v>
      </c>
      <c r="G105458" s="16">
        <v>0</v>
      </c>
    </row>
    <row r="105459" spans="1:7" x14ac:dyDescent="0.3">
      <c r="A105459" s="13" t="s">
        <v>513</v>
      </c>
      <c r="B105459" s="14" t="s">
        <v>1</v>
      </c>
      <c r="C105459" s="14" t="s">
        <v>63</v>
      </c>
      <c r="D105459" s="14" t="s">
        <v>345</v>
      </c>
      <c r="E105459" s="15">
        <v>45715</v>
      </c>
      <c r="F105459" s="14" t="s">
        <v>72</v>
      </c>
      <c r="G105459" s="16">
        <v>0</v>
      </c>
    </row>
    <row r="105460" spans="1:7" x14ac:dyDescent="0.3">
      <c r="A105460" s="13" t="s">
        <v>513</v>
      </c>
      <c r="B105460" s="14" t="s">
        <v>1</v>
      </c>
      <c r="C105460" s="14" t="s">
        <v>63</v>
      </c>
      <c r="D105460" s="14" t="s">
        <v>345</v>
      </c>
      <c r="E105460" s="15">
        <v>45716</v>
      </c>
      <c r="F105460" s="14" t="s">
        <v>72</v>
      </c>
      <c r="G105460" s="16">
        <v>0</v>
      </c>
    </row>
    <row r="105461" spans="1:7" x14ac:dyDescent="0.3">
      <c r="A105461" s="13" t="s">
        <v>513</v>
      </c>
      <c r="B105461" s="14" t="s">
        <v>1</v>
      </c>
      <c r="C105461" s="14" t="s">
        <v>63</v>
      </c>
      <c r="D105461" s="14" t="s">
        <v>345</v>
      </c>
      <c r="E105461" s="15">
        <v>45717</v>
      </c>
      <c r="F105461" s="14" t="s">
        <v>72</v>
      </c>
      <c r="G105461" s="16">
        <v>0</v>
      </c>
    </row>
    <row r="105462" spans="1:7" x14ac:dyDescent="0.3">
      <c r="A105462" s="13" t="s">
        <v>513</v>
      </c>
      <c r="B105462" s="14" t="s">
        <v>1</v>
      </c>
      <c r="C105462" s="14" t="s">
        <v>63</v>
      </c>
      <c r="D105462" s="14" t="s">
        <v>345</v>
      </c>
      <c r="E105462" s="15">
        <v>45718</v>
      </c>
      <c r="F105462" s="14" t="s">
        <v>72</v>
      </c>
      <c r="G105462" s="16">
        <v>0</v>
      </c>
    </row>
    <row r="105463" spans="1:7" x14ac:dyDescent="0.3">
      <c r="A105463" s="13" t="s">
        <v>513</v>
      </c>
      <c r="B105463" s="14" t="s">
        <v>1</v>
      </c>
      <c r="C105463" s="14" t="s">
        <v>63</v>
      </c>
      <c r="D105463" s="14" t="s">
        <v>345</v>
      </c>
      <c r="E105463" s="15">
        <v>45719</v>
      </c>
      <c r="F105463" s="14" t="s">
        <v>72</v>
      </c>
      <c r="G105463" s="16">
        <v>0</v>
      </c>
    </row>
    <row r="105464" spans="1:7" x14ac:dyDescent="0.3">
      <c r="A105464" s="13" t="s">
        <v>513</v>
      </c>
      <c r="B105464" s="14" t="s">
        <v>1</v>
      </c>
      <c r="C105464" s="14" t="s">
        <v>63</v>
      </c>
      <c r="D105464" s="14" t="s">
        <v>345</v>
      </c>
      <c r="E105464" s="15">
        <v>45720</v>
      </c>
      <c r="F105464" s="14" t="s">
        <v>72</v>
      </c>
      <c r="G105464" s="16">
        <v>0</v>
      </c>
    </row>
    <row r="105465" spans="1:7" x14ac:dyDescent="0.3">
      <c r="A105465" s="13" t="s">
        <v>513</v>
      </c>
      <c r="B105465" s="14" t="s">
        <v>1</v>
      </c>
      <c r="C105465" s="14" t="s">
        <v>63</v>
      </c>
      <c r="D105465" s="14" t="s">
        <v>345</v>
      </c>
      <c r="E105465" s="15">
        <v>45721</v>
      </c>
      <c r="F105465" s="14" t="s">
        <v>72</v>
      </c>
      <c r="G105465" s="16">
        <v>0</v>
      </c>
    </row>
    <row r="105466" spans="1:7" x14ac:dyDescent="0.3">
      <c r="A105466" s="13" t="s">
        <v>513</v>
      </c>
      <c r="B105466" s="14" t="s">
        <v>1</v>
      </c>
      <c r="C105466" s="14" t="s">
        <v>63</v>
      </c>
      <c r="D105466" s="14" t="s">
        <v>345</v>
      </c>
      <c r="E105466" s="15">
        <v>45722</v>
      </c>
      <c r="F105466" s="14" t="s">
        <v>72</v>
      </c>
      <c r="G105466" s="16">
        <v>0</v>
      </c>
    </row>
    <row r="105467" spans="1:7" x14ac:dyDescent="0.3">
      <c r="A105467" s="13" t="s">
        <v>513</v>
      </c>
      <c r="B105467" s="14" t="s">
        <v>1</v>
      </c>
      <c r="C105467" s="14" t="s">
        <v>63</v>
      </c>
      <c r="D105467" s="14" t="s">
        <v>345</v>
      </c>
      <c r="E105467" s="15">
        <v>45723</v>
      </c>
      <c r="F105467" s="14" t="s">
        <v>72</v>
      </c>
      <c r="G105467" s="16">
        <v>0</v>
      </c>
    </row>
    <row r="105468" spans="1:7" x14ac:dyDescent="0.3">
      <c r="A105468" s="13" t="s">
        <v>513</v>
      </c>
      <c r="B105468" s="14" t="s">
        <v>1</v>
      </c>
      <c r="C105468" s="14" t="s">
        <v>63</v>
      </c>
      <c r="D105468" s="14" t="s">
        <v>345</v>
      </c>
      <c r="E105468" s="15">
        <v>45724</v>
      </c>
      <c r="F105468" s="14" t="s">
        <v>72</v>
      </c>
      <c r="G105468" s="16">
        <v>0</v>
      </c>
    </row>
    <row r="105469" spans="1:7" x14ac:dyDescent="0.3">
      <c r="A105469" s="13" t="s">
        <v>513</v>
      </c>
      <c r="B105469" s="14" t="s">
        <v>1</v>
      </c>
      <c r="C105469" s="14" t="s">
        <v>63</v>
      </c>
      <c r="D105469" s="14" t="s">
        <v>345</v>
      </c>
      <c r="E105469" s="15">
        <v>45725</v>
      </c>
      <c r="F105469" s="14" t="s">
        <v>72</v>
      </c>
      <c r="G105469" s="16">
        <v>0</v>
      </c>
    </row>
    <row r="105470" spans="1:7" x14ac:dyDescent="0.3">
      <c r="A105470" s="13" t="s">
        <v>513</v>
      </c>
      <c r="B105470" s="14" t="s">
        <v>1</v>
      </c>
      <c r="C105470" s="14" t="s">
        <v>63</v>
      </c>
      <c r="D105470" s="14" t="s">
        <v>345</v>
      </c>
      <c r="E105470" s="15">
        <v>45726</v>
      </c>
      <c r="F105470" s="14" t="s">
        <v>72</v>
      </c>
      <c r="G105470" s="16">
        <v>0</v>
      </c>
    </row>
    <row r="105471" spans="1:7" x14ac:dyDescent="0.3">
      <c r="A105471" s="13" t="s">
        <v>513</v>
      </c>
      <c r="B105471" s="14" t="s">
        <v>1</v>
      </c>
      <c r="C105471" s="14" t="s">
        <v>63</v>
      </c>
      <c r="D105471" s="14" t="s">
        <v>345</v>
      </c>
      <c r="E105471" s="15">
        <v>45727</v>
      </c>
      <c r="F105471" s="14" t="s">
        <v>72</v>
      </c>
      <c r="G105471" s="16">
        <v>0</v>
      </c>
    </row>
    <row r="105472" spans="1:7" x14ac:dyDescent="0.3">
      <c r="A105472" s="13" t="s">
        <v>513</v>
      </c>
      <c r="B105472" s="14" t="s">
        <v>1</v>
      </c>
      <c r="C105472" s="14" t="s">
        <v>63</v>
      </c>
      <c r="D105472" s="14" t="s">
        <v>345</v>
      </c>
      <c r="E105472" s="15">
        <v>45728</v>
      </c>
      <c r="F105472" s="14" t="s">
        <v>72</v>
      </c>
      <c r="G105472" s="16">
        <v>0</v>
      </c>
    </row>
    <row r="105473" spans="1:7" x14ac:dyDescent="0.3">
      <c r="A105473" s="13" t="s">
        <v>513</v>
      </c>
      <c r="B105473" s="14" t="s">
        <v>1</v>
      </c>
      <c r="C105473" s="14" t="s">
        <v>63</v>
      </c>
      <c r="D105473" s="14" t="s">
        <v>345</v>
      </c>
      <c r="E105473" s="15">
        <v>45729</v>
      </c>
      <c r="F105473" s="14" t="s">
        <v>72</v>
      </c>
      <c r="G105473" s="16">
        <v>0</v>
      </c>
    </row>
    <row r="105474" spans="1:7" x14ac:dyDescent="0.3">
      <c r="A105474" s="13" t="s">
        <v>513</v>
      </c>
      <c r="B105474" s="14" t="s">
        <v>1</v>
      </c>
      <c r="C105474" s="14" t="s">
        <v>63</v>
      </c>
      <c r="D105474" s="14" t="s">
        <v>345</v>
      </c>
      <c r="E105474" s="15">
        <v>45730</v>
      </c>
      <c r="F105474" s="14" t="s">
        <v>72</v>
      </c>
      <c r="G105474" s="16">
        <v>0</v>
      </c>
    </row>
    <row r="105475" spans="1:7" x14ac:dyDescent="0.3">
      <c r="A105475" s="13" t="s">
        <v>513</v>
      </c>
      <c r="B105475" s="14" t="s">
        <v>1</v>
      </c>
      <c r="C105475" s="14" t="s">
        <v>63</v>
      </c>
      <c r="D105475" s="14" t="s">
        <v>345</v>
      </c>
      <c r="E105475" s="15">
        <v>45731</v>
      </c>
      <c r="F105475" s="14" t="s">
        <v>72</v>
      </c>
      <c r="G105475" s="16">
        <v>0</v>
      </c>
    </row>
    <row r="105476" spans="1:7" x14ac:dyDescent="0.3">
      <c r="A105476" s="13" t="s">
        <v>513</v>
      </c>
      <c r="B105476" s="14" t="s">
        <v>1</v>
      </c>
      <c r="C105476" s="14" t="s">
        <v>63</v>
      </c>
      <c r="D105476" s="14" t="s">
        <v>345</v>
      </c>
      <c r="E105476" s="15">
        <v>45732</v>
      </c>
      <c r="F105476" s="14" t="s">
        <v>72</v>
      </c>
      <c r="G105476" s="16">
        <v>0</v>
      </c>
    </row>
    <row r="105477" spans="1:7" x14ac:dyDescent="0.3">
      <c r="A105477" s="13" t="s">
        <v>513</v>
      </c>
      <c r="B105477" s="14" t="s">
        <v>1</v>
      </c>
      <c r="C105477" s="14" t="s">
        <v>63</v>
      </c>
      <c r="D105477" s="14" t="s">
        <v>345</v>
      </c>
      <c r="E105477" s="15">
        <v>45733</v>
      </c>
      <c r="F105477" s="14" t="s">
        <v>72</v>
      </c>
      <c r="G105477" s="16">
        <v>0</v>
      </c>
    </row>
    <row r="105478" spans="1:7" x14ac:dyDescent="0.3">
      <c r="A105478" s="13" t="s">
        <v>513</v>
      </c>
      <c r="B105478" s="14" t="s">
        <v>1</v>
      </c>
      <c r="C105478" s="14" t="s">
        <v>63</v>
      </c>
      <c r="D105478" s="14" t="s">
        <v>345</v>
      </c>
      <c r="E105478" s="15">
        <v>45734</v>
      </c>
      <c r="F105478" s="14" t="s">
        <v>72</v>
      </c>
      <c r="G105478" s="16">
        <v>0</v>
      </c>
    </row>
    <row r="105479" spans="1:7" x14ac:dyDescent="0.3">
      <c r="A105479" s="13" t="s">
        <v>513</v>
      </c>
      <c r="B105479" s="14" t="s">
        <v>1</v>
      </c>
      <c r="C105479" s="14" t="s">
        <v>63</v>
      </c>
      <c r="D105479" s="14" t="s">
        <v>345</v>
      </c>
      <c r="E105479" s="15">
        <v>45735</v>
      </c>
      <c r="F105479" s="14" t="s">
        <v>72</v>
      </c>
      <c r="G105479" s="16">
        <v>0</v>
      </c>
    </row>
    <row r="105480" spans="1:7" x14ac:dyDescent="0.3">
      <c r="A105480" s="13" t="s">
        <v>513</v>
      </c>
      <c r="B105480" s="14" t="s">
        <v>1</v>
      </c>
      <c r="C105480" s="14" t="s">
        <v>63</v>
      </c>
      <c r="D105480" s="14" t="s">
        <v>345</v>
      </c>
      <c r="E105480" s="15">
        <v>45736</v>
      </c>
      <c r="F105480" s="14" t="s">
        <v>72</v>
      </c>
      <c r="G105480" s="16">
        <v>0</v>
      </c>
    </row>
    <row r="105481" spans="1:7" x14ac:dyDescent="0.3">
      <c r="A105481" s="13" t="s">
        <v>513</v>
      </c>
      <c r="B105481" s="14" t="s">
        <v>1</v>
      </c>
      <c r="C105481" s="14" t="s">
        <v>63</v>
      </c>
      <c r="D105481" s="14" t="s">
        <v>345</v>
      </c>
      <c r="E105481" s="15">
        <v>45737</v>
      </c>
      <c r="F105481" s="14" t="s">
        <v>72</v>
      </c>
      <c r="G105481" s="16">
        <v>0</v>
      </c>
    </row>
    <row r="105482" spans="1:7" x14ac:dyDescent="0.3">
      <c r="A105482" s="13" t="s">
        <v>513</v>
      </c>
      <c r="B105482" s="14" t="s">
        <v>1</v>
      </c>
      <c r="C105482" s="14" t="s">
        <v>63</v>
      </c>
      <c r="D105482" s="14" t="s">
        <v>345</v>
      </c>
      <c r="E105482" s="15">
        <v>45738</v>
      </c>
      <c r="F105482" s="14" t="s">
        <v>72</v>
      </c>
      <c r="G105482" s="16">
        <v>0</v>
      </c>
    </row>
    <row r="105483" spans="1:7" x14ac:dyDescent="0.3">
      <c r="A105483" s="13" t="s">
        <v>513</v>
      </c>
      <c r="B105483" s="14" t="s">
        <v>1</v>
      </c>
      <c r="C105483" s="14" t="s">
        <v>63</v>
      </c>
      <c r="D105483" s="14" t="s">
        <v>345</v>
      </c>
      <c r="E105483" s="15">
        <v>45739</v>
      </c>
      <c r="F105483" s="14" t="s">
        <v>72</v>
      </c>
      <c r="G105483" s="16">
        <v>0</v>
      </c>
    </row>
    <row r="105484" spans="1:7" x14ac:dyDescent="0.3">
      <c r="A105484" s="13" t="s">
        <v>513</v>
      </c>
      <c r="B105484" s="14" t="s">
        <v>1</v>
      </c>
      <c r="C105484" s="14" t="s">
        <v>63</v>
      </c>
      <c r="D105484" s="14" t="s">
        <v>345</v>
      </c>
      <c r="E105484" s="15">
        <v>45740</v>
      </c>
      <c r="F105484" s="14" t="s">
        <v>72</v>
      </c>
      <c r="G105484" s="16">
        <v>4.7511131488859725E-3</v>
      </c>
    </row>
    <row r="105485" spans="1:7" x14ac:dyDescent="0.3">
      <c r="A105485" s="13" t="s">
        <v>513</v>
      </c>
      <c r="B105485" s="14" t="s">
        <v>1</v>
      </c>
      <c r="C105485" s="14" t="s">
        <v>63</v>
      </c>
      <c r="D105485" s="14" t="s">
        <v>345</v>
      </c>
      <c r="E105485" s="15">
        <v>45741</v>
      </c>
      <c r="F105485" s="14" t="s">
        <v>72</v>
      </c>
      <c r="G105485" s="16">
        <v>3.2272134947394407E-2</v>
      </c>
    </row>
    <row r="105486" spans="1:7" x14ac:dyDescent="0.3">
      <c r="A105486" s="13" t="s">
        <v>513</v>
      </c>
      <c r="B105486" s="14" t="s">
        <v>1</v>
      </c>
      <c r="C105486" s="14" t="s">
        <v>63</v>
      </c>
      <c r="D105486" s="14" t="s">
        <v>345</v>
      </c>
      <c r="E105486" s="15">
        <v>45742</v>
      </c>
      <c r="F105486" s="14" t="s">
        <v>72</v>
      </c>
      <c r="G105486" s="16">
        <v>4.1995422927766882E-2</v>
      </c>
    </row>
    <row r="105487" spans="1:7" x14ac:dyDescent="0.3">
      <c r="A105487" s="13" t="s">
        <v>513</v>
      </c>
      <c r="B105487" s="14" t="s">
        <v>1</v>
      </c>
      <c r="C105487" s="14" t="s">
        <v>63</v>
      </c>
      <c r="D105487" s="14" t="s">
        <v>345</v>
      </c>
      <c r="E105487" s="15">
        <v>45743</v>
      </c>
      <c r="F105487" s="14" t="s">
        <v>72</v>
      </c>
      <c r="G105487" s="16">
        <v>5.6514783283129012E-2</v>
      </c>
    </row>
    <row r="105488" spans="1:7" x14ac:dyDescent="0.3">
      <c r="A105488" s="13" t="s">
        <v>513</v>
      </c>
      <c r="B105488" s="14" t="s">
        <v>1</v>
      </c>
      <c r="C105488" s="14" t="s">
        <v>63</v>
      </c>
      <c r="D105488" s="14" t="s">
        <v>345</v>
      </c>
      <c r="E105488" s="15">
        <v>45744</v>
      </c>
      <c r="F105488" s="14" t="s">
        <v>72</v>
      </c>
      <c r="G105488" s="16">
        <v>6.5841193935409645E-2</v>
      </c>
    </row>
    <row r="105489" spans="1:7" x14ac:dyDescent="0.3">
      <c r="A105489" s="13" t="s">
        <v>513</v>
      </c>
      <c r="B105489" s="14" t="s">
        <v>1</v>
      </c>
      <c r="C105489" s="14" t="s">
        <v>63</v>
      </c>
      <c r="D105489" s="14" t="s">
        <v>345</v>
      </c>
      <c r="E105489" s="15">
        <v>45745</v>
      </c>
      <c r="F105489" s="14" t="s">
        <v>72</v>
      </c>
      <c r="G105489" s="16">
        <v>6.5841193935409645E-2</v>
      </c>
    </row>
    <row r="105490" spans="1:7" x14ac:dyDescent="0.3">
      <c r="A105490" s="13" t="s">
        <v>513</v>
      </c>
      <c r="B105490" s="14" t="s">
        <v>1</v>
      </c>
      <c r="C105490" s="14" t="s">
        <v>63</v>
      </c>
      <c r="D105490" s="14" t="s">
        <v>345</v>
      </c>
      <c r="E105490" s="15">
        <v>45746</v>
      </c>
      <c r="F105490" s="14" t="s">
        <v>72</v>
      </c>
      <c r="G105490" s="16">
        <v>6.5841193935409645E-2</v>
      </c>
    </row>
    <row r="105491" spans="1:7" x14ac:dyDescent="0.3">
      <c r="A105491" s="13" t="s">
        <v>513</v>
      </c>
      <c r="B105491" s="14" t="s">
        <v>1</v>
      </c>
      <c r="C105491" s="14" t="s">
        <v>63</v>
      </c>
      <c r="D105491" s="14" t="s">
        <v>345</v>
      </c>
      <c r="E105491" s="15">
        <v>45747</v>
      </c>
      <c r="F105491" s="14" t="s">
        <v>72</v>
      </c>
      <c r="G105491" s="16">
        <v>6.5841193935409645E-2</v>
      </c>
    </row>
    <row r="105492" spans="1:7" x14ac:dyDescent="0.3">
      <c r="A105492" s="13" t="s">
        <v>514</v>
      </c>
      <c r="B105492" s="14" t="s">
        <v>1</v>
      </c>
      <c r="C105492" s="14" t="s">
        <v>23</v>
      </c>
      <c r="D105492" s="14" t="s">
        <v>209</v>
      </c>
      <c r="E105492" s="15">
        <v>45383</v>
      </c>
      <c r="F105492" s="14" t="s">
        <v>61</v>
      </c>
      <c r="G105492" s="16">
        <v>0</v>
      </c>
    </row>
    <row r="105493" spans="1:7" x14ac:dyDescent="0.3">
      <c r="A105493" s="13" t="s">
        <v>514</v>
      </c>
      <c r="B105493" s="14" t="s">
        <v>1</v>
      </c>
      <c r="C105493" s="14" t="s">
        <v>23</v>
      </c>
      <c r="D105493" s="14" t="s">
        <v>209</v>
      </c>
      <c r="E105493" s="15">
        <v>45384</v>
      </c>
      <c r="F105493" s="14" t="s">
        <v>61</v>
      </c>
      <c r="G105493" s="16">
        <v>0</v>
      </c>
    </row>
    <row r="105494" spans="1:7" x14ac:dyDescent="0.3">
      <c r="A105494" s="13" t="s">
        <v>514</v>
      </c>
      <c r="B105494" s="14" t="s">
        <v>1</v>
      </c>
      <c r="C105494" s="14" t="s">
        <v>23</v>
      </c>
      <c r="D105494" s="14" t="s">
        <v>209</v>
      </c>
      <c r="E105494" s="15">
        <v>45385</v>
      </c>
      <c r="F105494" s="14" t="s">
        <v>61</v>
      </c>
      <c r="G105494" s="16">
        <v>6.7830564447888195E-2</v>
      </c>
    </row>
    <row r="105495" spans="1:7" x14ac:dyDescent="0.3">
      <c r="A105495" s="13" t="s">
        <v>514</v>
      </c>
      <c r="B105495" s="14" t="s">
        <v>1</v>
      </c>
      <c r="C105495" s="14" t="s">
        <v>23</v>
      </c>
      <c r="D105495" s="14" t="s">
        <v>209</v>
      </c>
      <c r="E105495" s="15">
        <v>45386</v>
      </c>
      <c r="F105495" s="14" t="s">
        <v>61</v>
      </c>
      <c r="G105495" s="16">
        <v>8.3956505743800841E-2</v>
      </c>
    </row>
    <row r="105496" spans="1:7" x14ac:dyDescent="0.3">
      <c r="A105496" s="13" t="s">
        <v>514</v>
      </c>
      <c r="B105496" s="14" t="s">
        <v>1</v>
      </c>
      <c r="C105496" s="14" t="s">
        <v>23</v>
      </c>
      <c r="D105496" s="14" t="s">
        <v>209</v>
      </c>
      <c r="E105496" s="15">
        <v>45387</v>
      </c>
      <c r="F105496" s="14" t="s">
        <v>61</v>
      </c>
      <c r="G105496" s="16">
        <v>0.10975296881104907</v>
      </c>
    </row>
    <row r="105497" spans="1:7" x14ac:dyDescent="0.3">
      <c r="A105497" s="13" t="s">
        <v>514</v>
      </c>
      <c r="B105497" s="14" t="s">
        <v>1</v>
      </c>
      <c r="C105497" s="14" t="s">
        <v>23</v>
      </c>
      <c r="D105497" s="14" t="s">
        <v>209</v>
      </c>
      <c r="E105497" s="15">
        <v>45388</v>
      </c>
      <c r="F105497" s="14" t="s">
        <v>61</v>
      </c>
      <c r="G105497" s="16">
        <v>0.10975296881104907</v>
      </c>
    </row>
    <row r="105498" spans="1:7" x14ac:dyDescent="0.3">
      <c r="A105498" s="13" t="s">
        <v>514</v>
      </c>
      <c r="B105498" s="14" t="s">
        <v>1</v>
      </c>
      <c r="C105498" s="14" t="s">
        <v>23</v>
      </c>
      <c r="D105498" s="14" t="s">
        <v>209</v>
      </c>
      <c r="E105498" s="15">
        <v>45389</v>
      </c>
      <c r="F105498" s="14" t="s">
        <v>61</v>
      </c>
      <c r="G105498" s="16">
        <v>0.10975296881104907</v>
      </c>
    </row>
    <row r="105499" spans="1:7" x14ac:dyDescent="0.3">
      <c r="A105499" s="13" t="s">
        <v>514</v>
      </c>
      <c r="B105499" s="14" t="s">
        <v>1</v>
      </c>
      <c r="C105499" s="14" t="s">
        <v>23</v>
      </c>
      <c r="D105499" s="14" t="s">
        <v>209</v>
      </c>
      <c r="E105499" s="15">
        <v>45390</v>
      </c>
      <c r="F105499" s="14" t="s">
        <v>61</v>
      </c>
      <c r="G105499" s="16">
        <v>0.12394936616783875</v>
      </c>
    </row>
    <row r="105500" spans="1:7" x14ac:dyDescent="0.3">
      <c r="A105500" s="13" t="s">
        <v>514</v>
      </c>
      <c r="B105500" s="14" t="s">
        <v>1</v>
      </c>
      <c r="C105500" s="14" t="s">
        <v>23</v>
      </c>
      <c r="D105500" s="14" t="s">
        <v>209</v>
      </c>
      <c r="E105500" s="15">
        <v>45391</v>
      </c>
      <c r="F105500" s="14" t="s">
        <v>61</v>
      </c>
      <c r="G105500" s="16">
        <v>0.16721869218896998</v>
      </c>
    </row>
    <row r="105501" spans="1:7" x14ac:dyDescent="0.3">
      <c r="A105501" s="13" t="s">
        <v>514</v>
      </c>
      <c r="B105501" s="14" t="s">
        <v>1</v>
      </c>
      <c r="C105501" s="14" t="s">
        <v>23</v>
      </c>
      <c r="D105501" s="14" t="s">
        <v>209</v>
      </c>
      <c r="E105501" s="15">
        <v>45392</v>
      </c>
      <c r="F105501" s="14" t="s">
        <v>61</v>
      </c>
      <c r="G105501" s="16">
        <v>0.18626724395372474</v>
      </c>
    </row>
    <row r="105502" spans="1:7" x14ac:dyDescent="0.3">
      <c r="A105502" s="13" t="s">
        <v>514</v>
      </c>
      <c r="B105502" s="14" t="s">
        <v>1</v>
      </c>
      <c r="C105502" s="14" t="s">
        <v>23</v>
      </c>
      <c r="D105502" s="14" t="s">
        <v>209</v>
      </c>
      <c r="E105502" s="15">
        <v>45393</v>
      </c>
      <c r="F105502" s="14" t="s">
        <v>61</v>
      </c>
      <c r="G105502" s="16">
        <v>0.20232224648253694</v>
      </c>
    </row>
    <row r="105503" spans="1:7" x14ac:dyDescent="0.3">
      <c r="A105503" s="13" t="s">
        <v>514</v>
      </c>
      <c r="B105503" s="14" t="s">
        <v>1</v>
      </c>
      <c r="C105503" s="14" t="s">
        <v>23</v>
      </c>
      <c r="D105503" s="14" t="s">
        <v>209</v>
      </c>
      <c r="E105503" s="15">
        <v>45394</v>
      </c>
      <c r="F105503" s="14" t="s">
        <v>61</v>
      </c>
      <c r="G105503" s="16">
        <v>0.21841528301282709</v>
      </c>
    </row>
    <row r="105504" spans="1:7" x14ac:dyDescent="0.3">
      <c r="A105504" s="13" t="s">
        <v>514</v>
      </c>
      <c r="B105504" s="14" t="s">
        <v>1</v>
      </c>
      <c r="C105504" s="14" t="s">
        <v>23</v>
      </c>
      <c r="D105504" s="14" t="s">
        <v>209</v>
      </c>
      <c r="E105504" s="15">
        <v>45395</v>
      </c>
      <c r="F105504" s="14" t="s">
        <v>61</v>
      </c>
      <c r="G105504" s="16">
        <v>0.21841528301282709</v>
      </c>
    </row>
    <row r="105505" spans="1:7" x14ac:dyDescent="0.3">
      <c r="A105505" s="13" t="s">
        <v>514</v>
      </c>
      <c r="B105505" s="14" t="s">
        <v>1</v>
      </c>
      <c r="C105505" s="14" t="s">
        <v>23</v>
      </c>
      <c r="D105505" s="14" t="s">
        <v>209</v>
      </c>
      <c r="E105505" s="15">
        <v>45396</v>
      </c>
      <c r="F105505" s="14" t="s">
        <v>61</v>
      </c>
      <c r="G105505" s="16">
        <v>0.21841528301282709</v>
      </c>
    </row>
    <row r="105506" spans="1:7" x14ac:dyDescent="0.3">
      <c r="A105506" s="13" t="s">
        <v>514</v>
      </c>
      <c r="B105506" s="14" t="s">
        <v>1</v>
      </c>
      <c r="C105506" s="14" t="s">
        <v>23</v>
      </c>
      <c r="D105506" s="14" t="s">
        <v>209</v>
      </c>
      <c r="E105506" s="15">
        <v>45397</v>
      </c>
      <c r="F105506" s="14" t="s">
        <v>61</v>
      </c>
      <c r="G105506" s="16">
        <v>0.23452512073495674</v>
      </c>
    </row>
    <row r="105507" spans="1:7" x14ac:dyDescent="0.3">
      <c r="A105507" s="13" t="s">
        <v>514</v>
      </c>
      <c r="B105507" s="14" t="s">
        <v>1</v>
      </c>
      <c r="C105507" s="14" t="s">
        <v>23</v>
      </c>
      <c r="D105507" s="14" t="s">
        <v>209</v>
      </c>
      <c r="E105507" s="15">
        <v>45398</v>
      </c>
      <c r="F105507" s="14" t="s">
        <v>61</v>
      </c>
      <c r="G105507" s="16">
        <v>0.27736621699219494</v>
      </c>
    </row>
    <row r="105508" spans="1:7" x14ac:dyDescent="0.3">
      <c r="A105508" s="13" t="s">
        <v>514</v>
      </c>
      <c r="B105508" s="14" t="s">
        <v>1</v>
      </c>
      <c r="C105508" s="14" t="s">
        <v>23</v>
      </c>
      <c r="D105508" s="14" t="s">
        <v>209</v>
      </c>
      <c r="E105508" s="15">
        <v>45399</v>
      </c>
      <c r="F105508" s="14" t="s">
        <v>61</v>
      </c>
      <c r="G105508" s="16">
        <v>0.29007268878372788</v>
      </c>
    </row>
    <row r="105509" spans="1:7" x14ac:dyDescent="0.3">
      <c r="A105509" s="13" t="s">
        <v>514</v>
      </c>
      <c r="B105509" s="14" t="s">
        <v>1</v>
      </c>
      <c r="C105509" s="14" t="s">
        <v>23</v>
      </c>
      <c r="D105509" s="14" t="s">
        <v>209</v>
      </c>
      <c r="E105509" s="15">
        <v>45400</v>
      </c>
      <c r="F105509" s="14" t="s">
        <v>61</v>
      </c>
      <c r="G105509" s="16">
        <v>0.30503371231116488</v>
      </c>
    </row>
    <row r="105510" spans="1:7" x14ac:dyDescent="0.3">
      <c r="A105510" s="13" t="s">
        <v>514</v>
      </c>
      <c r="B105510" s="14" t="s">
        <v>1</v>
      </c>
      <c r="C105510" s="14" t="s">
        <v>23</v>
      </c>
      <c r="D105510" s="14" t="s">
        <v>209</v>
      </c>
      <c r="E105510" s="15">
        <v>45401</v>
      </c>
      <c r="F105510" s="14" t="s">
        <v>61</v>
      </c>
      <c r="G105510" s="16">
        <v>0.31890800524574031</v>
      </c>
    </row>
    <row r="105511" spans="1:7" x14ac:dyDescent="0.3">
      <c r="A105511" s="13" t="s">
        <v>514</v>
      </c>
      <c r="B105511" s="14" t="s">
        <v>1</v>
      </c>
      <c r="C105511" s="14" t="s">
        <v>23</v>
      </c>
      <c r="D105511" s="14" t="s">
        <v>209</v>
      </c>
      <c r="E105511" s="15">
        <v>45402</v>
      </c>
      <c r="F105511" s="14" t="s">
        <v>61</v>
      </c>
      <c r="G105511" s="16">
        <v>0.31890800524574031</v>
      </c>
    </row>
    <row r="105512" spans="1:7" x14ac:dyDescent="0.3">
      <c r="A105512" s="13" t="s">
        <v>514</v>
      </c>
      <c r="B105512" s="14" t="s">
        <v>1</v>
      </c>
      <c r="C105512" s="14" t="s">
        <v>23</v>
      </c>
      <c r="D105512" s="14" t="s">
        <v>209</v>
      </c>
      <c r="E105512" s="15">
        <v>45403</v>
      </c>
      <c r="F105512" s="14" t="s">
        <v>61</v>
      </c>
      <c r="G105512" s="16">
        <v>0.31890800524574031</v>
      </c>
    </row>
    <row r="105513" spans="1:7" x14ac:dyDescent="0.3">
      <c r="A105513" s="13" t="s">
        <v>514</v>
      </c>
      <c r="B105513" s="14" t="s">
        <v>1</v>
      </c>
      <c r="C105513" s="14" t="s">
        <v>23</v>
      </c>
      <c r="D105513" s="14" t="s">
        <v>209</v>
      </c>
      <c r="E105513" s="15">
        <v>45404</v>
      </c>
      <c r="F105513" s="14" t="s">
        <v>61</v>
      </c>
      <c r="G105513" s="16">
        <v>0.33967971229705751</v>
      </c>
    </row>
    <row r="105514" spans="1:7" x14ac:dyDescent="0.3">
      <c r="A105514" s="13" t="s">
        <v>514</v>
      </c>
      <c r="B105514" s="14" t="s">
        <v>1</v>
      </c>
      <c r="C105514" s="14" t="s">
        <v>23</v>
      </c>
      <c r="D105514" s="14" t="s">
        <v>209</v>
      </c>
      <c r="E105514" s="15">
        <v>45405</v>
      </c>
      <c r="F105514" s="14" t="s">
        <v>61</v>
      </c>
      <c r="G105514" s="16">
        <v>0.37482743359262277</v>
      </c>
    </row>
    <row r="105515" spans="1:7" x14ac:dyDescent="0.3">
      <c r="A105515" s="13" t="s">
        <v>514</v>
      </c>
      <c r="B105515" s="14" t="s">
        <v>1</v>
      </c>
      <c r="C105515" s="14" t="s">
        <v>23</v>
      </c>
      <c r="D105515" s="14" t="s">
        <v>209</v>
      </c>
      <c r="E105515" s="15">
        <v>45406</v>
      </c>
      <c r="F105515" s="14" t="s">
        <v>61</v>
      </c>
      <c r="G105515" s="16">
        <v>0.38649251010548985</v>
      </c>
    </row>
    <row r="105516" spans="1:7" x14ac:dyDescent="0.3">
      <c r="A105516" s="13" t="s">
        <v>514</v>
      </c>
      <c r="B105516" s="14" t="s">
        <v>1</v>
      </c>
      <c r="C105516" s="14" t="s">
        <v>23</v>
      </c>
      <c r="D105516" s="14" t="s">
        <v>209</v>
      </c>
      <c r="E105516" s="15">
        <v>45407</v>
      </c>
      <c r="F105516" s="14" t="s">
        <v>61</v>
      </c>
      <c r="G105516" s="16">
        <v>0.35401557053719018</v>
      </c>
    </row>
    <row r="105517" spans="1:7" x14ac:dyDescent="0.3">
      <c r="A105517" s="13" t="s">
        <v>514</v>
      </c>
      <c r="B105517" s="14" t="s">
        <v>1</v>
      </c>
      <c r="C105517" s="14" t="s">
        <v>23</v>
      </c>
      <c r="D105517" s="14" t="s">
        <v>209</v>
      </c>
      <c r="E105517" s="15">
        <v>45408</v>
      </c>
      <c r="F105517" s="14" t="s">
        <v>61</v>
      </c>
      <c r="G105517" s="16">
        <v>0.36821427933601797</v>
      </c>
    </row>
    <row r="105518" spans="1:7" x14ac:dyDescent="0.3">
      <c r="A105518" s="13" t="s">
        <v>514</v>
      </c>
      <c r="B105518" s="14" t="s">
        <v>1</v>
      </c>
      <c r="C105518" s="14" t="s">
        <v>23</v>
      </c>
      <c r="D105518" s="14" t="s">
        <v>209</v>
      </c>
      <c r="E105518" s="15">
        <v>45409</v>
      </c>
      <c r="F105518" s="14" t="s">
        <v>61</v>
      </c>
      <c r="G105518" s="16">
        <v>0.36821427933601797</v>
      </c>
    </row>
    <row r="105519" spans="1:7" x14ac:dyDescent="0.3">
      <c r="A105519" s="13" t="s">
        <v>514</v>
      </c>
      <c r="B105519" s="14" t="s">
        <v>1</v>
      </c>
      <c r="C105519" s="14" t="s">
        <v>23</v>
      </c>
      <c r="D105519" s="14" t="s">
        <v>209</v>
      </c>
      <c r="E105519" s="15">
        <v>45410</v>
      </c>
      <c r="F105519" s="14" t="s">
        <v>61</v>
      </c>
      <c r="G105519" s="16">
        <v>0.36821427933601797</v>
      </c>
    </row>
    <row r="105520" spans="1:7" x14ac:dyDescent="0.3">
      <c r="A105520" s="13" t="s">
        <v>514</v>
      </c>
      <c r="B105520" s="14" t="s">
        <v>1</v>
      </c>
      <c r="C105520" s="14" t="s">
        <v>23</v>
      </c>
      <c r="D105520" s="14" t="s">
        <v>209</v>
      </c>
      <c r="E105520" s="15">
        <v>45411</v>
      </c>
      <c r="F105520" s="14" t="s">
        <v>61</v>
      </c>
      <c r="G105520" s="16">
        <v>0.38189357400296975</v>
      </c>
    </row>
    <row r="105521" spans="1:7" x14ac:dyDescent="0.3">
      <c r="A105521" s="13" t="s">
        <v>514</v>
      </c>
      <c r="B105521" s="14" t="s">
        <v>1</v>
      </c>
      <c r="C105521" s="14" t="s">
        <v>23</v>
      </c>
      <c r="D105521" s="14" t="s">
        <v>209</v>
      </c>
      <c r="E105521" s="15">
        <v>45412</v>
      </c>
      <c r="F105521" s="14" t="s">
        <v>61</v>
      </c>
      <c r="G105521" s="16">
        <v>0.42808714286001476</v>
      </c>
    </row>
    <row r="105522" spans="1:7" x14ac:dyDescent="0.3">
      <c r="A105522" s="13" t="s">
        <v>514</v>
      </c>
      <c r="B105522" s="14" t="s">
        <v>1</v>
      </c>
      <c r="C105522" s="14" t="s">
        <v>23</v>
      </c>
      <c r="D105522" s="14" t="s">
        <v>209</v>
      </c>
      <c r="E105522" s="15">
        <v>45413</v>
      </c>
      <c r="F105522" s="14" t="s">
        <v>61</v>
      </c>
      <c r="G105522" s="16">
        <v>0.44078751019593299</v>
      </c>
    </row>
    <row r="105523" spans="1:7" x14ac:dyDescent="0.3">
      <c r="A105523" s="13" t="s">
        <v>514</v>
      </c>
      <c r="B105523" s="14" t="s">
        <v>1</v>
      </c>
      <c r="C105523" s="14" t="s">
        <v>23</v>
      </c>
      <c r="D105523" s="14" t="s">
        <v>209</v>
      </c>
      <c r="E105523" s="15">
        <v>45414</v>
      </c>
      <c r="F105523" s="14" t="s">
        <v>61</v>
      </c>
      <c r="G105523" s="16">
        <v>0.45502491561958214</v>
      </c>
    </row>
    <row r="105524" spans="1:7" x14ac:dyDescent="0.3">
      <c r="A105524" s="13" t="s">
        <v>514</v>
      </c>
      <c r="B105524" s="14" t="s">
        <v>1</v>
      </c>
      <c r="C105524" s="14" t="s">
        <v>23</v>
      </c>
      <c r="D105524" s="14" t="s">
        <v>209</v>
      </c>
      <c r="E105524" s="15">
        <v>45415</v>
      </c>
      <c r="F105524" s="14" t="s">
        <v>61</v>
      </c>
      <c r="G105524" s="16">
        <v>0.46813695788183568</v>
      </c>
    </row>
    <row r="105525" spans="1:7" x14ac:dyDescent="0.3">
      <c r="A105525" s="13" t="s">
        <v>514</v>
      </c>
      <c r="B105525" s="14" t="s">
        <v>1</v>
      </c>
      <c r="C105525" s="14" t="s">
        <v>23</v>
      </c>
      <c r="D105525" s="14" t="s">
        <v>209</v>
      </c>
      <c r="E105525" s="15">
        <v>45416</v>
      </c>
      <c r="F105525" s="14" t="s">
        <v>61</v>
      </c>
      <c r="G105525" s="16">
        <v>0.46813695788183568</v>
      </c>
    </row>
    <row r="105526" spans="1:7" x14ac:dyDescent="0.3">
      <c r="A105526" s="13" t="s">
        <v>514</v>
      </c>
      <c r="B105526" s="14" t="s">
        <v>1</v>
      </c>
      <c r="C105526" s="14" t="s">
        <v>23</v>
      </c>
      <c r="D105526" s="14" t="s">
        <v>209</v>
      </c>
      <c r="E105526" s="15">
        <v>45417</v>
      </c>
      <c r="F105526" s="14" t="s">
        <v>61</v>
      </c>
      <c r="G105526" s="16">
        <v>0.46813695788183568</v>
      </c>
    </row>
    <row r="105527" spans="1:7" x14ac:dyDescent="0.3">
      <c r="A105527" s="13" t="s">
        <v>514</v>
      </c>
      <c r="B105527" s="14" t="s">
        <v>1</v>
      </c>
      <c r="C105527" s="14" t="s">
        <v>23</v>
      </c>
      <c r="D105527" s="14" t="s">
        <v>209</v>
      </c>
      <c r="E105527" s="15">
        <v>45418</v>
      </c>
      <c r="F105527" s="14" t="s">
        <v>61</v>
      </c>
      <c r="G105527" s="16">
        <v>0.46813695788183568</v>
      </c>
    </row>
    <row r="105528" spans="1:7" x14ac:dyDescent="0.3">
      <c r="A105528" s="13" t="s">
        <v>514</v>
      </c>
      <c r="B105528" s="14" t="s">
        <v>1</v>
      </c>
      <c r="C105528" s="14" t="s">
        <v>23</v>
      </c>
      <c r="D105528" s="14" t="s">
        <v>209</v>
      </c>
      <c r="E105528" s="15">
        <v>45419</v>
      </c>
      <c r="F105528" s="14" t="s">
        <v>61</v>
      </c>
      <c r="G105528" s="16">
        <v>0.48232788024216278</v>
      </c>
    </row>
    <row r="105529" spans="1:7" x14ac:dyDescent="0.3">
      <c r="A105529" s="13" t="s">
        <v>514</v>
      </c>
      <c r="B105529" s="14" t="s">
        <v>1</v>
      </c>
      <c r="C105529" s="14" t="s">
        <v>23</v>
      </c>
      <c r="D105529" s="14" t="s">
        <v>209</v>
      </c>
      <c r="E105529" s="15">
        <v>45420</v>
      </c>
      <c r="F105529" s="14" t="s">
        <v>61</v>
      </c>
      <c r="G105529" s="16">
        <v>0.5551432913218306</v>
      </c>
    </row>
    <row r="105530" spans="1:7" x14ac:dyDescent="0.3">
      <c r="A105530" s="13" t="s">
        <v>514</v>
      </c>
      <c r="B105530" s="14" t="s">
        <v>1</v>
      </c>
      <c r="C105530" s="14" t="s">
        <v>23</v>
      </c>
      <c r="D105530" s="14" t="s">
        <v>209</v>
      </c>
      <c r="E105530" s="15">
        <v>45421</v>
      </c>
      <c r="F105530" s="14" t="s">
        <v>61</v>
      </c>
      <c r="G105530" s="16">
        <v>0.56809990771805707</v>
      </c>
    </row>
    <row r="105531" spans="1:7" x14ac:dyDescent="0.3">
      <c r="A105531" s="13" t="s">
        <v>514</v>
      </c>
      <c r="B105531" s="14" t="s">
        <v>1</v>
      </c>
      <c r="C105531" s="14" t="s">
        <v>23</v>
      </c>
      <c r="D105531" s="14" t="s">
        <v>209</v>
      </c>
      <c r="E105531" s="15">
        <v>45422</v>
      </c>
      <c r="F105531" s="14" t="s">
        <v>61</v>
      </c>
      <c r="G105531" s="16">
        <v>0.58305919166050668</v>
      </c>
    </row>
    <row r="105532" spans="1:7" x14ac:dyDescent="0.3">
      <c r="A105532" s="13" t="s">
        <v>514</v>
      </c>
      <c r="B105532" s="14" t="s">
        <v>1</v>
      </c>
      <c r="C105532" s="14" t="s">
        <v>23</v>
      </c>
      <c r="D105532" s="14" t="s">
        <v>209</v>
      </c>
      <c r="E105532" s="15">
        <v>45423</v>
      </c>
      <c r="F105532" s="14" t="s">
        <v>61</v>
      </c>
      <c r="G105532" s="16">
        <v>0.58305919166050668</v>
      </c>
    </row>
    <row r="105533" spans="1:7" x14ac:dyDescent="0.3">
      <c r="A105533" s="13" t="s">
        <v>514</v>
      </c>
      <c r="B105533" s="14" t="s">
        <v>1</v>
      </c>
      <c r="C105533" s="14" t="s">
        <v>23</v>
      </c>
      <c r="D105533" s="14" t="s">
        <v>209</v>
      </c>
      <c r="E105533" s="15">
        <v>45424</v>
      </c>
      <c r="F105533" s="14" t="s">
        <v>61</v>
      </c>
      <c r="G105533" s="16">
        <v>0.58305919166050668</v>
      </c>
    </row>
    <row r="105534" spans="1:7" x14ac:dyDescent="0.3">
      <c r="A105534" s="13" t="s">
        <v>514</v>
      </c>
      <c r="B105534" s="14" t="s">
        <v>1</v>
      </c>
      <c r="C105534" s="14" t="s">
        <v>23</v>
      </c>
      <c r="D105534" s="14" t="s">
        <v>209</v>
      </c>
      <c r="E105534" s="15">
        <v>45425</v>
      </c>
      <c r="F105534" s="14" t="s">
        <v>61</v>
      </c>
      <c r="G105534" s="16">
        <v>0.59719036899909617</v>
      </c>
    </row>
    <row r="105535" spans="1:7" x14ac:dyDescent="0.3">
      <c r="A105535" s="13" t="s">
        <v>514</v>
      </c>
      <c r="B105535" s="14" t="s">
        <v>1</v>
      </c>
      <c r="C105535" s="14" t="s">
        <v>23</v>
      </c>
      <c r="D105535" s="14" t="s">
        <v>209</v>
      </c>
      <c r="E105535" s="15">
        <v>45426</v>
      </c>
      <c r="F105535" s="14" t="s">
        <v>61</v>
      </c>
      <c r="G105535" s="16">
        <v>0.64052330453305129</v>
      </c>
    </row>
    <row r="105536" spans="1:7" x14ac:dyDescent="0.3">
      <c r="A105536" s="13" t="s">
        <v>514</v>
      </c>
      <c r="B105536" s="14" t="s">
        <v>1</v>
      </c>
      <c r="C105536" s="14" t="s">
        <v>23</v>
      </c>
      <c r="D105536" s="14" t="s">
        <v>209</v>
      </c>
      <c r="E105536" s="15">
        <v>45427</v>
      </c>
      <c r="F105536" s="14" t="s">
        <v>61</v>
      </c>
      <c r="G105536" s="16">
        <v>0.65115179241224341</v>
      </c>
    </row>
    <row r="105537" spans="1:7" x14ac:dyDescent="0.3">
      <c r="A105537" s="13" t="s">
        <v>514</v>
      </c>
      <c r="B105537" s="14" t="s">
        <v>1</v>
      </c>
      <c r="C105537" s="14" t="s">
        <v>23</v>
      </c>
      <c r="D105537" s="14" t="s">
        <v>209</v>
      </c>
      <c r="E105537" s="15">
        <v>45428</v>
      </c>
      <c r="F105537" s="14" t="s">
        <v>61</v>
      </c>
      <c r="G105537" s="16">
        <v>0.66678262692917256</v>
      </c>
    </row>
    <row r="105538" spans="1:7" x14ac:dyDescent="0.3">
      <c r="A105538" s="13" t="s">
        <v>514</v>
      </c>
      <c r="B105538" s="14" t="s">
        <v>1</v>
      </c>
      <c r="C105538" s="14" t="s">
        <v>23</v>
      </c>
      <c r="D105538" s="14" t="s">
        <v>209</v>
      </c>
      <c r="E105538" s="15">
        <v>45429</v>
      </c>
      <c r="F105538" s="14" t="s">
        <v>61</v>
      </c>
      <c r="G105538" s="16">
        <v>0.68116121179824485</v>
      </c>
    </row>
    <row r="105539" spans="1:7" x14ac:dyDescent="0.3">
      <c r="A105539" s="13" t="s">
        <v>514</v>
      </c>
      <c r="B105539" s="14" t="s">
        <v>1</v>
      </c>
      <c r="C105539" s="14" t="s">
        <v>23</v>
      </c>
      <c r="D105539" s="14" t="s">
        <v>209</v>
      </c>
      <c r="E105539" s="15">
        <v>45430</v>
      </c>
      <c r="F105539" s="14" t="s">
        <v>61</v>
      </c>
      <c r="G105539" s="16">
        <v>0.68116121179824485</v>
      </c>
    </row>
    <row r="105540" spans="1:7" x14ac:dyDescent="0.3">
      <c r="A105540" s="13" t="s">
        <v>514</v>
      </c>
      <c r="B105540" s="14" t="s">
        <v>1</v>
      </c>
      <c r="C105540" s="14" t="s">
        <v>23</v>
      </c>
      <c r="D105540" s="14" t="s">
        <v>209</v>
      </c>
      <c r="E105540" s="15">
        <v>45431</v>
      </c>
      <c r="F105540" s="14" t="s">
        <v>61</v>
      </c>
      <c r="G105540" s="16">
        <v>0.68116121179824485</v>
      </c>
    </row>
    <row r="105541" spans="1:7" x14ac:dyDescent="0.3">
      <c r="A105541" s="13" t="s">
        <v>514</v>
      </c>
      <c r="B105541" s="14" t="s">
        <v>1</v>
      </c>
      <c r="C105541" s="14" t="s">
        <v>23</v>
      </c>
      <c r="D105541" s="14" t="s">
        <v>209</v>
      </c>
      <c r="E105541" s="15">
        <v>45432</v>
      </c>
      <c r="F105541" s="14" t="s">
        <v>61</v>
      </c>
      <c r="G105541" s="16">
        <v>0.69700270591801972</v>
      </c>
    </row>
    <row r="105542" spans="1:7" x14ac:dyDescent="0.3">
      <c r="A105542" s="13" t="s">
        <v>514</v>
      </c>
      <c r="B105542" s="14" t="s">
        <v>1</v>
      </c>
      <c r="C105542" s="14" t="s">
        <v>23</v>
      </c>
      <c r="D105542" s="14" t="s">
        <v>209</v>
      </c>
      <c r="E105542" s="15">
        <v>45433</v>
      </c>
      <c r="F105542" s="14" t="s">
        <v>61</v>
      </c>
      <c r="G105542" s="16">
        <v>0.74176669374309523</v>
      </c>
    </row>
    <row r="105543" spans="1:7" x14ac:dyDescent="0.3">
      <c r="A105543" s="13" t="s">
        <v>514</v>
      </c>
      <c r="B105543" s="14" t="s">
        <v>1</v>
      </c>
      <c r="C105543" s="14" t="s">
        <v>23</v>
      </c>
      <c r="D105543" s="14" t="s">
        <v>209</v>
      </c>
      <c r="E105543" s="15">
        <v>45434</v>
      </c>
      <c r="F105543" s="14" t="s">
        <v>61</v>
      </c>
      <c r="G105543" s="16">
        <v>0.75860137221125379</v>
      </c>
    </row>
    <row r="105544" spans="1:7" x14ac:dyDescent="0.3">
      <c r="A105544" s="13" t="s">
        <v>514</v>
      </c>
      <c r="B105544" s="14" t="s">
        <v>1</v>
      </c>
      <c r="C105544" s="14" t="s">
        <v>23</v>
      </c>
      <c r="D105544" s="14" t="s">
        <v>209</v>
      </c>
      <c r="E105544" s="15">
        <v>45435</v>
      </c>
      <c r="F105544" s="14" t="s">
        <v>61</v>
      </c>
      <c r="G105544" s="16">
        <v>0.77631168583686305</v>
      </c>
    </row>
    <row r="105545" spans="1:7" x14ac:dyDescent="0.3">
      <c r="A105545" s="13" t="s">
        <v>514</v>
      </c>
      <c r="B105545" s="14" t="s">
        <v>1</v>
      </c>
      <c r="C105545" s="14" t="s">
        <v>23</v>
      </c>
      <c r="D105545" s="14" t="s">
        <v>209</v>
      </c>
      <c r="E105545" s="15">
        <v>45436</v>
      </c>
      <c r="F105545" s="14" t="s">
        <v>61</v>
      </c>
      <c r="G105545" s="16">
        <v>0.78827931677969143</v>
      </c>
    </row>
    <row r="105546" spans="1:7" x14ac:dyDescent="0.3">
      <c r="A105546" s="13" t="s">
        <v>514</v>
      </c>
      <c r="B105546" s="14" t="s">
        <v>1</v>
      </c>
      <c r="C105546" s="14" t="s">
        <v>23</v>
      </c>
      <c r="D105546" s="14" t="s">
        <v>209</v>
      </c>
      <c r="E105546" s="15">
        <v>45437</v>
      </c>
      <c r="F105546" s="14" t="s">
        <v>61</v>
      </c>
      <c r="G105546" s="16">
        <v>0.78827931677969143</v>
      </c>
    </row>
    <row r="105547" spans="1:7" x14ac:dyDescent="0.3">
      <c r="A105547" s="13" t="s">
        <v>514</v>
      </c>
      <c r="B105547" s="14" t="s">
        <v>1</v>
      </c>
      <c r="C105547" s="14" t="s">
        <v>23</v>
      </c>
      <c r="D105547" s="14" t="s">
        <v>209</v>
      </c>
      <c r="E105547" s="15">
        <v>45438</v>
      </c>
      <c r="F105547" s="14" t="s">
        <v>61</v>
      </c>
      <c r="G105547" s="16">
        <v>0.78827931677969143</v>
      </c>
    </row>
    <row r="105548" spans="1:7" x14ac:dyDescent="0.3">
      <c r="A105548" s="13" t="s">
        <v>514</v>
      </c>
      <c r="B105548" s="14" t="s">
        <v>1</v>
      </c>
      <c r="C105548" s="14" t="s">
        <v>23</v>
      </c>
      <c r="D105548" s="14" t="s">
        <v>209</v>
      </c>
      <c r="E105548" s="15">
        <v>45439</v>
      </c>
      <c r="F105548" s="14" t="s">
        <v>61</v>
      </c>
      <c r="G105548" s="16">
        <v>0.78827931677969143</v>
      </c>
    </row>
    <row r="105549" spans="1:7" x14ac:dyDescent="0.3">
      <c r="A105549" s="13" t="s">
        <v>514</v>
      </c>
      <c r="B105549" s="14" t="s">
        <v>1</v>
      </c>
      <c r="C105549" s="14" t="s">
        <v>23</v>
      </c>
      <c r="D105549" s="14" t="s">
        <v>209</v>
      </c>
      <c r="E105549" s="15">
        <v>45440</v>
      </c>
      <c r="F105549" s="14" t="s">
        <v>61</v>
      </c>
      <c r="G105549" s="16">
        <v>0.80191408549633203</v>
      </c>
    </row>
    <row r="105550" spans="1:7" x14ac:dyDescent="0.3">
      <c r="A105550" s="13" t="s">
        <v>514</v>
      </c>
      <c r="B105550" s="14" t="s">
        <v>1</v>
      </c>
      <c r="C105550" s="14" t="s">
        <v>23</v>
      </c>
      <c r="D105550" s="14" t="s">
        <v>209</v>
      </c>
      <c r="E105550" s="15">
        <v>45441</v>
      </c>
      <c r="F105550" s="14" t="s">
        <v>61</v>
      </c>
      <c r="G105550" s="16">
        <v>0.85994654491884903</v>
      </c>
    </row>
    <row r="105551" spans="1:7" x14ac:dyDescent="0.3">
      <c r="A105551" s="13" t="s">
        <v>514</v>
      </c>
      <c r="B105551" s="14" t="s">
        <v>1</v>
      </c>
      <c r="C105551" s="14" t="s">
        <v>23</v>
      </c>
      <c r="D105551" s="14" t="s">
        <v>209</v>
      </c>
      <c r="E105551" s="15">
        <v>45442</v>
      </c>
      <c r="F105551" s="14" t="s">
        <v>61</v>
      </c>
      <c r="G105551" s="16">
        <v>0.87367860495893301</v>
      </c>
    </row>
    <row r="105552" spans="1:7" x14ac:dyDescent="0.3">
      <c r="A105552" s="13" t="s">
        <v>514</v>
      </c>
      <c r="B105552" s="14" t="s">
        <v>1</v>
      </c>
      <c r="C105552" s="14" t="s">
        <v>23</v>
      </c>
      <c r="D105552" s="14" t="s">
        <v>209</v>
      </c>
      <c r="E105552" s="15">
        <v>45443</v>
      </c>
      <c r="F105552" s="14" t="s">
        <v>61</v>
      </c>
      <c r="G105552" s="16">
        <v>0.88258899837161564</v>
      </c>
    </row>
    <row r="105553" spans="1:7" x14ac:dyDescent="0.3">
      <c r="A105553" s="13" t="s">
        <v>514</v>
      </c>
      <c r="B105553" s="14" t="s">
        <v>1</v>
      </c>
      <c r="C105553" s="14" t="s">
        <v>23</v>
      </c>
      <c r="D105553" s="14" t="s">
        <v>209</v>
      </c>
      <c r="E105553" s="15">
        <v>45444</v>
      </c>
      <c r="F105553" s="14" t="s">
        <v>61</v>
      </c>
      <c r="G105553" s="16">
        <v>0.88258899837161564</v>
      </c>
    </row>
    <row r="105554" spans="1:7" x14ac:dyDescent="0.3">
      <c r="A105554" s="13" t="s">
        <v>514</v>
      </c>
      <c r="B105554" s="14" t="s">
        <v>1</v>
      </c>
      <c r="C105554" s="14" t="s">
        <v>23</v>
      </c>
      <c r="D105554" s="14" t="s">
        <v>209</v>
      </c>
      <c r="E105554" s="15">
        <v>45445</v>
      </c>
      <c r="F105554" s="14" t="s">
        <v>61</v>
      </c>
      <c r="G105554" s="16">
        <v>0.88258899837161564</v>
      </c>
    </row>
    <row r="105555" spans="1:7" x14ac:dyDescent="0.3">
      <c r="A105555" s="13" t="s">
        <v>514</v>
      </c>
      <c r="B105555" s="14" t="s">
        <v>1</v>
      </c>
      <c r="C105555" s="14" t="s">
        <v>23</v>
      </c>
      <c r="D105555" s="14" t="s">
        <v>209</v>
      </c>
      <c r="E105555" s="15">
        <v>45446</v>
      </c>
      <c r="F105555" s="14" t="s">
        <v>61</v>
      </c>
      <c r="G105555" s="16">
        <v>0.88258899837161564</v>
      </c>
    </row>
    <row r="105556" spans="1:7" x14ac:dyDescent="0.3">
      <c r="A105556" s="13" t="s">
        <v>514</v>
      </c>
      <c r="B105556" s="14" t="s">
        <v>1</v>
      </c>
      <c r="C105556" s="14" t="s">
        <v>23</v>
      </c>
      <c r="D105556" s="14" t="s">
        <v>209</v>
      </c>
      <c r="E105556" s="15">
        <v>45447</v>
      </c>
      <c r="F105556" s="14" t="s">
        <v>61</v>
      </c>
      <c r="G105556" s="16">
        <v>0.89661290420193462</v>
      </c>
    </row>
    <row r="105557" spans="1:7" x14ac:dyDescent="0.3">
      <c r="A105557" s="13" t="s">
        <v>514</v>
      </c>
      <c r="B105557" s="14" t="s">
        <v>1</v>
      </c>
      <c r="C105557" s="14" t="s">
        <v>23</v>
      </c>
      <c r="D105557" s="14" t="s">
        <v>209</v>
      </c>
      <c r="E105557" s="15">
        <v>45448</v>
      </c>
      <c r="F105557" s="14" t="s">
        <v>61</v>
      </c>
      <c r="G105557" s="16">
        <v>0.9598206666214435</v>
      </c>
    </row>
    <row r="105558" spans="1:7" x14ac:dyDescent="0.3">
      <c r="A105558" s="13" t="s">
        <v>514</v>
      </c>
      <c r="B105558" s="14" t="s">
        <v>1</v>
      </c>
      <c r="C105558" s="14" t="s">
        <v>23</v>
      </c>
      <c r="D105558" s="14" t="s">
        <v>209</v>
      </c>
      <c r="E105558" s="15">
        <v>45449</v>
      </c>
      <c r="F105558" s="14" t="s">
        <v>61</v>
      </c>
      <c r="G105558" s="16">
        <v>0.97190850259621908</v>
      </c>
    </row>
    <row r="105559" spans="1:7" x14ac:dyDescent="0.3">
      <c r="A105559" s="13" t="s">
        <v>514</v>
      </c>
      <c r="B105559" s="14" t="s">
        <v>1</v>
      </c>
      <c r="C105559" s="14" t="s">
        <v>23</v>
      </c>
      <c r="D105559" s="14" t="s">
        <v>209</v>
      </c>
      <c r="E105559" s="15">
        <v>45450</v>
      </c>
      <c r="F105559" s="14" t="s">
        <v>61</v>
      </c>
      <c r="G105559" s="16">
        <v>1.0127344469842499</v>
      </c>
    </row>
    <row r="105560" spans="1:7" x14ac:dyDescent="0.3">
      <c r="A105560" s="13" t="s">
        <v>514</v>
      </c>
      <c r="B105560" s="14" t="s">
        <v>1</v>
      </c>
      <c r="C105560" s="14" t="s">
        <v>23</v>
      </c>
      <c r="D105560" s="14" t="s">
        <v>209</v>
      </c>
      <c r="E105560" s="15">
        <v>45451</v>
      </c>
      <c r="F105560" s="14" t="s">
        <v>61</v>
      </c>
      <c r="G105560" s="16">
        <v>1.0127344469842499</v>
      </c>
    </row>
    <row r="105561" spans="1:7" x14ac:dyDescent="0.3">
      <c r="A105561" s="13" t="s">
        <v>514</v>
      </c>
      <c r="B105561" s="14" t="s">
        <v>1</v>
      </c>
      <c r="C105561" s="14" t="s">
        <v>23</v>
      </c>
      <c r="D105561" s="14" t="s">
        <v>209</v>
      </c>
      <c r="E105561" s="15">
        <v>45452</v>
      </c>
      <c r="F105561" s="14" t="s">
        <v>61</v>
      </c>
      <c r="G105561" s="16">
        <v>1.0127344469842499</v>
      </c>
    </row>
    <row r="105562" spans="1:7" x14ac:dyDescent="0.3">
      <c r="A105562" s="13" t="s">
        <v>514</v>
      </c>
      <c r="B105562" s="14" t="s">
        <v>1</v>
      </c>
      <c r="C105562" s="14" t="s">
        <v>23</v>
      </c>
      <c r="D105562" s="14" t="s">
        <v>209</v>
      </c>
      <c r="E105562" s="15">
        <v>45453</v>
      </c>
      <c r="F105562" s="14" t="s">
        <v>61</v>
      </c>
      <c r="G105562" s="16">
        <v>1.0303238559013679</v>
      </c>
    </row>
    <row r="105563" spans="1:7" x14ac:dyDescent="0.3">
      <c r="A105563" s="13" t="s">
        <v>514</v>
      </c>
      <c r="B105563" s="14" t="s">
        <v>1</v>
      </c>
      <c r="C105563" s="14" t="s">
        <v>23</v>
      </c>
      <c r="D105563" s="14" t="s">
        <v>209</v>
      </c>
      <c r="E105563" s="15">
        <v>45454</v>
      </c>
      <c r="F105563" s="14" t="s">
        <v>61</v>
      </c>
      <c r="G105563" s="16">
        <v>1.0751254915382993</v>
      </c>
    </row>
    <row r="105564" spans="1:7" x14ac:dyDescent="0.3">
      <c r="A105564" s="13" t="s">
        <v>514</v>
      </c>
      <c r="B105564" s="14" t="s">
        <v>1</v>
      </c>
      <c r="C105564" s="14" t="s">
        <v>23</v>
      </c>
      <c r="D105564" s="14" t="s">
        <v>209</v>
      </c>
      <c r="E105564" s="15">
        <v>45455</v>
      </c>
      <c r="F105564" s="14" t="s">
        <v>61</v>
      </c>
      <c r="G105564" s="16">
        <v>1.0820740914147589</v>
      </c>
    </row>
    <row r="105565" spans="1:7" x14ac:dyDescent="0.3">
      <c r="A105565" s="13" t="s">
        <v>514</v>
      </c>
      <c r="B105565" s="14" t="s">
        <v>1</v>
      </c>
      <c r="C105565" s="14" t="s">
        <v>23</v>
      </c>
      <c r="D105565" s="14" t="s">
        <v>209</v>
      </c>
      <c r="E105565" s="15">
        <v>45456</v>
      </c>
      <c r="F105565" s="14" t="s">
        <v>61</v>
      </c>
      <c r="G105565" s="16">
        <v>1.1027475852922346</v>
      </c>
    </row>
    <row r="105566" spans="1:7" x14ac:dyDescent="0.3">
      <c r="A105566" s="13" t="s">
        <v>514</v>
      </c>
      <c r="B105566" s="14" t="s">
        <v>1</v>
      </c>
      <c r="C105566" s="14" t="s">
        <v>23</v>
      </c>
      <c r="D105566" s="14" t="s">
        <v>209</v>
      </c>
      <c r="E105566" s="15">
        <v>45457</v>
      </c>
      <c r="F105566" s="14" t="s">
        <v>61</v>
      </c>
      <c r="G105566" s="16">
        <v>1.1218603647671306</v>
      </c>
    </row>
    <row r="105567" spans="1:7" x14ac:dyDescent="0.3">
      <c r="A105567" s="13" t="s">
        <v>514</v>
      </c>
      <c r="B105567" s="14" t="s">
        <v>1</v>
      </c>
      <c r="C105567" s="14" t="s">
        <v>23</v>
      </c>
      <c r="D105567" s="14" t="s">
        <v>209</v>
      </c>
      <c r="E105567" s="15">
        <v>45458</v>
      </c>
      <c r="F105567" s="14" t="s">
        <v>61</v>
      </c>
      <c r="G105567" s="16">
        <v>1.1218603647671306</v>
      </c>
    </row>
    <row r="105568" spans="1:7" x14ac:dyDescent="0.3">
      <c r="A105568" s="13" t="s">
        <v>514</v>
      </c>
      <c r="B105568" s="14" t="s">
        <v>1</v>
      </c>
      <c r="C105568" s="14" t="s">
        <v>23</v>
      </c>
      <c r="D105568" s="14" t="s">
        <v>209</v>
      </c>
      <c r="E105568" s="15">
        <v>45459</v>
      </c>
      <c r="F105568" s="14" t="s">
        <v>61</v>
      </c>
      <c r="G105568" s="16">
        <v>1.1218603647671306</v>
      </c>
    </row>
    <row r="105569" spans="1:7" x14ac:dyDescent="0.3">
      <c r="A105569" s="13" t="s">
        <v>514</v>
      </c>
      <c r="B105569" s="14" t="s">
        <v>1</v>
      </c>
      <c r="C105569" s="14" t="s">
        <v>23</v>
      </c>
      <c r="D105569" s="14" t="s">
        <v>209</v>
      </c>
      <c r="E105569" s="15">
        <v>45460</v>
      </c>
      <c r="F105569" s="14" t="s">
        <v>61</v>
      </c>
      <c r="G105569" s="16">
        <v>1.132722051145568</v>
      </c>
    </row>
    <row r="105570" spans="1:7" x14ac:dyDescent="0.3">
      <c r="A105570" s="13" t="s">
        <v>514</v>
      </c>
      <c r="B105570" s="14" t="s">
        <v>1</v>
      </c>
      <c r="C105570" s="14" t="s">
        <v>23</v>
      </c>
      <c r="D105570" s="14" t="s">
        <v>209</v>
      </c>
      <c r="E105570" s="15">
        <v>45461</v>
      </c>
      <c r="F105570" s="14" t="s">
        <v>61</v>
      </c>
      <c r="G105570" s="16">
        <v>1.1742085130241044</v>
      </c>
    </row>
    <row r="105571" spans="1:7" x14ac:dyDescent="0.3">
      <c r="A105571" s="13" t="s">
        <v>514</v>
      </c>
      <c r="B105571" s="14" t="s">
        <v>1</v>
      </c>
      <c r="C105571" s="14" t="s">
        <v>23</v>
      </c>
      <c r="D105571" s="14" t="s">
        <v>209</v>
      </c>
      <c r="E105571" s="15">
        <v>45462</v>
      </c>
      <c r="F105571" s="14" t="s">
        <v>61</v>
      </c>
      <c r="G105571" s="16">
        <v>1.1742085130241044</v>
      </c>
    </row>
    <row r="105572" spans="1:7" x14ac:dyDescent="0.3">
      <c r="A105572" s="13" t="s">
        <v>514</v>
      </c>
      <c r="B105572" s="14" t="s">
        <v>1</v>
      </c>
      <c r="C105572" s="14" t="s">
        <v>23</v>
      </c>
      <c r="D105572" s="14" t="s">
        <v>209</v>
      </c>
      <c r="E105572" s="15">
        <v>45463</v>
      </c>
      <c r="F105572" s="14" t="s">
        <v>61</v>
      </c>
      <c r="G105572" s="16">
        <v>1.1924735803738455</v>
      </c>
    </row>
    <row r="105573" spans="1:7" x14ac:dyDescent="0.3">
      <c r="A105573" s="13" t="s">
        <v>514</v>
      </c>
      <c r="B105573" s="14" t="s">
        <v>1</v>
      </c>
      <c r="C105573" s="14" t="s">
        <v>23</v>
      </c>
      <c r="D105573" s="14" t="s">
        <v>209</v>
      </c>
      <c r="E105573" s="15">
        <v>45464</v>
      </c>
      <c r="F105573" s="14" t="s">
        <v>61</v>
      </c>
      <c r="G105573" s="16">
        <v>1.2233055712790517</v>
      </c>
    </row>
    <row r="105574" spans="1:7" x14ac:dyDescent="0.3">
      <c r="A105574" s="13" t="s">
        <v>514</v>
      </c>
      <c r="B105574" s="14" t="s">
        <v>1</v>
      </c>
      <c r="C105574" s="14" t="s">
        <v>23</v>
      </c>
      <c r="D105574" s="14" t="s">
        <v>209</v>
      </c>
      <c r="E105574" s="15">
        <v>45465</v>
      </c>
      <c r="F105574" s="14" t="s">
        <v>61</v>
      </c>
      <c r="G105574" s="16">
        <v>1.2233055712790517</v>
      </c>
    </row>
    <row r="105575" spans="1:7" x14ac:dyDescent="0.3">
      <c r="A105575" s="13" t="s">
        <v>514</v>
      </c>
      <c r="B105575" s="14" t="s">
        <v>1</v>
      </c>
      <c r="C105575" s="14" t="s">
        <v>23</v>
      </c>
      <c r="D105575" s="14" t="s">
        <v>209</v>
      </c>
      <c r="E105575" s="15">
        <v>45466</v>
      </c>
      <c r="F105575" s="14" t="s">
        <v>61</v>
      </c>
      <c r="G105575" s="16">
        <v>1.2233055712790517</v>
      </c>
    </row>
    <row r="105576" spans="1:7" x14ac:dyDescent="0.3">
      <c r="A105576" s="13" t="s">
        <v>514</v>
      </c>
      <c r="B105576" s="14" t="s">
        <v>1</v>
      </c>
      <c r="C105576" s="14" t="s">
        <v>23</v>
      </c>
      <c r="D105576" s="14" t="s">
        <v>209</v>
      </c>
      <c r="E105576" s="15">
        <v>45467</v>
      </c>
      <c r="F105576" s="14" t="s">
        <v>61</v>
      </c>
      <c r="G105576" s="16">
        <v>1.2328439729020169</v>
      </c>
    </row>
    <row r="105577" spans="1:7" x14ac:dyDescent="0.3">
      <c r="A105577" s="13" t="s">
        <v>514</v>
      </c>
      <c r="B105577" s="14" t="s">
        <v>1</v>
      </c>
      <c r="C105577" s="14" t="s">
        <v>23</v>
      </c>
      <c r="D105577" s="14" t="s">
        <v>209</v>
      </c>
      <c r="E105577" s="15">
        <v>45468</v>
      </c>
      <c r="F105577" s="14" t="s">
        <v>61</v>
      </c>
      <c r="G105577" s="16">
        <v>1.279482646944698</v>
      </c>
    </row>
    <row r="105578" spans="1:7" x14ac:dyDescent="0.3">
      <c r="A105578" s="13" t="s">
        <v>514</v>
      </c>
      <c r="B105578" s="14" t="s">
        <v>1</v>
      </c>
      <c r="C105578" s="14" t="s">
        <v>23</v>
      </c>
      <c r="D105578" s="14" t="s">
        <v>209</v>
      </c>
      <c r="E105578" s="15">
        <v>45469</v>
      </c>
      <c r="F105578" s="14" t="s">
        <v>61</v>
      </c>
      <c r="G105578" s="16">
        <v>1.2965919489021172</v>
      </c>
    </row>
    <row r="105579" spans="1:7" x14ac:dyDescent="0.3">
      <c r="A105579" s="13" t="s">
        <v>514</v>
      </c>
      <c r="B105579" s="14" t="s">
        <v>1</v>
      </c>
      <c r="C105579" s="14" t="s">
        <v>23</v>
      </c>
      <c r="D105579" s="14" t="s">
        <v>209</v>
      </c>
      <c r="E105579" s="15">
        <v>45470</v>
      </c>
      <c r="F105579" s="14" t="s">
        <v>61</v>
      </c>
      <c r="G105579" s="16">
        <v>1.3075724818299557</v>
      </c>
    </row>
    <row r="105580" spans="1:7" x14ac:dyDescent="0.3">
      <c r="A105580" s="13" t="s">
        <v>514</v>
      </c>
      <c r="B105580" s="14" t="s">
        <v>1</v>
      </c>
      <c r="C105580" s="14" t="s">
        <v>23</v>
      </c>
      <c r="D105580" s="14" t="s">
        <v>209</v>
      </c>
      <c r="E105580" s="15">
        <v>45471</v>
      </c>
      <c r="F105580" s="14" t="s">
        <v>61</v>
      </c>
      <c r="G105580" s="16">
        <v>1.3200778301486404</v>
      </c>
    </row>
    <row r="105581" spans="1:7" x14ac:dyDescent="0.3">
      <c r="A105581" s="13" t="s">
        <v>514</v>
      </c>
      <c r="B105581" s="14" t="s">
        <v>1</v>
      </c>
      <c r="C105581" s="14" t="s">
        <v>23</v>
      </c>
      <c r="D105581" s="14" t="s">
        <v>209</v>
      </c>
      <c r="E105581" s="15">
        <v>45472</v>
      </c>
      <c r="F105581" s="14" t="s">
        <v>61</v>
      </c>
      <c r="G105581" s="16">
        <v>1.3200778301486404</v>
      </c>
    </row>
    <row r="105582" spans="1:7" x14ac:dyDescent="0.3">
      <c r="A105582" s="13" t="s">
        <v>514</v>
      </c>
      <c r="B105582" s="14" t="s">
        <v>1</v>
      </c>
      <c r="C105582" s="14" t="s">
        <v>23</v>
      </c>
      <c r="D105582" s="14" t="s">
        <v>209</v>
      </c>
      <c r="E105582" s="15">
        <v>45473</v>
      </c>
      <c r="F105582" s="14" t="s">
        <v>61</v>
      </c>
      <c r="G105582" s="16">
        <v>1.3200778301486404</v>
      </c>
    </row>
    <row r="105583" spans="1:7" x14ac:dyDescent="0.3">
      <c r="A105583" s="13" t="s">
        <v>514</v>
      </c>
      <c r="B105583" s="14" t="s">
        <v>1</v>
      </c>
      <c r="C105583" s="14" t="s">
        <v>23</v>
      </c>
      <c r="D105583" s="14" t="s">
        <v>209</v>
      </c>
      <c r="E105583" s="15">
        <v>45474</v>
      </c>
      <c r="F105583" s="14" t="s">
        <v>61</v>
      </c>
      <c r="G105583" s="16">
        <v>1.3309952358471313</v>
      </c>
    </row>
    <row r="105584" spans="1:7" x14ac:dyDescent="0.3">
      <c r="A105584" s="13" t="s">
        <v>514</v>
      </c>
      <c r="B105584" s="14" t="s">
        <v>1</v>
      </c>
      <c r="C105584" s="14" t="s">
        <v>23</v>
      </c>
      <c r="D105584" s="14" t="s">
        <v>209</v>
      </c>
      <c r="E105584" s="15">
        <v>45475</v>
      </c>
      <c r="F105584" s="14" t="s">
        <v>61</v>
      </c>
      <c r="G105584" s="16">
        <v>1.3733511544073873</v>
      </c>
    </row>
    <row r="105585" spans="1:7" x14ac:dyDescent="0.3">
      <c r="A105585" s="13" t="s">
        <v>514</v>
      </c>
      <c r="B105585" s="14" t="s">
        <v>1</v>
      </c>
      <c r="C105585" s="14" t="s">
        <v>23</v>
      </c>
      <c r="D105585" s="14" t="s">
        <v>209</v>
      </c>
      <c r="E105585" s="15">
        <v>45476</v>
      </c>
      <c r="F105585" s="14" t="s">
        <v>61</v>
      </c>
      <c r="G105585" s="16">
        <v>1.3822764511911423</v>
      </c>
    </row>
    <row r="105586" spans="1:7" x14ac:dyDescent="0.3">
      <c r="A105586" s="13" t="s">
        <v>514</v>
      </c>
      <c r="B105586" s="14" t="s">
        <v>1</v>
      </c>
      <c r="C105586" s="14" t="s">
        <v>23</v>
      </c>
      <c r="D105586" s="14" t="s">
        <v>209</v>
      </c>
      <c r="E105586" s="15">
        <v>45477</v>
      </c>
      <c r="F105586" s="14" t="s">
        <v>61</v>
      </c>
      <c r="G105586" s="16">
        <v>1.3822764511911423</v>
      </c>
    </row>
    <row r="105587" spans="1:7" x14ac:dyDescent="0.3">
      <c r="A105587" s="13" t="s">
        <v>514</v>
      </c>
      <c r="B105587" s="14" t="s">
        <v>1</v>
      </c>
      <c r="C105587" s="14" t="s">
        <v>23</v>
      </c>
      <c r="D105587" s="14" t="s">
        <v>209</v>
      </c>
      <c r="E105587" s="15">
        <v>45478</v>
      </c>
      <c r="F105587" s="14" t="s">
        <v>61</v>
      </c>
      <c r="G105587" s="16">
        <v>1.3897271770944348</v>
      </c>
    </row>
    <row r="105588" spans="1:7" x14ac:dyDescent="0.3">
      <c r="A105588" s="13" t="s">
        <v>514</v>
      </c>
      <c r="B105588" s="14" t="s">
        <v>1</v>
      </c>
      <c r="C105588" s="14" t="s">
        <v>23</v>
      </c>
      <c r="D105588" s="14" t="s">
        <v>209</v>
      </c>
      <c r="E105588" s="15">
        <v>45479</v>
      </c>
      <c r="F105588" s="14" t="s">
        <v>61</v>
      </c>
      <c r="G105588" s="16">
        <v>1.3897271770944348</v>
      </c>
    </row>
    <row r="105589" spans="1:7" x14ac:dyDescent="0.3">
      <c r="A105589" s="13" t="s">
        <v>514</v>
      </c>
      <c r="B105589" s="14" t="s">
        <v>1</v>
      </c>
      <c r="C105589" s="14" t="s">
        <v>23</v>
      </c>
      <c r="D105589" s="14" t="s">
        <v>209</v>
      </c>
      <c r="E105589" s="15">
        <v>45480</v>
      </c>
      <c r="F105589" s="14" t="s">
        <v>61</v>
      </c>
      <c r="G105589" s="16">
        <v>1.3897271770944348</v>
      </c>
    </row>
    <row r="105590" spans="1:7" x14ac:dyDescent="0.3">
      <c r="A105590" s="13" t="s">
        <v>514</v>
      </c>
      <c r="B105590" s="14" t="s">
        <v>1</v>
      </c>
      <c r="C105590" s="14" t="s">
        <v>23</v>
      </c>
      <c r="D105590" s="14" t="s">
        <v>209</v>
      </c>
      <c r="E105590" s="15">
        <v>45481</v>
      </c>
      <c r="F105590" s="14" t="s">
        <v>61</v>
      </c>
      <c r="G105590" s="16">
        <v>1.4435898887732783</v>
      </c>
    </row>
    <row r="105591" spans="1:7" x14ac:dyDescent="0.3">
      <c r="A105591" s="13" t="s">
        <v>514</v>
      </c>
      <c r="B105591" s="14" t="s">
        <v>1</v>
      </c>
      <c r="C105591" s="14" t="s">
        <v>23</v>
      </c>
      <c r="D105591" s="14" t="s">
        <v>209</v>
      </c>
      <c r="E105591" s="15">
        <v>45482</v>
      </c>
      <c r="F105591" s="14" t="s">
        <v>61</v>
      </c>
      <c r="G105591" s="16">
        <v>1.4885615723050614</v>
      </c>
    </row>
    <row r="105592" spans="1:7" x14ac:dyDescent="0.3">
      <c r="A105592" s="13" t="s">
        <v>514</v>
      </c>
      <c r="B105592" s="14" t="s">
        <v>1</v>
      </c>
      <c r="C105592" s="14" t="s">
        <v>23</v>
      </c>
      <c r="D105592" s="14" t="s">
        <v>209</v>
      </c>
      <c r="E105592" s="15">
        <v>45483</v>
      </c>
      <c r="F105592" s="14" t="s">
        <v>61</v>
      </c>
      <c r="G105592" s="16">
        <v>1.5017975021802588</v>
      </c>
    </row>
    <row r="105593" spans="1:7" x14ac:dyDescent="0.3">
      <c r="A105593" s="13" t="s">
        <v>514</v>
      </c>
      <c r="B105593" s="14" t="s">
        <v>1</v>
      </c>
      <c r="C105593" s="14" t="s">
        <v>23</v>
      </c>
      <c r="D105593" s="14" t="s">
        <v>209</v>
      </c>
      <c r="E105593" s="15">
        <v>45484</v>
      </c>
      <c r="F105593" s="14" t="s">
        <v>61</v>
      </c>
      <c r="G105593" s="16">
        <v>1.5108185470208551</v>
      </c>
    </row>
    <row r="105594" spans="1:7" x14ac:dyDescent="0.3">
      <c r="A105594" s="13" t="s">
        <v>514</v>
      </c>
      <c r="B105594" s="14" t="s">
        <v>1</v>
      </c>
      <c r="C105594" s="14" t="s">
        <v>23</v>
      </c>
      <c r="D105594" s="14" t="s">
        <v>209</v>
      </c>
      <c r="E105594" s="15">
        <v>45485</v>
      </c>
      <c r="F105594" s="14" t="s">
        <v>61</v>
      </c>
      <c r="G105594" s="16">
        <v>1.5203240794146242</v>
      </c>
    </row>
    <row r="105595" spans="1:7" x14ac:dyDescent="0.3">
      <c r="A105595" s="13" t="s">
        <v>514</v>
      </c>
      <c r="B105595" s="14" t="s">
        <v>1</v>
      </c>
      <c r="C105595" s="14" t="s">
        <v>23</v>
      </c>
      <c r="D105595" s="14" t="s">
        <v>209</v>
      </c>
      <c r="E105595" s="15">
        <v>45486</v>
      </c>
      <c r="F105595" s="14" t="s">
        <v>61</v>
      </c>
      <c r="G105595" s="16">
        <v>1.5203240794146242</v>
      </c>
    </row>
    <row r="105596" spans="1:7" x14ac:dyDescent="0.3">
      <c r="A105596" s="13" t="s">
        <v>514</v>
      </c>
      <c r="B105596" s="14" t="s">
        <v>1</v>
      </c>
      <c r="C105596" s="14" t="s">
        <v>23</v>
      </c>
      <c r="D105596" s="14" t="s">
        <v>209</v>
      </c>
      <c r="E105596" s="15">
        <v>45487</v>
      </c>
      <c r="F105596" s="14" t="s">
        <v>61</v>
      </c>
      <c r="G105596" s="16">
        <v>1.5203240794146242</v>
      </c>
    </row>
    <row r="105597" spans="1:7" x14ac:dyDescent="0.3">
      <c r="A105597" s="13" t="s">
        <v>514</v>
      </c>
      <c r="B105597" s="14" t="s">
        <v>1</v>
      </c>
      <c r="C105597" s="14" t="s">
        <v>23</v>
      </c>
      <c r="D105597" s="14" t="s">
        <v>209</v>
      </c>
      <c r="E105597" s="15">
        <v>45488</v>
      </c>
      <c r="F105597" s="14" t="s">
        <v>61</v>
      </c>
      <c r="G105597" s="16">
        <v>1.5362709596884883</v>
      </c>
    </row>
    <row r="105598" spans="1:7" x14ac:dyDescent="0.3">
      <c r="A105598" s="13" t="s">
        <v>514</v>
      </c>
      <c r="B105598" s="14" t="s">
        <v>1</v>
      </c>
      <c r="C105598" s="14" t="s">
        <v>23</v>
      </c>
      <c r="D105598" s="14" t="s">
        <v>209</v>
      </c>
      <c r="E105598" s="15">
        <v>45489</v>
      </c>
      <c r="F105598" s="14" t="s">
        <v>61</v>
      </c>
      <c r="G105598" s="16">
        <v>1.5777668760956678</v>
      </c>
    </row>
    <row r="105599" spans="1:7" x14ac:dyDescent="0.3">
      <c r="A105599" s="13" t="s">
        <v>514</v>
      </c>
      <c r="B105599" s="14" t="s">
        <v>1</v>
      </c>
      <c r="C105599" s="14" t="s">
        <v>23</v>
      </c>
      <c r="D105599" s="14" t="s">
        <v>209</v>
      </c>
      <c r="E105599" s="15">
        <v>45490</v>
      </c>
      <c r="F105599" s="14" t="s">
        <v>61</v>
      </c>
      <c r="G105599" s="16">
        <v>1.5860920193351262</v>
      </c>
    </row>
    <row r="105600" spans="1:7" x14ac:dyDescent="0.3">
      <c r="A105600" s="13" t="s">
        <v>514</v>
      </c>
      <c r="B105600" s="14" t="s">
        <v>1</v>
      </c>
      <c r="C105600" s="14" t="s">
        <v>23</v>
      </c>
      <c r="D105600" s="14" t="s">
        <v>209</v>
      </c>
      <c r="E105600" s="15">
        <v>45491</v>
      </c>
      <c r="F105600" s="14" t="s">
        <v>61</v>
      </c>
      <c r="G105600" s="16">
        <v>1.6066955617167253</v>
      </c>
    </row>
    <row r="105601" spans="1:7" x14ac:dyDescent="0.3">
      <c r="A105601" s="13" t="s">
        <v>514</v>
      </c>
      <c r="B105601" s="14" t="s">
        <v>1</v>
      </c>
      <c r="C105601" s="14" t="s">
        <v>23</v>
      </c>
      <c r="D105601" s="14" t="s">
        <v>209</v>
      </c>
      <c r="E105601" s="15">
        <v>45492</v>
      </c>
      <c r="F105601" s="14" t="s">
        <v>61</v>
      </c>
      <c r="G105601" s="16">
        <v>1.6228687223176195</v>
      </c>
    </row>
    <row r="105602" spans="1:7" x14ac:dyDescent="0.3">
      <c r="A105602" s="13" t="s">
        <v>514</v>
      </c>
      <c r="B105602" s="14" t="s">
        <v>1</v>
      </c>
      <c r="C105602" s="14" t="s">
        <v>23</v>
      </c>
      <c r="D105602" s="14" t="s">
        <v>209</v>
      </c>
      <c r="E105602" s="15">
        <v>45493</v>
      </c>
      <c r="F105602" s="14" t="s">
        <v>61</v>
      </c>
      <c r="G105602" s="16">
        <v>1.6228687223176195</v>
      </c>
    </row>
    <row r="105603" spans="1:7" x14ac:dyDescent="0.3">
      <c r="A105603" s="13" t="s">
        <v>514</v>
      </c>
      <c r="B105603" s="14" t="s">
        <v>1</v>
      </c>
      <c r="C105603" s="14" t="s">
        <v>23</v>
      </c>
      <c r="D105603" s="14" t="s">
        <v>209</v>
      </c>
      <c r="E105603" s="15">
        <v>45494</v>
      </c>
      <c r="F105603" s="14" t="s">
        <v>61</v>
      </c>
      <c r="G105603" s="16">
        <v>1.6228687223176195</v>
      </c>
    </row>
    <row r="105604" spans="1:7" x14ac:dyDescent="0.3">
      <c r="A105604" s="13" t="s">
        <v>514</v>
      </c>
      <c r="B105604" s="14" t="s">
        <v>1</v>
      </c>
      <c r="C105604" s="14" t="s">
        <v>23</v>
      </c>
      <c r="D105604" s="14" t="s">
        <v>209</v>
      </c>
      <c r="E105604" s="15">
        <v>45495</v>
      </c>
      <c r="F105604" s="14" t="s">
        <v>61</v>
      </c>
      <c r="G105604" s="16">
        <v>1.6348944647313006</v>
      </c>
    </row>
    <row r="105605" spans="1:7" x14ac:dyDescent="0.3">
      <c r="A105605" s="13" t="s">
        <v>514</v>
      </c>
      <c r="B105605" s="14" t="s">
        <v>1</v>
      </c>
      <c r="C105605" s="14" t="s">
        <v>23</v>
      </c>
      <c r="D105605" s="14" t="s">
        <v>209</v>
      </c>
      <c r="E105605" s="15">
        <v>45496</v>
      </c>
      <c r="F105605" s="14" t="s">
        <v>61</v>
      </c>
      <c r="G105605" s="16">
        <v>1.6826581163732504</v>
      </c>
    </row>
    <row r="105606" spans="1:7" x14ac:dyDescent="0.3">
      <c r="A105606" s="13" t="s">
        <v>514</v>
      </c>
      <c r="B105606" s="14" t="s">
        <v>1</v>
      </c>
      <c r="C105606" s="14" t="s">
        <v>23</v>
      </c>
      <c r="D105606" s="14" t="s">
        <v>209</v>
      </c>
      <c r="E105606" s="15">
        <v>45497</v>
      </c>
      <c r="F105606" s="14" t="s">
        <v>61</v>
      </c>
      <c r="G105606" s="16">
        <v>1.7003459114079993</v>
      </c>
    </row>
    <row r="105607" spans="1:7" x14ac:dyDescent="0.3">
      <c r="A105607" s="13" t="s">
        <v>514</v>
      </c>
      <c r="B105607" s="14" t="s">
        <v>1</v>
      </c>
      <c r="C105607" s="14" t="s">
        <v>23</v>
      </c>
      <c r="D105607" s="14" t="s">
        <v>209</v>
      </c>
      <c r="E105607" s="15">
        <v>45498</v>
      </c>
      <c r="F105607" s="14" t="s">
        <v>61</v>
      </c>
      <c r="G105607" s="16">
        <v>1.7127569568208771</v>
      </c>
    </row>
    <row r="105608" spans="1:7" x14ac:dyDescent="0.3">
      <c r="A105608" s="13" t="s">
        <v>514</v>
      </c>
      <c r="B105608" s="14" t="s">
        <v>1</v>
      </c>
      <c r="C105608" s="14" t="s">
        <v>23</v>
      </c>
      <c r="D105608" s="14" t="s">
        <v>209</v>
      </c>
      <c r="E105608" s="15">
        <v>45499</v>
      </c>
      <c r="F105608" s="14" t="s">
        <v>61</v>
      </c>
      <c r="G105608" s="16">
        <v>1.7242777798302131</v>
      </c>
    </row>
    <row r="105609" spans="1:7" x14ac:dyDescent="0.3">
      <c r="A105609" s="13" t="s">
        <v>514</v>
      </c>
      <c r="B105609" s="14" t="s">
        <v>1</v>
      </c>
      <c r="C105609" s="14" t="s">
        <v>23</v>
      </c>
      <c r="D105609" s="14" t="s">
        <v>209</v>
      </c>
      <c r="E105609" s="15">
        <v>45500</v>
      </c>
      <c r="F105609" s="14" t="s">
        <v>61</v>
      </c>
      <c r="G105609" s="16">
        <v>1.7242777798302131</v>
      </c>
    </row>
    <row r="105610" spans="1:7" x14ac:dyDescent="0.3">
      <c r="A105610" s="13" t="s">
        <v>514</v>
      </c>
      <c r="B105610" s="14" t="s">
        <v>1</v>
      </c>
      <c r="C105610" s="14" t="s">
        <v>23</v>
      </c>
      <c r="D105610" s="14" t="s">
        <v>209</v>
      </c>
      <c r="E105610" s="15">
        <v>45501</v>
      </c>
      <c r="F105610" s="14" t="s">
        <v>61</v>
      </c>
      <c r="G105610" s="16">
        <v>1.7242777798302131</v>
      </c>
    </row>
    <row r="105611" spans="1:7" x14ac:dyDescent="0.3">
      <c r="A105611" s="13" t="s">
        <v>514</v>
      </c>
      <c r="B105611" s="14" t="s">
        <v>1</v>
      </c>
      <c r="C105611" s="14" t="s">
        <v>23</v>
      </c>
      <c r="D105611" s="14" t="s">
        <v>209</v>
      </c>
      <c r="E105611" s="15">
        <v>45502</v>
      </c>
      <c r="F105611" s="14" t="s">
        <v>61</v>
      </c>
      <c r="G105611" s="16">
        <v>1.7437106099745128</v>
      </c>
    </row>
    <row r="105612" spans="1:7" x14ac:dyDescent="0.3">
      <c r="A105612" s="13" t="s">
        <v>514</v>
      </c>
      <c r="B105612" s="14" t="s">
        <v>1</v>
      </c>
      <c r="C105612" s="14" t="s">
        <v>23</v>
      </c>
      <c r="D105612" s="14" t="s">
        <v>209</v>
      </c>
      <c r="E105612" s="15">
        <v>45503</v>
      </c>
      <c r="F105612" s="14" t="s">
        <v>61</v>
      </c>
      <c r="G105612" s="16">
        <v>1.7854084088264566</v>
      </c>
    </row>
    <row r="105613" spans="1:7" x14ac:dyDescent="0.3">
      <c r="A105613" s="13" t="s">
        <v>514</v>
      </c>
      <c r="B105613" s="14" t="s">
        <v>1</v>
      </c>
      <c r="C105613" s="14" t="s">
        <v>23</v>
      </c>
      <c r="D105613" s="14" t="s">
        <v>209</v>
      </c>
      <c r="E105613" s="15">
        <v>45504</v>
      </c>
      <c r="F105613" s="14" t="s">
        <v>61</v>
      </c>
      <c r="G105613" s="16">
        <v>1.7983192040823317</v>
      </c>
    </row>
    <row r="105614" spans="1:7" x14ac:dyDescent="0.3">
      <c r="A105614" s="13" t="s">
        <v>514</v>
      </c>
      <c r="B105614" s="14" t="s">
        <v>1</v>
      </c>
      <c r="C105614" s="14" t="s">
        <v>23</v>
      </c>
      <c r="D105614" s="14" t="s">
        <v>209</v>
      </c>
      <c r="E105614" s="15">
        <v>45505</v>
      </c>
      <c r="F105614" s="14" t="s">
        <v>61</v>
      </c>
      <c r="G105614" s="16">
        <v>1.8098930880658386</v>
      </c>
    </row>
    <row r="105615" spans="1:7" x14ac:dyDescent="0.3">
      <c r="A105615" s="13" t="s">
        <v>514</v>
      </c>
      <c r="B105615" s="14" t="s">
        <v>1</v>
      </c>
      <c r="C105615" s="14" t="s">
        <v>23</v>
      </c>
      <c r="D105615" s="14" t="s">
        <v>209</v>
      </c>
      <c r="E105615" s="15">
        <v>45506</v>
      </c>
      <c r="F105615" s="14" t="s">
        <v>61</v>
      </c>
      <c r="G105615" s="16">
        <v>1.7958582093762765</v>
      </c>
    </row>
    <row r="105616" spans="1:7" x14ac:dyDescent="0.3">
      <c r="A105616" s="13" t="s">
        <v>514</v>
      </c>
      <c r="B105616" s="14" t="s">
        <v>1</v>
      </c>
      <c r="C105616" s="14" t="s">
        <v>23</v>
      </c>
      <c r="D105616" s="14" t="s">
        <v>209</v>
      </c>
      <c r="E105616" s="15">
        <v>45507</v>
      </c>
      <c r="F105616" s="14" t="s">
        <v>61</v>
      </c>
      <c r="G105616" s="16">
        <v>1.7958582093762765</v>
      </c>
    </row>
    <row r="105617" spans="1:7" x14ac:dyDescent="0.3">
      <c r="A105617" s="13" t="s">
        <v>514</v>
      </c>
      <c r="B105617" s="14" t="s">
        <v>1</v>
      </c>
      <c r="C105617" s="14" t="s">
        <v>23</v>
      </c>
      <c r="D105617" s="14" t="s">
        <v>209</v>
      </c>
      <c r="E105617" s="15">
        <v>45508</v>
      </c>
      <c r="F105617" s="14" t="s">
        <v>61</v>
      </c>
      <c r="G105617" s="16">
        <v>1.7958582093762765</v>
      </c>
    </row>
    <row r="105618" spans="1:7" x14ac:dyDescent="0.3">
      <c r="A105618" s="13" t="s">
        <v>514</v>
      </c>
      <c r="B105618" s="14" t="s">
        <v>1</v>
      </c>
      <c r="C105618" s="14" t="s">
        <v>23</v>
      </c>
      <c r="D105618" s="14" t="s">
        <v>209</v>
      </c>
      <c r="E105618" s="15">
        <v>45509</v>
      </c>
      <c r="F105618" s="14" t="s">
        <v>61</v>
      </c>
      <c r="G105618" s="16">
        <v>1.7958582093762765</v>
      </c>
    </row>
    <row r="105619" spans="1:7" x14ac:dyDescent="0.3">
      <c r="A105619" s="13" t="s">
        <v>514</v>
      </c>
      <c r="B105619" s="14" t="s">
        <v>1</v>
      </c>
      <c r="C105619" s="14" t="s">
        <v>23</v>
      </c>
      <c r="D105619" s="14" t="s">
        <v>209</v>
      </c>
      <c r="E105619" s="15">
        <v>45510</v>
      </c>
      <c r="F105619" s="14" t="s">
        <v>61</v>
      </c>
      <c r="G105619" s="16">
        <v>1.8051346636952699</v>
      </c>
    </row>
    <row r="105620" spans="1:7" x14ac:dyDescent="0.3">
      <c r="A105620" s="13" t="s">
        <v>514</v>
      </c>
      <c r="B105620" s="14" t="s">
        <v>1</v>
      </c>
      <c r="C105620" s="14" t="s">
        <v>23</v>
      </c>
      <c r="D105620" s="14" t="s">
        <v>209</v>
      </c>
      <c r="E105620" s="15">
        <v>45511</v>
      </c>
      <c r="F105620" s="14" t="s">
        <v>61</v>
      </c>
      <c r="G105620" s="16">
        <v>1.8755708349708753</v>
      </c>
    </row>
    <row r="105621" spans="1:7" x14ac:dyDescent="0.3">
      <c r="A105621" s="13" t="s">
        <v>514</v>
      </c>
      <c r="B105621" s="14" t="s">
        <v>1</v>
      </c>
      <c r="C105621" s="14" t="s">
        <v>23</v>
      </c>
      <c r="D105621" s="14" t="s">
        <v>209</v>
      </c>
      <c r="E105621" s="15">
        <v>45512</v>
      </c>
      <c r="F105621" s="14" t="s">
        <v>61</v>
      </c>
      <c r="G105621" s="16">
        <v>1.8845901903561266</v>
      </c>
    </row>
    <row r="105622" spans="1:7" x14ac:dyDescent="0.3">
      <c r="A105622" s="13" t="s">
        <v>514</v>
      </c>
      <c r="B105622" s="14" t="s">
        <v>1</v>
      </c>
      <c r="C105622" s="14" t="s">
        <v>23</v>
      </c>
      <c r="D105622" s="14" t="s">
        <v>209</v>
      </c>
      <c r="E105622" s="15">
        <v>45513</v>
      </c>
      <c r="F105622" s="14" t="s">
        <v>61</v>
      </c>
      <c r="G105622" s="16">
        <v>1.897614771812538</v>
      </c>
    </row>
    <row r="105623" spans="1:7" x14ac:dyDescent="0.3">
      <c r="A105623" s="13" t="s">
        <v>514</v>
      </c>
      <c r="B105623" s="14" t="s">
        <v>1</v>
      </c>
      <c r="C105623" s="14" t="s">
        <v>23</v>
      </c>
      <c r="D105623" s="14" t="s">
        <v>209</v>
      </c>
      <c r="E105623" s="15">
        <v>45514</v>
      </c>
      <c r="F105623" s="14" t="s">
        <v>61</v>
      </c>
      <c r="G105623" s="16">
        <v>1.897614771812538</v>
      </c>
    </row>
    <row r="105624" spans="1:7" x14ac:dyDescent="0.3">
      <c r="A105624" s="13" t="s">
        <v>514</v>
      </c>
      <c r="B105624" s="14" t="s">
        <v>1</v>
      </c>
      <c r="C105624" s="14" t="s">
        <v>23</v>
      </c>
      <c r="D105624" s="14" t="s">
        <v>209</v>
      </c>
      <c r="E105624" s="15">
        <v>45515</v>
      </c>
      <c r="F105624" s="14" t="s">
        <v>61</v>
      </c>
      <c r="G105624" s="16">
        <v>1.897614771812538</v>
      </c>
    </row>
    <row r="105625" spans="1:7" x14ac:dyDescent="0.3">
      <c r="A105625" s="13" t="s">
        <v>514</v>
      </c>
      <c r="B105625" s="14" t="s">
        <v>1</v>
      </c>
      <c r="C105625" s="14" t="s">
        <v>23</v>
      </c>
      <c r="D105625" s="14" t="s">
        <v>209</v>
      </c>
      <c r="E105625" s="15">
        <v>45516</v>
      </c>
      <c r="F105625" s="14" t="s">
        <v>61</v>
      </c>
      <c r="G105625" s="16">
        <v>1.9082914453931399</v>
      </c>
    </row>
    <row r="105626" spans="1:7" x14ac:dyDescent="0.3">
      <c r="A105626" s="13" t="s">
        <v>514</v>
      </c>
      <c r="B105626" s="14" t="s">
        <v>1</v>
      </c>
      <c r="C105626" s="14" t="s">
        <v>23</v>
      </c>
      <c r="D105626" s="14" t="s">
        <v>209</v>
      </c>
      <c r="E105626" s="15">
        <v>45517</v>
      </c>
      <c r="F105626" s="14" t="s">
        <v>61</v>
      </c>
      <c r="G105626" s="16">
        <v>1.9380744762142836</v>
      </c>
    </row>
    <row r="105627" spans="1:7" x14ac:dyDescent="0.3">
      <c r="A105627" s="13" t="s">
        <v>514</v>
      </c>
      <c r="B105627" s="14" t="s">
        <v>1</v>
      </c>
      <c r="C105627" s="14" t="s">
        <v>23</v>
      </c>
      <c r="D105627" s="14" t="s">
        <v>209</v>
      </c>
      <c r="E105627" s="15">
        <v>45518</v>
      </c>
      <c r="F105627" s="14" t="s">
        <v>61</v>
      </c>
      <c r="G105627" s="16">
        <v>1.9478692421259234</v>
      </c>
    </row>
    <row r="105628" spans="1:7" x14ac:dyDescent="0.3">
      <c r="A105628" s="13" t="s">
        <v>514</v>
      </c>
      <c r="B105628" s="14" t="s">
        <v>1</v>
      </c>
      <c r="C105628" s="14" t="s">
        <v>23</v>
      </c>
      <c r="D105628" s="14" t="s">
        <v>209</v>
      </c>
      <c r="E105628" s="15">
        <v>45519</v>
      </c>
      <c r="F105628" s="14" t="s">
        <v>61</v>
      </c>
      <c r="G105628" s="16">
        <v>1.9633009468927751</v>
      </c>
    </row>
    <row r="105629" spans="1:7" x14ac:dyDescent="0.3">
      <c r="A105629" s="13" t="s">
        <v>514</v>
      </c>
      <c r="B105629" s="14" t="s">
        <v>1</v>
      </c>
      <c r="C105629" s="14" t="s">
        <v>23</v>
      </c>
      <c r="D105629" s="14" t="s">
        <v>209</v>
      </c>
      <c r="E105629" s="15">
        <v>45520</v>
      </c>
      <c r="F105629" s="14" t="s">
        <v>61</v>
      </c>
      <c r="G105629" s="16">
        <v>1.9669730058462005</v>
      </c>
    </row>
    <row r="105630" spans="1:7" x14ac:dyDescent="0.3">
      <c r="A105630" s="13" t="s">
        <v>514</v>
      </c>
      <c r="B105630" s="14" t="s">
        <v>1</v>
      </c>
      <c r="C105630" s="14" t="s">
        <v>23</v>
      </c>
      <c r="D105630" s="14" t="s">
        <v>209</v>
      </c>
      <c r="E105630" s="15">
        <v>45521</v>
      </c>
      <c r="F105630" s="14" t="s">
        <v>61</v>
      </c>
      <c r="G105630" s="16">
        <v>1.9669730058462005</v>
      </c>
    </row>
    <row r="105631" spans="1:7" x14ac:dyDescent="0.3">
      <c r="A105631" s="13" t="s">
        <v>514</v>
      </c>
      <c r="B105631" s="14" t="s">
        <v>1</v>
      </c>
      <c r="C105631" s="14" t="s">
        <v>23</v>
      </c>
      <c r="D105631" s="14" t="s">
        <v>209</v>
      </c>
      <c r="E105631" s="15">
        <v>45522</v>
      </c>
      <c r="F105631" s="14" t="s">
        <v>61</v>
      </c>
      <c r="G105631" s="16">
        <v>1.9669730058462005</v>
      </c>
    </row>
    <row r="105632" spans="1:7" x14ac:dyDescent="0.3">
      <c r="A105632" s="13" t="s">
        <v>514</v>
      </c>
      <c r="B105632" s="14" t="s">
        <v>1</v>
      </c>
      <c r="C105632" s="14" t="s">
        <v>23</v>
      </c>
      <c r="D105632" s="14" t="s">
        <v>209</v>
      </c>
      <c r="E105632" s="15">
        <v>45523</v>
      </c>
      <c r="F105632" s="14" t="s">
        <v>61</v>
      </c>
      <c r="G105632" s="16">
        <v>1.9702465429938474</v>
      </c>
    </row>
    <row r="105633" spans="1:7" x14ac:dyDescent="0.3">
      <c r="A105633" s="13" t="s">
        <v>514</v>
      </c>
      <c r="B105633" s="14" t="s">
        <v>1</v>
      </c>
      <c r="C105633" s="14" t="s">
        <v>23</v>
      </c>
      <c r="D105633" s="14" t="s">
        <v>209</v>
      </c>
      <c r="E105633" s="15">
        <v>45524</v>
      </c>
      <c r="F105633" s="14" t="s">
        <v>61</v>
      </c>
      <c r="G105633" s="16">
        <v>2.0034766479600856</v>
      </c>
    </row>
    <row r="105634" spans="1:7" x14ac:dyDescent="0.3">
      <c r="A105634" s="13" t="s">
        <v>514</v>
      </c>
      <c r="B105634" s="14" t="s">
        <v>1</v>
      </c>
      <c r="C105634" s="14" t="s">
        <v>23</v>
      </c>
      <c r="D105634" s="14" t="s">
        <v>209</v>
      </c>
      <c r="E105634" s="15">
        <v>45525</v>
      </c>
      <c r="F105634" s="14" t="s">
        <v>61</v>
      </c>
      <c r="G105634" s="16">
        <v>2.0092416242217057</v>
      </c>
    </row>
    <row r="105635" spans="1:7" x14ac:dyDescent="0.3">
      <c r="A105635" s="13" t="s">
        <v>514</v>
      </c>
      <c r="B105635" s="14" t="s">
        <v>1</v>
      </c>
      <c r="C105635" s="14" t="s">
        <v>23</v>
      </c>
      <c r="D105635" s="14" t="s">
        <v>209</v>
      </c>
      <c r="E105635" s="15">
        <v>45526</v>
      </c>
      <c r="F105635" s="14" t="s">
        <v>61</v>
      </c>
      <c r="G105635" s="16">
        <v>2.0295584185062934</v>
      </c>
    </row>
    <row r="105636" spans="1:7" x14ac:dyDescent="0.3">
      <c r="A105636" s="13" t="s">
        <v>514</v>
      </c>
      <c r="B105636" s="14" t="s">
        <v>1</v>
      </c>
      <c r="C105636" s="14" t="s">
        <v>23</v>
      </c>
      <c r="D105636" s="14" t="s">
        <v>209</v>
      </c>
      <c r="E105636" s="15">
        <v>45527</v>
      </c>
      <c r="F105636" s="14" t="s">
        <v>61</v>
      </c>
      <c r="G105636" s="16">
        <v>2.0285878519892346</v>
      </c>
    </row>
    <row r="105637" spans="1:7" x14ac:dyDescent="0.3">
      <c r="A105637" s="13" t="s">
        <v>514</v>
      </c>
      <c r="B105637" s="14" t="s">
        <v>1</v>
      </c>
      <c r="C105637" s="14" t="s">
        <v>23</v>
      </c>
      <c r="D105637" s="14" t="s">
        <v>209</v>
      </c>
      <c r="E105637" s="15">
        <v>45528</v>
      </c>
      <c r="F105637" s="14" t="s">
        <v>61</v>
      </c>
      <c r="G105637" s="16">
        <v>2.0285878519892346</v>
      </c>
    </row>
    <row r="105638" spans="1:7" x14ac:dyDescent="0.3">
      <c r="A105638" s="13" t="s">
        <v>514</v>
      </c>
      <c r="B105638" s="14" t="s">
        <v>1</v>
      </c>
      <c r="C105638" s="14" t="s">
        <v>23</v>
      </c>
      <c r="D105638" s="14" t="s">
        <v>209</v>
      </c>
      <c r="E105638" s="15">
        <v>45529</v>
      </c>
      <c r="F105638" s="14" t="s">
        <v>61</v>
      </c>
      <c r="G105638" s="16">
        <v>2.0285878519892346</v>
      </c>
    </row>
    <row r="105639" spans="1:7" x14ac:dyDescent="0.3">
      <c r="A105639" s="13" t="s">
        <v>514</v>
      </c>
      <c r="B105639" s="14" t="s">
        <v>1</v>
      </c>
      <c r="C105639" s="14" t="s">
        <v>23</v>
      </c>
      <c r="D105639" s="14" t="s">
        <v>209</v>
      </c>
      <c r="E105639" s="15">
        <v>45530</v>
      </c>
      <c r="F105639" s="14" t="s">
        <v>61</v>
      </c>
      <c r="G105639" s="16">
        <v>2.0481281692009596</v>
      </c>
    </row>
    <row r="105640" spans="1:7" x14ac:dyDescent="0.3">
      <c r="A105640" s="13" t="s">
        <v>514</v>
      </c>
      <c r="B105640" s="14" t="s">
        <v>1</v>
      </c>
      <c r="C105640" s="14" t="s">
        <v>23</v>
      </c>
      <c r="D105640" s="14" t="s">
        <v>209</v>
      </c>
      <c r="E105640" s="15">
        <v>45531</v>
      </c>
      <c r="F105640" s="14" t="s">
        <v>61</v>
      </c>
      <c r="G105640" s="16">
        <v>2.0850954118152418</v>
      </c>
    </row>
    <row r="105641" spans="1:7" x14ac:dyDescent="0.3">
      <c r="A105641" s="13" t="s">
        <v>514</v>
      </c>
      <c r="B105641" s="14" t="s">
        <v>1</v>
      </c>
      <c r="C105641" s="14" t="s">
        <v>23</v>
      </c>
      <c r="D105641" s="14" t="s">
        <v>209</v>
      </c>
      <c r="E105641" s="15">
        <v>45532</v>
      </c>
      <c r="F105641" s="14" t="s">
        <v>61</v>
      </c>
      <c r="G105641" s="16">
        <v>2.1112147631600719</v>
      </c>
    </row>
    <row r="105642" spans="1:7" x14ac:dyDescent="0.3">
      <c r="A105642" s="13" t="s">
        <v>514</v>
      </c>
      <c r="B105642" s="14" t="s">
        <v>1</v>
      </c>
      <c r="C105642" s="14" t="s">
        <v>23</v>
      </c>
      <c r="D105642" s="14" t="s">
        <v>209</v>
      </c>
      <c r="E105642" s="15">
        <v>45533</v>
      </c>
      <c r="F105642" s="14" t="s">
        <v>61</v>
      </c>
      <c r="G105642" s="16">
        <v>2.1327815668277683</v>
      </c>
    </row>
    <row r="105643" spans="1:7" x14ac:dyDescent="0.3">
      <c r="A105643" s="13" t="s">
        <v>514</v>
      </c>
      <c r="B105643" s="14" t="s">
        <v>1</v>
      </c>
      <c r="C105643" s="14" t="s">
        <v>23</v>
      </c>
      <c r="D105643" s="14" t="s">
        <v>209</v>
      </c>
      <c r="E105643" s="15">
        <v>45534</v>
      </c>
      <c r="F105643" s="14" t="s">
        <v>61</v>
      </c>
      <c r="G105643" s="16">
        <v>2.1521012399133626</v>
      </c>
    </row>
    <row r="105644" spans="1:7" x14ac:dyDescent="0.3">
      <c r="A105644" s="13" t="s">
        <v>514</v>
      </c>
      <c r="B105644" s="14" t="s">
        <v>1</v>
      </c>
      <c r="C105644" s="14" t="s">
        <v>23</v>
      </c>
      <c r="D105644" s="14" t="s">
        <v>209</v>
      </c>
      <c r="E105644" s="15">
        <v>45535</v>
      </c>
      <c r="F105644" s="14" t="s">
        <v>61</v>
      </c>
      <c r="G105644" s="16">
        <v>2.1521012399133626</v>
      </c>
    </row>
    <row r="105645" spans="1:7" x14ac:dyDescent="0.3">
      <c r="A105645" s="13" t="s">
        <v>514</v>
      </c>
      <c r="B105645" s="14" t="s">
        <v>1</v>
      </c>
      <c r="C105645" s="14" t="s">
        <v>23</v>
      </c>
      <c r="D105645" s="14" t="s">
        <v>209</v>
      </c>
      <c r="E105645" s="15">
        <v>45536</v>
      </c>
      <c r="F105645" s="14" t="s">
        <v>61</v>
      </c>
      <c r="G105645" s="16">
        <v>2.1521012399133626</v>
      </c>
    </row>
    <row r="105646" spans="1:7" x14ac:dyDescent="0.3">
      <c r="A105646" s="13" t="s">
        <v>514</v>
      </c>
      <c r="B105646" s="14" t="s">
        <v>1</v>
      </c>
      <c r="C105646" s="14" t="s">
        <v>23</v>
      </c>
      <c r="D105646" s="14" t="s">
        <v>209</v>
      </c>
      <c r="E105646" s="15">
        <v>45537</v>
      </c>
      <c r="F105646" s="14" t="s">
        <v>61</v>
      </c>
      <c r="G105646" s="16">
        <v>2.1521012399133626</v>
      </c>
    </row>
    <row r="105647" spans="1:7" x14ac:dyDescent="0.3">
      <c r="A105647" s="13" t="s">
        <v>514</v>
      </c>
      <c r="B105647" s="14" t="s">
        <v>1</v>
      </c>
      <c r="C105647" s="14" t="s">
        <v>23</v>
      </c>
      <c r="D105647" s="14" t="s">
        <v>209</v>
      </c>
      <c r="E105647" s="15">
        <v>45538</v>
      </c>
      <c r="F105647" s="14" t="s">
        <v>61</v>
      </c>
      <c r="G105647" s="16">
        <v>2.1668375689991652</v>
      </c>
    </row>
    <row r="105648" spans="1:7" x14ac:dyDescent="0.3">
      <c r="A105648" s="13" t="s">
        <v>514</v>
      </c>
      <c r="B105648" s="14" t="s">
        <v>1</v>
      </c>
      <c r="C105648" s="14" t="s">
        <v>23</v>
      </c>
      <c r="D105648" s="14" t="s">
        <v>209</v>
      </c>
      <c r="E105648" s="15">
        <v>45539</v>
      </c>
      <c r="F105648" s="14" t="s">
        <v>61</v>
      </c>
      <c r="G105648" s="16">
        <v>2.2055136383333571</v>
      </c>
    </row>
    <row r="105649" spans="1:7" x14ac:dyDescent="0.3">
      <c r="A105649" s="13" t="s">
        <v>514</v>
      </c>
      <c r="B105649" s="14" t="s">
        <v>1</v>
      </c>
      <c r="C105649" s="14" t="s">
        <v>23</v>
      </c>
      <c r="D105649" s="14" t="s">
        <v>209</v>
      </c>
      <c r="E105649" s="15">
        <v>45540</v>
      </c>
      <c r="F105649" s="14" t="s">
        <v>61</v>
      </c>
      <c r="G105649" s="16">
        <v>2.2135679712648657</v>
      </c>
    </row>
    <row r="105650" spans="1:7" x14ac:dyDescent="0.3">
      <c r="A105650" s="13" t="s">
        <v>514</v>
      </c>
      <c r="B105650" s="14" t="s">
        <v>1</v>
      </c>
      <c r="C105650" s="14" t="s">
        <v>23</v>
      </c>
      <c r="D105650" s="14" t="s">
        <v>209</v>
      </c>
      <c r="E105650" s="15">
        <v>45541</v>
      </c>
      <c r="F105650" s="14" t="s">
        <v>61</v>
      </c>
      <c r="G105650" s="16">
        <v>2.2326812003056862</v>
      </c>
    </row>
    <row r="105651" spans="1:7" x14ac:dyDescent="0.3">
      <c r="A105651" s="13" t="s">
        <v>514</v>
      </c>
      <c r="B105651" s="14" t="s">
        <v>1</v>
      </c>
      <c r="C105651" s="14" t="s">
        <v>23</v>
      </c>
      <c r="D105651" s="14" t="s">
        <v>209</v>
      </c>
      <c r="E105651" s="15">
        <v>45542</v>
      </c>
      <c r="F105651" s="14" t="s">
        <v>61</v>
      </c>
      <c r="G105651" s="16">
        <v>2.2326812003056862</v>
      </c>
    </row>
    <row r="105652" spans="1:7" x14ac:dyDescent="0.3">
      <c r="A105652" s="13" t="s">
        <v>514</v>
      </c>
      <c r="B105652" s="14" t="s">
        <v>1</v>
      </c>
      <c r="C105652" s="14" t="s">
        <v>23</v>
      </c>
      <c r="D105652" s="14" t="s">
        <v>209</v>
      </c>
      <c r="E105652" s="15">
        <v>45543</v>
      </c>
      <c r="F105652" s="14" t="s">
        <v>61</v>
      </c>
      <c r="G105652" s="16">
        <v>2.2326812003056862</v>
      </c>
    </row>
    <row r="105653" spans="1:7" x14ac:dyDescent="0.3">
      <c r="A105653" s="13" t="s">
        <v>514</v>
      </c>
      <c r="B105653" s="14" t="s">
        <v>1</v>
      </c>
      <c r="C105653" s="14" t="s">
        <v>23</v>
      </c>
      <c r="D105653" s="14" t="s">
        <v>209</v>
      </c>
      <c r="E105653" s="15">
        <v>45544</v>
      </c>
      <c r="F105653" s="14" t="s">
        <v>61</v>
      </c>
      <c r="G105653" s="16">
        <v>2.282956468335299</v>
      </c>
    </row>
    <row r="105654" spans="1:7" x14ac:dyDescent="0.3">
      <c r="A105654" s="13" t="s">
        <v>514</v>
      </c>
      <c r="B105654" s="14" t="s">
        <v>1</v>
      </c>
      <c r="C105654" s="14" t="s">
        <v>23</v>
      </c>
      <c r="D105654" s="14" t="s">
        <v>209</v>
      </c>
      <c r="E105654" s="15">
        <v>45545</v>
      </c>
      <c r="F105654" s="14" t="s">
        <v>61</v>
      </c>
      <c r="G105654" s="16">
        <v>2.3242969948730337</v>
      </c>
    </row>
    <row r="105655" spans="1:7" x14ac:dyDescent="0.3">
      <c r="A105655" s="13" t="s">
        <v>514</v>
      </c>
      <c r="B105655" s="14" t="s">
        <v>1</v>
      </c>
      <c r="C105655" s="14" t="s">
        <v>23</v>
      </c>
      <c r="D105655" s="14" t="s">
        <v>209</v>
      </c>
      <c r="E105655" s="15">
        <v>45546</v>
      </c>
      <c r="F105655" s="14" t="s">
        <v>61</v>
      </c>
      <c r="G105655" s="16">
        <v>2.3377746298572273</v>
      </c>
    </row>
    <row r="105656" spans="1:7" x14ac:dyDescent="0.3">
      <c r="A105656" s="13" t="s">
        <v>514</v>
      </c>
      <c r="B105656" s="14" t="s">
        <v>1</v>
      </c>
      <c r="C105656" s="14" t="s">
        <v>23</v>
      </c>
      <c r="D105656" s="14" t="s">
        <v>209</v>
      </c>
      <c r="E105656" s="15">
        <v>45547</v>
      </c>
      <c r="F105656" s="14" t="s">
        <v>61</v>
      </c>
      <c r="G105656" s="16">
        <v>2.3386626786028057</v>
      </c>
    </row>
    <row r="105657" spans="1:7" x14ac:dyDescent="0.3">
      <c r="A105657" s="13" t="s">
        <v>514</v>
      </c>
      <c r="B105657" s="14" t="s">
        <v>1</v>
      </c>
      <c r="C105657" s="14" t="s">
        <v>23</v>
      </c>
      <c r="D105657" s="14" t="s">
        <v>209</v>
      </c>
      <c r="E105657" s="15">
        <v>45548</v>
      </c>
      <c r="F105657" s="14" t="s">
        <v>61</v>
      </c>
      <c r="G105657" s="16">
        <v>2.3520937445244621</v>
      </c>
    </row>
    <row r="105658" spans="1:7" x14ac:dyDescent="0.3">
      <c r="A105658" s="13" t="s">
        <v>514</v>
      </c>
      <c r="B105658" s="14" t="s">
        <v>1</v>
      </c>
      <c r="C105658" s="14" t="s">
        <v>23</v>
      </c>
      <c r="D105658" s="14" t="s">
        <v>209</v>
      </c>
      <c r="E105658" s="15">
        <v>45549</v>
      </c>
      <c r="F105658" s="14" t="s">
        <v>61</v>
      </c>
      <c r="G105658" s="16">
        <v>2.3520937445244621</v>
      </c>
    </row>
    <row r="105659" spans="1:7" x14ac:dyDescent="0.3">
      <c r="A105659" s="13" t="s">
        <v>514</v>
      </c>
      <c r="B105659" s="14" t="s">
        <v>1</v>
      </c>
      <c r="C105659" s="14" t="s">
        <v>23</v>
      </c>
      <c r="D105659" s="14" t="s">
        <v>209</v>
      </c>
      <c r="E105659" s="15">
        <v>45550</v>
      </c>
      <c r="F105659" s="14" t="s">
        <v>61</v>
      </c>
      <c r="G105659" s="16">
        <v>2.3520937445244621</v>
      </c>
    </row>
    <row r="105660" spans="1:7" x14ac:dyDescent="0.3">
      <c r="A105660" s="13" t="s">
        <v>514</v>
      </c>
      <c r="B105660" s="14" t="s">
        <v>1</v>
      </c>
      <c r="C105660" s="14" t="s">
        <v>23</v>
      </c>
      <c r="D105660" s="14" t="s">
        <v>209</v>
      </c>
      <c r="E105660" s="15">
        <v>45551</v>
      </c>
      <c r="F105660" s="14" t="s">
        <v>61</v>
      </c>
      <c r="G105660" s="16">
        <v>2.3538923023463805</v>
      </c>
    </row>
    <row r="105661" spans="1:7" x14ac:dyDescent="0.3">
      <c r="A105661" s="13" t="s">
        <v>514</v>
      </c>
      <c r="B105661" s="14" t="s">
        <v>1</v>
      </c>
      <c r="C105661" s="14" t="s">
        <v>23</v>
      </c>
      <c r="D105661" s="14" t="s">
        <v>209</v>
      </c>
      <c r="E105661" s="15">
        <v>45552</v>
      </c>
      <c r="F105661" s="14" t="s">
        <v>61</v>
      </c>
      <c r="G105661" s="16">
        <v>2.4008057689707565</v>
      </c>
    </row>
    <row r="105662" spans="1:7" x14ac:dyDescent="0.3">
      <c r="A105662" s="13" t="s">
        <v>514</v>
      </c>
      <c r="B105662" s="14" t="s">
        <v>1</v>
      </c>
      <c r="C105662" s="14" t="s">
        <v>23</v>
      </c>
      <c r="D105662" s="14" t="s">
        <v>209</v>
      </c>
      <c r="E105662" s="15">
        <v>45553</v>
      </c>
      <c r="F105662" s="14" t="s">
        <v>61</v>
      </c>
      <c r="G105662" s="16">
        <v>2.4139461063862462</v>
      </c>
    </row>
    <row r="105663" spans="1:7" x14ac:dyDescent="0.3">
      <c r="A105663" s="13" t="s">
        <v>514</v>
      </c>
      <c r="B105663" s="14" t="s">
        <v>1</v>
      </c>
      <c r="C105663" s="14" t="s">
        <v>23</v>
      </c>
      <c r="D105663" s="14" t="s">
        <v>209</v>
      </c>
      <c r="E105663" s="15">
        <v>45554</v>
      </c>
      <c r="F105663" s="14" t="s">
        <v>61</v>
      </c>
      <c r="G105663" s="16">
        <v>2.4181159925208289</v>
      </c>
    </row>
    <row r="105664" spans="1:7" x14ac:dyDescent="0.3">
      <c r="A105664" s="13" t="s">
        <v>514</v>
      </c>
      <c r="B105664" s="14" t="s">
        <v>1</v>
      </c>
      <c r="C105664" s="14" t="s">
        <v>23</v>
      </c>
      <c r="D105664" s="14" t="s">
        <v>209</v>
      </c>
      <c r="E105664" s="15">
        <v>45555</v>
      </c>
      <c r="F105664" s="14" t="s">
        <v>61</v>
      </c>
      <c r="G105664" s="16">
        <v>2.4323183539399227</v>
      </c>
    </row>
    <row r="105665" spans="1:7" x14ac:dyDescent="0.3">
      <c r="A105665" s="13" t="s">
        <v>514</v>
      </c>
      <c r="B105665" s="14" t="s">
        <v>1</v>
      </c>
      <c r="C105665" s="14" t="s">
        <v>23</v>
      </c>
      <c r="D105665" s="14" t="s">
        <v>209</v>
      </c>
      <c r="E105665" s="15">
        <v>45556</v>
      </c>
      <c r="F105665" s="14" t="s">
        <v>61</v>
      </c>
      <c r="G105665" s="16">
        <v>2.4323183539399227</v>
      </c>
    </row>
    <row r="105666" spans="1:7" x14ac:dyDescent="0.3">
      <c r="A105666" s="13" t="s">
        <v>514</v>
      </c>
      <c r="B105666" s="14" t="s">
        <v>1</v>
      </c>
      <c r="C105666" s="14" t="s">
        <v>23</v>
      </c>
      <c r="D105666" s="14" t="s">
        <v>209</v>
      </c>
      <c r="E105666" s="15">
        <v>45557</v>
      </c>
      <c r="F105666" s="14" t="s">
        <v>61</v>
      </c>
      <c r="G105666" s="16">
        <v>2.4323183539399227</v>
      </c>
    </row>
    <row r="105667" spans="1:7" x14ac:dyDescent="0.3">
      <c r="A105667" s="13" t="s">
        <v>514</v>
      </c>
      <c r="B105667" s="14" t="s">
        <v>1</v>
      </c>
      <c r="C105667" s="14" t="s">
        <v>23</v>
      </c>
      <c r="D105667" s="14" t="s">
        <v>209</v>
      </c>
      <c r="E105667" s="15">
        <v>45558</v>
      </c>
      <c r="F105667" s="14" t="s">
        <v>61</v>
      </c>
      <c r="G105667" s="16">
        <v>2.4576975253920139</v>
      </c>
    </row>
    <row r="105668" spans="1:7" x14ac:dyDescent="0.3">
      <c r="A105668" s="13" t="s">
        <v>514</v>
      </c>
      <c r="B105668" s="14" t="s">
        <v>1</v>
      </c>
      <c r="C105668" s="14" t="s">
        <v>23</v>
      </c>
      <c r="D105668" s="14" t="s">
        <v>209</v>
      </c>
      <c r="E105668" s="15">
        <v>45559</v>
      </c>
      <c r="F105668" s="14" t="s">
        <v>61</v>
      </c>
      <c r="G105668" s="16">
        <v>2.4976814355376367</v>
      </c>
    </row>
    <row r="105669" spans="1:7" x14ac:dyDescent="0.3">
      <c r="A105669" s="13" t="s">
        <v>514</v>
      </c>
      <c r="B105669" s="14" t="s">
        <v>1</v>
      </c>
      <c r="C105669" s="14" t="s">
        <v>23</v>
      </c>
      <c r="D105669" s="14" t="s">
        <v>209</v>
      </c>
      <c r="E105669" s="15">
        <v>45560</v>
      </c>
      <c r="F105669" s="14" t="s">
        <v>61</v>
      </c>
      <c r="G105669" s="16">
        <v>2.522683472365892</v>
      </c>
    </row>
    <row r="105670" spans="1:7" x14ac:dyDescent="0.3">
      <c r="A105670" s="13" t="s">
        <v>514</v>
      </c>
      <c r="B105670" s="14" t="s">
        <v>1</v>
      </c>
      <c r="C105670" s="14" t="s">
        <v>23</v>
      </c>
      <c r="D105670" s="14" t="s">
        <v>209</v>
      </c>
      <c r="E105670" s="15">
        <v>45561</v>
      </c>
      <c r="F105670" s="14" t="s">
        <v>61</v>
      </c>
      <c r="G105670" s="16">
        <v>2.5277320767162417</v>
      </c>
    </row>
    <row r="105671" spans="1:7" x14ac:dyDescent="0.3">
      <c r="A105671" s="13" t="s">
        <v>514</v>
      </c>
      <c r="B105671" s="14" t="s">
        <v>1</v>
      </c>
      <c r="C105671" s="14" t="s">
        <v>23</v>
      </c>
      <c r="D105671" s="14" t="s">
        <v>209</v>
      </c>
      <c r="E105671" s="15">
        <v>45562</v>
      </c>
      <c r="F105671" s="14" t="s">
        <v>61</v>
      </c>
      <c r="G105671" s="16">
        <v>2.5477325817173897</v>
      </c>
    </row>
    <row r="105672" spans="1:7" x14ac:dyDescent="0.3">
      <c r="A105672" s="13" t="s">
        <v>514</v>
      </c>
      <c r="B105672" s="14" t="s">
        <v>1</v>
      </c>
      <c r="C105672" s="14" t="s">
        <v>23</v>
      </c>
      <c r="D105672" s="14" t="s">
        <v>209</v>
      </c>
      <c r="E105672" s="15">
        <v>45563</v>
      </c>
      <c r="F105672" s="14" t="s">
        <v>61</v>
      </c>
      <c r="G105672" s="16">
        <v>2.5477325817173897</v>
      </c>
    </row>
    <row r="105673" spans="1:7" x14ac:dyDescent="0.3">
      <c r="A105673" s="13" t="s">
        <v>514</v>
      </c>
      <c r="B105673" s="14" t="s">
        <v>1</v>
      </c>
      <c r="C105673" s="14" t="s">
        <v>23</v>
      </c>
      <c r="D105673" s="14" t="s">
        <v>209</v>
      </c>
      <c r="E105673" s="15">
        <v>45564</v>
      </c>
      <c r="F105673" s="14" t="s">
        <v>61</v>
      </c>
      <c r="G105673" s="16">
        <v>2.5477325817173897</v>
      </c>
    </row>
    <row r="105674" spans="1:7" x14ac:dyDescent="0.3">
      <c r="A105674" s="13" t="s">
        <v>514</v>
      </c>
      <c r="B105674" s="14" t="s">
        <v>1</v>
      </c>
      <c r="C105674" s="14" t="s">
        <v>23</v>
      </c>
      <c r="D105674" s="14" t="s">
        <v>209</v>
      </c>
      <c r="E105674" s="15">
        <v>45565</v>
      </c>
      <c r="F105674" s="14" t="s">
        <v>61</v>
      </c>
      <c r="G105674" s="16">
        <v>2.5691810740469547</v>
      </c>
    </row>
    <row r="105675" spans="1:7" x14ac:dyDescent="0.3">
      <c r="A105675" s="13" t="s">
        <v>514</v>
      </c>
      <c r="B105675" s="14" t="s">
        <v>1</v>
      </c>
      <c r="C105675" s="14" t="s">
        <v>23</v>
      </c>
      <c r="D105675" s="14" t="s">
        <v>209</v>
      </c>
      <c r="E105675" s="15">
        <v>45566</v>
      </c>
      <c r="F105675" s="14" t="s">
        <v>61</v>
      </c>
      <c r="G105675" s="16">
        <v>2.6286133730062011</v>
      </c>
    </row>
    <row r="105676" spans="1:7" x14ac:dyDescent="0.3">
      <c r="A105676" s="13" t="s">
        <v>514</v>
      </c>
      <c r="B105676" s="14" t="s">
        <v>1</v>
      </c>
      <c r="C105676" s="14" t="s">
        <v>23</v>
      </c>
      <c r="D105676" s="14" t="s">
        <v>209</v>
      </c>
      <c r="E105676" s="15">
        <v>45567</v>
      </c>
      <c r="F105676" s="14" t="s">
        <v>61</v>
      </c>
      <c r="G105676" s="16">
        <v>2.6486438275625388</v>
      </c>
    </row>
    <row r="105677" spans="1:7" x14ac:dyDescent="0.3">
      <c r="A105677" s="13" t="s">
        <v>514</v>
      </c>
      <c r="B105677" s="14" t="s">
        <v>1</v>
      </c>
      <c r="C105677" s="14" t="s">
        <v>23</v>
      </c>
      <c r="D105677" s="14" t="s">
        <v>209</v>
      </c>
      <c r="E105677" s="15">
        <v>45568</v>
      </c>
      <c r="F105677" s="14" t="s">
        <v>61</v>
      </c>
      <c r="G105677" s="16">
        <v>2.6580356431900305</v>
      </c>
    </row>
    <row r="105678" spans="1:7" x14ac:dyDescent="0.3">
      <c r="A105678" s="13" t="s">
        <v>514</v>
      </c>
      <c r="B105678" s="14" t="s">
        <v>1</v>
      </c>
      <c r="C105678" s="14" t="s">
        <v>23</v>
      </c>
      <c r="D105678" s="14" t="s">
        <v>209</v>
      </c>
      <c r="E105678" s="15">
        <v>45569</v>
      </c>
      <c r="F105678" s="14" t="s">
        <v>61</v>
      </c>
      <c r="G105678" s="16">
        <v>2.6858618791069433</v>
      </c>
    </row>
    <row r="105679" spans="1:7" x14ac:dyDescent="0.3">
      <c r="A105679" s="13" t="s">
        <v>514</v>
      </c>
      <c r="B105679" s="14" t="s">
        <v>1</v>
      </c>
      <c r="C105679" s="14" t="s">
        <v>23</v>
      </c>
      <c r="D105679" s="14" t="s">
        <v>209</v>
      </c>
      <c r="E105679" s="15">
        <v>45570</v>
      </c>
      <c r="F105679" s="14" t="s">
        <v>61</v>
      </c>
      <c r="G105679" s="16">
        <v>2.6858618791069433</v>
      </c>
    </row>
    <row r="105680" spans="1:7" x14ac:dyDescent="0.3">
      <c r="A105680" s="13" t="s">
        <v>514</v>
      </c>
      <c r="B105680" s="14" t="s">
        <v>1</v>
      </c>
      <c r="C105680" s="14" t="s">
        <v>23</v>
      </c>
      <c r="D105680" s="14" t="s">
        <v>209</v>
      </c>
      <c r="E105680" s="15">
        <v>45571</v>
      </c>
      <c r="F105680" s="14" t="s">
        <v>61</v>
      </c>
      <c r="G105680" s="16">
        <v>2.6858618791069433</v>
      </c>
    </row>
    <row r="105681" spans="1:7" x14ac:dyDescent="0.3">
      <c r="A105681" s="13" t="s">
        <v>514</v>
      </c>
      <c r="B105681" s="14" t="s">
        <v>1</v>
      </c>
      <c r="C105681" s="14" t="s">
        <v>23</v>
      </c>
      <c r="D105681" s="14" t="s">
        <v>209</v>
      </c>
      <c r="E105681" s="15">
        <v>45572</v>
      </c>
      <c r="F105681" s="14" t="s">
        <v>61</v>
      </c>
      <c r="G105681" s="16">
        <v>2.7226623908002803</v>
      </c>
    </row>
    <row r="105682" spans="1:7" x14ac:dyDescent="0.3">
      <c r="A105682" s="13" t="s">
        <v>514</v>
      </c>
      <c r="B105682" s="14" t="s">
        <v>1</v>
      </c>
      <c r="C105682" s="14" t="s">
        <v>23</v>
      </c>
      <c r="D105682" s="14" t="s">
        <v>209</v>
      </c>
      <c r="E105682" s="15">
        <v>45573</v>
      </c>
      <c r="F105682" s="14" t="s">
        <v>61</v>
      </c>
      <c r="G105682" s="16">
        <v>2.7681415435900756</v>
      </c>
    </row>
    <row r="105683" spans="1:7" x14ac:dyDescent="0.3">
      <c r="A105683" s="13" t="s">
        <v>514</v>
      </c>
      <c r="B105683" s="14" t="s">
        <v>1</v>
      </c>
      <c r="C105683" s="14" t="s">
        <v>23</v>
      </c>
      <c r="D105683" s="14" t="s">
        <v>209</v>
      </c>
      <c r="E105683" s="15">
        <v>45574</v>
      </c>
      <c r="F105683" s="14" t="s">
        <v>61</v>
      </c>
      <c r="G105683" s="16">
        <v>2.7941150155483614</v>
      </c>
    </row>
    <row r="105684" spans="1:7" x14ac:dyDescent="0.3">
      <c r="A105684" s="13" t="s">
        <v>514</v>
      </c>
      <c r="B105684" s="14" t="s">
        <v>1</v>
      </c>
      <c r="C105684" s="14" t="s">
        <v>23</v>
      </c>
      <c r="D105684" s="14" t="s">
        <v>209</v>
      </c>
      <c r="E105684" s="15">
        <v>45575</v>
      </c>
      <c r="F105684" s="14" t="s">
        <v>61</v>
      </c>
      <c r="G105684" s="16">
        <v>2.8100483460325982</v>
      </c>
    </row>
    <row r="105685" spans="1:7" x14ac:dyDescent="0.3">
      <c r="A105685" s="13" t="s">
        <v>514</v>
      </c>
      <c r="B105685" s="14" t="s">
        <v>1</v>
      </c>
      <c r="C105685" s="14" t="s">
        <v>23</v>
      </c>
      <c r="D105685" s="14" t="s">
        <v>209</v>
      </c>
      <c r="E105685" s="15">
        <v>45576</v>
      </c>
      <c r="F105685" s="14" t="s">
        <v>61</v>
      </c>
      <c r="G105685" s="16">
        <v>2.824280204225603</v>
      </c>
    </row>
    <row r="105686" spans="1:7" x14ac:dyDescent="0.3">
      <c r="A105686" s="13" t="s">
        <v>514</v>
      </c>
      <c r="B105686" s="14" t="s">
        <v>1</v>
      </c>
      <c r="C105686" s="14" t="s">
        <v>23</v>
      </c>
      <c r="D105686" s="14" t="s">
        <v>209</v>
      </c>
      <c r="E105686" s="15">
        <v>45577</v>
      </c>
      <c r="F105686" s="14" t="s">
        <v>61</v>
      </c>
      <c r="G105686" s="16">
        <v>2.824280204225603</v>
      </c>
    </row>
    <row r="105687" spans="1:7" x14ac:dyDescent="0.3">
      <c r="A105687" s="13" t="s">
        <v>514</v>
      </c>
      <c r="B105687" s="14" t="s">
        <v>1</v>
      </c>
      <c r="C105687" s="14" t="s">
        <v>23</v>
      </c>
      <c r="D105687" s="14" t="s">
        <v>209</v>
      </c>
      <c r="E105687" s="15">
        <v>45578</v>
      </c>
      <c r="F105687" s="14" t="s">
        <v>61</v>
      </c>
      <c r="G105687" s="16">
        <v>2.824280204225603</v>
      </c>
    </row>
    <row r="105688" spans="1:7" x14ac:dyDescent="0.3">
      <c r="A105688" s="13" t="s">
        <v>514</v>
      </c>
      <c r="B105688" s="14" t="s">
        <v>1</v>
      </c>
      <c r="C105688" s="14" t="s">
        <v>23</v>
      </c>
      <c r="D105688" s="14" t="s">
        <v>209</v>
      </c>
      <c r="E105688" s="15">
        <v>45579</v>
      </c>
      <c r="F105688" s="14" t="s">
        <v>61</v>
      </c>
      <c r="G105688" s="16">
        <v>2.824280204225603</v>
      </c>
    </row>
    <row r="105689" spans="1:7" x14ac:dyDescent="0.3">
      <c r="A105689" s="13" t="s">
        <v>514</v>
      </c>
      <c r="B105689" s="14" t="s">
        <v>1</v>
      </c>
      <c r="C105689" s="14" t="s">
        <v>23</v>
      </c>
      <c r="D105689" s="14" t="s">
        <v>209</v>
      </c>
      <c r="E105689" s="15">
        <v>45580</v>
      </c>
      <c r="F105689" s="14" t="s">
        <v>61</v>
      </c>
      <c r="G105689" s="16">
        <v>2.8512748323698798</v>
      </c>
    </row>
    <row r="105690" spans="1:7" x14ac:dyDescent="0.3">
      <c r="A105690" s="13" t="s">
        <v>514</v>
      </c>
      <c r="B105690" s="14" t="s">
        <v>1</v>
      </c>
      <c r="C105690" s="14" t="s">
        <v>23</v>
      </c>
      <c r="D105690" s="14" t="s">
        <v>209</v>
      </c>
      <c r="E105690" s="15">
        <v>45581</v>
      </c>
      <c r="F105690" s="14" t="s">
        <v>61</v>
      </c>
      <c r="G105690" s="16">
        <v>2.9194024201036135</v>
      </c>
    </row>
    <row r="105691" spans="1:7" x14ac:dyDescent="0.3">
      <c r="A105691" s="13" t="s">
        <v>514</v>
      </c>
      <c r="B105691" s="14" t="s">
        <v>1</v>
      </c>
      <c r="C105691" s="14" t="s">
        <v>23</v>
      </c>
      <c r="D105691" s="14" t="s">
        <v>209</v>
      </c>
      <c r="E105691" s="15">
        <v>45582</v>
      </c>
      <c r="F105691" s="14" t="s">
        <v>61</v>
      </c>
      <c r="G105691" s="16">
        <v>2.9424088895968525</v>
      </c>
    </row>
    <row r="105692" spans="1:7" x14ac:dyDescent="0.3">
      <c r="A105692" s="13" t="s">
        <v>514</v>
      </c>
      <c r="B105692" s="14" t="s">
        <v>1</v>
      </c>
      <c r="C105692" s="14" t="s">
        <v>23</v>
      </c>
      <c r="D105692" s="14" t="s">
        <v>209</v>
      </c>
      <c r="E105692" s="15">
        <v>45583</v>
      </c>
      <c r="F105692" s="14" t="s">
        <v>61</v>
      </c>
      <c r="G105692" s="16">
        <v>2.9475885197491447</v>
      </c>
    </row>
    <row r="105693" spans="1:7" x14ac:dyDescent="0.3">
      <c r="A105693" s="13" t="s">
        <v>514</v>
      </c>
      <c r="B105693" s="14" t="s">
        <v>1</v>
      </c>
      <c r="C105693" s="14" t="s">
        <v>23</v>
      </c>
      <c r="D105693" s="14" t="s">
        <v>209</v>
      </c>
      <c r="E105693" s="15">
        <v>45584</v>
      </c>
      <c r="F105693" s="14" t="s">
        <v>61</v>
      </c>
      <c r="G105693" s="16">
        <v>2.9475885197491447</v>
      </c>
    </row>
    <row r="105694" spans="1:7" x14ac:dyDescent="0.3">
      <c r="A105694" s="13" t="s">
        <v>514</v>
      </c>
      <c r="B105694" s="14" t="s">
        <v>1</v>
      </c>
      <c r="C105694" s="14" t="s">
        <v>23</v>
      </c>
      <c r="D105694" s="14" t="s">
        <v>209</v>
      </c>
      <c r="E105694" s="15">
        <v>45585</v>
      </c>
      <c r="F105694" s="14" t="s">
        <v>61</v>
      </c>
      <c r="G105694" s="16">
        <v>2.9475885197491447</v>
      </c>
    </row>
    <row r="105695" spans="1:7" x14ac:dyDescent="0.3">
      <c r="A105695" s="13" t="s">
        <v>514</v>
      </c>
      <c r="B105695" s="14" t="s">
        <v>1</v>
      </c>
      <c r="C105695" s="14" t="s">
        <v>23</v>
      </c>
      <c r="D105695" s="14" t="s">
        <v>209</v>
      </c>
      <c r="E105695" s="15">
        <v>45586</v>
      </c>
      <c r="F105695" s="14" t="s">
        <v>61</v>
      </c>
      <c r="G105695" s="16">
        <v>2.975514679098421</v>
      </c>
    </row>
    <row r="105696" spans="1:7" x14ac:dyDescent="0.3">
      <c r="A105696" s="13" t="s">
        <v>514</v>
      </c>
      <c r="B105696" s="14" t="s">
        <v>1</v>
      </c>
      <c r="C105696" s="14" t="s">
        <v>23</v>
      </c>
      <c r="D105696" s="14" t="s">
        <v>209</v>
      </c>
      <c r="E105696" s="15">
        <v>45587</v>
      </c>
      <c r="F105696" s="14" t="s">
        <v>61</v>
      </c>
      <c r="G105696" s="16">
        <v>3.0239752674307199</v>
      </c>
    </row>
    <row r="105697" spans="1:7" x14ac:dyDescent="0.3">
      <c r="A105697" s="13" t="s">
        <v>514</v>
      </c>
      <c r="B105697" s="14" t="s">
        <v>1</v>
      </c>
      <c r="C105697" s="14" t="s">
        <v>23</v>
      </c>
      <c r="D105697" s="14" t="s">
        <v>209</v>
      </c>
      <c r="E105697" s="15">
        <v>45588</v>
      </c>
      <c r="F105697" s="14" t="s">
        <v>61</v>
      </c>
      <c r="G105697" s="16">
        <v>3.0437062826224235</v>
      </c>
    </row>
    <row r="105698" spans="1:7" x14ac:dyDescent="0.3">
      <c r="A105698" s="13" t="s">
        <v>514</v>
      </c>
      <c r="B105698" s="14" t="s">
        <v>1</v>
      </c>
      <c r="C105698" s="14" t="s">
        <v>23</v>
      </c>
      <c r="D105698" s="14" t="s">
        <v>209</v>
      </c>
      <c r="E105698" s="15">
        <v>45589</v>
      </c>
      <c r="F105698" s="14" t="s">
        <v>61</v>
      </c>
      <c r="G105698" s="16">
        <v>3.0456630686506467</v>
      </c>
    </row>
    <row r="105699" spans="1:7" x14ac:dyDescent="0.3">
      <c r="A105699" s="13" t="s">
        <v>514</v>
      </c>
      <c r="B105699" s="14" t="s">
        <v>1</v>
      </c>
      <c r="C105699" s="14" t="s">
        <v>23</v>
      </c>
      <c r="D105699" s="14" t="s">
        <v>209</v>
      </c>
      <c r="E105699" s="15">
        <v>45590</v>
      </c>
      <c r="F105699" s="14" t="s">
        <v>61</v>
      </c>
      <c r="G105699" s="16">
        <v>3.0690824902047393</v>
      </c>
    </row>
    <row r="105700" spans="1:7" x14ac:dyDescent="0.3">
      <c r="A105700" s="13" t="s">
        <v>514</v>
      </c>
      <c r="B105700" s="14" t="s">
        <v>1</v>
      </c>
      <c r="C105700" s="14" t="s">
        <v>23</v>
      </c>
      <c r="D105700" s="14" t="s">
        <v>209</v>
      </c>
      <c r="E105700" s="15">
        <v>45591</v>
      </c>
      <c r="F105700" s="14" t="s">
        <v>61</v>
      </c>
      <c r="G105700" s="16">
        <v>3.0690824902047393</v>
      </c>
    </row>
    <row r="105701" spans="1:7" x14ac:dyDescent="0.3">
      <c r="A105701" s="13" t="s">
        <v>514</v>
      </c>
      <c r="B105701" s="14" t="s">
        <v>1</v>
      </c>
      <c r="C105701" s="14" t="s">
        <v>23</v>
      </c>
      <c r="D105701" s="14" t="s">
        <v>209</v>
      </c>
      <c r="E105701" s="15">
        <v>45592</v>
      </c>
      <c r="F105701" s="14" t="s">
        <v>61</v>
      </c>
      <c r="G105701" s="16">
        <v>3.0690824902047393</v>
      </c>
    </row>
    <row r="105702" spans="1:7" x14ac:dyDescent="0.3">
      <c r="A105702" s="13" t="s">
        <v>514</v>
      </c>
      <c r="B105702" s="14" t="s">
        <v>1</v>
      </c>
      <c r="C105702" s="14" t="s">
        <v>23</v>
      </c>
      <c r="D105702" s="14" t="s">
        <v>209</v>
      </c>
      <c r="E105702" s="15">
        <v>45593</v>
      </c>
      <c r="F105702" s="14" t="s">
        <v>61</v>
      </c>
      <c r="G105702" s="16">
        <v>3.0690824902047393</v>
      </c>
    </row>
    <row r="105703" spans="1:7" x14ac:dyDescent="0.3">
      <c r="A105703" s="13" t="s">
        <v>514</v>
      </c>
      <c r="B105703" s="14" t="s">
        <v>1</v>
      </c>
      <c r="C105703" s="14" t="s">
        <v>23</v>
      </c>
      <c r="D105703" s="14" t="s">
        <v>209</v>
      </c>
      <c r="E105703" s="15">
        <v>45594</v>
      </c>
      <c r="F105703" s="14" t="s">
        <v>61</v>
      </c>
      <c r="G105703" s="16">
        <v>3.0799973011601671</v>
      </c>
    </row>
    <row r="105704" spans="1:7" x14ac:dyDescent="0.3">
      <c r="A105704" s="13" t="s">
        <v>514</v>
      </c>
      <c r="B105704" s="14" t="s">
        <v>1</v>
      </c>
      <c r="C105704" s="14" t="s">
        <v>23</v>
      </c>
      <c r="D105704" s="14" t="s">
        <v>209</v>
      </c>
      <c r="E105704" s="15">
        <v>45595</v>
      </c>
      <c r="F105704" s="14" t="s">
        <v>61</v>
      </c>
      <c r="G105704" s="16">
        <v>3.1265350224562933</v>
      </c>
    </row>
    <row r="105705" spans="1:7" x14ac:dyDescent="0.3">
      <c r="A105705" s="13" t="s">
        <v>514</v>
      </c>
      <c r="B105705" s="14" t="s">
        <v>1</v>
      </c>
      <c r="C105705" s="14" t="s">
        <v>23</v>
      </c>
      <c r="D105705" s="14" t="s">
        <v>209</v>
      </c>
      <c r="E105705" s="15">
        <v>45596</v>
      </c>
      <c r="F105705" s="14" t="s">
        <v>61</v>
      </c>
      <c r="G105705" s="16">
        <v>3.1216287377154686</v>
      </c>
    </row>
    <row r="105706" spans="1:7" x14ac:dyDescent="0.3">
      <c r="A105706" s="13" t="s">
        <v>514</v>
      </c>
      <c r="B105706" s="14" t="s">
        <v>1</v>
      </c>
      <c r="C105706" s="14" t="s">
        <v>23</v>
      </c>
      <c r="D105706" s="14" t="s">
        <v>209</v>
      </c>
      <c r="E105706" s="15">
        <v>45597</v>
      </c>
      <c r="F105706" s="14" t="s">
        <v>61</v>
      </c>
      <c r="G105706" s="16">
        <v>3.1497621389112336</v>
      </c>
    </row>
    <row r="105707" spans="1:7" x14ac:dyDescent="0.3">
      <c r="A105707" s="13" t="s">
        <v>514</v>
      </c>
      <c r="B105707" s="14" t="s">
        <v>1</v>
      </c>
      <c r="C105707" s="14" t="s">
        <v>23</v>
      </c>
      <c r="D105707" s="14" t="s">
        <v>209</v>
      </c>
      <c r="E105707" s="15">
        <v>45598</v>
      </c>
      <c r="F105707" s="14" t="s">
        <v>61</v>
      </c>
      <c r="G105707" s="16">
        <v>3.1497621389112336</v>
      </c>
    </row>
    <row r="105708" spans="1:7" x14ac:dyDescent="0.3">
      <c r="A105708" s="13" t="s">
        <v>514</v>
      </c>
      <c r="B105708" s="14" t="s">
        <v>1</v>
      </c>
      <c r="C105708" s="14" t="s">
        <v>23</v>
      </c>
      <c r="D105708" s="14" t="s">
        <v>209</v>
      </c>
      <c r="E105708" s="15">
        <v>45599</v>
      </c>
      <c r="F105708" s="14" t="s">
        <v>61</v>
      </c>
      <c r="G105708" s="16">
        <v>3.1497621389112336</v>
      </c>
    </row>
    <row r="105709" spans="1:7" x14ac:dyDescent="0.3">
      <c r="A105709" s="13" t="s">
        <v>514</v>
      </c>
      <c r="B105709" s="14" t="s">
        <v>1</v>
      </c>
      <c r="C105709" s="14" t="s">
        <v>23</v>
      </c>
      <c r="D105709" s="14" t="s">
        <v>209</v>
      </c>
      <c r="E105709" s="15">
        <v>45600</v>
      </c>
      <c r="F105709" s="14" t="s">
        <v>61</v>
      </c>
      <c r="G105709" s="16">
        <v>3.1432873129421681</v>
      </c>
    </row>
    <row r="105710" spans="1:7" x14ac:dyDescent="0.3">
      <c r="A105710" s="13" t="s">
        <v>514</v>
      </c>
      <c r="B105710" s="14" t="s">
        <v>1</v>
      </c>
      <c r="C105710" s="14" t="s">
        <v>23</v>
      </c>
      <c r="D105710" s="14" t="s">
        <v>209</v>
      </c>
      <c r="E105710" s="15">
        <v>45601</v>
      </c>
      <c r="F105710" s="14" t="s">
        <v>61</v>
      </c>
      <c r="G105710" s="16">
        <v>3.1716102972174909</v>
      </c>
    </row>
    <row r="105711" spans="1:7" x14ac:dyDescent="0.3">
      <c r="A105711" s="13" t="s">
        <v>514</v>
      </c>
      <c r="B105711" s="14" t="s">
        <v>1</v>
      </c>
      <c r="C105711" s="14" t="s">
        <v>23</v>
      </c>
      <c r="D105711" s="14" t="s">
        <v>209</v>
      </c>
      <c r="E105711" s="15">
        <v>45602</v>
      </c>
      <c r="F105711" s="14" t="s">
        <v>61</v>
      </c>
      <c r="G105711" s="16">
        <v>3.2464214011176482</v>
      </c>
    </row>
    <row r="105712" spans="1:7" x14ac:dyDescent="0.3">
      <c r="A105712" s="13" t="s">
        <v>514</v>
      </c>
      <c r="B105712" s="14" t="s">
        <v>1</v>
      </c>
      <c r="C105712" s="14" t="s">
        <v>23</v>
      </c>
      <c r="D105712" s="14" t="s">
        <v>209</v>
      </c>
      <c r="E105712" s="15">
        <v>45603</v>
      </c>
      <c r="F105712" s="14" t="s">
        <v>61</v>
      </c>
      <c r="G105712" s="16">
        <v>3.2396238074774062</v>
      </c>
    </row>
    <row r="105713" spans="1:7" x14ac:dyDescent="0.3">
      <c r="A105713" s="13" t="s">
        <v>514</v>
      </c>
      <c r="B105713" s="14" t="s">
        <v>1</v>
      </c>
      <c r="C105713" s="14" t="s">
        <v>23</v>
      </c>
      <c r="D105713" s="14" t="s">
        <v>209</v>
      </c>
      <c r="E105713" s="15">
        <v>45604</v>
      </c>
      <c r="F105713" s="14" t="s">
        <v>61</v>
      </c>
      <c r="G105713" s="16">
        <v>3.2810298384613228</v>
      </c>
    </row>
    <row r="105714" spans="1:7" x14ac:dyDescent="0.3">
      <c r="A105714" s="13" t="s">
        <v>514</v>
      </c>
      <c r="B105714" s="14" t="s">
        <v>1</v>
      </c>
      <c r="C105714" s="14" t="s">
        <v>23</v>
      </c>
      <c r="D105714" s="14" t="s">
        <v>209</v>
      </c>
      <c r="E105714" s="15">
        <v>45605</v>
      </c>
      <c r="F105714" s="14" t="s">
        <v>61</v>
      </c>
      <c r="G105714" s="16">
        <v>3.2810298384613228</v>
      </c>
    </row>
    <row r="105715" spans="1:7" x14ac:dyDescent="0.3">
      <c r="A105715" s="13" t="s">
        <v>514</v>
      </c>
      <c r="B105715" s="14" t="s">
        <v>1</v>
      </c>
      <c r="C105715" s="14" t="s">
        <v>23</v>
      </c>
      <c r="D105715" s="14" t="s">
        <v>209</v>
      </c>
      <c r="E105715" s="15">
        <v>45606</v>
      </c>
      <c r="F105715" s="14" t="s">
        <v>61</v>
      </c>
      <c r="G105715" s="16">
        <v>3.2810298384613228</v>
      </c>
    </row>
    <row r="105716" spans="1:7" x14ac:dyDescent="0.3">
      <c r="A105716" s="13" t="s">
        <v>514</v>
      </c>
      <c r="B105716" s="14" t="s">
        <v>1</v>
      </c>
      <c r="C105716" s="14" t="s">
        <v>23</v>
      </c>
      <c r="D105716" s="14" t="s">
        <v>209</v>
      </c>
      <c r="E105716" s="15">
        <v>45607</v>
      </c>
      <c r="F105716" s="14" t="s">
        <v>61</v>
      </c>
      <c r="G105716" s="16">
        <v>3.2810298384613228</v>
      </c>
    </row>
    <row r="105717" spans="1:7" x14ac:dyDescent="0.3">
      <c r="A105717" s="13" t="s">
        <v>514</v>
      </c>
      <c r="B105717" s="14" t="s">
        <v>1</v>
      </c>
      <c r="C105717" s="14" t="s">
        <v>23</v>
      </c>
      <c r="D105717" s="14" t="s">
        <v>209</v>
      </c>
      <c r="E105717" s="15">
        <v>45608</v>
      </c>
      <c r="F105717" s="14" t="s">
        <v>61</v>
      </c>
      <c r="G105717" s="16">
        <v>3.3249003144991507</v>
      </c>
    </row>
    <row r="105718" spans="1:7" x14ac:dyDescent="0.3">
      <c r="A105718" s="13" t="s">
        <v>514</v>
      </c>
      <c r="B105718" s="14" t="s">
        <v>1</v>
      </c>
      <c r="C105718" s="14" t="s">
        <v>23</v>
      </c>
      <c r="D105718" s="14" t="s">
        <v>209</v>
      </c>
      <c r="E105718" s="15">
        <v>45609</v>
      </c>
      <c r="F105718" s="14" t="s">
        <v>61</v>
      </c>
      <c r="G105718" s="16">
        <v>3.4148424175033005</v>
      </c>
    </row>
    <row r="105719" spans="1:7" x14ac:dyDescent="0.3">
      <c r="A105719" s="13" t="s">
        <v>514</v>
      </c>
      <c r="B105719" s="14" t="s">
        <v>1</v>
      </c>
      <c r="C105719" s="14" t="s">
        <v>23</v>
      </c>
      <c r="D105719" s="14" t="s">
        <v>209</v>
      </c>
      <c r="E105719" s="15">
        <v>45610</v>
      </c>
      <c r="F105719" s="14" t="s">
        <v>61</v>
      </c>
      <c r="G105719" s="16">
        <v>3.440344277964829</v>
      </c>
    </row>
    <row r="105720" spans="1:7" x14ac:dyDescent="0.3">
      <c r="A105720" s="13" t="s">
        <v>514</v>
      </c>
      <c r="B105720" s="14" t="s">
        <v>1</v>
      </c>
      <c r="C105720" s="14" t="s">
        <v>23</v>
      </c>
      <c r="D105720" s="14" t="s">
        <v>209</v>
      </c>
      <c r="E105720" s="15">
        <v>45611</v>
      </c>
      <c r="F105720" s="14" t="s">
        <v>61</v>
      </c>
      <c r="G105720" s="16">
        <v>3.4510157610342027</v>
      </c>
    </row>
    <row r="105721" spans="1:7" x14ac:dyDescent="0.3">
      <c r="A105721" s="13" t="s">
        <v>514</v>
      </c>
      <c r="B105721" s="14" t="s">
        <v>1</v>
      </c>
      <c r="C105721" s="14" t="s">
        <v>23</v>
      </c>
      <c r="D105721" s="14" t="s">
        <v>209</v>
      </c>
      <c r="E105721" s="15">
        <v>45612</v>
      </c>
      <c r="F105721" s="14" t="s">
        <v>61</v>
      </c>
      <c r="G105721" s="16">
        <v>3.4510157610342027</v>
      </c>
    </row>
    <row r="105722" spans="1:7" x14ac:dyDescent="0.3">
      <c r="A105722" s="13" t="s">
        <v>514</v>
      </c>
      <c r="B105722" s="14" t="s">
        <v>1</v>
      </c>
      <c r="C105722" s="14" t="s">
        <v>23</v>
      </c>
      <c r="D105722" s="14" t="s">
        <v>209</v>
      </c>
      <c r="E105722" s="15">
        <v>45613</v>
      </c>
      <c r="F105722" s="14" t="s">
        <v>61</v>
      </c>
      <c r="G105722" s="16">
        <v>3.4510157610342027</v>
      </c>
    </row>
    <row r="105723" spans="1:7" x14ac:dyDescent="0.3">
      <c r="A105723" s="13" t="s">
        <v>514</v>
      </c>
      <c r="B105723" s="14" t="s">
        <v>1</v>
      </c>
      <c r="C105723" s="14" t="s">
        <v>23</v>
      </c>
      <c r="D105723" s="14" t="s">
        <v>209</v>
      </c>
      <c r="E105723" s="15">
        <v>45614</v>
      </c>
      <c r="F105723" s="14" t="s">
        <v>61</v>
      </c>
      <c r="G105723" s="16">
        <v>3.4459381275308938</v>
      </c>
    </row>
    <row r="105724" spans="1:7" x14ac:dyDescent="0.3">
      <c r="A105724" s="13" t="s">
        <v>514</v>
      </c>
      <c r="B105724" s="14" t="s">
        <v>1</v>
      </c>
      <c r="C105724" s="14" t="s">
        <v>23</v>
      </c>
      <c r="D105724" s="14" t="s">
        <v>209</v>
      </c>
      <c r="E105724" s="15">
        <v>45615</v>
      </c>
      <c r="F105724" s="14" t="s">
        <v>61</v>
      </c>
      <c r="G105724" s="16">
        <v>3.4895189061837661</v>
      </c>
    </row>
    <row r="105725" spans="1:7" x14ac:dyDescent="0.3">
      <c r="A105725" s="13" t="s">
        <v>514</v>
      </c>
      <c r="B105725" s="14" t="s">
        <v>1</v>
      </c>
      <c r="C105725" s="14" t="s">
        <v>23</v>
      </c>
      <c r="D105725" s="14" t="s">
        <v>209</v>
      </c>
      <c r="E105725" s="15">
        <v>45616</v>
      </c>
      <c r="F105725" s="14" t="s">
        <v>61</v>
      </c>
      <c r="G105725" s="16">
        <v>3.5210008597685984</v>
      </c>
    </row>
    <row r="105726" spans="1:7" x14ac:dyDescent="0.3">
      <c r="A105726" s="13" t="s">
        <v>514</v>
      </c>
      <c r="B105726" s="14" t="s">
        <v>1</v>
      </c>
      <c r="C105726" s="14" t="s">
        <v>23</v>
      </c>
      <c r="D105726" s="14" t="s">
        <v>209</v>
      </c>
      <c r="E105726" s="15">
        <v>45617</v>
      </c>
      <c r="F105726" s="14" t="s">
        <v>61</v>
      </c>
      <c r="G105726" s="16">
        <v>3.5592504377888976</v>
      </c>
    </row>
    <row r="105727" spans="1:7" x14ac:dyDescent="0.3">
      <c r="A105727" s="13" t="s">
        <v>514</v>
      </c>
      <c r="B105727" s="14" t="s">
        <v>1</v>
      </c>
      <c r="C105727" s="14" t="s">
        <v>23</v>
      </c>
      <c r="D105727" s="14" t="s">
        <v>209</v>
      </c>
      <c r="E105727" s="15">
        <v>45618</v>
      </c>
      <c r="F105727" s="14" t="s">
        <v>61</v>
      </c>
      <c r="G105727" s="16">
        <v>3.5920420683495053</v>
      </c>
    </row>
    <row r="105728" spans="1:7" x14ac:dyDescent="0.3">
      <c r="A105728" s="13" t="s">
        <v>514</v>
      </c>
      <c r="B105728" s="14" t="s">
        <v>1</v>
      </c>
      <c r="C105728" s="14" t="s">
        <v>23</v>
      </c>
      <c r="D105728" s="14" t="s">
        <v>209</v>
      </c>
      <c r="E105728" s="15">
        <v>45619</v>
      </c>
      <c r="F105728" s="14" t="s">
        <v>61</v>
      </c>
      <c r="G105728" s="16">
        <v>3.5920420683495053</v>
      </c>
    </row>
    <row r="105729" spans="1:7" x14ac:dyDescent="0.3">
      <c r="A105729" s="13" t="s">
        <v>514</v>
      </c>
      <c r="B105729" s="14" t="s">
        <v>1</v>
      </c>
      <c r="C105729" s="14" t="s">
        <v>23</v>
      </c>
      <c r="D105729" s="14" t="s">
        <v>209</v>
      </c>
      <c r="E105729" s="15">
        <v>45620</v>
      </c>
      <c r="F105729" s="14" t="s">
        <v>61</v>
      </c>
      <c r="G105729" s="16">
        <v>3.5920420683495053</v>
      </c>
    </row>
    <row r="105730" spans="1:7" x14ac:dyDescent="0.3">
      <c r="A105730" s="13" t="s">
        <v>514</v>
      </c>
      <c r="B105730" s="14" t="s">
        <v>1</v>
      </c>
      <c r="C105730" s="14" t="s">
        <v>23</v>
      </c>
      <c r="D105730" s="14" t="s">
        <v>209</v>
      </c>
      <c r="E105730" s="15">
        <v>45621</v>
      </c>
      <c r="F105730" s="14" t="s">
        <v>61</v>
      </c>
      <c r="G105730" s="16">
        <v>3.5812941430564633</v>
      </c>
    </row>
    <row r="105731" spans="1:7" x14ac:dyDescent="0.3">
      <c r="A105731" s="13" t="s">
        <v>514</v>
      </c>
      <c r="B105731" s="14" t="s">
        <v>1</v>
      </c>
      <c r="C105731" s="14" t="s">
        <v>23</v>
      </c>
      <c r="D105731" s="14" t="s">
        <v>209</v>
      </c>
      <c r="E105731" s="15">
        <v>45622</v>
      </c>
      <c r="F105731" s="14" t="s">
        <v>61</v>
      </c>
      <c r="G105731" s="16">
        <v>3.6258744364435906</v>
      </c>
    </row>
    <row r="105732" spans="1:7" x14ac:dyDescent="0.3">
      <c r="A105732" s="13" t="s">
        <v>514</v>
      </c>
      <c r="B105732" s="14" t="s">
        <v>1</v>
      </c>
      <c r="C105732" s="14" t="s">
        <v>23</v>
      </c>
      <c r="D105732" s="14" t="s">
        <v>209</v>
      </c>
      <c r="E105732" s="15">
        <v>45623</v>
      </c>
      <c r="F105732" s="14" t="s">
        <v>61</v>
      </c>
      <c r="G105732" s="16">
        <v>3.6134975357565615</v>
      </c>
    </row>
    <row r="105733" spans="1:7" x14ac:dyDescent="0.3">
      <c r="A105733" s="13" t="s">
        <v>514</v>
      </c>
      <c r="B105733" s="14" t="s">
        <v>1</v>
      </c>
      <c r="C105733" s="14" t="s">
        <v>23</v>
      </c>
      <c r="D105733" s="14" t="s">
        <v>209</v>
      </c>
      <c r="E105733" s="15">
        <v>45624</v>
      </c>
      <c r="F105733" s="14" t="s">
        <v>61</v>
      </c>
      <c r="G105733" s="16">
        <v>3.6134975357565615</v>
      </c>
    </row>
    <row r="105734" spans="1:7" x14ac:dyDescent="0.3">
      <c r="A105734" s="13" t="s">
        <v>514</v>
      </c>
      <c r="B105734" s="14" t="s">
        <v>1</v>
      </c>
      <c r="C105734" s="14" t="s">
        <v>23</v>
      </c>
      <c r="D105734" s="14" t="s">
        <v>209</v>
      </c>
      <c r="E105734" s="15">
        <v>45625</v>
      </c>
      <c r="F105734" s="14" t="s">
        <v>61</v>
      </c>
      <c r="G105734" s="16">
        <v>3.6281760181507545</v>
      </c>
    </row>
    <row r="105735" spans="1:7" x14ac:dyDescent="0.3">
      <c r="A105735" s="13" t="s">
        <v>514</v>
      </c>
      <c r="B105735" s="14" t="s">
        <v>1</v>
      </c>
      <c r="C105735" s="14" t="s">
        <v>23</v>
      </c>
      <c r="D105735" s="14" t="s">
        <v>209</v>
      </c>
      <c r="E105735" s="15">
        <v>45626</v>
      </c>
      <c r="F105735" s="14" t="s">
        <v>61</v>
      </c>
      <c r="G105735" s="16">
        <v>3.6281760181507545</v>
      </c>
    </row>
    <row r="105736" spans="1:7" x14ac:dyDescent="0.3">
      <c r="A105736" s="13" t="s">
        <v>514</v>
      </c>
      <c r="B105736" s="14" t="s">
        <v>1</v>
      </c>
      <c r="C105736" s="14" t="s">
        <v>23</v>
      </c>
      <c r="D105736" s="14" t="s">
        <v>209</v>
      </c>
      <c r="E105736" s="15">
        <v>45627</v>
      </c>
      <c r="F105736" s="14" t="s">
        <v>61</v>
      </c>
      <c r="G105736" s="16">
        <v>3.6281760181507545</v>
      </c>
    </row>
    <row r="105737" spans="1:7" x14ac:dyDescent="0.3">
      <c r="A105737" s="13" t="s">
        <v>514</v>
      </c>
      <c r="B105737" s="14" t="s">
        <v>1</v>
      </c>
      <c r="C105737" s="14" t="s">
        <v>23</v>
      </c>
      <c r="D105737" s="14" t="s">
        <v>209</v>
      </c>
      <c r="E105737" s="15">
        <v>45628</v>
      </c>
      <c r="F105737" s="14" t="s">
        <v>61</v>
      </c>
      <c r="G105737" s="16">
        <v>3.6846269737887907</v>
      </c>
    </row>
    <row r="105738" spans="1:7" x14ac:dyDescent="0.3">
      <c r="A105738" s="13" t="s">
        <v>514</v>
      </c>
      <c r="B105738" s="14" t="s">
        <v>1</v>
      </c>
      <c r="C105738" s="14" t="s">
        <v>23</v>
      </c>
      <c r="D105738" s="14" t="s">
        <v>209</v>
      </c>
      <c r="E105738" s="15">
        <v>45629</v>
      </c>
      <c r="F105738" s="14" t="s">
        <v>61</v>
      </c>
      <c r="G105738" s="16">
        <v>3.7121704164515728</v>
      </c>
    </row>
    <row r="105739" spans="1:7" x14ac:dyDescent="0.3">
      <c r="A105739" s="13" t="s">
        <v>514</v>
      </c>
      <c r="B105739" s="14" t="s">
        <v>1</v>
      </c>
      <c r="C105739" s="14" t="s">
        <v>23</v>
      </c>
      <c r="D105739" s="14" t="s">
        <v>209</v>
      </c>
      <c r="E105739" s="15">
        <v>45630</v>
      </c>
      <c r="F105739" s="14" t="s">
        <v>61</v>
      </c>
      <c r="G105739" s="16">
        <v>3.7239223359974321</v>
      </c>
    </row>
    <row r="105740" spans="1:7" x14ac:dyDescent="0.3">
      <c r="A105740" s="13" t="s">
        <v>514</v>
      </c>
      <c r="B105740" s="14" t="s">
        <v>1</v>
      </c>
      <c r="C105740" s="14" t="s">
        <v>23</v>
      </c>
      <c r="D105740" s="14" t="s">
        <v>209</v>
      </c>
      <c r="E105740" s="15">
        <v>45631</v>
      </c>
      <c r="F105740" s="14" t="s">
        <v>61</v>
      </c>
      <c r="G105740" s="16">
        <v>3.711609374060477</v>
      </c>
    </row>
    <row r="105741" spans="1:7" x14ac:dyDescent="0.3">
      <c r="A105741" s="13" t="s">
        <v>514</v>
      </c>
      <c r="B105741" s="14" t="s">
        <v>1</v>
      </c>
      <c r="C105741" s="14" t="s">
        <v>23</v>
      </c>
      <c r="D105741" s="14" t="s">
        <v>209</v>
      </c>
      <c r="E105741" s="15">
        <v>45632</v>
      </c>
      <c r="F105741" s="14" t="s">
        <v>61</v>
      </c>
      <c r="G105741" s="16">
        <v>3.7317896237186208</v>
      </c>
    </row>
    <row r="105742" spans="1:7" x14ac:dyDescent="0.3">
      <c r="A105742" s="13" t="s">
        <v>514</v>
      </c>
      <c r="B105742" s="14" t="s">
        <v>1</v>
      </c>
      <c r="C105742" s="14" t="s">
        <v>23</v>
      </c>
      <c r="D105742" s="14" t="s">
        <v>209</v>
      </c>
      <c r="E105742" s="15">
        <v>45633</v>
      </c>
      <c r="F105742" s="14" t="s">
        <v>61</v>
      </c>
      <c r="G105742" s="16">
        <v>3.7317896237186208</v>
      </c>
    </row>
    <row r="105743" spans="1:7" x14ac:dyDescent="0.3">
      <c r="A105743" s="13" t="s">
        <v>514</v>
      </c>
      <c r="B105743" s="14" t="s">
        <v>1</v>
      </c>
      <c r="C105743" s="14" t="s">
        <v>23</v>
      </c>
      <c r="D105743" s="14" t="s">
        <v>209</v>
      </c>
      <c r="E105743" s="15">
        <v>45634</v>
      </c>
      <c r="F105743" s="14" t="s">
        <v>61</v>
      </c>
      <c r="G105743" s="16">
        <v>3.7317896237186208</v>
      </c>
    </row>
    <row r="105744" spans="1:7" x14ac:dyDescent="0.3">
      <c r="A105744" s="13" t="s">
        <v>514</v>
      </c>
      <c r="B105744" s="14" t="s">
        <v>1</v>
      </c>
      <c r="C105744" s="14" t="s">
        <v>23</v>
      </c>
      <c r="D105744" s="14" t="s">
        <v>209</v>
      </c>
      <c r="E105744" s="15">
        <v>45635</v>
      </c>
      <c r="F105744" s="14" t="s">
        <v>61</v>
      </c>
      <c r="G105744" s="16">
        <v>3.7583674004449392</v>
      </c>
    </row>
    <row r="105745" spans="1:7" x14ac:dyDescent="0.3">
      <c r="A105745" s="13" t="s">
        <v>514</v>
      </c>
      <c r="B105745" s="14" t="s">
        <v>1</v>
      </c>
      <c r="C105745" s="14" t="s">
        <v>23</v>
      </c>
      <c r="D105745" s="14" t="s">
        <v>209</v>
      </c>
      <c r="E105745" s="15">
        <v>45636</v>
      </c>
      <c r="F105745" s="14" t="s">
        <v>61</v>
      </c>
      <c r="G105745" s="16">
        <v>3.8108660058493071</v>
      </c>
    </row>
    <row r="105746" spans="1:7" x14ac:dyDescent="0.3">
      <c r="A105746" s="13" t="s">
        <v>514</v>
      </c>
      <c r="B105746" s="14" t="s">
        <v>1</v>
      </c>
      <c r="C105746" s="14" t="s">
        <v>23</v>
      </c>
      <c r="D105746" s="14" t="s">
        <v>209</v>
      </c>
      <c r="E105746" s="15">
        <v>45637</v>
      </c>
      <c r="F105746" s="14" t="s">
        <v>61</v>
      </c>
      <c r="G105746" s="16">
        <v>3.8369252809877232</v>
      </c>
    </row>
    <row r="105747" spans="1:7" x14ac:dyDescent="0.3">
      <c r="A105747" s="13" t="s">
        <v>514</v>
      </c>
      <c r="B105747" s="14" t="s">
        <v>1</v>
      </c>
      <c r="C105747" s="14" t="s">
        <v>23</v>
      </c>
      <c r="D105747" s="14" t="s">
        <v>209</v>
      </c>
      <c r="E105747" s="15">
        <v>45638</v>
      </c>
      <c r="F105747" s="14" t="s">
        <v>61</v>
      </c>
      <c r="G105747" s="16">
        <v>3.8617758840931704</v>
      </c>
    </row>
    <row r="105748" spans="1:7" x14ac:dyDescent="0.3">
      <c r="A105748" s="13" t="s">
        <v>514</v>
      </c>
      <c r="B105748" s="14" t="s">
        <v>1</v>
      </c>
      <c r="C105748" s="14" t="s">
        <v>23</v>
      </c>
      <c r="D105748" s="14" t="s">
        <v>209</v>
      </c>
      <c r="E105748" s="15">
        <v>45639</v>
      </c>
      <c r="F105748" s="14" t="s">
        <v>61</v>
      </c>
      <c r="G105748" s="16">
        <v>3.8631376361282705</v>
      </c>
    </row>
    <row r="105749" spans="1:7" x14ac:dyDescent="0.3">
      <c r="A105749" s="13" t="s">
        <v>514</v>
      </c>
      <c r="B105749" s="14" t="s">
        <v>1</v>
      </c>
      <c r="C105749" s="14" t="s">
        <v>23</v>
      </c>
      <c r="D105749" s="14" t="s">
        <v>209</v>
      </c>
      <c r="E105749" s="15">
        <v>45640</v>
      </c>
      <c r="F105749" s="14" t="s">
        <v>61</v>
      </c>
      <c r="G105749" s="16">
        <v>3.8631376361282705</v>
      </c>
    </row>
    <row r="105750" spans="1:7" x14ac:dyDescent="0.3">
      <c r="A105750" s="13" t="s">
        <v>514</v>
      </c>
      <c r="B105750" s="14" t="s">
        <v>1</v>
      </c>
      <c r="C105750" s="14" t="s">
        <v>23</v>
      </c>
      <c r="D105750" s="14" t="s">
        <v>209</v>
      </c>
      <c r="E105750" s="15">
        <v>45641</v>
      </c>
      <c r="F105750" s="14" t="s">
        <v>61</v>
      </c>
      <c r="G105750" s="16">
        <v>3.8631376361282705</v>
      </c>
    </row>
    <row r="105751" spans="1:7" x14ac:dyDescent="0.3">
      <c r="A105751" s="13" t="s">
        <v>514</v>
      </c>
      <c r="B105751" s="14" t="s">
        <v>1</v>
      </c>
      <c r="C105751" s="14" t="s">
        <v>23</v>
      </c>
      <c r="D105751" s="14" t="s">
        <v>209</v>
      </c>
      <c r="E105751" s="15">
        <v>45642</v>
      </c>
      <c r="F105751" s="14" t="s">
        <v>61</v>
      </c>
      <c r="G105751" s="16">
        <v>3.8734343720403808</v>
      </c>
    </row>
    <row r="105752" spans="1:7" x14ac:dyDescent="0.3">
      <c r="A105752" s="13" t="s">
        <v>514</v>
      </c>
      <c r="B105752" s="14" t="s">
        <v>1</v>
      </c>
      <c r="C105752" s="14" t="s">
        <v>23</v>
      </c>
      <c r="D105752" s="14" t="s">
        <v>209</v>
      </c>
      <c r="E105752" s="15">
        <v>45643</v>
      </c>
      <c r="F105752" s="14" t="s">
        <v>61</v>
      </c>
      <c r="G105752" s="16">
        <v>3.9240598366668338</v>
      </c>
    </row>
    <row r="105753" spans="1:7" x14ac:dyDescent="0.3">
      <c r="A105753" s="13" t="s">
        <v>514</v>
      </c>
      <c r="B105753" s="14" t="s">
        <v>1</v>
      </c>
      <c r="C105753" s="14" t="s">
        <v>23</v>
      </c>
      <c r="D105753" s="14" t="s">
        <v>209</v>
      </c>
      <c r="E105753" s="15">
        <v>45644</v>
      </c>
      <c r="F105753" s="14" t="s">
        <v>61</v>
      </c>
      <c r="G105753" s="16">
        <v>3.9920436099382401</v>
      </c>
    </row>
    <row r="105754" spans="1:7" x14ac:dyDescent="0.3">
      <c r="A105754" s="13" t="s">
        <v>514</v>
      </c>
      <c r="B105754" s="14" t="s">
        <v>1</v>
      </c>
      <c r="C105754" s="14" t="s">
        <v>23</v>
      </c>
      <c r="D105754" s="14" t="s">
        <v>209</v>
      </c>
      <c r="E105754" s="15">
        <v>45645</v>
      </c>
      <c r="F105754" s="14" t="s">
        <v>61</v>
      </c>
      <c r="G105754" s="16">
        <v>4.0018062439106075</v>
      </c>
    </row>
    <row r="105755" spans="1:7" x14ac:dyDescent="0.3">
      <c r="A105755" s="13" t="s">
        <v>514</v>
      </c>
      <c r="B105755" s="14" t="s">
        <v>1</v>
      </c>
      <c r="C105755" s="14" t="s">
        <v>23</v>
      </c>
      <c r="D105755" s="14" t="s">
        <v>209</v>
      </c>
      <c r="E105755" s="15">
        <v>45646</v>
      </c>
      <c r="F105755" s="14" t="s">
        <v>61</v>
      </c>
      <c r="G105755" s="16">
        <v>3.9898072116104313</v>
      </c>
    </row>
    <row r="105756" spans="1:7" x14ac:dyDescent="0.3">
      <c r="A105756" s="13" t="s">
        <v>514</v>
      </c>
      <c r="B105756" s="14" t="s">
        <v>1</v>
      </c>
      <c r="C105756" s="14" t="s">
        <v>23</v>
      </c>
      <c r="D105756" s="14" t="s">
        <v>209</v>
      </c>
      <c r="E105756" s="15">
        <v>45647</v>
      </c>
      <c r="F105756" s="14" t="s">
        <v>61</v>
      </c>
      <c r="G105756" s="16">
        <v>3.9898072116104313</v>
      </c>
    </row>
    <row r="105757" spans="1:7" x14ac:dyDescent="0.3">
      <c r="A105757" s="13" t="s">
        <v>514</v>
      </c>
      <c r="B105757" s="14" t="s">
        <v>1</v>
      </c>
      <c r="C105757" s="14" t="s">
        <v>23</v>
      </c>
      <c r="D105757" s="14" t="s">
        <v>209</v>
      </c>
      <c r="E105757" s="15">
        <v>45648</v>
      </c>
      <c r="F105757" s="14" t="s">
        <v>61</v>
      </c>
      <c r="G105757" s="16">
        <v>3.9898072116104313</v>
      </c>
    </row>
    <row r="105758" spans="1:7" x14ac:dyDescent="0.3">
      <c r="A105758" s="13" t="s">
        <v>514</v>
      </c>
      <c r="B105758" s="14" t="s">
        <v>1</v>
      </c>
      <c r="C105758" s="14" t="s">
        <v>23</v>
      </c>
      <c r="D105758" s="14" t="s">
        <v>209</v>
      </c>
      <c r="E105758" s="15">
        <v>45649</v>
      </c>
      <c r="F105758" s="14" t="s">
        <v>61</v>
      </c>
      <c r="G105758" s="16">
        <v>3.9779796883094316</v>
      </c>
    </row>
    <row r="105759" spans="1:7" x14ac:dyDescent="0.3">
      <c r="A105759" s="13" t="s">
        <v>514</v>
      </c>
      <c r="B105759" s="14" t="s">
        <v>1</v>
      </c>
      <c r="C105759" s="14" t="s">
        <v>23</v>
      </c>
      <c r="D105759" s="14" t="s">
        <v>209</v>
      </c>
      <c r="E105759" s="15">
        <v>45650</v>
      </c>
      <c r="F105759" s="14" t="s">
        <v>61</v>
      </c>
      <c r="G105759" s="16">
        <v>4.0191023284648058</v>
      </c>
    </row>
    <row r="105760" spans="1:7" x14ac:dyDescent="0.3">
      <c r="A105760" s="13" t="s">
        <v>514</v>
      </c>
      <c r="B105760" s="14" t="s">
        <v>1</v>
      </c>
      <c r="C105760" s="14" t="s">
        <v>23</v>
      </c>
      <c r="D105760" s="14" t="s">
        <v>209</v>
      </c>
      <c r="E105760" s="15">
        <v>45651</v>
      </c>
      <c r="F105760" s="14" t="s">
        <v>61</v>
      </c>
      <c r="G105760" s="16">
        <v>4.0191023284648058</v>
      </c>
    </row>
    <row r="105761" spans="1:7" x14ac:dyDescent="0.3">
      <c r="A105761" s="13" t="s">
        <v>514</v>
      </c>
      <c r="B105761" s="14" t="s">
        <v>1</v>
      </c>
      <c r="C105761" s="14" t="s">
        <v>23</v>
      </c>
      <c r="D105761" s="14" t="s">
        <v>209</v>
      </c>
      <c r="E105761" s="15">
        <v>45652</v>
      </c>
      <c r="F105761" s="14" t="s">
        <v>61</v>
      </c>
      <c r="G105761" s="16">
        <v>4.0191023284648058</v>
      </c>
    </row>
    <row r="105762" spans="1:7" x14ac:dyDescent="0.3">
      <c r="A105762" s="13" t="s">
        <v>514</v>
      </c>
      <c r="B105762" s="14" t="s">
        <v>1</v>
      </c>
      <c r="C105762" s="14" t="s">
        <v>23</v>
      </c>
      <c r="D105762" s="14" t="s">
        <v>209</v>
      </c>
      <c r="E105762" s="15">
        <v>45653</v>
      </c>
      <c r="F105762" s="14" t="s">
        <v>61</v>
      </c>
      <c r="G105762" s="16">
        <v>4.0191023284648058</v>
      </c>
    </row>
    <row r="105763" spans="1:7" x14ac:dyDescent="0.3">
      <c r="A105763" s="13" t="s">
        <v>514</v>
      </c>
      <c r="B105763" s="14" t="s">
        <v>1</v>
      </c>
      <c r="C105763" s="14" t="s">
        <v>23</v>
      </c>
      <c r="D105763" s="14" t="s">
        <v>209</v>
      </c>
      <c r="E105763" s="15">
        <v>45654</v>
      </c>
      <c r="F105763" s="14" t="s">
        <v>61</v>
      </c>
      <c r="G105763" s="16">
        <v>4.0191023284648058</v>
      </c>
    </row>
    <row r="105764" spans="1:7" x14ac:dyDescent="0.3">
      <c r="A105764" s="13" t="s">
        <v>514</v>
      </c>
      <c r="B105764" s="14" t="s">
        <v>1</v>
      </c>
      <c r="C105764" s="14" t="s">
        <v>23</v>
      </c>
      <c r="D105764" s="14" t="s">
        <v>209</v>
      </c>
      <c r="E105764" s="15">
        <v>45655</v>
      </c>
      <c r="F105764" s="14" t="s">
        <v>61</v>
      </c>
      <c r="G105764" s="16">
        <v>4.0191023284648058</v>
      </c>
    </row>
    <row r="105765" spans="1:7" x14ac:dyDescent="0.3">
      <c r="A105765" s="13" t="s">
        <v>514</v>
      </c>
      <c r="B105765" s="14" t="s">
        <v>1</v>
      </c>
      <c r="C105765" s="14" t="s">
        <v>23</v>
      </c>
      <c r="D105765" s="14" t="s">
        <v>209</v>
      </c>
      <c r="E105765" s="15">
        <v>45656</v>
      </c>
      <c r="F105765" s="14" t="s">
        <v>61</v>
      </c>
      <c r="G105765" s="16">
        <v>4.0302830556043165</v>
      </c>
    </row>
    <row r="105766" spans="1:7" x14ac:dyDescent="0.3">
      <c r="A105766" s="13" t="s">
        <v>514</v>
      </c>
      <c r="B105766" s="14" t="s">
        <v>1</v>
      </c>
      <c r="C105766" s="14" t="s">
        <v>23</v>
      </c>
      <c r="D105766" s="14" t="s">
        <v>209</v>
      </c>
      <c r="E105766" s="15">
        <v>45657</v>
      </c>
      <c r="F105766" s="14" t="s">
        <v>61</v>
      </c>
      <c r="G105766" s="16">
        <v>4.1426590265255099</v>
      </c>
    </row>
    <row r="105767" spans="1:7" x14ac:dyDescent="0.3">
      <c r="A105767" s="13" t="s">
        <v>514</v>
      </c>
      <c r="B105767" s="14" t="s">
        <v>1</v>
      </c>
      <c r="C105767" s="14" t="s">
        <v>23</v>
      </c>
      <c r="D105767" s="14" t="s">
        <v>209</v>
      </c>
      <c r="E105767" s="15">
        <v>45658</v>
      </c>
      <c r="F105767" s="14" t="s">
        <v>61</v>
      </c>
      <c r="G105767" s="16">
        <v>4.1426590265255099</v>
      </c>
    </row>
    <row r="105768" spans="1:7" x14ac:dyDescent="0.3">
      <c r="A105768" s="13" t="s">
        <v>514</v>
      </c>
      <c r="B105768" s="14" t="s">
        <v>1</v>
      </c>
      <c r="C105768" s="14" t="s">
        <v>23</v>
      </c>
      <c r="D105768" s="14" t="s">
        <v>209</v>
      </c>
      <c r="E105768" s="15">
        <v>45659</v>
      </c>
      <c r="F105768" s="14" t="s">
        <v>61</v>
      </c>
      <c r="G105768" s="16">
        <v>4.1920492109419296</v>
      </c>
    </row>
    <row r="105769" spans="1:7" x14ac:dyDescent="0.3">
      <c r="A105769" s="13" t="s">
        <v>514</v>
      </c>
      <c r="B105769" s="14" t="s">
        <v>1</v>
      </c>
      <c r="C105769" s="14" t="s">
        <v>23</v>
      </c>
      <c r="D105769" s="14" t="s">
        <v>209</v>
      </c>
      <c r="E105769" s="15">
        <v>45660</v>
      </c>
      <c r="F105769" s="14" t="s">
        <v>61</v>
      </c>
      <c r="G105769" s="16">
        <v>4.1942874114748543</v>
      </c>
    </row>
    <row r="105770" spans="1:7" x14ac:dyDescent="0.3">
      <c r="A105770" s="13" t="s">
        <v>514</v>
      </c>
      <c r="B105770" s="14" t="s">
        <v>1</v>
      </c>
      <c r="C105770" s="14" t="s">
        <v>23</v>
      </c>
      <c r="D105770" s="14" t="s">
        <v>209</v>
      </c>
      <c r="E105770" s="15">
        <v>45661</v>
      </c>
      <c r="F105770" s="14" t="s">
        <v>61</v>
      </c>
      <c r="G105770" s="16">
        <v>4.1942874114748543</v>
      </c>
    </row>
    <row r="105771" spans="1:7" x14ac:dyDescent="0.3">
      <c r="A105771" s="13" t="s">
        <v>514</v>
      </c>
      <c r="B105771" s="14" t="s">
        <v>1</v>
      </c>
      <c r="C105771" s="14" t="s">
        <v>23</v>
      </c>
      <c r="D105771" s="14" t="s">
        <v>209</v>
      </c>
      <c r="E105771" s="15">
        <v>45662</v>
      </c>
      <c r="F105771" s="14" t="s">
        <v>61</v>
      </c>
      <c r="G105771" s="16">
        <v>4.1942874114748543</v>
      </c>
    </row>
    <row r="105772" spans="1:7" x14ac:dyDescent="0.3">
      <c r="A105772" s="13" t="s">
        <v>514</v>
      </c>
      <c r="B105772" s="14" t="s">
        <v>1</v>
      </c>
      <c r="C105772" s="14" t="s">
        <v>23</v>
      </c>
      <c r="D105772" s="14" t="s">
        <v>209</v>
      </c>
      <c r="E105772" s="15">
        <v>45663</v>
      </c>
      <c r="F105772" s="14" t="s">
        <v>61</v>
      </c>
      <c r="G105772" s="16">
        <v>4.175724350012997</v>
      </c>
    </row>
    <row r="105773" spans="1:7" x14ac:dyDescent="0.3">
      <c r="A105773" s="13" t="s">
        <v>514</v>
      </c>
      <c r="B105773" s="14" t="s">
        <v>1</v>
      </c>
      <c r="C105773" s="14" t="s">
        <v>23</v>
      </c>
      <c r="D105773" s="14" t="s">
        <v>209</v>
      </c>
      <c r="E105773" s="15">
        <v>45664</v>
      </c>
      <c r="F105773" s="14" t="s">
        <v>61</v>
      </c>
      <c r="G105773" s="16">
        <v>4.2402506312314152</v>
      </c>
    </row>
    <row r="105774" spans="1:7" x14ac:dyDescent="0.3">
      <c r="A105774" s="13" t="s">
        <v>514</v>
      </c>
      <c r="B105774" s="14" t="s">
        <v>1</v>
      </c>
      <c r="C105774" s="14" t="s">
        <v>23</v>
      </c>
      <c r="D105774" s="14" t="s">
        <v>209</v>
      </c>
      <c r="E105774" s="15">
        <v>45665</v>
      </c>
      <c r="F105774" s="14" t="s">
        <v>61</v>
      </c>
      <c r="G105774" s="16">
        <v>4.2652952353371516</v>
      </c>
    </row>
    <row r="105775" spans="1:7" x14ac:dyDescent="0.3">
      <c r="A105775" s="13" t="s">
        <v>514</v>
      </c>
      <c r="B105775" s="14" t="s">
        <v>1</v>
      </c>
      <c r="C105775" s="14" t="s">
        <v>23</v>
      </c>
      <c r="D105775" s="14" t="s">
        <v>209</v>
      </c>
      <c r="E105775" s="15">
        <v>45666</v>
      </c>
      <c r="F105775" s="14" t="s">
        <v>61</v>
      </c>
      <c r="G105775" s="16">
        <v>4.2652952353371516</v>
      </c>
    </row>
    <row r="105776" spans="1:7" x14ac:dyDescent="0.3">
      <c r="A105776" s="13" t="s">
        <v>514</v>
      </c>
      <c r="B105776" s="14" t="s">
        <v>1</v>
      </c>
      <c r="C105776" s="14" t="s">
        <v>23</v>
      </c>
      <c r="D105776" s="14" t="s">
        <v>209</v>
      </c>
      <c r="E105776" s="15">
        <v>45667</v>
      </c>
      <c r="F105776" s="14" t="s">
        <v>61</v>
      </c>
      <c r="G105776" s="16">
        <v>4.3155878542684674</v>
      </c>
    </row>
    <row r="105777" spans="1:7" x14ac:dyDescent="0.3">
      <c r="A105777" s="13" t="s">
        <v>514</v>
      </c>
      <c r="B105777" s="14" t="s">
        <v>1</v>
      </c>
      <c r="C105777" s="14" t="s">
        <v>23</v>
      </c>
      <c r="D105777" s="14" t="s">
        <v>209</v>
      </c>
      <c r="E105777" s="15">
        <v>45668</v>
      </c>
      <c r="F105777" s="14" t="s">
        <v>61</v>
      </c>
      <c r="G105777" s="16">
        <v>4.3155878542684674</v>
      </c>
    </row>
    <row r="105778" spans="1:7" x14ac:dyDescent="0.3">
      <c r="A105778" s="13" t="s">
        <v>514</v>
      </c>
      <c r="B105778" s="14" t="s">
        <v>1</v>
      </c>
      <c r="C105778" s="14" t="s">
        <v>23</v>
      </c>
      <c r="D105778" s="14" t="s">
        <v>209</v>
      </c>
      <c r="E105778" s="15">
        <v>45669</v>
      </c>
      <c r="F105778" s="14" t="s">
        <v>61</v>
      </c>
      <c r="G105778" s="16">
        <v>4.3155878542684674</v>
      </c>
    </row>
    <row r="105779" spans="1:7" x14ac:dyDescent="0.3">
      <c r="A105779" s="13" t="s">
        <v>514</v>
      </c>
      <c r="B105779" s="14" t="s">
        <v>1</v>
      </c>
      <c r="C105779" s="14" t="s">
        <v>23</v>
      </c>
      <c r="D105779" s="14" t="s">
        <v>209</v>
      </c>
      <c r="E105779" s="15">
        <v>45670</v>
      </c>
      <c r="F105779" s="14" t="s">
        <v>61</v>
      </c>
      <c r="G105779" s="16">
        <v>4.3474742965229103</v>
      </c>
    </row>
    <row r="105780" spans="1:7" x14ac:dyDescent="0.3">
      <c r="A105780" s="13" t="s">
        <v>514</v>
      </c>
      <c r="B105780" s="14" t="s">
        <v>1</v>
      </c>
      <c r="C105780" s="14" t="s">
        <v>23</v>
      </c>
      <c r="D105780" s="14" t="s">
        <v>209</v>
      </c>
      <c r="E105780" s="15">
        <v>45671</v>
      </c>
      <c r="F105780" s="14" t="s">
        <v>61</v>
      </c>
      <c r="G105780" s="16">
        <v>4.359306294858575</v>
      </c>
    </row>
    <row r="105781" spans="1:7" x14ac:dyDescent="0.3">
      <c r="A105781" s="13" t="s">
        <v>514</v>
      </c>
      <c r="B105781" s="14" t="s">
        <v>1</v>
      </c>
      <c r="C105781" s="14" t="s">
        <v>23</v>
      </c>
      <c r="D105781" s="14" t="s">
        <v>209</v>
      </c>
      <c r="E105781" s="15">
        <v>45672</v>
      </c>
      <c r="F105781" s="14" t="s">
        <v>61</v>
      </c>
      <c r="G105781" s="16">
        <v>4.3823769807640529</v>
      </c>
    </row>
    <row r="105782" spans="1:7" x14ac:dyDescent="0.3">
      <c r="A105782" s="13" t="s">
        <v>514</v>
      </c>
      <c r="B105782" s="14" t="s">
        <v>1</v>
      </c>
      <c r="C105782" s="14" t="s">
        <v>23</v>
      </c>
      <c r="D105782" s="14" t="s">
        <v>209</v>
      </c>
      <c r="E105782" s="15">
        <v>45673</v>
      </c>
      <c r="F105782" s="14" t="s">
        <v>61</v>
      </c>
      <c r="G105782" s="16">
        <v>4.3929786531597541</v>
      </c>
    </row>
    <row r="105783" spans="1:7" x14ac:dyDescent="0.3">
      <c r="A105783" s="13" t="s">
        <v>514</v>
      </c>
      <c r="B105783" s="14" t="s">
        <v>1</v>
      </c>
      <c r="C105783" s="14" t="s">
        <v>23</v>
      </c>
      <c r="D105783" s="14" t="s">
        <v>209</v>
      </c>
      <c r="E105783" s="15">
        <v>45674</v>
      </c>
      <c r="F105783" s="14" t="s">
        <v>61</v>
      </c>
      <c r="G105783" s="16">
        <v>4.4114126127913655</v>
      </c>
    </row>
    <row r="105784" spans="1:7" x14ac:dyDescent="0.3">
      <c r="A105784" s="13" t="s">
        <v>514</v>
      </c>
      <c r="B105784" s="14" t="s">
        <v>1</v>
      </c>
      <c r="C105784" s="14" t="s">
        <v>23</v>
      </c>
      <c r="D105784" s="14" t="s">
        <v>209</v>
      </c>
      <c r="E105784" s="15">
        <v>45675</v>
      </c>
      <c r="F105784" s="14" t="s">
        <v>61</v>
      </c>
      <c r="G105784" s="16">
        <v>4.4114126127913655</v>
      </c>
    </row>
    <row r="105785" spans="1:7" x14ac:dyDescent="0.3">
      <c r="A105785" s="13" t="s">
        <v>514</v>
      </c>
      <c r="B105785" s="14" t="s">
        <v>1</v>
      </c>
      <c r="C105785" s="14" t="s">
        <v>23</v>
      </c>
      <c r="D105785" s="14" t="s">
        <v>209</v>
      </c>
      <c r="E105785" s="15">
        <v>45676</v>
      </c>
      <c r="F105785" s="14" t="s">
        <v>61</v>
      </c>
      <c r="G105785" s="16">
        <v>4.4114126127913655</v>
      </c>
    </row>
    <row r="105786" spans="1:7" x14ac:dyDescent="0.3">
      <c r="A105786" s="13" t="s">
        <v>514</v>
      </c>
      <c r="B105786" s="14" t="s">
        <v>1</v>
      </c>
      <c r="C105786" s="14" t="s">
        <v>23</v>
      </c>
      <c r="D105786" s="14" t="s">
        <v>209</v>
      </c>
      <c r="E105786" s="15">
        <v>45677</v>
      </c>
      <c r="F105786" s="14" t="s">
        <v>61</v>
      </c>
      <c r="G105786" s="16">
        <v>4.4114126127913655</v>
      </c>
    </row>
    <row r="105787" spans="1:7" x14ac:dyDescent="0.3">
      <c r="A105787" s="13" t="s">
        <v>514</v>
      </c>
      <c r="B105787" s="14" t="s">
        <v>1</v>
      </c>
      <c r="C105787" s="14" t="s">
        <v>23</v>
      </c>
      <c r="D105787" s="14" t="s">
        <v>209</v>
      </c>
      <c r="E105787" s="15">
        <v>45678</v>
      </c>
      <c r="F105787" s="14" t="s">
        <v>61</v>
      </c>
      <c r="G105787" s="16">
        <v>4.360114045289329</v>
      </c>
    </row>
    <row r="105788" spans="1:7" x14ac:dyDescent="0.3">
      <c r="A105788" s="13" t="s">
        <v>514</v>
      </c>
      <c r="B105788" s="14" t="s">
        <v>1</v>
      </c>
      <c r="C105788" s="14" t="s">
        <v>23</v>
      </c>
      <c r="D105788" s="14" t="s">
        <v>209</v>
      </c>
      <c r="E105788" s="15">
        <v>45679</v>
      </c>
      <c r="F105788" s="14" t="s">
        <v>61</v>
      </c>
      <c r="G105788" s="16">
        <v>4.4227609500466203</v>
      </c>
    </row>
    <row r="105789" spans="1:7" x14ac:dyDescent="0.3">
      <c r="A105789" s="13" t="s">
        <v>514</v>
      </c>
      <c r="B105789" s="14" t="s">
        <v>1</v>
      </c>
      <c r="C105789" s="14" t="s">
        <v>23</v>
      </c>
      <c r="D105789" s="14" t="s">
        <v>209</v>
      </c>
      <c r="E105789" s="15">
        <v>45680</v>
      </c>
      <c r="F105789" s="14" t="s">
        <v>61</v>
      </c>
      <c r="G105789" s="16">
        <v>4.4336880408389163</v>
      </c>
    </row>
    <row r="105790" spans="1:7" x14ac:dyDescent="0.3">
      <c r="A105790" s="13" t="s">
        <v>514</v>
      </c>
      <c r="B105790" s="14" t="s">
        <v>1</v>
      </c>
      <c r="C105790" s="14" t="s">
        <v>23</v>
      </c>
      <c r="D105790" s="14" t="s">
        <v>209</v>
      </c>
      <c r="E105790" s="15">
        <v>45681</v>
      </c>
      <c r="F105790" s="14" t="s">
        <v>61</v>
      </c>
      <c r="G105790" s="16">
        <v>4.4140911699851149</v>
      </c>
    </row>
    <row r="105791" spans="1:7" x14ac:dyDescent="0.3">
      <c r="A105791" s="13" t="s">
        <v>514</v>
      </c>
      <c r="B105791" s="14" t="s">
        <v>1</v>
      </c>
      <c r="C105791" s="14" t="s">
        <v>23</v>
      </c>
      <c r="D105791" s="14" t="s">
        <v>209</v>
      </c>
      <c r="E105791" s="15">
        <v>45682</v>
      </c>
      <c r="F105791" s="14" t="s">
        <v>61</v>
      </c>
      <c r="G105791" s="16">
        <v>4.4140911699851149</v>
      </c>
    </row>
    <row r="105792" spans="1:7" x14ac:dyDescent="0.3">
      <c r="A105792" s="13" t="s">
        <v>514</v>
      </c>
      <c r="B105792" s="14" t="s">
        <v>1</v>
      </c>
      <c r="C105792" s="14" t="s">
        <v>23</v>
      </c>
      <c r="D105792" s="14" t="s">
        <v>209</v>
      </c>
      <c r="E105792" s="15">
        <v>45683</v>
      </c>
      <c r="F105792" s="14" t="s">
        <v>61</v>
      </c>
      <c r="G105792" s="16">
        <v>4.4140911699851149</v>
      </c>
    </row>
    <row r="105793" spans="1:7" x14ac:dyDescent="0.3">
      <c r="A105793" s="13" t="s">
        <v>514</v>
      </c>
      <c r="B105793" s="14" t="s">
        <v>1</v>
      </c>
      <c r="C105793" s="14" t="s">
        <v>23</v>
      </c>
      <c r="D105793" s="14" t="s">
        <v>209</v>
      </c>
      <c r="E105793" s="15">
        <v>45684</v>
      </c>
      <c r="F105793" s="14" t="s">
        <v>61</v>
      </c>
      <c r="G105793" s="16">
        <v>4.4301031670139617</v>
      </c>
    </row>
    <row r="105794" spans="1:7" x14ac:dyDescent="0.3">
      <c r="A105794" s="13" t="s">
        <v>514</v>
      </c>
      <c r="B105794" s="14" t="s">
        <v>1</v>
      </c>
      <c r="C105794" s="14" t="s">
        <v>23</v>
      </c>
      <c r="D105794" s="14" t="s">
        <v>209</v>
      </c>
      <c r="E105794" s="15">
        <v>45685</v>
      </c>
      <c r="F105794" s="14" t="s">
        <v>61</v>
      </c>
      <c r="G105794" s="16">
        <v>4.4981742387456478</v>
      </c>
    </row>
    <row r="105795" spans="1:7" x14ac:dyDescent="0.3">
      <c r="A105795" s="13" t="s">
        <v>514</v>
      </c>
      <c r="B105795" s="14" t="s">
        <v>1</v>
      </c>
      <c r="C105795" s="14" t="s">
        <v>23</v>
      </c>
      <c r="D105795" s="14" t="s">
        <v>209</v>
      </c>
      <c r="E105795" s="15">
        <v>45686</v>
      </c>
      <c r="F105795" s="14" t="s">
        <v>61</v>
      </c>
      <c r="G105795" s="16">
        <v>4.5168261178390914</v>
      </c>
    </row>
    <row r="105796" spans="1:7" x14ac:dyDescent="0.3">
      <c r="A105796" s="13" t="s">
        <v>514</v>
      </c>
      <c r="B105796" s="14" t="s">
        <v>1</v>
      </c>
      <c r="C105796" s="14" t="s">
        <v>23</v>
      </c>
      <c r="D105796" s="14" t="s">
        <v>209</v>
      </c>
      <c r="E105796" s="15">
        <v>45687</v>
      </c>
      <c r="F105796" s="14" t="s">
        <v>61</v>
      </c>
      <c r="G105796" s="16">
        <v>4.5447134219006831</v>
      </c>
    </row>
    <row r="105797" spans="1:7" x14ac:dyDescent="0.3">
      <c r="A105797" s="13" t="s">
        <v>514</v>
      </c>
      <c r="B105797" s="14" t="s">
        <v>1</v>
      </c>
      <c r="C105797" s="14" t="s">
        <v>23</v>
      </c>
      <c r="D105797" s="14" t="s">
        <v>209</v>
      </c>
      <c r="E105797" s="15">
        <v>45688</v>
      </c>
      <c r="F105797" s="14" t="s">
        <v>61</v>
      </c>
      <c r="G105797" s="16">
        <v>4.5698655729387738</v>
      </c>
    </row>
    <row r="105798" spans="1:7" x14ac:dyDescent="0.3">
      <c r="A105798" s="13" t="s">
        <v>514</v>
      </c>
      <c r="B105798" s="14" t="s">
        <v>1</v>
      </c>
      <c r="C105798" s="14" t="s">
        <v>23</v>
      </c>
      <c r="D105798" s="14" t="s">
        <v>209</v>
      </c>
      <c r="E105798" s="15">
        <v>45689</v>
      </c>
      <c r="F105798" s="14" t="s">
        <v>61</v>
      </c>
      <c r="G105798" s="16">
        <v>4.5698655729387738</v>
      </c>
    </row>
    <row r="105799" spans="1:7" x14ac:dyDescent="0.3">
      <c r="A105799" s="13" t="s">
        <v>514</v>
      </c>
      <c r="B105799" s="14" t="s">
        <v>1</v>
      </c>
      <c r="C105799" s="14" t="s">
        <v>23</v>
      </c>
      <c r="D105799" s="14" t="s">
        <v>209</v>
      </c>
      <c r="E105799" s="15">
        <v>45690</v>
      </c>
      <c r="F105799" s="14" t="s">
        <v>61</v>
      </c>
      <c r="G105799" s="16">
        <v>4.5698655729387738</v>
      </c>
    </row>
    <row r="105800" spans="1:7" x14ac:dyDescent="0.3">
      <c r="A105800" s="13" t="s">
        <v>514</v>
      </c>
      <c r="B105800" s="14" t="s">
        <v>1</v>
      </c>
      <c r="C105800" s="14" t="s">
        <v>23</v>
      </c>
      <c r="D105800" s="14" t="s">
        <v>209</v>
      </c>
      <c r="E105800" s="15">
        <v>45691</v>
      </c>
      <c r="F105800" s="14" t="s">
        <v>61</v>
      </c>
      <c r="G105800" s="16">
        <v>4.5698655729387738</v>
      </c>
    </row>
    <row r="105801" spans="1:7" x14ac:dyDescent="0.3">
      <c r="A105801" s="13" t="s">
        <v>514</v>
      </c>
      <c r="B105801" s="14" t="s">
        <v>1</v>
      </c>
      <c r="C105801" s="14" t="s">
        <v>23</v>
      </c>
      <c r="D105801" s="14" t="s">
        <v>209</v>
      </c>
      <c r="E105801" s="15">
        <v>45692</v>
      </c>
      <c r="F105801" s="14" t="s">
        <v>61</v>
      </c>
      <c r="G105801" s="16">
        <v>4.5755434873884875</v>
      </c>
    </row>
    <row r="105802" spans="1:7" x14ac:dyDescent="0.3">
      <c r="A105802" s="13" t="s">
        <v>514</v>
      </c>
      <c r="B105802" s="14" t="s">
        <v>1</v>
      </c>
      <c r="C105802" s="14" t="s">
        <v>23</v>
      </c>
      <c r="D105802" s="14" t="s">
        <v>209</v>
      </c>
      <c r="E105802" s="15">
        <v>45693</v>
      </c>
      <c r="F105802" s="14" t="s">
        <v>61</v>
      </c>
      <c r="G105802" s="16">
        <v>4.6127327226673742</v>
      </c>
    </row>
    <row r="105803" spans="1:7" x14ac:dyDescent="0.3">
      <c r="A105803" s="13" t="s">
        <v>514</v>
      </c>
      <c r="B105803" s="14" t="s">
        <v>1</v>
      </c>
      <c r="C105803" s="14" t="s">
        <v>23</v>
      </c>
      <c r="D105803" s="14" t="s">
        <v>209</v>
      </c>
      <c r="E105803" s="15">
        <v>45694</v>
      </c>
      <c r="F105803" s="14" t="s">
        <v>61</v>
      </c>
      <c r="G105803" s="16">
        <v>4.6343315482111471</v>
      </c>
    </row>
    <row r="105804" spans="1:7" x14ac:dyDescent="0.3">
      <c r="A105804" s="13" t="s">
        <v>514</v>
      </c>
      <c r="B105804" s="14" t="s">
        <v>1</v>
      </c>
      <c r="C105804" s="14" t="s">
        <v>23</v>
      </c>
      <c r="D105804" s="14" t="s">
        <v>209</v>
      </c>
      <c r="E105804" s="15">
        <v>45695</v>
      </c>
      <c r="F105804" s="14" t="s">
        <v>61</v>
      </c>
      <c r="G105804" s="16">
        <v>4.6739696380694333</v>
      </c>
    </row>
    <row r="105805" spans="1:7" x14ac:dyDescent="0.3">
      <c r="A105805" s="13" t="s">
        <v>514</v>
      </c>
      <c r="B105805" s="14" t="s">
        <v>1</v>
      </c>
      <c r="C105805" s="14" t="s">
        <v>23</v>
      </c>
      <c r="D105805" s="14" t="s">
        <v>209</v>
      </c>
      <c r="E105805" s="15">
        <v>45696</v>
      </c>
      <c r="F105805" s="14" t="s">
        <v>61</v>
      </c>
      <c r="G105805" s="16">
        <v>4.6739696380694333</v>
      </c>
    </row>
    <row r="105806" spans="1:7" x14ac:dyDescent="0.3">
      <c r="A105806" s="13" t="s">
        <v>514</v>
      </c>
      <c r="B105806" s="14" t="s">
        <v>1</v>
      </c>
      <c r="C105806" s="14" t="s">
        <v>23</v>
      </c>
      <c r="D105806" s="14" t="s">
        <v>209</v>
      </c>
      <c r="E105806" s="15">
        <v>45697</v>
      </c>
      <c r="F105806" s="14" t="s">
        <v>61</v>
      </c>
      <c r="G105806" s="16">
        <v>4.6739696380694333</v>
      </c>
    </row>
    <row r="105807" spans="1:7" x14ac:dyDescent="0.3">
      <c r="A105807" s="13" t="s">
        <v>514</v>
      </c>
      <c r="B105807" s="14" t="s">
        <v>1</v>
      </c>
      <c r="C105807" s="14" t="s">
        <v>23</v>
      </c>
      <c r="D105807" s="14" t="s">
        <v>209</v>
      </c>
      <c r="E105807" s="15">
        <v>45698</v>
      </c>
      <c r="F105807" s="14" t="s">
        <v>61</v>
      </c>
      <c r="G105807" s="16">
        <v>4.704723870508241</v>
      </c>
    </row>
    <row r="105808" spans="1:7" x14ac:dyDescent="0.3">
      <c r="A105808" s="13" t="s">
        <v>514</v>
      </c>
      <c r="B105808" s="14" t="s">
        <v>1</v>
      </c>
      <c r="C105808" s="14" t="s">
        <v>23</v>
      </c>
      <c r="D105808" s="14" t="s">
        <v>209</v>
      </c>
      <c r="E105808" s="15">
        <v>45699</v>
      </c>
      <c r="F105808" s="14" t="s">
        <v>61</v>
      </c>
      <c r="G105808" s="16">
        <v>4.7223543689386753</v>
      </c>
    </row>
    <row r="105809" spans="1:7" x14ac:dyDescent="0.3">
      <c r="A105809" s="13" t="s">
        <v>514</v>
      </c>
      <c r="B105809" s="14" t="s">
        <v>1</v>
      </c>
      <c r="C105809" s="14" t="s">
        <v>23</v>
      </c>
      <c r="D105809" s="14" t="s">
        <v>209</v>
      </c>
      <c r="E105809" s="15">
        <v>45700</v>
      </c>
      <c r="F105809" s="14" t="s">
        <v>61</v>
      </c>
      <c r="G105809" s="16">
        <v>4.7268254921231403</v>
      </c>
    </row>
    <row r="105810" spans="1:7" x14ac:dyDescent="0.3">
      <c r="A105810" s="13" t="s">
        <v>514</v>
      </c>
      <c r="B105810" s="14" t="s">
        <v>1</v>
      </c>
      <c r="C105810" s="14" t="s">
        <v>23</v>
      </c>
      <c r="D105810" s="14" t="s">
        <v>209</v>
      </c>
      <c r="E105810" s="15">
        <v>45701</v>
      </c>
      <c r="F105810" s="14" t="s">
        <v>61</v>
      </c>
      <c r="G105810" s="16">
        <v>4.7051567061148036</v>
      </c>
    </row>
    <row r="105811" spans="1:7" x14ac:dyDescent="0.3">
      <c r="A105811" s="13" t="s">
        <v>514</v>
      </c>
      <c r="B105811" s="14" t="s">
        <v>1</v>
      </c>
      <c r="C105811" s="14" t="s">
        <v>23</v>
      </c>
      <c r="D105811" s="14" t="s">
        <v>209</v>
      </c>
      <c r="E105811" s="15">
        <v>45702</v>
      </c>
      <c r="F105811" s="14" t="s">
        <v>61</v>
      </c>
      <c r="G105811" s="16">
        <v>4.7049363191681817</v>
      </c>
    </row>
    <row r="105812" spans="1:7" x14ac:dyDescent="0.3">
      <c r="A105812" s="13" t="s">
        <v>514</v>
      </c>
      <c r="B105812" s="14" t="s">
        <v>1</v>
      </c>
      <c r="C105812" s="14" t="s">
        <v>23</v>
      </c>
      <c r="D105812" s="14" t="s">
        <v>209</v>
      </c>
      <c r="E105812" s="15">
        <v>45703</v>
      </c>
      <c r="F105812" s="14" t="s">
        <v>61</v>
      </c>
      <c r="G105812" s="16">
        <v>4.7049363191681817</v>
      </c>
    </row>
    <row r="105813" spans="1:7" x14ac:dyDescent="0.3">
      <c r="A105813" s="13" t="s">
        <v>514</v>
      </c>
      <c r="B105813" s="14" t="s">
        <v>1</v>
      </c>
      <c r="C105813" s="14" t="s">
        <v>23</v>
      </c>
      <c r="D105813" s="14" t="s">
        <v>209</v>
      </c>
      <c r="E105813" s="15">
        <v>45704</v>
      </c>
      <c r="F105813" s="14" t="s">
        <v>61</v>
      </c>
      <c r="G105813" s="16">
        <v>4.7049363191681817</v>
      </c>
    </row>
    <row r="105814" spans="1:7" x14ac:dyDescent="0.3">
      <c r="A105814" s="13" t="s">
        <v>514</v>
      </c>
      <c r="B105814" s="14" t="s">
        <v>1</v>
      </c>
      <c r="C105814" s="14" t="s">
        <v>23</v>
      </c>
      <c r="D105814" s="14" t="s">
        <v>209</v>
      </c>
      <c r="E105814" s="15">
        <v>45705</v>
      </c>
      <c r="F105814" s="14" t="s">
        <v>61</v>
      </c>
      <c r="G105814" s="16">
        <v>4.7049363191681817</v>
      </c>
    </row>
    <row r="105815" spans="1:7" x14ac:dyDescent="0.3">
      <c r="A105815" s="13" t="s">
        <v>514</v>
      </c>
      <c r="B105815" s="14" t="s">
        <v>1</v>
      </c>
      <c r="C105815" s="14" t="s">
        <v>23</v>
      </c>
      <c r="D105815" s="14" t="s">
        <v>209</v>
      </c>
      <c r="E105815" s="15">
        <v>45706</v>
      </c>
      <c r="F105815" s="14" t="s">
        <v>61</v>
      </c>
      <c r="G105815" s="16">
        <v>4.7400524505461981</v>
      </c>
    </row>
    <row r="105816" spans="1:7" x14ac:dyDescent="0.3">
      <c r="A105816" s="13" t="s">
        <v>514</v>
      </c>
      <c r="B105816" s="14" t="s">
        <v>1</v>
      </c>
      <c r="C105816" s="14" t="s">
        <v>23</v>
      </c>
      <c r="D105816" s="14" t="s">
        <v>209</v>
      </c>
      <c r="E105816" s="15">
        <v>45707</v>
      </c>
      <c r="F105816" s="14" t="s">
        <v>61</v>
      </c>
      <c r="G105816" s="16">
        <v>4.8074895791195615</v>
      </c>
    </row>
    <row r="105817" spans="1:7" x14ac:dyDescent="0.3">
      <c r="A105817" s="13" t="s">
        <v>514</v>
      </c>
      <c r="B105817" s="14" t="s">
        <v>1</v>
      </c>
      <c r="C105817" s="14" t="s">
        <v>23</v>
      </c>
      <c r="D105817" s="14" t="s">
        <v>209</v>
      </c>
      <c r="E105817" s="15">
        <v>45708</v>
      </c>
      <c r="F105817" s="14" t="s">
        <v>61</v>
      </c>
      <c r="G105817" s="16">
        <v>4.7846749556754693</v>
      </c>
    </row>
    <row r="105818" spans="1:7" x14ac:dyDescent="0.3">
      <c r="A105818" s="13" t="s">
        <v>514</v>
      </c>
      <c r="B105818" s="14" t="s">
        <v>1</v>
      </c>
      <c r="C105818" s="14" t="s">
        <v>23</v>
      </c>
      <c r="D105818" s="14" t="s">
        <v>209</v>
      </c>
      <c r="E105818" s="15">
        <v>45709</v>
      </c>
      <c r="F105818" s="14" t="s">
        <v>61</v>
      </c>
      <c r="G105818" s="16">
        <v>4.8123847614496906</v>
      </c>
    </row>
    <row r="105819" spans="1:7" x14ac:dyDescent="0.3">
      <c r="A105819" s="13" t="s">
        <v>514</v>
      </c>
      <c r="B105819" s="14" t="s">
        <v>1</v>
      </c>
      <c r="C105819" s="14" t="s">
        <v>23</v>
      </c>
      <c r="D105819" s="14" t="s">
        <v>209</v>
      </c>
      <c r="E105819" s="15">
        <v>45710</v>
      </c>
      <c r="F105819" s="14" t="s">
        <v>61</v>
      </c>
      <c r="G105819" s="16">
        <v>4.8123847614496906</v>
      </c>
    </row>
    <row r="105820" spans="1:7" x14ac:dyDescent="0.3">
      <c r="A105820" s="13" t="s">
        <v>514</v>
      </c>
      <c r="B105820" s="14" t="s">
        <v>1</v>
      </c>
      <c r="C105820" s="14" t="s">
        <v>23</v>
      </c>
      <c r="D105820" s="14" t="s">
        <v>209</v>
      </c>
      <c r="E105820" s="15">
        <v>45711</v>
      </c>
      <c r="F105820" s="14" t="s">
        <v>61</v>
      </c>
      <c r="G105820" s="16">
        <v>4.8123847614496906</v>
      </c>
    </row>
    <row r="105821" spans="1:7" x14ac:dyDescent="0.3">
      <c r="A105821" s="13" t="s">
        <v>514</v>
      </c>
      <c r="B105821" s="14" t="s">
        <v>1</v>
      </c>
      <c r="C105821" s="14" t="s">
        <v>23</v>
      </c>
      <c r="D105821" s="14" t="s">
        <v>209</v>
      </c>
      <c r="E105821" s="15">
        <v>45712</v>
      </c>
      <c r="F105821" s="14" t="s">
        <v>61</v>
      </c>
      <c r="G105821" s="16">
        <v>4.8193557989928006</v>
      </c>
    </row>
    <row r="105822" spans="1:7" x14ac:dyDescent="0.3">
      <c r="A105822" s="13" t="s">
        <v>514</v>
      </c>
      <c r="B105822" s="14" t="s">
        <v>1</v>
      </c>
      <c r="C105822" s="14" t="s">
        <v>23</v>
      </c>
      <c r="D105822" s="14" t="s">
        <v>209</v>
      </c>
      <c r="E105822" s="15">
        <v>45713</v>
      </c>
      <c r="F105822" s="14" t="s">
        <v>61</v>
      </c>
      <c r="G105822" s="16">
        <v>4.8401476001478478</v>
      </c>
    </row>
    <row r="105823" spans="1:7" x14ac:dyDescent="0.3">
      <c r="A105823" s="13" t="s">
        <v>514</v>
      </c>
      <c r="B105823" s="14" t="s">
        <v>1</v>
      </c>
      <c r="C105823" s="14" t="s">
        <v>23</v>
      </c>
      <c r="D105823" s="14" t="s">
        <v>209</v>
      </c>
      <c r="E105823" s="15">
        <v>45714</v>
      </c>
      <c r="F105823" s="14" t="s">
        <v>61</v>
      </c>
      <c r="G105823" s="16">
        <v>4.8648951244821079</v>
      </c>
    </row>
    <row r="105824" spans="1:7" x14ac:dyDescent="0.3">
      <c r="A105824" s="13" t="s">
        <v>514</v>
      </c>
      <c r="B105824" s="14" t="s">
        <v>1</v>
      </c>
      <c r="C105824" s="14" t="s">
        <v>23</v>
      </c>
      <c r="D105824" s="14" t="s">
        <v>209</v>
      </c>
      <c r="E105824" s="15">
        <v>45715</v>
      </c>
      <c r="F105824" s="14" t="s">
        <v>61</v>
      </c>
      <c r="G105824" s="16">
        <v>4.9189372355649352</v>
      </c>
    </row>
    <row r="105825" spans="1:7" x14ac:dyDescent="0.3">
      <c r="A105825" s="13" t="s">
        <v>514</v>
      </c>
      <c r="B105825" s="14" t="s">
        <v>1</v>
      </c>
      <c r="C105825" s="14" t="s">
        <v>23</v>
      </c>
      <c r="D105825" s="14" t="s">
        <v>209</v>
      </c>
      <c r="E105825" s="15">
        <v>45716</v>
      </c>
      <c r="F105825" s="14" t="s">
        <v>61</v>
      </c>
      <c r="G105825" s="16">
        <v>4.9442643486681277</v>
      </c>
    </row>
    <row r="105826" spans="1:7" x14ac:dyDescent="0.3">
      <c r="A105826" s="13" t="s">
        <v>514</v>
      </c>
      <c r="B105826" s="14" t="s">
        <v>1</v>
      </c>
      <c r="C105826" s="14" t="s">
        <v>23</v>
      </c>
      <c r="D105826" s="14" t="s">
        <v>209</v>
      </c>
      <c r="E105826" s="15">
        <v>45717</v>
      </c>
      <c r="F105826" s="14" t="s">
        <v>61</v>
      </c>
      <c r="G105826" s="16">
        <v>4.9442643486681277</v>
      </c>
    </row>
    <row r="105827" spans="1:7" x14ac:dyDescent="0.3">
      <c r="A105827" s="13" t="s">
        <v>514</v>
      </c>
      <c r="B105827" s="14" t="s">
        <v>1</v>
      </c>
      <c r="C105827" s="14" t="s">
        <v>23</v>
      </c>
      <c r="D105827" s="14" t="s">
        <v>209</v>
      </c>
      <c r="E105827" s="15">
        <v>45718</v>
      </c>
      <c r="F105827" s="14" t="s">
        <v>61</v>
      </c>
      <c r="G105827" s="16">
        <v>4.9442643486681277</v>
      </c>
    </row>
    <row r="105828" spans="1:7" x14ac:dyDescent="0.3">
      <c r="A105828" s="13" t="s">
        <v>514</v>
      </c>
      <c r="B105828" s="14" t="s">
        <v>1</v>
      </c>
      <c r="C105828" s="14" t="s">
        <v>23</v>
      </c>
      <c r="D105828" s="14" t="s">
        <v>209</v>
      </c>
      <c r="E105828" s="15">
        <v>45719</v>
      </c>
      <c r="F105828" s="14" t="s">
        <v>61</v>
      </c>
      <c r="G105828" s="16">
        <v>4.9240422704639926</v>
      </c>
    </row>
    <row r="105829" spans="1:7" x14ac:dyDescent="0.3">
      <c r="A105829" s="13" t="s">
        <v>514</v>
      </c>
      <c r="B105829" s="14" t="s">
        <v>1</v>
      </c>
      <c r="C105829" s="14" t="s">
        <v>23</v>
      </c>
      <c r="D105829" s="14" t="s">
        <v>209</v>
      </c>
      <c r="E105829" s="15">
        <v>45720</v>
      </c>
      <c r="F105829" s="14" t="s">
        <v>61</v>
      </c>
      <c r="G105829" s="16">
        <v>4.9009437698217253</v>
      </c>
    </row>
    <row r="105830" spans="1:7" x14ac:dyDescent="0.3">
      <c r="A105830" s="13" t="s">
        <v>514</v>
      </c>
      <c r="B105830" s="14" t="s">
        <v>1</v>
      </c>
      <c r="C105830" s="14" t="s">
        <v>23</v>
      </c>
      <c r="D105830" s="14" t="s">
        <v>209</v>
      </c>
      <c r="E105830" s="15">
        <v>45721</v>
      </c>
      <c r="F105830" s="14" t="s">
        <v>61</v>
      </c>
      <c r="G105830" s="16">
        <v>4.8407503610518985</v>
      </c>
    </row>
    <row r="105831" spans="1:7" x14ac:dyDescent="0.3">
      <c r="A105831" s="13" t="s">
        <v>514</v>
      </c>
      <c r="B105831" s="14" t="s">
        <v>1</v>
      </c>
      <c r="C105831" s="14" t="s">
        <v>23</v>
      </c>
      <c r="D105831" s="14" t="s">
        <v>209</v>
      </c>
      <c r="E105831" s="15">
        <v>45722</v>
      </c>
      <c r="F105831" s="14" t="s">
        <v>61</v>
      </c>
      <c r="G105831" s="16">
        <v>4.8570150447481923</v>
      </c>
    </row>
    <row r="105832" spans="1:7" x14ac:dyDescent="0.3">
      <c r="A105832" s="13" t="s">
        <v>514</v>
      </c>
      <c r="B105832" s="14" t="s">
        <v>1</v>
      </c>
      <c r="C105832" s="14" t="s">
        <v>23</v>
      </c>
      <c r="D105832" s="14" t="s">
        <v>209</v>
      </c>
      <c r="E105832" s="15">
        <v>45723</v>
      </c>
      <c r="F105832" s="14" t="s">
        <v>61</v>
      </c>
      <c r="G105832" s="16">
        <v>4.8488891900634412</v>
      </c>
    </row>
    <row r="105833" spans="1:7" x14ac:dyDescent="0.3">
      <c r="A105833" s="13" t="s">
        <v>514</v>
      </c>
      <c r="B105833" s="14" t="s">
        <v>1</v>
      </c>
      <c r="C105833" s="14" t="s">
        <v>23</v>
      </c>
      <c r="D105833" s="14" t="s">
        <v>209</v>
      </c>
      <c r="E105833" s="15">
        <v>45724</v>
      </c>
      <c r="F105833" s="14" t="s">
        <v>61</v>
      </c>
      <c r="G105833" s="16">
        <v>4.8488891900634412</v>
      </c>
    </row>
    <row r="105834" spans="1:7" x14ac:dyDescent="0.3">
      <c r="A105834" s="13" t="s">
        <v>514</v>
      </c>
      <c r="B105834" s="14" t="s">
        <v>1</v>
      </c>
      <c r="C105834" s="14" t="s">
        <v>23</v>
      </c>
      <c r="D105834" s="14" t="s">
        <v>209</v>
      </c>
      <c r="E105834" s="15">
        <v>45725</v>
      </c>
      <c r="F105834" s="14" t="s">
        <v>61</v>
      </c>
      <c r="G105834" s="16">
        <v>4.8488891900634412</v>
      </c>
    </row>
    <row r="105835" spans="1:7" x14ac:dyDescent="0.3">
      <c r="A105835" s="13" t="s">
        <v>514</v>
      </c>
      <c r="B105835" s="14" t="s">
        <v>1</v>
      </c>
      <c r="C105835" s="14" t="s">
        <v>23</v>
      </c>
      <c r="D105835" s="14" t="s">
        <v>209</v>
      </c>
      <c r="E105835" s="15">
        <v>45726</v>
      </c>
      <c r="F105835" s="14" t="s">
        <v>61</v>
      </c>
      <c r="G105835" s="16">
        <v>4.8700574077820216</v>
      </c>
    </row>
    <row r="105836" spans="1:7" x14ac:dyDescent="0.3">
      <c r="A105836" s="13" t="s">
        <v>514</v>
      </c>
      <c r="B105836" s="14" t="s">
        <v>1</v>
      </c>
      <c r="C105836" s="14" t="s">
        <v>23</v>
      </c>
      <c r="D105836" s="14" t="s">
        <v>209</v>
      </c>
      <c r="E105836" s="15">
        <v>45727</v>
      </c>
      <c r="F105836" s="14" t="s">
        <v>61</v>
      </c>
      <c r="G105836" s="16">
        <v>4.8746807066412678</v>
      </c>
    </row>
    <row r="105837" spans="1:7" x14ac:dyDescent="0.3">
      <c r="A105837" s="13" t="s">
        <v>514</v>
      </c>
      <c r="B105837" s="14" t="s">
        <v>1</v>
      </c>
      <c r="C105837" s="14" t="s">
        <v>23</v>
      </c>
      <c r="D105837" s="14" t="s">
        <v>209</v>
      </c>
      <c r="E105837" s="15">
        <v>45728</v>
      </c>
      <c r="F105837" s="14" t="s">
        <v>61</v>
      </c>
      <c r="G105837" s="16">
        <v>4.9036251521704681</v>
      </c>
    </row>
    <row r="105838" spans="1:7" x14ac:dyDescent="0.3">
      <c r="A105838" s="13" t="s">
        <v>514</v>
      </c>
      <c r="B105838" s="14" t="s">
        <v>1</v>
      </c>
      <c r="C105838" s="14" t="s">
        <v>23</v>
      </c>
      <c r="D105838" s="14" t="s">
        <v>209</v>
      </c>
      <c r="E105838" s="15">
        <v>45729</v>
      </c>
      <c r="F105838" s="14" t="s">
        <v>61</v>
      </c>
      <c r="G105838" s="16">
        <v>4.9318533687306925</v>
      </c>
    </row>
    <row r="105839" spans="1:7" x14ac:dyDescent="0.3">
      <c r="A105839" s="13" t="s">
        <v>514</v>
      </c>
      <c r="B105839" s="14" t="s">
        <v>1</v>
      </c>
      <c r="C105839" s="14" t="s">
        <v>23</v>
      </c>
      <c r="D105839" s="14" t="s">
        <v>209</v>
      </c>
      <c r="E105839" s="15">
        <v>45730</v>
      </c>
      <c r="F105839" s="14" t="s">
        <v>61</v>
      </c>
      <c r="G105839" s="16">
        <v>4.8388394768578902</v>
      </c>
    </row>
    <row r="105840" spans="1:7" x14ac:dyDescent="0.3">
      <c r="A105840" s="13" t="s">
        <v>514</v>
      </c>
      <c r="B105840" s="14" t="s">
        <v>1</v>
      </c>
      <c r="C105840" s="14" t="s">
        <v>23</v>
      </c>
      <c r="D105840" s="14" t="s">
        <v>209</v>
      </c>
      <c r="E105840" s="15">
        <v>45731</v>
      </c>
      <c r="F105840" s="14" t="s">
        <v>61</v>
      </c>
      <c r="G105840" s="16">
        <v>4.8388394768578902</v>
      </c>
    </row>
    <row r="105841" spans="1:7" x14ac:dyDescent="0.3">
      <c r="A105841" s="13" t="s">
        <v>514</v>
      </c>
      <c r="B105841" s="14" t="s">
        <v>1</v>
      </c>
      <c r="C105841" s="14" t="s">
        <v>23</v>
      </c>
      <c r="D105841" s="14" t="s">
        <v>209</v>
      </c>
      <c r="E105841" s="15">
        <v>45732</v>
      </c>
      <c r="F105841" s="14" t="s">
        <v>61</v>
      </c>
      <c r="G105841" s="16">
        <v>4.8388394768578902</v>
      </c>
    </row>
    <row r="105842" spans="1:7" x14ac:dyDescent="0.3">
      <c r="A105842" s="13" t="s">
        <v>514</v>
      </c>
      <c r="B105842" s="14" t="s">
        <v>1</v>
      </c>
      <c r="C105842" s="14" t="s">
        <v>23</v>
      </c>
      <c r="D105842" s="14" t="s">
        <v>209</v>
      </c>
      <c r="E105842" s="15">
        <v>45733</v>
      </c>
      <c r="F105842" s="14" t="s">
        <v>61</v>
      </c>
      <c r="G105842" s="16">
        <v>4.8388394768578902</v>
      </c>
    </row>
    <row r="105843" spans="1:7" x14ac:dyDescent="0.3">
      <c r="A105843" s="13" t="s">
        <v>514</v>
      </c>
      <c r="B105843" s="14" t="s">
        <v>1</v>
      </c>
      <c r="C105843" s="14" t="s">
        <v>23</v>
      </c>
      <c r="D105843" s="14" t="s">
        <v>209</v>
      </c>
      <c r="E105843" s="15">
        <v>45734</v>
      </c>
      <c r="F105843" s="14" t="s">
        <v>61</v>
      </c>
      <c r="G105843" s="16">
        <v>4.8230180587739424</v>
      </c>
    </row>
    <row r="105844" spans="1:7" x14ac:dyDescent="0.3">
      <c r="A105844" s="13" t="s">
        <v>514</v>
      </c>
      <c r="B105844" s="14" t="s">
        <v>1</v>
      </c>
      <c r="C105844" s="14" t="s">
        <v>23</v>
      </c>
      <c r="D105844" s="14" t="s">
        <v>209</v>
      </c>
      <c r="E105844" s="15">
        <v>45735</v>
      </c>
      <c r="F105844" s="14" t="s">
        <v>61</v>
      </c>
      <c r="G105844" s="16">
        <v>4.8907474325626952</v>
      </c>
    </row>
    <row r="105845" spans="1:7" x14ac:dyDescent="0.3">
      <c r="A105845" s="13" t="s">
        <v>514</v>
      </c>
      <c r="B105845" s="14" t="s">
        <v>1</v>
      </c>
      <c r="C105845" s="14" t="s">
        <v>23</v>
      </c>
      <c r="D105845" s="14" t="s">
        <v>209</v>
      </c>
      <c r="E105845" s="15">
        <v>45736</v>
      </c>
      <c r="F105845" s="14" t="s">
        <v>61</v>
      </c>
      <c r="G105845" s="16">
        <v>4.9272779810214411</v>
      </c>
    </row>
    <row r="105846" spans="1:7" x14ac:dyDescent="0.3">
      <c r="A105846" s="13" t="s">
        <v>514</v>
      </c>
      <c r="B105846" s="14" t="s">
        <v>1</v>
      </c>
      <c r="C105846" s="14" t="s">
        <v>23</v>
      </c>
      <c r="D105846" s="14" t="s">
        <v>209</v>
      </c>
      <c r="E105846" s="15">
        <v>45737</v>
      </c>
      <c r="F105846" s="14" t="s">
        <v>61</v>
      </c>
      <c r="G105846" s="16">
        <v>4.9581198898791872</v>
      </c>
    </row>
    <row r="105847" spans="1:7" x14ac:dyDescent="0.3">
      <c r="A105847" s="13" t="s">
        <v>514</v>
      </c>
      <c r="B105847" s="14" t="s">
        <v>1</v>
      </c>
      <c r="C105847" s="14" t="s">
        <v>23</v>
      </c>
      <c r="D105847" s="14" t="s">
        <v>209</v>
      </c>
      <c r="E105847" s="15">
        <v>45738</v>
      </c>
      <c r="F105847" s="14" t="s">
        <v>61</v>
      </c>
      <c r="G105847" s="16">
        <v>4.9581198898791872</v>
      </c>
    </row>
    <row r="105848" spans="1:7" x14ac:dyDescent="0.3">
      <c r="A105848" s="13" t="s">
        <v>514</v>
      </c>
      <c r="B105848" s="14" t="s">
        <v>1</v>
      </c>
      <c r="C105848" s="14" t="s">
        <v>23</v>
      </c>
      <c r="D105848" s="14" t="s">
        <v>209</v>
      </c>
      <c r="E105848" s="15">
        <v>45739</v>
      </c>
      <c r="F105848" s="14" t="s">
        <v>61</v>
      </c>
      <c r="G105848" s="16">
        <v>4.9581198898791872</v>
      </c>
    </row>
    <row r="105849" spans="1:7" x14ac:dyDescent="0.3">
      <c r="A105849" s="13" t="s">
        <v>514</v>
      </c>
      <c r="B105849" s="14" t="s">
        <v>1</v>
      </c>
      <c r="C105849" s="14" t="s">
        <v>23</v>
      </c>
      <c r="D105849" s="14" t="s">
        <v>209</v>
      </c>
      <c r="E105849" s="15">
        <v>45740</v>
      </c>
      <c r="F105849" s="14" t="s">
        <v>61</v>
      </c>
      <c r="G105849" s="16">
        <v>4.9786986023613879</v>
      </c>
    </row>
    <row r="105850" spans="1:7" x14ac:dyDescent="0.3">
      <c r="A105850" s="13" t="s">
        <v>514</v>
      </c>
      <c r="B105850" s="14" t="s">
        <v>1</v>
      </c>
      <c r="C105850" s="14" t="s">
        <v>23</v>
      </c>
      <c r="D105850" s="14" t="s">
        <v>209</v>
      </c>
      <c r="E105850" s="15">
        <v>45741</v>
      </c>
      <c r="F105850" s="14" t="s">
        <v>61</v>
      </c>
      <c r="G105850" s="16">
        <v>5.0256371650026974</v>
      </c>
    </row>
    <row r="105851" spans="1:7" x14ac:dyDescent="0.3">
      <c r="A105851" s="13" t="s">
        <v>514</v>
      </c>
      <c r="B105851" s="14" t="s">
        <v>1</v>
      </c>
      <c r="C105851" s="14" t="s">
        <v>23</v>
      </c>
      <c r="D105851" s="14" t="s">
        <v>209</v>
      </c>
      <c r="E105851" s="15">
        <v>45742</v>
      </c>
      <c r="F105851" s="14" t="s">
        <v>61</v>
      </c>
      <c r="G105851" s="16">
        <v>5.0571037218864348</v>
      </c>
    </row>
    <row r="105852" spans="1:7" x14ac:dyDescent="0.3">
      <c r="A105852" s="13" t="s">
        <v>514</v>
      </c>
      <c r="B105852" s="14" t="s">
        <v>1</v>
      </c>
      <c r="C105852" s="14" t="s">
        <v>23</v>
      </c>
      <c r="D105852" s="14" t="s">
        <v>209</v>
      </c>
      <c r="E105852" s="15">
        <v>45743</v>
      </c>
      <c r="F105852" s="14" t="s">
        <v>61</v>
      </c>
      <c r="G105852" s="16">
        <v>5.0495985832019317</v>
      </c>
    </row>
    <row r="105853" spans="1:7" x14ac:dyDescent="0.3">
      <c r="A105853" s="13" t="s">
        <v>514</v>
      </c>
      <c r="B105853" s="14" t="s">
        <v>1</v>
      </c>
      <c r="C105853" s="14" t="s">
        <v>23</v>
      </c>
      <c r="D105853" s="14" t="s">
        <v>209</v>
      </c>
      <c r="E105853" s="15">
        <v>45744</v>
      </c>
      <c r="F105853" s="14" t="s">
        <v>61</v>
      </c>
      <c r="G105853" s="16">
        <v>5.0504793748326398</v>
      </c>
    </row>
    <row r="105854" spans="1:7" x14ac:dyDescent="0.3">
      <c r="A105854" s="13" t="s">
        <v>514</v>
      </c>
      <c r="B105854" s="14" t="s">
        <v>1</v>
      </c>
      <c r="C105854" s="14" t="s">
        <v>23</v>
      </c>
      <c r="D105854" s="14" t="s">
        <v>209</v>
      </c>
      <c r="E105854" s="15">
        <v>45745</v>
      </c>
      <c r="F105854" s="14" t="s">
        <v>61</v>
      </c>
      <c r="G105854" s="16">
        <v>5.0504793748326398</v>
      </c>
    </row>
    <row r="105855" spans="1:7" x14ac:dyDescent="0.3">
      <c r="A105855" s="13" t="s">
        <v>514</v>
      </c>
      <c r="B105855" s="14" t="s">
        <v>1</v>
      </c>
      <c r="C105855" s="14" t="s">
        <v>23</v>
      </c>
      <c r="D105855" s="14" t="s">
        <v>209</v>
      </c>
      <c r="E105855" s="15">
        <v>45746</v>
      </c>
      <c r="F105855" s="14" t="s">
        <v>61</v>
      </c>
      <c r="G105855" s="16">
        <v>5.0504793748326398</v>
      </c>
    </row>
    <row r="105856" spans="1:7" x14ac:dyDescent="0.3">
      <c r="A105856" s="13" t="s">
        <v>514</v>
      </c>
      <c r="B105856" s="14" t="s">
        <v>1</v>
      </c>
      <c r="C105856" s="14" t="s">
        <v>23</v>
      </c>
      <c r="D105856" s="14" t="s">
        <v>209</v>
      </c>
      <c r="E105856" s="15">
        <v>45747</v>
      </c>
      <c r="F105856" s="14" t="s">
        <v>61</v>
      </c>
      <c r="G105856" s="16">
        <v>5.0698451812309635</v>
      </c>
    </row>
    <row r="105857" spans="1:7" x14ac:dyDescent="0.3">
      <c r="A105857" s="13" t="s">
        <v>515</v>
      </c>
      <c r="B105857" s="14" t="s">
        <v>1</v>
      </c>
      <c r="C105857" s="14" t="s">
        <v>63</v>
      </c>
      <c r="D105857" s="14" t="s">
        <v>31</v>
      </c>
      <c r="E105857" s="15">
        <v>45383</v>
      </c>
      <c r="F105857" s="14" t="s">
        <v>15</v>
      </c>
      <c r="G105857" s="16">
        <v>0</v>
      </c>
    </row>
    <row r="105858" spans="1:7" x14ac:dyDescent="0.3">
      <c r="A105858" s="13" t="s">
        <v>515</v>
      </c>
      <c r="B105858" s="14" t="s">
        <v>1</v>
      </c>
      <c r="C105858" s="14" t="s">
        <v>63</v>
      </c>
      <c r="D105858" s="14" t="s">
        <v>31</v>
      </c>
      <c r="E105858" s="15">
        <v>45384</v>
      </c>
      <c r="F105858" s="14" t="s">
        <v>15</v>
      </c>
      <c r="G105858" s="16">
        <v>0</v>
      </c>
    </row>
    <row r="105859" spans="1:7" x14ac:dyDescent="0.3">
      <c r="A105859" s="13" t="s">
        <v>515</v>
      </c>
      <c r="B105859" s="14" t="s">
        <v>1</v>
      </c>
      <c r="C105859" s="14" t="s">
        <v>63</v>
      </c>
      <c r="D105859" s="14" t="s">
        <v>31</v>
      </c>
      <c r="E105859" s="15">
        <v>45385</v>
      </c>
      <c r="F105859" s="14" t="s">
        <v>15</v>
      </c>
      <c r="G105859" s="16">
        <v>5.4807569608408262E-2</v>
      </c>
    </row>
    <row r="105860" spans="1:7" x14ac:dyDescent="0.3">
      <c r="A105860" s="13" t="s">
        <v>515</v>
      </c>
      <c r="B105860" s="14" t="s">
        <v>1</v>
      </c>
      <c r="C105860" s="14" t="s">
        <v>63</v>
      </c>
      <c r="D105860" s="14" t="s">
        <v>31</v>
      </c>
      <c r="E105860" s="15">
        <v>45386</v>
      </c>
      <c r="F105860" s="14" t="s">
        <v>15</v>
      </c>
      <c r="G105860" s="16">
        <v>5.4807569608408262E-2</v>
      </c>
    </row>
    <row r="105861" spans="1:7" x14ac:dyDescent="0.3">
      <c r="A105861" s="13" t="s">
        <v>515</v>
      </c>
      <c r="B105861" s="14" t="s">
        <v>1</v>
      </c>
      <c r="C105861" s="14" t="s">
        <v>63</v>
      </c>
      <c r="D105861" s="14" t="s">
        <v>31</v>
      </c>
      <c r="E105861" s="15">
        <v>45387</v>
      </c>
      <c r="F105861" s="14" t="s">
        <v>15</v>
      </c>
      <c r="G105861" s="16">
        <v>7.1075395285150042E-2</v>
      </c>
    </row>
    <row r="105862" spans="1:7" x14ac:dyDescent="0.3">
      <c r="A105862" s="13" t="s">
        <v>515</v>
      </c>
      <c r="B105862" s="14" t="s">
        <v>1</v>
      </c>
      <c r="C105862" s="14" t="s">
        <v>63</v>
      </c>
      <c r="D105862" s="14" t="s">
        <v>31</v>
      </c>
      <c r="E105862" s="15">
        <v>45388</v>
      </c>
      <c r="F105862" s="14" t="s">
        <v>15</v>
      </c>
      <c r="G105862" s="16">
        <v>7.1075395285150042E-2</v>
      </c>
    </row>
    <row r="105863" spans="1:7" x14ac:dyDescent="0.3">
      <c r="A105863" s="13" t="s">
        <v>515</v>
      </c>
      <c r="B105863" s="14" t="s">
        <v>1</v>
      </c>
      <c r="C105863" s="14" t="s">
        <v>63</v>
      </c>
      <c r="D105863" s="14" t="s">
        <v>31</v>
      </c>
      <c r="E105863" s="15">
        <v>45389</v>
      </c>
      <c r="F105863" s="14" t="s">
        <v>15</v>
      </c>
      <c r="G105863" s="16">
        <v>7.1075395285150042E-2</v>
      </c>
    </row>
    <row r="105864" spans="1:7" x14ac:dyDescent="0.3">
      <c r="A105864" s="13" t="s">
        <v>515</v>
      </c>
      <c r="B105864" s="14" t="s">
        <v>1</v>
      </c>
      <c r="C105864" s="14" t="s">
        <v>63</v>
      </c>
      <c r="D105864" s="14" t="s">
        <v>31</v>
      </c>
      <c r="E105864" s="15">
        <v>45390</v>
      </c>
      <c r="F105864" s="14" t="s">
        <v>15</v>
      </c>
      <c r="G105864" s="16">
        <v>9.784058476696951E-2</v>
      </c>
    </row>
    <row r="105865" spans="1:7" x14ac:dyDescent="0.3">
      <c r="A105865" s="13" t="s">
        <v>515</v>
      </c>
      <c r="B105865" s="14" t="s">
        <v>1</v>
      </c>
      <c r="C105865" s="14" t="s">
        <v>63</v>
      </c>
      <c r="D105865" s="14" t="s">
        <v>31</v>
      </c>
      <c r="E105865" s="15">
        <v>45391</v>
      </c>
      <c r="F105865" s="14" t="s">
        <v>15</v>
      </c>
      <c r="G105865" s="16">
        <v>0.13855397431242938</v>
      </c>
    </row>
    <row r="105866" spans="1:7" x14ac:dyDescent="0.3">
      <c r="A105866" s="13" t="s">
        <v>515</v>
      </c>
      <c r="B105866" s="14" t="s">
        <v>1</v>
      </c>
      <c r="C105866" s="14" t="s">
        <v>63</v>
      </c>
      <c r="D105866" s="14" t="s">
        <v>31</v>
      </c>
      <c r="E105866" s="15">
        <v>45392</v>
      </c>
      <c r="F105866" s="14" t="s">
        <v>15</v>
      </c>
      <c r="G105866" s="16">
        <v>0.13855397431242938</v>
      </c>
    </row>
    <row r="105867" spans="1:7" x14ac:dyDescent="0.3">
      <c r="A105867" s="13" t="s">
        <v>515</v>
      </c>
      <c r="B105867" s="14" t="s">
        <v>1</v>
      </c>
      <c r="C105867" s="14" t="s">
        <v>63</v>
      </c>
      <c r="D105867" s="14" t="s">
        <v>31</v>
      </c>
      <c r="E105867" s="15">
        <v>45393</v>
      </c>
      <c r="F105867" s="14" t="s">
        <v>15</v>
      </c>
      <c r="G105867" s="16">
        <v>0.15186795428712524</v>
      </c>
    </row>
    <row r="105868" spans="1:7" x14ac:dyDescent="0.3">
      <c r="A105868" s="13" t="s">
        <v>515</v>
      </c>
      <c r="B105868" s="14" t="s">
        <v>1</v>
      </c>
      <c r="C105868" s="14" t="s">
        <v>63</v>
      </c>
      <c r="D105868" s="14" t="s">
        <v>31</v>
      </c>
      <c r="E105868" s="15">
        <v>45394</v>
      </c>
      <c r="F105868" s="14" t="s">
        <v>15</v>
      </c>
      <c r="G105868" s="16">
        <v>0.18169418795796491</v>
      </c>
    </row>
    <row r="105869" spans="1:7" x14ac:dyDescent="0.3">
      <c r="A105869" s="13" t="s">
        <v>515</v>
      </c>
      <c r="B105869" s="14" t="s">
        <v>1</v>
      </c>
      <c r="C105869" s="14" t="s">
        <v>63</v>
      </c>
      <c r="D105869" s="14" t="s">
        <v>31</v>
      </c>
      <c r="E105869" s="15">
        <v>45395</v>
      </c>
      <c r="F105869" s="14" t="s">
        <v>15</v>
      </c>
      <c r="G105869" s="16">
        <v>0.18169418795796491</v>
      </c>
    </row>
    <row r="105870" spans="1:7" x14ac:dyDescent="0.3">
      <c r="A105870" s="13" t="s">
        <v>515</v>
      </c>
      <c r="B105870" s="14" t="s">
        <v>1</v>
      </c>
      <c r="C105870" s="14" t="s">
        <v>63</v>
      </c>
      <c r="D105870" s="14" t="s">
        <v>31</v>
      </c>
      <c r="E105870" s="15">
        <v>45396</v>
      </c>
      <c r="F105870" s="14" t="s">
        <v>15</v>
      </c>
      <c r="G105870" s="16">
        <v>0.18169418795796491</v>
      </c>
    </row>
    <row r="105871" spans="1:7" x14ac:dyDescent="0.3">
      <c r="A105871" s="13" t="s">
        <v>515</v>
      </c>
      <c r="B105871" s="14" t="s">
        <v>1</v>
      </c>
      <c r="C105871" s="14" t="s">
        <v>63</v>
      </c>
      <c r="D105871" s="14" t="s">
        <v>31</v>
      </c>
      <c r="E105871" s="15">
        <v>45397</v>
      </c>
      <c r="F105871" s="14" t="s">
        <v>15</v>
      </c>
      <c r="G105871" s="16">
        <v>0.1949019483823464</v>
      </c>
    </row>
    <row r="105872" spans="1:7" x14ac:dyDescent="0.3">
      <c r="A105872" s="13" t="s">
        <v>515</v>
      </c>
      <c r="B105872" s="14" t="s">
        <v>1</v>
      </c>
      <c r="C105872" s="14" t="s">
        <v>63</v>
      </c>
      <c r="D105872" s="14" t="s">
        <v>31</v>
      </c>
      <c r="E105872" s="15">
        <v>45398</v>
      </c>
      <c r="F105872" s="14" t="s">
        <v>15</v>
      </c>
      <c r="G105872" s="16">
        <v>0.23453660391538694</v>
      </c>
    </row>
    <row r="105873" spans="1:7" x14ac:dyDescent="0.3">
      <c r="A105873" s="13" t="s">
        <v>515</v>
      </c>
      <c r="B105873" s="14" t="s">
        <v>1</v>
      </c>
      <c r="C105873" s="14" t="s">
        <v>63</v>
      </c>
      <c r="D105873" s="14" t="s">
        <v>31</v>
      </c>
      <c r="E105873" s="15">
        <v>45399</v>
      </c>
      <c r="F105873" s="14" t="s">
        <v>15</v>
      </c>
      <c r="G105873" s="16">
        <v>0.2498014040768001</v>
      </c>
    </row>
    <row r="105874" spans="1:7" x14ac:dyDescent="0.3">
      <c r="A105874" s="13" t="s">
        <v>515</v>
      </c>
      <c r="B105874" s="14" t="s">
        <v>1</v>
      </c>
      <c r="C105874" s="14" t="s">
        <v>63</v>
      </c>
      <c r="D105874" s="14" t="s">
        <v>31</v>
      </c>
      <c r="E105874" s="15">
        <v>45400</v>
      </c>
      <c r="F105874" s="14" t="s">
        <v>15</v>
      </c>
      <c r="G105874" s="16">
        <v>0.2631761366226063</v>
      </c>
    </row>
    <row r="105875" spans="1:7" x14ac:dyDescent="0.3">
      <c r="A105875" s="13" t="s">
        <v>515</v>
      </c>
      <c r="B105875" s="14" t="s">
        <v>1</v>
      </c>
      <c r="C105875" s="14" t="s">
        <v>63</v>
      </c>
      <c r="D105875" s="14" t="s">
        <v>31</v>
      </c>
      <c r="E105875" s="15">
        <v>45401</v>
      </c>
      <c r="F105875" s="14" t="s">
        <v>15</v>
      </c>
      <c r="G105875" s="16">
        <v>0.27630493541010931</v>
      </c>
    </row>
    <row r="105876" spans="1:7" x14ac:dyDescent="0.3">
      <c r="A105876" s="13" t="s">
        <v>515</v>
      </c>
      <c r="B105876" s="14" t="s">
        <v>1</v>
      </c>
      <c r="C105876" s="14" t="s">
        <v>63</v>
      </c>
      <c r="D105876" s="14" t="s">
        <v>31</v>
      </c>
      <c r="E105876" s="15">
        <v>45402</v>
      </c>
      <c r="F105876" s="14" t="s">
        <v>15</v>
      </c>
      <c r="G105876" s="16">
        <v>0.27630493541010931</v>
      </c>
    </row>
    <row r="105877" spans="1:7" x14ac:dyDescent="0.3">
      <c r="A105877" s="13" t="s">
        <v>515</v>
      </c>
      <c r="B105877" s="14" t="s">
        <v>1</v>
      </c>
      <c r="C105877" s="14" t="s">
        <v>63</v>
      </c>
      <c r="D105877" s="14" t="s">
        <v>31</v>
      </c>
      <c r="E105877" s="15">
        <v>45403</v>
      </c>
      <c r="F105877" s="14" t="s">
        <v>15</v>
      </c>
      <c r="G105877" s="16">
        <v>0.27630493541010931</v>
      </c>
    </row>
    <row r="105878" spans="1:7" x14ac:dyDescent="0.3">
      <c r="A105878" s="13" t="s">
        <v>515</v>
      </c>
      <c r="B105878" s="14" t="s">
        <v>1</v>
      </c>
      <c r="C105878" s="14" t="s">
        <v>63</v>
      </c>
      <c r="D105878" s="14" t="s">
        <v>31</v>
      </c>
      <c r="E105878" s="15">
        <v>45404</v>
      </c>
      <c r="F105878" s="14" t="s">
        <v>15</v>
      </c>
      <c r="G105878" s="16">
        <v>0.29018637558269689</v>
      </c>
    </row>
    <row r="105879" spans="1:7" x14ac:dyDescent="0.3">
      <c r="A105879" s="13" t="s">
        <v>515</v>
      </c>
      <c r="B105879" s="14" t="s">
        <v>1</v>
      </c>
      <c r="C105879" s="14" t="s">
        <v>63</v>
      </c>
      <c r="D105879" s="14" t="s">
        <v>31</v>
      </c>
      <c r="E105879" s="15">
        <v>45405</v>
      </c>
      <c r="F105879" s="14" t="s">
        <v>15</v>
      </c>
      <c r="G105879" s="16">
        <v>0.33012167559916983</v>
      </c>
    </row>
    <row r="105880" spans="1:7" x14ac:dyDescent="0.3">
      <c r="A105880" s="13" t="s">
        <v>515</v>
      </c>
      <c r="B105880" s="14" t="s">
        <v>1</v>
      </c>
      <c r="C105880" s="14" t="s">
        <v>63</v>
      </c>
      <c r="D105880" s="14" t="s">
        <v>31</v>
      </c>
      <c r="E105880" s="15">
        <v>45406</v>
      </c>
      <c r="F105880" s="14" t="s">
        <v>15</v>
      </c>
      <c r="G105880" s="16">
        <v>0.34434246148059927</v>
      </c>
    </row>
    <row r="105881" spans="1:7" x14ac:dyDescent="0.3">
      <c r="A105881" s="13" t="s">
        <v>515</v>
      </c>
      <c r="B105881" s="14" t="s">
        <v>1</v>
      </c>
      <c r="C105881" s="14" t="s">
        <v>63</v>
      </c>
      <c r="D105881" s="14" t="s">
        <v>31</v>
      </c>
      <c r="E105881" s="15">
        <v>45407</v>
      </c>
      <c r="F105881" s="14" t="s">
        <v>15</v>
      </c>
      <c r="G105881" s="16">
        <v>0.36058425876403893</v>
      </c>
    </row>
    <row r="105882" spans="1:7" x14ac:dyDescent="0.3">
      <c r="A105882" s="13" t="s">
        <v>515</v>
      </c>
      <c r="B105882" s="14" t="s">
        <v>1</v>
      </c>
      <c r="C105882" s="14" t="s">
        <v>63</v>
      </c>
      <c r="D105882" s="14" t="s">
        <v>31</v>
      </c>
      <c r="E105882" s="15">
        <v>45408</v>
      </c>
      <c r="F105882" s="14" t="s">
        <v>15</v>
      </c>
      <c r="G105882" s="16">
        <v>0.37744761443311903</v>
      </c>
    </row>
    <row r="105883" spans="1:7" x14ac:dyDescent="0.3">
      <c r="A105883" s="13" t="s">
        <v>515</v>
      </c>
      <c r="B105883" s="14" t="s">
        <v>1</v>
      </c>
      <c r="C105883" s="14" t="s">
        <v>63</v>
      </c>
      <c r="D105883" s="14" t="s">
        <v>31</v>
      </c>
      <c r="E105883" s="15">
        <v>45409</v>
      </c>
      <c r="F105883" s="14" t="s">
        <v>15</v>
      </c>
      <c r="G105883" s="16">
        <v>0.37744761443311903</v>
      </c>
    </row>
    <row r="105884" spans="1:7" x14ac:dyDescent="0.3">
      <c r="A105884" s="13" t="s">
        <v>515</v>
      </c>
      <c r="B105884" s="14" t="s">
        <v>1</v>
      </c>
      <c r="C105884" s="14" t="s">
        <v>63</v>
      </c>
      <c r="D105884" s="14" t="s">
        <v>31</v>
      </c>
      <c r="E105884" s="15">
        <v>45410</v>
      </c>
      <c r="F105884" s="14" t="s">
        <v>15</v>
      </c>
      <c r="G105884" s="16">
        <v>0.37744761443311903</v>
      </c>
    </row>
    <row r="105885" spans="1:7" x14ac:dyDescent="0.3">
      <c r="A105885" s="13" t="s">
        <v>515</v>
      </c>
      <c r="B105885" s="14" t="s">
        <v>1</v>
      </c>
      <c r="C105885" s="14" t="s">
        <v>63</v>
      </c>
      <c r="D105885" s="14" t="s">
        <v>31</v>
      </c>
      <c r="E105885" s="15">
        <v>45411</v>
      </c>
      <c r="F105885" s="14" t="s">
        <v>15</v>
      </c>
      <c r="G105885" s="16">
        <v>0.39051945713966191</v>
      </c>
    </row>
    <row r="105886" spans="1:7" x14ac:dyDescent="0.3">
      <c r="A105886" s="13" t="s">
        <v>515</v>
      </c>
      <c r="B105886" s="14" t="s">
        <v>1</v>
      </c>
      <c r="C105886" s="14" t="s">
        <v>63</v>
      </c>
      <c r="D105886" s="14" t="s">
        <v>31</v>
      </c>
      <c r="E105886" s="15">
        <v>45412</v>
      </c>
      <c r="F105886" s="14" t="s">
        <v>15</v>
      </c>
      <c r="G105886" s="16">
        <v>0.43337906681429317</v>
      </c>
    </row>
    <row r="105887" spans="1:7" x14ac:dyDescent="0.3">
      <c r="A105887" s="13" t="s">
        <v>515</v>
      </c>
      <c r="B105887" s="14" t="s">
        <v>1</v>
      </c>
      <c r="C105887" s="14" t="s">
        <v>63</v>
      </c>
      <c r="D105887" s="14" t="s">
        <v>31</v>
      </c>
      <c r="E105887" s="15">
        <v>45413</v>
      </c>
      <c r="F105887" s="14" t="s">
        <v>15</v>
      </c>
      <c r="G105887" s="16">
        <v>0.43337906681429317</v>
      </c>
    </row>
    <row r="105888" spans="1:7" x14ac:dyDescent="0.3">
      <c r="A105888" s="13" t="s">
        <v>515</v>
      </c>
      <c r="B105888" s="14" t="s">
        <v>1</v>
      </c>
      <c r="C105888" s="14" t="s">
        <v>63</v>
      </c>
      <c r="D105888" s="14" t="s">
        <v>31</v>
      </c>
      <c r="E105888" s="15">
        <v>45414</v>
      </c>
      <c r="F105888" s="14" t="s">
        <v>15</v>
      </c>
      <c r="G105888" s="16">
        <v>0.44813981548680987</v>
      </c>
    </row>
    <row r="105889" spans="1:7" x14ac:dyDescent="0.3">
      <c r="A105889" s="13" t="s">
        <v>515</v>
      </c>
      <c r="B105889" s="14" t="s">
        <v>1</v>
      </c>
      <c r="C105889" s="14" t="s">
        <v>63</v>
      </c>
      <c r="D105889" s="14" t="s">
        <v>31</v>
      </c>
      <c r="E105889" s="15">
        <v>45415</v>
      </c>
      <c r="F105889" s="14" t="s">
        <v>15</v>
      </c>
      <c r="G105889" s="16">
        <v>0.48106846326904523</v>
      </c>
    </row>
    <row r="105890" spans="1:7" x14ac:dyDescent="0.3">
      <c r="A105890" s="13" t="s">
        <v>515</v>
      </c>
      <c r="B105890" s="14" t="s">
        <v>1</v>
      </c>
      <c r="C105890" s="14" t="s">
        <v>63</v>
      </c>
      <c r="D105890" s="14" t="s">
        <v>31</v>
      </c>
      <c r="E105890" s="15">
        <v>45416</v>
      </c>
      <c r="F105890" s="14" t="s">
        <v>15</v>
      </c>
      <c r="G105890" s="16">
        <v>0.48106846326904523</v>
      </c>
    </row>
    <row r="105891" spans="1:7" x14ac:dyDescent="0.3">
      <c r="A105891" s="13" t="s">
        <v>515</v>
      </c>
      <c r="B105891" s="14" t="s">
        <v>1</v>
      </c>
      <c r="C105891" s="14" t="s">
        <v>63</v>
      </c>
      <c r="D105891" s="14" t="s">
        <v>31</v>
      </c>
      <c r="E105891" s="15">
        <v>45417</v>
      </c>
      <c r="F105891" s="14" t="s">
        <v>15</v>
      </c>
      <c r="G105891" s="16">
        <v>0.48106846326904523</v>
      </c>
    </row>
    <row r="105892" spans="1:7" x14ac:dyDescent="0.3">
      <c r="A105892" s="13" t="s">
        <v>515</v>
      </c>
      <c r="B105892" s="14" t="s">
        <v>1</v>
      </c>
      <c r="C105892" s="14" t="s">
        <v>63</v>
      </c>
      <c r="D105892" s="14" t="s">
        <v>31</v>
      </c>
      <c r="E105892" s="15">
        <v>45418</v>
      </c>
      <c r="F105892" s="14" t="s">
        <v>15</v>
      </c>
      <c r="G105892" s="16">
        <v>0.48106846326904523</v>
      </c>
    </row>
    <row r="105893" spans="1:7" x14ac:dyDescent="0.3">
      <c r="A105893" s="13" t="s">
        <v>515</v>
      </c>
      <c r="B105893" s="14" t="s">
        <v>1</v>
      </c>
      <c r="C105893" s="14" t="s">
        <v>63</v>
      </c>
      <c r="D105893" s="14" t="s">
        <v>31</v>
      </c>
      <c r="E105893" s="15">
        <v>45419</v>
      </c>
      <c r="F105893" s="14" t="s">
        <v>15</v>
      </c>
      <c r="G105893" s="16">
        <v>0.49413263057114293</v>
      </c>
    </row>
    <row r="105894" spans="1:7" x14ac:dyDescent="0.3">
      <c r="A105894" s="13" t="s">
        <v>515</v>
      </c>
      <c r="B105894" s="14" t="s">
        <v>1</v>
      </c>
      <c r="C105894" s="14" t="s">
        <v>63</v>
      </c>
      <c r="D105894" s="14" t="s">
        <v>31</v>
      </c>
      <c r="E105894" s="15">
        <v>45420</v>
      </c>
      <c r="F105894" s="14" t="s">
        <v>15</v>
      </c>
      <c r="G105894" s="16">
        <v>0.54671278126527012</v>
      </c>
    </row>
    <row r="105895" spans="1:7" x14ac:dyDescent="0.3">
      <c r="A105895" s="13" t="s">
        <v>515</v>
      </c>
      <c r="B105895" s="14" t="s">
        <v>1</v>
      </c>
      <c r="C105895" s="14" t="s">
        <v>63</v>
      </c>
      <c r="D105895" s="14" t="s">
        <v>31</v>
      </c>
      <c r="E105895" s="15">
        <v>45421</v>
      </c>
      <c r="F105895" s="14" t="s">
        <v>15</v>
      </c>
      <c r="G105895" s="16">
        <v>0.54671278126527012</v>
      </c>
    </row>
    <row r="105896" spans="1:7" x14ac:dyDescent="0.3">
      <c r="A105896" s="13" t="s">
        <v>515</v>
      </c>
      <c r="B105896" s="14" t="s">
        <v>1</v>
      </c>
      <c r="C105896" s="14" t="s">
        <v>63</v>
      </c>
      <c r="D105896" s="14" t="s">
        <v>31</v>
      </c>
      <c r="E105896" s="15">
        <v>45422</v>
      </c>
      <c r="F105896" s="14" t="s">
        <v>15</v>
      </c>
      <c r="G105896" s="16">
        <v>0.55944245601458653</v>
      </c>
    </row>
    <row r="105897" spans="1:7" x14ac:dyDescent="0.3">
      <c r="A105897" s="13" t="s">
        <v>515</v>
      </c>
      <c r="B105897" s="14" t="s">
        <v>1</v>
      </c>
      <c r="C105897" s="14" t="s">
        <v>63</v>
      </c>
      <c r="D105897" s="14" t="s">
        <v>31</v>
      </c>
      <c r="E105897" s="15">
        <v>45423</v>
      </c>
      <c r="F105897" s="14" t="s">
        <v>15</v>
      </c>
      <c r="G105897" s="16">
        <v>0.55944245601458653</v>
      </c>
    </row>
    <row r="105898" spans="1:7" x14ac:dyDescent="0.3">
      <c r="A105898" s="13" t="s">
        <v>515</v>
      </c>
      <c r="B105898" s="14" t="s">
        <v>1</v>
      </c>
      <c r="C105898" s="14" t="s">
        <v>63</v>
      </c>
      <c r="D105898" s="14" t="s">
        <v>31</v>
      </c>
      <c r="E105898" s="15">
        <v>45424</v>
      </c>
      <c r="F105898" s="14" t="s">
        <v>15</v>
      </c>
      <c r="G105898" s="16">
        <v>0.55944245601458653</v>
      </c>
    </row>
    <row r="105899" spans="1:7" x14ac:dyDescent="0.3">
      <c r="A105899" s="13" t="s">
        <v>515</v>
      </c>
      <c r="B105899" s="14" t="s">
        <v>1</v>
      </c>
      <c r="C105899" s="14" t="s">
        <v>63</v>
      </c>
      <c r="D105899" s="14" t="s">
        <v>31</v>
      </c>
      <c r="E105899" s="15">
        <v>45425</v>
      </c>
      <c r="F105899" s="14" t="s">
        <v>15</v>
      </c>
      <c r="G105899" s="16">
        <v>0.5844836020082107</v>
      </c>
    </row>
    <row r="105900" spans="1:7" x14ac:dyDescent="0.3">
      <c r="A105900" s="13" t="s">
        <v>515</v>
      </c>
      <c r="B105900" s="14" t="s">
        <v>1</v>
      </c>
      <c r="C105900" s="14" t="s">
        <v>63</v>
      </c>
      <c r="D105900" s="14" t="s">
        <v>31</v>
      </c>
      <c r="E105900" s="15">
        <v>45426</v>
      </c>
      <c r="F105900" s="14" t="s">
        <v>15</v>
      </c>
      <c r="G105900" s="16">
        <v>0.6257240018905903</v>
      </c>
    </row>
    <row r="105901" spans="1:7" x14ac:dyDescent="0.3">
      <c r="A105901" s="13" t="s">
        <v>515</v>
      </c>
      <c r="B105901" s="14" t="s">
        <v>1</v>
      </c>
      <c r="C105901" s="14" t="s">
        <v>63</v>
      </c>
      <c r="D105901" s="14" t="s">
        <v>31</v>
      </c>
      <c r="E105901" s="15">
        <v>45427</v>
      </c>
      <c r="F105901" s="14" t="s">
        <v>15</v>
      </c>
      <c r="G105901" s="16">
        <v>0.6257240018905903</v>
      </c>
    </row>
    <row r="105902" spans="1:7" x14ac:dyDescent="0.3">
      <c r="A105902" s="13" t="s">
        <v>515</v>
      </c>
      <c r="B105902" s="14" t="s">
        <v>1</v>
      </c>
      <c r="C105902" s="14" t="s">
        <v>63</v>
      </c>
      <c r="D105902" s="14" t="s">
        <v>31</v>
      </c>
      <c r="E105902" s="15">
        <v>45428</v>
      </c>
      <c r="F105902" s="14" t="s">
        <v>15</v>
      </c>
      <c r="G105902" s="16">
        <v>0.63852603131212671</v>
      </c>
    </row>
    <row r="105903" spans="1:7" x14ac:dyDescent="0.3">
      <c r="A105903" s="13" t="s">
        <v>515</v>
      </c>
      <c r="B105903" s="14" t="s">
        <v>1</v>
      </c>
      <c r="C105903" s="14" t="s">
        <v>63</v>
      </c>
      <c r="D105903" s="14" t="s">
        <v>31</v>
      </c>
      <c r="E105903" s="15">
        <v>45429</v>
      </c>
      <c r="F105903" s="14" t="s">
        <v>15</v>
      </c>
      <c r="G105903" s="16">
        <v>0.66796464744306183</v>
      </c>
    </row>
    <row r="105904" spans="1:7" x14ac:dyDescent="0.3">
      <c r="A105904" s="13" t="s">
        <v>515</v>
      </c>
      <c r="B105904" s="14" t="s">
        <v>1</v>
      </c>
      <c r="C105904" s="14" t="s">
        <v>63</v>
      </c>
      <c r="D105904" s="14" t="s">
        <v>31</v>
      </c>
      <c r="E105904" s="15">
        <v>45430</v>
      </c>
      <c r="F105904" s="14" t="s">
        <v>15</v>
      </c>
      <c r="G105904" s="16">
        <v>0.66796464744306183</v>
      </c>
    </row>
    <row r="105905" spans="1:7" x14ac:dyDescent="0.3">
      <c r="A105905" s="13" t="s">
        <v>515</v>
      </c>
      <c r="B105905" s="14" t="s">
        <v>1</v>
      </c>
      <c r="C105905" s="14" t="s">
        <v>63</v>
      </c>
      <c r="D105905" s="14" t="s">
        <v>31</v>
      </c>
      <c r="E105905" s="15">
        <v>45431</v>
      </c>
      <c r="F105905" s="14" t="s">
        <v>15</v>
      </c>
      <c r="G105905" s="16">
        <v>0.66796464744306183</v>
      </c>
    </row>
    <row r="105906" spans="1:7" x14ac:dyDescent="0.3">
      <c r="A105906" s="13" t="s">
        <v>515</v>
      </c>
      <c r="B105906" s="14" t="s">
        <v>1</v>
      </c>
      <c r="C105906" s="14" t="s">
        <v>63</v>
      </c>
      <c r="D105906" s="14" t="s">
        <v>31</v>
      </c>
      <c r="E105906" s="15">
        <v>45432</v>
      </c>
      <c r="F105906" s="14" t="s">
        <v>15</v>
      </c>
      <c r="G105906" s="16">
        <v>0.66796464744306183</v>
      </c>
    </row>
    <row r="105907" spans="1:7" x14ac:dyDescent="0.3">
      <c r="A105907" s="13" t="s">
        <v>515</v>
      </c>
      <c r="B105907" s="14" t="s">
        <v>1</v>
      </c>
      <c r="C105907" s="14" t="s">
        <v>63</v>
      </c>
      <c r="D105907" s="14" t="s">
        <v>31</v>
      </c>
      <c r="E105907" s="15">
        <v>45433</v>
      </c>
      <c r="F105907" s="14" t="s">
        <v>15</v>
      </c>
      <c r="G105907" s="16">
        <v>0.68743653613388322</v>
      </c>
    </row>
    <row r="105908" spans="1:7" x14ac:dyDescent="0.3">
      <c r="A105908" s="13" t="s">
        <v>515</v>
      </c>
      <c r="B105908" s="14" t="s">
        <v>1</v>
      </c>
      <c r="C105908" s="14" t="s">
        <v>63</v>
      </c>
      <c r="D105908" s="14" t="s">
        <v>31</v>
      </c>
      <c r="E105908" s="15">
        <v>45434</v>
      </c>
      <c r="F105908" s="14" t="s">
        <v>15</v>
      </c>
      <c r="G105908" s="16">
        <v>0.68743653613388322</v>
      </c>
    </row>
    <row r="105909" spans="1:7" x14ac:dyDescent="0.3">
      <c r="A105909" s="13" t="s">
        <v>515</v>
      </c>
      <c r="B105909" s="14" t="s">
        <v>1</v>
      </c>
      <c r="C105909" s="14" t="s">
        <v>63</v>
      </c>
      <c r="D105909" s="14" t="s">
        <v>31</v>
      </c>
      <c r="E105909" s="15">
        <v>45435</v>
      </c>
      <c r="F105909" s="14" t="s">
        <v>15</v>
      </c>
      <c r="G105909" s="16">
        <v>0.73971293210820166</v>
      </c>
    </row>
    <row r="105910" spans="1:7" x14ac:dyDescent="0.3">
      <c r="A105910" s="13" t="s">
        <v>515</v>
      </c>
      <c r="B105910" s="14" t="s">
        <v>1</v>
      </c>
      <c r="C105910" s="14" t="s">
        <v>63</v>
      </c>
      <c r="D105910" s="14" t="s">
        <v>31</v>
      </c>
      <c r="E105910" s="15">
        <v>45436</v>
      </c>
      <c r="F105910" s="14" t="s">
        <v>15</v>
      </c>
      <c r="G105910" s="16">
        <v>0.7664800107470956</v>
      </c>
    </row>
    <row r="105911" spans="1:7" x14ac:dyDescent="0.3">
      <c r="A105911" s="13" t="s">
        <v>515</v>
      </c>
      <c r="B105911" s="14" t="s">
        <v>1</v>
      </c>
      <c r="C105911" s="14" t="s">
        <v>63</v>
      </c>
      <c r="D105911" s="14" t="s">
        <v>31</v>
      </c>
      <c r="E105911" s="15">
        <v>45437</v>
      </c>
      <c r="F105911" s="14" t="s">
        <v>15</v>
      </c>
      <c r="G105911" s="16">
        <v>0.7664800107470956</v>
      </c>
    </row>
    <row r="105912" spans="1:7" x14ac:dyDescent="0.3">
      <c r="A105912" s="13" t="s">
        <v>515</v>
      </c>
      <c r="B105912" s="14" t="s">
        <v>1</v>
      </c>
      <c r="C105912" s="14" t="s">
        <v>63</v>
      </c>
      <c r="D105912" s="14" t="s">
        <v>31</v>
      </c>
      <c r="E105912" s="15">
        <v>45438</v>
      </c>
      <c r="F105912" s="14" t="s">
        <v>15</v>
      </c>
      <c r="G105912" s="16">
        <v>0.7664800107470956</v>
      </c>
    </row>
    <row r="105913" spans="1:7" x14ac:dyDescent="0.3">
      <c r="A105913" s="13" t="s">
        <v>515</v>
      </c>
      <c r="B105913" s="14" t="s">
        <v>1</v>
      </c>
      <c r="C105913" s="14" t="s">
        <v>63</v>
      </c>
      <c r="D105913" s="14" t="s">
        <v>31</v>
      </c>
      <c r="E105913" s="15">
        <v>45439</v>
      </c>
      <c r="F105913" s="14" t="s">
        <v>15</v>
      </c>
      <c r="G105913" s="16">
        <v>0.77854804936656785</v>
      </c>
    </row>
    <row r="105914" spans="1:7" x14ac:dyDescent="0.3">
      <c r="A105914" s="13" t="s">
        <v>515</v>
      </c>
      <c r="B105914" s="14" t="s">
        <v>1</v>
      </c>
      <c r="C105914" s="14" t="s">
        <v>63</v>
      </c>
      <c r="D105914" s="14" t="s">
        <v>31</v>
      </c>
      <c r="E105914" s="15">
        <v>45440</v>
      </c>
      <c r="F105914" s="14" t="s">
        <v>15</v>
      </c>
      <c r="G105914" s="16">
        <v>0.81729077118721793</v>
      </c>
    </row>
    <row r="105915" spans="1:7" x14ac:dyDescent="0.3">
      <c r="A105915" s="13" t="s">
        <v>515</v>
      </c>
      <c r="B105915" s="14" t="s">
        <v>1</v>
      </c>
      <c r="C105915" s="14" t="s">
        <v>63</v>
      </c>
      <c r="D105915" s="14" t="s">
        <v>31</v>
      </c>
      <c r="E105915" s="15">
        <v>45441</v>
      </c>
      <c r="F105915" s="14" t="s">
        <v>15</v>
      </c>
      <c r="G105915" s="16">
        <v>0.83113790415009858</v>
      </c>
    </row>
    <row r="105916" spans="1:7" x14ac:dyDescent="0.3">
      <c r="A105916" s="13" t="s">
        <v>515</v>
      </c>
      <c r="B105916" s="14" t="s">
        <v>1</v>
      </c>
      <c r="C105916" s="14" t="s">
        <v>63</v>
      </c>
      <c r="D105916" s="14" t="s">
        <v>31</v>
      </c>
      <c r="E105916" s="15">
        <v>45442</v>
      </c>
      <c r="F105916" s="14" t="s">
        <v>15</v>
      </c>
      <c r="G105916" s="16">
        <v>0.84709545546121667</v>
      </c>
    </row>
    <row r="105917" spans="1:7" x14ac:dyDescent="0.3">
      <c r="A105917" s="13" t="s">
        <v>515</v>
      </c>
      <c r="B105917" s="14" t="s">
        <v>1</v>
      </c>
      <c r="C105917" s="14" t="s">
        <v>63</v>
      </c>
      <c r="D105917" s="14" t="s">
        <v>31</v>
      </c>
      <c r="E105917" s="15">
        <v>45443</v>
      </c>
      <c r="F105917" s="14" t="s">
        <v>15</v>
      </c>
      <c r="G105917" s="16">
        <v>0.86029060070295083</v>
      </c>
    </row>
    <row r="105918" spans="1:7" x14ac:dyDescent="0.3">
      <c r="A105918" s="13" t="s">
        <v>515</v>
      </c>
      <c r="B105918" s="14" t="s">
        <v>1</v>
      </c>
      <c r="C105918" s="14" t="s">
        <v>63</v>
      </c>
      <c r="D105918" s="14" t="s">
        <v>31</v>
      </c>
      <c r="E105918" s="15">
        <v>45444</v>
      </c>
      <c r="F105918" s="14" t="s">
        <v>15</v>
      </c>
      <c r="G105918" s="16">
        <v>0.86029060070295083</v>
      </c>
    </row>
    <row r="105919" spans="1:7" x14ac:dyDescent="0.3">
      <c r="A105919" s="13" t="s">
        <v>515</v>
      </c>
      <c r="B105919" s="14" t="s">
        <v>1</v>
      </c>
      <c r="C105919" s="14" t="s">
        <v>63</v>
      </c>
      <c r="D105919" s="14" t="s">
        <v>31</v>
      </c>
      <c r="E105919" s="15">
        <v>45445</v>
      </c>
      <c r="F105919" s="14" t="s">
        <v>15</v>
      </c>
      <c r="G105919" s="16">
        <v>0.86029060070295083</v>
      </c>
    </row>
    <row r="105920" spans="1:7" x14ac:dyDescent="0.3">
      <c r="A105920" s="13" t="s">
        <v>515</v>
      </c>
      <c r="B105920" s="14" t="s">
        <v>1</v>
      </c>
      <c r="C105920" s="14" t="s">
        <v>63</v>
      </c>
      <c r="D105920" s="14" t="s">
        <v>31</v>
      </c>
      <c r="E105920" s="15">
        <v>45446</v>
      </c>
      <c r="F105920" s="14" t="s">
        <v>15</v>
      </c>
      <c r="G105920" s="16">
        <v>0.86029060070295083</v>
      </c>
    </row>
    <row r="105921" spans="1:7" x14ac:dyDescent="0.3">
      <c r="A105921" s="13" t="s">
        <v>515</v>
      </c>
      <c r="B105921" s="14" t="s">
        <v>1</v>
      </c>
      <c r="C105921" s="14" t="s">
        <v>63</v>
      </c>
      <c r="D105921" s="14" t="s">
        <v>31</v>
      </c>
      <c r="E105921" s="15">
        <v>45447</v>
      </c>
      <c r="F105921" s="14" t="s">
        <v>15</v>
      </c>
      <c r="G105921" s="16">
        <v>0.87375440384962488</v>
      </c>
    </row>
    <row r="105922" spans="1:7" x14ac:dyDescent="0.3">
      <c r="A105922" s="13" t="s">
        <v>515</v>
      </c>
      <c r="B105922" s="14" t="s">
        <v>1</v>
      </c>
      <c r="C105922" s="14" t="s">
        <v>63</v>
      </c>
      <c r="D105922" s="14" t="s">
        <v>31</v>
      </c>
      <c r="E105922" s="15">
        <v>45448</v>
      </c>
      <c r="F105922" s="14" t="s">
        <v>15</v>
      </c>
      <c r="G105922" s="16">
        <v>0.91906863665034566</v>
      </c>
    </row>
    <row r="105923" spans="1:7" x14ac:dyDescent="0.3">
      <c r="A105923" s="13" t="s">
        <v>515</v>
      </c>
      <c r="B105923" s="14" t="s">
        <v>1</v>
      </c>
      <c r="C105923" s="14" t="s">
        <v>63</v>
      </c>
      <c r="D105923" s="14" t="s">
        <v>31</v>
      </c>
      <c r="E105923" s="15">
        <v>45449</v>
      </c>
      <c r="F105923" s="14" t="s">
        <v>15</v>
      </c>
      <c r="G105923" s="16">
        <v>0.93236179398773045</v>
      </c>
    </row>
    <row r="105924" spans="1:7" x14ac:dyDescent="0.3">
      <c r="A105924" s="13" t="s">
        <v>515</v>
      </c>
      <c r="B105924" s="14" t="s">
        <v>1</v>
      </c>
      <c r="C105924" s="14" t="s">
        <v>63</v>
      </c>
      <c r="D105924" s="14" t="s">
        <v>31</v>
      </c>
      <c r="E105924" s="15">
        <v>45450</v>
      </c>
      <c r="F105924" s="14" t="s">
        <v>15</v>
      </c>
      <c r="G105924" s="16">
        <v>0.94588965803351044</v>
      </c>
    </row>
    <row r="105925" spans="1:7" x14ac:dyDescent="0.3">
      <c r="A105925" s="13" t="s">
        <v>515</v>
      </c>
      <c r="B105925" s="14" t="s">
        <v>1</v>
      </c>
      <c r="C105925" s="14" t="s">
        <v>63</v>
      </c>
      <c r="D105925" s="14" t="s">
        <v>31</v>
      </c>
      <c r="E105925" s="15">
        <v>45451</v>
      </c>
      <c r="F105925" s="14" t="s">
        <v>15</v>
      </c>
      <c r="G105925" s="16">
        <v>0.94588965803351044</v>
      </c>
    </row>
    <row r="105926" spans="1:7" x14ac:dyDescent="0.3">
      <c r="A105926" s="13" t="s">
        <v>515</v>
      </c>
      <c r="B105926" s="14" t="s">
        <v>1</v>
      </c>
      <c r="C105926" s="14" t="s">
        <v>63</v>
      </c>
      <c r="D105926" s="14" t="s">
        <v>31</v>
      </c>
      <c r="E105926" s="15">
        <v>45452</v>
      </c>
      <c r="F105926" s="14" t="s">
        <v>15</v>
      </c>
      <c r="G105926" s="16">
        <v>0.94588965803351044</v>
      </c>
    </row>
    <row r="105927" spans="1:7" x14ac:dyDescent="0.3">
      <c r="A105927" s="13" t="s">
        <v>515</v>
      </c>
      <c r="B105927" s="14" t="s">
        <v>1</v>
      </c>
      <c r="C105927" s="14" t="s">
        <v>63</v>
      </c>
      <c r="D105927" s="14" t="s">
        <v>31</v>
      </c>
      <c r="E105927" s="15">
        <v>45453</v>
      </c>
      <c r="F105927" s="14" t="s">
        <v>15</v>
      </c>
      <c r="G105927" s="16">
        <v>0.94588965803351044</v>
      </c>
    </row>
    <row r="105928" spans="1:7" x14ac:dyDescent="0.3">
      <c r="A105928" s="13" t="s">
        <v>515</v>
      </c>
      <c r="B105928" s="14" t="s">
        <v>1</v>
      </c>
      <c r="C105928" s="14" t="s">
        <v>63</v>
      </c>
      <c r="D105928" s="14" t="s">
        <v>31</v>
      </c>
      <c r="E105928" s="15">
        <v>45454</v>
      </c>
      <c r="F105928" s="14" t="s">
        <v>15</v>
      </c>
      <c r="G105928" s="16">
        <v>0.97020493263270546</v>
      </c>
    </row>
    <row r="105929" spans="1:7" x14ac:dyDescent="0.3">
      <c r="A105929" s="13" t="s">
        <v>515</v>
      </c>
      <c r="B105929" s="14" t="s">
        <v>1</v>
      </c>
      <c r="C105929" s="14" t="s">
        <v>63</v>
      </c>
      <c r="D105929" s="14" t="s">
        <v>31</v>
      </c>
      <c r="E105929" s="15">
        <v>45455</v>
      </c>
      <c r="F105929" s="14" t="s">
        <v>15</v>
      </c>
      <c r="G105929" s="16">
        <v>1.0246742919087186</v>
      </c>
    </row>
    <row r="105930" spans="1:7" x14ac:dyDescent="0.3">
      <c r="A105930" s="13" t="s">
        <v>515</v>
      </c>
      <c r="B105930" s="14" t="s">
        <v>1</v>
      </c>
      <c r="C105930" s="14" t="s">
        <v>63</v>
      </c>
      <c r="D105930" s="14" t="s">
        <v>31</v>
      </c>
      <c r="E105930" s="15">
        <v>45456</v>
      </c>
      <c r="F105930" s="14" t="s">
        <v>15</v>
      </c>
      <c r="G105930" s="16">
        <v>1.0451496605996182</v>
      </c>
    </row>
    <row r="105931" spans="1:7" x14ac:dyDescent="0.3">
      <c r="A105931" s="13" t="s">
        <v>515</v>
      </c>
      <c r="B105931" s="14" t="s">
        <v>1</v>
      </c>
      <c r="C105931" s="14" t="s">
        <v>63</v>
      </c>
      <c r="D105931" s="14" t="s">
        <v>31</v>
      </c>
      <c r="E105931" s="15">
        <v>45457</v>
      </c>
      <c r="F105931" s="14" t="s">
        <v>15</v>
      </c>
      <c r="G105931" s="16">
        <v>1.0590969034536346</v>
      </c>
    </row>
    <row r="105932" spans="1:7" x14ac:dyDescent="0.3">
      <c r="A105932" s="13" t="s">
        <v>515</v>
      </c>
      <c r="B105932" s="14" t="s">
        <v>1</v>
      </c>
      <c r="C105932" s="14" t="s">
        <v>63</v>
      </c>
      <c r="D105932" s="14" t="s">
        <v>31</v>
      </c>
      <c r="E105932" s="15">
        <v>45458</v>
      </c>
      <c r="F105932" s="14" t="s">
        <v>15</v>
      </c>
      <c r="G105932" s="16">
        <v>1.0590969034536346</v>
      </c>
    </row>
    <row r="105933" spans="1:7" x14ac:dyDescent="0.3">
      <c r="A105933" s="13" t="s">
        <v>515</v>
      </c>
      <c r="B105933" s="14" t="s">
        <v>1</v>
      </c>
      <c r="C105933" s="14" t="s">
        <v>63</v>
      </c>
      <c r="D105933" s="14" t="s">
        <v>31</v>
      </c>
      <c r="E105933" s="15">
        <v>45459</v>
      </c>
      <c r="F105933" s="14" t="s">
        <v>15</v>
      </c>
      <c r="G105933" s="16">
        <v>1.0590969034536346</v>
      </c>
    </row>
    <row r="105934" spans="1:7" x14ac:dyDescent="0.3">
      <c r="A105934" s="13" t="s">
        <v>515</v>
      </c>
      <c r="B105934" s="14" t="s">
        <v>1</v>
      </c>
      <c r="C105934" s="14" t="s">
        <v>63</v>
      </c>
      <c r="D105934" s="14" t="s">
        <v>31</v>
      </c>
      <c r="E105934" s="15">
        <v>45460</v>
      </c>
      <c r="F105934" s="14" t="s">
        <v>15</v>
      </c>
      <c r="G105934" s="16">
        <v>1.0590969034536346</v>
      </c>
    </row>
    <row r="105935" spans="1:7" x14ac:dyDescent="0.3">
      <c r="A105935" s="13" t="s">
        <v>515</v>
      </c>
      <c r="B105935" s="14" t="s">
        <v>1</v>
      </c>
      <c r="C105935" s="14" t="s">
        <v>63</v>
      </c>
      <c r="D105935" s="14" t="s">
        <v>31</v>
      </c>
      <c r="E105935" s="15">
        <v>45461</v>
      </c>
      <c r="F105935" s="14" t="s">
        <v>15</v>
      </c>
      <c r="G105935" s="16">
        <v>1.0724821657408177</v>
      </c>
    </row>
    <row r="105936" spans="1:7" x14ac:dyDescent="0.3">
      <c r="A105936" s="13" t="s">
        <v>515</v>
      </c>
      <c r="B105936" s="14" t="s">
        <v>1</v>
      </c>
      <c r="C105936" s="14" t="s">
        <v>63</v>
      </c>
      <c r="D105936" s="14" t="s">
        <v>31</v>
      </c>
      <c r="E105936" s="15">
        <v>45462</v>
      </c>
      <c r="F105936" s="14" t="s">
        <v>15</v>
      </c>
      <c r="G105936" s="16">
        <v>1.1260342480436094</v>
      </c>
    </row>
    <row r="105937" spans="1:7" x14ac:dyDescent="0.3">
      <c r="A105937" s="13" t="s">
        <v>515</v>
      </c>
      <c r="B105937" s="14" t="s">
        <v>1</v>
      </c>
      <c r="C105937" s="14" t="s">
        <v>63</v>
      </c>
      <c r="D105937" s="14" t="s">
        <v>31</v>
      </c>
      <c r="E105937" s="15">
        <v>45463</v>
      </c>
      <c r="F105937" s="14" t="s">
        <v>15</v>
      </c>
      <c r="G105937" s="16">
        <v>1.1394243422912078</v>
      </c>
    </row>
    <row r="105938" spans="1:7" x14ac:dyDescent="0.3">
      <c r="A105938" s="13" t="s">
        <v>515</v>
      </c>
      <c r="B105938" s="14" t="s">
        <v>1</v>
      </c>
      <c r="C105938" s="14" t="s">
        <v>63</v>
      </c>
      <c r="D105938" s="14" t="s">
        <v>31</v>
      </c>
      <c r="E105938" s="15">
        <v>45464</v>
      </c>
      <c r="F105938" s="14" t="s">
        <v>15</v>
      </c>
      <c r="G105938" s="16">
        <v>1.1541744217567702</v>
      </c>
    </row>
    <row r="105939" spans="1:7" x14ac:dyDescent="0.3">
      <c r="A105939" s="13" t="s">
        <v>515</v>
      </c>
      <c r="B105939" s="14" t="s">
        <v>1</v>
      </c>
      <c r="C105939" s="14" t="s">
        <v>63</v>
      </c>
      <c r="D105939" s="14" t="s">
        <v>31</v>
      </c>
      <c r="E105939" s="15">
        <v>45465</v>
      </c>
      <c r="F105939" s="14" t="s">
        <v>15</v>
      </c>
      <c r="G105939" s="16">
        <v>1.1541744217567702</v>
      </c>
    </row>
    <row r="105940" spans="1:7" x14ac:dyDescent="0.3">
      <c r="A105940" s="13" t="s">
        <v>515</v>
      </c>
      <c r="B105940" s="14" t="s">
        <v>1</v>
      </c>
      <c r="C105940" s="14" t="s">
        <v>63</v>
      </c>
      <c r="D105940" s="14" t="s">
        <v>31</v>
      </c>
      <c r="E105940" s="15">
        <v>45466</v>
      </c>
      <c r="F105940" s="14" t="s">
        <v>15</v>
      </c>
      <c r="G105940" s="16">
        <v>1.1541744217567702</v>
      </c>
    </row>
    <row r="105941" spans="1:7" x14ac:dyDescent="0.3">
      <c r="A105941" s="13" t="s">
        <v>515</v>
      </c>
      <c r="B105941" s="14" t="s">
        <v>1</v>
      </c>
      <c r="C105941" s="14" t="s">
        <v>63</v>
      </c>
      <c r="D105941" s="14" t="s">
        <v>31</v>
      </c>
      <c r="E105941" s="15">
        <v>45467</v>
      </c>
      <c r="F105941" s="14" t="s">
        <v>15</v>
      </c>
      <c r="G105941" s="16">
        <v>1.1691824233861983</v>
      </c>
    </row>
    <row r="105942" spans="1:7" x14ac:dyDescent="0.3">
      <c r="A105942" s="13" t="s">
        <v>515</v>
      </c>
      <c r="B105942" s="14" t="s">
        <v>1</v>
      </c>
      <c r="C105942" s="14" t="s">
        <v>63</v>
      </c>
      <c r="D105942" s="14" t="s">
        <v>31</v>
      </c>
      <c r="E105942" s="15">
        <v>45468</v>
      </c>
      <c r="F105942" s="14" t="s">
        <v>15</v>
      </c>
      <c r="G105942" s="16">
        <v>1.2120648643124152</v>
      </c>
    </row>
    <row r="105943" spans="1:7" x14ac:dyDescent="0.3">
      <c r="A105943" s="13" t="s">
        <v>515</v>
      </c>
      <c r="B105943" s="14" t="s">
        <v>1</v>
      </c>
      <c r="C105943" s="14" t="s">
        <v>63</v>
      </c>
      <c r="D105943" s="14" t="s">
        <v>31</v>
      </c>
      <c r="E105943" s="15">
        <v>45469</v>
      </c>
      <c r="F105943" s="14" t="s">
        <v>15</v>
      </c>
      <c r="G105943" s="16">
        <v>1.2257237599374851</v>
      </c>
    </row>
    <row r="105944" spans="1:7" x14ac:dyDescent="0.3">
      <c r="A105944" s="13" t="s">
        <v>515</v>
      </c>
      <c r="B105944" s="14" t="s">
        <v>1</v>
      </c>
      <c r="C105944" s="14" t="s">
        <v>63</v>
      </c>
      <c r="D105944" s="14" t="s">
        <v>31</v>
      </c>
      <c r="E105944" s="15">
        <v>45470</v>
      </c>
      <c r="F105944" s="14" t="s">
        <v>15</v>
      </c>
      <c r="G105944" s="16">
        <v>1.2392734917395059</v>
      </c>
    </row>
    <row r="105945" spans="1:7" x14ac:dyDescent="0.3">
      <c r="A105945" s="13" t="s">
        <v>515</v>
      </c>
      <c r="B105945" s="14" t="s">
        <v>1</v>
      </c>
      <c r="C105945" s="14" t="s">
        <v>63</v>
      </c>
      <c r="D105945" s="14" t="s">
        <v>31</v>
      </c>
      <c r="E105945" s="15">
        <v>45471</v>
      </c>
      <c r="F105945" s="14" t="s">
        <v>15</v>
      </c>
      <c r="G105945" s="16">
        <v>1.2527375582946723</v>
      </c>
    </row>
    <row r="105946" spans="1:7" x14ac:dyDescent="0.3">
      <c r="A105946" s="13" t="s">
        <v>515</v>
      </c>
      <c r="B105946" s="14" t="s">
        <v>1</v>
      </c>
      <c r="C105946" s="14" t="s">
        <v>63</v>
      </c>
      <c r="D105946" s="14" t="s">
        <v>31</v>
      </c>
      <c r="E105946" s="15">
        <v>45472</v>
      </c>
      <c r="F105946" s="14" t="s">
        <v>15</v>
      </c>
      <c r="G105946" s="16">
        <v>1.2527375582946723</v>
      </c>
    </row>
    <row r="105947" spans="1:7" x14ac:dyDescent="0.3">
      <c r="A105947" s="13" t="s">
        <v>515</v>
      </c>
      <c r="B105947" s="14" t="s">
        <v>1</v>
      </c>
      <c r="C105947" s="14" t="s">
        <v>63</v>
      </c>
      <c r="D105947" s="14" t="s">
        <v>31</v>
      </c>
      <c r="E105947" s="15">
        <v>45473</v>
      </c>
      <c r="F105947" s="14" t="s">
        <v>15</v>
      </c>
      <c r="G105947" s="16">
        <v>1.2527375582946723</v>
      </c>
    </row>
    <row r="105948" spans="1:7" x14ac:dyDescent="0.3">
      <c r="A105948" s="13" t="s">
        <v>515</v>
      </c>
      <c r="B105948" s="14" t="s">
        <v>1</v>
      </c>
      <c r="C105948" s="14" t="s">
        <v>63</v>
      </c>
      <c r="D105948" s="14" t="s">
        <v>31</v>
      </c>
      <c r="E105948" s="15">
        <v>45474</v>
      </c>
      <c r="F105948" s="14" t="s">
        <v>15</v>
      </c>
      <c r="G105948" s="16">
        <v>1.2527375582946723</v>
      </c>
    </row>
    <row r="105949" spans="1:7" x14ac:dyDescent="0.3">
      <c r="A105949" s="13" t="s">
        <v>515</v>
      </c>
      <c r="B105949" s="14" t="s">
        <v>1</v>
      </c>
      <c r="C105949" s="14" t="s">
        <v>63</v>
      </c>
      <c r="D105949" s="14" t="s">
        <v>31</v>
      </c>
      <c r="E105949" s="15">
        <v>45475</v>
      </c>
      <c r="F105949" s="14" t="s">
        <v>15</v>
      </c>
      <c r="G105949" s="16">
        <v>1.2662030071190264</v>
      </c>
    </row>
    <row r="105950" spans="1:7" x14ac:dyDescent="0.3">
      <c r="A105950" s="13" t="s">
        <v>515</v>
      </c>
      <c r="B105950" s="14" t="s">
        <v>1</v>
      </c>
      <c r="C105950" s="14" t="s">
        <v>63</v>
      </c>
      <c r="D105950" s="14" t="s">
        <v>31</v>
      </c>
      <c r="E105950" s="15">
        <v>45476</v>
      </c>
      <c r="F105950" s="14" t="s">
        <v>15</v>
      </c>
      <c r="G105950" s="16">
        <v>1.321369355333486</v>
      </c>
    </row>
    <row r="105951" spans="1:7" x14ac:dyDescent="0.3">
      <c r="A105951" s="13" t="s">
        <v>515</v>
      </c>
      <c r="B105951" s="14" t="s">
        <v>1</v>
      </c>
      <c r="C105951" s="14" t="s">
        <v>63</v>
      </c>
      <c r="D105951" s="14" t="s">
        <v>31</v>
      </c>
      <c r="E105951" s="15">
        <v>45477</v>
      </c>
      <c r="F105951" s="14" t="s">
        <v>15</v>
      </c>
      <c r="G105951" s="16">
        <v>1.3348984014267906</v>
      </c>
    </row>
    <row r="105952" spans="1:7" x14ac:dyDescent="0.3">
      <c r="A105952" s="13" t="s">
        <v>515</v>
      </c>
      <c r="B105952" s="14" t="s">
        <v>1</v>
      </c>
      <c r="C105952" s="14" t="s">
        <v>63</v>
      </c>
      <c r="D105952" s="14" t="s">
        <v>31</v>
      </c>
      <c r="E105952" s="15">
        <v>45478</v>
      </c>
      <c r="F105952" s="14" t="s">
        <v>15</v>
      </c>
      <c r="G105952" s="16">
        <v>1.3491778885328125</v>
      </c>
    </row>
    <row r="105953" spans="1:7" x14ac:dyDescent="0.3">
      <c r="A105953" s="13" t="s">
        <v>515</v>
      </c>
      <c r="B105953" s="14" t="s">
        <v>1</v>
      </c>
      <c r="C105953" s="14" t="s">
        <v>63</v>
      </c>
      <c r="D105953" s="14" t="s">
        <v>31</v>
      </c>
      <c r="E105953" s="15">
        <v>45479</v>
      </c>
      <c r="F105953" s="14" t="s">
        <v>15</v>
      </c>
      <c r="G105953" s="16">
        <v>1.3491778885328125</v>
      </c>
    </row>
    <row r="105954" spans="1:7" x14ac:dyDescent="0.3">
      <c r="A105954" s="13" t="s">
        <v>515</v>
      </c>
      <c r="B105954" s="14" t="s">
        <v>1</v>
      </c>
      <c r="C105954" s="14" t="s">
        <v>63</v>
      </c>
      <c r="D105954" s="14" t="s">
        <v>31</v>
      </c>
      <c r="E105954" s="15">
        <v>45480</v>
      </c>
      <c r="F105954" s="14" t="s">
        <v>15</v>
      </c>
      <c r="G105954" s="16">
        <v>1.3491778885328125</v>
      </c>
    </row>
    <row r="105955" spans="1:7" x14ac:dyDescent="0.3">
      <c r="A105955" s="13" t="s">
        <v>515</v>
      </c>
      <c r="B105955" s="14" t="s">
        <v>1</v>
      </c>
      <c r="C105955" s="14" t="s">
        <v>63</v>
      </c>
      <c r="D105955" s="14" t="s">
        <v>31</v>
      </c>
      <c r="E105955" s="15">
        <v>45481</v>
      </c>
      <c r="F105955" s="14" t="s">
        <v>15</v>
      </c>
      <c r="G105955" s="16">
        <v>1.3631918058403425</v>
      </c>
    </row>
    <row r="105956" spans="1:7" x14ac:dyDescent="0.3">
      <c r="A105956" s="13" t="s">
        <v>515</v>
      </c>
      <c r="B105956" s="14" t="s">
        <v>1</v>
      </c>
      <c r="C105956" s="14" t="s">
        <v>63</v>
      </c>
      <c r="D105956" s="14" t="s">
        <v>31</v>
      </c>
      <c r="E105956" s="15">
        <v>45482</v>
      </c>
      <c r="F105956" s="14" t="s">
        <v>15</v>
      </c>
      <c r="G105956" s="16">
        <v>1.4032400310500757</v>
      </c>
    </row>
    <row r="105957" spans="1:7" x14ac:dyDescent="0.3">
      <c r="A105957" s="13" t="s">
        <v>515</v>
      </c>
      <c r="B105957" s="14" t="s">
        <v>1</v>
      </c>
      <c r="C105957" s="14" t="s">
        <v>63</v>
      </c>
      <c r="D105957" s="14" t="s">
        <v>31</v>
      </c>
      <c r="E105957" s="15">
        <v>45483</v>
      </c>
      <c r="F105957" s="14" t="s">
        <v>15</v>
      </c>
      <c r="G105957" s="16">
        <v>1.42068306076846</v>
      </c>
    </row>
    <row r="105958" spans="1:7" x14ac:dyDescent="0.3">
      <c r="A105958" s="13" t="s">
        <v>515</v>
      </c>
      <c r="B105958" s="14" t="s">
        <v>1</v>
      </c>
      <c r="C105958" s="14" t="s">
        <v>63</v>
      </c>
      <c r="D105958" s="14" t="s">
        <v>31</v>
      </c>
      <c r="E105958" s="15">
        <v>45484</v>
      </c>
      <c r="F105958" s="14" t="s">
        <v>15</v>
      </c>
      <c r="G105958" s="16">
        <v>1.4339519677923684</v>
      </c>
    </row>
    <row r="105959" spans="1:7" x14ac:dyDescent="0.3">
      <c r="A105959" s="13" t="s">
        <v>515</v>
      </c>
      <c r="B105959" s="14" t="s">
        <v>1</v>
      </c>
      <c r="C105959" s="14" t="s">
        <v>63</v>
      </c>
      <c r="D105959" s="14" t="s">
        <v>31</v>
      </c>
      <c r="E105959" s="15">
        <v>45485</v>
      </c>
      <c r="F105959" s="14" t="s">
        <v>15</v>
      </c>
      <c r="G105959" s="16">
        <v>1.4494879541145038</v>
      </c>
    </row>
    <row r="105960" spans="1:7" x14ac:dyDescent="0.3">
      <c r="A105960" s="13" t="s">
        <v>515</v>
      </c>
      <c r="B105960" s="14" t="s">
        <v>1</v>
      </c>
      <c r="C105960" s="14" t="s">
        <v>63</v>
      </c>
      <c r="D105960" s="14" t="s">
        <v>31</v>
      </c>
      <c r="E105960" s="15">
        <v>45486</v>
      </c>
      <c r="F105960" s="14" t="s">
        <v>15</v>
      </c>
      <c r="G105960" s="16">
        <v>1.4494879541145038</v>
      </c>
    </row>
    <row r="105961" spans="1:7" x14ac:dyDescent="0.3">
      <c r="A105961" s="13" t="s">
        <v>515</v>
      </c>
      <c r="B105961" s="14" t="s">
        <v>1</v>
      </c>
      <c r="C105961" s="14" t="s">
        <v>63</v>
      </c>
      <c r="D105961" s="14" t="s">
        <v>31</v>
      </c>
      <c r="E105961" s="15">
        <v>45487</v>
      </c>
      <c r="F105961" s="14" t="s">
        <v>15</v>
      </c>
      <c r="G105961" s="16">
        <v>1.4494879541145038</v>
      </c>
    </row>
    <row r="105962" spans="1:7" x14ac:dyDescent="0.3">
      <c r="A105962" s="13" t="s">
        <v>515</v>
      </c>
      <c r="B105962" s="14" t="s">
        <v>1</v>
      </c>
      <c r="C105962" s="14" t="s">
        <v>63</v>
      </c>
      <c r="D105962" s="14" t="s">
        <v>31</v>
      </c>
      <c r="E105962" s="15">
        <v>45488</v>
      </c>
      <c r="F105962" s="14" t="s">
        <v>15</v>
      </c>
      <c r="G105962" s="16">
        <v>1.4627697233915344</v>
      </c>
    </row>
    <row r="105963" spans="1:7" x14ac:dyDescent="0.3">
      <c r="A105963" s="13" t="s">
        <v>515</v>
      </c>
      <c r="B105963" s="14" t="s">
        <v>1</v>
      </c>
      <c r="C105963" s="14" t="s">
        <v>63</v>
      </c>
      <c r="D105963" s="14" t="s">
        <v>31</v>
      </c>
      <c r="E105963" s="15">
        <v>45489</v>
      </c>
      <c r="F105963" s="14" t="s">
        <v>15</v>
      </c>
      <c r="G105963" s="16">
        <v>1.5026035777158977</v>
      </c>
    </row>
    <row r="105964" spans="1:7" x14ac:dyDescent="0.3">
      <c r="A105964" s="13" t="s">
        <v>515</v>
      </c>
      <c r="B105964" s="14" t="s">
        <v>1</v>
      </c>
      <c r="C105964" s="14" t="s">
        <v>63</v>
      </c>
      <c r="D105964" s="14" t="s">
        <v>31</v>
      </c>
      <c r="E105964" s="15">
        <v>45490</v>
      </c>
      <c r="F105964" s="14" t="s">
        <v>15</v>
      </c>
      <c r="G105964" s="16">
        <v>1.5181808304334672</v>
      </c>
    </row>
    <row r="105965" spans="1:7" x14ac:dyDescent="0.3">
      <c r="A105965" s="13" t="s">
        <v>515</v>
      </c>
      <c r="B105965" s="14" t="s">
        <v>1</v>
      </c>
      <c r="C105965" s="14" t="s">
        <v>63</v>
      </c>
      <c r="D105965" s="14" t="s">
        <v>31</v>
      </c>
      <c r="E105965" s="15">
        <v>45491</v>
      </c>
      <c r="F105965" s="14" t="s">
        <v>15</v>
      </c>
      <c r="G105965" s="16">
        <v>1.5321500514113975</v>
      </c>
    </row>
    <row r="105966" spans="1:7" x14ac:dyDescent="0.3">
      <c r="A105966" s="13" t="s">
        <v>515</v>
      </c>
      <c r="B105966" s="14" t="s">
        <v>1</v>
      </c>
      <c r="C105966" s="14" t="s">
        <v>63</v>
      </c>
      <c r="D105966" s="14" t="s">
        <v>31</v>
      </c>
      <c r="E105966" s="15">
        <v>45492</v>
      </c>
      <c r="F105966" s="14" t="s">
        <v>15</v>
      </c>
      <c r="G105966" s="16">
        <v>1.5470977682955978</v>
      </c>
    </row>
    <row r="105967" spans="1:7" x14ac:dyDescent="0.3">
      <c r="A105967" s="13" t="s">
        <v>515</v>
      </c>
      <c r="B105967" s="14" t="s">
        <v>1</v>
      </c>
      <c r="C105967" s="14" t="s">
        <v>63</v>
      </c>
      <c r="D105967" s="14" t="s">
        <v>31</v>
      </c>
      <c r="E105967" s="15">
        <v>45493</v>
      </c>
      <c r="F105967" s="14" t="s">
        <v>15</v>
      </c>
      <c r="G105967" s="16">
        <v>1.5470977682955978</v>
      </c>
    </row>
    <row r="105968" spans="1:7" x14ac:dyDescent="0.3">
      <c r="A105968" s="13" t="s">
        <v>515</v>
      </c>
      <c r="B105968" s="14" t="s">
        <v>1</v>
      </c>
      <c r="C105968" s="14" t="s">
        <v>63</v>
      </c>
      <c r="D105968" s="14" t="s">
        <v>31</v>
      </c>
      <c r="E105968" s="15">
        <v>45494</v>
      </c>
      <c r="F105968" s="14" t="s">
        <v>15</v>
      </c>
      <c r="G105968" s="16">
        <v>1.5470977682955978</v>
      </c>
    </row>
    <row r="105969" spans="1:7" x14ac:dyDescent="0.3">
      <c r="A105969" s="13" t="s">
        <v>515</v>
      </c>
      <c r="B105969" s="14" t="s">
        <v>1</v>
      </c>
      <c r="C105969" s="14" t="s">
        <v>63</v>
      </c>
      <c r="D105969" s="14" t="s">
        <v>31</v>
      </c>
      <c r="E105969" s="15">
        <v>45495</v>
      </c>
      <c r="F105969" s="14" t="s">
        <v>15</v>
      </c>
      <c r="G105969" s="16">
        <v>1.5605059911398114</v>
      </c>
    </row>
    <row r="105970" spans="1:7" x14ac:dyDescent="0.3">
      <c r="A105970" s="13" t="s">
        <v>515</v>
      </c>
      <c r="B105970" s="14" t="s">
        <v>1</v>
      </c>
      <c r="C105970" s="14" t="s">
        <v>63</v>
      </c>
      <c r="D105970" s="14" t="s">
        <v>31</v>
      </c>
      <c r="E105970" s="15">
        <v>45496</v>
      </c>
      <c r="F105970" s="14" t="s">
        <v>15</v>
      </c>
      <c r="G105970" s="16">
        <v>1.600742976145253</v>
      </c>
    </row>
    <row r="105971" spans="1:7" x14ac:dyDescent="0.3">
      <c r="A105971" s="13" t="s">
        <v>515</v>
      </c>
      <c r="B105971" s="14" t="s">
        <v>1</v>
      </c>
      <c r="C105971" s="14" t="s">
        <v>63</v>
      </c>
      <c r="D105971" s="14" t="s">
        <v>31</v>
      </c>
      <c r="E105971" s="15">
        <v>45497</v>
      </c>
      <c r="F105971" s="14" t="s">
        <v>15</v>
      </c>
      <c r="G105971" s="16">
        <v>1.6144990097459146</v>
      </c>
    </row>
    <row r="105972" spans="1:7" x14ac:dyDescent="0.3">
      <c r="A105972" s="13" t="s">
        <v>515</v>
      </c>
      <c r="B105972" s="14" t="s">
        <v>1</v>
      </c>
      <c r="C105972" s="14" t="s">
        <v>63</v>
      </c>
      <c r="D105972" s="14" t="s">
        <v>31</v>
      </c>
      <c r="E105972" s="15">
        <v>45498</v>
      </c>
      <c r="F105972" s="14" t="s">
        <v>15</v>
      </c>
      <c r="G105972" s="16">
        <v>1.6273934653879458</v>
      </c>
    </row>
    <row r="105973" spans="1:7" x14ac:dyDescent="0.3">
      <c r="A105973" s="13" t="s">
        <v>515</v>
      </c>
      <c r="B105973" s="14" t="s">
        <v>1</v>
      </c>
      <c r="C105973" s="14" t="s">
        <v>63</v>
      </c>
      <c r="D105973" s="14" t="s">
        <v>31</v>
      </c>
      <c r="E105973" s="15">
        <v>45499</v>
      </c>
      <c r="F105973" s="14" t="s">
        <v>15</v>
      </c>
      <c r="G105973" s="16">
        <v>1.6407429164869645</v>
      </c>
    </row>
    <row r="105974" spans="1:7" x14ac:dyDescent="0.3">
      <c r="A105974" s="13" t="s">
        <v>515</v>
      </c>
      <c r="B105974" s="14" t="s">
        <v>1</v>
      </c>
      <c r="C105974" s="14" t="s">
        <v>63</v>
      </c>
      <c r="D105974" s="14" t="s">
        <v>31</v>
      </c>
      <c r="E105974" s="15">
        <v>45500</v>
      </c>
      <c r="F105974" s="14" t="s">
        <v>15</v>
      </c>
      <c r="G105974" s="16">
        <v>1.6407429164869645</v>
      </c>
    </row>
    <row r="105975" spans="1:7" x14ac:dyDescent="0.3">
      <c r="A105975" s="13" t="s">
        <v>515</v>
      </c>
      <c r="B105975" s="14" t="s">
        <v>1</v>
      </c>
      <c r="C105975" s="14" t="s">
        <v>63</v>
      </c>
      <c r="D105975" s="14" t="s">
        <v>31</v>
      </c>
      <c r="E105975" s="15">
        <v>45501</v>
      </c>
      <c r="F105975" s="14" t="s">
        <v>15</v>
      </c>
      <c r="G105975" s="16">
        <v>1.6407429164869645</v>
      </c>
    </row>
    <row r="105976" spans="1:7" x14ac:dyDescent="0.3">
      <c r="A105976" s="13" t="s">
        <v>515</v>
      </c>
      <c r="B105976" s="14" t="s">
        <v>1</v>
      </c>
      <c r="C105976" s="14" t="s">
        <v>63</v>
      </c>
      <c r="D105976" s="14" t="s">
        <v>31</v>
      </c>
      <c r="E105976" s="15">
        <v>45502</v>
      </c>
      <c r="F105976" s="14" t="s">
        <v>15</v>
      </c>
      <c r="G105976" s="16">
        <v>1.6545545926150538</v>
      </c>
    </row>
    <row r="105977" spans="1:7" x14ac:dyDescent="0.3">
      <c r="A105977" s="13" t="s">
        <v>515</v>
      </c>
      <c r="B105977" s="14" t="s">
        <v>1</v>
      </c>
      <c r="C105977" s="14" t="s">
        <v>63</v>
      </c>
      <c r="D105977" s="14" t="s">
        <v>31</v>
      </c>
      <c r="E105977" s="15">
        <v>45503</v>
      </c>
      <c r="F105977" s="14" t="s">
        <v>15</v>
      </c>
      <c r="G105977" s="16">
        <v>1.695096406592667</v>
      </c>
    </row>
    <row r="105978" spans="1:7" x14ac:dyDescent="0.3">
      <c r="A105978" s="13" t="s">
        <v>515</v>
      </c>
      <c r="B105978" s="14" t="s">
        <v>1</v>
      </c>
      <c r="C105978" s="14" t="s">
        <v>63</v>
      </c>
      <c r="D105978" s="14" t="s">
        <v>31</v>
      </c>
      <c r="E105978" s="15">
        <v>45504</v>
      </c>
      <c r="F105978" s="14" t="s">
        <v>15</v>
      </c>
      <c r="G105978" s="16">
        <v>1.7100624043967316</v>
      </c>
    </row>
    <row r="105979" spans="1:7" x14ac:dyDescent="0.3">
      <c r="A105979" s="13" t="s">
        <v>515</v>
      </c>
      <c r="B105979" s="14" t="s">
        <v>1</v>
      </c>
      <c r="C105979" s="14" t="s">
        <v>63</v>
      </c>
      <c r="D105979" s="14" t="s">
        <v>31</v>
      </c>
      <c r="E105979" s="15">
        <v>45505</v>
      </c>
      <c r="F105979" s="14" t="s">
        <v>15</v>
      </c>
      <c r="G105979" s="16">
        <v>1.7100624043967316</v>
      </c>
    </row>
    <row r="105980" spans="1:7" x14ac:dyDescent="0.3">
      <c r="A105980" s="13" t="s">
        <v>515</v>
      </c>
      <c r="B105980" s="14" t="s">
        <v>1</v>
      </c>
      <c r="C105980" s="14" t="s">
        <v>63</v>
      </c>
      <c r="D105980" s="14" t="s">
        <v>31</v>
      </c>
      <c r="E105980" s="15">
        <v>45506</v>
      </c>
      <c r="F105980" s="14" t="s">
        <v>15</v>
      </c>
      <c r="G105980" s="16">
        <v>1.7360347257145525</v>
      </c>
    </row>
    <row r="105981" spans="1:7" x14ac:dyDescent="0.3">
      <c r="A105981" s="13" t="s">
        <v>515</v>
      </c>
      <c r="B105981" s="14" t="s">
        <v>1</v>
      </c>
      <c r="C105981" s="14" t="s">
        <v>63</v>
      </c>
      <c r="D105981" s="14" t="s">
        <v>31</v>
      </c>
      <c r="E105981" s="15">
        <v>45507</v>
      </c>
      <c r="F105981" s="14" t="s">
        <v>15</v>
      </c>
      <c r="G105981" s="16">
        <v>1.7360347257145525</v>
      </c>
    </row>
    <row r="105982" spans="1:7" x14ac:dyDescent="0.3">
      <c r="A105982" s="13" t="s">
        <v>515</v>
      </c>
      <c r="B105982" s="14" t="s">
        <v>1</v>
      </c>
      <c r="C105982" s="14" t="s">
        <v>63</v>
      </c>
      <c r="D105982" s="14" t="s">
        <v>31</v>
      </c>
      <c r="E105982" s="15">
        <v>45508</v>
      </c>
      <c r="F105982" s="14" t="s">
        <v>15</v>
      </c>
      <c r="G105982" s="16">
        <v>1.7360347257145525</v>
      </c>
    </row>
    <row r="105983" spans="1:7" x14ac:dyDescent="0.3">
      <c r="A105983" s="13" t="s">
        <v>515</v>
      </c>
      <c r="B105983" s="14" t="s">
        <v>1</v>
      </c>
      <c r="C105983" s="14" t="s">
        <v>63</v>
      </c>
      <c r="D105983" s="14" t="s">
        <v>31</v>
      </c>
      <c r="E105983" s="15">
        <v>45509</v>
      </c>
      <c r="F105983" s="14" t="s">
        <v>15</v>
      </c>
      <c r="G105983" s="16">
        <v>1.7360347257145525</v>
      </c>
    </row>
    <row r="105984" spans="1:7" x14ac:dyDescent="0.3">
      <c r="A105984" s="13" t="s">
        <v>515</v>
      </c>
      <c r="B105984" s="14" t="s">
        <v>1</v>
      </c>
      <c r="C105984" s="14" t="s">
        <v>63</v>
      </c>
      <c r="D105984" s="14" t="s">
        <v>31</v>
      </c>
      <c r="E105984" s="15">
        <v>45510</v>
      </c>
      <c r="F105984" s="14" t="s">
        <v>15</v>
      </c>
      <c r="G105984" s="16">
        <v>1.7497750384570419</v>
      </c>
    </row>
    <row r="105985" spans="1:7" x14ac:dyDescent="0.3">
      <c r="A105985" s="13" t="s">
        <v>515</v>
      </c>
      <c r="B105985" s="14" t="s">
        <v>1</v>
      </c>
      <c r="C105985" s="14" t="s">
        <v>63</v>
      </c>
      <c r="D105985" s="14" t="s">
        <v>31</v>
      </c>
      <c r="E105985" s="15">
        <v>45511</v>
      </c>
      <c r="F105985" s="14" t="s">
        <v>15</v>
      </c>
      <c r="G105985" s="16">
        <v>1.7846093468171622</v>
      </c>
    </row>
    <row r="105986" spans="1:7" x14ac:dyDescent="0.3">
      <c r="A105986" s="13" t="s">
        <v>515</v>
      </c>
      <c r="B105986" s="14" t="s">
        <v>1</v>
      </c>
      <c r="C105986" s="14" t="s">
        <v>63</v>
      </c>
      <c r="D105986" s="14" t="s">
        <v>31</v>
      </c>
      <c r="E105986" s="15">
        <v>45512</v>
      </c>
      <c r="F105986" s="14" t="s">
        <v>15</v>
      </c>
      <c r="G105986" s="16">
        <v>1.796332593935422</v>
      </c>
    </row>
    <row r="105987" spans="1:7" x14ac:dyDescent="0.3">
      <c r="A105987" s="13" t="s">
        <v>515</v>
      </c>
      <c r="B105987" s="14" t="s">
        <v>1</v>
      </c>
      <c r="C105987" s="14" t="s">
        <v>63</v>
      </c>
      <c r="D105987" s="14" t="s">
        <v>31</v>
      </c>
      <c r="E105987" s="15">
        <v>45513</v>
      </c>
      <c r="F105987" s="14" t="s">
        <v>15</v>
      </c>
      <c r="G105987" s="16">
        <v>1.796332593935422</v>
      </c>
    </row>
    <row r="105988" spans="1:7" x14ac:dyDescent="0.3">
      <c r="A105988" s="13" t="s">
        <v>515</v>
      </c>
      <c r="B105988" s="14" t="s">
        <v>1</v>
      </c>
      <c r="C105988" s="14" t="s">
        <v>63</v>
      </c>
      <c r="D105988" s="14" t="s">
        <v>31</v>
      </c>
      <c r="E105988" s="15">
        <v>45514</v>
      </c>
      <c r="F105988" s="14" t="s">
        <v>15</v>
      </c>
      <c r="G105988" s="16">
        <v>1.796332593935422</v>
      </c>
    </row>
    <row r="105989" spans="1:7" x14ac:dyDescent="0.3">
      <c r="A105989" s="13" t="s">
        <v>515</v>
      </c>
      <c r="B105989" s="14" t="s">
        <v>1</v>
      </c>
      <c r="C105989" s="14" t="s">
        <v>63</v>
      </c>
      <c r="D105989" s="14" t="s">
        <v>31</v>
      </c>
      <c r="E105989" s="15">
        <v>45515</v>
      </c>
      <c r="F105989" s="14" t="s">
        <v>15</v>
      </c>
      <c r="G105989" s="16">
        <v>1.796332593935422</v>
      </c>
    </row>
    <row r="105990" spans="1:7" x14ac:dyDescent="0.3">
      <c r="A105990" s="13" t="s">
        <v>515</v>
      </c>
      <c r="B105990" s="14" t="s">
        <v>1</v>
      </c>
      <c r="C105990" s="14" t="s">
        <v>63</v>
      </c>
      <c r="D105990" s="14" t="s">
        <v>31</v>
      </c>
      <c r="E105990" s="15">
        <v>45516</v>
      </c>
      <c r="F105990" s="14" t="s">
        <v>15</v>
      </c>
      <c r="G105990" s="16">
        <v>1.8154519814066246</v>
      </c>
    </row>
    <row r="105991" spans="1:7" x14ac:dyDescent="0.3">
      <c r="A105991" s="13" t="s">
        <v>515</v>
      </c>
      <c r="B105991" s="14" t="s">
        <v>1</v>
      </c>
      <c r="C105991" s="14" t="s">
        <v>63</v>
      </c>
      <c r="D105991" s="14" t="s">
        <v>31</v>
      </c>
      <c r="E105991" s="15">
        <v>45517</v>
      </c>
      <c r="F105991" s="14" t="s">
        <v>15</v>
      </c>
      <c r="G105991" s="16">
        <v>1.8696782366185762</v>
      </c>
    </row>
    <row r="105992" spans="1:7" x14ac:dyDescent="0.3">
      <c r="A105992" s="13" t="s">
        <v>515</v>
      </c>
      <c r="B105992" s="14" t="s">
        <v>1</v>
      </c>
      <c r="C105992" s="14" t="s">
        <v>63</v>
      </c>
      <c r="D105992" s="14" t="s">
        <v>31</v>
      </c>
      <c r="E105992" s="15">
        <v>45518</v>
      </c>
      <c r="F105992" s="14" t="s">
        <v>15</v>
      </c>
      <c r="G105992" s="16">
        <v>1.8832252823461724</v>
      </c>
    </row>
    <row r="105993" spans="1:7" x14ac:dyDescent="0.3">
      <c r="A105993" s="13" t="s">
        <v>515</v>
      </c>
      <c r="B105993" s="14" t="s">
        <v>1</v>
      </c>
      <c r="C105993" s="14" t="s">
        <v>63</v>
      </c>
      <c r="D105993" s="14" t="s">
        <v>31</v>
      </c>
      <c r="E105993" s="15">
        <v>45519</v>
      </c>
      <c r="F105993" s="14" t="s">
        <v>15</v>
      </c>
      <c r="G105993" s="16">
        <v>1.9011277158338489</v>
      </c>
    </row>
    <row r="105994" spans="1:7" x14ac:dyDescent="0.3">
      <c r="A105994" s="13" t="s">
        <v>515</v>
      </c>
      <c r="B105994" s="14" t="s">
        <v>1</v>
      </c>
      <c r="C105994" s="14" t="s">
        <v>63</v>
      </c>
      <c r="D105994" s="14" t="s">
        <v>31</v>
      </c>
      <c r="E105994" s="15">
        <v>45520</v>
      </c>
      <c r="F105994" s="14" t="s">
        <v>15</v>
      </c>
      <c r="G105994" s="16">
        <v>1.9184086628262977</v>
      </c>
    </row>
    <row r="105995" spans="1:7" x14ac:dyDescent="0.3">
      <c r="A105995" s="13" t="s">
        <v>515</v>
      </c>
      <c r="B105995" s="14" t="s">
        <v>1</v>
      </c>
      <c r="C105995" s="14" t="s">
        <v>63</v>
      </c>
      <c r="D105995" s="14" t="s">
        <v>31</v>
      </c>
      <c r="E105995" s="15">
        <v>45521</v>
      </c>
      <c r="F105995" s="14" t="s">
        <v>15</v>
      </c>
      <c r="G105995" s="16">
        <v>1.9184086628262977</v>
      </c>
    </row>
    <row r="105996" spans="1:7" x14ac:dyDescent="0.3">
      <c r="A105996" s="13" t="s">
        <v>515</v>
      </c>
      <c r="B105996" s="14" t="s">
        <v>1</v>
      </c>
      <c r="C105996" s="14" t="s">
        <v>63</v>
      </c>
      <c r="D105996" s="14" t="s">
        <v>31</v>
      </c>
      <c r="E105996" s="15">
        <v>45522</v>
      </c>
      <c r="F105996" s="14" t="s">
        <v>15</v>
      </c>
      <c r="G105996" s="16">
        <v>1.9184086628262977</v>
      </c>
    </row>
    <row r="105997" spans="1:7" x14ac:dyDescent="0.3">
      <c r="A105997" s="13" t="s">
        <v>515</v>
      </c>
      <c r="B105997" s="14" t="s">
        <v>1</v>
      </c>
      <c r="C105997" s="14" t="s">
        <v>63</v>
      </c>
      <c r="D105997" s="14" t="s">
        <v>31</v>
      </c>
      <c r="E105997" s="15">
        <v>45523</v>
      </c>
      <c r="F105997" s="14" t="s">
        <v>15</v>
      </c>
      <c r="G105997" s="16">
        <v>1.9331006960001407</v>
      </c>
    </row>
    <row r="105998" spans="1:7" x14ac:dyDescent="0.3">
      <c r="A105998" s="13" t="s">
        <v>515</v>
      </c>
      <c r="B105998" s="14" t="s">
        <v>1</v>
      </c>
      <c r="C105998" s="14" t="s">
        <v>63</v>
      </c>
      <c r="D105998" s="14" t="s">
        <v>31</v>
      </c>
      <c r="E105998" s="15">
        <v>45524</v>
      </c>
      <c r="F105998" s="14" t="s">
        <v>15</v>
      </c>
      <c r="G105998" s="16">
        <v>1.9738023030531968</v>
      </c>
    </row>
    <row r="105999" spans="1:7" x14ac:dyDescent="0.3">
      <c r="A105999" s="13" t="s">
        <v>515</v>
      </c>
      <c r="B105999" s="14" t="s">
        <v>1</v>
      </c>
      <c r="C105999" s="14" t="s">
        <v>63</v>
      </c>
      <c r="D105999" s="14" t="s">
        <v>31</v>
      </c>
      <c r="E105999" s="15">
        <v>45525</v>
      </c>
      <c r="F105999" s="14" t="s">
        <v>15</v>
      </c>
      <c r="G105999" s="16">
        <v>1.987244838589753</v>
      </c>
    </row>
    <row r="106000" spans="1:7" x14ac:dyDescent="0.3">
      <c r="A106000" s="13" t="s">
        <v>515</v>
      </c>
      <c r="B106000" s="14" t="s">
        <v>1</v>
      </c>
      <c r="C106000" s="14" t="s">
        <v>63</v>
      </c>
      <c r="D106000" s="14" t="s">
        <v>31</v>
      </c>
      <c r="E106000" s="15">
        <v>45526</v>
      </c>
      <c r="F106000" s="14" t="s">
        <v>15</v>
      </c>
      <c r="G106000" s="16">
        <v>2.0006765969642522</v>
      </c>
    </row>
    <row r="106001" spans="1:7" x14ac:dyDescent="0.3">
      <c r="A106001" s="13" t="s">
        <v>515</v>
      </c>
      <c r="B106001" s="14" t="s">
        <v>1</v>
      </c>
      <c r="C106001" s="14" t="s">
        <v>63</v>
      </c>
      <c r="D106001" s="14" t="s">
        <v>31</v>
      </c>
      <c r="E106001" s="15">
        <v>45527</v>
      </c>
      <c r="F106001" s="14" t="s">
        <v>15</v>
      </c>
      <c r="G106001" s="16">
        <v>2.0143238260064114</v>
      </c>
    </row>
    <row r="106002" spans="1:7" x14ac:dyDescent="0.3">
      <c r="A106002" s="13" t="s">
        <v>515</v>
      </c>
      <c r="B106002" s="14" t="s">
        <v>1</v>
      </c>
      <c r="C106002" s="14" t="s">
        <v>63</v>
      </c>
      <c r="D106002" s="14" t="s">
        <v>31</v>
      </c>
      <c r="E106002" s="15">
        <v>45528</v>
      </c>
      <c r="F106002" s="14" t="s">
        <v>15</v>
      </c>
      <c r="G106002" s="16">
        <v>2.0143238260064114</v>
      </c>
    </row>
    <row r="106003" spans="1:7" x14ac:dyDescent="0.3">
      <c r="A106003" s="13" t="s">
        <v>515</v>
      </c>
      <c r="B106003" s="14" t="s">
        <v>1</v>
      </c>
      <c r="C106003" s="14" t="s">
        <v>63</v>
      </c>
      <c r="D106003" s="14" t="s">
        <v>31</v>
      </c>
      <c r="E106003" s="15">
        <v>45529</v>
      </c>
      <c r="F106003" s="14" t="s">
        <v>15</v>
      </c>
      <c r="G106003" s="16">
        <v>2.0143238260064114</v>
      </c>
    </row>
    <row r="106004" spans="1:7" x14ac:dyDescent="0.3">
      <c r="A106004" s="13" t="s">
        <v>515</v>
      </c>
      <c r="B106004" s="14" t="s">
        <v>1</v>
      </c>
      <c r="C106004" s="14" t="s">
        <v>63</v>
      </c>
      <c r="D106004" s="14" t="s">
        <v>31</v>
      </c>
      <c r="E106004" s="15">
        <v>45530</v>
      </c>
      <c r="F106004" s="14" t="s">
        <v>15</v>
      </c>
      <c r="G106004" s="16">
        <v>2.0283697011844608</v>
      </c>
    </row>
    <row r="106005" spans="1:7" x14ac:dyDescent="0.3">
      <c r="A106005" s="13" t="s">
        <v>515</v>
      </c>
      <c r="B106005" s="14" t="s">
        <v>1</v>
      </c>
      <c r="C106005" s="14" t="s">
        <v>63</v>
      </c>
      <c r="D106005" s="14" t="s">
        <v>31</v>
      </c>
      <c r="E106005" s="15">
        <v>45531</v>
      </c>
      <c r="F106005" s="14" t="s">
        <v>15</v>
      </c>
      <c r="G106005" s="16">
        <v>2.0683232570731831</v>
      </c>
    </row>
    <row r="106006" spans="1:7" x14ac:dyDescent="0.3">
      <c r="A106006" s="13" t="s">
        <v>515</v>
      </c>
      <c r="B106006" s="14" t="s">
        <v>1</v>
      </c>
      <c r="C106006" s="14" t="s">
        <v>63</v>
      </c>
      <c r="D106006" s="14" t="s">
        <v>31</v>
      </c>
      <c r="E106006" s="15">
        <v>45532</v>
      </c>
      <c r="F106006" s="14" t="s">
        <v>15</v>
      </c>
      <c r="G106006" s="16">
        <v>2.0842795928746134</v>
      </c>
    </row>
    <row r="106007" spans="1:7" x14ac:dyDescent="0.3">
      <c r="A106007" s="13" t="s">
        <v>515</v>
      </c>
      <c r="B106007" s="14" t="s">
        <v>1</v>
      </c>
      <c r="C106007" s="14" t="s">
        <v>63</v>
      </c>
      <c r="D106007" s="14" t="s">
        <v>31</v>
      </c>
      <c r="E106007" s="15">
        <v>45533</v>
      </c>
      <c r="F106007" s="14" t="s">
        <v>15</v>
      </c>
      <c r="G106007" s="16">
        <v>2.0974756325800117</v>
      </c>
    </row>
    <row r="106008" spans="1:7" x14ac:dyDescent="0.3">
      <c r="A106008" s="13" t="s">
        <v>515</v>
      </c>
      <c r="B106008" s="14" t="s">
        <v>1</v>
      </c>
      <c r="C106008" s="14" t="s">
        <v>63</v>
      </c>
      <c r="D106008" s="14" t="s">
        <v>31</v>
      </c>
      <c r="E106008" s="15">
        <v>45534</v>
      </c>
      <c r="F106008" s="14" t="s">
        <v>15</v>
      </c>
      <c r="G106008" s="16">
        <v>2.111514723591303</v>
      </c>
    </row>
    <row r="106009" spans="1:7" x14ac:dyDescent="0.3">
      <c r="A106009" s="13" t="s">
        <v>515</v>
      </c>
      <c r="B106009" s="14" t="s">
        <v>1</v>
      </c>
      <c r="C106009" s="14" t="s">
        <v>63</v>
      </c>
      <c r="D106009" s="14" t="s">
        <v>31</v>
      </c>
      <c r="E106009" s="15">
        <v>45535</v>
      </c>
      <c r="F106009" s="14" t="s">
        <v>15</v>
      </c>
      <c r="G106009" s="16">
        <v>2.111514723591303</v>
      </c>
    </row>
    <row r="106010" spans="1:7" x14ac:dyDescent="0.3">
      <c r="A106010" s="13" t="s">
        <v>515</v>
      </c>
      <c r="B106010" s="14" t="s">
        <v>1</v>
      </c>
      <c r="C106010" s="14" t="s">
        <v>63</v>
      </c>
      <c r="D106010" s="14" t="s">
        <v>31</v>
      </c>
      <c r="E106010" s="15">
        <v>45536</v>
      </c>
      <c r="F106010" s="14" t="s">
        <v>15</v>
      </c>
      <c r="G106010" s="16">
        <v>2.111514723591303</v>
      </c>
    </row>
    <row r="106011" spans="1:7" x14ac:dyDescent="0.3">
      <c r="A106011" s="13" t="s">
        <v>515</v>
      </c>
      <c r="B106011" s="14" t="s">
        <v>1</v>
      </c>
      <c r="C106011" s="14" t="s">
        <v>63</v>
      </c>
      <c r="D106011" s="14" t="s">
        <v>31</v>
      </c>
      <c r="E106011" s="15">
        <v>45537</v>
      </c>
      <c r="F106011" s="14" t="s">
        <v>15</v>
      </c>
      <c r="G106011" s="16">
        <v>2.1248915428880766</v>
      </c>
    </row>
    <row r="106012" spans="1:7" x14ac:dyDescent="0.3">
      <c r="A106012" s="13" t="s">
        <v>515</v>
      </c>
      <c r="B106012" s="14" t="s">
        <v>1</v>
      </c>
      <c r="C106012" s="14" t="s">
        <v>63</v>
      </c>
      <c r="D106012" s="14" t="s">
        <v>31</v>
      </c>
      <c r="E106012" s="15">
        <v>45538</v>
      </c>
      <c r="F106012" s="14" t="s">
        <v>15</v>
      </c>
      <c r="G106012" s="16">
        <v>2.1521718073179015</v>
      </c>
    </row>
    <row r="106013" spans="1:7" x14ac:dyDescent="0.3">
      <c r="A106013" s="13" t="s">
        <v>515</v>
      </c>
      <c r="B106013" s="14" t="s">
        <v>1</v>
      </c>
      <c r="C106013" s="14" t="s">
        <v>63</v>
      </c>
      <c r="D106013" s="14" t="s">
        <v>31</v>
      </c>
      <c r="E106013" s="15">
        <v>45539</v>
      </c>
      <c r="F106013" s="14" t="s">
        <v>15</v>
      </c>
      <c r="G106013" s="16">
        <v>2.1661156164197384</v>
      </c>
    </row>
    <row r="106014" spans="1:7" x14ac:dyDescent="0.3">
      <c r="A106014" s="13" t="s">
        <v>515</v>
      </c>
      <c r="B106014" s="14" t="s">
        <v>1</v>
      </c>
      <c r="C106014" s="14" t="s">
        <v>63</v>
      </c>
      <c r="D106014" s="14" t="s">
        <v>31</v>
      </c>
      <c r="E106014" s="15">
        <v>45540</v>
      </c>
      <c r="F106014" s="14" t="s">
        <v>15</v>
      </c>
      <c r="G106014" s="16">
        <v>2.1795214904545146</v>
      </c>
    </row>
    <row r="106015" spans="1:7" x14ac:dyDescent="0.3">
      <c r="A106015" s="13" t="s">
        <v>515</v>
      </c>
      <c r="B106015" s="14" t="s">
        <v>1</v>
      </c>
      <c r="C106015" s="14" t="s">
        <v>63</v>
      </c>
      <c r="D106015" s="14" t="s">
        <v>31</v>
      </c>
      <c r="E106015" s="15">
        <v>45541</v>
      </c>
      <c r="F106015" s="14" t="s">
        <v>15</v>
      </c>
      <c r="G106015" s="16">
        <v>2.1929213037664459</v>
      </c>
    </row>
    <row r="106016" spans="1:7" x14ac:dyDescent="0.3">
      <c r="A106016" s="13" t="s">
        <v>515</v>
      </c>
      <c r="B106016" s="14" t="s">
        <v>1</v>
      </c>
      <c r="C106016" s="14" t="s">
        <v>63</v>
      </c>
      <c r="D106016" s="14" t="s">
        <v>31</v>
      </c>
      <c r="E106016" s="15">
        <v>45542</v>
      </c>
      <c r="F106016" s="14" t="s">
        <v>15</v>
      </c>
      <c r="G106016" s="16">
        <v>2.1929213037664459</v>
      </c>
    </row>
    <row r="106017" spans="1:7" x14ac:dyDescent="0.3">
      <c r="A106017" s="13" t="s">
        <v>515</v>
      </c>
      <c r="B106017" s="14" t="s">
        <v>1</v>
      </c>
      <c r="C106017" s="14" t="s">
        <v>63</v>
      </c>
      <c r="D106017" s="14" t="s">
        <v>31</v>
      </c>
      <c r="E106017" s="15">
        <v>45543</v>
      </c>
      <c r="F106017" s="14" t="s">
        <v>15</v>
      </c>
      <c r="G106017" s="16">
        <v>2.1929213037664459</v>
      </c>
    </row>
    <row r="106018" spans="1:7" x14ac:dyDescent="0.3">
      <c r="A106018" s="13" t="s">
        <v>515</v>
      </c>
      <c r="B106018" s="14" t="s">
        <v>1</v>
      </c>
      <c r="C106018" s="14" t="s">
        <v>63</v>
      </c>
      <c r="D106018" s="14" t="s">
        <v>31</v>
      </c>
      <c r="E106018" s="15">
        <v>45544</v>
      </c>
      <c r="F106018" s="14" t="s">
        <v>15</v>
      </c>
      <c r="G106018" s="16">
        <v>2.2090825293331746</v>
      </c>
    </row>
    <row r="106019" spans="1:7" x14ac:dyDescent="0.3">
      <c r="A106019" s="13" t="s">
        <v>515</v>
      </c>
      <c r="B106019" s="14" t="s">
        <v>1</v>
      </c>
      <c r="C106019" s="14" t="s">
        <v>63</v>
      </c>
      <c r="D106019" s="14" t="s">
        <v>31</v>
      </c>
      <c r="E106019" s="15">
        <v>45545</v>
      </c>
      <c r="F106019" s="14" t="s">
        <v>15</v>
      </c>
      <c r="G106019" s="16">
        <v>2.2490918177353039</v>
      </c>
    </row>
    <row r="106020" spans="1:7" x14ac:dyDescent="0.3">
      <c r="A106020" s="13" t="s">
        <v>515</v>
      </c>
      <c r="B106020" s="14" t="s">
        <v>1</v>
      </c>
      <c r="C106020" s="14" t="s">
        <v>63</v>
      </c>
      <c r="D106020" s="14" t="s">
        <v>31</v>
      </c>
      <c r="E106020" s="15">
        <v>45546</v>
      </c>
      <c r="F106020" s="14" t="s">
        <v>15</v>
      </c>
      <c r="G106020" s="16">
        <v>2.262347091990295</v>
      </c>
    </row>
    <row r="106021" spans="1:7" x14ac:dyDescent="0.3">
      <c r="A106021" s="13" t="s">
        <v>515</v>
      </c>
      <c r="B106021" s="14" t="s">
        <v>1</v>
      </c>
      <c r="C106021" s="14" t="s">
        <v>63</v>
      </c>
      <c r="D106021" s="14" t="s">
        <v>31</v>
      </c>
      <c r="E106021" s="15">
        <v>45547</v>
      </c>
      <c r="F106021" s="14" t="s">
        <v>15</v>
      </c>
      <c r="G106021" s="16">
        <v>2.2755971017303489</v>
      </c>
    </row>
    <row r="106022" spans="1:7" x14ac:dyDescent="0.3">
      <c r="A106022" s="13" t="s">
        <v>515</v>
      </c>
      <c r="B106022" s="14" t="s">
        <v>1</v>
      </c>
      <c r="C106022" s="14" t="s">
        <v>63</v>
      </c>
      <c r="D106022" s="14" t="s">
        <v>31</v>
      </c>
      <c r="E106022" s="15">
        <v>45548</v>
      </c>
      <c r="F106022" s="14" t="s">
        <v>15</v>
      </c>
      <c r="G106022" s="16">
        <v>2.2908415383133129</v>
      </c>
    </row>
    <row r="106023" spans="1:7" x14ac:dyDescent="0.3">
      <c r="A106023" s="13" t="s">
        <v>515</v>
      </c>
      <c r="B106023" s="14" t="s">
        <v>1</v>
      </c>
      <c r="C106023" s="14" t="s">
        <v>63</v>
      </c>
      <c r="D106023" s="14" t="s">
        <v>31</v>
      </c>
      <c r="E106023" s="15">
        <v>45549</v>
      </c>
      <c r="F106023" s="14" t="s">
        <v>15</v>
      </c>
      <c r="G106023" s="16">
        <v>2.2908415383133129</v>
      </c>
    </row>
    <row r="106024" spans="1:7" x14ac:dyDescent="0.3">
      <c r="A106024" s="13" t="s">
        <v>515</v>
      </c>
      <c r="B106024" s="14" t="s">
        <v>1</v>
      </c>
      <c r="C106024" s="14" t="s">
        <v>63</v>
      </c>
      <c r="D106024" s="14" t="s">
        <v>31</v>
      </c>
      <c r="E106024" s="15">
        <v>45550</v>
      </c>
      <c r="F106024" s="14" t="s">
        <v>15</v>
      </c>
      <c r="G106024" s="16">
        <v>2.2908415383133129</v>
      </c>
    </row>
    <row r="106025" spans="1:7" x14ac:dyDescent="0.3">
      <c r="A106025" s="13" t="s">
        <v>515</v>
      </c>
      <c r="B106025" s="14" t="s">
        <v>1</v>
      </c>
      <c r="C106025" s="14" t="s">
        <v>63</v>
      </c>
      <c r="D106025" s="14" t="s">
        <v>31</v>
      </c>
      <c r="E106025" s="15">
        <v>45551</v>
      </c>
      <c r="F106025" s="14" t="s">
        <v>15</v>
      </c>
      <c r="G106025" s="16">
        <v>2.3040049855359892</v>
      </c>
    </row>
    <row r="106026" spans="1:7" x14ac:dyDescent="0.3">
      <c r="A106026" s="13" t="s">
        <v>515</v>
      </c>
      <c r="B106026" s="14" t="s">
        <v>1</v>
      </c>
      <c r="C106026" s="14" t="s">
        <v>63</v>
      </c>
      <c r="D106026" s="14" t="s">
        <v>31</v>
      </c>
      <c r="E106026" s="15">
        <v>45552</v>
      </c>
      <c r="F106026" s="14" t="s">
        <v>15</v>
      </c>
      <c r="G106026" s="16">
        <v>2.3433482179812231</v>
      </c>
    </row>
    <row r="106027" spans="1:7" x14ac:dyDescent="0.3">
      <c r="A106027" s="13" t="s">
        <v>515</v>
      </c>
      <c r="B106027" s="14" t="s">
        <v>1</v>
      </c>
      <c r="C106027" s="14" t="s">
        <v>63</v>
      </c>
      <c r="D106027" s="14" t="s">
        <v>31</v>
      </c>
      <c r="E106027" s="15">
        <v>45553</v>
      </c>
      <c r="F106027" s="14" t="s">
        <v>15</v>
      </c>
      <c r="G106027" s="16">
        <v>2.3433482179812231</v>
      </c>
    </row>
    <row r="106028" spans="1:7" x14ac:dyDescent="0.3">
      <c r="A106028" s="13" t="s">
        <v>515</v>
      </c>
      <c r="B106028" s="14" t="s">
        <v>1</v>
      </c>
      <c r="C106028" s="14" t="s">
        <v>63</v>
      </c>
      <c r="D106028" s="14" t="s">
        <v>31</v>
      </c>
      <c r="E106028" s="15">
        <v>45554</v>
      </c>
      <c r="F106028" s="14" t="s">
        <v>15</v>
      </c>
      <c r="G106028" s="16">
        <v>2.3573512497455233</v>
      </c>
    </row>
    <row r="106029" spans="1:7" x14ac:dyDescent="0.3">
      <c r="A106029" s="13" t="s">
        <v>515</v>
      </c>
      <c r="B106029" s="14" t="s">
        <v>1</v>
      </c>
      <c r="C106029" s="14" t="s">
        <v>63</v>
      </c>
      <c r="D106029" s="14" t="s">
        <v>31</v>
      </c>
      <c r="E106029" s="15">
        <v>45555</v>
      </c>
      <c r="F106029" s="14" t="s">
        <v>15</v>
      </c>
      <c r="G106029" s="16">
        <v>2.390641542887447</v>
      </c>
    </row>
    <row r="106030" spans="1:7" x14ac:dyDescent="0.3">
      <c r="A106030" s="13" t="s">
        <v>515</v>
      </c>
      <c r="B106030" s="14" t="s">
        <v>1</v>
      </c>
      <c r="C106030" s="14" t="s">
        <v>63</v>
      </c>
      <c r="D106030" s="14" t="s">
        <v>31</v>
      </c>
      <c r="E106030" s="15">
        <v>45556</v>
      </c>
      <c r="F106030" s="14" t="s">
        <v>15</v>
      </c>
      <c r="G106030" s="16">
        <v>2.390641542887447</v>
      </c>
    </row>
    <row r="106031" spans="1:7" x14ac:dyDescent="0.3">
      <c r="A106031" s="13" t="s">
        <v>515</v>
      </c>
      <c r="B106031" s="14" t="s">
        <v>1</v>
      </c>
      <c r="C106031" s="14" t="s">
        <v>63</v>
      </c>
      <c r="D106031" s="14" t="s">
        <v>31</v>
      </c>
      <c r="E106031" s="15">
        <v>45557</v>
      </c>
      <c r="F106031" s="14" t="s">
        <v>15</v>
      </c>
      <c r="G106031" s="16">
        <v>2.390641542887447</v>
      </c>
    </row>
    <row r="106032" spans="1:7" x14ac:dyDescent="0.3">
      <c r="A106032" s="13" t="s">
        <v>515</v>
      </c>
      <c r="B106032" s="14" t="s">
        <v>1</v>
      </c>
      <c r="C106032" s="14" t="s">
        <v>63</v>
      </c>
      <c r="D106032" s="14" t="s">
        <v>31</v>
      </c>
      <c r="E106032" s="15">
        <v>45558</v>
      </c>
      <c r="F106032" s="14" t="s">
        <v>15</v>
      </c>
      <c r="G106032" s="16">
        <v>2.4038541169816492</v>
      </c>
    </row>
    <row r="106033" spans="1:7" x14ac:dyDescent="0.3">
      <c r="A106033" s="13" t="s">
        <v>515</v>
      </c>
      <c r="B106033" s="14" t="s">
        <v>1</v>
      </c>
      <c r="C106033" s="14" t="s">
        <v>63</v>
      </c>
      <c r="D106033" s="14" t="s">
        <v>31</v>
      </c>
      <c r="E106033" s="15">
        <v>45559</v>
      </c>
      <c r="F106033" s="14" t="s">
        <v>15</v>
      </c>
      <c r="G106033" s="16">
        <v>2.4425989703250082</v>
      </c>
    </row>
    <row r="106034" spans="1:7" x14ac:dyDescent="0.3">
      <c r="A106034" s="13" t="s">
        <v>515</v>
      </c>
      <c r="B106034" s="14" t="s">
        <v>1</v>
      </c>
      <c r="C106034" s="14" t="s">
        <v>63</v>
      </c>
      <c r="D106034" s="14" t="s">
        <v>31</v>
      </c>
      <c r="E106034" s="15">
        <v>45560</v>
      </c>
      <c r="F106034" s="14" t="s">
        <v>15</v>
      </c>
      <c r="G106034" s="16">
        <v>2.456481427486199</v>
      </c>
    </row>
    <row r="106035" spans="1:7" x14ac:dyDescent="0.3">
      <c r="A106035" s="13" t="s">
        <v>515</v>
      </c>
      <c r="B106035" s="14" t="s">
        <v>1</v>
      </c>
      <c r="C106035" s="14" t="s">
        <v>63</v>
      </c>
      <c r="D106035" s="14" t="s">
        <v>31</v>
      </c>
      <c r="E106035" s="15">
        <v>45561</v>
      </c>
      <c r="F106035" s="14" t="s">
        <v>15</v>
      </c>
      <c r="G106035" s="16">
        <v>2.4698324068732393</v>
      </c>
    </row>
    <row r="106036" spans="1:7" x14ac:dyDescent="0.3">
      <c r="A106036" s="13" t="s">
        <v>515</v>
      </c>
      <c r="B106036" s="14" t="s">
        <v>1</v>
      </c>
      <c r="C106036" s="14" t="s">
        <v>63</v>
      </c>
      <c r="D106036" s="14" t="s">
        <v>31</v>
      </c>
      <c r="E106036" s="15">
        <v>45562</v>
      </c>
      <c r="F106036" s="14" t="s">
        <v>15</v>
      </c>
      <c r="G106036" s="16">
        <v>2.4881454668471172</v>
      </c>
    </row>
    <row r="106037" spans="1:7" x14ac:dyDescent="0.3">
      <c r="A106037" s="13" t="s">
        <v>515</v>
      </c>
      <c r="B106037" s="14" t="s">
        <v>1</v>
      </c>
      <c r="C106037" s="14" t="s">
        <v>63</v>
      </c>
      <c r="D106037" s="14" t="s">
        <v>31</v>
      </c>
      <c r="E106037" s="15">
        <v>45563</v>
      </c>
      <c r="F106037" s="14" t="s">
        <v>15</v>
      </c>
      <c r="G106037" s="16">
        <v>2.4881454668471172</v>
      </c>
    </row>
    <row r="106038" spans="1:7" x14ac:dyDescent="0.3">
      <c r="A106038" s="13" t="s">
        <v>515</v>
      </c>
      <c r="B106038" s="14" t="s">
        <v>1</v>
      </c>
      <c r="C106038" s="14" t="s">
        <v>63</v>
      </c>
      <c r="D106038" s="14" t="s">
        <v>31</v>
      </c>
      <c r="E106038" s="15">
        <v>45564</v>
      </c>
      <c r="F106038" s="14" t="s">
        <v>15</v>
      </c>
      <c r="G106038" s="16">
        <v>2.4881454668471172</v>
      </c>
    </row>
    <row r="106039" spans="1:7" x14ac:dyDescent="0.3">
      <c r="A106039" s="13" t="s">
        <v>515</v>
      </c>
      <c r="B106039" s="14" t="s">
        <v>1</v>
      </c>
      <c r="C106039" s="14" t="s">
        <v>63</v>
      </c>
      <c r="D106039" s="14" t="s">
        <v>31</v>
      </c>
      <c r="E106039" s="15">
        <v>45565</v>
      </c>
      <c r="F106039" s="14" t="s">
        <v>15</v>
      </c>
      <c r="G106039" s="16">
        <v>2.5024756525249754</v>
      </c>
    </row>
    <row r="106040" spans="1:7" x14ac:dyDescent="0.3">
      <c r="A106040" s="13" t="s">
        <v>515</v>
      </c>
      <c r="B106040" s="14" t="s">
        <v>1</v>
      </c>
      <c r="C106040" s="14" t="s">
        <v>63</v>
      </c>
      <c r="D106040" s="14" t="s">
        <v>31</v>
      </c>
      <c r="E106040" s="15">
        <v>45566</v>
      </c>
      <c r="F106040" s="14" t="s">
        <v>15</v>
      </c>
      <c r="G106040" s="16">
        <v>2.5024756525249754</v>
      </c>
    </row>
    <row r="106041" spans="1:7" x14ac:dyDescent="0.3">
      <c r="A106041" s="13" t="s">
        <v>515</v>
      </c>
      <c r="B106041" s="14" t="s">
        <v>1</v>
      </c>
      <c r="C106041" s="14" t="s">
        <v>63</v>
      </c>
      <c r="D106041" s="14" t="s">
        <v>31</v>
      </c>
      <c r="E106041" s="15">
        <v>45567</v>
      </c>
      <c r="F106041" s="14" t="s">
        <v>15</v>
      </c>
      <c r="G106041" s="16">
        <v>2.5454747824736179</v>
      </c>
    </row>
    <row r="106042" spans="1:7" x14ac:dyDescent="0.3">
      <c r="A106042" s="13" t="s">
        <v>515</v>
      </c>
      <c r="B106042" s="14" t="s">
        <v>1</v>
      </c>
      <c r="C106042" s="14" t="s">
        <v>63</v>
      </c>
      <c r="D106042" s="14" t="s">
        <v>31</v>
      </c>
      <c r="E106042" s="15">
        <v>45568</v>
      </c>
      <c r="F106042" s="14" t="s">
        <v>15</v>
      </c>
      <c r="G106042" s="16">
        <v>2.5745945318199213</v>
      </c>
    </row>
    <row r="106043" spans="1:7" x14ac:dyDescent="0.3">
      <c r="A106043" s="13" t="s">
        <v>515</v>
      </c>
      <c r="B106043" s="14" t="s">
        <v>1</v>
      </c>
      <c r="C106043" s="14" t="s">
        <v>63</v>
      </c>
      <c r="D106043" s="14" t="s">
        <v>31</v>
      </c>
      <c r="E106043" s="15">
        <v>45569</v>
      </c>
      <c r="F106043" s="14" t="s">
        <v>15</v>
      </c>
      <c r="G106043" s="16">
        <v>2.5893101935934641</v>
      </c>
    </row>
    <row r="106044" spans="1:7" x14ac:dyDescent="0.3">
      <c r="A106044" s="13" t="s">
        <v>515</v>
      </c>
      <c r="B106044" s="14" t="s">
        <v>1</v>
      </c>
      <c r="C106044" s="14" t="s">
        <v>63</v>
      </c>
      <c r="D106044" s="14" t="s">
        <v>31</v>
      </c>
      <c r="E106044" s="15">
        <v>45570</v>
      </c>
      <c r="F106044" s="14" t="s">
        <v>15</v>
      </c>
      <c r="G106044" s="16">
        <v>2.5893101935934641</v>
      </c>
    </row>
    <row r="106045" spans="1:7" x14ac:dyDescent="0.3">
      <c r="A106045" s="13" t="s">
        <v>515</v>
      </c>
      <c r="B106045" s="14" t="s">
        <v>1</v>
      </c>
      <c r="C106045" s="14" t="s">
        <v>63</v>
      </c>
      <c r="D106045" s="14" t="s">
        <v>31</v>
      </c>
      <c r="E106045" s="15">
        <v>45571</v>
      </c>
      <c r="F106045" s="14" t="s">
        <v>15</v>
      </c>
      <c r="G106045" s="16">
        <v>2.5893101935934641</v>
      </c>
    </row>
    <row r="106046" spans="1:7" x14ac:dyDescent="0.3">
      <c r="A106046" s="13" t="s">
        <v>515</v>
      </c>
      <c r="B106046" s="14" t="s">
        <v>1</v>
      </c>
      <c r="C106046" s="14" t="s">
        <v>63</v>
      </c>
      <c r="D106046" s="14" t="s">
        <v>31</v>
      </c>
      <c r="E106046" s="15">
        <v>45572</v>
      </c>
      <c r="F106046" s="14" t="s">
        <v>15</v>
      </c>
      <c r="G106046" s="16">
        <v>2.6055047406853231</v>
      </c>
    </row>
    <row r="106047" spans="1:7" x14ac:dyDescent="0.3">
      <c r="A106047" s="13" t="s">
        <v>515</v>
      </c>
      <c r="B106047" s="14" t="s">
        <v>1</v>
      </c>
      <c r="C106047" s="14" t="s">
        <v>63</v>
      </c>
      <c r="D106047" s="14" t="s">
        <v>31</v>
      </c>
      <c r="E106047" s="15">
        <v>45573</v>
      </c>
      <c r="F106047" s="14" t="s">
        <v>15</v>
      </c>
      <c r="G106047" s="16">
        <v>2.646554903419752</v>
      </c>
    </row>
    <row r="106048" spans="1:7" x14ac:dyDescent="0.3">
      <c r="A106048" s="13" t="s">
        <v>515</v>
      </c>
      <c r="B106048" s="14" t="s">
        <v>1</v>
      </c>
      <c r="C106048" s="14" t="s">
        <v>63</v>
      </c>
      <c r="D106048" s="14" t="s">
        <v>31</v>
      </c>
      <c r="E106048" s="15">
        <v>45574</v>
      </c>
      <c r="F106048" s="14" t="s">
        <v>15</v>
      </c>
      <c r="G106048" s="16">
        <v>2.6687814288150409</v>
      </c>
    </row>
    <row r="106049" spans="1:7" x14ac:dyDescent="0.3">
      <c r="A106049" s="13" t="s">
        <v>515</v>
      </c>
      <c r="B106049" s="14" t="s">
        <v>1</v>
      </c>
      <c r="C106049" s="14" t="s">
        <v>63</v>
      </c>
      <c r="D106049" s="14" t="s">
        <v>31</v>
      </c>
      <c r="E106049" s="15">
        <v>45575</v>
      </c>
      <c r="F106049" s="14" t="s">
        <v>15</v>
      </c>
      <c r="G106049" s="16">
        <v>2.6829812318527599</v>
      </c>
    </row>
    <row r="106050" spans="1:7" x14ac:dyDescent="0.3">
      <c r="A106050" s="13" t="s">
        <v>515</v>
      </c>
      <c r="B106050" s="14" t="s">
        <v>1</v>
      </c>
      <c r="C106050" s="14" t="s">
        <v>63</v>
      </c>
      <c r="D106050" s="14" t="s">
        <v>31</v>
      </c>
      <c r="E106050" s="15">
        <v>45576</v>
      </c>
      <c r="F106050" s="14" t="s">
        <v>15</v>
      </c>
      <c r="G106050" s="16">
        <v>2.6829812318527599</v>
      </c>
    </row>
    <row r="106051" spans="1:7" x14ac:dyDescent="0.3">
      <c r="A106051" s="13" t="s">
        <v>515</v>
      </c>
      <c r="B106051" s="14" t="s">
        <v>1</v>
      </c>
      <c r="C106051" s="14" t="s">
        <v>63</v>
      </c>
      <c r="D106051" s="14" t="s">
        <v>31</v>
      </c>
      <c r="E106051" s="15">
        <v>45577</v>
      </c>
      <c r="F106051" s="14" t="s">
        <v>15</v>
      </c>
      <c r="G106051" s="16">
        <v>2.6829812318527599</v>
      </c>
    </row>
    <row r="106052" spans="1:7" x14ac:dyDescent="0.3">
      <c r="A106052" s="13" t="s">
        <v>515</v>
      </c>
      <c r="B106052" s="14" t="s">
        <v>1</v>
      </c>
      <c r="C106052" s="14" t="s">
        <v>63</v>
      </c>
      <c r="D106052" s="14" t="s">
        <v>31</v>
      </c>
      <c r="E106052" s="15">
        <v>45578</v>
      </c>
      <c r="F106052" s="14" t="s">
        <v>15</v>
      </c>
      <c r="G106052" s="16">
        <v>2.6829812318527599</v>
      </c>
    </row>
    <row r="106053" spans="1:7" x14ac:dyDescent="0.3">
      <c r="A106053" s="13" t="s">
        <v>515</v>
      </c>
      <c r="B106053" s="14" t="s">
        <v>1</v>
      </c>
      <c r="C106053" s="14" t="s">
        <v>63</v>
      </c>
      <c r="D106053" s="14" t="s">
        <v>31</v>
      </c>
      <c r="E106053" s="15">
        <v>45579</v>
      </c>
      <c r="F106053" s="14" t="s">
        <v>15</v>
      </c>
      <c r="G106053" s="16">
        <v>2.6985670639735746</v>
      </c>
    </row>
    <row r="106054" spans="1:7" x14ac:dyDescent="0.3">
      <c r="A106054" s="13" t="s">
        <v>515</v>
      </c>
      <c r="B106054" s="14" t="s">
        <v>1</v>
      </c>
      <c r="C106054" s="14" t="s">
        <v>63</v>
      </c>
      <c r="D106054" s="14" t="s">
        <v>31</v>
      </c>
      <c r="E106054" s="15">
        <v>45580</v>
      </c>
      <c r="F106054" s="14" t="s">
        <v>15</v>
      </c>
      <c r="G106054" s="16">
        <v>2.7527858709362438</v>
      </c>
    </row>
    <row r="106055" spans="1:7" x14ac:dyDescent="0.3">
      <c r="A106055" s="13" t="s">
        <v>515</v>
      </c>
      <c r="B106055" s="14" t="s">
        <v>1</v>
      </c>
      <c r="C106055" s="14" t="s">
        <v>63</v>
      </c>
      <c r="D106055" s="14" t="s">
        <v>31</v>
      </c>
      <c r="E106055" s="15">
        <v>45581</v>
      </c>
      <c r="F106055" s="14" t="s">
        <v>15</v>
      </c>
      <c r="G106055" s="16">
        <v>2.7663468787551202</v>
      </c>
    </row>
    <row r="106056" spans="1:7" x14ac:dyDescent="0.3">
      <c r="A106056" s="13" t="s">
        <v>515</v>
      </c>
      <c r="B106056" s="14" t="s">
        <v>1</v>
      </c>
      <c r="C106056" s="14" t="s">
        <v>63</v>
      </c>
      <c r="D106056" s="14" t="s">
        <v>31</v>
      </c>
      <c r="E106056" s="15">
        <v>45582</v>
      </c>
      <c r="F106056" s="14" t="s">
        <v>15</v>
      </c>
      <c r="G106056" s="16">
        <v>2.7815302690970904</v>
      </c>
    </row>
    <row r="106057" spans="1:7" x14ac:dyDescent="0.3">
      <c r="A106057" s="13" t="s">
        <v>515</v>
      </c>
      <c r="B106057" s="14" t="s">
        <v>1</v>
      </c>
      <c r="C106057" s="14" t="s">
        <v>63</v>
      </c>
      <c r="D106057" s="14" t="s">
        <v>31</v>
      </c>
      <c r="E106057" s="15">
        <v>45583</v>
      </c>
      <c r="F106057" s="14" t="s">
        <v>15</v>
      </c>
      <c r="G106057" s="16">
        <v>2.7951623122474385</v>
      </c>
    </row>
    <row r="106058" spans="1:7" x14ac:dyDescent="0.3">
      <c r="A106058" s="13" t="s">
        <v>515</v>
      </c>
      <c r="B106058" s="14" t="s">
        <v>1</v>
      </c>
      <c r="C106058" s="14" t="s">
        <v>63</v>
      </c>
      <c r="D106058" s="14" t="s">
        <v>31</v>
      </c>
      <c r="E106058" s="15">
        <v>45584</v>
      </c>
      <c r="F106058" s="14" t="s">
        <v>15</v>
      </c>
      <c r="G106058" s="16">
        <v>2.7951623122474385</v>
      </c>
    </row>
    <row r="106059" spans="1:7" x14ac:dyDescent="0.3">
      <c r="A106059" s="13" t="s">
        <v>515</v>
      </c>
      <c r="B106059" s="14" t="s">
        <v>1</v>
      </c>
      <c r="C106059" s="14" t="s">
        <v>63</v>
      </c>
      <c r="D106059" s="14" t="s">
        <v>31</v>
      </c>
      <c r="E106059" s="15">
        <v>45585</v>
      </c>
      <c r="F106059" s="14" t="s">
        <v>15</v>
      </c>
      <c r="G106059" s="16">
        <v>2.7951623122474385</v>
      </c>
    </row>
    <row r="106060" spans="1:7" x14ac:dyDescent="0.3">
      <c r="A106060" s="13" t="s">
        <v>515</v>
      </c>
      <c r="B106060" s="14" t="s">
        <v>1</v>
      </c>
      <c r="C106060" s="14" t="s">
        <v>63</v>
      </c>
      <c r="D106060" s="14" t="s">
        <v>31</v>
      </c>
      <c r="E106060" s="15">
        <v>45586</v>
      </c>
      <c r="F106060" s="14" t="s">
        <v>15</v>
      </c>
      <c r="G106060" s="16">
        <v>2.8149827456323302</v>
      </c>
    </row>
    <row r="106061" spans="1:7" x14ac:dyDescent="0.3">
      <c r="A106061" s="13" t="s">
        <v>515</v>
      </c>
      <c r="B106061" s="14" t="s">
        <v>1</v>
      </c>
      <c r="C106061" s="14" t="s">
        <v>63</v>
      </c>
      <c r="D106061" s="14" t="s">
        <v>31</v>
      </c>
      <c r="E106061" s="15">
        <v>45587</v>
      </c>
      <c r="F106061" s="14" t="s">
        <v>15</v>
      </c>
      <c r="G106061" s="16">
        <v>2.8561691956958262</v>
      </c>
    </row>
    <row r="106062" spans="1:7" x14ac:dyDescent="0.3">
      <c r="A106062" s="13" t="s">
        <v>515</v>
      </c>
      <c r="B106062" s="14" t="s">
        <v>1</v>
      </c>
      <c r="C106062" s="14" t="s">
        <v>63</v>
      </c>
      <c r="D106062" s="14" t="s">
        <v>31</v>
      </c>
      <c r="E106062" s="15">
        <v>45588</v>
      </c>
      <c r="F106062" s="14" t="s">
        <v>15</v>
      </c>
      <c r="G106062" s="16">
        <v>2.8698722201636708</v>
      </c>
    </row>
    <row r="106063" spans="1:7" x14ac:dyDescent="0.3">
      <c r="A106063" s="13" t="s">
        <v>515</v>
      </c>
      <c r="B106063" s="14" t="s">
        <v>1</v>
      </c>
      <c r="C106063" s="14" t="s">
        <v>63</v>
      </c>
      <c r="D106063" s="14" t="s">
        <v>31</v>
      </c>
      <c r="E106063" s="15">
        <v>45589</v>
      </c>
      <c r="F106063" s="14" t="s">
        <v>15</v>
      </c>
      <c r="G106063" s="16">
        <v>2.8837870861687538</v>
      </c>
    </row>
    <row r="106064" spans="1:7" x14ac:dyDescent="0.3">
      <c r="A106064" s="13" t="s">
        <v>515</v>
      </c>
      <c r="B106064" s="14" t="s">
        <v>1</v>
      </c>
      <c r="C106064" s="14" t="s">
        <v>63</v>
      </c>
      <c r="D106064" s="14" t="s">
        <v>31</v>
      </c>
      <c r="E106064" s="15">
        <v>45590</v>
      </c>
      <c r="F106064" s="14" t="s">
        <v>15</v>
      </c>
      <c r="G106064" s="16">
        <v>2.8989021978886829</v>
      </c>
    </row>
    <row r="106065" spans="1:7" x14ac:dyDescent="0.3">
      <c r="A106065" s="13" t="s">
        <v>515</v>
      </c>
      <c r="B106065" s="14" t="s">
        <v>1</v>
      </c>
      <c r="C106065" s="14" t="s">
        <v>63</v>
      </c>
      <c r="D106065" s="14" t="s">
        <v>31</v>
      </c>
      <c r="E106065" s="15">
        <v>45591</v>
      </c>
      <c r="F106065" s="14" t="s">
        <v>15</v>
      </c>
      <c r="G106065" s="16">
        <v>2.8989021978886829</v>
      </c>
    </row>
    <row r="106066" spans="1:7" x14ac:dyDescent="0.3">
      <c r="A106066" s="13" t="s">
        <v>515</v>
      </c>
      <c r="B106066" s="14" t="s">
        <v>1</v>
      </c>
      <c r="C106066" s="14" t="s">
        <v>63</v>
      </c>
      <c r="D106066" s="14" t="s">
        <v>31</v>
      </c>
      <c r="E106066" s="15">
        <v>45592</v>
      </c>
      <c r="F106066" s="14" t="s">
        <v>15</v>
      </c>
      <c r="G106066" s="16">
        <v>2.8989021978886829</v>
      </c>
    </row>
    <row r="106067" spans="1:7" x14ac:dyDescent="0.3">
      <c r="A106067" s="13" t="s">
        <v>515</v>
      </c>
      <c r="B106067" s="14" t="s">
        <v>1</v>
      </c>
      <c r="C106067" s="14" t="s">
        <v>63</v>
      </c>
      <c r="D106067" s="14" t="s">
        <v>31</v>
      </c>
      <c r="E106067" s="15">
        <v>45593</v>
      </c>
      <c r="F106067" s="14" t="s">
        <v>15</v>
      </c>
      <c r="G106067" s="16">
        <v>2.8989021978886829</v>
      </c>
    </row>
    <row r="106068" spans="1:7" x14ac:dyDescent="0.3">
      <c r="A106068" s="13" t="s">
        <v>515</v>
      </c>
      <c r="B106068" s="14" t="s">
        <v>1</v>
      </c>
      <c r="C106068" s="14" t="s">
        <v>63</v>
      </c>
      <c r="D106068" s="14" t="s">
        <v>31</v>
      </c>
      <c r="E106068" s="15">
        <v>45594</v>
      </c>
      <c r="F106068" s="14" t="s">
        <v>15</v>
      </c>
      <c r="G106068" s="16">
        <v>2.9152664172123561</v>
      </c>
    </row>
    <row r="106069" spans="1:7" x14ac:dyDescent="0.3">
      <c r="A106069" s="13" t="s">
        <v>515</v>
      </c>
      <c r="B106069" s="14" t="s">
        <v>1</v>
      </c>
      <c r="C106069" s="14" t="s">
        <v>63</v>
      </c>
      <c r="D106069" s="14" t="s">
        <v>31</v>
      </c>
      <c r="E106069" s="15">
        <v>45595</v>
      </c>
      <c r="F106069" s="14" t="s">
        <v>15</v>
      </c>
      <c r="G106069" s="16">
        <v>2.976283361755963</v>
      </c>
    </row>
    <row r="106070" spans="1:7" x14ac:dyDescent="0.3">
      <c r="A106070" s="13" t="s">
        <v>515</v>
      </c>
      <c r="B106070" s="14" t="s">
        <v>1</v>
      </c>
      <c r="C106070" s="14" t="s">
        <v>63</v>
      </c>
      <c r="D106070" s="14" t="s">
        <v>31</v>
      </c>
      <c r="E106070" s="15">
        <v>45596</v>
      </c>
      <c r="F106070" s="14" t="s">
        <v>15</v>
      </c>
      <c r="G106070" s="16">
        <v>2.976283361755963</v>
      </c>
    </row>
    <row r="106071" spans="1:7" x14ac:dyDescent="0.3">
      <c r="A106071" s="13" t="s">
        <v>515</v>
      </c>
      <c r="B106071" s="14" t="s">
        <v>1</v>
      </c>
      <c r="C106071" s="14" t="s">
        <v>63</v>
      </c>
      <c r="D106071" s="14" t="s">
        <v>31</v>
      </c>
      <c r="E106071" s="15">
        <v>45597</v>
      </c>
      <c r="F106071" s="14" t="s">
        <v>15</v>
      </c>
      <c r="G106071" s="16">
        <v>2.9900088753097682</v>
      </c>
    </row>
    <row r="106072" spans="1:7" x14ac:dyDescent="0.3">
      <c r="A106072" s="13" t="s">
        <v>515</v>
      </c>
      <c r="B106072" s="14" t="s">
        <v>1</v>
      </c>
      <c r="C106072" s="14" t="s">
        <v>63</v>
      </c>
      <c r="D106072" s="14" t="s">
        <v>31</v>
      </c>
      <c r="E106072" s="15">
        <v>45598</v>
      </c>
      <c r="F106072" s="14" t="s">
        <v>15</v>
      </c>
      <c r="G106072" s="16">
        <v>2.9900088753097682</v>
      </c>
    </row>
    <row r="106073" spans="1:7" x14ac:dyDescent="0.3">
      <c r="A106073" s="13" t="s">
        <v>515</v>
      </c>
      <c r="B106073" s="14" t="s">
        <v>1</v>
      </c>
      <c r="C106073" s="14" t="s">
        <v>63</v>
      </c>
      <c r="D106073" s="14" t="s">
        <v>31</v>
      </c>
      <c r="E106073" s="15">
        <v>45599</v>
      </c>
      <c r="F106073" s="14" t="s">
        <v>15</v>
      </c>
      <c r="G106073" s="16">
        <v>2.9900088753097682</v>
      </c>
    </row>
    <row r="106074" spans="1:7" x14ac:dyDescent="0.3">
      <c r="A106074" s="13" t="s">
        <v>515</v>
      </c>
      <c r="B106074" s="14" t="s">
        <v>1</v>
      </c>
      <c r="C106074" s="14" t="s">
        <v>63</v>
      </c>
      <c r="D106074" s="14" t="s">
        <v>31</v>
      </c>
      <c r="E106074" s="15">
        <v>45600</v>
      </c>
      <c r="F106074" s="14" t="s">
        <v>15</v>
      </c>
      <c r="G106074" s="16">
        <v>3.0047325471470443</v>
      </c>
    </row>
    <row r="106075" spans="1:7" x14ac:dyDescent="0.3">
      <c r="A106075" s="13" t="s">
        <v>515</v>
      </c>
      <c r="B106075" s="14" t="s">
        <v>1</v>
      </c>
      <c r="C106075" s="14" t="s">
        <v>63</v>
      </c>
      <c r="D106075" s="14" t="s">
        <v>31</v>
      </c>
      <c r="E106075" s="15">
        <v>45601</v>
      </c>
      <c r="F106075" s="14" t="s">
        <v>15</v>
      </c>
      <c r="G106075" s="16">
        <v>3.0454850818467305</v>
      </c>
    </row>
    <row r="106076" spans="1:7" x14ac:dyDescent="0.3">
      <c r="A106076" s="13" t="s">
        <v>515</v>
      </c>
      <c r="B106076" s="14" t="s">
        <v>1</v>
      </c>
      <c r="C106076" s="14" t="s">
        <v>63</v>
      </c>
      <c r="D106076" s="14" t="s">
        <v>31</v>
      </c>
      <c r="E106076" s="15">
        <v>45602</v>
      </c>
      <c r="F106076" s="14" t="s">
        <v>15</v>
      </c>
      <c r="G106076" s="16">
        <v>3.059222392247559</v>
      </c>
    </row>
    <row r="106077" spans="1:7" x14ac:dyDescent="0.3">
      <c r="A106077" s="13" t="s">
        <v>515</v>
      </c>
      <c r="B106077" s="14" t="s">
        <v>1</v>
      </c>
      <c r="C106077" s="14" t="s">
        <v>63</v>
      </c>
      <c r="D106077" s="14" t="s">
        <v>31</v>
      </c>
      <c r="E106077" s="15">
        <v>45603</v>
      </c>
      <c r="F106077" s="14" t="s">
        <v>15</v>
      </c>
      <c r="G106077" s="16">
        <v>3.0729597737294863</v>
      </c>
    </row>
    <row r="106078" spans="1:7" x14ac:dyDescent="0.3">
      <c r="A106078" s="13" t="s">
        <v>515</v>
      </c>
      <c r="B106078" s="14" t="s">
        <v>1</v>
      </c>
      <c r="C106078" s="14" t="s">
        <v>63</v>
      </c>
      <c r="D106078" s="14" t="s">
        <v>31</v>
      </c>
      <c r="E106078" s="15">
        <v>45604</v>
      </c>
      <c r="F106078" s="14" t="s">
        <v>15</v>
      </c>
      <c r="G106078" s="16">
        <v>3.0893922305857027</v>
      </c>
    </row>
    <row r="106079" spans="1:7" x14ac:dyDescent="0.3">
      <c r="A106079" s="13" t="s">
        <v>515</v>
      </c>
      <c r="B106079" s="14" t="s">
        <v>1</v>
      </c>
      <c r="C106079" s="14" t="s">
        <v>63</v>
      </c>
      <c r="D106079" s="14" t="s">
        <v>31</v>
      </c>
      <c r="E106079" s="15">
        <v>45605</v>
      </c>
      <c r="F106079" s="14" t="s">
        <v>15</v>
      </c>
      <c r="G106079" s="16">
        <v>3.0893922305857027</v>
      </c>
    </row>
    <row r="106080" spans="1:7" x14ac:dyDescent="0.3">
      <c r="A106080" s="13" t="s">
        <v>515</v>
      </c>
      <c r="B106080" s="14" t="s">
        <v>1</v>
      </c>
      <c r="C106080" s="14" t="s">
        <v>63</v>
      </c>
      <c r="D106080" s="14" t="s">
        <v>31</v>
      </c>
      <c r="E106080" s="15">
        <v>45606</v>
      </c>
      <c r="F106080" s="14" t="s">
        <v>15</v>
      </c>
      <c r="G106080" s="16">
        <v>3.0893922305857027</v>
      </c>
    </row>
    <row r="106081" spans="1:7" x14ac:dyDescent="0.3">
      <c r="A106081" s="13" t="s">
        <v>515</v>
      </c>
      <c r="B106081" s="14" t="s">
        <v>1</v>
      </c>
      <c r="C106081" s="14" t="s">
        <v>63</v>
      </c>
      <c r="D106081" s="14" t="s">
        <v>31</v>
      </c>
      <c r="E106081" s="15">
        <v>45607</v>
      </c>
      <c r="F106081" s="14" t="s">
        <v>15</v>
      </c>
      <c r="G106081" s="16">
        <v>3.1039843978126025</v>
      </c>
    </row>
    <row r="106082" spans="1:7" x14ac:dyDescent="0.3">
      <c r="A106082" s="13" t="s">
        <v>515</v>
      </c>
      <c r="B106082" s="14" t="s">
        <v>1</v>
      </c>
      <c r="C106082" s="14" t="s">
        <v>63</v>
      </c>
      <c r="D106082" s="14" t="s">
        <v>31</v>
      </c>
      <c r="E106082" s="15">
        <v>45608</v>
      </c>
      <c r="F106082" s="14" t="s">
        <v>15</v>
      </c>
      <c r="G106082" s="16">
        <v>3.1451192066577685</v>
      </c>
    </row>
    <row r="106083" spans="1:7" x14ac:dyDescent="0.3">
      <c r="A106083" s="13" t="s">
        <v>515</v>
      </c>
      <c r="B106083" s="14" t="s">
        <v>1</v>
      </c>
      <c r="C106083" s="14" t="s">
        <v>63</v>
      </c>
      <c r="D106083" s="14" t="s">
        <v>31</v>
      </c>
      <c r="E106083" s="15">
        <v>45609</v>
      </c>
      <c r="F106083" s="14" t="s">
        <v>15</v>
      </c>
      <c r="G106083" s="16">
        <v>3.1678706136147921</v>
      </c>
    </row>
    <row r="106084" spans="1:7" x14ac:dyDescent="0.3">
      <c r="A106084" s="13" t="s">
        <v>515</v>
      </c>
      <c r="B106084" s="14" t="s">
        <v>1</v>
      </c>
      <c r="C106084" s="14" t="s">
        <v>63</v>
      </c>
      <c r="D106084" s="14" t="s">
        <v>31</v>
      </c>
      <c r="E106084" s="15">
        <v>45610</v>
      </c>
      <c r="F106084" s="14" t="s">
        <v>15</v>
      </c>
      <c r="G106084" s="16">
        <v>3.181464577358001</v>
      </c>
    </row>
    <row r="106085" spans="1:7" x14ac:dyDescent="0.3">
      <c r="A106085" s="13" t="s">
        <v>515</v>
      </c>
      <c r="B106085" s="14" t="s">
        <v>1</v>
      </c>
      <c r="C106085" s="14" t="s">
        <v>63</v>
      </c>
      <c r="D106085" s="14" t="s">
        <v>31</v>
      </c>
      <c r="E106085" s="15">
        <v>45611</v>
      </c>
      <c r="F106085" s="14" t="s">
        <v>15</v>
      </c>
      <c r="G106085" s="16">
        <v>3.1950647366960538</v>
      </c>
    </row>
    <row r="106086" spans="1:7" x14ac:dyDescent="0.3">
      <c r="A106086" s="13" t="s">
        <v>515</v>
      </c>
      <c r="B106086" s="14" t="s">
        <v>1</v>
      </c>
      <c r="C106086" s="14" t="s">
        <v>63</v>
      </c>
      <c r="D106086" s="14" t="s">
        <v>31</v>
      </c>
      <c r="E106086" s="15">
        <v>45612</v>
      </c>
      <c r="F106086" s="14" t="s">
        <v>15</v>
      </c>
      <c r="G106086" s="16">
        <v>3.1950647366960538</v>
      </c>
    </row>
    <row r="106087" spans="1:7" x14ac:dyDescent="0.3">
      <c r="A106087" s="13" t="s">
        <v>515</v>
      </c>
      <c r="B106087" s="14" t="s">
        <v>1</v>
      </c>
      <c r="C106087" s="14" t="s">
        <v>63</v>
      </c>
      <c r="D106087" s="14" t="s">
        <v>31</v>
      </c>
      <c r="E106087" s="15">
        <v>45613</v>
      </c>
      <c r="F106087" s="14" t="s">
        <v>15</v>
      </c>
      <c r="G106087" s="16">
        <v>3.1950647366960538</v>
      </c>
    </row>
    <row r="106088" spans="1:7" x14ac:dyDescent="0.3">
      <c r="A106088" s="13" t="s">
        <v>515</v>
      </c>
      <c r="B106088" s="14" t="s">
        <v>1</v>
      </c>
      <c r="C106088" s="14" t="s">
        <v>63</v>
      </c>
      <c r="D106088" s="14" t="s">
        <v>31</v>
      </c>
      <c r="E106088" s="15">
        <v>45614</v>
      </c>
      <c r="F106088" s="14" t="s">
        <v>15</v>
      </c>
      <c r="G106088" s="16">
        <v>3.2089475213692027</v>
      </c>
    </row>
    <row r="106089" spans="1:7" x14ac:dyDescent="0.3">
      <c r="A106089" s="13" t="s">
        <v>515</v>
      </c>
      <c r="B106089" s="14" t="s">
        <v>1</v>
      </c>
      <c r="C106089" s="14" t="s">
        <v>63</v>
      </c>
      <c r="D106089" s="14" t="s">
        <v>31</v>
      </c>
      <c r="E106089" s="15">
        <v>45615</v>
      </c>
      <c r="F106089" s="14" t="s">
        <v>15</v>
      </c>
      <c r="G106089" s="16">
        <v>3.257583450920984</v>
      </c>
    </row>
    <row r="106090" spans="1:7" x14ac:dyDescent="0.3">
      <c r="A106090" s="13" t="s">
        <v>515</v>
      </c>
      <c r="B106090" s="14" t="s">
        <v>1</v>
      </c>
      <c r="C106090" s="14" t="s">
        <v>63</v>
      </c>
      <c r="D106090" s="14" t="s">
        <v>31</v>
      </c>
      <c r="E106090" s="15">
        <v>45616</v>
      </c>
      <c r="F106090" s="14" t="s">
        <v>15</v>
      </c>
      <c r="G106090" s="16">
        <v>3.2704204899912193</v>
      </c>
    </row>
    <row r="106091" spans="1:7" x14ac:dyDescent="0.3">
      <c r="A106091" s="13" t="s">
        <v>515</v>
      </c>
      <c r="B106091" s="14" t="s">
        <v>1</v>
      </c>
      <c r="C106091" s="14" t="s">
        <v>63</v>
      </c>
      <c r="D106091" s="14" t="s">
        <v>31</v>
      </c>
      <c r="E106091" s="15">
        <v>45617</v>
      </c>
      <c r="F106091" s="14" t="s">
        <v>15</v>
      </c>
      <c r="G106091" s="16">
        <v>3.2841949048596915</v>
      </c>
    </row>
    <row r="106092" spans="1:7" x14ac:dyDescent="0.3">
      <c r="A106092" s="13" t="s">
        <v>515</v>
      </c>
      <c r="B106092" s="14" t="s">
        <v>1</v>
      </c>
      <c r="C106092" s="14" t="s">
        <v>63</v>
      </c>
      <c r="D106092" s="14" t="s">
        <v>31</v>
      </c>
      <c r="E106092" s="15">
        <v>45618</v>
      </c>
      <c r="F106092" s="14" t="s">
        <v>15</v>
      </c>
      <c r="G106092" s="16">
        <v>3.2985824003905537</v>
      </c>
    </row>
    <row r="106093" spans="1:7" x14ac:dyDescent="0.3">
      <c r="A106093" s="13" t="s">
        <v>515</v>
      </c>
      <c r="B106093" s="14" t="s">
        <v>1</v>
      </c>
      <c r="C106093" s="14" t="s">
        <v>63</v>
      </c>
      <c r="D106093" s="14" t="s">
        <v>31</v>
      </c>
      <c r="E106093" s="15">
        <v>45619</v>
      </c>
      <c r="F106093" s="14" t="s">
        <v>15</v>
      </c>
      <c r="G106093" s="16">
        <v>3.2985824003905537</v>
      </c>
    </row>
    <row r="106094" spans="1:7" x14ac:dyDescent="0.3">
      <c r="A106094" s="13" t="s">
        <v>515</v>
      </c>
      <c r="B106094" s="14" t="s">
        <v>1</v>
      </c>
      <c r="C106094" s="14" t="s">
        <v>63</v>
      </c>
      <c r="D106094" s="14" t="s">
        <v>31</v>
      </c>
      <c r="E106094" s="15">
        <v>45620</v>
      </c>
      <c r="F106094" s="14" t="s">
        <v>15</v>
      </c>
      <c r="G106094" s="16">
        <v>3.2985824003905537</v>
      </c>
    </row>
    <row r="106095" spans="1:7" x14ac:dyDescent="0.3">
      <c r="A106095" s="13" t="s">
        <v>515</v>
      </c>
      <c r="B106095" s="14" t="s">
        <v>1</v>
      </c>
      <c r="C106095" s="14" t="s">
        <v>63</v>
      </c>
      <c r="D106095" s="14" t="s">
        <v>31</v>
      </c>
      <c r="E106095" s="15">
        <v>45621</v>
      </c>
      <c r="F106095" s="14" t="s">
        <v>15</v>
      </c>
      <c r="G106095" s="16">
        <v>3.3123704455676841</v>
      </c>
    </row>
    <row r="106096" spans="1:7" x14ac:dyDescent="0.3">
      <c r="A106096" s="13" t="s">
        <v>515</v>
      </c>
      <c r="B106096" s="14" t="s">
        <v>1</v>
      </c>
      <c r="C106096" s="14" t="s">
        <v>63</v>
      </c>
      <c r="D106096" s="14" t="s">
        <v>31</v>
      </c>
      <c r="E106096" s="15">
        <v>45622</v>
      </c>
      <c r="F106096" s="14" t="s">
        <v>15</v>
      </c>
      <c r="G106096" s="16">
        <v>3.3547598719812544</v>
      </c>
    </row>
    <row r="106097" spans="1:7" x14ac:dyDescent="0.3">
      <c r="A106097" s="13" t="s">
        <v>515</v>
      </c>
      <c r="B106097" s="14" t="s">
        <v>1</v>
      </c>
      <c r="C106097" s="14" t="s">
        <v>63</v>
      </c>
      <c r="D106097" s="14" t="s">
        <v>31</v>
      </c>
      <c r="E106097" s="15">
        <v>45623</v>
      </c>
      <c r="F106097" s="14" t="s">
        <v>15</v>
      </c>
      <c r="G106097" s="16">
        <v>3.3644446997917941</v>
      </c>
    </row>
    <row r="106098" spans="1:7" x14ac:dyDescent="0.3">
      <c r="A106098" s="13" t="s">
        <v>515</v>
      </c>
      <c r="B106098" s="14" t="s">
        <v>1</v>
      </c>
      <c r="C106098" s="14" t="s">
        <v>63</v>
      </c>
      <c r="D106098" s="14" t="s">
        <v>31</v>
      </c>
      <c r="E106098" s="15">
        <v>45624</v>
      </c>
      <c r="F106098" s="14" t="s">
        <v>15</v>
      </c>
      <c r="G106098" s="16">
        <v>3.3817060177224532</v>
      </c>
    </row>
    <row r="106099" spans="1:7" x14ac:dyDescent="0.3">
      <c r="A106099" s="13" t="s">
        <v>515</v>
      </c>
      <c r="B106099" s="14" t="s">
        <v>1</v>
      </c>
      <c r="C106099" s="14" t="s">
        <v>63</v>
      </c>
      <c r="D106099" s="14" t="s">
        <v>31</v>
      </c>
      <c r="E106099" s="15">
        <v>45625</v>
      </c>
      <c r="F106099" s="14" t="s">
        <v>15</v>
      </c>
      <c r="G106099" s="16">
        <v>3.395488477465511</v>
      </c>
    </row>
    <row r="106100" spans="1:7" x14ac:dyDescent="0.3">
      <c r="A106100" s="13" t="s">
        <v>515</v>
      </c>
      <c r="B106100" s="14" t="s">
        <v>1</v>
      </c>
      <c r="C106100" s="14" t="s">
        <v>63</v>
      </c>
      <c r="D106100" s="14" t="s">
        <v>31</v>
      </c>
      <c r="E106100" s="15">
        <v>45626</v>
      </c>
      <c r="F106100" s="14" t="s">
        <v>15</v>
      </c>
      <c r="G106100" s="16">
        <v>3.395488477465511</v>
      </c>
    </row>
    <row r="106101" spans="1:7" x14ac:dyDescent="0.3">
      <c r="A106101" s="13" t="s">
        <v>515</v>
      </c>
      <c r="B106101" s="14" t="s">
        <v>1</v>
      </c>
      <c r="C106101" s="14" t="s">
        <v>63</v>
      </c>
      <c r="D106101" s="14" t="s">
        <v>31</v>
      </c>
      <c r="E106101" s="15">
        <v>45627</v>
      </c>
      <c r="F106101" s="14" t="s">
        <v>15</v>
      </c>
      <c r="G106101" s="16">
        <v>3.395488477465511</v>
      </c>
    </row>
    <row r="106102" spans="1:7" x14ac:dyDescent="0.3">
      <c r="A106102" s="13" t="s">
        <v>515</v>
      </c>
      <c r="B106102" s="14" t="s">
        <v>1</v>
      </c>
      <c r="C106102" s="14" t="s">
        <v>63</v>
      </c>
      <c r="D106102" s="14" t="s">
        <v>31</v>
      </c>
      <c r="E106102" s="15">
        <v>45628</v>
      </c>
      <c r="F106102" s="14" t="s">
        <v>15</v>
      </c>
      <c r="G106102" s="16">
        <v>3.4126357864048575</v>
      </c>
    </row>
    <row r="106103" spans="1:7" x14ac:dyDescent="0.3">
      <c r="A106103" s="13" t="s">
        <v>515</v>
      </c>
      <c r="B106103" s="14" t="s">
        <v>1</v>
      </c>
      <c r="C106103" s="14" t="s">
        <v>63</v>
      </c>
      <c r="D106103" s="14" t="s">
        <v>31</v>
      </c>
      <c r="E106103" s="15">
        <v>45629</v>
      </c>
      <c r="F106103" s="14" t="s">
        <v>15</v>
      </c>
      <c r="G106103" s="16">
        <v>3.4537435173072146</v>
      </c>
    </row>
    <row r="106104" spans="1:7" x14ac:dyDescent="0.3">
      <c r="A106104" s="13" t="s">
        <v>515</v>
      </c>
      <c r="B106104" s="14" t="s">
        <v>1</v>
      </c>
      <c r="C106104" s="14" t="s">
        <v>63</v>
      </c>
      <c r="D106104" s="14" t="s">
        <v>31</v>
      </c>
      <c r="E106104" s="15">
        <v>45630</v>
      </c>
      <c r="F106104" s="14" t="s">
        <v>15</v>
      </c>
      <c r="G106104" s="16">
        <v>3.4681753986541333</v>
      </c>
    </row>
    <row r="106105" spans="1:7" x14ac:dyDescent="0.3">
      <c r="A106105" s="13" t="s">
        <v>515</v>
      </c>
      <c r="B106105" s="14" t="s">
        <v>1</v>
      </c>
      <c r="C106105" s="14" t="s">
        <v>63</v>
      </c>
      <c r="D106105" s="14" t="s">
        <v>31</v>
      </c>
      <c r="E106105" s="15">
        <v>45631</v>
      </c>
      <c r="F106105" s="14" t="s">
        <v>15</v>
      </c>
      <c r="G106105" s="16">
        <v>3.4815539743520447</v>
      </c>
    </row>
    <row r="106106" spans="1:7" x14ac:dyDescent="0.3">
      <c r="A106106" s="13" t="s">
        <v>515</v>
      </c>
      <c r="B106106" s="14" t="s">
        <v>1</v>
      </c>
      <c r="C106106" s="14" t="s">
        <v>63</v>
      </c>
      <c r="D106106" s="14" t="s">
        <v>31</v>
      </c>
      <c r="E106106" s="15">
        <v>45632</v>
      </c>
      <c r="F106106" s="14" t="s">
        <v>15</v>
      </c>
      <c r="G106106" s="16">
        <v>3.4955064746272528</v>
      </c>
    </row>
    <row r="106107" spans="1:7" x14ac:dyDescent="0.3">
      <c r="A106107" s="13" t="s">
        <v>515</v>
      </c>
      <c r="B106107" s="14" t="s">
        <v>1</v>
      </c>
      <c r="C106107" s="14" t="s">
        <v>63</v>
      </c>
      <c r="D106107" s="14" t="s">
        <v>31</v>
      </c>
      <c r="E106107" s="15">
        <v>45633</v>
      </c>
      <c r="F106107" s="14" t="s">
        <v>15</v>
      </c>
      <c r="G106107" s="16">
        <v>3.4955064746272528</v>
      </c>
    </row>
    <row r="106108" spans="1:7" x14ac:dyDescent="0.3">
      <c r="A106108" s="13" t="s">
        <v>515</v>
      </c>
      <c r="B106108" s="14" t="s">
        <v>1</v>
      </c>
      <c r="C106108" s="14" t="s">
        <v>63</v>
      </c>
      <c r="D106108" s="14" t="s">
        <v>31</v>
      </c>
      <c r="E106108" s="15">
        <v>45634</v>
      </c>
      <c r="F106108" s="14" t="s">
        <v>15</v>
      </c>
      <c r="G106108" s="16">
        <v>3.4955064746272528</v>
      </c>
    </row>
    <row r="106109" spans="1:7" x14ac:dyDescent="0.3">
      <c r="A106109" s="13" t="s">
        <v>515</v>
      </c>
      <c r="B106109" s="14" t="s">
        <v>1</v>
      </c>
      <c r="C106109" s="14" t="s">
        <v>63</v>
      </c>
      <c r="D106109" s="14" t="s">
        <v>31</v>
      </c>
      <c r="E106109" s="15">
        <v>45635</v>
      </c>
      <c r="F106109" s="14" t="s">
        <v>15</v>
      </c>
      <c r="G106109" s="16">
        <v>3.5152450830381077</v>
      </c>
    </row>
    <row r="106110" spans="1:7" x14ac:dyDescent="0.3">
      <c r="A106110" s="13" t="s">
        <v>515</v>
      </c>
      <c r="B106110" s="14" t="s">
        <v>1</v>
      </c>
      <c r="C106110" s="14" t="s">
        <v>63</v>
      </c>
      <c r="D106110" s="14" t="s">
        <v>31</v>
      </c>
      <c r="E106110" s="15">
        <v>45636</v>
      </c>
      <c r="F106110" s="14" t="s">
        <v>15</v>
      </c>
      <c r="G106110" s="16">
        <v>3.5563289427892699</v>
      </c>
    </row>
    <row r="106111" spans="1:7" x14ac:dyDescent="0.3">
      <c r="A106111" s="13" t="s">
        <v>515</v>
      </c>
      <c r="B106111" s="14" t="s">
        <v>1</v>
      </c>
      <c r="C106111" s="14" t="s">
        <v>63</v>
      </c>
      <c r="D106111" s="14" t="s">
        <v>31</v>
      </c>
      <c r="E106111" s="15">
        <v>45637</v>
      </c>
      <c r="F106111" s="14" t="s">
        <v>15</v>
      </c>
      <c r="G106111" s="16">
        <v>3.5699328302430415</v>
      </c>
    </row>
    <row r="106112" spans="1:7" x14ac:dyDescent="0.3">
      <c r="A106112" s="13" t="s">
        <v>515</v>
      </c>
      <c r="B106112" s="14" t="s">
        <v>1</v>
      </c>
      <c r="C106112" s="14" t="s">
        <v>63</v>
      </c>
      <c r="D106112" s="14" t="s">
        <v>31</v>
      </c>
      <c r="E106112" s="15">
        <v>45638</v>
      </c>
      <c r="F106112" s="14" t="s">
        <v>15</v>
      </c>
      <c r="G106112" s="16">
        <v>3.5836614506568725</v>
      </c>
    </row>
    <row r="106113" spans="1:7" x14ac:dyDescent="0.3">
      <c r="A106113" s="13" t="s">
        <v>515</v>
      </c>
      <c r="B106113" s="14" t="s">
        <v>1</v>
      </c>
      <c r="C106113" s="14" t="s">
        <v>63</v>
      </c>
      <c r="D106113" s="14" t="s">
        <v>31</v>
      </c>
      <c r="E106113" s="15">
        <v>45639</v>
      </c>
      <c r="F106113" s="14" t="s">
        <v>15</v>
      </c>
      <c r="G106113" s="16">
        <v>3.5976206836353897</v>
      </c>
    </row>
    <row r="106114" spans="1:7" x14ac:dyDescent="0.3">
      <c r="A106114" s="13" t="s">
        <v>515</v>
      </c>
      <c r="B106114" s="14" t="s">
        <v>1</v>
      </c>
      <c r="C106114" s="14" t="s">
        <v>63</v>
      </c>
      <c r="D106114" s="14" t="s">
        <v>31</v>
      </c>
      <c r="E106114" s="15">
        <v>45640</v>
      </c>
      <c r="F106114" s="14" t="s">
        <v>15</v>
      </c>
      <c r="G106114" s="16">
        <v>3.5976206836353897</v>
      </c>
    </row>
    <row r="106115" spans="1:7" x14ac:dyDescent="0.3">
      <c r="A106115" s="13" t="s">
        <v>515</v>
      </c>
      <c r="B106115" s="14" t="s">
        <v>1</v>
      </c>
      <c r="C106115" s="14" t="s">
        <v>63</v>
      </c>
      <c r="D106115" s="14" t="s">
        <v>31</v>
      </c>
      <c r="E106115" s="15">
        <v>45641</v>
      </c>
      <c r="F106115" s="14" t="s">
        <v>15</v>
      </c>
      <c r="G106115" s="16">
        <v>3.5976206836353897</v>
      </c>
    </row>
    <row r="106116" spans="1:7" x14ac:dyDescent="0.3">
      <c r="A106116" s="13" t="s">
        <v>515</v>
      </c>
      <c r="B106116" s="14" t="s">
        <v>1</v>
      </c>
      <c r="C106116" s="14" t="s">
        <v>63</v>
      </c>
      <c r="D106116" s="14" t="s">
        <v>31</v>
      </c>
      <c r="E106116" s="15">
        <v>45642</v>
      </c>
      <c r="F106116" s="14" t="s">
        <v>15</v>
      </c>
      <c r="G106116" s="16">
        <v>3.6109140898630847</v>
      </c>
    </row>
    <row r="106117" spans="1:7" x14ac:dyDescent="0.3">
      <c r="A106117" s="13" t="s">
        <v>515</v>
      </c>
      <c r="B106117" s="14" t="s">
        <v>1</v>
      </c>
      <c r="C106117" s="14" t="s">
        <v>63</v>
      </c>
      <c r="D106117" s="14" t="s">
        <v>31</v>
      </c>
      <c r="E106117" s="15">
        <v>45643</v>
      </c>
      <c r="F106117" s="14" t="s">
        <v>15</v>
      </c>
      <c r="G106117" s="16">
        <v>3.6508969080799871</v>
      </c>
    </row>
    <row r="106118" spans="1:7" x14ac:dyDescent="0.3">
      <c r="A106118" s="13" t="s">
        <v>515</v>
      </c>
      <c r="B106118" s="14" t="s">
        <v>1</v>
      </c>
      <c r="C106118" s="14" t="s">
        <v>63</v>
      </c>
      <c r="D106118" s="14" t="s">
        <v>31</v>
      </c>
      <c r="E106118" s="15">
        <v>45644</v>
      </c>
      <c r="F106118" s="14" t="s">
        <v>15</v>
      </c>
      <c r="G106118" s="16">
        <v>3.664226140518692</v>
      </c>
    </row>
    <row r="106119" spans="1:7" x14ac:dyDescent="0.3">
      <c r="A106119" s="13" t="s">
        <v>515</v>
      </c>
      <c r="B106119" s="14" t="s">
        <v>1</v>
      </c>
      <c r="C106119" s="14" t="s">
        <v>63</v>
      </c>
      <c r="D106119" s="14" t="s">
        <v>31</v>
      </c>
      <c r="E106119" s="15">
        <v>45645</v>
      </c>
      <c r="F106119" s="14" t="s">
        <v>15</v>
      </c>
      <c r="G106119" s="16">
        <v>3.6776345182153749</v>
      </c>
    </row>
    <row r="106120" spans="1:7" x14ac:dyDescent="0.3">
      <c r="A106120" s="13" t="s">
        <v>515</v>
      </c>
      <c r="B106120" s="14" t="s">
        <v>1</v>
      </c>
      <c r="C106120" s="14" t="s">
        <v>63</v>
      </c>
      <c r="D106120" s="14" t="s">
        <v>31</v>
      </c>
      <c r="E106120" s="15">
        <v>45646</v>
      </c>
      <c r="F106120" s="14" t="s">
        <v>15</v>
      </c>
      <c r="G106120" s="16">
        <v>3.6924459033077937</v>
      </c>
    </row>
    <row r="106121" spans="1:7" x14ac:dyDescent="0.3">
      <c r="A106121" s="13" t="s">
        <v>515</v>
      </c>
      <c r="B106121" s="14" t="s">
        <v>1</v>
      </c>
      <c r="C106121" s="14" t="s">
        <v>63</v>
      </c>
      <c r="D106121" s="14" t="s">
        <v>31</v>
      </c>
      <c r="E106121" s="15">
        <v>45647</v>
      </c>
      <c r="F106121" s="14" t="s">
        <v>15</v>
      </c>
      <c r="G106121" s="16">
        <v>3.6924459033077937</v>
      </c>
    </row>
    <row r="106122" spans="1:7" x14ac:dyDescent="0.3">
      <c r="A106122" s="13" t="s">
        <v>515</v>
      </c>
      <c r="B106122" s="14" t="s">
        <v>1</v>
      </c>
      <c r="C106122" s="14" t="s">
        <v>63</v>
      </c>
      <c r="D106122" s="14" t="s">
        <v>31</v>
      </c>
      <c r="E106122" s="15">
        <v>45648</v>
      </c>
      <c r="F106122" s="14" t="s">
        <v>15</v>
      </c>
      <c r="G106122" s="16">
        <v>3.6924459033077937</v>
      </c>
    </row>
    <row r="106123" spans="1:7" x14ac:dyDescent="0.3">
      <c r="A106123" s="13" t="s">
        <v>515</v>
      </c>
      <c r="B106123" s="14" t="s">
        <v>1</v>
      </c>
      <c r="C106123" s="14" t="s">
        <v>63</v>
      </c>
      <c r="D106123" s="14" t="s">
        <v>31</v>
      </c>
      <c r="E106123" s="15">
        <v>45649</v>
      </c>
      <c r="F106123" s="14" t="s">
        <v>15</v>
      </c>
      <c r="G106123" s="16">
        <v>3.7056918432909414</v>
      </c>
    </row>
    <row r="106124" spans="1:7" x14ac:dyDescent="0.3">
      <c r="A106124" s="13" t="s">
        <v>515</v>
      </c>
      <c r="B106124" s="14" t="s">
        <v>1</v>
      </c>
      <c r="C106124" s="14" t="s">
        <v>63</v>
      </c>
      <c r="D106124" s="14" t="s">
        <v>31</v>
      </c>
      <c r="E106124" s="15">
        <v>45650</v>
      </c>
      <c r="F106124" s="14" t="s">
        <v>15</v>
      </c>
      <c r="G106124" s="16">
        <v>3.7451800297832758</v>
      </c>
    </row>
    <row r="106125" spans="1:7" x14ac:dyDescent="0.3">
      <c r="A106125" s="13" t="s">
        <v>515</v>
      </c>
      <c r="B106125" s="14" t="s">
        <v>1</v>
      </c>
      <c r="C106125" s="14" t="s">
        <v>63</v>
      </c>
      <c r="D106125" s="14" t="s">
        <v>31</v>
      </c>
      <c r="E106125" s="15">
        <v>45651</v>
      </c>
      <c r="F106125" s="14" t="s">
        <v>15</v>
      </c>
      <c r="G106125" s="16">
        <v>3.7451800297832758</v>
      </c>
    </row>
    <row r="106126" spans="1:7" x14ac:dyDescent="0.3">
      <c r="A106126" s="13" t="s">
        <v>515</v>
      </c>
      <c r="B106126" s="14" t="s">
        <v>1</v>
      </c>
      <c r="C106126" s="14" t="s">
        <v>63</v>
      </c>
      <c r="D106126" s="14" t="s">
        <v>31</v>
      </c>
      <c r="E106126" s="15">
        <v>45652</v>
      </c>
      <c r="F106126" s="14" t="s">
        <v>15</v>
      </c>
      <c r="G106126" s="16">
        <v>3.7451800297832758</v>
      </c>
    </row>
    <row r="106127" spans="1:7" x14ac:dyDescent="0.3">
      <c r="A106127" s="13" t="s">
        <v>515</v>
      </c>
      <c r="B106127" s="14" t="s">
        <v>1</v>
      </c>
      <c r="C106127" s="14" t="s">
        <v>63</v>
      </c>
      <c r="D106127" s="14" t="s">
        <v>31</v>
      </c>
      <c r="E106127" s="15">
        <v>45653</v>
      </c>
      <c r="F106127" s="14" t="s">
        <v>15</v>
      </c>
      <c r="G106127" s="16">
        <v>3.7451800297832758</v>
      </c>
    </row>
    <row r="106128" spans="1:7" x14ac:dyDescent="0.3">
      <c r="A106128" s="13" t="s">
        <v>515</v>
      </c>
      <c r="B106128" s="14" t="s">
        <v>1</v>
      </c>
      <c r="C106128" s="14" t="s">
        <v>63</v>
      </c>
      <c r="D106128" s="14" t="s">
        <v>31</v>
      </c>
      <c r="E106128" s="15">
        <v>45654</v>
      </c>
      <c r="F106128" s="14" t="s">
        <v>15</v>
      </c>
      <c r="G106128" s="16">
        <v>3.7451800297832758</v>
      </c>
    </row>
    <row r="106129" spans="1:7" x14ac:dyDescent="0.3">
      <c r="A106129" s="13" t="s">
        <v>515</v>
      </c>
      <c r="B106129" s="14" t="s">
        <v>1</v>
      </c>
      <c r="C106129" s="14" t="s">
        <v>63</v>
      </c>
      <c r="D106129" s="14" t="s">
        <v>31</v>
      </c>
      <c r="E106129" s="15">
        <v>45655</v>
      </c>
      <c r="F106129" s="14" t="s">
        <v>15</v>
      </c>
      <c r="G106129" s="16">
        <v>3.7451800297832758</v>
      </c>
    </row>
    <row r="106130" spans="1:7" x14ac:dyDescent="0.3">
      <c r="A106130" s="13" t="s">
        <v>515</v>
      </c>
      <c r="B106130" s="14" t="s">
        <v>1</v>
      </c>
      <c r="C106130" s="14" t="s">
        <v>63</v>
      </c>
      <c r="D106130" s="14" t="s">
        <v>31</v>
      </c>
      <c r="E106130" s="15">
        <v>45656</v>
      </c>
      <c r="F106130" s="14" t="s">
        <v>15</v>
      </c>
      <c r="G106130" s="16">
        <v>3.7580298949725304</v>
      </c>
    </row>
    <row r="106131" spans="1:7" x14ac:dyDescent="0.3">
      <c r="A106131" s="13" t="s">
        <v>515</v>
      </c>
      <c r="B106131" s="14" t="s">
        <v>1</v>
      </c>
      <c r="C106131" s="14" t="s">
        <v>63</v>
      </c>
      <c r="D106131" s="14" t="s">
        <v>31</v>
      </c>
      <c r="E106131" s="15">
        <v>45657</v>
      </c>
      <c r="F106131" s="14" t="s">
        <v>15</v>
      </c>
      <c r="G106131" s="16">
        <v>3.8357859463356734</v>
      </c>
    </row>
    <row r="106132" spans="1:7" x14ac:dyDescent="0.3">
      <c r="A106132" s="13" t="s">
        <v>515</v>
      </c>
      <c r="B106132" s="14" t="s">
        <v>1</v>
      </c>
      <c r="C106132" s="14" t="s">
        <v>63</v>
      </c>
      <c r="D106132" s="14" t="s">
        <v>31</v>
      </c>
      <c r="E106132" s="15">
        <v>45658</v>
      </c>
      <c r="F106132" s="14" t="s">
        <v>15</v>
      </c>
      <c r="G106132" s="16">
        <v>3.8357859463356734</v>
      </c>
    </row>
    <row r="106133" spans="1:7" x14ac:dyDescent="0.3">
      <c r="A106133" s="13" t="s">
        <v>515</v>
      </c>
      <c r="B106133" s="14" t="s">
        <v>1</v>
      </c>
      <c r="C106133" s="14" t="s">
        <v>63</v>
      </c>
      <c r="D106133" s="14" t="s">
        <v>31</v>
      </c>
      <c r="E106133" s="15">
        <v>45659</v>
      </c>
      <c r="F106133" s="14" t="s">
        <v>15</v>
      </c>
      <c r="G106133" s="16">
        <v>3.8479383853238383</v>
      </c>
    </row>
    <row r="106134" spans="1:7" x14ac:dyDescent="0.3">
      <c r="A106134" s="13" t="s">
        <v>515</v>
      </c>
      <c r="B106134" s="14" t="s">
        <v>1</v>
      </c>
      <c r="C106134" s="14" t="s">
        <v>63</v>
      </c>
      <c r="D106134" s="14" t="s">
        <v>31</v>
      </c>
      <c r="E106134" s="15">
        <v>45660</v>
      </c>
      <c r="F106134" s="14" t="s">
        <v>15</v>
      </c>
      <c r="G106134" s="16">
        <v>3.8621498904842482</v>
      </c>
    </row>
    <row r="106135" spans="1:7" x14ac:dyDescent="0.3">
      <c r="A106135" s="13" t="s">
        <v>515</v>
      </c>
      <c r="B106135" s="14" t="s">
        <v>1</v>
      </c>
      <c r="C106135" s="14" t="s">
        <v>63</v>
      </c>
      <c r="D106135" s="14" t="s">
        <v>31</v>
      </c>
      <c r="E106135" s="15">
        <v>45661</v>
      </c>
      <c r="F106135" s="14" t="s">
        <v>15</v>
      </c>
      <c r="G106135" s="16">
        <v>3.8621498904842482</v>
      </c>
    </row>
    <row r="106136" spans="1:7" x14ac:dyDescent="0.3">
      <c r="A106136" s="13" t="s">
        <v>515</v>
      </c>
      <c r="B106136" s="14" t="s">
        <v>1</v>
      </c>
      <c r="C106136" s="14" t="s">
        <v>63</v>
      </c>
      <c r="D106136" s="14" t="s">
        <v>31</v>
      </c>
      <c r="E106136" s="15">
        <v>45662</v>
      </c>
      <c r="F106136" s="14" t="s">
        <v>15</v>
      </c>
      <c r="G106136" s="16">
        <v>3.8621498904842482</v>
      </c>
    </row>
    <row r="106137" spans="1:7" x14ac:dyDescent="0.3">
      <c r="A106137" s="13" t="s">
        <v>515</v>
      </c>
      <c r="B106137" s="14" t="s">
        <v>1</v>
      </c>
      <c r="C106137" s="14" t="s">
        <v>63</v>
      </c>
      <c r="D106137" s="14" t="s">
        <v>31</v>
      </c>
      <c r="E106137" s="15">
        <v>45663</v>
      </c>
      <c r="F106137" s="14" t="s">
        <v>15</v>
      </c>
      <c r="G106137" s="16">
        <v>3.8750720702531178</v>
      </c>
    </row>
    <row r="106138" spans="1:7" x14ac:dyDescent="0.3">
      <c r="A106138" s="13" t="s">
        <v>515</v>
      </c>
      <c r="B106138" s="14" t="s">
        <v>1</v>
      </c>
      <c r="C106138" s="14" t="s">
        <v>63</v>
      </c>
      <c r="D106138" s="14" t="s">
        <v>31</v>
      </c>
      <c r="E106138" s="15">
        <v>45664</v>
      </c>
      <c r="F106138" s="14" t="s">
        <v>15</v>
      </c>
      <c r="G106138" s="16">
        <v>3.9141327468909264</v>
      </c>
    </row>
    <row r="106139" spans="1:7" x14ac:dyDescent="0.3">
      <c r="A106139" s="13" t="s">
        <v>515</v>
      </c>
      <c r="B106139" s="14" t="s">
        <v>1</v>
      </c>
      <c r="C106139" s="14" t="s">
        <v>63</v>
      </c>
      <c r="D106139" s="14" t="s">
        <v>31</v>
      </c>
      <c r="E106139" s="15">
        <v>45665</v>
      </c>
      <c r="F106139" s="14" t="s">
        <v>15</v>
      </c>
      <c r="G106139" s="16">
        <v>3.9267819434780487</v>
      </c>
    </row>
    <row r="106140" spans="1:7" x14ac:dyDescent="0.3">
      <c r="A106140" s="13" t="s">
        <v>515</v>
      </c>
      <c r="B106140" s="14" t="s">
        <v>1</v>
      </c>
      <c r="C106140" s="14" t="s">
        <v>63</v>
      </c>
      <c r="D106140" s="14" t="s">
        <v>31</v>
      </c>
      <c r="E106140" s="15">
        <v>45666</v>
      </c>
      <c r="F106140" s="14" t="s">
        <v>15</v>
      </c>
      <c r="G106140" s="16">
        <v>3.9399936255181784</v>
      </c>
    </row>
    <row r="106141" spans="1:7" x14ac:dyDescent="0.3">
      <c r="A106141" s="13" t="s">
        <v>515</v>
      </c>
      <c r="B106141" s="14" t="s">
        <v>1</v>
      </c>
      <c r="C106141" s="14" t="s">
        <v>63</v>
      </c>
      <c r="D106141" s="14" t="s">
        <v>31</v>
      </c>
      <c r="E106141" s="15">
        <v>45667</v>
      </c>
      <c r="F106141" s="14" t="s">
        <v>15</v>
      </c>
      <c r="G106141" s="16">
        <v>3.9615977717392585</v>
      </c>
    </row>
    <row r="106142" spans="1:7" x14ac:dyDescent="0.3">
      <c r="A106142" s="13" t="s">
        <v>515</v>
      </c>
      <c r="B106142" s="14" t="s">
        <v>1</v>
      </c>
      <c r="C106142" s="14" t="s">
        <v>63</v>
      </c>
      <c r="D106142" s="14" t="s">
        <v>31</v>
      </c>
      <c r="E106142" s="15">
        <v>45668</v>
      </c>
      <c r="F106142" s="14" t="s">
        <v>15</v>
      </c>
      <c r="G106142" s="16">
        <v>3.9615977717392585</v>
      </c>
    </row>
    <row r="106143" spans="1:7" x14ac:dyDescent="0.3">
      <c r="A106143" s="13" t="s">
        <v>515</v>
      </c>
      <c r="B106143" s="14" t="s">
        <v>1</v>
      </c>
      <c r="C106143" s="14" t="s">
        <v>63</v>
      </c>
      <c r="D106143" s="14" t="s">
        <v>31</v>
      </c>
      <c r="E106143" s="15">
        <v>45669</v>
      </c>
      <c r="F106143" s="14" t="s">
        <v>15</v>
      </c>
      <c r="G106143" s="16">
        <v>3.9615977717392585</v>
      </c>
    </row>
    <row r="106144" spans="1:7" x14ac:dyDescent="0.3">
      <c r="A106144" s="13" t="s">
        <v>515</v>
      </c>
      <c r="B106144" s="14" t="s">
        <v>1</v>
      </c>
      <c r="C106144" s="14" t="s">
        <v>63</v>
      </c>
      <c r="D106144" s="14" t="s">
        <v>31</v>
      </c>
      <c r="E106144" s="15">
        <v>45670</v>
      </c>
      <c r="F106144" s="14" t="s">
        <v>15</v>
      </c>
      <c r="G106144" s="16">
        <v>3.9767315578803624</v>
      </c>
    </row>
    <row r="106145" spans="1:7" x14ac:dyDescent="0.3">
      <c r="A106145" s="13" t="s">
        <v>515</v>
      </c>
      <c r="B106145" s="14" t="s">
        <v>1</v>
      </c>
      <c r="C106145" s="14" t="s">
        <v>63</v>
      </c>
      <c r="D106145" s="14" t="s">
        <v>31</v>
      </c>
      <c r="E106145" s="15">
        <v>45671</v>
      </c>
      <c r="F106145" s="14" t="s">
        <v>15</v>
      </c>
      <c r="G106145" s="16">
        <v>4.0158683129409658</v>
      </c>
    </row>
    <row r="106146" spans="1:7" x14ac:dyDescent="0.3">
      <c r="A106146" s="13" t="s">
        <v>515</v>
      </c>
      <c r="B106146" s="14" t="s">
        <v>1</v>
      </c>
      <c r="C106146" s="14" t="s">
        <v>63</v>
      </c>
      <c r="D106146" s="14" t="s">
        <v>31</v>
      </c>
      <c r="E106146" s="15">
        <v>45672</v>
      </c>
      <c r="F106146" s="14" t="s">
        <v>15</v>
      </c>
      <c r="G106146" s="16">
        <v>4.0291405301255736</v>
      </c>
    </row>
    <row r="106147" spans="1:7" x14ac:dyDescent="0.3">
      <c r="A106147" s="13" t="s">
        <v>515</v>
      </c>
      <c r="B106147" s="14" t="s">
        <v>1</v>
      </c>
      <c r="C106147" s="14" t="s">
        <v>63</v>
      </c>
      <c r="D106147" s="14" t="s">
        <v>31</v>
      </c>
      <c r="E106147" s="15">
        <v>45673</v>
      </c>
      <c r="F106147" s="14" t="s">
        <v>15</v>
      </c>
      <c r="G106147" s="16">
        <v>4.0424398957716363</v>
      </c>
    </row>
    <row r="106148" spans="1:7" x14ac:dyDescent="0.3">
      <c r="A106148" s="13" t="s">
        <v>515</v>
      </c>
      <c r="B106148" s="14" t="s">
        <v>1</v>
      </c>
      <c r="C106148" s="14" t="s">
        <v>63</v>
      </c>
      <c r="D106148" s="14" t="s">
        <v>31</v>
      </c>
      <c r="E106148" s="15">
        <v>45674</v>
      </c>
      <c r="F106148" s="14" t="s">
        <v>15</v>
      </c>
      <c r="G106148" s="16">
        <v>4.0584413523169234</v>
      </c>
    </row>
    <row r="106149" spans="1:7" x14ac:dyDescent="0.3">
      <c r="A106149" s="13" t="s">
        <v>515</v>
      </c>
      <c r="B106149" s="14" t="s">
        <v>1</v>
      </c>
      <c r="C106149" s="14" t="s">
        <v>63</v>
      </c>
      <c r="D106149" s="14" t="s">
        <v>31</v>
      </c>
      <c r="E106149" s="15">
        <v>45675</v>
      </c>
      <c r="F106149" s="14" t="s">
        <v>15</v>
      </c>
      <c r="G106149" s="16">
        <v>4.0584413523169234</v>
      </c>
    </row>
    <row r="106150" spans="1:7" x14ac:dyDescent="0.3">
      <c r="A106150" s="13" t="s">
        <v>515</v>
      </c>
      <c r="B106150" s="14" t="s">
        <v>1</v>
      </c>
      <c r="C106150" s="14" t="s">
        <v>63</v>
      </c>
      <c r="D106150" s="14" t="s">
        <v>31</v>
      </c>
      <c r="E106150" s="15">
        <v>45676</v>
      </c>
      <c r="F106150" s="14" t="s">
        <v>15</v>
      </c>
      <c r="G106150" s="16">
        <v>4.0584413523169234</v>
      </c>
    </row>
    <row r="106151" spans="1:7" x14ac:dyDescent="0.3">
      <c r="A106151" s="13" t="s">
        <v>515</v>
      </c>
      <c r="B106151" s="14" t="s">
        <v>1</v>
      </c>
      <c r="C106151" s="14" t="s">
        <v>63</v>
      </c>
      <c r="D106151" s="14" t="s">
        <v>31</v>
      </c>
      <c r="E106151" s="15">
        <v>45677</v>
      </c>
      <c r="F106151" s="14" t="s">
        <v>15</v>
      </c>
      <c r="G106151" s="16">
        <v>4.0755947888280826</v>
      </c>
    </row>
    <row r="106152" spans="1:7" x14ac:dyDescent="0.3">
      <c r="A106152" s="13" t="s">
        <v>515</v>
      </c>
      <c r="B106152" s="14" t="s">
        <v>1</v>
      </c>
      <c r="C106152" s="14" t="s">
        <v>63</v>
      </c>
      <c r="D106152" s="14" t="s">
        <v>31</v>
      </c>
      <c r="E106152" s="15">
        <v>45678</v>
      </c>
      <c r="F106152" s="14" t="s">
        <v>15</v>
      </c>
      <c r="G106152" s="16">
        <v>4.1151104374354706</v>
      </c>
    </row>
    <row r="106153" spans="1:7" x14ac:dyDescent="0.3">
      <c r="A106153" s="13" t="s">
        <v>515</v>
      </c>
      <c r="B106153" s="14" t="s">
        <v>1</v>
      </c>
      <c r="C106153" s="14" t="s">
        <v>63</v>
      </c>
      <c r="D106153" s="14" t="s">
        <v>31</v>
      </c>
      <c r="E106153" s="15">
        <v>45679</v>
      </c>
      <c r="F106153" s="14" t="s">
        <v>15</v>
      </c>
      <c r="G106153" s="16">
        <v>4.1284221052726684</v>
      </c>
    </row>
    <row r="106154" spans="1:7" x14ac:dyDescent="0.3">
      <c r="A106154" s="13" t="s">
        <v>515</v>
      </c>
      <c r="B106154" s="14" t="s">
        <v>1</v>
      </c>
      <c r="C106154" s="14" t="s">
        <v>63</v>
      </c>
      <c r="D106154" s="14" t="s">
        <v>31</v>
      </c>
      <c r="E106154" s="15">
        <v>45680</v>
      </c>
      <c r="F106154" s="14" t="s">
        <v>15</v>
      </c>
      <c r="G106154" s="16">
        <v>4.1418514280596401</v>
      </c>
    </row>
    <row r="106155" spans="1:7" x14ac:dyDescent="0.3">
      <c r="A106155" s="13" t="s">
        <v>515</v>
      </c>
      <c r="B106155" s="14" t="s">
        <v>1</v>
      </c>
      <c r="C106155" s="14" t="s">
        <v>63</v>
      </c>
      <c r="D106155" s="14" t="s">
        <v>31</v>
      </c>
      <c r="E106155" s="15">
        <v>45681</v>
      </c>
      <c r="F106155" s="14" t="s">
        <v>15</v>
      </c>
      <c r="G106155" s="16">
        <v>4.1552847934929895</v>
      </c>
    </row>
    <row r="106156" spans="1:7" x14ac:dyDescent="0.3">
      <c r="A106156" s="13" t="s">
        <v>515</v>
      </c>
      <c r="B106156" s="14" t="s">
        <v>1</v>
      </c>
      <c r="C106156" s="14" t="s">
        <v>63</v>
      </c>
      <c r="D106156" s="14" t="s">
        <v>31</v>
      </c>
      <c r="E106156" s="15">
        <v>45682</v>
      </c>
      <c r="F106156" s="14" t="s">
        <v>15</v>
      </c>
      <c r="G106156" s="16">
        <v>4.1552847934929895</v>
      </c>
    </row>
    <row r="106157" spans="1:7" x14ac:dyDescent="0.3">
      <c r="A106157" s="13" t="s">
        <v>515</v>
      </c>
      <c r="B106157" s="14" t="s">
        <v>1</v>
      </c>
      <c r="C106157" s="14" t="s">
        <v>63</v>
      </c>
      <c r="D106157" s="14" t="s">
        <v>31</v>
      </c>
      <c r="E106157" s="15">
        <v>45683</v>
      </c>
      <c r="F106157" s="14" t="s">
        <v>15</v>
      </c>
      <c r="G106157" s="16">
        <v>4.1552847934929895</v>
      </c>
    </row>
    <row r="106158" spans="1:7" x14ac:dyDescent="0.3">
      <c r="A106158" s="13" t="s">
        <v>515</v>
      </c>
      <c r="B106158" s="14" t="s">
        <v>1</v>
      </c>
      <c r="C106158" s="14" t="s">
        <v>63</v>
      </c>
      <c r="D106158" s="14" t="s">
        <v>31</v>
      </c>
      <c r="E106158" s="15">
        <v>45684</v>
      </c>
      <c r="F106158" s="14" t="s">
        <v>15</v>
      </c>
      <c r="G106158" s="16">
        <v>4.1707759356337926</v>
      </c>
    </row>
    <row r="106159" spans="1:7" x14ac:dyDescent="0.3">
      <c r="A106159" s="13" t="s">
        <v>515</v>
      </c>
      <c r="B106159" s="14" t="s">
        <v>1</v>
      </c>
      <c r="C106159" s="14" t="s">
        <v>63</v>
      </c>
      <c r="D106159" s="14" t="s">
        <v>31</v>
      </c>
      <c r="E106159" s="15">
        <v>45685</v>
      </c>
      <c r="F106159" s="14" t="s">
        <v>15</v>
      </c>
      <c r="G106159" s="16">
        <v>4.210782730925767</v>
      </c>
    </row>
    <row r="106160" spans="1:7" x14ac:dyDescent="0.3">
      <c r="A106160" s="13" t="s">
        <v>515</v>
      </c>
      <c r="B106160" s="14" t="s">
        <v>1</v>
      </c>
      <c r="C106160" s="14" t="s">
        <v>63</v>
      </c>
      <c r="D106160" s="14" t="s">
        <v>31</v>
      </c>
      <c r="E106160" s="15">
        <v>45686</v>
      </c>
      <c r="F106160" s="14" t="s">
        <v>15</v>
      </c>
      <c r="G106160" s="16">
        <v>4.210782730925767</v>
      </c>
    </row>
    <row r="106161" spans="1:7" x14ac:dyDescent="0.3">
      <c r="A106161" s="13" t="s">
        <v>515</v>
      </c>
      <c r="B106161" s="14" t="s">
        <v>1</v>
      </c>
      <c r="C106161" s="14" t="s">
        <v>63</v>
      </c>
      <c r="D106161" s="14" t="s">
        <v>31</v>
      </c>
      <c r="E106161" s="15">
        <v>45687</v>
      </c>
      <c r="F106161" s="14" t="s">
        <v>15</v>
      </c>
      <c r="G106161" s="16">
        <v>4.210782730925767</v>
      </c>
    </row>
    <row r="106162" spans="1:7" x14ac:dyDescent="0.3">
      <c r="A106162" s="13" t="s">
        <v>515</v>
      </c>
      <c r="B106162" s="14" t="s">
        <v>1</v>
      </c>
      <c r="C106162" s="14" t="s">
        <v>63</v>
      </c>
      <c r="D106162" s="14" t="s">
        <v>31</v>
      </c>
      <c r="E106162" s="15">
        <v>45688</v>
      </c>
      <c r="F106162" s="14" t="s">
        <v>15</v>
      </c>
      <c r="G106162" s="16">
        <v>4.210782730925767</v>
      </c>
    </row>
    <row r="106163" spans="1:7" x14ac:dyDescent="0.3">
      <c r="A106163" s="13" t="s">
        <v>515</v>
      </c>
      <c r="B106163" s="14" t="s">
        <v>1</v>
      </c>
      <c r="C106163" s="14" t="s">
        <v>63</v>
      </c>
      <c r="D106163" s="14" t="s">
        <v>31</v>
      </c>
      <c r="E106163" s="15">
        <v>45689</v>
      </c>
      <c r="F106163" s="14" t="s">
        <v>15</v>
      </c>
      <c r="G106163" s="16">
        <v>4.210782730925767</v>
      </c>
    </row>
    <row r="106164" spans="1:7" x14ac:dyDescent="0.3">
      <c r="A106164" s="13" t="s">
        <v>515</v>
      </c>
      <c r="B106164" s="14" t="s">
        <v>1</v>
      </c>
      <c r="C106164" s="14" t="s">
        <v>63</v>
      </c>
      <c r="D106164" s="14" t="s">
        <v>31</v>
      </c>
      <c r="E106164" s="15">
        <v>45690</v>
      </c>
      <c r="F106164" s="14" t="s">
        <v>15</v>
      </c>
      <c r="G106164" s="16">
        <v>4.210782730925767</v>
      </c>
    </row>
    <row r="106165" spans="1:7" x14ac:dyDescent="0.3">
      <c r="A106165" s="13" t="s">
        <v>515</v>
      </c>
      <c r="B106165" s="14" t="s">
        <v>1</v>
      </c>
      <c r="C106165" s="14" t="s">
        <v>63</v>
      </c>
      <c r="D106165" s="14" t="s">
        <v>31</v>
      </c>
      <c r="E106165" s="15">
        <v>45691</v>
      </c>
      <c r="F106165" s="14" t="s">
        <v>15</v>
      </c>
      <c r="G106165" s="16">
        <v>4.210782730925767</v>
      </c>
    </row>
    <row r="106166" spans="1:7" x14ac:dyDescent="0.3">
      <c r="A106166" s="13" t="s">
        <v>515</v>
      </c>
      <c r="B106166" s="14" t="s">
        <v>1</v>
      </c>
      <c r="C106166" s="14" t="s">
        <v>63</v>
      </c>
      <c r="D106166" s="14" t="s">
        <v>31</v>
      </c>
      <c r="E106166" s="15">
        <v>45692</v>
      </c>
      <c r="F106166" s="14" t="s">
        <v>15</v>
      </c>
      <c r="G106166" s="16">
        <v>4.2266806120828058</v>
      </c>
    </row>
    <row r="106167" spans="1:7" x14ac:dyDescent="0.3">
      <c r="A106167" s="13" t="s">
        <v>515</v>
      </c>
      <c r="B106167" s="14" t="s">
        <v>1</v>
      </c>
      <c r="C106167" s="14" t="s">
        <v>63</v>
      </c>
      <c r="D106167" s="14" t="s">
        <v>31</v>
      </c>
      <c r="E106167" s="15">
        <v>45693</v>
      </c>
      <c r="F106167" s="14" t="s">
        <v>15</v>
      </c>
      <c r="G106167" s="16">
        <v>4.3072237502779371</v>
      </c>
    </row>
    <row r="106168" spans="1:7" x14ac:dyDescent="0.3">
      <c r="A106168" s="13" t="s">
        <v>515</v>
      </c>
      <c r="B106168" s="14" t="s">
        <v>1</v>
      </c>
      <c r="C106168" s="14" t="s">
        <v>63</v>
      </c>
      <c r="D106168" s="14" t="s">
        <v>31</v>
      </c>
      <c r="E106168" s="15">
        <v>45694</v>
      </c>
      <c r="F106168" s="14" t="s">
        <v>15</v>
      </c>
      <c r="G106168" s="16">
        <v>4.3227818246274028</v>
      </c>
    </row>
    <row r="106169" spans="1:7" x14ac:dyDescent="0.3">
      <c r="A106169" s="13" t="s">
        <v>515</v>
      </c>
      <c r="B106169" s="14" t="s">
        <v>1</v>
      </c>
      <c r="C106169" s="14" t="s">
        <v>63</v>
      </c>
      <c r="D106169" s="14" t="s">
        <v>31</v>
      </c>
      <c r="E106169" s="15">
        <v>45695</v>
      </c>
      <c r="F106169" s="14" t="s">
        <v>15</v>
      </c>
      <c r="G106169" s="16">
        <v>4.337004260406724</v>
      </c>
    </row>
    <row r="106170" spans="1:7" x14ac:dyDescent="0.3">
      <c r="A106170" s="13" t="s">
        <v>515</v>
      </c>
      <c r="B106170" s="14" t="s">
        <v>1</v>
      </c>
      <c r="C106170" s="14" t="s">
        <v>63</v>
      </c>
      <c r="D106170" s="14" t="s">
        <v>31</v>
      </c>
      <c r="E106170" s="15">
        <v>45696</v>
      </c>
      <c r="F106170" s="14" t="s">
        <v>15</v>
      </c>
      <c r="G106170" s="16">
        <v>4.337004260406724</v>
      </c>
    </row>
    <row r="106171" spans="1:7" x14ac:dyDescent="0.3">
      <c r="A106171" s="13" t="s">
        <v>515</v>
      </c>
      <c r="B106171" s="14" t="s">
        <v>1</v>
      </c>
      <c r="C106171" s="14" t="s">
        <v>63</v>
      </c>
      <c r="D106171" s="14" t="s">
        <v>31</v>
      </c>
      <c r="E106171" s="15">
        <v>45697</v>
      </c>
      <c r="F106171" s="14" t="s">
        <v>15</v>
      </c>
      <c r="G106171" s="16">
        <v>4.337004260406724</v>
      </c>
    </row>
    <row r="106172" spans="1:7" x14ac:dyDescent="0.3">
      <c r="A106172" s="13" t="s">
        <v>515</v>
      </c>
      <c r="B106172" s="14" t="s">
        <v>1</v>
      </c>
      <c r="C106172" s="14" t="s">
        <v>63</v>
      </c>
      <c r="D106172" s="14" t="s">
        <v>31</v>
      </c>
      <c r="E106172" s="15">
        <v>45698</v>
      </c>
      <c r="F106172" s="14" t="s">
        <v>15</v>
      </c>
      <c r="G106172" s="16">
        <v>4.3670771775157977</v>
      </c>
    </row>
    <row r="106173" spans="1:7" x14ac:dyDescent="0.3">
      <c r="A106173" s="13" t="s">
        <v>515</v>
      </c>
      <c r="B106173" s="14" t="s">
        <v>1</v>
      </c>
      <c r="C106173" s="14" t="s">
        <v>63</v>
      </c>
      <c r="D106173" s="14" t="s">
        <v>31</v>
      </c>
      <c r="E106173" s="15">
        <v>45699</v>
      </c>
      <c r="F106173" s="14" t="s">
        <v>15</v>
      </c>
      <c r="G106173" s="16">
        <v>4.4083146267023894</v>
      </c>
    </row>
    <row r="106174" spans="1:7" x14ac:dyDescent="0.3">
      <c r="A106174" s="13" t="s">
        <v>515</v>
      </c>
      <c r="B106174" s="14" t="s">
        <v>1</v>
      </c>
      <c r="C106174" s="14" t="s">
        <v>63</v>
      </c>
      <c r="D106174" s="14" t="s">
        <v>31</v>
      </c>
      <c r="E106174" s="15">
        <v>45700</v>
      </c>
      <c r="F106174" s="14" t="s">
        <v>15</v>
      </c>
      <c r="G106174" s="16">
        <v>4.4220610463021188</v>
      </c>
    </row>
    <row r="106175" spans="1:7" x14ac:dyDescent="0.3">
      <c r="A106175" s="13" t="s">
        <v>515</v>
      </c>
      <c r="B106175" s="14" t="s">
        <v>1</v>
      </c>
      <c r="C106175" s="14" t="s">
        <v>63</v>
      </c>
      <c r="D106175" s="14" t="s">
        <v>31</v>
      </c>
      <c r="E106175" s="15">
        <v>45701</v>
      </c>
      <c r="F106175" s="14" t="s">
        <v>15</v>
      </c>
      <c r="G106175" s="16">
        <v>4.4357908785371363</v>
      </c>
    </row>
    <row r="106176" spans="1:7" x14ac:dyDescent="0.3">
      <c r="A106176" s="13" t="s">
        <v>515</v>
      </c>
      <c r="B106176" s="14" t="s">
        <v>1</v>
      </c>
      <c r="C106176" s="14" t="s">
        <v>63</v>
      </c>
      <c r="D106176" s="14" t="s">
        <v>31</v>
      </c>
      <c r="E106176" s="15">
        <v>45702</v>
      </c>
      <c r="F106176" s="14" t="s">
        <v>15</v>
      </c>
      <c r="G106176" s="16">
        <v>4.4533972116038409</v>
      </c>
    </row>
    <row r="106177" spans="1:7" x14ac:dyDescent="0.3">
      <c r="A106177" s="13" t="s">
        <v>515</v>
      </c>
      <c r="B106177" s="14" t="s">
        <v>1</v>
      </c>
      <c r="C106177" s="14" t="s">
        <v>63</v>
      </c>
      <c r="D106177" s="14" t="s">
        <v>31</v>
      </c>
      <c r="E106177" s="15">
        <v>45703</v>
      </c>
      <c r="F106177" s="14" t="s">
        <v>15</v>
      </c>
      <c r="G106177" s="16">
        <v>4.4533972116038409</v>
      </c>
    </row>
    <row r="106178" spans="1:7" x14ac:dyDescent="0.3">
      <c r="A106178" s="13" t="s">
        <v>515</v>
      </c>
      <c r="B106178" s="14" t="s">
        <v>1</v>
      </c>
      <c r="C106178" s="14" t="s">
        <v>63</v>
      </c>
      <c r="D106178" s="14" t="s">
        <v>31</v>
      </c>
      <c r="E106178" s="15">
        <v>45704</v>
      </c>
      <c r="F106178" s="14" t="s">
        <v>15</v>
      </c>
      <c r="G106178" s="16">
        <v>4.4533972116038409</v>
      </c>
    </row>
    <row r="106179" spans="1:7" x14ac:dyDescent="0.3">
      <c r="A106179" s="13" t="s">
        <v>515</v>
      </c>
      <c r="B106179" s="14" t="s">
        <v>1</v>
      </c>
      <c r="C106179" s="14" t="s">
        <v>63</v>
      </c>
      <c r="D106179" s="14" t="s">
        <v>31</v>
      </c>
      <c r="E106179" s="15">
        <v>45705</v>
      </c>
      <c r="F106179" s="14" t="s">
        <v>15</v>
      </c>
      <c r="G106179" s="16">
        <v>4.4659928500139525</v>
      </c>
    </row>
    <row r="106180" spans="1:7" x14ac:dyDescent="0.3">
      <c r="A106180" s="13" t="s">
        <v>515</v>
      </c>
      <c r="B106180" s="14" t="s">
        <v>1</v>
      </c>
      <c r="C106180" s="14" t="s">
        <v>63</v>
      </c>
      <c r="D106180" s="14" t="s">
        <v>31</v>
      </c>
      <c r="E106180" s="15">
        <v>45706</v>
      </c>
      <c r="F106180" s="14" t="s">
        <v>15</v>
      </c>
      <c r="G106180" s="16">
        <v>4.5078243448393032</v>
      </c>
    </row>
    <row r="106181" spans="1:7" x14ac:dyDescent="0.3">
      <c r="A106181" s="13" t="s">
        <v>515</v>
      </c>
      <c r="B106181" s="14" t="s">
        <v>1</v>
      </c>
      <c r="C106181" s="14" t="s">
        <v>63</v>
      </c>
      <c r="D106181" s="14" t="s">
        <v>31</v>
      </c>
      <c r="E106181" s="15">
        <v>45707</v>
      </c>
      <c r="F106181" s="14" t="s">
        <v>15</v>
      </c>
      <c r="G106181" s="16">
        <v>4.5220386977912899</v>
      </c>
    </row>
    <row r="106182" spans="1:7" x14ac:dyDescent="0.3">
      <c r="A106182" s="13" t="s">
        <v>515</v>
      </c>
      <c r="B106182" s="14" t="s">
        <v>1</v>
      </c>
      <c r="C106182" s="14" t="s">
        <v>63</v>
      </c>
      <c r="D106182" s="14" t="s">
        <v>31</v>
      </c>
      <c r="E106182" s="15">
        <v>45708</v>
      </c>
      <c r="F106182" s="14" t="s">
        <v>15</v>
      </c>
      <c r="G106182" s="16">
        <v>4.5370906190638127</v>
      </c>
    </row>
    <row r="106183" spans="1:7" x14ac:dyDescent="0.3">
      <c r="A106183" s="13" t="s">
        <v>515</v>
      </c>
      <c r="B106183" s="14" t="s">
        <v>1</v>
      </c>
      <c r="C106183" s="14" t="s">
        <v>63</v>
      </c>
      <c r="D106183" s="14" t="s">
        <v>31</v>
      </c>
      <c r="E106183" s="15">
        <v>45709</v>
      </c>
      <c r="F106183" s="14" t="s">
        <v>15</v>
      </c>
      <c r="G106183" s="16">
        <v>4.5507747255787985</v>
      </c>
    </row>
    <row r="106184" spans="1:7" x14ac:dyDescent="0.3">
      <c r="A106184" s="13" t="s">
        <v>515</v>
      </c>
      <c r="B106184" s="14" t="s">
        <v>1</v>
      </c>
      <c r="C106184" s="14" t="s">
        <v>63</v>
      </c>
      <c r="D106184" s="14" t="s">
        <v>31</v>
      </c>
      <c r="E106184" s="15">
        <v>45710</v>
      </c>
      <c r="F106184" s="14" t="s">
        <v>15</v>
      </c>
      <c r="G106184" s="16">
        <v>4.5507747255787985</v>
      </c>
    </row>
    <row r="106185" spans="1:7" x14ac:dyDescent="0.3">
      <c r="A106185" s="13" t="s">
        <v>515</v>
      </c>
      <c r="B106185" s="14" t="s">
        <v>1</v>
      </c>
      <c r="C106185" s="14" t="s">
        <v>63</v>
      </c>
      <c r="D106185" s="14" t="s">
        <v>31</v>
      </c>
      <c r="E106185" s="15">
        <v>45711</v>
      </c>
      <c r="F106185" s="14" t="s">
        <v>15</v>
      </c>
      <c r="G106185" s="16">
        <v>4.5507747255787985</v>
      </c>
    </row>
    <row r="106186" spans="1:7" x14ac:dyDescent="0.3">
      <c r="A106186" s="13" t="s">
        <v>515</v>
      </c>
      <c r="B106186" s="14" t="s">
        <v>1</v>
      </c>
      <c r="C106186" s="14" t="s">
        <v>63</v>
      </c>
      <c r="D106186" s="14" t="s">
        <v>31</v>
      </c>
      <c r="E106186" s="15">
        <v>45712</v>
      </c>
      <c r="F106186" s="14" t="s">
        <v>15</v>
      </c>
      <c r="G106186" s="16">
        <v>4.5647134691100053</v>
      </c>
    </row>
    <row r="106187" spans="1:7" x14ac:dyDescent="0.3">
      <c r="A106187" s="13" t="s">
        <v>515</v>
      </c>
      <c r="B106187" s="14" t="s">
        <v>1</v>
      </c>
      <c r="C106187" s="14" t="s">
        <v>63</v>
      </c>
      <c r="D106187" s="14" t="s">
        <v>31</v>
      </c>
      <c r="E106187" s="15">
        <v>45713</v>
      </c>
      <c r="F106187" s="14" t="s">
        <v>15</v>
      </c>
      <c r="G106187" s="16">
        <v>4.6032563971694094</v>
      </c>
    </row>
    <row r="106188" spans="1:7" x14ac:dyDescent="0.3">
      <c r="A106188" s="13" t="s">
        <v>515</v>
      </c>
      <c r="B106188" s="14" t="s">
        <v>1</v>
      </c>
      <c r="C106188" s="14" t="s">
        <v>63</v>
      </c>
      <c r="D106188" s="14" t="s">
        <v>31</v>
      </c>
      <c r="E106188" s="15">
        <v>45714</v>
      </c>
      <c r="F106188" s="14" t="s">
        <v>15</v>
      </c>
      <c r="G106188" s="16">
        <v>4.6169347235803455</v>
      </c>
    </row>
    <row r="106189" spans="1:7" x14ac:dyDescent="0.3">
      <c r="A106189" s="13" t="s">
        <v>515</v>
      </c>
      <c r="B106189" s="14" t="s">
        <v>1</v>
      </c>
      <c r="C106189" s="14" t="s">
        <v>63</v>
      </c>
      <c r="D106189" s="14" t="s">
        <v>31</v>
      </c>
      <c r="E106189" s="15">
        <v>45715</v>
      </c>
      <c r="F106189" s="14" t="s">
        <v>15</v>
      </c>
      <c r="G106189" s="16">
        <v>4.6334307428163877</v>
      </c>
    </row>
    <row r="106190" spans="1:7" x14ac:dyDescent="0.3">
      <c r="A106190" s="13" t="s">
        <v>515</v>
      </c>
      <c r="B106190" s="14" t="s">
        <v>1</v>
      </c>
      <c r="C106190" s="14" t="s">
        <v>63</v>
      </c>
      <c r="D106190" s="14" t="s">
        <v>31</v>
      </c>
      <c r="E106190" s="15">
        <v>45716</v>
      </c>
      <c r="F106190" s="14" t="s">
        <v>15</v>
      </c>
      <c r="G106190" s="16">
        <v>4.6479075232241707</v>
      </c>
    </row>
    <row r="106191" spans="1:7" x14ac:dyDescent="0.3">
      <c r="A106191" s="13" t="s">
        <v>515</v>
      </c>
      <c r="B106191" s="14" t="s">
        <v>1</v>
      </c>
      <c r="C106191" s="14" t="s">
        <v>63</v>
      </c>
      <c r="D106191" s="14" t="s">
        <v>31</v>
      </c>
      <c r="E106191" s="15">
        <v>45717</v>
      </c>
      <c r="F106191" s="14" t="s">
        <v>15</v>
      </c>
      <c r="G106191" s="16">
        <v>4.6479075232241707</v>
      </c>
    </row>
    <row r="106192" spans="1:7" x14ac:dyDescent="0.3">
      <c r="A106192" s="13" t="s">
        <v>515</v>
      </c>
      <c r="B106192" s="14" t="s">
        <v>1</v>
      </c>
      <c r="C106192" s="14" t="s">
        <v>63</v>
      </c>
      <c r="D106192" s="14" t="s">
        <v>31</v>
      </c>
      <c r="E106192" s="15">
        <v>45718</v>
      </c>
      <c r="F106192" s="14" t="s">
        <v>15</v>
      </c>
      <c r="G106192" s="16">
        <v>4.6479075232241707</v>
      </c>
    </row>
    <row r="106193" spans="1:7" x14ac:dyDescent="0.3">
      <c r="A106193" s="13" t="s">
        <v>515</v>
      </c>
      <c r="B106193" s="14" t="s">
        <v>1</v>
      </c>
      <c r="C106193" s="14" t="s">
        <v>63</v>
      </c>
      <c r="D106193" s="14" t="s">
        <v>31</v>
      </c>
      <c r="E106193" s="15">
        <v>45719</v>
      </c>
      <c r="F106193" s="14" t="s">
        <v>15</v>
      </c>
      <c r="G106193" s="16">
        <v>4.6895078214063224</v>
      </c>
    </row>
    <row r="106194" spans="1:7" x14ac:dyDescent="0.3">
      <c r="A106194" s="13" t="s">
        <v>515</v>
      </c>
      <c r="B106194" s="14" t="s">
        <v>1</v>
      </c>
      <c r="C106194" s="14" t="s">
        <v>63</v>
      </c>
      <c r="D106194" s="14" t="s">
        <v>31</v>
      </c>
      <c r="E106194" s="15">
        <v>45720</v>
      </c>
      <c r="F106194" s="14" t="s">
        <v>15</v>
      </c>
      <c r="G106194" s="16">
        <v>4.7310829542918214</v>
      </c>
    </row>
    <row r="106195" spans="1:7" x14ac:dyDescent="0.3">
      <c r="A106195" s="13" t="s">
        <v>515</v>
      </c>
      <c r="B106195" s="14" t="s">
        <v>1</v>
      </c>
      <c r="C106195" s="14" t="s">
        <v>63</v>
      </c>
      <c r="D106195" s="14" t="s">
        <v>31</v>
      </c>
      <c r="E106195" s="15">
        <v>45721</v>
      </c>
      <c r="F106195" s="14" t="s">
        <v>15</v>
      </c>
      <c r="G106195" s="16">
        <v>4.7472189681295136</v>
      </c>
    </row>
    <row r="106196" spans="1:7" x14ac:dyDescent="0.3">
      <c r="A106196" s="13" t="s">
        <v>515</v>
      </c>
      <c r="B106196" s="14" t="s">
        <v>1</v>
      </c>
      <c r="C106196" s="14" t="s">
        <v>63</v>
      </c>
      <c r="D106196" s="14" t="s">
        <v>31</v>
      </c>
      <c r="E106196" s="15">
        <v>45722</v>
      </c>
      <c r="F106196" s="14" t="s">
        <v>15</v>
      </c>
      <c r="G106196" s="16">
        <v>4.7594701366800747</v>
      </c>
    </row>
    <row r="106197" spans="1:7" x14ac:dyDescent="0.3">
      <c r="A106197" s="13" t="s">
        <v>515</v>
      </c>
      <c r="B106197" s="14" t="s">
        <v>1</v>
      </c>
      <c r="C106197" s="14" t="s">
        <v>63</v>
      </c>
      <c r="D106197" s="14" t="s">
        <v>31</v>
      </c>
      <c r="E106197" s="15">
        <v>45723</v>
      </c>
      <c r="F106197" s="14" t="s">
        <v>15</v>
      </c>
      <c r="G106197" s="16">
        <v>4.7733636181691574</v>
      </c>
    </row>
    <row r="106198" spans="1:7" x14ac:dyDescent="0.3">
      <c r="A106198" s="13" t="s">
        <v>515</v>
      </c>
      <c r="B106198" s="14" t="s">
        <v>1</v>
      </c>
      <c r="C106198" s="14" t="s">
        <v>63</v>
      </c>
      <c r="D106198" s="14" t="s">
        <v>31</v>
      </c>
      <c r="E106198" s="15">
        <v>45724</v>
      </c>
      <c r="F106198" s="14" t="s">
        <v>15</v>
      </c>
      <c r="G106198" s="16">
        <v>4.7733636181691574</v>
      </c>
    </row>
    <row r="106199" spans="1:7" x14ac:dyDescent="0.3">
      <c r="A106199" s="13" t="s">
        <v>515</v>
      </c>
      <c r="B106199" s="14" t="s">
        <v>1</v>
      </c>
      <c r="C106199" s="14" t="s">
        <v>63</v>
      </c>
      <c r="D106199" s="14" t="s">
        <v>31</v>
      </c>
      <c r="E106199" s="15">
        <v>45725</v>
      </c>
      <c r="F106199" s="14" t="s">
        <v>15</v>
      </c>
      <c r="G106199" s="16">
        <v>4.7733636181691574</v>
      </c>
    </row>
    <row r="106200" spans="1:7" x14ac:dyDescent="0.3">
      <c r="A106200" s="13" t="s">
        <v>515</v>
      </c>
      <c r="B106200" s="14" t="s">
        <v>1</v>
      </c>
      <c r="C106200" s="14" t="s">
        <v>63</v>
      </c>
      <c r="D106200" s="14" t="s">
        <v>31</v>
      </c>
      <c r="E106200" s="15">
        <v>45726</v>
      </c>
      <c r="F106200" s="14" t="s">
        <v>15</v>
      </c>
      <c r="G106200" s="16">
        <v>4.7930601499703229</v>
      </c>
    </row>
    <row r="106201" spans="1:7" x14ac:dyDescent="0.3">
      <c r="A106201" s="13" t="s">
        <v>515</v>
      </c>
      <c r="B106201" s="14" t="s">
        <v>1</v>
      </c>
      <c r="C106201" s="14" t="s">
        <v>63</v>
      </c>
      <c r="D106201" s="14" t="s">
        <v>31</v>
      </c>
      <c r="E106201" s="15">
        <v>45727</v>
      </c>
      <c r="F106201" s="14" t="s">
        <v>15</v>
      </c>
      <c r="G106201" s="16">
        <v>4.8351385406372369</v>
      </c>
    </row>
    <row r="106202" spans="1:7" x14ac:dyDescent="0.3">
      <c r="A106202" s="13" t="s">
        <v>515</v>
      </c>
      <c r="B106202" s="14" t="s">
        <v>1</v>
      </c>
      <c r="C106202" s="14" t="s">
        <v>63</v>
      </c>
      <c r="D106202" s="14" t="s">
        <v>31</v>
      </c>
      <c r="E106202" s="15">
        <v>45728</v>
      </c>
      <c r="F106202" s="14" t="s">
        <v>15</v>
      </c>
      <c r="G106202" s="16">
        <v>4.8491120478776839</v>
      </c>
    </row>
    <row r="106203" spans="1:7" x14ac:dyDescent="0.3">
      <c r="A106203" s="13" t="s">
        <v>515</v>
      </c>
      <c r="B106203" s="14" t="s">
        <v>1</v>
      </c>
      <c r="C106203" s="14" t="s">
        <v>63</v>
      </c>
      <c r="D106203" s="14" t="s">
        <v>31</v>
      </c>
      <c r="E106203" s="15">
        <v>45729</v>
      </c>
      <c r="F106203" s="14" t="s">
        <v>15</v>
      </c>
      <c r="G106203" s="16">
        <v>4.8629774902689213</v>
      </c>
    </row>
    <row r="106204" spans="1:7" x14ac:dyDescent="0.3">
      <c r="A106204" s="13" t="s">
        <v>515</v>
      </c>
      <c r="B106204" s="14" t="s">
        <v>1</v>
      </c>
      <c r="C106204" s="14" t="s">
        <v>63</v>
      </c>
      <c r="D106204" s="14" t="s">
        <v>31</v>
      </c>
      <c r="E106204" s="15">
        <v>45730</v>
      </c>
      <c r="F106204" s="14" t="s">
        <v>15</v>
      </c>
      <c r="G106204" s="16">
        <v>4.8799819477715634</v>
      </c>
    </row>
    <row r="106205" spans="1:7" x14ac:dyDescent="0.3">
      <c r="A106205" s="13" t="s">
        <v>515</v>
      </c>
      <c r="B106205" s="14" t="s">
        <v>1</v>
      </c>
      <c r="C106205" s="14" t="s">
        <v>63</v>
      </c>
      <c r="D106205" s="14" t="s">
        <v>31</v>
      </c>
      <c r="E106205" s="15">
        <v>45731</v>
      </c>
      <c r="F106205" s="14" t="s">
        <v>15</v>
      </c>
      <c r="G106205" s="16">
        <v>4.8799819477715634</v>
      </c>
    </row>
    <row r="106206" spans="1:7" x14ac:dyDescent="0.3">
      <c r="A106206" s="13" t="s">
        <v>515</v>
      </c>
      <c r="B106206" s="14" t="s">
        <v>1</v>
      </c>
      <c r="C106206" s="14" t="s">
        <v>63</v>
      </c>
      <c r="D106206" s="14" t="s">
        <v>31</v>
      </c>
      <c r="E106206" s="15">
        <v>45732</v>
      </c>
      <c r="F106206" s="14" t="s">
        <v>15</v>
      </c>
      <c r="G106206" s="16">
        <v>4.8799819477715634</v>
      </c>
    </row>
    <row r="106207" spans="1:7" x14ac:dyDescent="0.3">
      <c r="A106207" s="13" t="s">
        <v>515</v>
      </c>
      <c r="B106207" s="14" t="s">
        <v>1</v>
      </c>
      <c r="C106207" s="14" t="s">
        <v>63</v>
      </c>
      <c r="D106207" s="14" t="s">
        <v>31</v>
      </c>
      <c r="E106207" s="15">
        <v>45733</v>
      </c>
      <c r="F106207" s="14" t="s">
        <v>15</v>
      </c>
      <c r="G106207" s="16">
        <v>4.8799819477715634</v>
      </c>
    </row>
    <row r="106208" spans="1:7" x14ac:dyDescent="0.3">
      <c r="A106208" s="13" t="s">
        <v>515</v>
      </c>
      <c r="B106208" s="14" t="s">
        <v>1</v>
      </c>
      <c r="C106208" s="14" t="s">
        <v>63</v>
      </c>
      <c r="D106208" s="14" t="s">
        <v>31</v>
      </c>
      <c r="E106208" s="15">
        <v>45734</v>
      </c>
      <c r="F106208" s="14" t="s">
        <v>15</v>
      </c>
      <c r="G106208" s="16">
        <v>4.8947725600522558</v>
      </c>
    </row>
    <row r="106209" spans="1:7" x14ac:dyDescent="0.3">
      <c r="A106209" s="13" t="s">
        <v>515</v>
      </c>
      <c r="B106209" s="14" t="s">
        <v>1</v>
      </c>
      <c r="C106209" s="14" t="s">
        <v>63</v>
      </c>
      <c r="D106209" s="14" t="s">
        <v>31</v>
      </c>
      <c r="E106209" s="15">
        <v>45735</v>
      </c>
      <c r="F106209" s="14" t="s">
        <v>15</v>
      </c>
      <c r="G106209" s="16">
        <v>4.9525886665637646</v>
      </c>
    </row>
    <row r="106210" spans="1:7" x14ac:dyDescent="0.3">
      <c r="A106210" s="13" t="s">
        <v>515</v>
      </c>
      <c r="B106210" s="14" t="s">
        <v>1</v>
      </c>
      <c r="C106210" s="14" t="s">
        <v>63</v>
      </c>
      <c r="D106210" s="14" t="s">
        <v>31</v>
      </c>
      <c r="E106210" s="15">
        <v>45736</v>
      </c>
      <c r="F106210" s="14" t="s">
        <v>15</v>
      </c>
      <c r="G106210" s="16">
        <v>4.9662923325864536</v>
      </c>
    </row>
    <row r="106211" spans="1:7" x14ac:dyDescent="0.3">
      <c r="A106211" s="13" t="s">
        <v>515</v>
      </c>
      <c r="B106211" s="14" t="s">
        <v>1</v>
      </c>
      <c r="C106211" s="14" t="s">
        <v>63</v>
      </c>
      <c r="D106211" s="14" t="s">
        <v>31</v>
      </c>
      <c r="E106211" s="15">
        <v>45737</v>
      </c>
      <c r="F106211" s="14" t="s">
        <v>15</v>
      </c>
      <c r="G106211" s="16">
        <v>4.9672597205489835</v>
      </c>
    </row>
    <row r="106212" spans="1:7" x14ac:dyDescent="0.3">
      <c r="A106212" s="13" t="s">
        <v>515</v>
      </c>
      <c r="B106212" s="14" t="s">
        <v>1</v>
      </c>
      <c r="C106212" s="14" t="s">
        <v>63</v>
      </c>
      <c r="D106212" s="14" t="s">
        <v>31</v>
      </c>
      <c r="E106212" s="15">
        <v>45738</v>
      </c>
      <c r="F106212" s="14" t="s">
        <v>15</v>
      </c>
      <c r="G106212" s="16">
        <v>4.9672597205489835</v>
      </c>
    </row>
    <row r="106213" spans="1:7" x14ac:dyDescent="0.3">
      <c r="A106213" s="13" t="s">
        <v>515</v>
      </c>
      <c r="B106213" s="14" t="s">
        <v>1</v>
      </c>
      <c r="C106213" s="14" t="s">
        <v>63</v>
      </c>
      <c r="D106213" s="14" t="s">
        <v>31</v>
      </c>
      <c r="E106213" s="15">
        <v>45739</v>
      </c>
      <c r="F106213" s="14" t="s">
        <v>15</v>
      </c>
      <c r="G106213" s="16">
        <v>4.9672597205489835</v>
      </c>
    </row>
    <row r="106214" spans="1:7" x14ac:dyDescent="0.3">
      <c r="A106214" s="13" t="s">
        <v>515</v>
      </c>
      <c r="B106214" s="14" t="s">
        <v>1</v>
      </c>
      <c r="C106214" s="14" t="s">
        <v>63</v>
      </c>
      <c r="D106214" s="14" t="s">
        <v>31</v>
      </c>
      <c r="E106214" s="15">
        <v>45740</v>
      </c>
      <c r="F106214" s="14" t="s">
        <v>15</v>
      </c>
      <c r="G106214" s="16">
        <v>4.9809099689278247</v>
      </c>
    </row>
    <row r="106215" spans="1:7" x14ac:dyDescent="0.3">
      <c r="A106215" s="13" t="s">
        <v>515</v>
      </c>
      <c r="B106215" s="14" t="s">
        <v>1</v>
      </c>
      <c r="C106215" s="14" t="s">
        <v>63</v>
      </c>
      <c r="D106215" s="14" t="s">
        <v>31</v>
      </c>
      <c r="E106215" s="15">
        <v>45741</v>
      </c>
      <c r="F106215" s="14" t="s">
        <v>15</v>
      </c>
      <c r="G106215" s="16">
        <v>5.0216796674808588</v>
      </c>
    </row>
    <row r="106216" spans="1:7" x14ac:dyDescent="0.3">
      <c r="A106216" s="13" t="s">
        <v>515</v>
      </c>
      <c r="B106216" s="14" t="s">
        <v>1</v>
      </c>
      <c r="C106216" s="14" t="s">
        <v>63</v>
      </c>
      <c r="D106216" s="14" t="s">
        <v>31</v>
      </c>
      <c r="E106216" s="15">
        <v>45742</v>
      </c>
      <c r="F106216" s="14" t="s">
        <v>15</v>
      </c>
      <c r="G106216" s="16">
        <v>5.0359371541254561</v>
      </c>
    </row>
    <row r="106217" spans="1:7" x14ac:dyDescent="0.3">
      <c r="A106217" s="13" t="s">
        <v>515</v>
      </c>
      <c r="B106217" s="14" t="s">
        <v>1</v>
      </c>
      <c r="C106217" s="14" t="s">
        <v>63</v>
      </c>
      <c r="D106217" s="14" t="s">
        <v>31</v>
      </c>
      <c r="E106217" s="15">
        <v>45743</v>
      </c>
      <c r="F106217" s="14" t="s">
        <v>15</v>
      </c>
      <c r="G106217" s="16">
        <v>5.0564928165793557</v>
      </c>
    </row>
    <row r="106218" spans="1:7" x14ac:dyDescent="0.3">
      <c r="A106218" s="13" t="s">
        <v>515</v>
      </c>
      <c r="B106218" s="14" t="s">
        <v>1</v>
      </c>
      <c r="C106218" s="14" t="s">
        <v>63</v>
      </c>
      <c r="D106218" s="14" t="s">
        <v>31</v>
      </c>
      <c r="E106218" s="15">
        <v>45744</v>
      </c>
      <c r="F106218" s="14" t="s">
        <v>15</v>
      </c>
      <c r="G106218" s="16">
        <v>5.0699771533000222</v>
      </c>
    </row>
    <row r="106219" spans="1:7" x14ac:dyDescent="0.3">
      <c r="A106219" s="13" t="s">
        <v>515</v>
      </c>
      <c r="B106219" s="14" t="s">
        <v>1</v>
      </c>
      <c r="C106219" s="14" t="s">
        <v>63</v>
      </c>
      <c r="D106219" s="14" t="s">
        <v>31</v>
      </c>
      <c r="E106219" s="15">
        <v>45745</v>
      </c>
      <c r="F106219" s="14" t="s">
        <v>15</v>
      </c>
      <c r="G106219" s="16">
        <v>5.0699771533000222</v>
      </c>
    </row>
    <row r="106220" spans="1:7" x14ac:dyDescent="0.3">
      <c r="A106220" s="13" t="s">
        <v>515</v>
      </c>
      <c r="B106220" s="14" t="s">
        <v>1</v>
      </c>
      <c r="C106220" s="14" t="s">
        <v>63</v>
      </c>
      <c r="D106220" s="14" t="s">
        <v>31</v>
      </c>
      <c r="E106220" s="15">
        <v>45746</v>
      </c>
      <c r="F106220" s="14" t="s">
        <v>15</v>
      </c>
      <c r="G106220" s="16">
        <v>5.0699771533000222</v>
      </c>
    </row>
    <row r="106221" spans="1:7" x14ac:dyDescent="0.3">
      <c r="A106221" s="13" t="s">
        <v>515</v>
      </c>
      <c r="B106221" s="14" t="s">
        <v>1</v>
      </c>
      <c r="C106221" s="14" t="s">
        <v>63</v>
      </c>
      <c r="D106221" s="14" t="s">
        <v>31</v>
      </c>
      <c r="E106221" s="15">
        <v>45747</v>
      </c>
      <c r="F106221" s="14" t="s">
        <v>15</v>
      </c>
      <c r="G106221" s="16">
        <v>5.0699771533000222</v>
      </c>
    </row>
    <row r="106222" spans="1:7" x14ac:dyDescent="0.3">
      <c r="A106222" s="13" t="s">
        <v>516</v>
      </c>
      <c r="B106222" s="14" t="s">
        <v>1</v>
      </c>
      <c r="C106222" s="14" t="s">
        <v>35</v>
      </c>
      <c r="D106222" s="14" t="s">
        <v>78</v>
      </c>
      <c r="E106222" s="15">
        <v>45383</v>
      </c>
      <c r="F106222" s="14" t="s">
        <v>25</v>
      </c>
      <c r="G106222" s="16">
        <v>0</v>
      </c>
    </row>
    <row r="106223" spans="1:7" x14ac:dyDescent="0.3">
      <c r="A106223" s="13" t="s">
        <v>516</v>
      </c>
      <c r="B106223" s="14" t="s">
        <v>1</v>
      </c>
      <c r="C106223" s="14" t="s">
        <v>35</v>
      </c>
      <c r="D106223" s="14" t="s">
        <v>78</v>
      </c>
      <c r="E106223" s="15">
        <v>45384</v>
      </c>
      <c r="F106223" s="14" t="s">
        <v>25</v>
      </c>
      <c r="G106223" s="16">
        <v>0</v>
      </c>
    </row>
    <row r="106224" spans="1:7" x14ac:dyDescent="0.3">
      <c r="A106224" s="13" t="s">
        <v>516</v>
      </c>
      <c r="B106224" s="14" t="s">
        <v>1</v>
      </c>
      <c r="C106224" s="14" t="s">
        <v>35</v>
      </c>
      <c r="D106224" s="14" t="s">
        <v>78</v>
      </c>
      <c r="E106224" s="15">
        <v>45385</v>
      </c>
      <c r="F106224" s="14" t="s">
        <v>25</v>
      </c>
      <c r="G106224" s="16">
        <v>0</v>
      </c>
    </row>
    <row r="106225" spans="1:7" x14ac:dyDescent="0.3">
      <c r="A106225" s="13" t="s">
        <v>516</v>
      </c>
      <c r="B106225" s="14" t="s">
        <v>1</v>
      </c>
      <c r="C106225" s="14" t="s">
        <v>35</v>
      </c>
      <c r="D106225" s="14" t="s">
        <v>78</v>
      </c>
      <c r="E106225" s="15">
        <v>45386</v>
      </c>
      <c r="F106225" s="14" t="s">
        <v>25</v>
      </c>
      <c r="G106225" s="16">
        <v>0</v>
      </c>
    </row>
    <row r="106226" spans="1:7" x14ac:dyDescent="0.3">
      <c r="A106226" s="13" t="s">
        <v>516</v>
      </c>
      <c r="B106226" s="14" t="s">
        <v>1</v>
      </c>
      <c r="C106226" s="14" t="s">
        <v>35</v>
      </c>
      <c r="D106226" s="14" t="s">
        <v>78</v>
      </c>
      <c r="E106226" s="15">
        <v>45387</v>
      </c>
      <c r="F106226" s="14" t="s">
        <v>25</v>
      </c>
      <c r="G106226" s="16">
        <v>0</v>
      </c>
    </row>
    <row r="106227" spans="1:7" x14ac:dyDescent="0.3">
      <c r="A106227" s="13" t="s">
        <v>516</v>
      </c>
      <c r="B106227" s="14" t="s">
        <v>1</v>
      </c>
      <c r="C106227" s="14" t="s">
        <v>35</v>
      </c>
      <c r="D106227" s="14" t="s">
        <v>78</v>
      </c>
      <c r="E106227" s="15">
        <v>45388</v>
      </c>
      <c r="F106227" s="14" t="s">
        <v>25</v>
      </c>
      <c r="G106227" s="16">
        <v>0</v>
      </c>
    </row>
    <row r="106228" spans="1:7" x14ac:dyDescent="0.3">
      <c r="A106228" s="13" t="s">
        <v>516</v>
      </c>
      <c r="B106228" s="14" t="s">
        <v>1</v>
      </c>
      <c r="C106228" s="14" t="s">
        <v>35</v>
      </c>
      <c r="D106228" s="14" t="s">
        <v>78</v>
      </c>
      <c r="E106228" s="15">
        <v>45389</v>
      </c>
      <c r="F106228" s="14" t="s">
        <v>25</v>
      </c>
      <c r="G106228" s="16">
        <v>0</v>
      </c>
    </row>
    <row r="106229" spans="1:7" x14ac:dyDescent="0.3">
      <c r="A106229" s="13" t="s">
        <v>516</v>
      </c>
      <c r="B106229" s="14" t="s">
        <v>1</v>
      </c>
      <c r="C106229" s="14" t="s">
        <v>35</v>
      </c>
      <c r="D106229" s="14" t="s">
        <v>78</v>
      </c>
      <c r="E106229" s="15">
        <v>45390</v>
      </c>
      <c r="F106229" s="14" t="s">
        <v>25</v>
      </c>
      <c r="G106229" s="16">
        <v>0</v>
      </c>
    </row>
    <row r="106230" spans="1:7" x14ac:dyDescent="0.3">
      <c r="A106230" s="13" t="s">
        <v>516</v>
      </c>
      <c r="B106230" s="14" t="s">
        <v>1</v>
      </c>
      <c r="C106230" s="14" t="s">
        <v>35</v>
      </c>
      <c r="D106230" s="14" t="s">
        <v>78</v>
      </c>
      <c r="E106230" s="15">
        <v>45391</v>
      </c>
      <c r="F106230" s="14" t="s">
        <v>25</v>
      </c>
      <c r="G106230" s="16">
        <v>0</v>
      </c>
    </row>
    <row r="106231" spans="1:7" x14ac:dyDescent="0.3">
      <c r="A106231" s="13" t="s">
        <v>516</v>
      </c>
      <c r="B106231" s="14" t="s">
        <v>1</v>
      </c>
      <c r="C106231" s="14" t="s">
        <v>35</v>
      </c>
      <c r="D106231" s="14" t="s">
        <v>78</v>
      </c>
      <c r="E106231" s="15">
        <v>45392</v>
      </c>
      <c r="F106231" s="14" t="s">
        <v>25</v>
      </c>
      <c r="G106231" s="16">
        <v>0</v>
      </c>
    </row>
    <row r="106232" spans="1:7" x14ac:dyDescent="0.3">
      <c r="A106232" s="13" t="s">
        <v>516</v>
      </c>
      <c r="B106232" s="14" t="s">
        <v>1</v>
      </c>
      <c r="C106232" s="14" t="s">
        <v>35</v>
      </c>
      <c r="D106232" s="14" t="s">
        <v>78</v>
      </c>
      <c r="E106232" s="15">
        <v>45393</v>
      </c>
      <c r="F106232" s="14" t="s">
        <v>25</v>
      </c>
      <c r="G106232" s="16">
        <v>0</v>
      </c>
    </row>
    <row r="106233" spans="1:7" x14ac:dyDescent="0.3">
      <c r="A106233" s="13" t="s">
        <v>516</v>
      </c>
      <c r="B106233" s="14" t="s">
        <v>1</v>
      </c>
      <c r="C106233" s="14" t="s">
        <v>35</v>
      </c>
      <c r="D106233" s="14" t="s">
        <v>78</v>
      </c>
      <c r="E106233" s="15">
        <v>45394</v>
      </c>
      <c r="F106233" s="14" t="s">
        <v>25</v>
      </c>
      <c r="G106233" s="16">
        <v>0</v>
      </c>
    </row>
    <row r="106234" spans="1:7" x14ac:dyDescent="0.3">
      <c r="A106234" s="13" t="s">
        <v>516</v>
      </c>
      <c r="B106234" s="14" t="s">
        <v>1</v>
      </c>
      <c r="C106234" s="14" t="s">
        <v>35</v>
      </c>
      <c r="D106234" s="14" t="s">
        <v>78</v>
      </c>
      <c r="E106234" s="15">
        <v>45395</v>
      </c>
      <c r="F106234" s="14" t="s">
        <v>25</v>
      </c>
      <c r="G106234" s="16">
        <v>0</v>
      </c>
    </row>
    <row r="106235" spans="1:7" x14ac:dyDescent="0.3">
      <c r="A106235" s="13" t="s">
        <v>516</v>
      </c>
      <c r="B106235" s="14" t="s">
        <v>1</v>
      </c>
      <c r="C106235" s="14" t="s">
        <v>35</v>
      </c>
      <c r="D106235" s="14" t="s">
        <v>78</v>
      </c>
      <c r="E106235" s="15">
        <v>45396</v>
      </c>
      <c r="F106235" s="14" t="s">
        <v>25</v>
      </c>
      <c r="G106235" s="16">
        <v>0</v>
      </c>
    </row>
    <row r="106236" spans="1:7" x14ac:dyDescent="0.3">
      <c r="A106236" s="13" t="s">
        <v>516</v>
      </c>
      <c r="B106236" s="14" t="s">
        <v>1</v>
      </c>
      <c r="C106236" s="14" t="s">
        <v>35</v>
      </c>
      <c r="D106236" s="14" t="s">
        <v>78</v>
      </c>
      <c r="E106236" s="15">
        <v>45397</v>
      </c>
      <c r="F106236" s="14" t="s">
        <v>25</v>
      </c>
      <c r="G106236" s="16">
        <v>0</v>
      </c>
    </row>
    <row r="106237" spans="1:7" x14ac:dyDescent="0.3">
      <c r="A106237" s="13" t="s">
        <v>516</v>
      </c>
      <c r="B106237" s="14" t="s">
        <v>1</v>
      </c>
      <c r="C106237" s="14" t="s">
        <v>35</v>
      </c>
      <c r="D106237" s="14" t="s">
        <v>78</v>
      </c>
      <c r="E106237" s="15">
        <v>45398</v>
      </c>
      <c r="F106237" s="14" t="s">
        <v>25</v>
      </c>
      <c r="G106237" s="16">
        <v>0</v>
      </c>
    </row>
    <row r="106238" spans="1:7" x14ac:dyDescent="0.3">
      <c r="A106238" s="13" t="s">
        <v>516</v>
      </c>
      <c r="B106238" s="14" t="s">
        <v>1</v>
      </c>
      <c r="C106238" s="14" t="s">
        <v>35</v>
      </c>
      <c r="D106238" s="14" t="s">
        <v>78</v>
      </c>
      <c r="E106238" s="15">
        <v>45399</v>
      </c>
      <c r="F106238" s="14" t="s">
        <v>25</v>
      </c>
      <c r="G106238" s="16">
        <v>0</v>
      </c>
    </row>
    <row r="106239" spans="1:7" x14ac:dyDescent="0.3">
      <c r="A106239" s="13" t="s">
        <v>516</v>
      </c>
      <c r="B106239" s="14" t="s">
        <v>1</v>
      </c>
      <c r="C106239" s="14" t="s">
        <v>35</v>
      </c>
      <c r="D106239" s="14" t="s">
        <v>78</v>
      </c>
      <c r="E106239" s="15">
        <v>45400</v>
      </c>
      <c r="F106239" s="14" t="s">
        <v>25</v>
      </c>
      <c r="G106239" s="16">
        <v>0</v>
      </c>
    </row>
    <row r="106240" spans="1:7" x14ac:dyDescent="0.3">
      <c r="A106240" s="13" t="s">
        <v>516</v>
      </c>
      <c r="B106240" s="14" t="s">
        <v>1</v>
      </c>
      <c r="C106240" s="14" t="s">
        <v>35</v>
      </c>
      <c r="D106240" s="14" t="s">
        <v>78</v>
      </c>
      <c r="E106240" s="15">
        <v>45401</v>
      </c>
      <c r="F106240" s="14" t="s">
        <v>25</v>
      </c>
      <c r="G106240" s="16">
        <v>0</v>
      </c>
    </row>
    <row r="106241" spans="1:7" x14ac:dyDescent="0.3">
      <c r="A106241" s="13" t="s">
        <v>516</v>
      </c>
      <c r="B106241" s="14" t="s">
        <v>1</v>
      </c>
      <c r="C106241" s="14" t="s">
        <v>35</v>
      </c>
      <c r="D106241" s="14" t="s">
        <v>78</v>
      </c>
      <c r="E106241" s="15">
        <v>45402</v>
      </c>
      <c r="F106241" s="14" t="s">
        <v>25</v>
      </c>
      <c r="G106241" s="16">
        <v>0</v>
      </c>
    </row>
    <row r="106242" spans="1:7" x14ac:dyDescent="0.3">
      <c r="A106242" s="13" t="s">
        <v>516</v>
      </c>
      <c r="B106242" s="14" t="s">
        <v>1</v>
      </c>
      <c r="C106242" s="14" t="s">
        <v>35</v>
      </c>
      <c r="D106242" s="14" t="s">
        <v>78</v>
      </c>
      <c r="E106242" s="15">
        <v>45403</v>
      </c>
      <c r="F106242" s="14" t="s">
        <v>25</v>
      </c>
      <c r="G106242" s="16">
        <v>0</v>
      </c>
    </row>
    <row r="106243" spans="1:7" x14ac:dyDescent="0.3">
      <c r="A106243" s="13" t="s">
        <v>516</v>
      </c>
      <c r="B106243" s="14" t="s">
        <v>1</v>
      </c>
      <c r="C106243" s="14" t="s">
        <v>35</v>
      </c>
      <c r="D106243" s="14" t="s">
        <v>78</v>
      </c>
      <c r="E106243" s="15">
        <v>45404</v>
      </c>
      <c r="F106243" s="14" t="s">
        <v>25</v>
      </c>
      <c r="G106243" s="16">
        <v>0</v>
      </c>
    </row>
    <row r="106244" spans="1:7" x14ac:dyDescent="0.3">
      <c r="A106244" s="13" t="s">
        <v>516</v>
      </c>
      <c r="B106244" s="14" t="s">
        <v>1</v>
      </c>
      <c r="C106244" s="14" t="s">
        <v>35</v>
      </c>
      <c r="D106244" s="14" t="s">
        <v>78</v>
      </c>
      <c r="E106244" s="15">
        <v>45405</v>
      </c>
      <c r="F106244" s="14" t="s">
        <v>25</v>
      </c>
      <c r="G106244" s="16">
        <v>0</v>
      </c>
    </row>
    <row r="106245" spans="1:7" x14ac:dyDescent="0.3">
      <c r="A106245" s="13" t="s">
        <v>516</v>
      </c>
      <c r="B106245" s="14" t="s">
        <v>1</v>
      </c>
      <c r="C106245" s="14" t="s">
        <v>35</v>
      </c>
      <c r="D106245" s="14" t="s">
        <v>78</v>
      </c>
      <c r="E106245" s="15">
        <v>45406</v>
      </c>
      <c r="F106245" s="14" t="s">
        <v>25</v>
      </c>
      <c r="G106245" s="16">
        <v>0</v>
      </c>
    </row>
    <row r="106246" spans="1:7" x14ac:dyDescent="0.3">
      <c r="A106246" s="13" t="s">
        <v>516</v>
      </c>
      <c r="B106246" s="14" t="s">
        <v>1</v>
      </c>
      <c r="C106246" s="14" t="s">
        <v>35</v>
      </c>
      <c r="D106246" s="14" t="s">
        <v>78</v>
      </c>
      <c r="E106246" s="15">
        <v>45407</v>
      </c>
      <c r="F106246" s="14" t="s">
        <v>25</v>
      </c>
      <c r="G106246" s="16">
        <v>0</v>
      </c>
    </row>
    <row r="106247" spans="1:7" x14ac:dyDescent="0.3">
      <c r="A106247" s="13" t="s">
        <v>516</v>
      </c>
      <c r="B106247" s="14" t="s">
        <v>1</v>
      </c>
      <c r="C106247" s="14" t="s">
        <v>35</v>
      </c>
      <c r="D106247" s="14" t="s">
        <v>78</v>
      </c>
      <c r="E106247" s="15">
        <v>45408</v>
      </c>
      <c r="F106247" s="14" t="s">
        <v>25</v>
      </c>
      <c r="G106247" s="16">
        <v>0</v>
      </c>
    </row>
    <row r="106248" spans="1:7" x14ac:dyDescent="0.3">
      <c r="A106248" s="13" t="s">
        <v>516</v>
      </c>
      <c r="B106248" s="14" t="s">
        <v>1</v>
      </c>
      <c r="C106248" s="14" t="s">
        <v>35</v>
      </c>
      <c r="D106248" s="14" t="s">
        <v>78</v>
      </c>
      <c r="E106248" s="15">
        <v>45409</v>
      </c>
      <c r="F106248" s="14" t="s">
        <v>25</v>
      </c>
      <c r="G106248" s="16">
        <v>0</v>
      </c>
    </row>
    <row r="106249" spans="1:7" x14ac:dyDescent="0.3">
      <c r="A106249" s="13" t="s">
        <v>516</v>
      </c>
      <c r="B106249" s="14" t="s">
        <v>1</v>
      </c>
      <c r="C106249" s="14" t="s">
        <v>35</v>
      </c>
      <c r="D106249" s="14" t="s">
        <v>78</v>
      </c>
      <c r="E106249" s="15">
        <v>45410</v>
      </c>
      <c r="F106249" s="14" t="s">
        <v>25</v>
      </c>
      <c r="G106249" s="16">
        <v>0</v>
      </c>
    </row>
    <row r="106250" spans="1:7" x14ac:dyDescent="0.3">
      <c r="A106250" s="13" t="s">
        <v>516</v>
      </c>
      <c r="B106250" s="14" t="s">
        <v>1</v>
      </c>
      <c r="C106250" s="14" t="s">
        <v>35</v>
      </c>
      <c r="D106250" s="14" t="s">
        <v>78</v>
      </c>
      <c r="E106250" s="15">
        <v>45411</v>
      </c>
      <c r="F106250" s="14" t="s">
        <v>25</v>
      </c>
      <c r="G106250" s="16">
        <v>0</v>
      </c>
    </row>
    <row r="106251" spans="1:7" x14ac:dyDescent="0.3">
      <c r="A106251" s="13" t="s">
        <v>516</v>
      </c>
      <c r="B106251" s="14" t="s">
        <v>1</v>
      </c>
      <c r="C106251" s="14" t="s">
        <v>35</v>
      </c>
      <c r="D106251" s="14" t="s">
        <v>78</v>
      </c>
      <c r="E106251" s="15">
        <v>45412</v>
      </c>
      <c r="F106251" s="14" t="s">
        <v>25</v>
      </c>
      <c r="G106251" s="16">
        <v>0</v>
      </c>
    </row>
    <row r="106252" spans="1:7" x14ac:dyDescent="0.3">
      <c r="A106252" s="13" t="s">
        <v>516</v>
      </c>
      <c r="B106252" s="14" t="s">
        <v>1</v>
      </c>
      <c r="C106252" s="14" t="s">
        <v>35</v>
      </c>
      <c r="D106252" s="14" t="s">
        <v>78</v>
      </c>
      <c r="E106252" s="15">
        <v>45413</v>
      </c>
      <c r="F106252" s="14" t="s">
        <v>25</v>
      </c>
      <c r="G106252" s="16">
        <v>0</v>
      </c>
    </row>
    <row r="106253" spans="1:7" x14ac:dyDescent="0.3">
      <c r="A106253" s="13" t="s">
        <v>516</v>
      </c>
      <c r="B106253" s="14" t="s">
        <v>1</v>
      </c>
      <c r="C106253" s="14" t="s">
        <v>35</v>
      </c>
      <c r="D106253" s="14" t="s">
        <v>78</v>
      </c>
      <c r="E106253" s="15">
        <v>45414</v>
      </c>
      <c r="F106253" s="14" t="s">
        <v>25</v>
      </c>
      <c r="G106253" s="16">
        <v>0</v>
      </c>
    </row>
    <row r="106254" spans="1:7" x14ac:dyDescent="0.3">
      <c r="A106254" s="13" t="s">
        <v>516</v>
      </c>
      <c r="B106254" s="14" t="s">
        <v>1</v>
      </c>
      <c r="C106254" s="14" t="s">
        <v>35</v>
      </c>
      <c r="D106254" s="14" t="s">
        <v>78</v>
      </c>
      <c r="E106254" s="15">
        <v>45415</v>
      </c>
      <c r="F106254" s="14" t="s">
        <v>25</v>
      </c>
      <c r="G106254" s="16">
        <v>0</v>
      </c>
    </row>
    <row r="106255" spans="1:7" x14ac:dyDescent="0.3">
      <c r="A106255" s="13" t="s">
        <v>516</v>
      </c>
      <c r="B106255" s="14" t="s">
        <v>1</v>
      </c>
      <c r="C106255" s="14" t="s">
        <v>35</v>
      </c>
      <c r="D106255" s="14" t="s">
        <v>78</v>
      </c>
      <c r="E106255" s="15">
        <v>45416</v>
      </c>
      <c r="F106255" s="14" t="s">
        <v>25</v>
      </c>
      <c r="G106255" s="16">
        <v>0</v>
      </c>
    </row>
    <row r="106256" spans="1:7" x14ac:dyDescent="0.3">
      <c r="A106256" s="13" t="s">
        <v>516</v>
      </c>
      <c r="B106256" s="14" t="s">
        <v>1</v>
      </c>
      <c r="C106256" s="14" t="s">
        <v>35</v>
      </c>
      <c r="D106256" s="14" t="s">
        <v>78</v>
      </c>
      <c r="E106256" s="15">
        <v>45417</v>
      </c>
      <c r="F106256" s="14" t="s">
        <v>25</v>
      </c>
      <c r="G106256" s="16">
        <v>0</v>
      </c>
    </row>
    <row r="106257" spans="1:7" x14ac:dyDescent="0.3">
      <c r="A106257" s="13" t="s">
        <v>516</v>
      </c>
      <c r="B106257" s="14" t="s">
        <v>1</v>
      </c>
      <c r="C106257" s="14" t="s">
        <v>35</v>
      </c>
      <c r="D106257" s="14" t="s">
        <v>78</v>
      </c>
      <c r="E106257" s="15">
        <v>45418</v>
      </c>
      <c r="F106257" s="14" t="s">
        <v>25</v>
      </c>
      <c r="G106257" s="16">
        <v>0</v>
      </c>
    </row>
    <row r="106258" spans="1:7" x14ac:dyDescent="0.3">
      <c r="A106258" s="13" t="s">
        <v>516</v>
      </c>
      <c r="B106258" s="14" t="s">
        <v>1</v>
      </c>
      <c r="C106258" s="14" t="s">
        <v>35</v>
      </c>
      <c r="D106258" s="14" t="s">
        <v>78</v>
      </c>
      <c r="E106258" s="15">
        <v>45419</v>
      </c>
      <c r="F106258" s="14" t="s">
        <v>25</v>
      </c>
      <c r="G106258" s="16">
        <v>0</v>
      </c>
    </row>
    <row r="106259" spans="1:7" x14ac:dyDescent="0.3">
      <c r="A106259" s="13" t="s">
        <v>516</v>
      </c>
      <c r="B106259" s="14" t="s">
        <v>1</v>
      </c>
      <c r="C106259" s="14" t="s">
        <v>35</v>
      </c>
      <c r="D106259" s="14" t="s">
        <v>78</v>
      </c>
      <c r="E106259" s="15">
        <v>45420</v>
      </c>
      <c r="F106259" s="14" t="s">
        <v>25</v>
      </c>
      <c r="G106259" s="16">
        <v>0</v>
      </c>
    </row>
    <row r="106260" spans="1:7" x14ac:dyDescent="0.3">
      <c r="A106260" s="13" t="s">
        <v>516</v>
      </c>
      <c r="B106260" s="14" t="s">
        <v>1</v>
      </c>
      <c r="C106260" s="14" t="s">
        <v>35</v>
      </c>
      <c r="D106260" s="14" t="s">
        <v>78</v>
      </c>
      <c r="E106260" s="15">
        <v>45421</v>
      </c>
      <c r="F106260" s="14" t="s">
        <v>25</v>
      </c>
      <c r="G106260" s="16">
        <v>0</v>
      </c>
    </row>
    <row r="106261" spans="1:7" x14ac:dyDescent="0.3">
      <c r="A106261" s="13" t="s">
        <v>516</v>
      </c>
      <c r="B106261" s="14" t="s">
        <v>1</v>
      </c>
      <c r="C106261" s="14" t="s">
        <v>35</v>
      </c>
      <c r="D106261" s="14" t="s">
        <v>78</v>
      </c>
      <c r="E106261" s="15">
        <v>45422</v>
      </c>
      <c r="F106261" s="14" t="s">
        <v>25</v>
      </c>
      <c r="G106261" s="16">
        <v>0</v>
      </c>
    </row>
    <row r="106262" spans="1:7" x14ac:dyDescent="0.3">
      <c r="A106262" s="13" t="s">
        <v>516</v>
      </c>
      <c r="B106262" s="14" t="s">
        <v>1</v>
      </c>
      <c r="C106262" s="14" t="s">
        <v>35</v>
      </c>
      <c r="D106262" s="14" t="s">
        <v>78</v>
      </c>
      <c r="E106262" s="15">
        <v>45423</v>
      </c>
      <c r="F106262" s="14" t="s">
        <v>25</v>
      </c>
      <c r="G106262" s="16">
        <v>0</v>
      </c>
    </row>
    <row r="106263" spans="1:7" x14ac:dyDescent="0.3">
      <c r="A106263" s="13" t="s">
        <v>516</v>
      </c>
      <c r="B106263" s="14" t="s">
        <v>1</v>
      </c>
      <c r="C106263" s="14" t="s">
        <v>35</v>
      </c>
      <c r="D106263" s="14" t="s">
        <v>78</v>
      </c>
      <c r="E106263" s="15">
        <v>45424</v>
      </c>
      <c r="F106263" s="14" t="s">
        <v>25</v>
      </c>
      <c r="G106263" s="16">
        <v>0</v>
      </c>
    </row>
    <row r="106264" spans="1:7" x14ac:dyDescent="0.3">
      <c r="A106264" s="13" t="s">
        <v>516</v>
      </c>
      <c r="B106264" s="14" t="s">
        <v>1</v>
      </c>
      <c r="C106264" s="14" t="s">
        <v>35</v>
      </c>
      <c r="D106264" s="14" t="s">
        <v>78</v>
      </c>
      <c r="E106264" s="15">
        <v>45425</v>
      </c>
      <c r="F106264" s="14" t="s">
        <v>25</v>
      </c>
      <c r="G106264" s="16">
        <v>0</v>
      </c>
    </row>
    <row r="106265" spans="1:7" x14ac:dyDescent="0.3">
      <c r="A106265" s="13" t="s">
        <v>516</v>
      </c>
      <c r="B106265" s="14" t="s">
        <v>1</v>
      </c>
      <c r="C106265" s="14" t="s">
        <v>35</v>
      </c>
      <c r="D106265" s="14" t="s">
        <v>78</v>
      </c>
      <c r="E106265" s="15">
        <v>45426</v>
      </c>
      <c r="F106265" s="14" t="s">
        <v>25</v>
      </c>
      <c r="G106265" s="16">
        <v>0</v>
      </c>
    </row>
    <row r="106266" spans="1:7" x14ac:dyDescent="0.3">
      <c r="A106266" s="13" t="s">
        <v>516</v>
      </c>
      <c r="B106266" s="14" t="s">
        <v>1</v>
      </c>
      <c r="C106266" s="14" t="s">
        <v>35</v>
      </c>
      <c r="D106266" s="14" t="s">
        <v>78</v>
      </c>
      <c r="E106266" s="15">
        <v>45427</v>
      </c>
      <c r="F106266" s="14" t="s">
        <v>25</v>
      </c>
      <c r="G106266" s="16">
        <v>0</v>
      </c>
    </row>
    <row r="106267" spans="1:7" x14ac:dyDescent="0.3">
      <c r="A106267" s="13" t="s">
        <v>516</v>
      </c>
      <c r="B106267" s="14" t="s">
        <v>1</v>
      </c>
      <c r="C106267" s="14" t="s">
        <v>35</v>
      </c>
      <c r="D106267" s="14" t="s">
        <v>78</v>
      </c>
      <c r="E106267" s="15">
        <v>45428</v>
      </c>
      <c r="F106267" s="14" t="s">
        <v>25</v>
      </c>
      <c r="G106267" s="16">
        <v>0</v>
      </c>
    </row>
    <row r="106268" spans="1:7" x14ac:dyDescent="0.3">
      <c r="A106268" s="13" t="s">
        <v>516</v>
      </c>
      <c r="B106268" s="14" t="s">
        <v>1</v>
      </c>
      <c r="C106268" s="14" t="s">
        <v>35</v>
      </c>
      <c r="D106268" s="14" t="s">
        <v>78</v>
      </c>
      <c r="E106268" s="15">
        <v>45429</v>
      </c>
      <c r="F106268" s="14" t="s">
        <v>25</v>
      </c>
      <c r="G106268" s="16">
        <v>0</v>
      </c>
    </row>
    <row r="106269" spans="1:7" x14ac:dyDescent="0.3">
      <c r="A106269" s="13" t="s">
        <v>516</v>
      </c>
      <c r="B106269" s="14" t="s">
        <v>1</v>
      </c>
      <c r="C106269" s="14" t="s">
        <v>35</v>
      </c>
      <c r="D106269" s="14" t="s">
        <v>78</v>
      </c>
      <c r="E106269" s="15">
        <v>45430</v>
      </c>
      <c r="F106269" s="14" t="s">
        <v>25</v>
      </c>
      <c r="G106269" s="16">
        <v>0</v>
      </c>
    </row>
    <row r="106270" spans="1:7" x14ac:dyDescent="0.3">
      <c r="A106270" s="13" t="s">
        <v>516</v>
      </c>
      <c r="B106270" s="14" t="s">
        <v>1</v>
      </c>
      <c r="C106270" s="14" t="s">
        <v>35</v>
      </c>
      <c r="D106270" s="14" t="s">
        <v>78</v>
      </c>
      <c r="E106270" s="15">
        <v>45431</v>
      </c>
      <c r="F106270" s="14" t="s">
        <v>25</v>
      </c>
      <c r="G106270" s="16">
        <v>0</v>
      </c>
    </row>
    <row r="106271" spans="1:7" x14ac:dyDescent="0.3">
      <c r="A106271" s="13" t="s">
        <v>516</v>
      </c>
      <c r="B106271" s="14" t="s">
        <v>1</v>
      </c>
      <c r="C106271" s="14" t="s">
        <v>35</v>
      </c>
      <c r="D106271" s="14" t="s">
        <v>78</v>
      </c>
      <c r="E106271" s="15">
        <v>45432</v>
      </c>
      <c r="F106271" s="14" t="s">
        <v>25</v>
      </c>
      <c r="G106271" s="16">
        <v>0</v>
      </c>
    </row>
    <row r="106272" spans="1:7" x14ac:dyDescent="0.3">
      <c r="A106272" s="13" t="s">
        <v>516</v>
      </c>
      <c r="B106272" s="14" t="s">
        <v>1</v>
      </c>
      <c r="C106272" s="14" t="s">
        <v>35</v>
      </c>
      <c r="D106272" s="14" t="s">
        <v>78</v>
      </c>
      <c r="E106272" s="15">
        <v>45433</v>
      </c>
      <c r="F106272" s="14" t="s">
        <v>25</v>
      </c>
      <c r="G106272" s="16">
        <v>0</v>
      </c>
    </row>
    <row r="106273" spans="1:7" x14ac:dyDescent="0.3">
      <c r="A106273" s="13" t="s">
        <v>516</v>
      </c>
      <c r="B106273" s="14" t="s">
        <v>1</v>
      </c>
      <c r="C106273" s="14" t="s">
        <v>35</v>
      </c>
      <c r="D106273" s="14" t="s">
        <v>78</v>
      </c>
      <c r="E106273" s="15">
        <v>45434</v>
      </c>
      <c r="F106273" s="14" t="s">
        <v>25</v>
      </c>
      <c r="G106273" s="16">
        <v>0</v>
      </c>
    </row>
    <row r="106274" spans="1:7" x14ac:dyDescent="0.3">
      <c r="A106274" s="13" t="s">
        <v>516</v>
      </c>
      <c r="B106274" s="14" t="s">
        <v>1</v>
      </c>
      <c r="C106274" s="14" t="s">
        <v>35</v>
      </c>
      <c r="D106274" s="14" t="s">
        <v>78</v>
      </c>
      <c r="E106274" s="15">
        <v>45435</v>
      </c>
      <c r="F106274" s="14" t="s">
        <v>25</v>
      </c>
      <c r="G106274" s="16">
        <v>0</v>
      </c>
    </row>
    <row r="106275" spans="1:7" x14ac:dyDescent="0.3">
      <c r="A106275" s="13" t="s">
        <v>516</v>
      </c>
      <c r="B106275" s="14" t="s">
        <v>1</v>
      </c>
      <c r="C106275" s="14" t="s">
        <v>35</v>
      </c>
      <c r="D106275" s="14" t="s">
        <v>78</v>
      </c>
      <c r="E106275" s="15">
        <v>45436</v>
      </c>
      <c r="F106275" s="14" t="s">
        <v>25</v>
      </c>
      <c r="G106275" s="16">
        <v>0</v>
      </c>
    </row>
    <row r="106276" spans="1:7" x14ac:dyDescent="0.3">
      <c r="A106276" s="13" t="s">
        <v>516</v>
      </c>
      <c r="B106276" s="14" t="s">
        <v>1</v>
      </c>
      <c r="C106276" s="14" t="s">
        <v>35</v>
      </c>
      <c r="D106276" s="14" t="s">
        <v>78</v>
      </c>
      <c r="E106276" s="15">
        <v>45437</v>
      </c>
      <c r="F106276" s="14" t="s">
        <v>25</v>
      </c>
      <c r="G106276" s="16">
        <v>0</v>
      </c>
    </row>
    <row r="106277" spans="1:7" x14ac:dyDescent="0.3">
      <c r="A106277" s="13" t="s">
        <v>516</v>
      </c>
      <c r="B106277" s="14" t="s">
        <v>1</v>
      </c>
      <c r="C106277" s="14" t="s">
        <v>35</v>
      </c>
      <c r="D106277" s="14" t="s">
        <v>78</v>
      </c>
      <c r="E106277" s="15">
        <v>45438</v>
      </c>
      <c r="F106277" s="14" t="s">
        <v>25</v>
      </c>
      <c r="G106277" s="16">
        <v>0</v>
      </c>
    </row>
    <row r="106278" spans="1:7" x14ac:dyDescent="0.3">
      <c r="A106278" s="13" t="s">
        <v>516</v>
      </c>
      <c r="B106278" s="14" t="s">
        <v>1</v>
      </c>
      <c r="C106278" s="14" t="s">
        <v>35</v>
      </c>
      <c r="D106278" s="14" t="s">
        <v>78</v>
      </c>
      <c r="E106278" s="15">
        <v>45439</v>
      </c>
      <c r="F106278" s="14" t="s">
        <v>25</v>
      </c>
      <c r="G106278" s="16">
        <v>0</v>
      </c>
    </row>
    <row r="106279" spans="1:7" x14ac:dyDescent="0.3">
      <c r="A106279" s="13" t="s">
        <v>516</v>
      </c>
      <c r="B106279" s="14" t="s">
        <v>1</v>
      </c>
      <c r="C106279" s="14" t="s">
        <v>35</v>
      </c>
      <c r="D106279" s="14" t="s">
        <v>78</v>
      </c>
      <c r="E106279" s="15">
        <v>45440</v>
      </c>
      <c r="F106279" s="14" t="s">
        <v>25</v>
      </c>
      <c r="G106279" s="16">
        <v>0</v>
      </c>
    </row>
    <row r="106280" spans="1:7" x14ac:dyDescent="0.3">
      <c r="A106280" s="13" t="s">
        <v>516</v>
      </c>
      <c r="B106280" s="14" t="s">
        <v>1</v>
      </c>
      <c r="C106280" s="14" t="s">
        <v>35</v>
      </c>
      <c r="D106280" s="14" t="s">
        <v>78</v>
      </c>
      <c r="E106280" s="15">
        <v>45441</v>
      </c>
      <c r="F106280" s="14" t="s">
        <v>25</v>
      </c>
      <c r="G106280" s="16">
        <v>0</v>
      </c>
    </row>
    <row r="106281" spans="1:7" x14ac:dyDescent="0.3">
      <c r="A106281" s="13" t="s">
        <v>516</v>
      </c>
      <c r="B106281" s="14" t="s">
        <v>1</v>
      </c>
      <c r="C106281" s="14" t="s">
        <v>35</v>
      </c>
      <c r="D106281" s="14" t="s">
        <v>78</v>
      </c>
      <c r="E106281" s="15">
        <v>45442</v>
      </c>
      <c r="F106281" s="14" t="s">
        <v>25</v>
      </c>
      <c r="G106281" s="16">
        <v>0</v>
      </c>
    </row>
    <row r="106282" spans="1:7" x14ac:dyDescent="0.3">
      <c r="A106282" s="13" t="s">
        <v>516</v>
      </c>
      <c r="B106282" s="14" t="s">
        <v>1</v>
      </c>
      <c r="C106282" s="14" t="s">
        <v>35</v>
      </c>
      <c r="D106282" s="14" t="s">
        <v>78</v>
      </c>
      <c r="E106282" s="15">
        <v>45443</v>
      </c>
      <c r="F106282" s="14" t="s">
        <v>25</v>
      </c>
      <c r="G106282" s="16">
        <v>0</v>
      </c>
    </row>
    <row r="106283" spans="1:7" x14ac:dyDescent="0.3">
      <c r="A106283" s="13" t="s">
        <v>516</v>
      </c>
      <c r="B106283" s="14" t="s">
        <v>1</v>
      </c>
      <c r="C106283" s="14" t="s">
        <v>35</v>
      </c>
      <c r="D106283" s="14" t="s">
        <v>78</v>
      </c>
      <c r="E106283" s="15">
        <v>45444</v>
      </c>
      <c r="F106283" s="14" t="s">
        <v>25</v>
      </c>
      <c r="G106283" s="16">
        <v>0</v>
      </c>
    </row>
    <row r="106284" spans="1:7" x14ac:dyDescent="0.3">
      <c r="A106284" s="13" t="s">
        <v>516</v>
      </c>
      <c r="B106284" s="14" t="s">
        <v>1</v>
      </c>
      <c r="C106284" s="14" t="s">
        <v>35</v>
      </c>
      <c r="D106284" s="14" t="s">
        <v>78</v>
      </c>
      <c r="E106284" s="15">
        <v>45445</v>
      </c>
      <c r="F106284" s="14" t="s">
        <v>25</v>
      </c>
      <c r="G106284" s="16">
        <v>0</v>
      </c>
    </row>
    <row r="106285" spans="1:7" x14ac:dyDescent="0.3">
      <c r="A106285" s="13" t="s">
        <v>516</v>
      </c>
      <c r="B106285" s="14" t="s">
        <v>1</v>
      </c>
      <c r="C106285" s="14" t="s">
        <v>35</v>
      </c>
      <c r="D106285" s="14" t="s">
        <v>78</v>
      </c>
      <c r="E106285" s="15">
        <v>45446</v>
      </c>
      <c r="F106285" s="14" t="s">
        <v>25</v>
      </c>
      <c r="G106285" s="16">
        <v>0</v>
      </c>
    </row>
    <row r="106286" spans="1:7" x14ac:dyDescent="0.3">
      <c r="A106286" s="13" t="s">
        <v>516</v>
      </c>
      <c r="B106286" s="14" t="s">
        <v>1</v>
      </c>
      <c r="C106286" s="14" t="s">
        <v>35</v>
      </c>
      <c r="D106286" s="14" t="s">
        <v>78</v>
      </c>
      <c r="E106286" s="15">
        <v>45447</v>
      </c>
      <c r="F106286" s="14" t="s">
        <v>25</v>
      </c>
      <c r="G106286" s="16">
        <v>0</v>
      </c>
    </row>
    <row r="106287" spans="1:7" x14ac:dyDescent="0.3">
      <c r="A106287" s="13" t="s">
        <v>516</v>
      </c>
      <c r="B106287" s="14" t="s">
        <v>1</v>
      </c>
      <c r="C106287" s="14" t="s">
        <v>35</v>
      </c>
      <c r="D106287" s="14" t="s">
        <v>78</v>
      </c>
      <c r="E106287" s="15">
        <v>45448</v>
      </c>
      <c r="F106287" s="14" t="s">
        <v>25</v>
      </c>
      <c r="G106287" s="16">
        <v>0</v>
      </c>
    </row>
    <row r="106288" spans="1:7" x14ac:dyDescent="0.3">
      <c r="A106288" s="13" t="s">
        <v>516</v>
      </c>
      <c r="B106288" s="14" t="s">
        <v>1</v>
      </c>
      <c r="C106288" s="14" t="s">
        <v>35</v>
      </c>
      <c r="D106288" s="14" t="s">
        <v>78</v>
      </c>
      <c r="E106288" s="15">
        <v>45449</v>
      </c>
      <c r="F106288" s="14" t="s">
        <v>25</v>
      </c>
      <c r="G106288" s="16">
        <v>0</v>
      </c>
    </row>
    <row r="106289" spans="1:7" x14ac:dyDescent="0.3">
      <c r="A106289" s="13" t="s">
        <v>516</v>
      </c>
      <c r="B106289" s="14" t="s">
        <v>1</v>
      </c>
      <c r="C106289" s="14" t="s">
        <v>35</v>
      </c>
      <c r="D106289" s="14" t="s">
        <v>78</v>
      </c>
      <c r="E106289" s="15">
        <v>45450</v>
      </c>
      <c r="F106289" s="14" t="s">
        <v>25</v>
      </c>
      <c r="G106289" s="16">
        <v>0</v>
      </c>
    </row>
    <row r="106290" spans="1:7" x14ac:dyDescent="0.3">
      <c r="A106290" s="13" t="s">
        <v>516</v>
      </c>
      <c r="B106290" s="14" t="s">
        <v>1</v>
      </c>
      <c r="C106290" s="14" t="s">
        <v>35</v>
      </c>
      <c r="D106290" s="14" t="s">
        <v>78</v>
      </c>
      <c r="E106290" s="15">
        <v>45451</v>
      </c>
      <c r="F106290" s="14" t="s">
        <v>25</v>
      </c>
      <c r="G106290" s="16">
        <v>0</v>
      </c>
    </row>
    <row r="106291" spans="1:7" x14ac:dyDescent="0.3">
      <c r="A106291" s="13" t="s">
        <v>516</v>
      </c>
      <c r="B106291" s="14" t="s">
        <v>1</v>
      </c>
      <c r="C106291" s="14" t="s">
        <v>35</v>
      </c>
      <c r="D106291" s="14" t="s">
        <v>78</v>
      </c>
      <c r="E106291" s="15">
        <v>45452</v>
      </c>
      <c r="F106291" s="14" t="s">
        <v>25</v>
      </c>
      <c r="G106291" s="16">
        <v>0</v>
      </c>
    </row>
    <row r="106292" spans="1:7" x14ac:dyDescent="0.3">
      <c r="A106292" s="13" t="s">
        <v>516</v>
      </c>
      <c r="B106292" s="14" t="s">
        <v>1</v>
      </c>
      <c r="C106292" s="14" t="s">
        <v>35</v>
      </c>
      <c r="D106292" s="14" t="s">
        <v>78</v>
      </c>
      <c r="E106292" s="15">
        <v>45453</v>
      </c>
      <c r="F106292" s="14" t="s">
        <v>25</v>
      </c>
      <c r="G106292" s="16">
        <v>0</v>
      </c>
    </row>
    <row r="106293" spans="1:7" x14ac:dyDescent="0.3">
      <c r="A106293" s="13" t="s">
        <v>516</v>
      </c>
      <c r="B106293" s="14" t="s">
        <v>1</v>
      </c>
      <c r="C106293" s="14" t="s">
        <v>35</v>
      </c>
      <c r="D106293" s="14" t="s">
        <v>78</v>
      </c>
      <c r="E106293" s="15">
        <v>45454</v>
      </c>
      <c r="F106293" s="14" t="s">
        <v>25</v>
      </c>
      <c r="G106293" s="16">
        <v>0</v>
      </c>
    </row>
    <row r="106294" spans="1:7" x14ac:dyDescent="0.3">
      <c r="A106294" s="13" t="s">
        <v>516</v>
      </c>
      <c r="B106294" s="14" t="s">
        <v>1</v>
      </c>
      <c r="C106294" s="14" t="s">
        <v>35</v>
      </c>
      <c r="D106294" s="14" t="s">
        <v>78</v>
      </c>
      <c r="E106294" s="15">
        <v>45455</v>
      </c>
      <c r="F106294" s="14" t="s">
        <v>25</v>
      </c>
      <c r="G106294" s="16">
        <v>0</v>
      </c>
    </row>
    <row r="106295" spans="1:7" x14ac:dyDescent="0.3">
      <c r="A106295" s="13" t="s">
        <v>516</v>
      </c>
      <c r="B106295" s="14" t="s">
        <v>1</v>
      </c>
      <c r="C106295" s="14" t="s">
        <v>35</v>
      </c>
      <c r="D106295" s="14" t="s">
        <v>78</v>
      </c>
      <c r="E106295" s="15">
        <v>45456</v>
      </c>
      <c r="F106295" s="14" t="s">
        <v>25</v>
      </c>
      <c r="G106295" s="16">
        <v>0</v>
      </c>
    </row>
    <row r="106296" spans="1:7" x14ac:dyDescent="0.3">
      <c r="A106296" s="13" t="s">
        <v>516</v>
      </c>
      <c r="B106296" s="14" t="s">
        <v>1</v>
      </c>
      <c r="C106296" s="14" t="s">
        <v>35</v>
      </c>
      <c r="D106296" s="14" t="s">
        <v>78</v>
      </c>
      <c r="E106296" s="15">
        <v>45457</v>
      </c>
      <c r="F106296" s="14" t="s">
        <v>25</v>
      </c>
      <c r="G106296" s="16">
        <v>1.8568267366491906E-2</v>
      </c>
    </row>
    <row r="106297" spans="1:7" x14ac:dyDescent="0.3">
      <c r="A106297" s="13" t="s">
        <v>516</v>
      </c>
      <c r="B106297" s="14" t="s">
        <v>1</v>
      </c>
      <c r="C106297" s="14" t="s">
        <v>35</v>
      </c>
      <c r="D106297" s="14" t="s">
        <v>78</v>
      </c>
      <c r="E106297" s="15">
        <v>45458</v>
      </c>
      <c r="F106297" s="14" t="s">
        <v>25</v>
      </c>
      <c r="G106297" s="16">
        <v>1.8568267366491906E-2</v>
      </c>
    </row>
    <row r="106298" spans="1:7" x14ac:dyDescent="0.3">
      <c r="A106298" s="13" t="s">
        <v>516</v>
      </c>
      <c r="B106298" s="14" t="s">
        <v>1</v>
      </c>
      <c r="C106298" s="14" t="s">
        <v>35</v>
      </c>
      <c r="D106298" s="14" t="s">
        <v>78</v>
      </c>
      <c r="E106298" s="15">
        <v>45459</v>
      </c>
      <c r="F106298" s="14" t="s">
        <v>25</v>
      </c>
      <c r="G106298" s="16">
        <v>1.8568267366491906E-2</v>
      </c>
    </row>
    <row r="106299" spans="1:7" x14ac:dyDescent="0.3">
      <c r="A106299" s="13" t="s">
        <v>516</v>
      </c>
      <c r="B106299" s="14" t="s">
        <v>1</v>
      </c>
      <c r="C106299" s="14" t="s">
        <v>35</v>
      </c>
      <c r="D106299" s="14" t="s">
        <v>78</v>
      </c>
      <c r="E106299" s="15">
        <v>45460</v>
      </c>
      <c r="F106299" s="14" t="s">
        <v>25</v>
      </c>
      <c r="G106299" s="16">
        <v>1.7318748017512122E-2</v>
      </c>
    </row>
    <row r="106300" spans="1:7" x14ac:dyDescent="0.3">
      <c r="A106300" s="13" t="s">
        <v>516</v>
      </c>
      <c r="B106300" s="14" t="s">
        <v>1</v>
      </c>
      <c r="C106300" s="14" t="s">
        <v>35</v>
      </c>
      <c r="D106300" s="14" t="s">
        <v>78</v>
      </c>
      <c r="E106300" s="15">
        <v>45461</v>
      </c>
      <c r="F106300" s="14" t="s">
        <v>25</v>
      </c>
      <c r="G106300" s="16">
        <v>1.3295240894987553E-2</v>
      </c>
    </row>
    <row r="106301" spans="1:7" x14ac:dyDescent="0.3">
      <c r="A106301" s="13" t="s">
        <v>516</v>
      </c>
      <c r="B106301" s="14" t="s">
        <v>1</v>
      </c>
      <c r="C106301" s="14" t="s">
        <v>35</v>
      </c>
      <c r="D106301" s="14" t="s">
        <v>78</v>
      </c>
      <c r="E106301" s="15">
        <v>45462</v>
      </c>
      <c r="F106301" s="14" t="s">
        <v>25</v>
      </c>
      <c r="G106301" s="16">
        <v>1.206019247126101E-2</v>
      </c>
    </row>
    <row r="106302" spans="1:7" x14ac:dyDescent="0.3">
      <c r="A106302" s="13" t="s">
        <v>516</v>
      </c>
      <c r="B106302" s="14" t="s">
        <v>1</v>
      </c>
      <c r="C106302" s="14" t="s">
        <v>35</v>
      </c>
      <c r="D106302" s="14" t="s">
        <v>78</v>
      </c>
      <c r="E106302" s="15">
        <v>45463</v>
      </c>
      <c r="F106302" s="14" t="s">
        <v>25</v>
      </c>
      <c r="G106302" s="16">
        <v>1.082307677249829E-2</v>
      </c>
    </row>
    <row r="106303" spans="1:7" x14ac:dyDescent="0.3">
      <c r="A106303" s="13" t="s">
        <v>516</v>
      </c>
      <c r="B106303" s="14" t="s">
        <v>1</v>
      </c>
      <c r="C106303" s="14" t="s">
        <v>35</v>
      </c>
      <c r="D106303" s="14" t="s">
        <v>78</v>
      </c>
      <c r="E106303" s="15">
        <v>45464</v>
      </c>
      <c r="F106303" s="14" t="s">
        <v>25</v>
      </c>
      <c r="G106303" s="16">
        <v>9.5861579570723499E-3</v>
      </c>
    </row>
    <row r="106304" spans="1:7" x14ac:dyDescent="0.3">
      <c r="A106304" s="13" t="s">
        <v>516</v>
      </c>
      <c r="B106304" s="14" t="s">
        <v>1</v>
      </c>
      <c r="C106304" s="14" t="s">
        <v>35</v>
      </c>
      <c r="D106304" s="14" t="s">
        <v>78</v>
      </c>
      <c r="E106304" s="15">
        <v>45465</v>
      </c>
      <c r="F106304" s="14" t="s">
        <v>25</v>
      </c>
      <c r="G106304" s="16">
        <v>9.5861579570723499E-3</v>
      </c>
    </row>
    <row r="106305" spans="1:7" x14ac:dyDescent="0.3">
      <c r="A106305" s="13" t="s">
        <v>516</v>
      </c>
      <c r="B106305" s="14" t="s">
        <v>1</v>
      </c>
      <c r="C106305" s="14" t="s">
        <v>35</v>
      </c>
      <c r="D106305" s="14" t="s">
        <v>78</v>
      </c>
      <c r="E106305" s="15">
        <v>45466</v>
      </c>
      <c r="F106305" s="14" t="s">
        <v>25</v>
      </c>
      <c r="G106305" s="16">
        <v>9.5861579570723499E-3</v>
      </c>
    </row>
    <row r="106306" spans="1:7" x14ac:dyDescent="0.3">
      <c r="A106306" s="13" t="s">
        <v>516</v>
      </c>
      <c r="B106306" s="14" t="s">
        <v>1</v>
      </c>
      <c r="C106306" s="14" t="s">
        <v>35</v>
      </c>
      <c r="D106306" s="14" t="s">
        <v>78</v>
      </c>
      <c r="E106306" s="15">
        <v>45467</v>
      </c>
      <c r="F106306" s="14" t="s">
        <v>25</v>
      </c>
      <c r="G106306" s="16">
        <v>8.3403793914913638E-3</v>
      </c>
    </row>
    <row r="106307" spans="1:7" x14ac:dyDescent="0.3">
      <c r="A106307" s="13" t="s">
        <v>516</v>
      </c>
      <c r="B106307" s="14" t="s">
        <v>1</v>
      </c>
      <c r="C106307" s="14" t="s">
        <v>35</v>
      </c>
      <c r="D106307" s="14" t="s">
        <v>78</v>
      </c>
      <c r="E106307" s="15">
        <v>45468</v>
      </c>
      <c r="F106307" s="14" t="s">
        <v>25</v>
      </c>
      <c r="G106307" s="16">
        <v>4.3407935943854175E-3</v>
      </c>
    </row>
    <row r="106308" spans="1:7" x14ac:dyDescent="0.3">
      <c r="A106308" s="13" t="s">
        <v>516</v>
      </c>
      <c r="B106308" s="14" t="s">
        <v>1</v>
      </c>
      <c r="C106308" s="14" t="s">
        <v>35</v>
      </c>
      <c r="D106308" s="14" t="s">
        <v>78</v>
      </c>
      <c r="E106308" s="15">
        <v>45469</v>
      </c>
      <c r="F106308" s="14" t="s">
        <v>25</v>
      </c>
      <c r="G106308" s="16">
        <v>3.0954087954779886E-3</v>
      </c>
    </row>
    <row r="106309" spans="1:7" x14ac:dyDescent="0.3">
      <c r="A106309" s="13" t="s">
        <v>516</v>
      </c>
      <c r="B106309" s="14" t="s">
        <v>1</v>
      </c>
      <c r="C106309" s="14" t="s">
        <v>35</v>
      </c>
      <c r="D106309" s="14" t="s">
        <v>78</v>
      </c>
      <c r="E106309" s="15">
        <v>45470</v>
      </c>
      <c r="F106309" s="14" t="s">
        <v>25</v>
      </c>
      <c r="G106309" s="16">
        <v>1.8592775133991631E-3</v>
      </c>
    </row>
    <row r="106310" spans="1:7" x14ac:dyDescent="0.3">
      <c r="A106310" s="13" t="s">
        <v>516</v>
      </c>
      <c r="B106310" s="14" t="s">
        <v>1</v>
      </c>
      <c r="C106310" s="14" t="s">
        <v>35</v>
      </c>
      <c r="D106310" s="14" t="s">
        <v>78</v>
      </c>
      <c r="E106310" s="15">
        <v>45471</v>
      </c>
      <c r="F106310" s="14" t="s">
        <v>25</v>
      </c>
      <c r="G106310" s="16">
        <v>6.2974182310242743E-4</v>
      </c>
    </row>
    <row r="106311" spans="1:7" x14ac:dyDescent="0.3">
      <c r="A106311" s="13" t="s">
        <v>516</v>
      </c>
      <c r="B106311" s="14" t="s">
        <v>1</v>
      </c>
      <c r="C106311" s="14" t="s">
        <v>35</v>
      </c>
      <c r="D106311" s="14" t="s">
        <v>78</v>
      </c>
      <c r="E106311" s="15">
        <v>45472</v>
      </c>
      <c r="F106311" s="14" t="s">
        <v>25</v>
      </c>
      <c r="G106311" s="16">
        <v>6.2974182310242743E-4</v>
      </c>
    </row>
    <row r="106312" spans="1:7" x14ac:dyDescent="0.3">
      <c r="A106312" s="13" t="s">
        <v>516</v>
      </c>
      <c r="B106312" s="14" t="s">
        <v>1</v>
      </c>
      <c r="C106312" s="14" t="s">
        <v>35</v>
      </c>
      <c r="D106312" s="14" t="s">
        <v>78</v>
      </c>
      <c r="E106312" s="15">
        <v>45473</v>
      </c>
      <c r="F106312" s="14" t="s">
        <v>25</v>
      </c>
      <c r="G106312" s="16">
        <v>6.2974182310242743E-4</v>
      </c>
    </row>
    <row r="106313" spans="1:7" x14ac:dyDescent="0.3">
      <c r="A106313" s="13" t="s">
        <v>516</v>
      </c>
      <c r="B106313" s="14" t="s">
        <v>1</v>
      </c>
      <c r="C106313" s="14" t="s">
        <v>35</v>
      </c>
      <c r="D106313" s="14" t="s">
        <v>78</v>
      </c>
      <c r="E106313" s="15">
        <v>45474</v>
      </c>
      <c r="F106313" s="14" t="s">
        <v>25</v>
      </c>
      <c r="G106313" s="16">
        <v>0</v>
      </c>
    </row>
    <row r="106314" spans="1:7" x14ac:dyDescent="0.3">
      <c r="A106314" s="13" t="s">
        <v>516</v>
      </c>
      <c r="B106314" s="14" t="s">
        <v>1</v>
      </c>
      <c r="C106314" s="14" t="s">
        <v>35</v>
      </c>
      <c r="D106314" s="14" t="s">
        <v>78</v>
      </c>
      <c r="E106314" s="15">
        <v>45475</v>
      </c>
      <c r="F106314" s="14" t="s">
        <v>25</v>
      </c>
      <c r="G106314" s="16">
        <v>0</v>
      </c>
    </row>
    <row r="106315" spans="1:7" x14ac:dyDescent="0.3">
      <c r="A106315" s="13" t="s">
        <v>516</v>
      </c>
      <c r="B106315" s="14" t="s">
        <v>1</v>
      </c>
      <c r="C106315" s="14" t="s">
        <v>35</v>
      </c>
      <c r="D106315" s="14" t="s">
        <v>78</v>
      </c>
      <c r="E106315" s="15">
        <v>45476</v>
      </c>
      <c r="F106315" s="14" t="s">
        <v>25</v>
      </c>
      <c r="G106315" s="16">
        <v>0</v>
      </c>
    </row>
    <row r="106316" spans="1:7" x14ac:dyDescent="0.3">
      <c r="A106316" s="13" t="s">
        <v>516</v>
      </c>
      <c r="B106316" s="14" t="s">
        <v>1</v>
      </c>
      <c r="C106316" s="14" t="s">
        <v>35</v>
      </c>
      <c r="D106316" s="14" t="s">
        <v>78</v>
      </c>
      <c r="E106316" s="15">
        <v>45477</v>
      </c>
      <c r="F106316" s="14" t="s">
        <v>25</v>
      </c>
      <c r="G106316" s="16">
        <v>0</v>
      </c>
    </row>
    <row r="106317" spans="1:7" x14ac:dyDescent="0.3">
      <c r="A106317" s="13" t="s">
        <v>516</v>
      </c>
      <c r="B106317" s="14" t="s">
        <v>1</v>
      </c>
      <c r="C106317" s="14" t="s">
        <v>35</v>
      </c>
      <c r="D106317" s="14" t="s">
        <v>78</v>
      </c>
      <c r="E106317" s="15">
        <v>45478</v>
      </c>
      <c r="F106317" s="14" t="s">
        <v>25</v>
      </c>
      <c r="G106317" s="16">
        <v>0</v>
      </c>
    </row>
    <row r="106318" spans="1:7" x14ac:dyDescent="0.3">
      <c r="A106318" s="13" t="s">
        <v>516</v>
      </c>
      <c r="B106318" s="14" t="s">
        <v>1</v>
      </c>
      <c r="C106318" s="14" t="s">
        <v>35</v>
      </c>
      <c r="D106318" s="14" t="s">
        <v>78</v>
      </c>
      <c r="E106318" s="15">
        <v>45479</v>
      </c>
      <c r="F106318" s="14" t="s">
        <v>25</v>
      </c>
      <c r="G106318" s="16">
        <v>0</v>
      </c>
    </row>
    <row r="106319" spans="1:7" x14ac:dyDescent="0.3">
      <c r="A106319" s="13" t="s">
        <v>516</v>
      </c>
      <c r="B106319" s="14" t="s">
        <v>1</v>
      </c>
      <c r="C106319" s="14" t="s">
        <v>35</v>
      </c>
      <c r="D106319" s="14" t="s">
        <v>78</v>
      </c>
      <c r="E106319" s="15">
        <v>45480</v>
      </c>
      <c r="F106319" s="14" t="s">
        <v>25</v>
      </c>
      <c r="G106319" s="16">
        <v>0</v>
      </c>
    </row>
    <row r="106320" spans="1:7" x14ac:dyDescent="0.3">
      <c r="A106320" s="13" t="s">
        <v>516</v>
      </c>
      <c r="B106320" s="14" t="s">
        <v>1</v>
      </c>
      <c r="C106320" s="14" t="s">
        <v>35</v>
      </c>
      <c r="D106320" s="14" t="s">
        <v>78</v>
      </c>
      <c r="E106320" s="15">
        <v>45481</v>
      </c>
      <c r="F106320" s="14" t="s">
        <v>25</v>
      </c>
      <c r="G106320" s="16">
        <v>0</v>
      </c>
    </row>
    <row r="106321" spans="1:7" x14ac:dyDescent="0.3">
      <c r="A106321" s="13" t="s">
        <v>516</v>
      </c>
      <c r="B106321" s="14" t="s">
        <v>1</v>
      </c>
      <c r="C106321" s="14" t="s">
        <v>35</v>
      </c>
      <c r="D106321" s="14" t="s">
        <v>78</v>
      </c>
      <c r="E106321" s="15">
        <v>45482</v>
      </c>
      <c r="F106321" s="14" t="s">
        <v>25</v>
      </c>
      <c r="G106321" s="16">
        <v>0</v>
      </c>
    </row>
    <row r="106322" spans="1:7" x14ac:dyDescent="0.3">
      <c r="A106322" s="13" t="s">
        <v>516</v>
      </c>
      <c r="B106322" s="14" t="s">
        <v>1</v>
      </c>
      <c r="C106322" s="14" t="s">
        <v>35</v>
      </c>
      <c r="D106322" s="14" t="s">
        <v>78</v>
      </c>
      <c r="E106322" s="15">
        <v>45483</v>
      </c>
      <c r="F106322" s="14" t="s">
        <v>25</v>
      </c>
      <c r="G106322" s="16">
        <v>0</v>
      </c>
    </row>
    <row r="106323" spans="1:7" x14ac:dyDescent="0.3">
      <c r="A106323" s="13" t="s">
        <v>516</v>
      </c>
      <c r="B106323" s="14" t="s">
        <v>1</v>
      </c>
      <c r="C106323" s="14" t="s">
        <v>35</v>
      </c>
      <c r="D106323" s="14" t="s">
        <v>78</v>
      </c>
      <c r="E106323" s="15">
        <v>45484</v>
      </c>
      <c r="F106323" s="14" t="s">
        <v>25</v>
      </c>
      <c r="G106323" s="16">
        <v>0</v>
      </c>
    </row>
    <row r="106324" spans="1:7" x14ac:dyDescent="0.3">
      <c r="A106324" s="13" t="s">
        <v>516</v>
      </c>
      <c r="B106324" s="14" t="s">
        <v>1</v>
      </c>
      <c r="C106324" s="14" t="s">
        <v>35</v>
      </c>
      <c r="D106324" s="14" t="s">
        <v>78</v>
      </c>
      <c r="E106324" s="15">
        <v>45485</v>
      </c>
      <c r="F106324" s="14" t="s">
        <v>25</v>
      </c>
      <c r="G106324" s="16">
        <v>0</v>
      </c>
    </row>
    <row r="106325" spans="1:7" x14ac:dyDescent="0.3">
      <c r="A106325" s="13" t="s">
        <v>516</v>
      </c>
      <c r="B106325" s="14" t="s">
        <v>1</v>
      </c>
      <c r="C106325" s="14" t="s">
        <v>35</v>
      </c>
      <c r="D106325" s="14" t="s">
        <v>78</v>
      </c>
      <c r="E106325" s="15">
        <v>45486</v>
      </c>
      <c r="F106325" s="14" t="s">
        <v>25</v>
      </c>
      <c r="G106325" s="16">
        <v>0</v>
      </c>
    </row>
    <row r="106326" spans="1:7" x14ac:dyDescent="0.3">
      <c r="A106326" s="13" t="s">
        <v>516</v>
      </c>
      <c r="B106326" s="14" t="s">
        <v>1</v>
      </c>
      <c r="C106326" s="14" t="s">
        <v>35</v>
      </c>
      <c r="D106326" s="14" t="s">
        <v>78</v>
      </c>
      <c r="E106326" s="15">
        <v>45487</v>
      </c>
      <c r="F106326" s="14" t="s">
        <v>25</v>
      </c>
      <c r="G106326" s="16">
        <v>0</v>
      </c>
    </row>
    <row r="106327" spans="1:7" x14ac:dyDescent="0.3">
      <c r="A106327" s="13" t="s">
        <v>516</v>
      </c>
      <c r="B106327" s="14" t="s">
        <v>1</v>
      </c>
      <c r="C106327" s="14" t="s">
        <v>35</v>
      </c>
      <c r="D106327" s="14" t="s">
        <v>78</v>
      </c>
      <c r="E106327" s="15">
        <v>45488</v>
      </c>
      <c r="F106327" s="14" t="s">
        <v>25</v>
      </c>
      <c r="G106327" s="16">
        <v>0</v>
      </c>
    </row>
    <row r="106328" spans="1:7" x14ac:dyDescent="0.3">
      <c r="A106328" s="13" t="s">
        <v>516</v>
      </c>
      <c r="B106328" s="14" t="s">
        <v>1</v>
      </c>
      <c r="C106328" s="14" t="s">
        <v>35</v>
      </c>
      <c r="D106328" s="14" t="s">
        <v>78</v>
      </c>
      <c r="E106328" s="15">
        <v>45489</v>
      </c>
      <c r="F106328" s="14" t="s">
        <v>25</v>
      </c>
      <c r="G106328" s="16">
        <v>0</v>
      </c>
    </row>
    <row r="106329" spans="1:7" x14ac:dyDescent="0.3">
      <c r="A106329" s="13" t="s">
        <v>516</v>
      </c>
      <c r="B106329" s="14" t="s">
        <v>1</v>
      </c>
      <c r="C106329" s="14" t="s">
        <v>35</v>
      </c>
      <c r="D106329" s="14" t="s">
        <v>78</v>
      </c>
      <c r="E106329" s="15">
        <v>45490</v>
      </c>
      <c r="F106329" s="14" t="s">
        <v>25</v>
      </c>
      <c r="G106329" s="16">
        <v>0</v>
      </c>
    </row>
    <row r="106330" spans="1:7" x14ac:dyDescent="0.3">
      <c r="A106330" s="13" t="s">
        <v>516</v>
      </c>
      <c r="B106330" s="14" t="s">
        <v>1</v>
      </c>
      <c r="C106330" s="14" t="s">
        <v>35</v>
      </c>
      <c r="D106330" s="14" t="s">
        <v>78</v>
      </c>
      <c r="E106330" s="15">
        <v>45491</v>
      </c>
      <c r="F106330" s="14" t="s">
        <v>25</v>
      </c>
      <c r="G106330" s="16">
        <v>0</v>
      </c>
    </row>
    <row r="106331" spans="1:7" x14ac:dyDescent="0.3">
      <c r="A106331" s="13" t="s">
        <v>516</v>
      </c>
      <c r="B106331" s="14" t="s">
        <v>1</v>
      </c>
      <c r="C106331" s="14" t="s">
        <v>35</v>
      </c>
      <c r="D106331" s="14" t="s">
        <v>78</v>
      </c>
      <c r="E106331" s="15">
        <v>45492</v>
      </c>
      <c r="F106331" s="14" t="s">
        <v>25</v>
      </c>
      <c r="G106331" s="16">
        <v>0</v>
      </c>
    </row>
    <row r="106332" spans="1:7" x14ac:dyDescent="0.3">
      <c r="A106332" s="13" t="s">
        <v>516</v>
      </c>
      <c r="B106332" s="14" t="s">
        <v>1</v>
      </c>
      <c r="C106332" s="14" t="s">
        <v>35</v>
      </c>
      <c r="D106332" s="14" t="s">
        <v>78</v>
      </c>
      <c r="E106332" s="15">
        <v>45493</v>
      </c>
      <c r="F106332" s="14" t="s">
        <v>25</v>
      </c>
      <c r="G106332" s="16">
        <v>0</v>
      </c>
    </row>
    <row r="106333" spans="1:7" x14ac:dyDescent="0.3">
      <c r="A106333" s="13" t="s">
        <v>516</v>
      </c>
      <c r="B106333" s="14" t="s">
        <v>1</v>
      </c>
      <c r="C106333" s="14" t="s">
        <v>35</v>
      </c>
      <c r="D106333" s="14" t="s">
        <v>78</v>
      </c>
      <c r="E106333" s="15">
        <v>45494</v>
      </c>
      <c r="F106333" s="14" t="s">
        <v>25</v>
      </c>
      <c r="G106333" s="16">
        <v>0</v>
      </c>
    </row>
    <row r="106334" spans="1:7" x14ac:dyDescent="0.3">
      <c r="A106334" s="13" t="s">
        <v>516</v>
      </c>
      <c r="B106334" s="14" t="s">
        <v>1</v>
      </c>
      <c r="C106334" s="14" t="s">
        <v>35</v>
      </c>
      <c r="D106334" s="14" t="s">
        <v>78</v>
      </c>
      <c r="E106334" s="15">
        <v>45495</v>
      </c>
      <c r="F106334" s="14" t="s">
        <v>25</v>
      </c>
      <c r="G106334" s="16">
        <v>0</v>
      </c>
    </row>
    <row r="106335" spans="1:7" x14ac:dyDescent="0.3">
      <c r="A106335" s="13" t="s">
        <v>516</v>
      </c>
      <c r="B106335" s="14" t="s">
        <v>1</v>
      </c>
      <c r="C106335" s="14" t="s">
        <v>35</v>
      </c>
      <c r="D106335" s="14" t="s">
        <v>78</v>
      </c>
      <c r="E106335" s="15">
        <v>45496</v>
      </c>
      <c r="F106335" s="14" t="s">
        <v>25</v>
      </c>
      <c r="G106335" s="16">
        <v>0</v>
      </c>
    </row>
    <row r="106336" spans="1:7" x14ac:dyDescent="0.3">
      <c r="A106336" s="13" t="s">
        <v>516</v>
      </c>
      <c r="B106336" s="14" t="s">
        <v>1</v>
      </c>
      <c r="C106336" s="14" t="s">
        <v>35</v>
      </c>
      <c r="D106336" s="14" t="s">
        <v>78</v>
      </c>
      <c r="E106336" s="15">
        <v>45497</v>
      </c>
      <c r="F106336" s="14" t="s">
        <v>25</v>
      </c>
      <c r="G106336" s="16">
        <v>0</v>
      </c>
    </row>
    <row r="106337" spans="1:7" x14ac:dyDescent="0.3">
      <c r="A106337" s="13" t="s">
        <v>516</v>
      </c>
      <c r="B106337" s="14" t="s">
        <v>1</v>
      </c>
      <c r="C106337" s="14" t="s">
        <v>35</v>
      </c>
      <c r="D106337" s="14" t="s">
        <v>78</v>
      </c>
      <c r="E106337" s="15">
        <v>45498</v>
      </c>
      <c r="F106337" s="14" t="s">
        <v>25</v>
      </c>
      <c r="G106337" s="16">
        <v>0</v>
      </c>
    </row>
    <row r="106338" spans="1:7" x14ac:dyDescent="0.3">
      <c r="A106338" s="13" t="s">
        <v>516</v>
      </c>
      <c r="B106338" s="14" t="s">
        <v>1</v>
      </c>
      <c r="C106338" s="14" t="s">
        <v>35</v>
      </c>
      <c r="D106338" s="14" t="s">
        <v>78</v>
      </c>
      <c r="E106338" s="15">
        <v>45499</v>
      </c>
      <c r="F106338" s="14" t="s">
        <v>25</v>
      </c>
      <c r="G106338" s="16">
        <v>0</v>
      </c>
    </row>
    <row r="106339" spans="1:7" x14ac:dyDescent="0.3">
      <c r="A106339" s="13" t="s">
        <v>516</v>
      </c>
      <c r="B106339" s="14" t="s">
        <v>1</v>
      </c>
      <c r="C106339" s="14" t="s">
        <v>35</v>
      </c>
      <c r="D106339" s="14" t="s">
        <v>78</v>
      </c>
      <c r="E106339" s="15">
        <v>45500</v>
      </c>
      <c r="F106339" s="14" t="s">
        <v>25</v>
      </c>
      <c r="G106339" s="16">
        <v>0</v>
      </c>
    </row>
    <row r="106340" spans="1:7" x14ac:dyDescent="0.3">
      <c r="A106340" s="13" t="s">
        <v>516</v>
      </c>
      <c r="B106340" s="14" t="s">
        <v>1</v>
      </c>
      <c r="C106340" s="14" t="s">
        <v>35</v>
      </c>
      <c r="D106340" s="14" t="s">
        <v>78</v>
      </c>
      <c r="E106340" s="15">
        <v>45501</v>
      </c>
      <c r="F106340" s="14" t="s">
        <v>25</v>
      </c>
      <c r="G106340" s="16">
        <v>0</v>
      </c>
    </row>
    <row r="106341" spans="1:7" x14ac:dyDescent="0.3">
      <c r="A106341" s="13" t="s">
        <v>516</v>
      </c>
      <c r="B106341" s="14" t="s">
        <v>1</v>
      </c>
      <c r="C106341" s="14" t="s">
        <v>35</v>
      </c>
      <c r="D106341" s="14" t="s">
        <v>78</v>
      </c>
      <c r="E106341" s="15">
        <v>45502</v>
      </c>
      <c r="F106341" s="14" t="s">
        <v>25</v>
      </c>
      <c r="G106341" s="16">
        <v>0</v>
      </c>
    </row>
    <row r="106342" spans="1:7" x14ac:dyDescent="0.3">
      <c r="A106342" s="13" t="s">
        <v>516</v>
      </c>
      <c r="B106342" s="14" t="s">
        <v>1</v>
      </c>
      <c r="C106342" s="14" t="s">
        <v>35</v>
      </c>
      <c r="D106342" s="14" t="s">
        <v>78</v>
      </c>
      <c r="E106342" s="15">
        <v>45503</v>
      </c>
      <c r="F106342" s="14" t="s">
        <v>25</v>
      </c>
      <c r="G106342" s="16">
        <v>0</v>
      </c>
    </row>
    <row r="106343" spans="1:7" x14ac:dyDescent="0.3">
      <c r="A106343" s="13" t="s">
        <v>516</v>
      </c>
      <c r="B106343" s="14" t="s">
        <v>1</v>
      </c>
      <c r="C106343" s="14" t="s">
        <v>35</v>
      </c>
      <c r="D106343" s="14" t="s">
        <v>78</v>
      </c>
      <c r="E106343" s="15">
        <v>45504</v>
      </c>
      <c r="F106343" s="14" t="s">
        <v>25</v>
      </c>
      <c r="G106343" s="16">
        <v>0</v>
      </c>
    </row>
    <row r="106344" spans="1:7" x14ac:dyDescent="0.3">
      <c r="A106344" s="13" t="s">
        <v>516</v>
      </c>
      <c r="B106344" s="14" t="s">
        <v>1</v>
      </c>
      <c r="C106344" s="14" t="s">
        <v>35</v>
      </c>
      <c r="D106344" s="14" t="s">
        <v>78</v>
      </c>
      <c r="E106344" s="15">
        <v>45505</v>
      </c>
      <c r="F106344" s="14" t="s">
        <v>25</v>
      </c>
      <c r="G106344" s="16">
        <v>0</v>
      </c>
    </row>
    <row r="106345" spans="1:7" x14ac:dyDescent="0.3">
      <c r="A106345" s="13" t="s">
        <v>516</v>
      </c>
      <c r="B106345" s="14" t="s">
        <v>1</v>
      </c>
      <c r="C106345" s="14" t="s">
        <v>35</v>
      </c>
      <c r="D106345" s="14" t="s">
        <v>78</v>
      </c>
      <c r="E106345" s="15">
        <v>45506</v>
      </c>
      <c r="F106345" s="14" t="s">
        <v>25</v>
      </c>
      <c r="G106345" s="16">
        <v>0</v>
      </c>
    </row>
    <row r="106346" spans="1:7" x14ac:dyDescent="0.3">
      <c r="A106346" s="13" t="s">
        <v>516</v>
      </c>
      <c r="B106346" s="14" t="s">
        <v>1</v>
      </c>
      <c r="C106346" s="14" t="s">
        <v>35</v>
      </c>
      <c r="D106346" s="14" t="s">
        <v>78</v>
      </c>
      <c r="E106346" s="15">
        <v>45507</v>
      </c>
      <c r="F106346" s="14" t="s">
        <v>25</v>
      </c>
      <c r="G106346" s="16">
        <v>0</v>
      </c>
    </row>
    <row r="106347" spans="1:7" x14ac:dyDescent="0.3">
      <c r="A106347" s="13" t="s">
        <v>516</v>
      </c>
      <c r="B106347" s="14" t="s">
        <v>1</v>
      </c>
      <c r="C106347" s="14" t="s">
        <v>35</v>
      </c>
      <c r="D106347" s="14" t="s">
        <v>78</v>
      </c>
      <c r="E106347" s="15">
        <v>45508</v>
      </c>
      <c r="F106347" s="14" t="s">
        <v>25</v>
      </c>
      <c r="G106347" s="16">
        <v>0</v>
      </c>
    </row>
    <row r="106348" spans="1:7" x14ac:dyDescent="0.3">
      <c r="A106348" s="13" t="s">
        <v>516</v>
      </c>
      <c r="B106348" s="14" t="s">
        <v>1</v>
      </c>
      <c r="C106348" s="14" t="s">
        <v>35</v>
      </c>
      <c r="D106348" s="14" t="s">
        <v>78</v>
      </c>
      <c r="E106348" s="15">
        <v>45509</v>
      </c>
      <c r="F106348" s="14" t="s">
        <v>25</v>
      </c>
      <c r="G106348" s="16">
        <v>0</v>
      </c>
    </row>
    <row r="106349" spans="1:7" x14ac:dyDescent="0.3">
      <c r="A106349" s="13" t="s">
        <v>516</v>
      </c>
      <c r="B106349" s="14" t="s">
        <v>1</v>
      </c>
      <c r="C106349" s="14" t="s">
        <v>35</v>
      </c>
      <c r="D106349" s="14" t="s">
        <v>78</v>
      </c>
      <c r="E106349" s="15">
        <v>45510</v>
      </c>
      <c r="F106349" s="14" t="s">
        <v>25</v>
      </c>
      <c r="G106349" s="16">
        <v>0</v>
      </c>
    </row>
    <row r="106350" spans="1:7" x14ac:dyDescent="0.3">
      <c r="A106350" s="13" t="s">
        <v>516</v>
      </c>
      <c r="B106350" s="14" t="s">
        <v>1</v>
      </c>
      <c r="C106350" s="14" t="s">
        <v>35</v>
      </c>
      <c r="D106350" s="14" t="s">
        <v>78</v>
      </c>
      <c r="E106350" s="15">
        <v>45511</v>
      </c>
      <c r="F106350" s="14" t="s">
        <v>25</v>
      </c>
      <c r="G106350" s="16">
        <v>0</v>
      </c>
    </row>
    <row r="106351" spans="1:7" x14ac:dyDescent="0.3">
      <c r="A106351" s="13" t="s">
        <v>516</v>
      </c>
      <c r="B106351" s="14" t="s">
        <v>1</v>
      </c>
      <c r="C106351" s="14" t="s">
        <v>35</v>
      </c>
      <c r="D106351" s="14" t="s">
        <v>78</v>
      </c>
      <c r="E106351" s="15">
        <v>45512</v>
      </c>
      <c r="F106351" s="14" t="s">
        <v>25</v>
      </c>
      <c r="G106351" s="16">
        <v>0</v>
      </c>
    </row>
    <row r="106352" spans="1:7" x14ac:dyDescent="0.3">
      <c r="A106352" s="13" t="s">
        <v>516</v>
      </c>
      <c r="B106352" s="14" t="s">
        <v>1</v>
      </c>
      <c r="C106352" s="14" t="s">
        <v>35</v>
      </c>
      <c r="D106352" s="14" t="s">
        <v>78</v>
      </c>
      <c r="E106352" s="15">
        <v>45513</v>
      </c>
      <c r="F106352" s="14" t="s">
        <v>25</v>
      </c>
      <c r="G106352" s="16">
        <v>0</v>
      </c>
    </row>
    <row r="106353" spans="1:7" x14ac:dyDescent="0.3">
      <c r="A106353" s="13" t="s">
        <v>516</v>
      </c>
      <c r="B106353" s="14" t="s">
        <v>1</v>
      </c>
      <c r="C106353" s="14" t="s">
        <v>35</v>
      </c>
      <c r="D106353" s="14" t="s">
        <v>78</v>
      </c>
      <c r="E106353" s="15">
        <v>45514</v>
      </c>
      <c r="F106353" s="14" t="s">
        <v>25</v>
      </c>
      <c r="G106353" s="16">
        <v>0</v>
      </c>
    </row>
    <row r="106354" spans="1:7" x14ac:dyDescent="0.3">
      <c r="A106354" s="13" t="s">
        <v>516</v>
      </c>
      <c r="B106354" s="14" t="s">
        <v>1</v>
      </c>
      <c r="C106354" s="14" t="s">
        <v>35</v>
      </c>
      <c r="D106354" s="14" t="s">
        <v>78</v>
      </c>
      <c r="E106354" s="15">
        <v>45515</v>
      </c>
      <c r="F106354" s="14" t="s">
        <v>25</v>
      </c>
      <c r="G106354" s="16">
        <v>0</v>
      </c>
    </row>
    <row r="106355" spans="1:7" x14ac:dyDescent="0.3">
      <c r="A106355" s="13" t="s">
        <v>516</v>
      </c>
      <c r="B106355" s="14" t="s">
        <v>1</v>
      </c>
      <c r="C106355" s="14" t="s">
        <v>35</v>
      </c>
      <c r="D106355" s="14" t="s">
        <v>78</v>
      </c>
      <c r="E106355" s="15">
        <v>45516</v>
      </c>
      <c r="F106355" s="14" t="s">
        <v>25</v>
      </c>
      <c r="G106355" s="16">
        <v>0</v>
      </c>
    </row>
    <row r="106356" spans="1:7" x14ac:dyDescent="0.3">
      <c r="A106356" s="13" t="s">
        <v>516</v>
      </c>
      <c r="B106356" s="14" t="s">
        <v>1</v>
      </c>
      <c r="C106356" s="14" t="s">
        <v>35</v>
      </c>
      <c r="D106356" s="14" t="s">
        <v>78</v>
      </c>
      <c r="E106356" s="15">
        <v>45517</v>
      </c>
      <c r="F106356" s="14" t="s">
        <v>25</v>
      </c>
      <c r="G106356" s="16">
        <v>0</v>
      </c>
    </row>
    <row r="106357" spans="1:7" x14ac:dyDescent="0.3">
      <c r="A106357" s="13" t="s">
        <v>516</v>
      </c>
      <c r="B106357" s="14" t="s">
        <v>1</v>
      </c>
      <c r="C106357" s="14" t="s">
        <v>35</v>
      </c>
      <c r="D106357" s="14" t="s">
        <v>78</v>
      </c>
      <c r="E106357" s="15">
        <v>45518</v>
      </c>
      <c r="F106357" s="14" t="s">
        <v>25</v>
      </c>
      <c r="G106357" s="16">
        <v>0</v>
      </c>
    </row>
    <row r="106358" spans="1:7" x14ac:dyDescent="0.3">
      <c r="A106358" s="13" t="s">
        <v>516</v>
      </c>
      <c r="B106358" s="14" t="s">
        <v>1</v>
      </c>
      <c r="C106358" s="14" t="s">
        <v>35</v>
      </c>
      <c r="D106358" s="14" t="s">
        <v>78</v>
      </c>
      <c r="E106358" s="15">
        <v>45519</v>
      </c>
      <c r="F106358" s="14" t="s">
        <v>25</v>
      </c>
      <c r="G106358" s="16">
        <v>0</v>
      </c>
    </row>
    <row r="106359" spans="1:7" x14ac:dyDescent="0.3">
      <c r="A106359" s="13" t="s">
        <v>516</v>
      </c>
      <c r="B106359" s="14" t="s">
        <v>1</v>
      </c>
      <c r="C106359" s="14" t="s">
        <v>35</v>
      </c>
      <c r="D106359" s="14" t="s">
        <v>78</v>
      </c>
      <c r="E106359" s="15">
        <v>45520</v>
      </c>
      <c r="F106359" s="14" t="s">
        <v>25</v>
      </c>
      <c r="G106359" s="16">
        <v>0</v>
      </c>
    </row>
    <row r="106360" spans="1:7" x14ac:dyDescent="0.3">
      <c r="A106360" s="13" t="s">
        <v>516</v>
      </c>
      <c r="B106360" s="14" t="s">
        <v>1</v>
      </c>
      <c r="C106360" s="14" t="s">
        <v>35</v>
      </c>
      <c r="D106360" s="14" t="s">
        <v>78</v>
      </c>
      <c r="E106360" s="15">
        <v>45521</v>
      </c>
      <c r="F106360" s="14" t="s">
        <v>25</v>
      </c>
      <c r="G106360" s="16">
        <v>0</v>
      </c>
    </row>
    <row r="106361" spans="1:7" x14ac:dyDescent="0.3">
      <c r="A106361" s="13" t="s">
        <v>516</v>
      </c>
      <c r="B106361" s="14" t="s">
        <v>1</v>
      </c>
      <c r="C106361" s="14" t="s">
        <v>35</v>
      </c>
      <c r="D106361" s="14" t="s">
        <v>78</v>
      </c>
      <c r="E106361" s="15">
        <v>45522</v>
      </c>
      <c r="F106361" s="14" t="s">
        <v>25</v>
      </c>
      <c r="G106361" s="16">
        <v>0</v>
      </c>
    </row>
    <row r="106362" spans="1:7" x14ac:dyDescent="0.3">
      <c r="A106362" s="13" t="s">
        <v>516</v>
      </c>
      <c r="B106362" s="14" t="s">
        <v>1</v>
      </c>
      <c r="C106362" s="14" t="s">
        <v>35</v>
      </c>
      <c r="D106362" s="14" t="s">
        <v>78</v>
      </c>
      <c r="E106362" s="15">
        <v>45523</v>
      </c>
      <c r="F106362" s="14" t="s">
        <v>25</v>
      </c>
      <c r="G106362" s="16">
        <v>0</v>
      </c>
    </row>
    <row r="106363" spans="1:7" x14ac:dyDescent="0.3">
      <c r="A106363" s="13" t="s">
        <v>516</v>
      </c>
      <c r="B106363" s="14" t="s">
        <v>1</v>
      </c>
      <c r="C106363" s="14" t="s">
        <v>35</v>
      </c>
      <c r="D106363" s="14" t="s">
        <v>78</v>
      </c>
      <c r="E106363" s="15">
        <v>45524</v>
      </c>
      <c r="F106363" s="14" t="s">
        <v>25</v>
      </c>
      <c r="G106363" s="16">
        <v>0</v>
      </c>
    </row>
    <row r="106364" spans="1:7" x14ac:dyDescent="0.3">
      <c r="A106364" s="13" t="s">
        <v>516</v>
      </c>
      <c r="B106364" s="14" t="s">
        <v>1</v>
      </c>
      <c r="C106364" s="14" t="s">
        <v>35</v>
      </c>
      <c r="D106364" s="14" t="s">
        <v>78</v>
      </c>
      <c r="E106364" s="15">
        <v>45525</v>
      </c>
      <c r="F106364" s="14" t="s">
        <v>25</v>
      </c>
      <c r="G106364" s="16">
        <v>0</v>
      </c>
    </row>
    <row r="106365" spans="1:7" x14ac:dyDescent="0.3">
      <c r="A106365" s="13" t="s">
        <v>516</v>
      </c>
      <c r="B106365" s="14" t="s">
        <v>1</v>
      </c>
      <c r="C106365" s="14" t="s">
        <v>35</v>
      </c>
      <c r="D106365" s="14" t="s">
        <v>78</v>
      </c>
      <c r="E106365" s="15">
        <v>45526</v>
      </c>
      <c r="F106365" s="14" t="s">
        <v>25</v>
      </c>
      <c r="G106365" s="16">
        <v>0</v>
      </c>
    </row>
    <row r="106366" spans="1:7" x14ac:dyDescent="0.3">
      <c r="A106366" s="13" t="s">
        <v>516</v>
      </c>
      <c r="B106366" s="14" t="s">
        <v>1</v>
      </c>
      <c r="C106366" s="14" t="s">
        <v>35</v>
      </c>
      <c r="D106366" s="14" t="s">
        <v>78</v>
      </c>
      <c r="E106366" s="15">
        <v>45527</v>
      </c>
      <c r="F106366" s="14" t="s">
        <v>25</v>
      </c>
      <c r="G106366" s="16">
        <v>0</v>
      </c>
    </row>
    <row r="106367" spans="1:7" x14ac:dyDescent="0.3">
      <c r="A106367" s="13" t="s">
        <v>516</v>
      </c>
      <c r="B106367" s="14" t="s">
        <v>1</v>
      </c>
      <c r="C106367" s="14" t="s">
        <v>35</v>
      </c>
      <c r="D106367" s="14" t="s">
        <v>78</v>
      </c>
      <c r="E106367" s="15">
        <v>45528</v>
      </c>
      <c r="F106367" s="14" t="s">
        <v>25</v>
      </c>
      <c r="G106367" s="16">
        <v>0</v>
      </c>
    </row>
    <row r="106368" spans="1:7" x14ac:dyDescent="0.3">
      <c r="A106368" s="13" t="s">
        <v>516</v>
      </c>
      <c r="B106368" s="14" t="s">
        <v>1</v>
      </c>
      <c r="C106368" s="14" t="s">
        <v>35</v>
      </c>
      <c r="D106368" s="14" t="s">
        <v>78</v>
      </c>
      <c r="E106368" s="15">
        <v>45529</v>
      </c>
      <c r="F106368" s="14" t="s">
        <v>25</v>
      </c>
      <c r="G106368" s="16">
        <v>0</v>
      </c>
    </row>
    <row r="106369" spans="1:7" x14ac:dyDescent="0.3">
      <c r="A106369" s="13" t="s">
        <v>516</v>
      </c>
      <c r="B106369" s="14" t="s">
        <v>1</v>
      </c>
      <c r="C106369" s="14" t="s">
        <v>35</v>
      </c>
      <c r="D106369" s="14" t="s">
        <v>78</v>
      </c>
      <c r="E106369" s="15">
        <v>45530</v>
      </c>
      <c r="F106369" s="14" t="s">
        <v>25</v>
      </c>
      <c r="G106369" s="16">
        <v>0</v>
      </c>
    </row>
    <row r="106370" spans="1:7" x14ac:dyDescent="0.3">
      <c r="A106370" s="13" t="s">
        <v>516</v>
      </c>
      <c r="B106370" s="14" t="s">
        <v>1</v>
      </c>
      <c r="C106370" s="14" t="s">
        <v>35</v>
      </c>
      <c r="D106370" s="14" t="s">
        <v>78</v>
      </c>
      <c r="E106370" s="15">
        <v>45531</v>
      </c>
      <c r="F106370" s="14" t="s">
        <v>25</v>
      </c>
      <c r="G106370" s="16">
        <v>0</v>
      </c>
    </row>
    <row r="106371" spans="1:7" x14ac:dyDescent="0.3">
      <c r="A106371" s="13" t="s">
        <v>516</v>
      </c>
      <c r="B106371" s="14" t="s">
        <v>1</v>
      </c>
      <c r="C106371" s="14" t="s">
        <v>35</v>
      </c>
      <c r="D106371" s="14" t="s">
        <v>78</v>
      </c>
      <c r="E106371" s="15">
        <v>45532</v>
      </c>
      <c r="F106371" s="14" t="s">
        <v>25</v>
      </c>
      <c r="G106371" s="16">
        <v>0</v>
      </c>
    </row>
    <row r="106372" spans="1:7" x14ac:dyDescent="0.3">
      <c r="A106372" s="13" t="s">
        <v>516</v>
      </c>
      <c r="B106372" s="14" t="s">
        <v>1</v>
      </c>
      <c r="C106372" s="14" t="s">
        <v>35</v>
      </c>
      <c r="D106372" s="14" t="s">
        <v>78</v>
      </c>
      <c r="E106372" s="15">
        <v>45533</v>
      </c>
      <c r="F106372" s="14" t="s">
        <v>25</v>
      </c>
      <c r="G106372" s="16">
        <v>0</v>
      </c>
    </row>
    <row r="106373" spans="1:7" x14ac:dyDescent="0.3">
      <c r="A106373" s="13" t="s">
        <v>516</v>
      </c>
      <c r="B106373" s="14" t="s">
        <v>1</v>
      </c>
      <c r="C106373" s="14" t="s">
        <v>35</v>
      </c>
      <c r="D106373" s="14" t="s">
        <v>78</v>
      </c>
      <c r="E106373" s="15">
        <v>45534</v>
      </c>
      <c r="F106373" s="14" t="s">
        <v>25</v>
      </c>
      <c r="G106373" s="16">
        <v>0</v>
      </c>
    </row>
    <row r="106374" spans="1:7" x14ac:dyDescent="0.3">
      <c r="A106374" s="13" t="s">
        <v>516</v>
      </c>
      <c r="B106374" s="14" t="s">
        <v>1</v>
      </c>
      <c r="C106374" s="14" t="s">
        <v>35</v>
      </c>
      <c r="D106374" s="14" t="s">
        <v>78</v>
      </c>
      <c r="E106374" s="15">
        <v>45535</v>
      </c>
      <c r="F106374" s="14" t="s">
        <v>25</v>
      </c>
      <c r="G106374" s="16">
        <v>0</v>
      </c>
    </row>
    <row r="106375" spans="1:7" x14ac:dyDescent="0.3">
      <c r="A106375" s="13" t="s">
        <v>516</v>
      </c>
      <c r="B106375" s="14" t="s">
        <v>1</v>
      </c>
      <c r="C106375" s="14" t="s">
        <v>35</v>
      </c>
      <c r="D106375" s="14" t="s">
        <v>78</v>
      </c>
      <c r="E106375" s="15">
        <v>45536</v>
      </c>
      <c r="F106375" s="14" t="s">
        <v>25</v>
      </c>
      <c r="G106375" s="16">
        <v>0</v>
      </c>
    </row>
    <row r="106376" spans="1:7" x14ac:dyDescent="0.3">
      <c r="A106376" s="13" t="s">
        <v>516</v>
      </c>
      <c r="B106376" s="14" t="s">
        <v>1</v>
      </c>
      <c r="C106376" s="14" t="s">
        <v>35</v>
      </c>
      <c r="D106376" s="14" t="s">
        <v>78</v>
      </c>
      <c r="E106376" s="15">
        <v>45537</v>
      </c>
      <c r="F106376" s="14" t="s">
        <v>25</v>
      </c>
      <c r="G106376" s="16">
        <v>0</v>
      </c>
    </row>
    <row r="106377" spans="1:7" x14ac:dyDescent="0.3">
      <c r="A106377" s="13" t="s">
        <v>516</v>
      </c>
      <c r="B106377" s="14" t="s">
        <v>1</v>
      </c>
      <c r="C106377" s="14" t="s">
        <v>35</v>
      </c>
      <c r="D106377" s="14" t="s">
        <v>78</v>
      </c>
      <c r="E106377" s="15">
        <v>45538</v>
      </c>
      <c r="F106377" s="14" t="s">
        <v>25</v>
      </c>
      <c r="G106377" s="16">
        <v>0</v>
      </c>
    </row>
    <row r="106378" spans="1:7" x14ac:dyDescent="0.3">
      <c r="A106378" s="13" t="s">
        <v>516</v>
      </c>
      <c r="B106378" s="14" t="s">
        <v>1</v>
      </c>
      <c r="C106378" s="14" t="s">
        <v>35</v>
      </c>
      <c r="D106378" s="14" t="s">
        <v>78</v>
      </c>
      <c r="E106378" s="15">
        <v>45539</v>
      </c>
      <c r="F106378" s="14" t="s">
        <v>25</v>
      </c>
      <c r="G106378" s="16">
        <v>0</v>
      </c>
    </row>
    <row r="106379" spans="1:7" x14ac:dyDescent="0.3">
      <c r="A106379" s="13" t="s">
        <v>516</v>
      </c>
      <c r="B106379" s="14" t="s">
        <v>1</v>
      </c>
      <c r="C106379" s="14" t="s">
        <v>35</v>
      </c>
      <c r="D106379" s="14" t="s">
        <v>78</v>
      </c>
      <c r="E106379" s="15">
        <v>45540</v>
      </c>
      <c r="F106379" s="14" t="s">
        <v>25</v>
      </c>
      <c r="G106379" s="16">
        <v>0</v>
      </c>
    </row>
    <row r="106380" spans="1:7" x14ac:dyDescent="0.3">
      <c r="A106380" s="13" t="s">
        <v>516</v>
      </c>
      <c r="B106380" s="14" t="s">
        <v>1</v>
      </c>
      <c r="C106380" s="14" t="s">
        <v>35</v>
      </c>
      <c r="D106380" s="14" t="s">
        <v>78</v>
      </c>
      <c r="E106380" s="15">
        <v>45541</v>
      </c>
      <c r="F106380" s="14" t="s">
        <v>25</v>
      </c>
      <c r="G106380" s="16">
        <v>0</v>
      </c>
    </row>
    <row r="106381" spans="1:7" x14ac:dyDescent="0.3">
      <c r="A106381" s="13" t="s">
        <v>516</v>
      </c>
      <c r="B106381" s="14" t="s">
        <v>1</v>
      </c>
      <c r="C106381" s="14" t="s">
        <v>35</v>
      </c>
      <c r="D106381" s="14" t="s">
        <v>78</v>
      </c>
      <c r="E106381" s="15">
        <v>45542</v>
      </c>
      <c r="F106381" s="14" t="s">
        <v>25</v>
      </c>
      <c r="G106381" s="16">
        <v>0</v>
      </c>
    </row>
    <row r="106382" spans="1:7" x14ac:dyDescent="0.3">
      <c r="A106382" s="13" t="s">
        <v>516</v>
      </c>
      <c r="B106382" s="14" t="s">
        <v>1</v>
      </c>
      <c r="C106382" s="14" t="s">
        <v>35</v>
      </c>
      <c r="D106382" s="14" t="s">
        <v>78</v>
      </c>
      <c r="E106382" s="15">
        <v>45543</v>
      </c>
      <c r="F106382" s="14" t="s">
        <v>25</v>
      </c>
      <c r="G106382" s="16">
        <v>0</v>
      </c>
    </row>
    <row r="106383" spans="1:7" x14ac:dyDescent="0.3">
      <c r="A106383" s="13" t="s">
        <v>516</v>
      </c>
      <c r="B106383" s="14" t="s">
        <v>1</v>
      </c>
      <c r="C106383" s="14" t="s">
        <v>35</v>
      </c>
      <c r="D106383" s="14" t="s">
        <v>78</v>
      </c>
      <c r="E106383" s="15">
        <v>45544</v>
      </c>
      <c r="F106383" s="14" t="s">
        <v>25</v>
      </c>
      <c r="G106383" s="16">
        <v>0</v>
      </c>
    </row>
    <row r="106384" spans="1:7" x14ac:dyDescent="0.3">
      <c r="A106384" s="13" t="s">
        <v>516</v>
      </c>
      <c r="B106384" s="14" t="s">
        <v>1</v>
      </c>
      <c r="C106384" s="14" t="s">
        <v>35</v>
      </c>
      <c r="D106384" s="14" t="s">
        <v>78</v>
      </c>
      <c r="E106384" s="15">
        <v>45545</v>
      </c>
      <c r="F106384" s="14" t="s">
        <v>25</v>
      </c>
      <c r="G106384" s="16">
        <v>0</v>
      </c>
    </row>
    <row r="106385" spans="1:7" x14ac:dyDescent="0.3">
      <c r="A106385" s="13" t="s">
        <v>516</v>
      </c>
      <c r="B106385" s="14" t="s">
        <v>1</v>
      </c>
      <c r="C106385" s="14" t="s">
        <v>35</v>
      </c>
      <c r="D106385" s="14" t="s">
        <v>78</v>
      </c>
      <c r="E106385" s="15">
        <v>45546</v>
      </c>
      <c r="F106385" s="14" t="s">
        <v>25</v>
      </c>
      <c r="G106385" s="16">
        <v>0</v>
      </c>
    </row>
    <row r="106386" spans="1:7" x14ac:dyDescent="0.3">
      <c r="A106386" s="13" t="s">
        <v>516</v>
      </c>
      <c r="B106386" s="14" t="s">
        <v>1</v>
      </c>
      <c r="C106386" s="14" t="s">
        <v>35</v>
      </c>
      <c r="D106386" s="14" t="s">
        <v>78</v>
      </c>
      <c r="E106386" s="15">
        <v>45547</v>
      </c>
      <c r="F106386" s="14" t="s">
        <v>25</v>
      </c>
      <c r="G106386" s="16">
        <v>0</v>
      </c>
    </row>
    <row r="106387" spans="1:7" x14ac:dyDescent="0.3">
      <c r="A106387" s="13" t="s">
        <v>516</v>
      </c>
      <c r="B106387" s="14" t="s">
        <v>1</v>
      </c>
      <c r="C106387" s="14" t="s">
        <v>35</v>
      </c>
      <c r="D106387" s="14" t="s">
        <v>78</v>
      </c>
      <c r="E106387" s="15">
        <v>45548</v>
      </c>
      <c r="F106387" s="14" t="s">
        <v>25</v>
      </c>
      <c r="G106387" s="16">
        <v>0</v>
      </c>
    </row>
    <row r="106388" spans="1:7" x14ac:dyDescent="0.3">
      <c r="A106388" s="13" t="s">
        <v>516</v>
      </c>
      <c r="B106388" s="14" t="s">
        <v>1</v>
      </c>
      <c r="C106388" s="14" t="s">
        <v>35</v>
      </c>
      <c r="D106388" s="14" t="s">
        <v>78</v>
      </c>
      <c r="E106388" s="15">
        <v>45549</v>
      </c>
      <c r="F106388" s="14" t="s">
        <v>25</v>
      </c>
      <c r="G106388" s="16">
        <v>0</v>
      </c>
    </row>
    <row r="106389" spans="1:7" x14ac:dyDescent="0.3">
      <c r="A106389" s="13" t="s">
        <v>516</v>
      </c>
      <c r="B106389" s="14" t="s">
        <v>1</v>
      </c>
      <c r="C106389" s="14" t="s">
        <v>35</v>
      </c>
      <c r="D106389" s="14" t="s">
        <v>78</v>
      </c>
      <c r="E106389" s="15">
        <v>45550</v>
      </c>
      <c r="F106389" s="14" t="s">
        <v>25</v>
      </c>
      <c r="G106389" s="16">
        <v>0</v>
      </c>
    </row>
    <row r="106390" spans="1:7" x14ac:dyDescent="0.3">
      <c r="A106390" s="13" t="s">
        <v>516</v>
      </c>
      <c r="B106390" s="14" t="s">
        <v>1</v>
      </c>
      <c r="C106390" s="14" t="s">
        <v>35</v>
      </c>
      <c r="D106390" s="14" t="s">
        <v>78</v>
      </c>
      <c r="E106390" s="15">
        <v>45551</v>
      </c>
      <c r="F106390" s="14" t="s">
        <v>25</v>
      </c>
      <c r="G106390" s="16">
        <v>0</v>
      </c>
    </row>
    <row r="106391" spans="1:7" x14ac:dyDescent="0.3">
      <c r="A106391" s="13" t="s">
        <v>516</v>
      </c>
      <c r="B106391" s="14" t="s">
        <v>1</v>
      </c>
      <c r="C106391" s="14" t="s">
        <v>35</v>
      </c>
      <c r="D106391" s="14" t="s">
        <v>78</v>
      </c>
      <c r="E106391" s="15">
        <v>45552</v>
      </c>
      <c r="F106391" s="14" t="s">
        <v>25</v>
      </c>
      <c r="G106391" s="16">
        <v>0</v>
      </c>
    </row>
    <row r="106392" spans="1:7" x14ac:dyDescent="0.3">
      <c r="A106392" s="13" t="s">
        <v>516</v>
      </c>
      <c r="B106392" s="14" t="s">
        <v>1</v>
      </c>
      <c r="C106392" s="14" t="s">
        <v>35</v>
      </c>
      <c r="D106392" s="14" t="s">
        <v>78</v>
      </c>
      <c r="E106392" s="15">
        <v>45553</v>
      </c>
      <c r="F106392" s="14" t="s">
        <v>25</v>
      </c>
      <c r="G106392" s="16">
        <v>0</v>
      </c>
    </row>
    <row r="106393" spans="1:7" x14ac:dyDescent="0.3">
      <c r="A106393" s="13" t="s">
        <v>516</v>
      </c>
      <c r="B106393" s="14" t="s">
        <v>1</v>
      </c>
      <c r="C106393" s="14" t="s">
        <v>35</v>
      </c>
      <c r="D106393" s="14" t="s">
        <v>78</v>
      </c>
      <c r="E106393" s="15">
        <v>45554</v>
      </c>
      <c r="F106393" s="14" t="s">
        <v>25</v>
      </c>
      <c r="G106393" s="16">
        <v>0</v>
      </c>
    </row>
    <row r="106394" spans="1:7" x14ac:dyDescent="0.3">
      <c r="A106394" s="13" t="s">
        <v>516</v>
      </c>
      <c r="B106394" s="14" t="s">
        <v>1</v>
      </c>
      <c r="C106394" s="14" t="s">
        <v>35</v>
      </c>
      <c r="D106394" s="14" t="s">
        <v>78</v>
      </c>
      <c r="E106394" s="15">
        <v>45555</v>
      </c>
      <c r="F106394" s="14" t="s">
        <v>25</v>
      </c>
      <c r="G106394" s="16">
        <v>0</v>
      </c>
    </row>
    <row r="106395" spans="1:7" x14ac:dyDescent="0.3">
      <c r="A106395" s="13" t="s">
        <v>516</v>
      </c>
      <c r="B106395" s="14" t="s">
        <v>1</v>
      </c>
      <c r="C106395" s="14" t="s">
        <v>35</v>
      </c>
      <c r="D106395" s="14" t="s">
        <v>78</v>
      </c>
      <c r="E106395" s="15">
        <v>45556</v>
      </c>
      <c r="F106395" s="14" t="s">
        <v>25</v>
      </c>
      <c r="G106395" s="16">
        <v>0</v>
      </c>
    </row>
    <row r="106396" spans="1:7" x14ac:dyDescent="0.3">
      <c r="A106396" s="13" t="s">
        <v>516</v>
      </c>
      <c r="B106396" s="14" t="s">
        <v>1</v>
      </c>
      <c r="C106396" s="14" t="s">
        <v>35</v>
      </c>
      <c r="D106396" s="14" t="s">
        <v>78</v>
      </c>
      <c r="E106396" s="15">
        <v>45557</v>
      </c>
      <c r="F106396" s="14" t="s">
        <v>25</v>
      </c>
      <c r="G106396" s="16">
        <v>0</v>
      </c>
    </row>
    <row r="106397" spans="1:7" x14ac:dyDescent="0.3">
      <c r="A106397" s="13" t="s">
        <v>516</v>
      </c>
      <c r="B106397" s="14" t="s">
        <v>1</v>
      </c>
      <c r="C106397" s="14" t="s">
        <v>35</v>
      </c>
      <c r="D106397" s="14" t="s">
        <v>78</v>
      </c>
      <c r="E106397" s="15">
        <v>45558</v>
      </c>
      <c r="F106397" s="14" t="s">
        <v>25</v>
      </c>
      <c r="G106397" s="16">
        <v>0</v>
      </c>
    </row>
    <row r="106398" spans="1:7" x14ac:dyDescent="0.3">
      <c r="A106398" s="13" t="s">
        <v>516</v>
      </c>
      <c r="B106398" s="14" t="s">
        <v>1</v>
      </c>
      <c r="C106398" s="14" t="s">
        <v>35</v>
      </c>
      <c r="D106398" s="14" t="s">
        <v>78</v>
      </c>
      <c r="E106398" s="15">
        <v>45559</v>
      </c>
      <c r="F106398" s="14" t="s">
        <v>25</v>
      </c>
      <c r="G106398" s="16">
        <v>0</v>
      </c>
    </row>
    <row r="106399" spans="1:7" x14ac:dyDescent="0.3">
      <c r="A106399" s="13" t="s">
        <v>516</v>
      </c>
      <c r="B106399" s="14" t="s">
        <v>1</v>
      </c>
      <c r="C106399" s="14" t="s">
        <v>35</v>
      </c>
      <c r="D106399" s="14" t="s">
        <v>78</v>
      </c>
      <c r="E106399" s="15">
        <v>45560</v>
      </c>
      <c r="F106399" s="14" t="s">
        <v>25</v>
      </c>
      <c r="G106399" s="16">
        <v>0</v>
      </c>
    </row>
    <row r="106400" spans="1:7" x14ac:dyDescent="0.3">
      <c r="A106400" s="13" t="s">
        <v>516</v>
      </c>
      <c r="B106400" s="14" t="s">
        <v>1</v>
      </c>
      <c r="C106400" s="14" t="s">
        <v>35</v>
      </c>
      <c r="D106400" s="14" t="s">
        <v>78</v>
      </c>
      <c r="E106400" s="15">
        <v>45561</v>
      </c>
      <c r="F106400" s="14" t="s">
        <v>25</v>
      </c>
      <c r="G106400" s="16">
        <v>0</v>
      </c>
    </row>
    <row r="106401" spans="1:7" x14ac:dyDescent="0.3">
      <c r="A106401" s="13" t="s">
        <v>516</v>
      </c>
      <c r="B106401" s="14" t="s">
        <v>1</v>
      </c>
      <c r="C106401" s="14" t="s">
        <v>35</v>
      </c>
      <c r="D106401" s="14" t="s">
        <v>78</v>
      </c>
      <c r="E106401" s="15">
        <v>45562</v>
      </c>
      <c r="F106401" s="14" t="s">
        <v>25</v>
      </c>
      <c r="G106401" s="16">
        <v>0</v>
      </c>
    </row>
    <row r="106402" spans="1:7" x14ac:dyDescent="0.3">
      <c r="A106402" s="13" t="s">
        <v>516</v>
      </c>
      <c r="B106402" s="14" t="s">
        <v>1</v>
      </c>
      <c r="C106402" s="14" t="s">
        <v>35</v>
      </c>
      <c r="D106402" s="14" t="s">
        <v>78</v>
      </c>
      <c r="E106402" s="15">
        <v>45563</v>
      </c>
      <c r="F106402" s="14" t="s">
        <v>25</v>
      </c>
      <c r="G106402" s="16">
        <v>0</v>
      </c>
    </row>
    <row r="106403" spans="1:7" x14ac:dyDescent="0.3">
      <c r="A106403" s="13" t="s">
        <v>516</v>
      </c>
      <c r="B106403" s="14" t="s">
        <v>1</v>
      </c>
      <c r="C106403" s="14" t="s">
        <v>35</v>
      </c>
      <c r="D106403" s="14" t="s">
        <v>78</v>
      </c>
      <c r="E106403" s="15">
        <v>45564</v>
      </c>
      <c r="F106403" s="14" t="s">
        <v>25</v>
      </c>
      <c r="G106403" s="16">
        <v>0</v>
      </c>
    </row>
    <row r="106404" spans="1:7" x14ac:dyDescent="0.3">
      <c r="A106404" s="13" t="s">
        <v>516</v>
      </c>
      <c r="B106404" s="14" t="s">
        <v>1</v>
      </c>
      <c r="C106404" s="14" t="s">
        <v>35</v>
      </c>
      <c r="D106404" s="14" t="s">
        <v>78</v>
      </c>
      <c r="E106404" s="15">
        <v>45565</v>
      </c>
      <c r="F106404" s="14" t="s">
        <v>25</v>
      </c>
      <c r="G106404" s="16">
        <v>0</v>
      </c>
    </row>
    <row r="106405" spans="1:7" x14ac:dyDescent="0.3">
      <c r="A106405" s="13" t="s">
        <v>516</v>
      </c>
      <c r="B106405" s="14" t="s">
        <v>1</v>
      </c>
      <c r="C106405" s="14" t="s">
        <v>35</v>
      </c>
      <c r="D106405" s="14" t="s">
        <v>78</v>
      </c>
      <c r="E106405" s="15">
        <v>45566</v>
      </c>
      <c r="F106405" s="14" t="s">
        <v>25</v>
      </c>
      <c r="G106405" s="16">
        <v>0</v>
      </c>
    </row>
    <row r="106406" spans="1:7" x14ac:dyDescent="0.3">
      <c r="A106406" s="13" t="s">
        <v>516</v>
      </c>
      <c r="B106406" s="14" t="s">
        <v>1</v>
      </c>
      <c r="C106406" s="14" t="s">
        <v>35</v>
      </c>
      <c r="D106406" s="14" t="s">
        <v>78</v>
      </c>
      <c r="E106406" s="15">
        <v>45567</v>
      </c>
      <c r="F106406" s="14" t="s">
        <v>25</v>
      </c>
      <c r="G106406" s="16">
        <v>0</v>
      </c>
    </row>
    <row r="106407" spans="1:7" x14ac:dyDescent="0.3">
      <c r="A106407" s="13" t="s">
        <v>516</v>
      </c>
      <c r="B106407" s="14" t="s">
        <v>1</v>
      </c>
      <c r="C106407" s="14" t="s">
        <v>35</v>
      </c>
      <c r="D106407" s="14" t="s">
        <v>78</v>
      </c>
      <c r="E106407" s="15">
        <v>45568</v>
      </c>
      <c r="F106407" s="14" t="s">
        <v>25</v>
      </c>
      <c r="G106407" s="16">
        <v>0</v>
      </c>
    </row>
    <row r="106408" spans="1:7" x14ac:dyDescent="0.3">
      <c r="A106408" s="13" t="s">
        <v>516</v>
      </c>
      <c r="B106408" s="14" t="s">
        <v>1</v>
      </c>
      <c r="C106408" s="14" t="s">
        <v>35</v>
      </c>
      <c r="D106408" s="14" t="s">
        <v>78</v>
      </c>
      <c r="E106408" s="15">
        <v>45569</v>
      </c>
      <c r="F106408" s="14" t="s">
        <v>25</v>
      </c>
      <c r="G106408" s="16">
        <v>0</v>
      </c>
    </row>
    <row r="106409" spans="1:7" x14ac:dyDescent="0.3">
      <c r="A106409" s="13" t="s">
        <v>516</v>
      </c>
      <c r="B106409" s="14" t="s">
        <v>1</v>
      </c>
      <c r="C106409" s="14" t="s">
        <v>35</v>
      </c>
      <c r="D106409" s="14" t="s">
        <v>78</v>
      </c>
      <c r="E106409" s="15">
        <v>45570</v>
      </c>
      <c r="F106409" s="14" t="s">
        <v>25</v>
      </c>
      <c r="G106409" s="16">
        <v>0</v>
      </c>
    </row>
    <row r="106410" spans="1:7" x14ac:dyDescent="0.3">
      <c r="A106410" s="13" t="s">
        <v>516</v>
      </c>
      <c r="B106410" s="14" t="s">
        <v>1</v>
      </c>
      <c r="C106410" s="14" t="s">
        <v>35</v>
      </c>
      <c r="D106410" s="14" t="s">
        <v>78</v>
      </c>
      <c r="E106410" s="15">
        <v>45571</v>
      </c>
      <c r="F106410" s="14" t="s">
        <v>25</v>
      </c>
      <c r="G106410" s="16">
        <v>0</v>
      </c>
    </row>
    <row r="106411" spans="1:7" x14ac:dyDescent="0.3">
      <c r="A106411" s="13" t="s">
        <v>516</v>
      </c>
      <c r="B106411" s="14" t="s">
        <v>1</v>
      </c>
      <c r="C106411" s="14" t="s">
        <v>35</v>
      </c>
      <c r="D106411" s="14" t="s">
        <v>78</v>
      </c>
      <c r="E106411" s="15">
        <v>45572</v>
      </c>
      <c r="F106411" s="14" t="s">
        <v>25</v>
      </c>
      <c r="G106411" s="16">
        <v>0</v>
      </c>
    </row>
    <row r="106412" spans="1:7" x14ac:dyDescent="0.3">
      <c r="A106412" s="13" t="s">
        <v>516</v>
      </c>
      <c r="B106412" s="14" t="s">
        <v>1</v>
      </c>
      <c r="C106412" s="14" t="s">
        <v>35</v>
      </c>
      <c r="D106412" s="14" t="s">
        <v>78</v>
      </c>
      <c r="E106412" s="15">
        <v>45573</v>
      </c>
      <c r="F106412" s="14" t="s">
        <v>25</v>
      </c>
      <c r="G106412" s="16">
        <v>0</v>
      </c>
    </row>
    <row r="106413" spans="1:7" x14ac:dyDescent="0.3">
      <c r="A106413" s="13" t="s">
        <v>516</v>
      </c>
      <c r="B106413" s="14" t="s">
        <v>1</v>
      </c>
      <c r="C106413" s="14" t="s">
        <v>35</v>
      </c>
      <c r="D106413" s="14" t="s">
        <v>78</v>
      </c>
      <c r="E106413" s="15">
        <v>45574</v>
      </c>
      <c r="F106413" s="14" t="s">
        <v>25</v>
      </c>
      <c r="G106413" s="16">
        <v>0</v>
      </c>
    </row>
    <row r="106414" spans="1:7" x14ac:dyDescent="0.3">
      <c r="A106414" s="13" t="s">
        <v>516</v>
      </c>
      <c r="B106414" s="14" t="s">
        <v>1</v>
      </c>
      <c r="C106414" s="14" t="s">
        <v>35</v>
      </c>
      <c r="D106414" s="14" t="s">
        <v>78</v>
      </c>
      <c r="E106414" s="15">
        <v>45575</v>
      </c>
      <c r="F106414" s="14" t="s">
        <v>25</v>
      </c>
      <c r="G106414" s="16">
        <v>0</v>
      </c>
    </row>
    <row r="106415" spans="1:7" x14ac:dyDescent="0.3">
      <c r="A106415" s="13" t="s">
        <v>516</v>
      </c>
      <c r="B106415" s="14" t="s">
        <v>1</v>
      </c>
      <c r="C106415" s="14" t="s">
        <v>35</v>
      </c>
      <c r="D106415" s="14" t="s">
        <v>78</v>
      </c>
      <c r="E106415" s="15">
        <v>45576</v>
      </c>
      <c r="F106415" s="14" t="s">
        <v>25</v>
      </c>
      <c r="G106415" s="16">
        <v>0</v>
      </c>
    </row>
    <row r="106416" spans="1:7" x14ac:dyDescent="0.3">
      <c r="A106416" s="13" t="s">
        <v>516</v>
      </c>
      <c r="B106416" s="14" t="s">
        <v>1</v>
      </c>
      <c r="C106416" s="14" t="s">
        <v>35</v>
      </c>
      <c r="D106416" s="14" t="s">
        <v>78</v>
      </c>
      <c r="E106416" s="15">
        <v>45577</v>
      </c>
      <c r="F106416" s="14" t="s">
        <v>25</v>
      </c>
      <c r="G106416" s="16">
        <v>0</v>
      </c>
    </row>
    <row r="106417" spans="1:7" x14ac:dyDescent="0.3">
      <c r="A106417" s="13" t="s">
        <v>516</v>
      </c>
      <c r="B106417" s="14" t="s">
        <v>1</v>
      </c>
      <c r="C106417" s="14" t="s">
        <v>35</v>
      </c>
      <c r="D106417" s="14" t="s">
        <v>78</v>
      </c>
      <c r="E106417" s="15">
        <v>45578</v>
      </c>
      <c r="F106417" s="14" t="s">
        <v>25</v>
      </c>
      <c r="G106417" s="16">
        <v>0</v>
      </c>
    </row>
    <row r="106418" spans="1:7" x14ac:dyDescent="0.3">
      <c r="A106418" s="13" t="s">
        <v>516</v>
      </c>
      <c r="B106418" s="14" t="s">
        <v>1</v>
      </c>
      <c r="C106418" s="14" t="s">
        <v>35</v>
      </c>
      <c r="D106418" s="14" t="s">
        <v>78</v>
      </c>
      <c r="E106418" s="15">
        <v>45579</v>
      </c>
      <c r="F106418" s="14" t="s">
        <v>25</v>
      </c>
      <c r="G106418" s="16">
        <v>0</v>
      </c>
    </row>
    <row r="106419" spans="1:7" x14ac:dyDescent="0.3">
      <c r="A106419" s="13" t="s">
        <v>516</v>
      </c>
      <c r="B106419" s="14" t="s">
        <v>1</v>
      </c>
      <c r="C106419" s="14" t="s">
        <v>35</v>
      </c>
      <c r="D106419" s="14" t="s">
        <v>78</v>
      </c>
      <c r="E106419" s="15">
        <v>45580</v>
      </c>
      <c r="F106419" s="14" t="s">
        <v>25</v>
      </c>
      <c r="G106419" s="16">
        <v>0</v>
      </c>
    </row>
    <row r="106420" spans="1:7" x14ac:dyDescent="0.3">
      <c r="A106420" s="13" t="s">
        <v>516</v>
      </c>
      <c r="B106420" s="14" t="s">
        <v>1</v>
      </c>
      <c r="C106420" s="14" t="s">
        <v>35</v>
      </c>
      <c r="D106420" s="14" t="s">
        <v>78</v>
      </c>
      <c r="E106420" s="15">
        <v>45581</v>
      </c>
      <c r="F106420" s="14" t="s">
        <v>25</v>
      </c>
      <c r="G106420" s="16">
        <v>0</v>
      </c>
    </row>
    <row r="106421" spans="1:7" x14ac:dyDescent="0.3">
      <c r="A106421" s="13" t="s">
        <v>516</v>
      </c>
      <c r="B106421" s="14" t="s">
        <v>1</v>
      </c>
      <c r="C106421" s="14" t="s">
        <v>35</v>
      </c>
      <c r="D106421" s="14" t="s">
        <v>78</v>
      </c>
      <c r="E106421" s="15">
        <v>45582</v>
      </c>
      <c r="F106421" s="14" t="s">
        <v>25</v>
      </c>
      <c r="G106421" s="16">
        <v>0</v>
      </c>
    </row>
    <row r="106422" spans="1:7" x14ac:dyDescent="0.3">
      <c r="A106422" s="13" t="s">
        <v>516</v>
      </c>
      <c r="B106422" s="14" t="s">
        <v>1</v>
      </c>
      <c r="C106422" s="14" t="s">
        <v>35</v>
      </c>
      <c r="D106422" s="14" t="s">
        <v>78</v>
      </c>
      <c r="E106422" s="15">
        <v>45583</v>
      </c>
      <c r="F106422" s="14" t="s">
        <v>25</v>
      </c>
      <c r="G106422" s="16">
        <v>0</v>
      </c>
    </row>
    <row r="106423" spans="1:7" x14ac:dyDescent="0.3">
      <c r="A106423" s="13" t="s">
        <v>516</v>
      </c>
      <c r="B106423" s="14" t="s">
        <v>1</v>
      </c>
      <c r="C106423" s="14" t="s">
        <v>35</v>
      </c>
      <c r="D106423" s="14" t="s">
        <v>78</v>
      </c>
      <c r="E106423" s="15">
        <v>45584</v>
      </c>
      <c r="F106423" s="14" t="s">
        <v>25</v>
      </c>
      <c r="G106423" s="16">
        <v>0</v>
      </c>
    </row>
    <row r="106424" spans="1:7" x14ac:dyDescent="0.3">
      <c r="A106424" s="13" t="s">
        <v>516</v>
      </c>
      <c r="B106424" s="14" t="s">
        <v>1</v>
      </c>
      <c r="C106424" s="14" t="s">
        <v>35</v>
      </c>
      <c r="D106424" s="14" t="s">
        <v>78</v>
      </c>
      <c r="E106424" s="15">
        <v>45585</v>
      </c>
      <c r="F106424" s="14" t="s">
        <v>25</v>
      </c>
      <c r="G106424" s="16">
        <v>0</v>
      </c>
    </row>
    <row r="106425" spans="1:7" x14ac:dyDescent="0.3">
      <c r="A106425" s="13" t="s">
        <v>516</v>
      </c>
      <c r="B106425" s="14" t="s">
        <v>1</v>
      </c>
      <c r="C106425" s="14" t="s">
        <v>35</v>
      </c>
      <c r="D106425" s="14" t="s">
        <v>78</v>
      </c>
      <c r="E106425" s="15">
        <v>45586</v>
      </c>
      <c r="F106425" s="14" t="s">
        <v>25</v>
      </c>
      <c r="G106425" s="16">
        <v>0</v>
      </c>
    </row>
    <row r="106426" spans="1:7" x14ac:dyDescent="0.3">
      <c r="A106426" s="13" t="s">
        <v>516</v>
      </c>
      <c r="B106426" s="14" t="s">
        <v>1</v>
      </c>
      <c r="C106426" s="14" t="s">
        <v>35</v>
      </c>
      <c r="D106426" s="14" t="s">
        <v>78</v>
      </c>
      <c r="E106426" s="15">
        <v>45587</v>
      </c>
      <c r="F106426" s="14" t="s">
        <v>25</v>
      </c>
      <c r="G106426" s="16">
        <v>0</v>
      </c>
    </row>
    <row r="106427" spans="1:7" x14ac:dyDescent="0.3">
      <c r="A106427" s="13" t="s">
        <v>516</v>
      </c>
      <c r="B106427" s="14" t="s">
        <v>1</v>
      </c>
      <c r="C106427" s="14" t="s">
        <v>35</v>
      </c>
      <c r="D106427" s="14" t="s">
        <v>78</v>
      </c>
      <c r="E106427" s="15">
        <v>45588</v>
      </c>
      <c r="F106427" s="14" t="s">
        <v>25</v>
      </c>
      <c r="G106427" s="16">
        <v>0</v>
      </c>
    </row>
    <row r="106428" spans="1:7" x14ac:dyDescent="0.3">
      <c r="A106428" s="13" t="s">
        <v>516</v>
      </c>
      <c r="B106428" s="14" t="s">
        <v>1</v>
      </c>
      <c r="C106428" s="14" t="s">
        <v>35</v>
      </c>
      <c r="D106428" s="14" t="s">
        <v>78</v>
      </c>
      <c r="E106428" s="15">
        <v>45589</v>
      </c>
      <c r="F106428" s="14" t="s">
        <v>25</v>
      </c>
      <c r="G106428" s="16">
        <v>0</v>
      </c>
    </row>
    <row r="106429" spans="1:7" x14ac:dyDescent="0.3">
      <c r="A106429" s="13" t="s">
        <v>516</v>
      </c>
      <c r="B106429" s="14" t="s">
        <v>1</v>
      </c>
      <c r="C106429" s="14" t="s">
        <v>35</v>
      </c>
      <c r="D106429" s="14" t="s">
        <v>78</v>
      </c>
      <c r="E106429" s="15">
        <v>45590</v>
      </c>
      <c r="F106429" s="14" t="s">
        <v>25</v>
      </c>
      <c r="G106429" s="16">
        <v>0</v>
      </c>
    </row>
    <row r="106430" spans="1:7" x14ac:dyDescent="0.3">
      <c r="A106430" s="13" t="s">
        <v>516</v>
      </c>
      <c r="B106430" s="14" t="s">
        <v>1</v>
      </c>
      <c r="C106430" s="14" t="s">
        <v>35</v>
      </c>
      <c r="D106430" s="14" t="s">
        <v>78</v>
      </c>
      <c r="E106430" s="15">
        <v>45591</v>
      </c>
      <c r="F106430" s="14" t="s">
        <v>25</v>
      </c>
      <c r="G106430" s="16">
        <v>0</v>
      </c>
    </row>
    <row r="106431" spans="1:7" x14ac:dyDescent="0.3">
      <c r="A106431" s="13" t="s">
        <v>516</v>
      </c>
      <c r="B106431" s="14" t="s">
        <v>1</v>
      </c>
      <c r="C106431" s="14" t="s">
        <v>35</v>
      </c>
      <c r="D106431" s="14" t="s">
        <v>78</v>
      </c>
      <c r="E106431" s="15">
        <v>45592</v>
      </c>
      <c r="F106431" s="14" t="s">
        <v>25</v>
      </c>
      <c r="G106431" s="16">
        <v>0</v>
      </c>
    </row>
    <row r="106432" spans="1:7" x14ac:dyDescent="0.3">
      <c r="A106432" s="13" t="s">
        <v>516</v>
      </c>
      <c r="B106432" s="14" t="s">
        <v>1</v>
      </c>
      <c r="C106432" s="14" t="s">
        <v>35</v>
      </c>
      <c r="D106432" s="14" t="s">
        <v>78</v>
      </c>
      <c r="E106432" s="15">
        <v>45593</v>
      </c>
      <c r="F106432" s="14" t="s">
        <v>25</v>
      </c>
      <c r="G106432" s="16">
        <v>0</v>
      </c>
    </row>
    <row r="106433" spans="1:7" x14ac:dyDescent="0.3">
      <c r="A106433" s="13" t="s">
        <v>516</v>
      </c>
      <c r="B106433" s="14" t="s">
        <v>1</v>
      </c>
      <c r="C106433" s="14" t="s">
        <v>35</v>
      </c>
      <c r="D106433" s="14" t="s">
        <v>78</v>
      </c>
      <c r="E106433" s="15">
        <v>45594</v>
      </c>
      <c r="F106433" s="14" t="s">
        <v>25</v>
      </c>
      <c r="G106433" s="16">
        <v>0</v>
      </c>
    </row>
    <row r="106434" spans="1:7" x14ac:dyDescent="0.3">
      <c r="A106434" s="13" t="s">
        <v>516</v>
      </c>
      <c r="B106434" s="14" t="s">
        <v>1</v>
      </c>
      <c r="C106434" s="14" t="s">
        <v>35</v>
      </c>
      <c r="D106434" s="14" t="s">
        <v>78</v>
      </c>
      <c r="E106434" s="15">
        <v>45595</v>
      </c>
      <c r="F106434" s="14" t="s">
        <v>25</v>
      </c>
      <c r="G106434" s="16">
        <v>0</v>
      </c>
    </row>
    <row r="106435" spans="1:7" x14ac:dyDescent="0.3">
      <c r="A106435" s="13" t="s">
        <v>516</v>
      </c>
      <c r="B106435" s="14" t="s">
        <v>1</v>
      </c>
      <c r="C106435" s="14" t="s">
        <v>35</v>
      </c>
      <c r="D106435" s="14" t="s">
        <v>78</v>
      </c>
      <c r="E106435" s="15">
        <v>45596</v>
      </c>
      <c r="F106435" s="14" t="s">
        <v>25</v>
      </c>
      <c r="G106435" s="16">
        <v>0</v>
      </c>
    </row>
    <row r="106436" spans="1:7" x14ac:dyDescent="0.3">
      <c r="A106436" s="13" t="s">
        <v>516</v>
      </c>
      <c r="B106436" s="14" t="s">
        <v>1</v>
      </c>
      <c r="C106436" s="14" t="s">
        <v>35</v>
      </c>
      <c r="D106436" s="14" t="s">
        <v>78</v>
      </c>
      <c r="E106436" s="15">
        <v>45597</v>
      </c>
      <c r="F106436" s="14" t="s">
        <v>25</v>
      </c>
      <c r="G106436" s="16">
        <v>0</v>
      </c>
    </row>
    <row r="106437" spans="1:7" x14ac:dyDescent="0.3">
      <c r="A106437" s="13" t="s">
        <v>516</v>
      </c>
      <c r="B106437" s="14" t="s">
        <v>1</v>
      </c>
      <c r="C106437" s="14" t="s">
        <v>35</v>
      </c>
      <c r="D106437" s="14" t="s">
        <v>78</v>
      </c>
      <c r="E106437" s="15">
        <v>45598</v>
      </c>
      <c r="F106437" s="14" t="s">
        <v>25</v>
      </c>
      <c r="G106437" s="16">
        <v>0</v>
      </c>
    </row>
    <row r="106438" spans="1:7" x14ac:dyDescent="0.3">
      <c r="A106438" s="13" t="s">
        <v>516</v>
      </c>
      <c r="B106438" s="14" t="s">
        <v>1</v>
      </c>
      <c r="C106438" s="14" t="s">
        <v>35</v>
      </c>
      <c r="D106438" s="14" t="s">
        <v>78</v>
      </c>
      <c r="E106438" s="15">
        <v>45599</v>
      </c>
      <c r="F106438" s="14" t="s">
        <v>25</v>
      </c>
      <c r="G106438" s="16">
        <v>0</v>
      </c>
    </row>
    <row r="106439" spans="1:7" x14ac:dyDescent="0.3">
      <c r="A106439" s="13" t="s">
        <v>516</v>
      </c>
      <c r="B106439" s="14" t="s">
        <v>1</v>
      </c>
      <c r="C106439" s="14" t="s">
        <v>35</v>
      </c>
      <c r="D106439" s="14" t="s">
        <v>78</v>
      </c>
      <c r="E106439" s="15">
        <v>45600</v>
      </c>
      <c r="F106439" s="14" t="s">
        <v>25</v>
      </c>
      <c r="G106439" s="16">
        <v>0</v>
      </c>
    </row>
    <row r="106440" spans="1:7" x14ac:dyDescent="0.3">
      <c r="A106440" s="13" t="s">
        <v>516</v>
      </c>
      <c r="B106440" s="14" t="s">
        <v>1</v>
      </c>
      <c r="C106440" s="14" t="s">
        <v>35</v>
      </c>
      <c r="D106440" s="14" t="s">
        <v>78</v>
      </c>
      <c r="E106440" s="15">
        <v>45601</v>
      </c>
      <c r="F106440" s="14" t="s">
        <v>25</v>
      </c>
      <c r="G106440" s="16">
        <v>0</v>
      </c>
    </row>
    <row r="106441" spans="1:7" x14ac:dyDescent="0.3">
      <c r="A106441" s="13" t="s">
        <v>516</v>
      </c>
      <c r="B106441" s="14" t="s">
        <v>1</v>
      </c>
      <c r="C106441" s="14" t="s">
        <v>35</v>
      </c>
      <c r="D106441" s="14" t="s">
        <v>78</v>
      </c>
      <c r="E106441" s="15">
        <v>45602</v>
      </c>
      <c r="F106441" s="14" t="s">
        <v>25</v>
      </c>
      <c r="G106441" s="16">
        <v>0</v>
      </c>
    </row>
    <row r="106442" spans="1:7" x14ac:dyDescent="0.3">
      <c r="A106442" s="13" t="s">
        <v>516</v>
      </c>
      <c r="B106442" s="14" t="s">
        <v>1</v>
      </c>
      <c r="C106442" s="14" t="s">
        <v>35</v>
      </c>
      <c r="D106442" s="14" t="s">
        <v>78</v>
      </c>
      <c r="E106442" s="15">
        <v>45603</v>
      </c>
      <c r="F106442" s="14" t="s">
        <v>25</v>
      </c>
      <c r="G106442" s="16">
        <v>0</v>
      </c>
    </row>
    <row r="106443" spans="1:7" x14ac:dyDescent="0.3">
      <c r="A106443" s="13" t="s">
        <v>516</v>
      </c>
      <c r="B106443" s="14" t="s">
        <v>1</v>
      </c>
      <c r="C106443" s="14" t="s">
        <v>35</v>
      </c>
      <c r="D106443" s="14" t="s">
        <v>78</v>
      </c>
      <c r="E106443" s="15">
        <v>45604</v>
      </c>
      <c r="F106443" s="14" t="s">
        <v>25</v>
      </c>
      <c r="G106443" s="16">
        <v>0</v>
      </c>
    </row>
    <row r="106444" spans="1:7" x14ac:dyDescent="0.3">
      <c r="A106444" s="13" t="s">
        <v>516</v>
      </c>
      <c r="B106444" s="14" t="s">
        <v>1</v>
      </c>
      <c r="C106444" s="14" t="s">
        <v>35</v>
      </c>
      <c r="D106444" s="14" t="s">
        <v>78</v>
      </c>
      <c r="E106444" s="15">
        <v>45605</v>
      </c>
      <c r="F106444" s="14" t="s">
        <v>25</v>
      </c>
      <c r="G106444" s="16">
        <v>0</v>
      </c>
    </row>
    <row r="106445" spans="1:7" x14ac:dyDescent="0.3">
      <c r="A106445" s="13" t="s">
        <v>516</v>
      </c>
      <c r="B106445" s="14" t="s">
        <v>1</v>
      </c>
      <c r="C106445" s="14" t="s">
        <v>35</v>
      </c>
      <c r="D106445" s="14" t="s">
        <v>78</v>
      </c>
      <c r="E106445" s="15">
        <v>45606</v>
      </c>
      <c r="F106445" s="14" t="s">
        <v>25</v>
      </c>
      <c r="G106445" s="16">
        <v>0</v>
      </c>
    </row>
    <row r="106446" spans="1:7" x14ac:dyDescent="0.3">
      <c r="A106446" s="13" t="s">
        <v>516</v>
      </c>
      <c r="B106446" s="14" t="s">
        <v>1</v>
      </c>
      <c r="C106446" s="14" t="s">
        <v>35</v>
      </c>
      <c r="D106446" s="14" t="s">
        <v>78</v>
      </c>
      <c r="E106446" s="15">
        <v>45607</v>
      </c>
      <c r="F106446" s="14" t="s">
        <v>25</v>
      </c>
      <c r="G106446" s="16">
        <v>0</v>
      </c>
    </row>
    <row r="106447" spans="1:7" x14ac:dyDescent="0.3">
      <c r="A106447" s="13" t="s">
        <v>516</v>
      </c>
      <c r="B106447" s="14" t="s">
        <v>1</v>
      </c>
      <c r="C106447" s="14" t="s">
        <v>35</v>
      </c>
      <c r="D106447" s="14" t="s">
        <v>78</v>
      </c>
      <c r="E106447" s="15">
        <v>45608</v>
      </c>
      <c r="F106447" s="14" t="s">
        <v>25</v>
      </c>
      <c r="G106447" s="16">
        <v>0</v>
      </c>
    </row>
    <row r="106448" spans="1:7" x14ac:dyDescent="0.3">
      <c r="A106448" s="13" t="s">
        <v>516</v>
      </c>
      <c r="B106448" s="14" t="s">
        <v>1</v>
      </c>
      <c r="C106448" s="14" t="s">
        <v>35</v>
      </c>
      <c r="D106448" s="14" t="s">
        <v>78</v>
      </c>
      <c r="E106448" s="15">
        <v>45609</v>
      </c>
      <c r="F106448" s="14" t="s">
        <v>25</v>
      </c>
      <c r="G106448" s="16">
        <v>0</v>
      </c>
    </row>
    <row r="106449" spans="1:7" x14ac:dyDescent="0.3">
      <c r="A106449" s="13" t="s">
        <v>516</v>
      </c>
      <c r="B106449" s="14" t="s">
        <v>1</v>
      </c>
      <c r="C106449" s="14" t="s">
        <v>35</v>
      </c>
      <c r="D106449" s="14" t="s">
        <v>78</v>
      </c>
      <c r="E106449" s="15">
        <v>45610</v>
      </c>
      <c r="F106449" s="14" t="s">
        <v>25</v>
      </c>
      <c r="G106449" s="16">
        <v>0</v>
      </c>
    </row>
    <row r="106450" spans="1:7" x14ac:dyDescent="0.3">
      <c r="A106450" s="13" t="s">
        <v>516</v>
      </c>
      <c r="B106450" s="14" t="s">
        <v>1</v>
      </c>
      <c r="C106450" s="14" t="s">
        <v>35</v>
      </c>
      <c r="D106450" s="14" t="s">
        <v>78</v>
      </c>
      <c r="E106450" s="15">
        <v>45611</v>
      </c>
      <c r="F106450" s="14" t="s">
        <v>25</v>
      </c>
      <c r="G106450" s="16">
        <v>0</v>
      </c>
    </row>
    <row r="106451" spans="1:7" x14ac:dyDescent="0.3">
      <c r="A106451" s="13" t="s">
        <v>516</v>
      </c>
      <c r="B106451" s="14" t="s">
        <v>1</v>
      </c>
      <c r="C106451" s="14" t="s">
        <v>35</v>
      </c>
      <c r="D106451" s="14" t="s">
        <v>78</v>
      </c>
      <c r="E106451" s="15">
        <v>45612</v>
      </c>
      <c r="F106451" s="14" t="s">
        <v>25</v>
      </c>
      <c r="G106451" s="16">
        <v>0</v>
      </c>
    </row>
    <row r="106452" spans="1:7" x14ac:dyDescent="0.3">
      <c r="A106452" s="13" t="s">
        <v>516</v>
      </c>
      <c r="B106452" s="14" t="s">
        <v>1</v>
      </c>
      <c r="C106452" s="14" t="s">
        <v>35</v>
      </c>
      <c r="D106452" s="14" t="s">
        <v>78</v>
      </c>
      <c r="E106452" s="15">
        <v>45613</v>
      </c>
      <c r="F106452" s="14" t="s">
        <v>25</v>
      </c>
      <c r="G106452" s="16">
        <v>0</v>
      </c>
    </row>
    <row r="106453" spans="1:7" x14ac:dyDescent="0.3">
      <c r="A106453" s="13" t="s">
        <v>516</v>
      </c>
      <c r="B106453" s="14" t="s">
        <v>1</v>
      </c>
      <c r="C106453" s="14" t="s">
        <v>35</v>
      </c>
      <c r="D106453" s="14" t="s">
        <v>78</v>
      </c>
      <c r="E106453" s="15">
        <v>45614</v>
      </c>
      <c r="F106453" s="14" t="s">
        <v>25</v>
      </c>
      <c r="G106453" s="16">
        <v>0</v>
      </c>
    </row>
    <row r="106454" spans="1:7" x14ac:dyDescent="0.3">
      <c r="A106454" s="13" t="s">
        <v>516</v>
      </c>
      <c r="B106454" s="14" t="s">
        <v>1</v>
      </c>
      <c r="C106454" s="14" t="s">
        <v>35</v>
      </c>
      <c r="D106454" s="14" t="s">
        <v>78</v>
      </c>
      <c r="E106454" s="15">
        <v>45615</v>
      </c>
      <c r="F106454" s="14" t="s">
        <v>25</v>
      </c>
      <c r="G106454" s="16">
        <v>0</v>
      </c>
    </row>
    <row r="106455" spans="1:7" x14ac:dyDescent="0.3">
      <c r="A106455" s="13" t="s">
        <v>516</v>
      </c>
      <c r="B106455" s="14" t="s">
        <v>1</v>
      </c>
      <c r="C106455" s="14" t="s">
        <v>35</v>
      </c>
      <c r="D106455" s="14" t="s">
        <v>78</v>
      </c>
      <c r="E106455" s="15">
        <v>45616</v>
      </c>
      <c r="F106455" s="14" t="s">
        <v>25</v>
      </c>
      <c r="G106455" s="16">
        <v>0</v>
      </c>
    </row>
    <row r="106456" spans="1:7" x14ac:dyDescent="0.3">
      <c r="A106456" s="13" t="s">
        <v>516</v>
      </c>
      <c r="B106456" s="14" t="s">
        <v>1</v>
      </c>
      <c r="C106456" s="14" t="s">
        <v>35</v>
      </c>
      <c r="D106456" s="14" t="s">
        <v>78</v>
      </c>
      <c r="E106456" s="15">
        <v>45617</v>
      </c>
      <c r="F106456" s="14" t="s">
        <v>25</v>
      </c>
      <c r="G106456" s="16">
        <v>0</v>
      </c>
    </row>
    <row r="106457" spans="1:7" x14ac:dyDescent="0.3">
      <c r="A106457" s="13" t="s">
        <v>516</v>
      </c>
      <c r="B106457" s="14" t="s">
        <v>1</v>
      </c>
      <c r="C106457" s="14" t="s">
        <v>35</v>
      </c>
      <c r="D106457" s="14" t="s">
        <v>78</v>
      </c>
      <c r="E106457" s="15">
        <v>45618</v>
      </c>
      <c r="F106457" s="14" t="s">
        <v>25</v>
      </c>
      <c r="G106457" s="16">
        <v>0</v>
      </c>
    </row>
    <row r="106458" spans="1:7" x14ac:dyDescent="0.3">
      <c r="A106458" s="13" t="s">
        <v>516</v>
      </c>
      <c r="B106458" s="14" t="s">
        <v>1</v>
      </c>
      <c r="C106458" s="14" t="s">
        <v>35</v>
      </c>
      <c r="D106458" s="14" t="s">
        <v>78</v>
      </c>
      <c r="E106458" s="15">
        <v>45619</v>
      </c>
      <c r="F106458" s="14" t="s">
        <v>25</v>
      </c>
      <c r="G106458" s="16">
        <v>0</v>
      </c>
    </row>
    <row r="106459" spans="1:7" x14ac:dyDescent="0.3">
      <c r="A106459" s="13" t="s">
        <v>516</v>
      </c>
      <c r="B106459" s="14" t="s">
        <v>1</v>
      </c>
      <c r="C106459" s="14" t="s">
        <v>35</v>
      </c>
      <c r="D106459" s="14" t="s">
        <v>78</v>
      </c>
      <c r="E106459" s="15">
        <v>45620</v>
      </c>
      <c r="F106459" s="14" t="s">
        <v>25</v>
      </c>
      <c r="G106459" s="16">
        <v>0</v>
      </c>
    </row>
    <row r="106460" spans="1:7" x14ac:dyDescent="0.3">
      <c r="A106460" s="13" t="s">
        <v>516</v>
      </c>
      <c r="B106460" s="14" t="s">
        <v>1</v>
      </c>
      <c r="C106460" s="14" t="s">
        <v>35</v>
      </c>
      <c r="D106460" s="14" t="s">
        <v>78</v>
      </c>
      <c r="E106460" s="15">
        <v>45621</v>
      </c>
      <c r="F106460" s="14" t="s">
        <v>25</v>
      </c>
      <c r="G106460" s="16">
        <v>0</v>
      </c>
    </row>
    <row r="106461" spans="1:7" x14ac:dyDescent="0.3">
      <c r="A106461" s="13" t="s">
        <v>516</v>
      </c>
      <c r="B106461" s="14" t="s">
        <v>1</v>
      </c>
      <c r="C106461" s="14" t="s">
        <v>35</v>
      </c>
      <c r="D106461" s="14" t="s">
        <v>78</v>
      </c>
      <c r="E106461" s="15">
        <v>45622</v>
      </c>
      <c r="F106461" s="14" t="s">
        <v>25</v>
      </c>
      <c r="G106461" s="16">
        <v>0</v>
      </c>
    </row>
    <row r="106462" spans="1:7" x14ac:dyDescent="0.3">
      <c r="A106462" s="13" t="s">
        <v>516</v>
      </c>
      <c r="B106462" s="14" t="s">
        <v>1</v>
      </c>
      <c r="C106462" s="14" t="s">
        <v>35</v>
      </c>
      <c r="D106462" s="14" t="s">
        <v>78</v>
      </c>
      <c r="E106462" s="15">
        <v>45623</v>
      </c>
      <c r="F106462" s="14" t="s">
        <v>25</v>
      </c>
      <c r="G106462" s="16">
        <v>0</v>
      </c>
    </row>
    <row r="106463" spans="1:7" x14ac:dyDescent="0.3">
      <c r="A106463" s="13" t="s">
        <v>516</v>
      </c>
      <c r="B106463" s="14" t="s">
        <v>1</v>
      </c>
      <c r="C106463" s="14" t="s">
        <v>35</v>
      </c>
      <c r="D106463" s="14" t="s">
        <v>78</v>
      </c>
      <c r="E106463" s="15">
        <v>45624</v>
      </c>
      <c r="F106463" s="14" t="s">
        <v>25</v>
      </c>
      <c r="G106463" s="16">
        <v>0</v>
      </c>
    </row>
    <row r="106464" spans="1:7" x14ac:dyDescent="0.3">
      <c r="A106464" s="13" t="s">
        <v>516</v>
      </c>
      <c r="B106464" s="14" t="s">
        <v>1</v>
      </c>
      <c r="C106464" s="14" t="s">
        <v>35</v>
      </c>
      <c r="D106464" s="14" t="s">
        <v>78</v>
      </c>
      <c r="E106464" s="15">
        <v>45625</v>
      </c>
      <c r="F106464" s="14" t="s">
        <v>25</v>
      </c>
      <c r="G106464" s="16">
        <v>0</v>
      </c>
    </row>
    <row r="106465" spans="1:7" x14ac:dyDescent="0.3">
      <c r="A106465" s="13" t="s">
        <v>516</v>
      </c>
      <c r="B106465" s="14" t="s">
        <v>1</v>
      </c>
      <c r="C106465" s="14" t="s">
        <v>35</v>
      </c>
      <c r="D106465" s="14" t="s">
        <v>78</v>
      </c>
      <c r="E106465" s="15">
        <v>45626</v>
      </c>
      <c r="F106465" s="14" t="s">
        <v>25</v>
      </c>
      <c r="G106465" s="16">
        <v>0</v>
      </c>
    </row>
    <row r="106466" spans="1:7" x14ac:dyDescent="0.3">
      <c r="A106466" s="13" t="s">
        <v>516</v>
      </c>
      <c r="B106466" s="14" t="s">
        <v>1</v>
      </c>
      <c r="C106466" s="14" t="s">
        <v>35</v>
      </c>
      <c r="D106466" s="14" t="s">
        <v>78</v>
      </c>
      <c r="E106466" s="15">
        <v>45627</v>
      </c>
      <c r="F106466" s="14" t="s">
        <v>25</v>
      </c>
      <c r="G106466" s="16">
        <v>0</v>
      </c>
    </row>
    <row r="106467" spans="1:7" x14ac:dyDescent="0.3">
      <c r="A106467" s="13" t="s">
        <v>516</v>
      </c>
      <c r="B106467" s="14" t="s">
        <v>1</v>
      </c>
      <c r="C106467" s="14" t="s">
        <v>35</v>
      </c>
      <c r="D106467" s="14" t="s">
        <v>78</v>
      </c>
      <c r="E106467" s="15">
        <v>45628</v>
      </c>
      <c r="F106467" s="14" t="s">
        <v>25</v>
      </c>
      <c r="G106467" s="16">
        <v>0</v>
      </c>
    </row>
    <row r="106468" spans="1:7" x14ac:dyDescent="0.3">
      <c r="A106468" s="13" t="s">
        <v>516</v>
      </c>
      <c r="B106468" s="14" t="s">
        <v>1</v>
      </c>
      <c r="C106468" s="14" t="s">
        <v>35</v>
      </c>
      <c r="D106468" s="14" t="s">
        <v>78</v>
      </c>
      <c r="E106468" s="15">
        <v>45629</v>
      </c>
      <c r="F106468" s="14" t="s">
        <v>25</v>
      </c>
      <c r="G106468" s="16">
        <v>0</v>
      </c>
    </row>
    <row r="106469" spans="1:7" x14ac:dyDescent="0.3">
      <c r="A106469" s="13" t="s">
        <v>516</v>
      </c>
      <c r="B106469" s="14" t="s">
        <v>1</v>
      </c>
      <c r="C106469" s="14" t="s">
        <v>35</v>
      </c>
      <c r="D106469" s="14" t="s">
        <v>78</v>
      </c>
      <c r="E106469" s="15">
        <v>45630</v>
      </c>
      <c r="F106469" s="14" t="s">
        <v>25</v>
      </c>
      <c r="G106469" s="16">
        <v>0</v>
      </c>
    </row>
    <row r="106470" spans="1:7" x14ac:dyDescent="0.3">
      <c r="A106470" s="13" t="s">
        <v>516</v>
      </c>
      <c r="B106470" s="14" t="s">
        <v>1</v>
      </c>
      <c r="C106470" s="14" t="s">
        <v>35</v>
      </c>
      <c r="D106470" s="14" t="s">
        <v>78</v>
      </c>
      <c r="E106470" s="15">
        <v>45631</v>
      </c>
      <c r="F106470" s="14" t="s">
        <v>25</v>
      </c>
      <c r="G106470" s="16">
        <v>0</v>
      </c>
    </row>
    <row r="106471" spans="1:7" x14ac:dyDescent="0.3">
      <c r="A106471" s="13" t="s">
        <v>516</v>
      </c>
      <c r="B106471" s="14" t="s">
        <v>1</v>
      </c>
      <c r="C106471" s="14" t="s">
        <v>35</v>
      </c>
      <c r="D106471" s="14" t="s">
        <v>78</v>
      </c>
      <c r="E106471" s="15">
        <v>45632</v>
      </c>
      <c r="F106471" s="14" t="s">
        <v>25</v>
      </c>
      <c r="G106471" s="16">
        <v>0</v>
      </c>
    </row>
    <row r="106472" spans="1:7" x14ac:dyDescent="0.3">
      <c r="A106472" s="13" t="s">
        <v>516</v>
      </c>
      <c r="B106472" s="14" t="s">
        <v>1</v>
      </c>
      <c r="C106472" s="14" t="s">
        <v>35</v>
      </c>
      <c r="D106472" s="14" t="s">
        <v>78</v>
      </c>
      <c r="E106472" s="15">
        <v>45633</v>
      </c>
      <c r="F106472" s="14" t="s">
        <v>25</v>
      </c>
      <c r="G106472" s="16">
        <v>0</v>
      </c>
    </row>
    <row r="106473" spans="1:7" x14ac:dyDescent="0.3">
      <c r="A106473" s="13" t="s">
        <v>516</v>
      </c>
      <c r="B106473" s="14" t="s">
        <v>1</v>
      </c>
      <c r="C106473" s="14" t="s">
        <v>35</v>
      </c>
      <c r="D106473" s="14" t="s">
        <v>78</v>
      </c>
      <c r="E106473" s="15">
        <v>45634</v>
      </c>
      <c r="F106473" s="14" t="s">
        <v>25</v>
      </c>
      <c r="G106473" s="16">
        <v>0</v>
      </c>
    </row>
    <row r="106474" spans="1:7" x14ac:dyDescent="0.3">
      <c r="A106474" s="13" t="s">
        <v>516</v>
      </c>
      <c r="B106474" s="14" t="s">
        <v>1</v>
      </c>
      <c r="C106474" s="14" t="s">
        <v>35</v>
      </c>
      <c r="D106474" s="14" t="s">
        <v>78</v>
      </c>
      <c r="E106474" s="15">
        <v>45635</v>
      </c>
      <c r="F106474" s="14" t="s">
        <v>25</v>
      </c>
      <c r="G106474" s="16">
        <v>0</v>
      </c>
    </row>
    <row r="106475" spans="1:7" x14ac:dyDescent="0.3">
      <c r="A106475" s="13" t="s">
        <v>516</v>
      </c>
      <c r="B106475" s="14" t="s">
        <v>1</v>
      </c>
      <c r="C106475" s="14" t="s">
        <v>35</v>
      </c>
      <c r="D106475" s="14" t="s">
        <v>78</v>
      </c>
      <c r="E106475" s="15">
        <v>45636</v>
      </c>
      <c r="F106475" s="14" t="s">
        <v>25</v>
      </c>
      <c r="G106475" s="16">
        <v>0</v>
      </c>
    </row>
    <row r="106476" spans="1:7" x14ac:dyDescent="0.3">
      <c r="A106476" s="13" t="s">
        <v>516</v>
      </c>
      <c r="B106476" s="14" t="s">
        <v>1</v>
      </c>
      <c r="C106476" s="14" t="s">
        <v>35</v>
      </c>
      <c r="D106476" s="14" t="s">
        <v>78</v>
      </c>
      <c r="E106476" s="15">
        <v>45637</v>
      </c>
      <c r="F106476" s="14" t="s">
        <v>25</v>
      </c>
      <c r="G106476" s="16">
        <v>0</v>
      </c>
    </row>
    <row r="106477" spans="1:7" x14ac:dyDescent="0.3">
      <c r="A106477" s="13" t="s">
        <v>516</v>
      </c>
      <c r="B106477" s="14" t="s">
        <v>1</v>
      </c>
      <c r="C106477" s="14" t="s">
        <v>35</v>
      </c>
      <c r="D106477" s="14" t="s">
        <v>78</v>
      </c>
      <c r="E106477" s="15">
        <v>45638</v>
      </c>
      <c r="F106477" s="14" t="s">
        <v>25</v>
      </c>
      <c r="G106477" s="16">
        <v>0</v>
      </c>
    </row>
    <row r="106478" spans="1:7" x14ac:dyDescent="0.3">
      <c r="A106478" s="13" t="s">
        <v>516</v>
      </c>
      <c r="B106478" s="14" t="s">
        <v>1</v>
      </c>
      <c r="C106478" s="14" t="s">
        <v>35</v>
      </c>
      <c r="D106478" s="14" t="s">
        <v>78</v>
      </c>
      <c r="E106478" s="15">
        <v>45639</v>
      </c>
      <c r="F106478" s="14" t="s">
        <v>25</v>
      </c>
      <c r="G106478" s="16">
        <v>0</v>
      </c>
    </row>
    <row r="106479" spans="1:7" x14ac:dyDescent="0.3">
      <c r="A106479" s="13" t="s">
        <v>516</v>
      </c>
      <c r="B106479" s="14" t="s">
        <v>1</v>
      </c>
      <c r="C106479" s="14" t="s">
        <v>35</v>
      </c>
      <c r="D106479" s="14" t="s">
        <v>78</v>
      </c>
      <c r="E106479" s="15">
        <v>45640</v>
      </c>
      <c r="F106479" s="14" t="s">
        <v>25</v>
      </c>
      <c r="G106479" s="16">
        <v>0</v>
      </c>
    </row>
    <row r="106480" spans="1:7" x14ac:dyDescent="0.3">
      <c r="A106480" s="13" t="s">
        <v>516</v>
      </c>
      <c r="B106480" s="14" t="s">
        <v>1</v>
      </c>
      <c r="C106480" s="14" t="s">
        <v>35</v>
      </c>
      <c r="D106480" s="14" t="s">
        <v>78</v>
      </c>
      <c r="E106480" s="15">
        <v>45641</v>
      </c>
      <c r="F106480" s="14" t="s">
        <v>25</v>
      </c>
      <c r="G106480" s="16">
        <v>0</v>
      </c>
    </row>
    <row r="106481" spans="1:7" x14ac:dyDescent="0.3">
      <c r="A106481" s="13" t="s">
        <v>516</v>
      </c>
      <c r="B106481" s="14" t="s">
        <v>1</v>
      </c>
      <c r="C106481" s="14" t="s">
        <v>35</v>
      </c>
      <c r="D106481" s="14" t="s">
        <v>78</v>
      </c>
      <c r="E106481" s="15">
        <v>45642</v>
      </c>
      <c r="F106481" s="14" t="s">
        <v>25</v>
      </c>
      <c r="G106481" s="16">
        <v>0</v>
      </c>
    </row>
    <row r="106482" spans="1:7" x14ac:dyDescent="0.3">
      <c r="A106482" s="13" t="s">
        <v>516</v>
      </c>
      <c r="B106482" s="14" t="s">
        <v>1</v>
      </c>
      <c r="C106482" s="14" t="s">
        <v>35</v>
      </c>
      <c r="D106482" s="14" t="s">
        <v>78</v>
      </c>
      <c r="E106482" s="15">
        <v>45643</v>
      </c>
      <c r="F106482" s="14" t="s">
        <v>25</v>
      </c>
      <c r="G106482" s="16">
        <v>0</v>
      </c>
    </row>
    <row r="106483" spans="1:7" x14ac:dyDescent="0.3">
      <c r="A106483" s="13" t="s">
        <v>516</v>
      </c>
      <c r="B106483" s="14" t="s">
        <v>1</v>
      </c>
      <c r="C106483" s="14" t="s">
        <v>35</v>
      </c>
      <c r="D106483" s="14" t="s">
        <v>78</v>
      </c>
      <c r="E106483" s="15">
        <v>45644</v>
      </c>
      <c r="F106483" s="14" t="s">
        <v>25</v>
      </c>
      <c r="G106483" s="16">
        <v>0</v>
      </c>
    </row>
    <row r="106484" spans="1:7" x14ac:dyDescent="0.3">
      <c r="A106484" s="13" t="s">
        <v>516</v>
      </c>
      <c r="B106484" s="14" t="s">
        <v>1</v>
      </c>
      <c r="C106484" s="14" t="s">
        <v>35</v>
      </c>
      <c r="D106484" s="14" t="s">
        <v>78</v>
      </c>
      <c r="E106484" s="15">
        <v>45645</v>
      </c>
      <c r="F106484" s="14" t="s">
        <v>25</v>
      </c>
      <c r="G106484" s="16">
        <v>0</v>
      </c>
    </row>
    <row r="106485" spans="1:7" x14ac:dyDescent="0.3">
      <c r="A106485" s="13" t="s">
        <v>516</v>
      </c>
      <c r="B106485" s="14" t="s">
        <v>1</v>
      </c>
      <c r="C106485" s="14" t="s">
        <v>35</v>
      </c>
      <c r="D106485" s="14" t="s">
        <v>78</v>
      </c>
      <c r="E106485" s="15">
        <v>45646</v>
      </c>
      <c r="F106485" s="14" t="s">
        <v>25</v>
      </c>
      <c r="G106485" s="16">
        <v>0</v>
      </c>
    </row>
    <row r="106486" spans="1:7" x14ac:dyDescent="0.3">
      <c r="A106486" s="13" t="s">
        <v>516</v>
      </c>
      <c r="B106486" s="14" t="s">
        <v>1</v>
      </c>
      <c r="C106486" s="14" t="s">
        <v>35</v>
      </c>
      <c r="D106486" s="14" t="s">
        <v>78</v>
      </c>
      <c r="E106486" s="15">
        <v>45647</v>
      </c>
      <c r="F106486" s="14" t="s">
        <v>25</v>
      </c>
      <c r="G106486" s="16">
        <v>0</v>
      </c>
    </row>
    <row r="106487" spans="1:7" x14ac:dyDescent="0.3">
      <c r="A106487" s="13" t="s">
        <v>516</v>
      </c>
      <c r="B106487" s="14" t="s">
        <v>1</v>
      </c>
      <c r="C106487" s="14" t="s">
        <v>35</v>
      </c>
      <c r="D106487" s="14" t="s">
        <v>78</v>
      </c>
      <c r="E106487" s="15">
        <v>45648</v>
      </c>
      <c r="F106487" s="14" t="s">
        <v>25</v>
      </c>
      <c r="G106487" s="16">
        <v>0</v>
      </c>
    </row>
    <row r="106488" spans="1:7" x14ac:dyDescent="0.3">
      <c r="A106488" s="13" t="s">
        <v>516</v>
      </c>
      <c r="B106488" s="14" t="s">
        <v>1</v>
      </c>
      <c r="C106488" s="14" t="s">
        <v>35</v>
      </c>
      <c r="D106488" s="14" t="s">
        <v>78</v>
      </c>
      <c r="E106488" s="15">
        <v>45649</v>
      </c>
      <c r="F106488" s="14" t="s">
        <v>25</v>
      </c>
      <c r="G106488" s="16">
        <v>0</v>
      </c>
    </row>
    <row r="106489" spans="1:7" x14ac:dyDescent="0.3">
      <c r="A106489" s="13" t="s">
        <v>516</v>
      </c>
      <c r="B106489" s="14" t="s">
        <v>1</v>
      </c>
      <c r="C106489" s="14" t="s">
        <v>35</v>
      </c>
      <c r="D106489" s="14" t="s">
        <v>78</v>
      </c>
      <c r="E106489" s="15">
        <v>45650</v>
      </c>
      <c r="F106489" s="14" t="s">
        <v>25</v>
      </c>
      <c r="G106489" s="16">
        <v>0</v>
      </c>
    </row>
    <row r="106490" spans="1:7" x14ac:dyDescent="0.3">
      <c r="A106490" s="13" t="s">
        <v>516</v>
      </c>
      <c r="B106490" s="14" t="s">
        <v>1</v>
      </c>
      <c r="C106490" s="14" t="s">
        <v>35</v>
      </c>
      <c r="D106490" s="14" t="s">
        <v>78</v>
      </c>
      <c r="E106490" s="15">
        <v>45651</v>
      </c>
      <c r="F106490" s="14" t="s">
        <v>25</v>
      </c>
      <c r="G106490" s="16">
        <v>0</v>
      </c>
    </row>
    <row r="106491" spans="1:7" x14ac:dyDescent="0.3">
      <c r="A106491" s="13" t="s">
        <v>516</v>
      </c>
      <c r="B106491" s="14" t="s">
        <v>1</v>
      </c>
      <c r="C106491" s="14" t="s">
        <v>35</v>
      </c>
      <c r="D106491" s="14" t="s">
        <v>78</v>
      </c>
      <c r="E106491" s="15">
        <v>45652</v>
      </c>
      <c r="F106491" s="14" t="s">
        <v>25</v>
      </c>
      <c r="G106491" s="16">
        <v>0</v>
      </c>
    </row>
    <row r="106492" spans="1:7" x14ac:dyDescent="0.3">
      <c r="A106492" s="13" t="s">
        <v>516</v>
      </c>
      <c r="B106492" s="14" t="s">
        <v>1</v>
      </c>
      <c r="C106492" s="14" t="s">
        <v>35</v>
      </c>
      <c r="D106492" s="14" t="s">
        <v>78</v>
      </c>
      <c r="E106492" s="15">
        <v>45653</v>
      </c>
      <c r="F106492" s="14" t="s">
        <v>25</v>
      </c>
      <c r="G106492" s="16">
        <v>0</v>
      </c>
    </row>
    <row r="106493" spans="1:7" x14ac:dyDescent="0.3">
      <c r="A106493" s="13" t="s">
        <v>516</v>
      </c>
      <c r="B106493" s="14" t="s">
        <v>1</v>
      </c>
      <c r="C106493" s="14" t="s">
        <v>35</v>
      </c>
      <c r="D106493" s="14" t="s">
        <v>78</v>
      </c>
      <c r="E106493" s="15">
        <v>45654</v>
      </c>
      <c r="F106493" s="14" t="s">
        <v>25</v>
      </c>
      <c r="G106493" s="16">
        <v>0</v>
      </c>
    </row>
    <row r="106494" spans="1:7" x14ac:dyDescent="0.3">
      <c r="A106494" s="13" t="s">
        <v>516</v>
      </c>
      <c r="B106494" s="14" t="s">
        <v>1</v>
      </c>
      <c r="C106494" s="14" t="s">
        <v>35</v>
      </c>
      <c r="D106494" s="14" t="s">
        <v>78</v>
      </c>
      <c r="E106494" s="15">
        <v>45655</v>
      </c>
      <c r="F106494" s="14" t="s">
        <v>25</v>
      </c>
      <c r="G106494" s="16">
        <v>0</v>
      </c>
    </row>
    <row r="106495" spans="1:7" x14ac:dyDescent="0.3">
      <c r="A106495" s="13" t="s">
        <v>516</v>
      </c>
      <c r="B106495" s="14" t="s">
        <v>1</v>
      </c>
      <c r="C106495" s="14" t="s">
        <v>35</v>
      </c>
      <c r="D106495" s="14" t="s">
        <v>78</v>
      </c>
      <c r="E106495" s="15">
        <v>45656</v>
      </c>
      <c r="F106495" s="14" t="s">
        <v>25</v>
      </c>
      <c r="G106495" s="16">
        <v>0</v>
      </c>
    </row>
    <row r="106496" spans="1:7" x14ac:dyDescent="0.3">
      <c r="A106496" s="13" t="s">
        <v>516</v>
      </c>
      <c r="B106496" s="14" t="s">
        <v>1</v>
      </c>
      <c r="C106496" s="14" t="s">
        <v>35</v>
      </c>
      <c r="D106496" s="14" t="s">
        <v>78</v>
      </c>
      <c r="E106496" s="15">
        <v>45657</v>
      </c>
      <c r="F106496" s="14" t="s">
        <v>25</v>
      </c>
      <c r="G106496" s="16">
        <v>0</v>
      </c>
    </row>
    <row r="106497" spans="1:7" x14ac:dyDescent="0.3">
      <c r="A106497" s="13" t="s">
        <v>516</v>
      </c>
      <c r="B106497" s="14" t="s">
        <v>1</v>
      </c>
      <c r="C106497" s="14" t="s">
        <v>35</v>
      </c>
      <c r="D106497" s="14" t="s">
        <v>78</v>
      </c>
      <c r="E106497" s="15">
        <v>45658</v>
      </c>
      <c r="F106497" s="14" t="s">
        <v>25</v>
      </c>
      <c r="G106497" s="16">
        <v>0</v>
      </c>
    </row>
    <row r="106498" spans="1:7" x14ac:dyDescent="0.3">
      <c r="A106498" s="13" t="s">
        <v>516</v>
      </c>
      <c r="B106498" s="14" t="s">
        <v>1</v>
      </c>
      <c r="C106498" s="14" t="s">
        <v>35</v>
      </c>
      <c r="D106498" s="14" t="s">
        <v>78</v>
      </c>
      <c r="E106498" s="15">
        <v>45659</v>
      </c>
      <c r="F106498" s="14" t="s">
        <v>25</v>
      </c>
      <c r="G106498" s="16">
        <v>0</v>
      </c>
    </row>
    <row r="106499" spans="1:7" x14ac:dyDescent="0.3">
      <c r="A106499" s="13" t="s">
        <v>516</v>
      </c>
      <c r="B106499" s="14" t="s">
        <v>1</v>
      </c>
      <c r="C106499" s="14" t="s">
        <v>35</v>
      </c>
      <c r="D106499" s="14" t="s">
        <v>78</v>
      </c>
      <c r="E106499" s="15">
        <v>45660</v>
      </c>
      <c r="F106499" s="14" t="s">
        <v>25</v>
      </c>
      <c r="G106499" s="16">
        <v>0</v>
      </c>
    </row>
    <row r="106500" spans="1:7" x14ac:dyDescent="0.3">
      <c r="A106500" s="13" t="s">
        <v>516</v>
      </c>
      <c r="B106500" s="14" t="s">
        <v>1</v>
      </c>
      <c r="C106500" s="14" t="s">
        <v>35</v>
      </c>
      <c r="D106500" s="14" t="s">
        <v>78</v>
      </c>
      <c r="E106500" s="15">
        <v>45661</v>
      </c>
      <c r="F106500" s="14" t="s">
        <v>25</v>
      </c>
      <c r="G106500" s="16">
        <v>0</v>
      </c>
    </row>
    <row r="106501" spans="1:7" x14ac:dyDescent="0.3">
      <c r="A106501" s="13" t="s">
        <v>516</v>
      </c>
      <c r="B106501" s="14" t="s">
        <v>1</v>
      </c>
      <c r="C106501" s="14" t="s">
        <v>35</v>
      </c>
      <c r="D106501" s="14" t="s">
        <v>78</v>
      </c>
      <c r="E106501" s="15">
        <v>45662</v>
      </c>
      <c r="F106501" s="14" t="s">
        <v>25</v>
      </c>
      <c r="G106501" s="16">
        <v>0</v>
      </c>
    </row>
    <row r="106502" spans="1:7" x14ac:dyDescent="0.3">
      <c r="A106502" s="13" t="s">
        <v>516</v>
      </c>
      <c r="B106502" s="14" t="s">
        <v>1</v>
      </c>
      <c r="C106502" s="14" t="s">
        <v>35</v>
      </c>
      <c r="D106502" s="14" t="s">
        <v>78</v>
      </c>
      <c r="E106502" s="15">
        <v>45663</v>
      </c>
      <c r="F106502" s="14" t="s">
        <v>25</v>
      </c>
      <c r="G106502" s="16">
        <v>0</v>
      </c>
    </row>
    <row r="106503" spans="1:7" x14ac:dyDescent="0.3">
      <c r="A106503" s="13" t="s">
        <v>516</v>
      </c>
      <c r="B106503" s="14" t="s">
        <v>1</v>
      </c>
      <c r="C106503" s="14" t="s">
        <v>35</v>
      </c>
      <c r="D106503" s="14" t="s">
        <v>78</v>
      </c>
      <c r="E106503" s="15">
        <v>45664</v>
      </c>
      <c r="F106503" s="14" t="s">
        <v>25</v>
      </c>
      <c r="G106503" s="16">
        <v>0</v>
      </c>
    </row>
    <row r="106504" spans="1:7" x14ac:dyDescent="0.3">
      <c r="A106504" s="13" t="s">
        <v>516</v>
      </c>
      <c r="B106504" s="14" t="s">
        <v>1</v>
      </c>
      <c r="C106504" s="14" t="s">
        <v>35</v>
      </c>
      <c r="D106504" s="14" t="s">
        <v>78</v>
      </c>
      <c r="E106504" s="15">
        <v>45665</v>
      </c>
      <c r="F106504" s="14" t="s">
        <v>25</v>
      </c>
      <c r="G106504" s="16">
        <v>0</v>
      </c>
    </row>
    <row r="106505" spans="1:7" x14ac:dyDescent="0.3">
      <c r="A106505" s="13" t="s">
        <v>516</v>
      </c>
      <c r="B106505" s="14" t="s">
        <v>1</v>
      </c>
      <c r="C106505" s="14" t="s">
        <v>35</v>
      </c>
      <c r="D106505" s="14" t="s">
        <v>78</v>
      </c>
      <c r="E106505" s="15">
        <v>45666</v>
      </c>
      <c r="F106505" s="14" t="s">
        <v>25</v>
      </c>
      <c r="G106505" s="16">
        <v>0</v>
      </c>
    </row>
    <row r="106506" spans="1:7" x14ac:dyDescent="0.3">
      <c r="A106506" s="13" t="s">
        <v>516</v>
      </c>
      <c r="B106506" s="14" t="s">
        <v>1</v>
      </c>
      <c r="C106506" s="14" t="s">
        <v>35</v>
      </c>
      <c r="D106506" s="14" t="s">
        <v>78</v>
      </c>
      <c r="E106506" s="15">
        <v>45667</v>
      </c>
      <c r="F106506" s="14" t="s">
        <v>25</v>
      </c>
      <c r="G106506" s="16">
        <v>0</v>
      </c>
    </row>
    <row r="106507" spans="1:7" x14ac:dyDescent="0.3">
      <c r="A106507" s="13" t="s">
        <v>516</v>
      </c>
      <c r="B106507" s="14" t="s">
        <v>1</v>
      </c>
      <c r="C106507" s="14" t="s">
        <v>35</v>
      </c>
      <c r="D106507" s="14" t="s">
        <v>78</v>
      </c>
      <c r="E106507" s="15">
        <v>45668</v>
      </c>
      <c r="F106507" s="14" t="s">
        <v>25</v>
      </c>
      <c r="G106507" s="16">
        <v>0</v>
      </c>
    </row>
    <row r="106508" spans="1:7" x14ac:dyDescent="0.3">
      <c r="A106508" s="13" t="s">
        <v>516</v>
      </c>
      <c r="B106508" s="14" t="s">
        <v>1</v>
      </c>
      <c r="C106508" s="14" t="s">
        <v>35</v>
      </c>
      <c r="D106508" s="14" t="s">
        <v>78</v>
      </c>
      <c r="E106508" s="15">
        <v>45669</v>
      </c>
      <c r="F106508" s="14" t="s">
        <v>25</v>
      </c>
      <c r="G106508" s="16">
        <v>0</v>
      </c>
    </row>
    <row r="106509" spans="1:7" x14ac:dyDescent="0.3">
      <c r="A106509" s="13" t="s">
        <v>516</v>
      </c>
      <c r="B106509" s="14" t="s">
        <v>1</v>
      </c>
      <c r="C106509" s="14" t="s">
        <v>35</v>
      </c>
      <c r="D106509" s="14" t="s">
        <v>78</v>
      </c>
      <c r="E106509" s="15">
        <v>45670</v>
      </c>
      <c r="F106509" s="14" t="s">
        <v>25</v>
      </c>
      <c r="G106509" s="16">
        <v>0</v>
      </c>
    </row>
    <row r="106510" spans="1:7" x14ac:dyDescent="0.3">
      <c r="A106510" s="13" t="s">
        <v>516</v>
      </c>
      <c r="B106510" s="14" t="s">
        <v>1</v>
      </c>
      <c r="C106510" s="14" t="s">
        <v>35</v>
      </c>
      <c r="D106510" s="14" t="s">
        <v>78</v>
      </c>
      <c r="E106510" s="15">
        <v>45671</v>
      </c>
      <c r="F106510" s="14" t="s">
        <v>25</v>
      </c>
      <c r="G106510" s="16">
        <v>0</v>
      </c>
    </row>
    <row r="106511" spans="1:7" x14ac:dyDescent="0.3">
      <c r="A106511" s="13" t="s">
        <v>516</v>
      </c>
      <c r="B106511" s="14" t="s">
        <v>1</v>
      </c>
      <c r="C106511" s="14" t="s">
        <v>35</v>
      </c>
      <c r="D106511" s="14" t="s">
        <v>78</v>
      </c>
      <c r="E106511" s="15">
        <v>45672</v>
      </c>
      <c r="F106511" s="14" t="s">
        <v>25</v>
      </c>
      <c r="G106511" s="16">
        <v>0</v>
      </c>
    </row>
    <row r="106512" spans="1:7" x14ac:dyDescent="0.3">
      <c r="A106512" s="13" t="s">
        <v>516</v>
      </c>
      <c r="B106512" s="14" t="s">
        <v>1</v>
      </c>
      <c r="C106512" s="14" t="s">
        <v>35</v>
      </c>
      <c r="D106512" s="14" t="s">
        <v>78</v>
      </c>
      <c r="E106512" s="15">
        <v>45673</v>
      </c>
      <c r="F106512" s="14" t="s">
        <v>25</v>
      </c>
      <c r="G106512" s="16">
        <v>0</v>
      </c>
    </row>
    <row r="106513" spans="1:7" x14ac:dyDescent="0.3">
      <c r="A106513" s="13" t="s">
        <v>516</v>
      </c>
      <c r="B106513" s="14" t="s">
        <v>1</v>
      </c>
      <c r="C106513" s="14" t="s">
        <v>35</v>
      </c>
      <c r="D106513" s="14" t="s">
        <v>78</v>
      </c>
      <c r="E106513" s="15">
        <v>45674</v>
      </c>
      <c r="F106513" s="14" t="s">
        <v>25</v>
      </c>
      <c r="G106513" s="16">
        <v>0</v>
      </c>
    </row>
    <row r="106514" spans="1:7" x14ac:dyDescent="0.3">
      <c r="A106514" s="13" t="s">
        <v>516</v>
      </c>
      <c r="B106514" s="14" t="s">
        <v>1</v>
      </c>
      <c r="C106514" s="14" t="s">
        <v>35</v>
      </c>
      <c r="D106514" s="14" t="s">
        <v>78</v>
      </c>
      <c r="E106514" s="15">
        <v>45675</v>
      </c>
      <c r="F106514" s="14" t="s">
        <v>25</v>
      </c>
      <c r="G106514" s="16">
        <v>0</v>
      </c>
    </row>
    <row r="106515" spans="1:7" x14ac:dyDescent="0.3">
      <c r="A106515" s="13" t="s">
        <v>516</v>
      </c>
      <c r="B106515" s="14" t="s">
        <v>1</v>
      </c>
      <c r="C106515" s="14" t="s">
        <v>35</v>
      </c>
      <c r="D106515" s="14" t="s">
        <v>78</v>
      </c>
      <c r="E106515" s="15">
        <v>45676</v>
      </c>
      <c r="F106515" s="14" t="s">
        <v>25</v>
      </c>
      <c r="G106515" s="16">
        <v>0</v>
      </c>
    </row>
    <row r="106516" spans="1:7" x14ac:dyDescent="0.3">
      <c r="A106516" s="13" t="s">
        <v>516</v>
      </c>
      <c r="B106516" s="14" t="s">
        <v>1</v>
      </c>
      <c r="C106516" s="14" t="s">
        <v>35</v>
      </c>
      <c r="D106516" s="14" t="s">
        <v>78</v>
      </c>
      <c r="E106516" s="15">
        <v>45677</v>
      </c>
      <c r="F106516" s="14" t="s">
        <v>25</v>
      </c>
      <c r="G106516" s="16">
        <v>0</v>
      </c>
    </row>
    <row r="106517" spans="1:7" x14ac:dyDescent="0.3">
      <c r="A106517" s="13" t="s">
        <v>516</v>
      </c>
      <c r="B106517" s="14" t="s">
        <v>1</v>
      </c>
      <c r="C106517" s="14" t="s">
        <v>35</v>
      </c>
      <c r="D106517" s="14" t="s">
        <v>78</v>
      </c>
      <c r="E106517" s="15">
        <v>45678</v>
      </c>
      <c r="F106517" s="14" t="s">
        <v>25</v>
      </c>
      <c r="G106517" s="16">
        <v>0</v>
      </c>
    </row>
    <row r="106518" spans="1:7" x14ac:dyDescent="0.3">
      <c r="A106518" s="13" t="s">
        <v>516</v>
      </c>
      <c r="B106518" s="14" t="s">
        <v>1</v>
      </c>
      <c r="C106518" s="14" t="s">
        <v>35</v>
      </c>
      <c r="D106518" s="14" t="s">
        <v>78</v>
      </c>
      <c r="E106518" s="15">
        <v>45679</v>
      </c>
      <c r="F106518" s="14" t="s">
        <v>25</v>
      </c>
      <c r="G106518" s="16">
        <v>0</v>
      </c>
    </row>
    <row r="106519" spans="1:7" x14ac:dyDescent="0.3">
      <c r="A106519" s="13" t="s">
        <v>516</v>
      </c>
      <c r="B106519" s="14" t="s">
        <v>1</v>
      </c>
      <c r="C106519" s="14" t="s">
        <v>35</v>
      </c>
      <c r="D106519" s="14" t="s">
        <v>78</v>
      </c>
      <c r="E106519" s="15">
        <v>45680</v>
      </c>
      <c r="F106519" s="14" t="s">
        <v>25</v>
      </c>
      <c r="G106519" s="16">
        <v>0</v>
      </c>
    </row>
    <row r="106520" spans="1:7" x14ac:dyDescent="0.3">
      <c r="A106520" s="13" t="s">
        <v>516</v>
      </c>
      <c r="B106520" s="14" t="s">
        <v>1</v>
      </c>
      <c r="C106520" s="14" t="s">
        <v>35</v>
      </c>
      <c r="D106520" s="14" t="s">
        <v>78</v>
      </c>
      <c r="E106520" s="15">
        <v>45681</v>
      </c>
      <c r="F106520" s="14" t="s">
        <v>25</v>
      </c>
      <c r="G106520" s="16">
        <v>0</v>
      </c>
    </row>
    <row r="106521" spans="1:7" x14ac:dyDescent="0.3">
      <c r="A106521" s="13" t="s">
        <v>516</v>
      </c>
      <c r="B106521" s="14" t="s">
        <v>1</v>
      </c>
      <c r="C106521" s="14" t="s">
        <v>35</v>
      </c>
      <c r="D106521" s="14" t="s">
        <v>78</v>
      </c>
      <c r="E106521" s="15">
        <v>45682</v>
      </c>
      <c r="F106521" s="14" t="s">
        <v>25</v>
      </c>
      <c r="G106521" s="16">
        <v>0</v>
      </c>
    </row>
    <row r="106522" spans="1:7" x14ac:dyDescent="0.3">
      <c r="A106522" s="13" t="s">
        <v>516</v>
      </c>
      <c r="B106522" s="14" t="s">
        <v>1</v>
      </c>
      <c r="C106522" s="14" t="s">
        <v>35</v>
      </c>
      <c r="D106522" s="14" t="s">
        <v>78</v>
      </c>
      <c r="E106522" s="15">
        <v>45683</v>
      </c>
      <c r="F106522" s="14" t="s">
        <v>25</v>
      </c>
      <c r="G106522" s="16">
        <v>0</v>
      </c>
    </row>
    <row r="106523" spans="1:7" x14ac:dyDescent="0.3">
      <c r="A106523" s="13" t="s">
        <v>516</v>
      </c>
      <c r="B106523" s="14" t="s">
        <v>1</v>
      </c>
      <c r="C106523" s="14" t="s">
        <v>35</v>
      </c>
      <c r="D106523" s="14" t="s">
        <v>78</v>
      </c>
      <c r="E106523" s="15">
        <v>45684</v>
      </c>
      <c r="F106523" s="14" t="s">
        <v>25</v>
      </c>
      <c r="G106523" s="16">
        <v>0</v>
      </c>
    </row>
    <row r="106524" spans="1:7" x14ac:dyDescent="0.3">
      <c r="A106524" s="13" t="s">
        <v>516</v>
      </c>
      <c r="B106524" s="14" t="s">
        <v>1</v>
      </c>
      <c r="C106524" s="14" t="s">
        <v>35</v>
      </c>
      <c r="D106524" s="14" t="s">
        <v>78</v>
      </c>
      <c r="E106524" s="15">
        <v>45685</v>
      </c>
      <c r="F106524" s="14" t="s">
        <v>25</v>
      </c>
      <c r="G106524" s="16">
        <v>0</v>
      </c>
    </row>
    <row r="106525" spans="1:7" x14ac:dyDescent="0.3">
      <c r="A106525" s="13" t="s">
        <v>516</v>
      </c>
      <c r="B106525" s="14" t="s">
        <v>1</v>
      </c>
      <c r="C106525" s="14" t="s">
        <v>35</v>
      </c>
      <c r="D106525" s="14" t="s">
        <v>78</v>
      </c>
      <c r="E106525" s="15">
        <v>45686</v>
      </c>
      <c r="F106525" s="14" t="s">
        <v>25</v>
      </c>
      <c r="G106525" s="16">
        <v>0</v>
      </c>
    </row>
    <row r="106526" spans="1:7" x14ac:dyDescent="0.3">
      <c r="A106526" s="13" t="s">
        <v>516</v>
      </c>
      <c r="B106526" s="14" t="s">
        <v>1</v>
      </c>
      <c r="C106526" s="14" t="s">
        <v>35</v>
      </c>
      <c r="D106526" s="14" t="s">
        <v>78</v>
      </c>
      <c r="E106526" s="15">
        <v>45687</v>
      </c>
      <c r="F106526" s="14" t="s">
        <v>25</v>
      </c>
      <c r="G106526" s="16">
        <v>0</v>
      </c>
    </row>
    <row r="106527" spans="1:7" x14ac:dyDescent="0.3">
      <c r="A106527" s="13" t="s">
        <v>516</v>
      </c>
      <c r="B106527" s="14" t="s">
        <v>1</v>
      </c>
      <c r="C106527" s="14" t="s">
        <v>35</v>
      </c>
      <c r="D106527" s="14" t="s">
        <v>78</v>
      </c>
      <c r="E106527" s="15">
        <v>45688</v>
      </c>
      <c r="F106527" s="14" t="s">
        <v>25</v>
      </c>
      <c r="G106527" s="16">
        <v>0</v>
      </c>
    </row>
    <row r="106528" spans="1:7" x14ac:dyDescent="0.3">
      <c r="A106528" s="13" t="s">
        <v>516</v>
      </c>
      <c r="B106528" s="14" t="s">
        <v>1</v>
      </c>
      <c r="C106528" s="14" t="s">
        <v>35</v>
      </c>
      <c r="D106528" s="14" t="s">
        <v>78</v>
      </c>
      <c r="E106528" s="15">
        <v>45689</v>
      </c>
      <c r="F106528" s="14" t="s">
        <v>25</v>
      </c>
      <c r="G106528" s="16">
        <v>0</v>
      </c>
    </row>
    <row r="106529" spans="1:7" x14ac:dyDescent="0.3">
      <c r="A106529" s="13" t="s">
        <v>516</v>
      </c>
      <c r="B106529" s="14" t="s">
        <v>1</v>
      </c>
      <c r="C106529" s="14" t="s">
        <v>35</v>
      </c>
      <c r="D106529" s="14" t="s">
        <v>78</v>
      </c>
      <c r="E106529" s="15">
        <v>45690</v>
      </c>
      <c r="F106529" s="14" t="s">
        <v>25</v>
      </c>
      <c r="G106529" s="16">
        <v>0</v>
      </c>
    </row>
    <row r="106530" spans="1:7" x14ac:dyDescent="0.3">
      <c r="A106530" s="13" t="s">
        <v>516</v>
      </c>
      <c r="B106530" s="14" t="s">
        <v>1</v>
      </c>
      <c r="C106530" s="14" t="s">
        <v>35</v>
      </c>
      <c r="D106530" s="14" t="s">
        <v>78</v>
      </c>
      <c r="E106530" s="15">
        <v>45691</v>
      </c>
      <c r="F106530" s="14" t="s">
        <v>25</v>
      </c>
      <c r="G106530" s="16">
        <v>0</v>
      </c>
    </row>
    <row r="106531" spans="1:7" x14ac:dyDescent="0.3">
      <c r="A106531" s="13" t="s">
        <v>516</v>
      </c>
      <c r="B106531" s="14" t="s">
        <v>1</v>
      </c>
      <c r="C106531" s="14" t="s">
        <v>35</v>
      </c>
      <c r="D106531" s="14" t="s">
        <v>78</v>
      </c>
      <c r="E106531" s="15">
        <v>45692</v>
      </c>
      <c r="F106531" s="14" t="s">
        <v>25</v>
      </c>
      <c r="G106531" s="16">
        <v>0</v>
      </c>
    </row>
    <row r="106532" spans="1:7" x14ac:dyDescent="0.3">
      <c r="A106532" s="13" t="s">
        <v>516</v>
      </c>
      <c r="B106532" s="14" t="s">
        <v>1</v>
      </c>
      <c r="C106532" s="14" t="s">
        <v>35</v>
      </c>
      <c r="D106532" s="14" t="s">
        <v>78</v>
      </c>
      <c r="E106532" s="15">
        <v>45693</v>
      </c>
      <c r="F106532" s="14" t="s">
        <v>25</v>
      </c>
      <c r="G106532" s="16">
        <v>0</v>
      </c>
    </row>
    <row r="106533" spans="1:7" x14ac:dyDescent="0.3">
      <c r="A106533" s="13" t="s">
        <v>516</v>
      </c>
      <c r="B106533" s="14" t="s">
        <v>1</v>
      </c>
      <c r="C106533" s="14" t="s">
        <v>35</v>
      </c>
      <c r="D106533" s="14" t="s">
        <v>78</v>
      </c>
      <c r="E106533" s="15">
        <v>45694</v>
      </c>
      <c r="F106533" s="14" t="s">
        <v>25</v>
      </c>
      <c r="G106533" s="16">
        <v>0</v>
      </c>
    </row>
    <row r="106534" spans="1:7" x14ac:dyDescent="0.3">
      <c r="A106534" s="13" t="s">
        <v>516</v>
      </c>
      <c r="B106534" s="14" t="s">
        <v>1</v>
      </c>
      <c r="C106534" s="14" t="s">
        <v>35</v>
      </c>
      <c r="D106534" s="14" t="s">
        <v>78</v>
      </c>
      <c r="E106534" s="15">
        <v>45695</v>
      </c>
      <c r="F106534" s="14" t="s">
        <v>25</v>
      </c>
      <c r="G106534" s="16">
        <v>0</v>
      </c>
    </row>
    <row r="106535" spans="1:7" x14ac:dyDescent="0.3">
      <c r="A106535" s="13" t="s">
        <v>516</v>
      </c>
      <c r="B106535" s="14" t="s">
        <v>1</v>
      </c>
      <c r="C106535" s="14" t="s">
        <v>35</v>
      </c>
      <c r="D106535" s="14" t="s">
        <v>78</v>
      </c>
      <c r="E106535" s="15">
        <v>45696</v>
      </c>
      <c r="F106535" s="14" t="s">
        <v>25</v>
      </c>
      <c r="G106535" s="16">
        <v>0</v>
      </c>
    </row>
    <row r="106536" spans="1:7" x14ac:dyDescent="0.3">
      <c r="A106536" s="13" t="s">
        <v>516</v>
      </c>
      <c r="B106536" s="14" t="s">
        <v>1</v>
      </c>
      <c r="C106536" s="14" t="s">
        <v>35</v>
      </c>
      <c r="D106536" s="14" t="s">
        <v>78</v>
      </c>
      <c r="E106536" s="15">
        <v>45697</v>
      </c>
      <c r="F106536" s="14" t="s">
        <v>25</v>
      </c>
      <c r="G106536" s="16">
        <v>0</v>
      </c>
    </row>
    <row r="106537" spans="1:7" x14ac:dyDescent="0.3">
      <c r="A106537" s="13" t="s">
        <v>516</v>
      </c>
      <c r="B106537" s="14" t="s">
        <v>1</v>
      </c>
      <c r="C106537" s="14" t="s">
        <v>35</v>
      </c>
      <c r="D106537" s="14" t="s">
        <v>78</v>
      </c>
      <c r="E106537" s="15">
        <v>45698</v>
      </c>
      <c r="F106537" s="14" t="s">
        <v>25</v>
      </c>
      <c r="G106537" s="16">
        <v>0</v>
      </c>
    </row>
    <row r="106538" spans="1:7" x14ac:dyDescent="0.3">
      <c r="A106538" s="13" t="s">
        <v>516</v>
      </c>
      <c r="B106538" s="14" t="s">
        <v>1</v>
      </c>
      <c r="C106538" s="14" t="s">
        <v>35</v>
      </c>
      <c r="D106538" s="14" t="s">
        <v>78</v>
      </c>
      <c r="E106538" s="15">
        <v>45699</v>
      </c>
      <c r="F106538" s="14" t="s">
        <v>25</v>
      </c>
      <c r="G106538" s="16">
        <v>0</v>
      </c>
    </row>
    <row r="106539" spans="1:7" x14ac:dyDescent="0.3">
      <c r="A106539" s="13" t="s">
        <v>516</v>
      </c>
      <c r="B106539" s="14" t="s">
        <v>1</v>
      </c>
      <c r="C106539" s="14" t="s">
        <v>35</v>
      </c>
      <c r="D106539" s="14" t="s">
        <v>78</v>
      </c>
      <c r="E106539" s="15">
        <v>45700</v>
      </c>
      <c r="F106539" s="14" t="s">
        <v>25</v>
      </c>
      <c r="G106539" s="16">
        <v>0</v>
      </c>
    </row>
    <row r="106540" spans="1:7" x14ac:dyDescent="0.3">
      <c r="A106540" s="13" t="s">
        <v>516</v>
      </c>
      <c r="B106540" s="14" t="s">
        <v>1</v>
      </c>
      <c r="C106540" s="14" t="s">
        <v>35</v>
      </c>
      <c r="D106540" s="14" t="s">
        <v>78</v>
      </c>
      <c r="E106540" s="15">
        <v>45701</v>
      </c>
      <c r="F106540" s="14" t="s">
        <v>25</v>
      </c>
      <c r="G106540" s="16">
        <v>0</v>
      </c>
    </row>
    <row r="106541" spans="1:7" x14ac:dyDescent="0.3">
      <c r="A106541" s="13" t="s">
        <v>516</v>
      </c>
      <c r="B106541" s="14" t="s">
        <v>1</v>
      </c>
      <c r="C106541" s="14" t="s">
        <v>35</v>
      </c>
      <c r="D106541" s="14" t="s">
        <v>78</v>
      </c>
      <c r="E106541" s="15">
        <v>45702</v>
      </c>
      <c r="F106541" s="14" t="s">
        <v>25</v>
      </c>
      <c r="G106541" s="16">
        <v>0</v>
      </c>
    </row>
    <row r="106542" spans="1:7" x14ac:dyDescent="0.3">
      <c r="A106542" s="13" t="s">
        <v>516</v>
      </c>
      <c r="B106542" s="14" t="s">
        <v>1</v>
      </c>
      <c r="C106542" s="14" t="s">
        <v>35</v>
      </c>
      <c r="D106542" s="14" t="s">
        <v>78</v>
      </c>
      <c r="E106542" s="15">
        <v>45703</v>
      </c>
      <c r="F106542" s="14" t="s">
        <v>25</v>
      </c>
      <c r="G106542" s="16">
        <v>0</v>
      </c>
    </row>
    <row r="106543" spans="1:7" x14ac:dyDescent="0.3">
      <c r="A106543" s="13" t="s">
        <v>516</v>
      </c>
      <c r="B106543" s="14" t="s">
        <v>1</v>
      </c>
      <c r="C106543" s="14" t="s">
        <v>35</v>
      </c>
      <c r="D106543" s="14" t="s">
        <v>78</v>
      </c>
      <c r="E106543" s="15">
        <v>45704</v>
      </c>
      <c r="F106543" s="14" t="s">
        <v>25</v>
      </c>
      <c r="G106543" s="16">
        <v>0</v>
      </c>
    </row>
    <row r="106544" spans="1:7" x14ac:dyDescent="0.3">
      <c r="A106544" s="13" t="s">
        <v>516</v>
      </c>
      <c r="B106544" s="14" t="s">
        <v>1</v>
      </c>
      <c r="C106544" s="14" t="s">
        <v>35</v>
      </c>
      <c r="D106544" s="14" t="s">
        <v>78</v>
      </c>
      <c r="E106544" s="15">
        <v>45705</v>
      </c>
      <c r="F106544" s="14" t="s">
        <v>25</v>
      </c>
      <c r="G106544" s="16">
        <v>0</v>
      </c>
    </row>
    <row r="106545" spans="1:7" x14ac:dyDescent="0.3">
      <c r="A106545" s="13" t="s">
        <v>516</v>
      </c>
      <c r="B106545" s="14" t="s">
        <v>1</v>
      </c>
      <c r="C106545" s="14" t="s">
        <v>35</v>
      </c>
      <c r="D106545" s="14" t="s">
        <v>78</v>
      </c>
      <c r="E106545" s="15">
        <v>45706</v>
      </c>
      <c r="F106545" s="14" t="s">
        <v>25</v>
      </c>
      <c r="G106545" s="16">
        <v>0</v>
      </c>
    </row>
    <row r="106546" spans="1:7" x14ac:dyDescent="0.3">
      <c r="A106546" s="13" t="s">
        <v>516</v>
      </c>
      <c r="B106546" s="14" t="s">
        <v>1</v>
      </c>
      <c r="C106546" s="14" t="s">
        <v>35</v>
      </c>
      <c r="D106546" s="14" t="s">
        <v>78</v>
      </c>
      <c r="E106546" s="15">
        <v>45707</v>
      </c>
      <c r="F106546" s="14" t="s">
        <v>25</v>
      </c>
      <c r="G106546" s="16">
        <v>0</v>
      </c>
    </row>
    <row r="106547" spans="1:7" x14ac:dyDescent="0.3">
      <c r="A106547" s="13" t="s">
        <v>516</v>
      </c>
      <c r="B106547" s="14" t="s">
        <v>1</v>
      </c>
      <c r="C106547" s="14" t="s">
        <v>35</v>
      </c>
      <c r="D106547" s="14" t="s">
        <v>78</v>
      </c>
      <c r="E106547" s="15">
        <v>45708</v>
      </c>
      <c r="F106547" s="14" t="s">
        <v>25</v>
      </c>
      <c r="G106547" s="16">
        <v>0</v>
      </c>
    </row>
    <row r="106548" spans="1:7" x14ac:dyDescent="0.3">
      <c r="A106548" s="13" t="s">
        <v>516</v>
      </c>
      <c r="B106548" s="14" t="s">
        <v>1</v>
      </c>
      <c r="C106548" s="14" t="s">
        <v>35</v>
      </c>
      <c r="D106548" s="14" t="s">
        <v>78</v>
      </c>
      <c r="E106548" s="15">
        <v>45709</v>
      </c>
      <c r="F106548" s="14" t="s">
        <v>25</v>
      </c>
      <c r="G106548" s="16">
        <v>0</v>
      </c>
    </row>
    <row r="106549" spans="1:7" x14ac:dyDescent="0.3">
      <c r="A106549" s="13" t="s">
        <v>516</v>
      </c>
      <c r="B106549" s="14" t="s">
        <v>1</v>
      </c>
      <c r="C106549" s="14" t="s">
        <v>35</v>
      </c>
      <c r="D106549" s="14" t="s">
        <v>78</v>
      </c>
      <c r="E106549" s="15">
        <v>45710</v>
      </c>
      <c r="F106549" s="14" t="s">
        <v>25</v>
      </c>
      <c r="G106549" s="16">
        <v>0</v>
      </c>
    </row>
    <row r="106550" spans="1:7" x14ac:dyDescent="0.3">
      <c r="A106550" s="13" t="s">
        <v>516</v>
      </c>
      <c r="B106550" s="14" t="s">
        <v>1</v>
      </c>
      <c r="C106550" s="14" t="s">
        <v>35</v>
      </c>
      <c r="D106550" s="14" t="s">
        <v>78</v>
      </c>
      <c r="E106550" s="15">
        <v>45711</v>
      </c>
      <c r="F106550" s="14" t="s">
        <v>25</v>
      </c>
      <c r="G106550" s="16">
        <v>0</v>
      </c>
    </row>
    <row r="106551" spans="1:7" x14ac:dyDescent="0.3">
      <c r="A106551" s="13" t="s">
        <v>516</v>
      </c>
      <c r="B106551" s="14" t="s">
        <v>1</v>
      </c>
      <c r="C106551" s="14" t="s">
        <v>35</v>
      </c>
      <c r="D106551" s="14" t="s">
        <v>78</v>
      </c>
      <c r="E106551" s="15">
        <v>45712</v>
      </c>
      <c r="F106551" s="14" t="s">
        <v>25</v>
      </c>
      <c r="G106551" s="16">
        <v>0</v>
      </c>
    </row>
    <row r="106552" spans="1:7" x14ac:dyDescent="0.3">
      <c r="A106552" s="13" t="s">
        <v>516</v>
      </c>
      <c r="B106552" s="14" t="s">
        <v>1</v>
      </c>
      <c r="C106552" s="14" t="s">
        <v>35</v>
      </c>
      <c r="D106552" s="14" t="s">
        <v>78</v>
      </c>
      <c r="E106552" s="15">
        <v>45713</v>
      </c>
      <c r="F106552" s="14" t="s">
        <v>25</v>
      </c>
      <c r="G106552" s="16">
        <v>0</v>
      </c>
    </row>
    <row r="106553" spans="1:7" x14ac:dyDescent="0.3">
      <c r="A106553" s="13" t="s">
        <v>516</v>
      </c>
      <c r="B106553" s="14" t="s">
        <v>1</v>
      </c>
      <c r="C106553" s="14" t="s">
        <v>35</v>
      </c>
      <c r="D106553" s="14" t="s">
        <v>78</v>
      </c>
      <c r="E106553" s="15">
        <v>45714</v>
      </c>
      <c r="F106553" s="14" t="s">
        <v>25</v>
      </c>
      <c r="G106553" s="16">
        <v>0</v>
      </c>
    </row>
    <row r="106554" spans="1:7" x14ac:dyDescent="0.3">
      <c r="A106554" s="13" t="s">
        <v>516</v>
      </c>
      <c r="B106554" s="14" t="s">
        <v>1</v>
      </c>
      <c r="C106554" s="14" t="s">
        <v>35</v>
      </c>
      <c r="D106554" s="14" t="s">
        <v>78</v>
      </c>
      <c r="E106554" s="15">
        <v>45715</v>
      </c>
      <c r="F106554" s="14" t="s">
        <v>25</v>
      </c>
      <c r="G106554" s="16">
        <v>0</v>
      </c>
    </row>
    <row r="106555" spans="1:7" x14ac:dyDescent="0.3">
      <c r="A106555" s="13" t="s">
        <v>516</v>
      </c>
      <c r="B106555" s="14" t="s">
        <v>1</v>
      </c>
      <c r="C106555" s="14" t="s">
        <v>35</v>
      </c>
      <c r="D106555" s="14" t="s">
        <v>78</v>
      </c>
      <c r="E106555" s="15">
        <v>45716</v>
      </c>
      <c r="F106555" s="14" t="s">
        <v>25</v>
      </c>
      <c r="G106555" s="16">
        <v>0</v>
      </c>
    </row>
    <row r="106556" spans="1:7" x14ac:dyDescent="0.3">
      <c r="A106556" s="13" t="s">
        <v>516</v>
      </c>
      <c r="B106556" s="14" t="s">
        <v>1</v>
      </c>
      <c r="C106556" s="14" t="s">
        <v>35</v>
      </c>
      <c r="D106556" s="14" t="s">
        <v>78</v>
      </c>
      <c r="E106556" s="15">
        <v>45717</v>
      </c>
      <c r="F106556" s="14" t="s">
        <v>25</v>
      </c>
      <c r="G106556" s="16">
        <v>0</v>
      </c>
    </row>
    <row r="106557" spans="1:7" x14ac:dyDescent="0.3">
      <c r="A106557" s="13" t="s">
        <v>516</v>
      </c>
      <c r="B106557" s="14" t="s">
        <v>1</v>
      </c>
      <c r="C106557" s="14" t="s">
        <v>35</v>
      </c>
      <c r="D106557" s="14" t="s">
        <v>78</v>
      </c>
      <c r="E106557" s="15">
        <v>45718</v>
      </c>
      <c r="F106557" s="14" t="s">
        <v>25</v>
      </c>
      <c r="G106557" s="16">
        <v>0</v>
      </c>
    </row>
    <row r="106558" spans="1:7" x14ac:dyDescent="0.3">
      <c r="A106558" s="13" t="s">
        <v>516</v>
      </c>
      <c r="B106558" s="14" t="s">
        <v>1</v>
      </c>
      <c r="C106558" s="14" t="s">
        <v>35</v>
      </c>
      <c r="D106558" s="14" t="s">
        <v>78</v>
      </c>
      <c r="E106558" s="15">
        <v>45719</v>
      </c>
      <c r="F106558" s="14" t="s">
        <v>25</v>
      </c>
      <c r="G106558" s="16">
        <v>0</v>
      </c>
    </row>
    <row r="106559" spans="1:7" x14ac:dyDescent="0.3">
      <c r="A106559" s="13" t="s">
        <v>516</v>
      </c>
      <c r="B106559" s="14" t="s">
        <v>1</v>
      </c>
      <c r="C106559" s="14" t="s">
        <v>35</v>
      </c>
      <c r="D106559" s="14" t="s">
        <v>78</v>
      </c>
      <c r="E106559" s="15">
        <v>45720</v>
      </c>
      <c r="F106559" s="14" t="s">
        <v>25</v>
      </c>
      <c r="G106559" s="16">
        <v>0</v>
      </c>
    </row>
    <row r="106560" spans="1:7" x14ac:dyDescent="0.3">
      <c r="A106560" s="13" t="s">
        <v>516</v>
      </c>
      <c r="B106560" s="14" t="s">
        <v>1</v>
      </c>
      <c r="C106560" s="14" t="s">
        <v>35</v>
      </c>
      <c r="D106560" s="14" t="s">
        <v>78</v>
      </c>
      <c r="E106560" s="15">
        <v>45721</v>
      </c>
      <c r="F106560" s="14" t="s">
        <v>25</v>
      </c>
      <c r="G106560" s="16">
        <v>0</v>
      </c>
    </row>
    <row r="106561" spans="1:7" x14ac:dyDescent="0.3">
      <c r="A106561" s="13" t="s">
        <v>516</v>
      </c>
      <c r="B106561" s="14" t="s">
        <v>1</v>
      </c>
      <c r="C106561" s="14" t="s">
        <v>35</v>
      </c>
      <c r="D106561" s="14" t="s">
        <v>78</v>
      </c>
      <c r="E106561" s="15">
        <v>45722</v>
      </c>
      <c r="F106561" s="14" t="s">
        <v>25</v>
      </c>
      <c r="G106561" s="16">
        <v>0</v>
      </c>
    </row>
    <row r="106562" spans="1:7" x14ac:dyDescent="0.3">
      <c r="A106562" s="13" t="s">
        <v>516</v>
      </c>
      <c r="B106562" s="14" t="s">
        <v>1</v>
      </c>
      <c r="C106562" s="14" t="s">
        <v>35</v>
      </c>
      <c r="D106562" s="14" t="s">
        <v>78</v>
      </c>
      <c r="E106562" s="15">
        <v>45723</v>
      </c>
      <c r="F106562" s="14" t="s">
        <v>25</v>
      </c>
      <c r="G106562" s="16">
        <v>0</v>
      </c>
    </row>
    <row r="106563" spans="1:7" x14ac:dyDescent="0.3">
      <c r="A106563" s="13" t="s">
        <v>516</v>
      </c>
      <c r="B106563" s="14" t="s">
        <v>1</v>
      </c>
      <c r="C106563" s="14" t="s">
        <v>35</v>
      </c>
      <c r="D106563" s="14" t="s">
        <v>78</v>
      </c>
      <c r="E106563" s="15">
        <v>45724</v>
      </c>
      <c r="F106563" s="14" t="s">
        <v>25</v>
      </c>
      <c r="G106563" s="16">
        <v>0</v>
      </c>
    </row>
    <row r="106564" spans="1:7" x14ac:dyDescent="0.3">
      <c r="A106564" s="13" t="s">
        <v>516</v>
      </c>
      <c r="B106564" s="14" t="s">
        <v>1</v>
      </c>
      <c r="C106564" s="14" t="s">
        <v>35</v>
      </c>
      <c r="D106564" s="14" t="s">
        <v>78</v>
      </c>
      <c r="E106564" s="15">
        <v>45725</v>
      </c>
      <c r="F106564" s="14" t="s">
        <v>25</v>
      </c>
      <c r="G106564" s="16">
        <v>0</v>
      </c>
    </row>
    <row r="106565" spans="1:7" x14ac:dyDescent="0.3">
      <c r="A106565" s="13" t="s">
        <v>516</v>
      </c>
      <c r="B106565" s="14" t="s">
        <v>1</v>
      </c>
      <c r="C106565" s="14" t="s">
        <v>35</v>
      </c>
      <c r="D106565" s="14" t="s">
        <v>78</v>
      </c>
      <c r="E106565" s="15">
        <v>45726</v>
      </c>
      <c r="F106565" s="14" t="s">
        <v>25</v>
      </c>
      <c r="G106565" s="16">
        <v>0</v>
      </c>
    </row>
    <row r="106566" spans="1:7" x14ac:dyDescent="0.3">
      <c r="A106566" s="13" t="s">
        <v>516</v>
      </c>
      <c r="B106566" s="14" t="s">
        <v>1</v>
      </c>
      <c r="C106566" s="14" t="s">
        <v>35</v>
      </c>
      <c r="D106566" s="14" t="s">
        <v>78</v>
      </c>
      <c r="E106566" s="15">
        <v>45727</v>
      </c>
      <c r="F106566" s="14" t="s">
        <v>25</v>
      </c>
      <c r="G106566" s="16">
        <v>0</v>
      </c>
    </row>
    <row r="106567" spans="1:7" x14ac:dyDescent="0.3">
      <c r="A106567" s="13" t="s">
        <v>516</v>
      </c>
      <c r="B106567" s="14" t="s">
        <v>1</v>
      </c>
      <c r="C106567" s="14" t="s">
        <v>35</v>
      </c>
      <c r="D106567" s="14" t="s">
        <v>78</v>
      </c>
      <c r="E106567" s="15">
        <v>45728</v>
      </c>
      <c r="F106567" s="14" t="s">
        <v>25</v>
      </c>
      <c r="G106567" s="16">
        <v>0</v>
      </c>
    </row>
    <row r="106568" spans="1:7" x14ac:dyDescent="0.3">
      <c r="A106568" s="13" t="s">
        <v>516</v>
      </c>
      <c r="B106568" s="14" t="s">
        <v>1</v>
      </c>
      <c r="C106568" s="14" t="s">
        <v>35</v>
      </c>
      <c r="D106568" s="14" t="s">
        <v>78</v>
      </c>
      <c r="E106568" s="15">
        <v>45729</v>
      </c>
      <c r="F106568" s="14" t="s">
        <v>25</v>
      </c>
      <c r="G106568" s="16">
        <v>0</v>
      </c>
    </row>
    <row r="106569" spans="1:7" x14ac:dyDescent="0.3">
      <c r="A106569" s="13" t="s">
        <v>516</v>
      </c>
      <c r="B106569" s="14" t="s">
        <v>1</v>
      </c>
      <c r="C106569" s="14" t="s">
        <v>35</v>
      </c>
      <c r="D106569" s="14" t="s">
        <v>78</v>
      </c>
      <c r="E106569" s="15">
        <v>45730</v>
      </c>
      <c r="F106569" s="14" t="s">
        <v>25</v>
      </c>
      <c r="G106569" s="16">
        <v>0</v>
      </c>
    </row>
    <row r="106570" spans="1:7" x14ac:dyDescent="0.3">
      <c r="A106570" s="13" t="s">
        <v>516</v>
      </c>
      <c r="B106570" s="14" t="s">
        <v>1</v>
      </c>
      <c r="C106570" s="14" t="s">
        <v>35</v>
      </c>
      <c r="D106570" s="14" t="s">
        <v>78</v>
      </c>
      <c r="E106570" s="15">
        <v>45731</v>
      </c>
      <c r="F106570" s="14" t="s">
        <v>25</v>
      </c>
      <c r="G106570" s="16">
        <v>0</v>
      </c>
    </row>
    <row r="106571" spans="1:7" x14ac:dyDescent="0.3">
      <c r="A106571" s="13" t="s">
        <v>516</v>
      </c>
      <c r="B106571" s="14" t="s">
        <v>1</v>
      </c>
      <c r="C106571" s="14" t="s">
        <v>35</v>
      </c>
      <c r="D106571" s="14" t="s">
        <v>78</v>
      </c>
      <c r="E106571" s="15">
        <v>45732</v>
      </c>
      <c r="F106571" s="14" t="s">
        <v>25</v>
      </c>
      <c r="G106571" s="16">
        <v>0</v>
      </c>
    </row>
    <row r="106572" spans="1:7" x14ac:dyDescent="0.3">
      <c r="A106572" s="13" t="s">
        <v>516</v>
      </c>
      <c r="B106572" s="14" t="s">
        <v>1</v>
      </c>
      <c r="C106572" s="14" t="s">
        <v>35</v>
      </c>
      <c r="D106572" s="14" t="s">
        <v>78</v>
      </c>
      <c r="E106572" s="15">
        <v>45733</v>
      </c>
      <c r="F106572" s="14" t="s">
        <v>25</v>
      </c>
      <c r="G106572" s="16">
        <v>0</v>
      </c>
    </row>
    <row r="106573" spans="1:7" x14ac:dyDescent="0.3">
      <c r="A106573" s="13" t="s">
        <v>516</v>
      </c>
      <c r="B106573" s="14" t="s">
        <v>1</v>
      </c>
      <c r="C106573" s="14" t="s">
        <v>35</v>
      </c>
      <c r="D106573" s="14" t="s">
        <v>78</v>
      </c>
      <c r="E106573" s="15">
        <v>45734</v>
      </c>
      <c r="F106573" s="14" t="s">
        <v>25</v>
      </c>
      <c r="G106573" s="16">
        <v>0</v>
      </c>
    </row>
    <row r="106574" spans="1:7" x14ac:dyDescent="0.3">
      <c r="A106574" s="13" t="s">
        <v>516</v>
      </c>
      <c r="B106574" s="14" t="s">
        <v>1</v>
      </c>
      <c r="C106574" s="14" t="s">
        <v>35</v>
      </c>
      <c r="D106574" s="14" t="s">
        <v>78</v>
      </c>
      <c r="E106574" s="15">
        <v>45735</v>
      </c>
      <c r="F106574" s="14" t="s">
        <v>25</v>
      </c>
      <c r="G106574" s="16">
        <v>0</v>
      </c>
    </row>
    <row r="106575" spans="1:7" x14ac:dyDescent="0.3">
      <c r="A106575" s="13" t="s">
        <v>516</v>
      </c>
      <c r="B106575" s="14" t="s">
        <v>1</v>
      </c>
      <c r="C106575" s="14" t="s">
        <v>35</v>
      </c>
      <c r="D106575" s="14" t="s">
        <v>78</v>
      </c>
      <c r="E106575" s="15">
        <v>45736</v>
      </c>
      <c r="F106575" s="14" t="s">
        <v>25</v>
      </c>
      <c r="G106575" s="16">
        <v>0</v>
      </c>
    </row>
    <row r="106576" spans="1:7" x14ac:dyDescent="0.3">
      <c r="A106576" s="13" t="s">
        <v>516</v>
      </c>
      <c r="B106576" s="14" t="s">
        <v>1</v>
      </c>
      <c r="C106576" s="14" t="s">
        <v>35</v>
      </c>
      <c r="D106576" s="14" t="s">
        <v>78</v>
      </c>
      <c r="E106576" s="15">
        <v>45737</v>
      </c>
      <c r="F106576" s="14" t="s">
        <v>25</v>
      </c>
      <c r="G106576" s="16">
        <v>0</v>
      </c>
    </row>
    <row r="106577" spans="1:7" x14ac:dyDescent="0.3">
      <c r="A106577" s="13" t="s">
        <v>516</v>
      </c>
      <c r="B106577" s="14" t="s">
        <v>1</v>
      </c>
      <c r="C106577" s="14" t="s">
        <v>35</v>
      </c>
      <c r="D106577" s="14" t="s">
        <v>78</v>
      </c>
      <c r="E106577" s="15">
        <v>45738</v>
      </c>
      <c r="F106577" s="14" t="s">
        <v>25</v>
      </c>
      <c r="G106577" s="16">
        <v>0</v>
      </c>
    </row>
    <row r="106578" spans="1:7" x14ac:dyDescent="0.3">
      <c r="A106578" s="13" t="s">
        <v>516</v>
      </c>
      <c r="B106578" s="14" t="s">
        <v>1</v>
      </c>
      <c r="C106578" s="14" t="s">
        <v>35</v>
      </c>
      <c r="D106578" s="14" t="s">
        <v>78</v>
      </c>
      <c r="E106578" s="15">
        <v>45739</v>
      </c>
      <c r="F106578" s="14" t="s">
        <v>25</v>
      </c>
      <c r="G106578" s="16">
        <v>0</v>
      </c>
    </row>
    <row r="106579" spans="1:7" x14ac:dyDescent="0.3">
      <c r="A106579" s="13" t="s">
        <v>516</v>
      </c>
      <c r="B106579" s="14" t="s">
        <v>1</v>
      </c>
      <c r="C106579" s="14" t="s">
        <v>35</v>
      </c>
      <c r="D106579" s="14" t="s">
        <v>78</v>
      </c>
      <c r="E106579" s="15">
        <v>45740</v>
      </c>
      <c r="F106579" s="14" t="s">
        <v>25</v>
      </c>
      <c r="G106579" s="16">
        <v>0</v>
      </c>
    </row>
    <row r="106580" spans="1:7" x14ac:dyDescent="0.3">
      <c r="A106580" s="13" t="s">
        <v>516</v>
      </c>
      <c r="B106580" s="14" t="s">
        <v>1</v>
      </c>
      <c r="C106580" s="14" t="s">
        <v>35</v>
      </c>
      <c r="D106580" s="14" t="s">
        <v>78</v>
      </c>
      <c r="E106580" s="15">
        <v>45741</v>
      </c>
      <c r="F106580" s="14" t="s">
        <v>25</v>
      </c>
      <c r="G106580" s="16">
        <v>0</v>
      </c>
    </row>
    <row r="106581" spans="1:7" x14ac:dyDescent="0.3">
      <c r="A106581" s="13" t="s">
        <v>516</v>
      </c>
      <c r="B106581" s="14" t="s">
        <v>1</v>
      </c>
      <c r="C106581" s="14" t="s">
        <v>35</v>
      </c>
      <c r="D106581" s="14" t="s">
        <v>78</v>
      </c>
      <c r="E106581" s="15">
        <v>45742</v>
      </c>
      <c r="F106581" s="14" t="s">
        <v>25</v>
      </c>
      <c r="G106581" s="16">
        <v>0</v>
      </c>
    </row>
    <row r="106582" spans="1:7" x14ac:dyDescent="0.3">
      <c r="A106582" s="13" t="s">
        <v>516</v>
      </c>
      <c r="B106582" s="14" t="s">
        <v>1</v>
      </c>
      <c r="C106582" s="14" t="s">
        <v>35</v>
      </c>
      <c r="D106582" s="14" t="s">
        <v>78</v>
      </c>
      <c r="E106582" s="15">
        <v>45743</v>
      </c>
      <c r="F106582" s="14" t="s">
        <v>25</v>
      </c>
      <c r="G106582" s="16">
        <v>0</v>
      </c>
    </row>
    <row r="106583" spans="1:7" x14ac:dyDescent="0.3">
      <c r="A106583" s="13" t="s">
        <v>516</v>
      </c>
      <c r="B106583" s="14" t="s">
        <v>1</v>
      </c>
      <c r="C106583" s="14" t="s">
        <v>35</v>
      </c>
      <c r="D106583" s="14" t="s">
        <v>78</v>
      </c>
      <c r="E106583" s="15">
        <v>45744</v>
      </c>
      <c r="F106583" s="14" t="s">
        <v>25</v>
      </c>
      <c r="G106583" s="16">
        <v>0.25621938121899202</v>
      </c>
    </row>
    <row r="106584" spans="1:7" x14ac:dyDescent="0.3">
      <c r="A106584" s="13" t="s">
        <v>516</v>
      </c>
      <c r="B106584" s="14" t="s">
        <v>1</v>
      </c>
      <c r="C106584" s="14" t="s">
        <v>35</v>
      </c>
      <c r="D106584" s="14" t="s">
        <v>78</v>
      </c>
      <c r="E106584" s="15">
        <v>45745</v>
      </c>
      <c r="F106584" s="14" t="s">
        <v>25</v>
      </c>
      <c r="G106584" s="16">
        <v>0.25621938121899202</v>
      </c>
    </row>
    <row r="106585" spans="1:7" x14ac:dyDescent="0.3">
      <c r="A106585" s="13" t="s">
        <v>516</v>
      </c>
      <c r="B106585" s="14" t="s">
        <v>1</v>
      </c>
      <c r="C106585" s="14" t="s">
        <v>35</v>
      </c>
      <c r="D106585" s="14" t="s">
        <v>78</v>
      </c>
      <c r="E106585" s="15">
        <v>45746</v>
      </c>
      <c r="F106585" s="14" t="s">
        <v>25</v>
      </c>
      <c r="G106585" s="16">
        <v>0.25621938121899202</v>
      </c>
    </row>
    <row r="106586" spans="1:7" x14ac:dyDescent="0.3">
      <c r="A106586" s="13" t="s">
        <v>516</v>
      </c>
      <c r="B106586" s="14" t="s">
        <v>1</v>
      </c>
      <c r="C106586" s="14" t="s">
        <v>35</v>
      </c>
      <c r="D106586" s="14" t="s">
        <v>78</v>
      </c>
      <c r="E106586" s="15">
        <v>45747</v>
      </c>
      <c r="F106586" s="14" t="s">
        <v>25</v>
      </c>
      <c r="G106586" s="16">
        <v>0.25621938121899202</v>
      </c>
    </row>
    <row r="106587" spans="1:7" x14ac:dyDescent="0.3">
      <c r="A106587" s="13" t="s">
        <v>517</v>
      </c>
      <c r="B106587" s="14" t="s">
        <v>1</v>
      </c>
      <c r="C106587" s="14" t="s">
        <v>106</v>
      </c>
      <c r="D106587" s="14" t="s">
        <v>153</v>
      </c>
      <c r="E106587" s="15">
        <v>45383</v>
      </c>
      <c r="F106587" s="14" t="s">
        <v>25</v>
      </c>
      <c r="G106587" s="16">
        <v>0</v>
      </c>
    </row>
    <row r="106588" spans="1:7" x14ac:dyDescent="0.3">
      <c r="A106588" s="13" t="s">
        <v>517</v>
      </c>
      <c r="B106588" s="14" t="s">
        <v>1</v>
      </c>
      <c r="C106588" s="14" t="s">
        <v>106</v>
      </c>
      <c r="D106588" s="14" t="s">
        <v>153</v>
      </c>
      <c r="E106588" s="15">
        <v>45384</v>
      </c>
      <c r="F106588" s="14" t="s">
        <v>25</v>
      </c>
      <c r="G106588" s="16">
        <v>0</v>
      </c>
    </row>
    <row r="106589" spans="1:7" x14ac:dyDescent="0.3">
      <c r="A106589" s="13" t="s">
        <v>517</v>
      </c>
      <c r="B106589" s="14" t="s">
        <v>1</v>
      </c>
      <c r="C106589" s="14" t="s">
        <v>106</v>
      </c>
      <c r="D106589" s="14" t="s">
        <v>153</v>
      </c>
      <c r="E106589" s="15">
        <v>45385</v>
      </c>
      <c r="F106589" s="14" t="s">
        <v>25</v>
      </c>
      <c r="G106589" s="16">
        <v>1.8687341493385346E-2</v>
      </c>
    </row>
    <row r="106590" spans="1:7" x14ac:dyDescent="0.3">
      <c r="A106590" s="13" t="s">
        <v>517</v>
      </c>
      <c r="B106590" s="14" t="s">
        <v>1</v>
      </c>
      <c r="C106590" s="14" t="s">
        <v>106</v>
      </c>
      <c r="D106590" s="14" t="s">
        <v>153</v>
      </c>
      <c r="E106590" s="15">
        <v>45386</v>
      </c>
      <c r="F106590" s="14" t="s">
        <v>25</v>
      </c>
      <c r="G106590" s="16">
        <v>3.2579659829786382E-2</v>
      </c>
    </row>
    <row r="106591" spans="1:7" x14ac:dyDescent="0.3">
      <c r="A106591" s="13" t="s">
        <v>517</v>
      </c>
      <c r="B106591" s="14" t="s">
        <v>1</v>
      </c>
      <c r="C106591" s="14" t="s">
        <v>106</v>
      </c>
      <c r="D106591" s="14" t="s">
        <v>153</v>
      </c>
      <c r="E106591" s="15">
        <v>45387</v>
      </c>
      <c r="F106591" s="14" t="s">
        <v>25</v>
      </c>
      <c r="G106591" s="16">
        <v>3.7610469057657359E-2</v>
      </c>
    </row>
    <row r="106592" spans="1:7" x14ac:dyDescent="0.3">
      <c r="A106592" s="13" t="s">
        <v>517</v>
      </c>
      <c r="B106592" s="14" t="s">
        <v>1</v>
      </c>
      <c r="C106592" s="14" t="s">
        <v>106</v>
      </c>
      <c r="D106592" s="14" t="s">
        <v>153</v>
      </c>
      <c r="E106592" s="15">
        <v>45388</v>
      </c>
      <c r="F106592" s="14" t="s">
        <v>25</v>
      </c>
      <c r="G106592" s="16">
        <v>3.7610469057657359E-2</v>
      </c>
    </row>
    <row r="106593" spans="1:7" x14ac:dyDescent="0.3">
      <c r="A106593" s="13" t="s">
        <v>517</v>
      </c>
      <c r="B106593" s="14" t="s">
        <v>1</v>
      </c>
      <c r="C106593" s="14" t="s">
        <v>106</v>
      </c>
      <c r="D106593" s="14" t="s">
        <v>153</v>
      </c>
      <c r="E106593" s="15">
        <v>45389</v>
      </c>
      <c r="F106593" s="14" t="s">
        <v>25</v>
      </c>
      <c r="G106593" s="16">
        <v>3.7610469057657359E-2</v>
      </c>
    </row>
    <row r="106594" spans="1:7" x14ac:dyDescent="0.3">
      <c r="A106594" s="13" t="s">
        <v>517</v>
      </c>
      <c r="B106594" s="14" t="s">
        <v>1</v>
      </c>
      <c r="C106594" s="14" t="s">
        <v>106</v>
      </c>
      <c r="D106594" s="14" t="s">
        <v>153</v>
      </c>
      <c r="E106594" s="15">
        <v>45390</v>
      </c>
      <c r="F106594" s="14" t="s">
        <v>25</v>
      </c>
      <c r="G106594" s="16">
        <v>5.4404350293271155E-2</v>
      </c>
    </row>
    <row r="106595" spans="1:7" x14ac:dyDescent="0.3">
      <c r="A106595" s="13" t="s">
        <v>517</v>
      </c>
      <c r="B106595" s="14" t="s">
        <v>1</v>
      </c>
      <c r="C106595" s="14" t="s">
        <v>106</v>
      </c>
      <c r="D106595" s="14" t="s">
        <v>153</v>
      </c>
      <c r="E106595" s="15">
        <v>45391</v>
      </c>
      <c r="F106595" s="14" t="s">
        <v>25</v>
      </c>
      <c r="G106595" s="16">
        <v>7.257379039549619E-2</v>
      </c>
    </row>
    <row r="106596" spans="1:7" x14ac:dyDescent="0.3">
      <c r="A106596" s="13" t="s">
        <v>517</v>
      </c>
      <c r="B106596" s="14" t="s">
        <v>1</v>
      </c>
      <c r="C106596" s="14" t="s">
        <v>106</v>
      </c>
      <c r="D106596" s="14" t="s">
        <v>153</v>
      </c>
      <c r="E106596" s="15">
        <v>45392</v>
      </c>
      <c r="F106596" s="14" t="s">
        <v>25</v>
      </c>
      <c r="G106596" s="16">
        <v>7.7785686868949114E-2</v>
      </c>
    </row>
    <row r="106597" spans="1:7" x14ac:dyDescent="0.3">
      <c r="A106597" s="13" t="s">
        <v>517</v>
      </c>
      <c r="B106597" s="14" t="s">
        <v>1</v>
      </c>
      <c r="C106597" s="14" t="s">
        <v>106</v>
      </c>
      <c r="D106597" s="14" t="s">
        <v>153</v>
      </c>
      <c r="E106597" s="15">
        <v>45393</v>
      </c>
      <c r="F106597" s="14" t="s">
        <v>25</v>
      </c>
      <c r="G106597" s="16">
        <v>8.2780784964591236E-2</v>
      </c>
    </row>
    <row r="106598" spans="1:7" x14ac:dyDescent="0.3">
      <c r="A106598" s="13" t="s">
        <v>517</v>
      </c>
      <c r="B106598" s="14" t="s">
        <v>1</v>
      </c>
      <c r="C106598" s="14" t="s">
        <v>106</v>
      </c>
      <c r="D106598" s="14" t="s">
        <v>153</v>
      </c>
      <c r="E106598" s="15">
        <v>45394</v>
      </c>
      <c r="F106598" s="14" t="s">
        <v>25</v>
      </c>
      <c r="G106598" s="16">
        <v>8.7662142333460799E-2</v>
      </c>
    </row>
    <row r="106599" spans="1:7" x14ac:dyDescent="0.3">
      <c r="A106599" s="13" t="s">
        <v>517</v>
      </c>
      <c r="B106599" s="14" t="s">
        <v>1</v>
      </c>
      <c r="C106599" s="14" t="s">
        <v>106</v>
      </c>
      <c r="D106599" s="14" t="s">
        <v>153</v>
      </c>
      <c r="E106599" s="15">
        <v>45395</v>
      </c>
      <c r="F106599" s="14" t="s">
        <v>25</v>
      </c>
      <c r="G106599" s="16">
        <v>8.7662142333460799E-2</v>
      </c>
    </row>
    <row r="106600" spans="1:7" x14ac:dyDescent="0.3">
      <c r="A106600" s="13" t="s">
        <v>517</v>
      </c>
      <c r="B106600" s="14" t="s">
        <v>1</v>
      </c>
      <c r="C106600" s="14" t="s">
        <v>106</v>
      </c>
      <c r="D106600" s="14" t="s">
        <v>153</v>
      </c>
      <c r="E106600" s="15">
        <v>45396</v>
      </c>
      <c r="F106600" s="14" t="s">
        <v>25</v>
      </c>
      <c r="G106600" s="16">
        <v>8.7662142333460799E-2</v>
      </c>
    </row>
    <row r="106601" spans="1:7" x14ac:dyDescent="0.3">
      <c r="A106601" s="13" t="s">
        <v>517</v>
      </c>
      <c r="B106601" s="14" t="s">
        <v>1</v>
      </c>
      <c r="C106601" s="14" t="s">
        <v>106</v>
      </c>
      <c r="D106601" s="14" t="s">
        <v>153</v>
      </c>
      <c r="E106601" s="15">
        <v>45397</v>
      </c>
      <c r="F106601" s="14" t="s">
        <v>25</v>
      </c>
      <c r="G106601" s="16">
        <v>9.3644343617577411E-2</v>
      </c>
    </row>
    <row r="106602" spans="1:7" x14ac:dyDescent="0.3">
      <c r="A106602" s="13" t="s">
        <v>517</v>
      </c>
      <c r="B106602" s="14" t="s">
        <v>1</v>
      </c>
      <c r="C106602" s="14" t="s">
        <v>106</v>
      </c>
      <c r="D106602" s="14" t="s">
        <v>153</v>
      </c>
      <c r="E106602" s="15">
        <v>45398</v>
      </c>
      <c r="F106602" s="14" t="s">
        <v>25</v>
      </c>
      <c r="G106602" s="16">
        <v>0.10862972971779032</v>
      </c>
    </row>
    <row r="106603" spans="1:7" x14ac:dyDescent="0.3">
      <c r="A106603" s="13" t="s">
        <v>517</v>
      </c>
      <c r="B106603" s="14" t="s">
        <v>1</v>
      </c>
      <c r="C106603" s="14" t="s">
        <v>106</v>
      </c>
      <c r="D106603" s="14" t="s">
        <v>153</v>
      </c>
      <c r="E106603" s="15">
        <v>45399</v>
      </c>
      <c r="F106603" s="14" t="s">
        <v>25</v>
      </c>
      <c r="G106603" s="16">
        <v>0.11363566870389318</v>
      </c>
    </row>
    <row r="106604" spans="1:7" x14ac:dyDescent="0.3">
      <c r="A106604" s="13" t="s">
        <v>517</v>
      </c>
      <c r="B106604" s="14" t="s">
        <v>1</v>
      </c>
      <c r="C106604" s="14" t="s">
        <v>106</v>
      </c>
      <c r="D106604" s="14" t="s">
        <v>153</v>
      </c>
      <c r="E106604" s="15">
        <v>45400</v>
      </c>
      <c r="F106604" s="14" t="s">
        <v>25</v>
      </c>
      <c r="G106604" s="16">
        <v>0.11726626638670713</v>
      </c>
    </row>
    <row r="106605" spans="1:7" x14ac:dyDescent="0.3">
      <c r="A106605" s="13" t="s">
        <v>517</v>
      </c>
      <c r="B106605" s="14" t="s">
        <v>1</v>
      </c>
      <c r="C106605" s="14" t="s">
        <v>106</v>
      </c>
      <c r="D106605" s="14" t="s">
        <v>153</v>
      </c>
      <c r="E106605" s="15">
        <v>45401</v>
      </c>
      <c r="F106605" s="14" t="s">
        <v>25</v>
      </c>
      <c r="G106605" s="16">
        <v>0.12399338882951652</v>
      </c>
    </row>
    <row r="106606" spans="1:7" x14ac:dyDescent="0.3">
      <c r="A106606" s="13" t="s">
        <v>517</v>
      </c>
      <c r="B106606" s="14" t="s">
        <v>1</v>
      </c>
      <c r="C106606" s="14" t="s">
        <v>106</v>
      </c>
      <c r="D106606" s="14" t="s">
        <v>153</v>
      </c>
      <c r="E106606" s="15">
        <v>45402</v>
      </c>
      <c r="F106606" s="14" t="s">
        <v>25</v>
      </c>
      <c r="G106606" s="16">
        <v>0.12399338882951652</v>
      </c>
    </row>
    <row r="106607" spans="1:7" x14ac:dyDescent="0.3">
      <c r="A106607" s="13" t="s">
        <v>517</v>
      </c>
      <c r="B106607" s="14" t="s">
        <v>1</v>
      </c>
      <c r="C106607" s="14" t="s">
        <v>106</v>
      </c>
      <c r="D106607" s="14" t="s">
        <v>153</v>
      </c>
      <c r="E106607" s="15">
        <v>45403</v>
      </c>
      <c r="F106607" s="14" t="s">
        <v>25</v>
      </c>
      <c r="G106607" s="16">
        <v>0.12399338882951652</v>
      </c>
    </row>
    <row r="106608" spans="1:7" x14ac:dyDescent="0.3">
      <c r="A106608" s="13" t="s">
        <v>517</v>
      </c>
      <c r="B106608" s="14" t="s">
        <v>1</v>
      </c>
      <c r="C106608" s="14" t="s">
        <v>106</v>
      </c>
      <c r="D106608" s="14" t="s">
        <v>153</v>
      </c>
      <c r="E106608" s="15">
        <v>45404</v>
      </c>
      <c r="F106608" s="14" t="s">
        <v>25</v>
      </c>
      <c r="G106608" s="16">
        <v>0.12876800242598754</v>
      </c>
    </row>
    <row r="106609" spans="1:7" x14ac:dyDescent="0.3">
      <c r="A106609" s="13" t="s">
        <v>517</v>
      </c>
      <c r="B106609" s="14" t="s">
        <v>1</v>
      </c>
      <c r="C106609" s="14" t="s">
        <v>106</v>
      </c>
      <c r="D106609" s="14" t="s">
        <v>153</v>
      </c>
      <c r="E106609" s="15">
        <v>45405</v>
      </c>
      <c r="F106609" s="14" t="s">
        <v>25</v>
      </c>
      <c r="G106609" s="16">
        <v>0.15396368091187562</v>
      </c>
    </row>
    <row r="106610" spans="1:7" x14ac:dyDescent="0.3">
      <c r="A106610" s="13" t="s">
        <v>517</v>
      </c>
      <c r="B106610" s="14" t="s">
        <v>1</v>
      </c>
      <c r="C106610" s="14" t="s">
        <v>106</v>
      </c>
      <c r="D106610" s="14" t="s">
        <v>153</v>
      </c>
      <c r="E106610" s="15">
        <v>45406</v>
      </c>
      <c r="F106610" s="14" t="s">
        <v>25</v>
      </c>
      <c r="G106610" s="16">
        <v>0.16070216090305559</v>
      </c>
    </row>
    <row r="106611" spans="1:7" x14ac:dyDescent="0.3">
      <c r="A106611" s="13" t="s">
        <v>517</v>
      </c>
      <c r="B106611" s="14" t="s">
        <v>1</v>
      </c>
      <c r="C106611" s="14" t="s">
        <v>106</v>
      </c>
      <c r="D106611" s="14" t="s">
        <v>153</v>
      </c>
      <c r="E106611" s="15">
        <v>45407</v>
      </c>
      <c r="F106611" s="14" t="s">
        <v>25</v>
      </c>
      <c r="G106611" s="16">
        <v>0.16563100352924864</v>
      </c>
    </row>
    <row r="106612" spans="1:7" x14ac:dyDescent="0.3">
      <c r="A106612" s="13" t="s">
        <v>517</v>
      </c>
      <c r="B106612" s="14" t="s">
        <v>1</v>
      </c>
      <c r="C106612" s="14" t="s">
        <v>106</v>
      </c>
      <c r="D106612" s="14" t="s">
        <v>153</v>
      </c>
      <c r="E106612" s="15">
        <v>45408</v>
      </c>
      <c r="F106612" s="14" t="s">
        <v>25</v>
      </c>
      <c r="G106612" s="16">
        <v>0.17175079459630299</v>
      </c>
    </row>
    <row r="106613" spans="1:7" x14ac:dyDescent="0.3">
      <c r="A106613" s="13" t="s">
        <v>517</v>
      </c>
      <c r="B106613" s="14" t="s">
        <v>1</v>
      </c>
      <c r="C106613" s="14" t="s">
        <v>106</v>
      </c>
      <c r="D106613" s="14" t="s">
        <v>153</v>
      </c>
      <c r="E106613" s="15">
        <v>45409</v>
      </c>
      <c r="F106613" s="14" t="s">
        <v>25</v>
      </c>
      <c r="G106613" s="16">
        <v>0.17175079459630299</v>
      </c>
    </row>
    <row r="106614" spans="1:7" x14ac:dyDescent="0.3">
      <c r="A106614" s="13" t="s">
        <v>517</v>
      </c>
      <c r="B106614" s="14" t="s">
        <v>1</v>
      </c>
      <c r="C106614" s="14" t="s">
        <v>106</v>
      </c>
      <c r="D106614" s="14" t="s">
        <v>153</v>
      </c>
      <c r="E106614" s="15">
        <v>45410</v>
      </c>
      <c r="F106614" s="14" t="s">
        <v>25</v>
      </c>
      <c r="G106614" s="16">
        <v>0.17175079459630299</v>
      </c>
    </row>
    <row r="106615" spans="1:7" x14ac:dyDescent="0.3">
      <c r="A106615" s="13" t="s">
        <v>517</v>
      </c>
      <c r="B106615" s="14" t="s">
        <v>1</v>
      </c>
      <c r="C106615" s="14" t="s">
        <v>106</v>
      </c>
      <c r="D106615" s="14" t="s">
        <v>153</v>
      </c>
      <c r="E106615" s="15">
        <v>45411</v>
      </c>
      <c r="F106615" s="14" t="s">
        <v>25</v>
      </c>
      <c r="G106615" s="16">
        <v>0.17671817626682004</v>
      </c>
    </row>
    <row r="106616" spans="1:7" x14ac:dyDescent="0.3">
      <c r="A106616" s="13" t="s">
        <v>517</v>
      </c>
      <c r="B106616" s="14" t="s">
        <v>1</v>
      </c>
      <c r="C106616" s="14" t="s">
        <v>106</v>
      </c>
      <c r="D106616" s="14" t="s">
        <v>153</v>
      </c>
      <c r="E106616" s="15">
        <v>45412</v>
      </c>
      <c r="F106616" s="14" t="s">
        <v>25</v>
      </c>
      <c r="G106616" s="16">
        <v>0.193256393471403</v>
      </c>
    </row>
    <row r="106617" spans="1:7" x14ac:dyDescent="0.3">
      <c r="A106617" s="13" t="s">
        <v>517</v>
      </c>
      <c r="B106617" s="14" t="s">
        <v>1</v>
      </c>
      <c r="C106617" s="14" t="s">
        <v>106</v>
      </c>
      <c r="D106617" s="14" t="s">
        <v>153</v>
      </c>
      <c r="E106617" s="15">
        <v>45413</v>
      </c>
      <c r="F106617" s="14" t="s">
        <v>25</v>
      </c>
      <c r="G106617" s="16">
        <v>0.193256393471403</v>
      </c>
    </row>
    <row r="106618" spans="1:7" x14ac:dyDescent="0.3">
      <c r="A106618" s="13" t="s">
        <v>517</v>
      </c>
      <c r="B106618" s="14" t="s">
        <v>1</v>
      </c>
      <c r="C106618" s="14" t="s">
        <v>106</v>
      </c>
      <c r="D106618" s="14" t="s">
        <v>153</v>
      </c>
      <c r="E106618" s="15">
        <v>45414</v>
      </c>
      <c r="F106618" s="14" t="s">
        <v>25</v>
      </c>
      <c r="G106618" s="16">
        <v>0.19948328670798718</v>
      </c>
    </row>
    <row r="106619" spans="1:7" x14ac:dyDescent="0.3">
      <c r="A106619" s="13" t="s">
        <v>517</v>
      </c>
      <c r="B106619" s="14" t="s">
        <v>1</v>
      </c>
      <c r="C106619" s="14" t="s">
        <v>106</v>
      </c>
      <c r="D106619" s="14" t="s">
        <v>153</v>
      </c>
      <c r="E106619" s="15">
        <v>45415</v>
      </c>
      <c r="F106619" s="14" t="s">
        <v>25</v>
      </c>
      <c r="G106619" s="16">
        <v>0.22034412809010762</v>
      </c>
    </row>
    <row r="106620" spans="1:7" x14ac:dyDescent="0.3">
      <c r="A106620" s="13" t="s">
        <v>517</v>
      </c>
      <c r="B106620" s="14" t="s">
        <v>1</v>
      </c>
      <c r="C106620" s="14" t="s">
        <v>106</v>
      </c>
      <c r="D106620" s="14" t="s">
        <v>153</v>
      </c>
      <c r="E106620" s="15">
        <v>45416</v>
      </c>
      <c r="F106620" s="14" t="s">
        <v>25</v>
      </c>
      <c r="G106620" s="16">
        <v>0.22034412809010762</v>
      </c>
    </row>
    <row r="106621" spans="1:7" x14ac:dyDescent="0.3">
      <c r="A106621" s="13" t="s">
        <v>517</v>
      </c>
      <c r="B106621" s="14" t="s">
        <v>1</v>
      </c>
      <c r="C106621" s="14" t="s">
        <v>106</v>
      </c>
      <c r="D106621" s="14" t="s">
        <v>153</v>
      </c>
      <c r="E106621" s="15">
        <v>45417</v>
      </c>
      <c r="F106621" s="14" t="s">
        <v>25</v>
      </c>
      <c r="G106621" s="16">
        <v>0.22034412809010762</v>
      </c>
    </row>
    <row r="106622" spans="1:7" x14ac:dyDescent="0.3">
      <c r="A106622" s="13" t="s">
        <v>517</v>
      </c>
      <c r="B106622" s="14" t="s">
        <v>1</v>
      </c>
      <c r="C106622" s="14" t="s">
        <v>106</v>
      </c>
      <c r="D106622" s="14" t="s">
        <v>153</v>
      </c>
      <c r="E106622" s="15">
        <v>45418</v>
      </c>
      <c r="F106622" s="14" t="s">
        <v>25</v>
      </c>
      <c r="G106622" s="16">
        <v>0.22034412809010762</v>
      </c>
    </row>
    <row r="106623" spans="1:7" x14ac:dyDescent="0.3">
      <c r="A106623" s="13" t="s">
        <v>517</v>
      </c>
      <c r="B106623" s="14" t="s">
        <v>1</v>
      </c>
      <c r="C106623" s="14" t="s">
        <v>106</v>
      </c>
      <c r="D106623" s="14" t="s">
        <v>153</v>
      </c>
      <c r="E106623" s="15">
        <v>45419</v>
      </c>
      <c r="F106623" s="14" t="s">
        <v>25</v>
      </c>
      <c r="G106623" s="16">
        <v>0.22546243532678945</v>
      </c>
    </row>
    <row r="106624" spans="1:7" x14ac:dyDescent="0.3">
      <c r="A106624" s="13" t="s">
        <v>517</v>
      </c>
      <c r="B106624" s="14" t="s">
        <v>1</v>
      </c>
      <c r="C106624" s="14" t="s">
        <v>106</v>
      </c>
      <c r="D106624" s="14" t="s">
        <v>153</v>
      </c>
      <c r="E106624" s="15">
        <v>45420</v>
      </c>
      <c r="F106624" s="14" t="s">
        <v>25</v>
      </c>
      <c r="G106624" s="16">
        <v>0.24579447184108216</v>
      </c>
    </row>
    <row r="106625" spans="1:7" x14ac:dyDescent="0.3">
      <c r="A106625" s="13" t="s">
        <v>517</v>
      </c>
      <c r="B106625" s="14" t="s">
        <v>1</v>
      </c>
      <c r="C106625" s="14" t="s">
        <v>106</v>
      </c>
      <c r="D106625" s="14" t="s">
        <v>153</v>
      </c>
      <c r="E106625" s="15">
        <v>45421</v>
      </c>
      <c r="F106625" s="14" t="s">
        <v>25</v>
      </c>
      <c r="G106625" s="16">
        <v>0.24579447184108216</v>
      </c>
    </row>
    <row r="106626" spans="1:7" x14ac:dyDescent="0.3">
      <c r="A106626" s="13" t="s">
        <v>517</v>
      </c>
      <c r="B106626" s="14" t="s">
        <v>1</v>
      </c>
      <c r="C106626" s="14" t="s">
        <v>106</v>
      </c>
      <c r="D106626" s="14" t="s">
        <v>153</v>
      </c>
      <c r="E106626" s="15">
        <v>45422</v>
      </c>
      <c r="F106626" s="14" t="s">
        <v>25</v>
      </c>
      <c r="G106626" s="16">
        <v>0.25081379109582275</v>
      </c>
    </row>
    <row r="106627" spans="1:7" x14ac:dyDescent="0.3">
      <c r="A106627" s="13" t="s">
        <v>517</v>
      </c>
      <c r="B106627" s="14" t="s">
        <v>1</v>
      </c>
      <c r="C106627" s="14" t="s">
        <v>106</v>
      </c>
      <c r="D106627" s="14" t="s">
        <v>153</v>
      </c>
      <c r="E106627" s="15">
        <v>45423</v>
      </c>
      <c r="F106627" s="14" t="s">
        <v>25</v>
      </c>
      <c r="G106627" s="16">
        <v>0.25081379109582275</v>
      </c>
    </row>
    <row r="106628" spans="1:7" x14ac:dyDescent="0.3">
      <c r="A106628" s="13" t="s">
        <v>517</v>
      </c>
      <c r="B106628" s="14" t="s">
        <v>1</v>
      </c>
      <c r="C106628" s="14" t="s">
        <v>106</v>
      </c>
      <c r="D106628" s="14" t="s">
        <v>153</v>
      </c>
      <c r="E106628" s="15">
        <v>45424</v>
      </c>
      <c r="F106628" s="14" t="s">
        <v>25</v>
      </c>
      <c r="G106628" s="16">
        <v>0.25081379109582275</v>
      </c>
    </row>
    <row r="106629" spans="1:7" x14ac:dyDescent="0.3">
      <c r="A106629" s="13" t="s">
        <v>517</v>
      </c>
      <c r="B106629" s="14" t="s">
        <v>1</v>
      </c>
      <c r="C106629" s="14" t="s">
        <v>106</v>
      </c>
      <c r="D106629" s="14" t="s">
        <v>153</v>
      </c>
      <c r="E106629" s="15">
        <v>45425</v>
      </c>
      <c r="F106629" s="14" t="s">
        <v>25</v>
      </c>
      <c r="G106629" s="16">
        <v>0.26523031757436721</v>
      </c>
    </row>
    <row r="106630" spans="1:7" x14ac:dyDescent="0.3">
      <c r="A106630" s="13" t="s">
        <v>517</v>
      </c>
      <c r="B106630" s="14" t="s">
        <v>1</v>
      </c>
      <c r="C106630" s="14" t="s">
        <v>106</v>
      </c>
      <c r="D106630" s="14" t="s">
        <v>153</v>
      </c>
      <c r="E106630" s="15">
        <v>45426</v>
      </c>
      <c r="F106630" s="14" t="s">
        <v>25</v>
      </c>
      <c r="G106630" s="16">
        <v>0.28780300748121368</v>
      </c>
    </row>
    <row r="106631" spans="1:7" x14ac:dyDescent="0.3">
      <c r="A106631" s="13" t="s">
        <v>517</v>
      </c>
      <c r="B106631" s="14" t="s">
        <v>1</v>
      </c>
      <c r="C106631" s="14" t="s">
        <v>106</v>
      </c>
      <c r="D106631" s="14" t="s">
        <v>153</v>
      </c>
      <c r="E106631" s="15">
        <v>45427</v>
      </c>
      <c r="F106631" s="14" t="s">
        <v>25</v>
      </c>
      <c r="G106631" s="16">
        <v>0.2926876539735917</v>
      </c>
    </row>
    <row r="106632" spans="1:7" x14ac:dyDescent="0.3">
      <c r="A106632" s="13" t="s">
        <v>517</v>
      </c>
      <c r="B106632" s="14" t="s">
        <v>1</v>
      </c>
      <c r="C106632" s="14" t="s">
        <v>106</v>
      </c>
      <c r="D106632" s="14" t="s">
        <v>153</v>
      </c>
      <c r="E106632" s="15">
        <v>45428</v>
      </c>
      <c r="F106632" s="14" t="s">
        <v>25</v>
      </c>
      <c r="G106632" s="16">
        <v>0.29768573660996994</v>
      </c>
    </row>
    <row r="106633" spans="1:7" x14ac:dyDescent="0.3">
      <c r="A106633" s="13" t="s">
        <v>517</v>
      </c>
      <c r="B106633" s="14" t="s">
        <v>1</v>
      </c>
      <c r="C106633" s="14" t="s">
        <v>106</v>
      </c>
      <c r="D106633" s="14" t="s">
        <v>153</v>
      </c>
      <c r="E106633" s="15">
        <v>45429</v>
      </c>
      <c r="F106633" s="14" t="s">
        <v>25</v>
      </c>
      <c r="G106633" s="16">
        <v>0.39442415737870967</v>
      </c>
    </row>
    <row r="106634" spans="1:7" x14ac:dyDescent="0.3">
      <c r="A106634" s="13" t="s">
        <v>517</v>
      </c>
      <c r="B106634" s="14" t="s">
        <v>1</v>
      </c>
      <c r="C106634" s="14" t="s">
        <v>106</v>
      </c>
      <c r="D106634" s="14" t="s">
        <v>153</v>
      </c>
      <c r="E106634" s="15">
        <v>45430</v>
      </c>
      <c r="F106634" s="14" t="s">
        <v>25</v>
      </c>
      <c r="G106634" s="16">
        <v>0.39442415737870967</v>
      </c>
    </row>
    <row r="106635" spans="1:7" x14ac:dyDescent="0.3">
      <c r="A106635" s="13" t="s">
        <v>517</v>
      </c>
      <c r="B106635" s="14" t="s">
        <v>1</v>
      </c>
      <c r="C106635" s="14" t="s">
        <v>106</v>
      </c>
      <c r="D106635" s="14" t="s">
        <v>153</v>
      </c>
      <c r="E106635" s="15">
        <v>45431</v>
      </c>
      <c r="F106635" s="14" t="s">
        <v>25</v>
      </c>
      <c r="G106635" s="16">
        <v>0.39442415737870967</v>
      </c>
    </row>
    <row r="106636" spans="1:7" x14ac:dyDescent="0.3">
      <c r="A106636" s="13" t="s">
        <v>517</v>
      </c>
      <c r="B106636" s="14" t="s">
        <v>1</v>
      </c>
      <c r="C106636" s="14" t="s">
        <v>106</v>
      </c>
      <c r="D106636" s="14" t="s">
        <v>153</v>
      </c>
      <c r="E106636" s="15">
        <v>45432</v>
      </c>
      <c r="F106636" s="14" t="s">
        <v>25</v>
      </c>
      <c r="G106636" s="16">
        <v>0.39442415737870967</v>
      </c>
    </row>
    <row r="106637" spans="1:7" x14ac:dyDescent="0.3">
      <c r="A106637" s="13" t="s">
        <v>517</v>
      </c>
      <c r="B106637" s="14" t="s">
        <v>1</v>
      </c>
      <c r="C106637" s="14" t="s">
        <v>106</v>
      </c>
      <c r="D106637" s="14" t="s">
        <v>153</v>
      </c>
      <c r="E106637" s="15">
        <v>45433</v>
      </c>
      <c r="F106637" s="14" t="s">
        <v>25</v>
      </c>
      <c r="G106637" s="16">
        <v>0.3996049346533414</v>
      </c>
    </row>
    <row r="106638" spans="1:7" x14ac:dyDescent="0.3">
      <c r="A106638" s="13" t="s">
        <v>517</v>
      </c>
      <c r="B106638" s="14" t="s">
        <v>1</v>
      </c>
      <c r="C106638" s="14" t="s">
        <v>106</v>
      </c>
      <c r="D106638" s="14" t="s">
        <v>153</v>
      </c>
      <c r="E106638" s="15">
        <v>45434</v>
      </c>
      <c r="F106638" s="14" t="s">
        <v>25</v>
      </c>
      <c r="G106638" s="16">
        <v>0.42049358168798551</v>
      </c>
    </row>
    <row r="106639" spans="1:7" x14ac:dyDescent="0.3">
      <c r="A106639" s="13" t="s">
        <v>517</v>
      </c>
      <c r="B106639" s="14" t="s">
        <v>1</v>
      </c>
      <c r="C106639" s="14" t="s">
        <v>106</v>
      </c>
      <c r="D106639" s="14" t="s">
        <v>153</v>
      </c>
      <c r="E106639" s="15">
        <v>45435</v>
      </c>
      <c r="F106639" s="14" t="s">
        <v>25</v>
      </c>
      <c r="G106639" s="16">
        <v>0.42574723225240679</v>
      </c>
    </row>
    <row r="106640" spans="1:7" x14ac:dyDescent="0.3">
      <c r="A106640" s="13" t="s">
        <v>517</v>
      </c>
      <c r="B106640" s="14" t="s">
        <v>1</v>
      </c>
      <c r="C106640" s="14" t="s">
        <v>106</v>
      </c>
      <c r="D106640" s="14" t="s">
        <v>153</v>
      </c>
      <c r="E106640" s="15">
        <v>45436</v>
      </c>
      <c r="F106640" s="14" t="s">
        <v>25</v>
      </c>
      <c r="G106640" s="16">
        <v>0.43099307283492594</v>
      </c>
    </row>
    <row r="106641" spans="1:7" x14ac:dyDescent="0.3">
      <c r="A106641" s="13" t="s">
        <v>517</v>
      </c>
      <c r="B106641" s="14" t="s">
        <v>1</v>
      </c>
      <c r="C106641" s="14" t="s">
        <v>106</v>
      </c>
      <c r="D106641" s="14" t="s">
        <v>153</v>
      </c>
      <c r="E106641" s="15">
        <v>45437</v>
      </c>
      <c r="F106641" s="14" t="s">
        <v>25</v>
      </c>
      <c r="G106641" s="16">
        <v>0.43099307283492594</v>
      </c>
    </row>
    <row r="106642" spans="1:7" x14ac:dyDescent="0.3">
      <c r="A106642" s="13" t="s">
        <v>517</v>
      </c>
      <c r="B106642" s="14" t="s">
        <v>1</v>
      </c>
      <c r="C106642" s="14" t="s">
        <v>106</v>
      </c>
      <c r="D106642" s="14" t="s">
        <v>153</v>
      </c>
      <c r="E106642" s="15">
        <v>45438</v>
      </c>
      <c r="F106642" s="14" t="s">
        <v>25</v>
      </c>
      <c r="G106642" s="16">
        <v>0.43099307283492594</v>
      </c>
    </row>
    <row r="106643" spans="1:7" x14ac:dyDescent="0.3">
      <c r="A106643" s="13" t="s">
        <v>517</v>
      </c>
      <c r="B106643" s="14" t="s">
        <v>1</v>
      </c>
      <c r="C106643" s="14" t="s">
        <v>106</v>
      </c>
      <c r="D106643" s="14" t="s">
        <v>153</v>
      </c>
      <c r="E106643" s="15">
        <v>45439</v>
      </c>
      <c r="F106643" s="14" t="s">
        <v>25</v>
      </c>
      <c r="G106643" s="16">
        <v>0.43627668980430057</v>
      </c>
    </row>
    <row r="106644" spans="1:7" x14ac:dyDescent="0.3">
      <c r="A106644" s="13" t="s">
        <v>517</v>
      </c>
      <c r="B106644" s="14" t="s">
        <v>1</v>
      </c>
      <c r="C106644" s="14" t="s">
        <v>106</v>
      </c>
      <c r="D106644" s="14" t="s">
        <v>153</v>
      </c>
      <c r="E106644" s="15">
        <v>45440</v>
      </c>
      <c r="F106644" s="14" t="s">
        <v>25</v>
      </c>
      <c r="G106644" s="16">
        <v>0.4520492698036549</v>
      </c>
    </row>
    <row r="106645" spans="1:7" x14ac:dyDescent="0.3">
      <c r="A106645" s="13" t="s">
        <v>517</v>
      </c>
      <c r="B106645" s="14" t="s">
        <v>1</v>
      </c>
      <c r="C106645" s="14" t="s">
        <v>106</v>
      </c>
      <c r="D106645" s="14" t="s">
        <v>153</v>
      </c>
      <c r="E106645" s="15">
        <v>45441</v>
      </c>
      <c r="F106645" s="14" t="s">
        <v>25</v>
      </c>
      <c r="G106645" s="16">
        <v>0.45982995772432506</v>
      </c>
    </row>
    <row r="106646" spans="1:7" x14ac:dyDescent="0.3">
      <c r="A106646" s="13" t="s">
        <v>517</v>
      </c>
      <c r="B106646" s="14" t="s">
        <v>1</v>
      </c>
      <c r="C106646" s="14" t="s">
        <v>106</v>
      </c>
      <c r="D106646" s="14" t="s">
        <v>153</v>
      </c>
      <c r="E106646" s="15">
        <v>45442</v>
      </c>
      <c r="F106646" s="14" t="s">
        <v>25</v>
      </c>
      <c r="G106646" s="16">
        <v>0.46548922666260367</v>
      </c>
    </row>
    <row r="106647" spans="1:7" x14ac:dyDescent="0.3">
      <c r="A106647" s="13" t="s">
        <v>517</v>
      </c>
      <c r="B106647" s="14" t="s">
        <v>1</v>
      </c>
      <c r="C106647" s="14" t="s">
        <v>106</v>
      </c>
      <c r="D106647" s="14" t="s">
        <v>153</v>
      </c>
      <c r="E106647" s="15">
        <v>45443</v>
      </c>
      <c r="F106647" s="14" t="s">
        <v>25</v>
      </c>
      <c r="G106647" s="16">
        <v>0.47064845717383036</v>
      </c>
    </row>
    <row r="106648" spans="1:7" x14ac:dyDescent="0.3">
      <c r="A106648" s="13" t="s">
        <v>517</v>
      </c>
      <c r="B106648" s="14" t="s">
        <v>1</v>
      </c>
      <c r="C106648" s="14" t="s">
        <v>106</v>
      </c>
      <c r="D106648" s="14" t="s">
        <v>153</v>
      </c>
      <c r="E106648" s="15">
        <v>45444</v>
      </c>
      <c r="F106648" s="14" t="s">
        <v>25</v>
      </c>
      <c r="G106648" s="16">
        <v>0.47064845717383036</v>
      </c>
    </row>
    <row r="106649" spans="1:7" x14ac:dyDescent="0.3">
      <c r="A106649" s="13" t="s">
        <v>517</v>
      </c>
      <c r="B106649" s="14" t="s">
        <v>1</v>
      </c>
      <c r="C106649" s="14" t="s">
        <v>106</v>
      </c>
      <c r="D106649" s="14" t="s">
        <v>153</v>
      </c>
      <c r="E106649" s="15">
        <v>45445</v>
      </c>
      <c r="F106649" s="14" t="s">
        <v>25</v>
      </c>
      <c r="G106649" s="16">
        <v>0.47064845717383036</v>
      </c>
    </row>
    <row r="106650" spans="1:7" x14ac:dyDescent="0.3">
      <c r="A106650" s="13" t="s">
        <v>517</v>
      </c>
      <c r="B106650" s="14" t="s">
        <v>1</v>
      </c>
      <c r="C106650" s="14" t="s">
        <v>106</v>
      </c>
      <c r="D106650" s="14" t="s">
        <v>153</v>
      </c>
      <c r="E106650" s="15">
        <v>45446</v>
      </c>
      <c r="F106650" s="14" t="s">
        <v>25</v>
      </c>
      <c r="G106650" s="16">
        <v>0.47064845717383036</v>
      </c>
    </row>
    <row r="106651" spans="1:7" x14ac:dyDescent="0.3">
      <c r="A106651" s="13" t="s">
        <v>517</v>
      </c>
      <c r="B106651" s="14" t="s">
        <v>1</v>
      </c>
      <c r="C106651" s="14" t="s">
        <v>106</v>
      </c>
      <c r="D106651" s="14" t="s">
        <v>153</v>
      </c>
      <c r="E106651" s="15">
        <v>45447</v>
      </c>
      <c r="F106651" s="14" t="s">
        <v>25</v>
      </c>
      <c r="G106651" s="16">
        <v>0.47582389615433479</v>
      </c>
    </row>
    <row r="106652" spans="1:7" x14ac:dyDescent="0.3">
      <c r="A106652" s="13" t="s">
        <v>517</v>
      </c>
      <c r="B106652" s="14" t="s">
        <v>1</v>
      </c>
      <c r="C106652" s="14" t="s">
        <v>106</v>
      </c>
      <c r="D106652" s="14" t="s">
        <v>153</v>
      </c>
      <c r="E106652" s="15">
        <v>45448</v>
      </c>
      <c r="F106652" s="14" t="s">
        <v>25</v>
      </c>
      <c r="G106652" s="16">
        <v>0.52817343889463242</v>
      </c>
    </row>
    <row r="106653" spans="1:7" x14ac:dyDescent="0.3">
      <c r="A106653" s="13" t="s">
        <v>517</v>
      </c>
      <c r="B106653" s="14" t="s">
        <v>1</v>
      </c>
      <c r="C106653" s="14" t="s">
        <v>106</v>
      </c>
      <c r="D106653" s="14" t="s">
        <v>153</v>
      </c>
      <c r="E106653" s="15">
        <v>45449</v>
      </c>
      <c r="F106653" s="14" t="s">
        <v>25</v>
      </c>
      <c r="G106653" s="16">
        <v>0.53294539865459645</v>
      </c>
    </row>
    <row r="106654" spans="1:7" x14ac:dyDescent="0.3">
      <c r="A106654" s="13" t="s">
        <v>517</v>
      </c>
      <c r="B106654" s="14" t="s">
        <v>1</v>
      </c>
      <c r="C106654" s="14" t="s">
        <v>106</v>
      </c>
      <c r="D106654" s="14" t="s">
        <v>153</v>
      </c>
      <c r="E106654" s="15">
        <v>45450</v>
      </c>
      <c r="F106654" s="14" t="s">
        <v>25</v>
      </c>
      <c r="G106654" s="16">
        <v>0.53762695352247081</v>
      </c>
    </row>
    <row r="106655" spans="1:7" x14ac:dyDescent="0.3">
      <c r="A106655" s="13" t="s">
        <v>517</v>
      </c>
      <c r="B106655" s="14" t="s">
        <v>1</v>
      </c>
      <c r="C106655" s="14" t="s">
        <v>106</v>
      </c>
      <c r="D106655" s="14" t="s">
        <v>153</v>
      </c>
      <c r="E106655" s="15">
        <v>45451</v>
      </c>
      <c r="F106655" s="14" t="s">
        <v>25</v>
      </c>
      <c r="G106655" s="16">
        <v>0.53762695352247081</v>
      </c>
    </row>
    <row r="106656" spans="1:7" x14ac:dyDescent="0.3">
      <c r="A106656" s="13" t="s">
        <v>517</v>
      </c>
      <c r="B106656" s="14" t="s">
        <v>1</v>
      </c>
      <c r="C106656" s="14" t="s">
        <v>106</v>
      </c>
      <c r="D106656" s="14" t="s">
        <v>153</v>
      </c>
      <c r="E106656" s="15">
        <v>45452</v>
      </c>
      <c r="F106656" s="14" t="s">
        <v>25</v>
      </c>
      <c r="G106656" s="16">
        <v>0.53762695352247081</v>
      </c>
    </row>
    <row r="106657" spans="1:7" x14ac:dyDescent="0.3">
      <c r="A106657" s="13" t="s">
        <v>517</v>
      </c>
      <c r="B106657" s="14" t="s">
        <v>1</v>
      </c>
      <c r="C106657" s="14" t="s">
        <v>106</v>
      </c>
      <c r="D106657" s="14" t="s">
        <v>153</v>
      </c>
      <c r="E106657" s="15">
        <v>45453</v>
      </c>
      <c r="F106657" s="14" t="s">
        <v>25</v>
      </c>
      <c r="G106657" s="16">
        <v>0.54603177903161559</v>
      </c>
    </row>
    <row r="106658" spans="1:7" x14ac:dyDescent="0.3">
      <c r="A106658" s="13" t="s">
        <v>517</v>
      </c>
      <c r="B106658" s="14" t="s">
        <v>1</v>
      </c>
      <c r="C106658" s="14" t="s">
        <v>106</v>
      </c>
      <c r="D106658" s="14" t="s">
        <v>153</v>
      </c>
      <c r="E106658" s="15">
        <v>45454</v>
      </c>
      <c r="F106658" s="14" t="s">
        <v>25</v>
      </c>
      <c r="G106658" s="16">
        <v>0.56235371433845727</v>
      </c>
    </row>
    <row r="106659" spans="1:7" x14ac:dyDescent="0.3">
      <c r="A106659" s="13" t="s">
        <v>517</v>
      </c>
      <c r="B106659" s="14" t="s">
        <v>1</v>
      </c>
      <c r="C106659" s="14" t="s">
        <v>106</v>
      </c>
      <c r="D106659" s="14" t="s">
        <v>153</v>
      </c>
      <c r="E106659" s="15">
        <v>45455</v>
      </c>
      <c r="F106659" s="14" t="s">
        <v>25</v>
      </c>
      <c r="G106659" s="16">
        <v>0.56701729112158372</v>
      </c>
    </row>
    <row r="106660" spans="1:7" x14ac:dyDescent="0.3">
      <c r="A106660" s="13" t="s">
        <v>517</v>
      </c>
      <c r="B106660" s="14" t="s">
        <v>1</v>
      </c>
      <c r="C106660" s="14" t="s">
        <v>106</v>
      </c>
      <c r="D106660" s="14" t="s">
        <v>153</v>
      </c>
      <c r="E106660" s="15">
        <v>45456</v>
      </c>
      <c r="F106660" s="14" t="s">
        <v>25</v>
      </c>
      <c r="G106660" s="16">
        <v>0.57157472603542336</v>
      </c>
    </row>
    <row r="106661" spans="1:7" x14ac:dyDescent="0.3">
      <c r="A106661" s="13" t="s">
        <v>517</v>
      </c>
      <c r="B106661" s="14" t="s">
        <v>1</v>
      </c>
      <c r="C106661" s="14" t="s">
        <v>106</v>
      </c>
      <c r="D106661" s="14" t="s">
        <v>153</v>
      </c>
      <c r="E106661" s="15">
        <v>45457</v>
      </c>
      <c r="F106661" s="14" t="s">
        <v>25</v>
      </c>
      <c r="G106661" s="16">
        <v>0.58452204515648598</v>
      </c>
    </row>
    <row r="106662" spans="1:7" x14ac:dyDescent="0.3">
      <c r="A106662" s="13" t="s">
        <v>517</v>
      </c>
      <c r="B106662" s="14" t="s">
        <v>1</v>
      </c>
      <c r="C106662" s="14" t="s">
        <v>106</v>
      </c>
      <c r="D106662" s="14" t="s">
        <v>153</v>
      </c>
      <c r="E106662" s="15">
        <v>45458</v>
      </c>
      <c r="F106662" s="14" t="s">
        <v>25</v>
      </c>
      <c r="G106662" s="16">
        <v>0.58452204515648598</v>
      </c>
    </row>
    <row r="106663" spans="1:7" x14ac:dyDescent="0.3">
      <c r="A106663" s="13" t="s">
        <v>517</v>
      </c>
      <c r="B106663" s="14" t="s">
        <v>1</v>
      </c>
      <c r="C106663" s="14" t="s">
        <v>106</v>
      </c>
      <c r="D106663" s="14" t="s">
        <v>153</v>
      </c>
      <c r="E106663" s="15">
        <v>45459</v>
      </c>
      <c r="F106663" s="14" t="s">
        <v>25</v>
      </c>
      <c r="G106663" s="16">
        <v>0.58452204515648598</v>
      </c>
    </row>
    <row r="106664" spans="1:7" x14ac:dyDescent="0.3">
      <c r="A106664" s="13" t="s">
        <v>517</v>
      </c>
      <c r="B106664" s="14" t="s">
        <v>1</v>
      </c>
      <c r="C106664" s="14" t="s">
        <v>106</v>
      </c>
      <c r="D106664" s="14" t="s">
        <v>153</v>
      </c>
      <c r="E106664" s="15">
        <v>45460</v>
      </c>
      <c r="F106664" s="14" t="s">
        <v>25</v>
      </c>
      <c r="G106664" s="16">
        <v>0.59010235585489001</v>
      </c>
    </row>
    <row r="106665" spans="1:7" x14ac:dyDescent="0.3">
      <c r="A106665" s="13" t="s">
        <v>517</v>
      </c>
      <c r="B106665" s="14" t="s">
        <v>1</v>
      </c>
      <c r="C106665" s="14" t="s">
        <v>106</v>
      </c>
      <c r="D106665" s="14" t="s">
        <v>153</v>
      </c>
      <c r="E106665" s="15">
        <v>45461</v>
      </c>
      <c r="F106665" s="14" t="s">
        <v>25</v>
      </c>
      <c r="G106665" s="16">
        <v>0.60377837314603822</v>
      </c>
    </row>
    <row r="106666" spans="1:7" x14ac:dyDescent="0.3">
      <c r="A106666" s="13" t="s">
        <v>517</v>
      </c>
      <c r="B106666" s="14" t="s">
        <v>1</v>
      </c>
      <c r="C106666" s="14" t="s">
        <v>106</v>
      </c>
      <c r="D106666" s="14" t="s">
        <v>153</v>
      </c>
      <c r="E106666" s="15">
        <v>45462</v>
      </c>
      <c r="F106666" s="14" t="s">
        <v>25</v>
      </c>
      <c r="G106666" s="16">
        <v>0.6089142426974492</v>
      </c>
    </row>
    <row r="106667" spans="1:7" x14ac:dyDescent="0.3">
      <c r="A106667" s="13" t="s">
        <v>517</v>
      </c>
      <c r="B106667" s="14" t="s">
        <v>1</v>
      </c>
      <c r="C106667" s="14" t="s">
        <v>106</v>
      </c>
      <c r="D106667" s="14" t="s">
        <v>153</v>
      </c>
      <c r="E106667" s="15">
        <v>45463</v>
      </c>
      <c r="F106667" s="14" t="s">
        <v>25</v>
      </c>
      <c r="G106667" s="16">
        <v>0.61328533659444184</v>
      </c>
    </row>
    <row r="106668" spans="1:7" x14ac:dyDescent="0.3">
      <c r="A106668" s="13" t="s">
        <v>517</v>
      </c>
      <c r="B106668" s="14" t="s">
        <v>1</v>
      </c>
      <c r="C106668" s="14" t="s">
        <v>106</v>
      </c>
      <c r="D106668" s="14" t="s">
        <v>153</v>
      </c>
      <c r="E106668" s="15">
        <v>45464</v>
      </c>
      <c r="F106668" s="14" t="s">
        <v>25</v>
      </c>
      <c r="G106668" s="16">
        <v>0.61930784875271117</v>
      </c>
    </row>
    <row r="106669" spans="1:7" x14ac:dyDescent="0.3">
      <c r="A106669" s="13" t="s">
        <v>517</v>
      </c>
      <c r="B106669" s="14" t="s">
        <v>1</v>
      </c>
      <c r="C106669" s="14" t="s">
        <v>106</v>
      </c>
      <c r="D106669" s="14" t="s">
        <v>153</v>
      </c>
      <c r="E106669" s="15">
        <v>45465</v>
      </c>
      <c r="F106669" s="14" t="s">
        <v>25</v>
      </c>
      <c r="G106669" s="16">
        <v>0.61930784875271117</v>
      </c>
    </row>
    <row r="106670" spans="1:7" x14ac:dyDescent="0.3">
      <c r="A106670" s="13" t="s">
        <v>517</v>
      </c>
      <c r="B106670" s="14" t="s">
        <v>1</v>
      </c>
      <c r="C106670" s="14" t="s">
        <v>106</v>
      </c>
      <c r="D106670" s="14" t="s">
        <v>153</v>
      </c>
      <c r="E106670" s="15">
        <v>45466</v>
      </c>
      <c r="F106670" s="14" t="s">
        <v>25</v>
      </c>
      <c r="G106670" s="16">
        <v>0.61930784875271117</v>
      </c>
    </row>
    <row r="106671" spans="1:7" x14ac:dyDescent="0.3">
      <c r="A106671" s="13" t="s">
        <v>517</v>
      </c>
      <c r="B106671" s="14" t="s">
        <v>1</v>
      </c>
      <c r="C106671" s="14" t="s">
        <v>106</v>
      </c>
      <c r="D106671" s="14" t="s">
        <v>153</v>
      </c>
      <c r="E106671" s="15">
        <v>45467</v>
      </c>
      <c r="F106671" s="14" t="s">
        <v>25</v>
      </c>
      <c r="G106671" s="16">
        <v>0.62398225016822384</v>
      </c>
    </row>
    <row r="106672" spans="1:7" x14ac:dyDescent="0.3">
      <c r="A106672" s="13" t="s">
        <v>517</v>
      </c>
      <c r="B106672" s="14" t="s">
        <v>1</v>
      </c>
      <c r="C106672" s="14" t="s">
        <v>106</v>
      </c>
      <c r="D106672" s="14" t="s">
        <v>153</v>
      </c>
      <c r="E106672" s="15">
        <v>45468</v>
      </c>
      <c r="F106672" s="14" t="s">
        <v>25</v>
      </c>
      <c r="G106672" s="16">
        <v>0.63807026778677423</v>
      </c>
    </row>
    <row r="106673" spans="1:7" x14ac:dyDescent="0.3">
      <c r="A106673" s="13" t="s">
        <v>517</v>
      </c>
      <c r="B106673" s="14" t="s">
        <v>1</v>
      </c>
      <c r="C106673" s="14" t="s">
        <v>106</v>
      </c>
      <c r="D106673" s="14" t="s">
        <v>153</v>
      </c>
      <c r="E106673" s="15">
        <v>45469</v>
      </c>
      <c r="F106673" s="14" t="s">
        <v>25</v>
      </c>
      <c r="G106673" s="16">
        <v>0.6427495400739961</v>
      </c>
    </row>
    <row r="106674" spans="1:7" x14ac:dyDescent="0.3">
      <c r="A106674" s="13" t="s">
        <v>517</v>
      </c>
      <c r="B106674" s="14" t="s">
        <v>1</v>
      </c>
      <c r="C106674" s="14" t="s">
        <v>106</v>
      </c>
      <c r="D106674" s="14" t="s">
        <v>153</v>
      </c>
      <c r="E106674" s="15">
        <v>45470</v>
      </c>
      <c r="F106674" s="14" t="s">
        <v>25</v>
      </c>
      <c r="G106674" s="16">
        <v>0.64747219317732763</v>
      </c>
    </row>
    <row r="106675" spans="1:7" x14ac:dyDescent="0.3">
      <c r="A106675" s="13" t="s">
        <v>517</v>
      </c>
      <c r="B106675" s="14" t="s">
        <v>1</v>
      </c>
      <c r="C106675" s="14" t="s">
        <v>106</v>
      </c>
      <c r="D106675" s="14" t="s">
        <v>153</v>
      </c>
      <c r="E106675" s="15">
        <v>45471</v>
      </c>
      <c r="F106675" s="14" t="s">
        <v>25</v>
      </c>
      <c r="G106675" s="16">
        <v>0.64933715879390275</v>
      </c>
    </row>
    <row r="106676" spans="1:7" x14ac:dyDescent="0.3">
      <c r="A106676" s="13" t="s">
        <v>517</v>
      </c>
      <c r="B106676" s="14" t="s">
        <v>1</v>
      </c>
      <c r="C106676" s="14" t="s">
        <v>106</v>
      </c>
      <c r="D106676" s="14" t="s">
        <v>153</v>
      </c>
      <c r="E106676" s="15">
        <v>45472</v>
      </c>
      <c r="F106676" s="14" t="s">
        <v>25</v>
      </c>
      <c r="G106676" s="16">
        <v>0.64933715879390275</v>
      </c>
    </row>
    <row r="106677" spans="1:7" x14ac:dyDescent="0.3">
      <c r="A106677" s="13" t="s">
        <v>517</v>
      </c>
      <c r="B106677" s="14" t="s">
        <v>1</v>
      </c>
      <c r="C106677" s="14" t="s">
        <v>106</v>
      </c>
      <c r="D106677" s="14" t="s">
        <v>153</v>
      </c>
      <c r="E106677" s="15">
        <v>45473</v>
      </c>
      <c r="F106677" s="14" t="s">
        <v>25</v>
      </c>
      <c r="G106677" s="16">
        <v>0.64933715879390275</v>
      </c>
    </row>
    <row r="106678" spans="1:7" x14ac:dyDescent="0.3">
      <c r="A106678" s="13" t="s">
        <v>517</v>
      </c>
      <c r="B106678" s="14" t="s">
        <v>1</v>
      </c>
      <c r="C106678" s="14" t="s">
        <v>106</v>
      </c>
      <c r="D106678" s="14" t="s">
        <v>153</v>
      </c>
      <c r="E106678" s="15">
        <v>45474</v>
      </c>
      <c r="F106678" s="14" t="s">
        <v>25</v>
      </c>
      <c r="G106678" s="16">
        <v>0.65436925005853419</v>
      </c>
    </row>
    <row r="106679" spans="1:7" x14ac:dyDescent="0.3">
      <c r="A106679" s="13" t="s">
        <v>517</v>
      </c>
      <c r="B106679" s="14" t="s">
        <v>1</v>
      </c>
      <c r="C106679" s="14" t="s">
        <v>106</v>
      </c>
      <c r="D106679" s="14" t="s">
        <v>153</v>
      </c>
      <c r="E106679" s="15">
        <v>45475</v>
      </c>
      <c r="F106679" s="14" t="s">
        <v>25</v>
      </c>
      <c r="G106679" s="16">
        <v>0.67824279203081628</v>
      </c>
    </row>
    <row r="106680" spans="1:7" x14ac:dyDescent="0.3">
      <c r="A106680" s="13" t="s">
        <v>517</v>
      </c>
      <c r="B106680" s="14" t="s">
        <v>1</v>
      </c>
      <c r="C106680" s="14" t="s">
        <v>106</v>
      </c>
      <c r="D106680" s="14" t="s">
        <v>153</v>
      </c>
      <c r="E106680" s="15">
        <v>45476</v>
      </c>
      <c r="F106680" s="14" t="s">
        <v>25</v>
      </c>
      <c r="G106680" s="16">
        <v>0.68199582840235362</v>
      </c>
    </row>
    <row r="106681" spans="1:7" x14ac:dyDescent="0.3">
      <c r="A106681" s="13" t="s">
        <v>517</v>
      </c>
      <c r="B106681" s="14" t="s">
        <v>1</v>
      </c>
      <c r="C106681" s="14" t="s">
        <v>106</v>
      </c>
      <c r="D106681" s="14" t="s">
        <v>153</v>
      </c>
      <c r="E106681" s="15">
        <v>45477</v>
      </c>
      <c r="F106681" s="14" t="s">
        <v>25</v>
      </c>
      <c r="G106681" s="16">
        <v>0.68655158976266417</v>
      </c>
    </row>
    <row r="106682" spans="1:7" x14ac:dyDescent="0.3">
      <c r="A106682" s="13" t="s">
        <v>517</v>
      </c>
      <c r="B106682" s="14" t="s">
        <v>1</v>
      </c>
      <c r="C106682" s="14" t="s">
        <v>106</v>
      </c>
      <c r="D106682" s="14" t="s">
        <v>153</v>
      </c>
      <c r="E106682" s="15">
        <v>45478</v>
      </c>
      <c r="F106682" s="14" t="s">
        <v>25</v>
      </c>
      <c r="G106682" s="16">
        <v>0.69134128729694322</v>
      </c>
    </row>
    <row r="106683" spans="1:7" x14ac:dyDescent="0.3">
      <c r="A106683" s="13" t="s">
        <v>517</v>
      </c>
      <c r="B106683" s="14" t="s">
        <v>1</v>
      </c>
      <c r="C106683" s="14" t="s">
        <v>106</v>
      </c>
      <c r="D106683" s="14" t="s">
        <v>153</v>
      </c>
      <c r="E106683" s="15">
        <v>45479</v>
      </c>
      <c r="F106683" s="14" t="s">
        <v>25</v>
      </c>
      <c r="G106683" s="16">
        <v>0.69134128729694322</v>
      </c>
    </row>
    <row r="106684" spans="1:7" x14ac:dyDescent="0.3">
      <c r="A106684" s="13" t="s">
        <v>517</v>
      </c>
      <c r="B106684" s="14" t="s">
        <v>1</v>
      </c>
      <c r="C106684" s="14" t="s">
        <v>106</v>
      </c>
      <c r="D106684" s="14" t="s">
        <v>153</v>
      </c>
      <c r="E106684" s="15">
        <v>45480</v>
      </c>
      <c r="F106684" s="14" t="s">
        <v>25</v>
      </c>
      <c r="G106684" s="16">
        <v>0.69134128729694322</v>
      </c>
    </row>
    <row r="106685" spans="1:7" x14ac:dyDescent="0.3">
      <c r="A106685" s="13" t="s">
        <v>517</v>
      </c>
      <c r="B106685" s="14" t="s">
        <v>1</v>
      </c>
      <c r="C106685" s="14" t="s">
        <v>106</v>
      </c>
      <c r="D106685" s="14" t="s">
        <v>153</v>
      </c>
      <c r="E106685" s="15">
        <v>45481</v>
      </c>
      <c r="F106685" s="14" t="s">
        <v>25</v>
      </c>
      <c r="G106685" s="16">
        <v>0.69609195731883333</v>
      </c>
    </row>
    <row r="106686" spans="1:7" x14ac:dyDescent="0.3">
      <c r="A106686" s="13" t="s">
        <v>517</v>
      </c>
      <c r="B106686" s="14" t="s">
        <v>1</v>
      </c>
      <c r="C106686" s="14" t="s">
        <v>106</v>
      </c>
      <c r="D106686" s="14" t="s">
        <v>153</v>
      </c>
      <c r="E106686" s="15">
        <v>45482</v>
      </c>
      <c r="F106686" s="14" t="s">
        <v>25</v>
      </c>
      <c r="G106686" s="16">
        <v>0.71035120532396545</v>
      </c>
    </row>
    <row r="106687" spans="1:7" x14ac:dyDescent="0.3">
      <c r="A106687" s="13" t="s">
        <v>517</v>
      </c>
      <c r="B106687" s="14" t="s">
        <v>1</v>
      </c>
      <c r="C106687" s="14" t="s">
        <v>106</v>
      </c>
      <c r="D106687" s="14" t="s">
        <v>153</v>
      </c>
      <c r="E106687" s="15">
        <v>45483</v>
      </c>
      <c r="F106687" s="14" t="s">
        <v>25</v>
      </c>
      <c r="G106687" s="16">
        <v>0.72648881759087813</v>
      </c>
    </row>
    <row r="106688" spans="1:7" x14ac:dyDescent="0.3">
      <c r="A106688" s="13" t="s">
        <v>517</v>
      </c>
      <c r="B106688" s="14" t="s">
        <v>1</v>
      </c>
      <c r="C106688" s="14" t="s">
        <v>106</v>
      </c>
      <c r="D106688" s="14" t="s">
        <v>153</v>
      </c>
      <c r="E106688" s="15">
        <v>45484</v>
      </c>
      <c r="F106688" s="14" t="s">
        <v>25</v>
      </c>
      <c r="G106688" s="16">
        <v>0.73177402382666412</v>
      </c>
    </row>
    <row r="106689" spans="1:7" x14ac:dyDescent="0.3">
      <c r="A106689" s="13" t="s">
        <v>517</v>
      </c>
      <c r="B106689" s="14" t="s">
        <v>1</v>
      </c>
      <c r="C106689" s="14" t="s">
        <v>106</v>
      </c>
      <c r="D106689" s="14" t="s">
        <v>153</v>
      </c>
      <c r="E106689" s="15">
        <v>45485</v>
      </c>
      <c r="F106689" s="14" t="s">
        <v>25</v>
      </c>
      <c r="G106689" s="16">
        <v>0.73636533274789973</v>
      </c>
    </row>
    <row r="106690" spans="1:7" x14ac:dyDescent="0.3">
      <c r="A106690" s="13" t="s">
        <v>517</v>
      </c>
      <c r="B106690" s="14" t="s">
        <v>1</v>
      </c>
      <c r="C106690" s="14" t="s">
        <v>106</v>
      </c>
      <c r="D106690" s="14" t="s">
        <v>153</v>
      </c>
      <c r="E106690" s="15">
        <v>45486</v>
      </c>
      <c r="F106690" s="14" t="s">
        <v>25</v>
      </c>
      <c r="G106690" s="16">
        <v>0.73636533274789973</v>
      </c>
    </row>
    <row r="106691" spans="1:7" x14ac:dyDescent="0.3">
      <c r="A106691" s="13" t="s">
        <v>517</v>
      </c>
      <c r="B106691" s="14" t="s">
        <v>1</v>
      </c>
      <c r="C106691" s="14" t="s">
        <v>106</v>
      </c>
      <c r="D106691" s="14" t="s">
        <v>153</v>
      </c>
      <c r="E106691" s="15">
        <v>45487</v>
      </c>
      <c r="F106691" s="14" t="s">
        <v>25</v>
      </c>
      <c r="G106691" s="16">
        <v>0.73636533274789973</v>
      </c>
    </row>
    <row r="106692" spans="1:7" x14ac:dyDescent="0.3">
      <c r="A106692" s="13" t="s">
        <v>517</v>
      </c>
      <c r="B106692" s="14" t="s">
        <v>1</v>
      </c>
      <c r="C106692" s="14" t="s">
        <v>106</v>
      </c>
      <c r="D106692" s="14" t="s">
        <v>153</v>
      </c>
      <c r="E106692" s="15">
        <v>45488</v>
      </c>
      <c r="F106692" s="14" t="s">
        <v>25</v>
      </c>
      <c r="G106692" s="16">
        <v>0.74096721296803014</v>
      </c>
    </row>
    <row r="106693" spans="1:7" x14ac:dyDescent="0.3">
      <c r="A106693" s="13" t="s">
        <v>517</v>
      </c>
      <c r="B106693" s="14" t="s">
        <v>1</v>
      </c>
      <c r="C106693" s="14" t="s">
        <v>106</v>
      </c>
      <c r="D106693" s="14" t="s">
        <v>153</v>
      </c>
      <c r="E106693" s="15">
        <v>45489</v>
      </c>
      <c r="F106693" s="14" t="s">
        <v>25</v>
      </c>
      <c r="G106693" s="16">
        <v>0.75469144211508854</v>
      </c>
    </row>
    <row r="106694" spans="1:7" x14ac:dyDescent="0.3">
      <c r="A106694" s="13" t="s">
        <v>517</v>
      </c>
      <c r="B106694" s="14" t="s">
        <v>1</v>
      </c>
      <c r="C106694" s="14" t="s">
        <v>106</v>
      </c>
      <c r="D106694" s="14" t="s">
        <v>153</v>
      </c>
      <c r="E106694" s="15">
        <v>45490</v>
      </c>
      <c r="F106694" s="14" t="s">
        <v>25</v>
      </c>
      <c r="G106694" s="16">
        <v>0.75931795071770114</v>
      </c>
    </row>
    <row r="106695" spans="1:7" x14ac:dyDescent="0.3">
      <c r="A106695" s="13" t="s">
        <v>517</v>
      </c>
      <c r="B106695" s="14" t="s">
        <v>1</v>
      </c>
      <c r="C106695" s="14" t="s">
        <v>106</v>
      </c>
      <c r="D106695" s="14" t="s">
        <v>153</v>
      </c>
      <c r="E106695" s="15">
        <v>45491</v>
      </c>
      <c r="F106695" s="14" t="s">
        <v>25</v>
      </c>
      <c r="G106695" s="16">
        <v>0.76379003721270911</v>
      </c>
    </row>
    <row r="106696" spans="1:7" x14ac:dyDescent="0.3">
      <c r="A106696" s="13" t="s">
        <v>517</v>
      </c>
      <c r="B106696" s="14" t="s">
        <v>1</v>
      </c>
      <c r="C106696" s="14" t="s">
        <v>106</v>
      </c>
      <c r="D106696" s="14" t="s">
        <v>153</v>
      </c>
      <c r="E106696" s="15">
        <v>45492</v>
      </c>
      <c r="F106696" s="14" t="s">
        <v>25</v>
      </c>
      <c r="G106696" s="16">
        <v>0.82455846225533125</v>
      </c>
    </row>
    <row r="106697" spans="1:7" x14ac:dyDescent="0.3">
      <c r="A106697" s="13" t="s">
        <v>517</v>
      </c>
      <c r="B106697" s="14" t="s">
        <v>1</v>
      </c>
      <c r="C106697" s="14" t="s">
        <v>106</v>
      </c>
      <c r="D106697" s="14" t="s">
        <v>153</v>
      </c>
      <c r="E106697" s="15">
        <v>45493</v>
      </c>
      <c r="F106697" s="14" t="s">
        <v>25</v>
      </c>
      <c r="G106697" s="16">
        <v>0.82455846225533125</v>
      </c>
    </row>
    <row r="106698" spans="1:7" x14ac:dyDescent="0.3">
      <c r="A106698" s="13" t="s">
        <v>517</v>
      </c>
      <c r="B106698" s="14" t="s">
        <v>1</v>
      </c>
      <c r="C106698" s="14" t="s">
        <v>106</v>
      </c>
      <c r="D106698" s="14" t="s">
        <v>153</v>
      </c>
      <c r="E106698" s="15">
        <v>45494</v>
      </c>
      <c r="F106698" s="14" t="s">
        <v>25</v>
      </c>
      <c r="G106698" s="16">
        <v>0.82455846225533125</v>
      </c>
    </row>
    <row r="106699" spans="1:7" x14ac:dyDescent="0.3">
      <c r="A106699" s="13" t="s">
        <v>517</v>
      </c>
      <c r="B106699" s="14" t="s">
        <v>1</v>
      </c>
      <c r="C106699" s="14" t="s">
        <v>106</v>
      </c>
      <c r="D106699" s="14" t="s">
        <v>153</v>
      </c>
      <c r="E106699" s="15">
        <v>45495</v>
      </c>
      <c r="F106699" s="14" t="s">
        <v>25</v>
      </c>
      <c r="G106699" s="16">
        <v>0.82746151186471784</v>
      </c>
    </row>
    <row r="106700" spans="1:7" x14ac:dyDescent="0.3">
      <c r="A106700" s="13" t="s">
        <v>517</v>
      </c>
      <c r="B106700" s="14" t="s">
        <v>1</v>
      </c>
      <c r="C106700" s="14" t="s">
        <v>106</v>
      </c>
      <c r="D106700" s="14" t="s">
        <v>153</v>
      </c>
      <c r="E106700" s="15">
        <v>45496</v>
      </c>
      <c r="F106700" s="14" t="s">
        <v>25</v>
      </c>
      <c r="G106700" s="16">
        <v>0.841400763595614</v>
      </c>
    </row>
    <row r="106701" spans="1:7" x14ac:dyDescent="0.3">
      <c r="A106701" s="13" t="s">
        <v>517</v>
      </c>
      <c r="B106701" s="14" t="s">
        <v>1</v>
      </c>
      <c r="C106701" s="14" t="s">
        <v>106</v>
      </c>
      <c r="D106701" s="14" t="s">
        <v>153</v>
      </c>
      <c r="E106701" s="15">
        <v>45497</v>
      </c>
      <c r="F106701" s="14" t="s">
        <v>25</v>
      </c>
      <c r="G106701" s="16">
        <v>0.84603697634781894</v>
      </c>
    </row>
    <row r="106702" spans="1:7" x14ac:dyDescent="0.3">
      <c r="A106702" s="13" t="s">
        <v>517</v>
      </c>
      <c r="B106702" s="14" t="s">
        <v>1</v>
      </c>
      <c r="C106702" s="14" t="s">
        <v>106</v>
      </c>
      <c r="D106702" s="14" t="s">
        <v>153</v>
      </c>
      <c r="E106702" s="15">
        <v>45498</v>
      </c>
      <c r="F106702" s="14" t="s">
        <v>25</v>
      </c>
      <c r="G106702" s="16">
        <v>0.85054984662089639</v>
      </c>
    </row>
    <row r="106703" spans="1:7" x14ac:dyDescent="0.3">
      <c r="A106703" s="13" t="s">
        <v>517</v>
      </c>
      <c r="B106703" s="14" t="s">
        <v>1</v>
      </c>
      <c r="C106703" s="14" t="s">
        <v>106</v>
      </c>
      <c r="D106703" s="14" t="s">
        <v>153</v>
      </c>
      <c r="E106703" s="15">
        <v>45499</v>
      </c>
      <c r="F106703" s="14" t="s">
        <v>25</v>
      </c>
      <c r="G106703" s="16">
        <v>0.85509762541369405</v>
      </c>
    </row>
    <row r="106704" spans="1:7" x14ac:dyDescent="0.3">
      <c r="A106704" s="13" t="s">
        <v>517</v>
      </c>
      <c r="B106704" s="14" t="s">
        <v>1</v>
      </c>
      <c r="C106704" s="14" t="s">
        <v>106</v>
      </c>
      <c r="D106704" s="14" t="s">
        <v>153</v>
      </c>
      <c r="E106704" s="15">
        <v>45500</v>
      </c>
      <c r="F106704" s="14" t="s">
        <v>25</v>
      </c>
      <c r="G106704" s="16">
        <v>0.85509762541369405</v>
      </c>
    </row>
    <row r="106705" spans="1:7" x14ac:dyDescent="0.3">
      <c r="A106705" s="13" t="s">
        <v>517</v>
      </c>
      <c r="B106705" s="14" t="s">
        <v>1</v>
      </c>
      <c r="C106705" s="14" t="s">
        <v>106</v>
      </c>
      <c r="D106705" s="14" t="s">
        <v>153</v>
      </c>
      <c r="E106705" s="15">
        <v>45501</v>
      </c>
      <c r="F106705" s="14" t="s">
        <v>25</v>
      </c>
      <c r="G106705" s="16">
        <v>0.85509762541369405</v>
      </c>
    </row>
    <row r="106706" spans="1:7" x14ac:dyDescent="0.3">
      <c r="A106706" s="13" t="s">
        <v>517</v>
      </c>
      <c r="B106706" s="14" t="s">
        <v>1</v>
      </c>
      <c r="C106706" s="14" t="s">
        <v>106</v>
      </c>
      <c r="D106706" s="14" t="s">
        <v>153</v>
      </c>
      <c r="E106706" s="15">
        <v>45502</v>
      </c>
      <c r="F106706" s="14" t="s">
        <v>25</v>
      </c>
      <c r="G106706" s="16">
        <v>0.85975586166831885</v>
      </c>
    </row>
    <row r="106707" spans="1:7" x14ac:dyDescent="0.3">
      <c r="A106707" s="13" t="s">
        <v>517</v>
      </c>
      <c r="B106707" s="14" t="s">
        <v>1</v>
      </c>
      <c r="C106707" s="14" t="s">
        <v>106</v>
      </c>
      <c r="D106707" s="14" t="s">
        <v>153</v>
      </c>
      <c r="E106707" s="15">
        <v>45503</v>
      </c>
      <c r="F106707" s="14" t="s">
        <v>25</v>
      </c>
      <c r="G106707" s="16">
        <v>0.8736685244755783</v>
      </c>
    </row>
    <row r="106708" spans="1:7" x14ac:dyDescent="0.3">
      <c r="A106708" s="13" t="s">
        <v>517</v>
      </c>
      <c r="B106708" s="14" t="s">
        <v>1</v>
      </c>
      <c r="C106708" s="14" t="s">
        <v>106</v>
      </c>
      <c r="D106708" s="14" t="s">
        <v>153</v>
      </c>
      <c r="E106708" s="15">
        <v>45504</v>
      </c>
      <c r="F106708" s="14" t="s">
        <v>25</v>
      </c>
      <c r="G106708" s="16">
        <v>0.88429547361526717</v>
      </c>
    </row>
    <row r="106709" spans="1:7" x14ac:dyDescent="0.3">
      <c r="A106709" s="13" t="s">
        <v>517</v>
      </c>
      <c r="B106709" s="14" t="s">
        <v>1</v>
      </c>
      <c r="C106709" s="14" t="s">
        <v>106</v>
      </c>
      <c r="D106709" s="14" t="s">
        <v>153</v>
      </c>
      <c r="E106709" s="15">
        <v>45505</v>
      </c>
      <c r="F106709" s="14" t="s">
        <v>25</v>
      </c>
      <c r="G106709" s="16">
        <v>0.88429547361526717</v>
      </c>
    </row>
    <row r="106710" spans="1:7" x14ac:dyDescent="0.3">
      <c r="A106710" s="13" t="s">
        <v>517</v>
      </c>
      <c r="B106710" s="14" t="s">
        <v>1</v>
      </c>
      <c r="C106710" s="14" t="s">
        <v>106</v>
      </c>
      <c r="D106710" s="14" t="s">
        <v>153</v>
      </c>
      <c r="E106710" s="15">
        <v>45506</v>
      </c>
      <c r="F106710" s="14" t="s">
        <v>25</v>
      </c>
      <c r="G106710" s="16">
        <v>0.88882143172184835</v>
      </c>
    </row>
    <row r="106711" spans="1:7" x14ac:dyDescent="0.3">
      <c r="A106711" s="13" t="s">
        <v>517</v>
      </c>
      <c r="B106711" s="14" t="s">
        <v>1</v>
      </c>
      <c r="C106711" s="14" t="s">
        <v>106</v>
      </c>
      <c r="D106711" s="14" t="s">
        <v>153</v>
      </c>
      <c r="E106711" s="15">
        <v>45507</v>
      </c>
      <c r="F106711" s="14" t="s">
        <v>25</v>
      </c>
      <c r="G106711" s="16">
        <v>0.88882143172184835</v>
      </c>
    </row>
    <row r="106712" spans="1:7" x14ac:dyDescent="0.3">
      <c r="A106712" s="13" t="s">
        <v>517</v>
      </c>
      <c r="B106712" s="14" t="s">
        <v>1</v>
      </c>
      <c r="C106712" s="14" t="s">
        <v>106</v>
      </c>
      <c r="D106712" s="14" t="s">
        <v>153</v>
      </c>
      <c r="E106712" s="15">
        <v>45508</v>
      </c>
      <c r="F106712" s="14" t="s">
        <v>25</v>
      </c>
      <c r="G106712" s="16">
        <v>0.88882143172184835</v>
      </c>
    </row>
    <row r="106713" spans="1:7" x14ac:dyDescent="0.3">
      <c r="A106713" s="13" t="s">
        <v>517</v>
      </c>
      <c r="B106713" s="14" t="s">
        <v>1</v>
      </c>
      <c r="C106713" s="14" t="s">
        <v>106</v>
      </c>
      <c r="D106713" s="14" t="s">
        <v>153</v>
      </c>
      <c r="E106713" s="15">
        <v>45509</v>
      </c>
      <c r="F106713" s="14" t="s">
        <v>25</v>
      </c>
      <c r="G106713" s="16">
        <v>0.88882143172184835</v>
      </c>
    </row>
    <row r="106714" spans="1:7" x14ac:dyDescent="0.3">
      <c r="A106714" s="13" t="s">
        <v>517</v>
      </c>
      <c r="B106714" s="14" t="s">
        <v>1</v>
      </c>
      <c r="C106714" s="14" t="s">
        <v>106</v>
      </c>
      <c r="D106714" s="14" t="s">
        <v>153</v>
      </c>
      <c r="E106714" s="15">
        <v>45510</v>
      </c>
      <c r="F106714" s="14" t="s">
        <v>25</v>
      </c>
      <c r="G106714" s="16">
        <v>0.90104728402665213</v>
      </c>
    </row>
    <row r="106715" spans="1:7" x14ac:dyDescent="0.3">
      <c r="A106715" s="13" t="s">
        <v>517</v>
      </c>
      <c r="B106715" s="14" t="s">
        <v>1</v>
      </c>
      <c r="C106715" s="14" t="s">
        <v>106</v>
      </c>
      <c r="D106715" s="14" t="s">
        <v>153</v>
      </c>
      <c r="E106715" s="15">
        <v>45511</v>
      </c>
      <c r="F106715" s="14" t="s">
        <v>25</v>
      </c>
      <c r="G106715" s="16">
        <v>0.94856806012157524</v>
      </c>
    </row>
    <row r="106716" spans="1:7" x14ac:dyDescent="0.3">
      <c r="A106716" s="13" t="s">
        <v>517</v>
      </c>
      <c r="B106716" s="14" t="s">
        <v>1</v>
      </c>
      <c r="C106716" s="14" t="s">
        <v>106</v>
      </c>
      <c r="D106716" s="14" t="s">
        <v>153</v>
      </c>
      <c r="E106716" s="15">
        <v>45512</v>
      </c>
      <c r="F106716" s="14" t="s">
        <v>25</v>
      </c>
      <c r="G106716" s="16">
        <v>0.95309279402615332</v>
      </c>
    </row>
    <row r="106717" spans="1:7" x14ac:dyDescent="0.3">
      <c r="A106717" s="13" t="s">
        <v>517</v>
      </c>
      <c r="B106717" s="14" t="s">
        <v>1</v>
      </c>
      <c r="C106717" s="14" t="s">
        <v>106</v>
      </c>
      <c r="D106717" s="14" t="s">
        <v>153</v>
      </c>
      <c r="E106717" s="15">
        <v>45513</v>
      </c>
      <c r="F106717" s="14" t="s">
        <v>25</v>
      </c>
      <c r="G106717" s="16">
        <v>0.95742056854078528</v>
      </c>
    </row>
    <row r="106718" spans="1:7" x14ac:dyDescent="0.3">
      <c r="A106718" s="13" t="s">
        <v>517</v>
      </c>
      <c r="B106718" s="14" t="s">
        <v>1</v>
      </c>
      <c r="C106718" s="14" t="s">
        <v>106</v>
      </c>
      <c r="D106718" s="14" t="s">
        <v>153</v>
      </c>
      <c r="E106718" s="15">
        <v>45514</v>
      </c>
      <c r="F106718" s="14" t="s">
        <v>25</v>
      </c>
      <c r="G106718" s="16">
        <v>0.95742056854078528</v>
      </c>
    </row>
    <row r="106719" spans="1:7" x14ac:dyDescent="0.3">
      <c r="A106719" s="13" t="s">
        <v>517</v>
      </c>
      <c r="B106719" s="14" t="s">
        <v>1</v>
      </c>
      <c r="C106719" s="14" t="s">
        <v>106</v>
      </c>
      <c r="D106719" s="14" t="s">
        <v>153</v>
      </c>
      <c r="E106719" s="15">
        <v>45515</v>
      </c>
      <c r="F106719" s="14" t="s">
        <v>25</v>
      </c>
      <c r="G106719" s="16">
        <v>0.95742056854078528</v>
      </c>
    </row>
    <row r="106720" spans="1:7" x14ac:dyDescent="0.3">
      <c r="A106720" s="13" t="s">
        <v>517</v>
      </c>
      <c r="B106720" s="14" t="s">
        <v>1</v>
      </c>
      <c r="C106720" s="14" t="s">
        <v>106</v>
      </c>
      <c r="D106720" s="14" t="s">
        <v>153</v>
      </c>
      <c r="E106720" s="15">
        <v>45516</v>
      </c>
      <c r="F106720" s="14" t="s">
        <v>25</v>
      </c>
      <c r="G106720" s="16">
        <v>0.96271425535122224</v>
      </c>
    </row>
    <row r="106721" spans="1:7" x14ac:dyDescent="0.3">
      <c r="A106721" s="13" t="s">
        <v>517</v>
      </c>
      <c r="B106721" s="14" t="s">
        <v>1</v>
      </c>
      <c r="C106721" s="14" t="s">
        <v>106</v>
      </c>
      <c r="D106721" s="14" t="s">
        <v>153</v>
      </c>
      <c r="E106721" s="15">
        <v>45517</v>
      </c>
      <c r="F106721" s="14" t="s">
        <v>25</v>
      </c>
      <c r="G106721" s="16">
        <v>0.97565805419378981</v>
      </c>
    </row>
    <row r="106722" spans="1:7" x14ac:dyDescent="0.3">
      <c r="A106722" s="13" t="s">
        <v>517</v>
      </c>
      <c r="B106722" s="14" t="s">
        <v>1</v>
      </c>
      <c r="C106722" s="14" t="s">
        <v>106</v>
      </c>
      <c r="D106722" s="14" t="s">
        <v>153</v>
      </c>
      <c r="E106722" s="15">
        <v>45518</v>
      </c>
      <c r="F106722" s="14" t="s">
        <v>25</v>
      </c>
      <c r="G106722" s="16">
        <v>0.97991304384317757</v>
      </c>
    </row>
    <row r="106723" spans="1:7" x14ac:dyDescent="0.3">
      <c r="A106723" s="13" t="s">
        <v>517</v>
      </c>
      <c r="B106723" s="14" t="s">
        <v>1</v>
      </c>
      <c r="C106723" s="14" t="s">
        <v>106</v>
      </c>
      <c r="D106723" s="14" t="s">
        <v>153</v>
      </c>
      <c r="E106723" s="15">
        <v>45519</v>
      </c>
      <c r="F106723" s="14" t="s">
        <v>25</v>
      </c>
      <c r="G106723" s="16">
        <v>0.9847419128063154</v>
      </c>
    </row>
    <row r="106724" spans="1:7" x14ac:dyDescent="0.3">
      <c r="A106724" s="13" t="s">
        <v>517</v>
      </c>
      <c r="B106724" s="14" t="s">
        <v>1</v>
      </c>
      <c r="C106724" s="14" t="s">
        <v>106</v>
      </c>
      <c r="D106724" s="14" t="s">
        <v>153</v>
      </c>
      <c r="E106724" s="15">
        <v>45520</v>
      </c>
      <c r="F106724" s="14" t="s">
        <v>25</v>
      </c>
      <c r="G106724" s="16">
        <v>0.98954063547919513</v>
      </c>
    </row>
    <row r="106725" spans="1:7" x14ac:dyDescent="0.3">
      <c r="A106725" s="13" t="s">
        <v>517</v>
      </c>
      <c r="B106725" s="14" t="s">
        <v>1</v>
      </c>
      <c r="C106725" s="14" t="s">
        <v>106</v>
      </c>
      <c r="D106725" s="14" t="s">
        <v>153</v>
      </c>
      <c r="E106725" s="15">
        <v>45521</v>
      </c>
      <c r="F106725" s="14" t="s">
        <v>25</v>
      </c>
      <c r="G106725" s="16">
        <v>0.98954063547919513</v>
      </c>
    </row>
    <row r="106726" spans="1:7" x14ac:dyDescent="0.3">
      <c r="A106726" s="13" t="s">
        <v>517</v>
      </c>
      <c r="B106726" s="14" t="s">
        <v>1</v>
      </c>
      <c r="C106726" s="14" t="s">
        <v>106</v>
      </c>
      <c r="D106726" s="14" t="s">
        <v>153</v>
      </c>
      <c r="E106726" s="15">
        <v>45522</v>
      </c>
      <c r="F106726" s="14" t="s">
        <v>25</v>
      </c>
      <c r="G106726" s="16">
        <v>0.98954063547919513</v>
      </c>
    </row>
    <row r="106727" spans="1:7" x14ac:dyDescent="0.3">
      <c r="A106727" s="13" t="s">
        <v>517</v>
      </c>
      <c r="B106727" s="14" t="s">
        <v>1</v>
      </c>
      <c r="C106727" s="14" t="s">
        <v>106</v>
      </c>
      <c r="D106727" s="14" t="s">
        <v>153</v>
      </c>
      <c r="E106727" s="15">
        <v>45523</v>
      </c>
      <c r="F106727" s="14" t="s">
        <v>25</v>
      </c>
      <c r="G106727" s="16">
        <v>1.0042980865273821</v>
      </c>
    </row>
    <row r="106728" spans="1:7" x14ac:dyDescent="0.3">
      <c r="A106728" s="13" t="s">
        <v>517</v>
      </c>
      <c r="B106728" s="14" t="s">
        <v>1</v>
      </c>
      <c r="C106728" s="14" t="s">
        <v>106</v>
      </c>
      <c r="D106728" s="14" t="s">
        <v>153</v>
      </c>
      <c r="E106728" s="15">
        <v>45524</v>
      </c>
      <c r="F106728" s="14" t="s">
        <v>25</v>
      </c>
      <c r="G106728" s="16">
        <v>1.016552446177361</v>
      </c>
    </row>
    <row r="106729" spans="1:7" x14ac:dyDescent="0.3">
      <c r="A106729" s="13" t="s">
        <v>517</v>
      </c>
      <c r="B106729" s="14" t="s">
        <v>1</v>
      </c>
      <c r="C106729" s="14" t="s">
        <v>106</v>
      </c>
      <c r="D106729" s="14" t="s">
        <v>153</v>
      </c>
      <c r="E106729" s="15">
        <v>45525</v>
      </c>
      <c r="F106729" s="14" t="s">
        <v>25</v>
      </c>
      <c r="G106729" s="16">
        <v>1.0186527997156216</v>
      </c>
    </row>
    <row r="106730" spans="1:7" x14ac:dyDescent="0.3">
      <c r="A106730" s="13" t="s">
        <v>517</v>
      </c>
      <c r="B106730" s="14" t="s">
        <v>1</v>
      </c>
      <c r="C106730" s="14" t="s">
        <v>106</v>
      </c>
      <c r="D106730" s="14" t="s">
        <v>153</v>
      </c>
      <c r="E106730" s="15">
        <v>45526</v>
      </c>
      <c r="F106730" s="14" t="s">
        <v>25</v>
      </c>
      <c r="G106730" s="16">
        <v>1.0226218354801226</v>
      </c>
    </row>
    <row r="106731" spans="1:7" x14ac:dyDescent="0.3">
      <c r="A106731" s="13" t="s">
        <v>517</v>
      </c>
      <c r="B106731" s="14" t="s">
        <v>1</v>
      </c>
      <c r="C106731" s="14" t="s">
        <v>106</v>
      </c>
      <c r="D106731" s="14" t="s">
        <v>153</v>
      </c>
      <c r="E106731" s="15">
        <v>45527</v>
      </c>
      <c r="F106731" s="14" t="s">
        <v>25</v>
      </c>
      <c r="G106731" s="16">
        <v>1.0265298713797937</v>
      </c>
    </row>
    <row r="106732" spans="1:7" x14ac:dyDescent="0.3">
      <c r="A106732" s="13" t="s">
        <v>517</v>
      </c>
      <c r="B106732" s="14" t="s">
        <v>1</v>
      </c>
      <c r="C106732" s="14" t="s">
        <v>106</v>
      </c>
      <c r="D106732" s="14" t="s">
        <v>153</v>
      </c>
      <c r="E106732" s="15">
        <v>45528</v>
      </c>
      <c r="F106732" s="14" t="s">
        <v>25</v>
      </c>
      <c r="G106732" s="16">
        <v>1.0265298713797937</v>
      </c>
    </row>
    <row r="106733" spans="1:7" x14ac:dyDescent="0.3">
      <c r="A106733" s="13" t="s">
        <v>517</v>
      </c>
      <c r="B106733" s="14" t="s">
        <v>1</v>
      </c>
      <c r="C106733" s="14" t="s">
        <v>106</v>
      </c>
      <c r="D106733" s="14" t="s">
        <v>153</v>
      </c>
      <c r="E106733" s="15">
        <v>45529</v>
      </c>
      <c r="F106733" s="14" t="s">
        <v>25</v>
      </c>
      <c r="G106733" s="16">
        <v>1.0265298713797937</v>
      </c>
    </row>
    <row r="106734" spans="1:7" x14ac:dyDescent="0.3">
      <c r="A106734" s="13" t="s">
        <v>517</v>
      </c>
      <c r="B106734" s="14" t="s">
        <v>1</v>
      </c>
      <c r="C106734" s="14" t="s">
        <v>106</v>
      </c>
      <c r="D106734" s="14" t="s">
        <v>153</v>
      </c>
      <c r="E106734" s="15">
        <v>45530</v>
      </c>
      <c r="F106734" s="14" t="s">
        <v>25</v>
      </c>
      <c r="G106734" s="16">
        <v>1.0304966637365851</v>
      </c>
    </row>
    <row r="106735" spans="1:7" x14ac:dyDescent="0.3">
      <c r="A106735" s="13" t="s">
        <v>517</v>
      </c>
      <c r="B106735" s="14" t="s">
        <v>1</v>
      </c>
      <c r="C106735" s="14" t="s">
        <v>106</v>
      </c>
      <c r="D106735" s="14" t="s">
        <v>153</v>
      </c>
      <c r="E106735" s="15">
        <v>45531</v>
      </c>
      <c r="F106735" s="14" t="s">
        <v>25</v>
      </c>
      <c r="G106735" s="16">
        <v>1.0422479342415909</v>
      </c>
    </row>
    <row r="106736" spans="1:7" x14ac:dyDescent="0.3">
      <c r="A106736" s="13" t="s">
        <v>517</v>
      </c>
      <c r="B106736" s="14" t="s">
        <v>1</v>
      </c>
      <c r="C106736" s="14" t="s">
        <v>106</v>
      </c>
      <c r="D106736" s="14" t="s">
        <v>153</v>
      </c>
      <c r="E106736" s="15">
        <v>45532</v>
      </c>
      <c r="F106736" s="14" t="s">
        <v>25</v>
      </c>
      <c r="G106736" s="16">
        <v>1.0540950418808779</v>
      </c>
    </row>
    <row r="106737" spans="1:7" x14ac:dyDescent="0.3">
      <c r="A106737" s="13" t="s">
        <v>517</v>
      </c>
      <c r="B106737" s="14" t="s">
        <v>1</v>
      </c>
      <c r="C106737" s="14" t="s">
        <v>106</v>
      </c>
      <c r="D106737" s="14" t="s">
        <v>153</v>
      </c>
      <c r="E106737" s="15">
        <v>45533</v>
      </c>
      <c r="F106737" s="14" t="s">
        <v>25</v>
      </c>
      <c r="G106737" s="16">
        <v>1.0579977131960445</v>
      </c>
    </row>
    <row r="106738" spans="1:7" x14ac:dyDescent="0.3">
      <c r="A106738" s="13" t="s">
        <v>517</v>
      </c>
      <c r="B106738" s="14" t="s">
        <v>1</v>
      </c>
      <c r="C106738" s="14" t="s">
        <v>106</v>
      </c>
      <c r="D106738" s="14" t="s">
        <v>153</v>
      </c>
      <c r="E106738" s="15">
        <v>45534</v>
      </c>
      <c r="F106738" s="14" t="s">
        <v>25</v>
      </c>
      <c r="G106738" s="16">
        <v>1.0620007566162071</v>
      </c>
    </row>
    <row r="106739" spans="1:7" x14ac:dyDescent="0.3">
      <c r="A106739" s="13" t="s">
        <v>517</v>
      </c>
      <c r="B106739" s="14" t="s">
        <v>1</v>
      </c>
      <c r="C106739" s="14" t="s">
        <v>106</v>
      </c>
      <c r="D106739" s="14" t="s">
        <v>153</v>
      </c>
      <c r="E106739" s="15">
        <v>45535</v>
      </c>
      <c r="F106739" s="14" t="s">
        <v>25</v>
      </c>
      <c r="G106739" s="16">
        <v>1.0620007566162071</v>
      </c>
    </row>
    <row r="106740" spans="1:7" x14ac:dyDescent="0.3">
      <c r="A106740" s="13" t="s">
        <v>517</v>
      </c>
      <c r="B106740" s="14" t="s">
        <v>1</v>
      </c>
      <c r="C106740" s="14" t="s">
        <v>106</v>
      </c>
      <c r="D106740" s="14" t="s">
        <v>153</v>
      </c>
      <c r="E106740" s="15">
        <v>45536</v>
      </c>
      <c r="F106740" s="14" t="s">
        <v>25</v>
      </c>
      <c r="G106740" s="16">
        <v>1.0620007566162071</v>
      </c>
    </row>
    <row r="106741" spans="1:7" x14ac:dyDescent="0.3">
      <c r="A106741" s="13" t="s">
        <v>517</v>
      </c>
      <c r="B106741" s="14" t="s">
        <v>1</v>
      </c>
      <c r="C106741" s="14" t="s">
        <v>106</v>
      </c>
      <c r="D106741" s="14" t="s">
        <v>153</v>
      </c>
      <c r="E106741" s="15">
        <v>45537</v>
      </c>
      <c r="F106741" s="14" t="s">
        <v>25</v>
      </c>
      <c r="G106741" s="16">
        <v>1.0659662573674149</v>
      </c>
    </row>
    <row r="106742" spans="1:7" x14ac:dyDescent="0.3">
      <c r="A106742" s="13" t="s">
        <v>517</v>
      </c>
      <c r="B106742" s="14" t="s">
        <v>1</v>
      </c>
      <c r="C106742" s="14" t="s">
        <v>106</v>
      </c>
      <c r="D106742" s="14" t="s">
        <v>153</v>
      </c>
      <c r="E106742" s="15">
        <v>45538</v>
      </c>
      <c r="F106742" s="14" t="s">
        <v>25</v>
      </c>
      <c r="G106742" s="16">
        <v>1.0843413979458267</v>
      </c>
    </row>
    <row r="106743" spans="1:7" x14ac:dyDescent="0.3">
      <c r="A106743" s="13" t="s">
        <v>517</v>
      </c>
      <c r="B106743" s="14" t="s">
        <v>1</v>
      </c>
      <c r="C106743" s="14" t="s">
        <v>106</v>
      </c>
      <c r="D106743" s="14" t="s">
        <v>153</v>
      </c>
      <c r="E106743" s="15">
        <v>45539</v>
      </c>
      <c r="F106743" s="14" t="s">
        <v>25</v>
      </c>
      <c r="G106743" s="16">
        <v>1.0881532884262934</v>
      </c>
    </row>
    <row r="106744" spans="1:7" x14ac:dyDescent="0.3">
      <c r="A106744" s="13" t="s">
        <v>517</v>
      </c>
      <c r="B106744" s="14" t="s">
        <v>1</v>
      </c>
      <c r="C106744" s="14" t="s">
        <v>106</v>
      </c>
      <c r="D106744" s="14" t="s">
        <v>153</v>
      </c>
      <c r="E106744" s="15">
        <v>45540</v>
      </c>
      <c r="F106744" s="14" t="s">
        <v>25</v>
      </c>
      <c r="G106744" s="16">
        <v>1.1046537596467934</v>
      </c>
    </row>
    <row r="106745" spans="1:7" x14ac:dyDescent="0.3">
      <c r="A106745" s="13" t="s">
        <v>517</v>
      </c>
      <c r="B106745" s="14" t="s">
        <v>1</v>
      </c>
      <c r="C106745" s="14" t="s">
        <v>106</v>
      </c>
      <c r="D106745" s="14" t="s">
        <v>153</v>
      </c>
      <c r="E106745" s="15">
        <v>45541</v>
      </c>
      <c r="F106745" s="14" t="s">
        <v>25</v>
      </c>
      <c r="G106745" s="16">
        <v>1.1088687205770744</v>
      </c>
    </row>
    <row r="106746" spans="1:7" x14ac:dyDescent="0.3">
      <c r="A106746" s="13" t="s">
        <v>517</v>
      </c>
      <c r="B106746" s="14" t="s">
        <v>1</v>
      </c>
      <c r="C106746" s="14" t="s">
        <v>106</v>
      </c>
      <c r="D106746" s="14" t="s">
        <v>153</v>
      </c>
      <c r="E106746" s="15">
        <v>45542</v>
      </c>
      <c r="F106746" s="14" t="s">
        <v>25</v>
      </c>
      <c r="G106746" s="16">
        <v>1.1088687205770744</v>
      </c>
    </row>
    <row r="106747" spans="1:7" x14ac:dyDescent="0.3">
      <c r="A106747" s="13" t="s">
        <v>517</v>
      </c>
      <c r="B106747" s="14" t="s">
        <v>1</v>
      </c>
      <c r="C106747" s="14" t="s">
        <v>106</v>
      </c>
      <c r="D106747" s="14" t="s">
        <v>153</v>
      </c>
      <c r="E106747" s="15">
        <v>45543</v>
      </c>
      <c r="F106747" s="14" t="s">
        <v>25</v>
      </c>
      <c r="G106747" s="16">
        <v>1.1088687205770744</v>
      </c>
    </row>
    <row r="106748" spans="1:7" x14ac:dyDescent="0.3">
      <c r="A106748" s="13" t="s">
        <v>517</v>
      </c>
      <c r="B106748" s="14" t="s">
        <v>1</v>
      </c>
      <c r="C106748" s="14" t="s">
        <v>106</v>
      </c>
      <c r="D106748" s="14" t="s">
        <v>153</v>
      </c>
      <c r="E106748" s="15">
        <v>45544</v>
      </c>
      <c r="F106748" s="14" t="s">
        <v>25</v>
      </c>
      <c r="G106748" s="16">
        <v>1.1131608862516174</v>
      </c>
    </row>
    <row r="106749" spans="1:7" x14ac:dyDescent="0.3">
      <c r="A106749" s="13" t="s">
        <v>517</v>
      </c>
      <c r="B106749" s="14" t="s">
        <v>1</v>
      </c>
      <c r="C106749" s="14" t="s">
        <v>106</v>
      </c>
      <c r="D106749" s="14" t="s">
        <v>153</v>
      </c>
      <c r="E106749" s="15">
        <v>45545</v>
      </c>
      <c r="F106749" s="14" t="s">
        <v>25</v>
      </c>
      <c r="G106749" s="16">
        <v>1.1261905764126547</v>
      </c>
    </row>
    <row r="106750" spans="1:7" x14ac:dyDescent="0.3">
      <c r="A106750" s="13" t="s">
        <v>517</v>
      </c>
      <c r="B106750" s="14" t="s">
        <v>1</v>
      </c>
      <c r="C106750" s="14" t="s">
        <v>106</v>
      </c>
      <c r="D106750" s="14" t="s">
        <v>153</v>
      </c>
      <c r="E106750" s="15">
        <v>45546</v>
      </c>
      <c r="F106750" s="14" t="s">
        <v>25</v>
      </c>
      <c r="G106750" s="16">
        <v>1.1304480366839456</v>
      </c>
    </row>
    <row r="106751" spans="1:7" x14ac:dyDescent="0.3">
      <c r="A106751" s="13" t="s">
        <v>517</v>
      </c>
      <c r="B106751" s="14" t="s">
        <v>1</v>
      </c>
      <c r="C106751" s="14" t="s">
        <v>106</v>
      </c>
      <c r="D106751" s="14" t="s">
        <v>153</v>
      </c>
      <c r="E106751" s="15">
        <v>45547</v>
      </c>
      <c r="F106751" s="14" t="s">
        <v>25</v>
      </c>
      <c r="G106751" s="16">
        <v>1.1349315776693221</v>
      </c>
    </row>
    <row r="106752" spans="1:7" x14ac:dyDescent="0.3">
      <c r="A106752" s="13" t="s">
        <v>517</v>
      </c>
      <c r="B106752" s="14" t="s">
        <v>1</v>
      </c>
      <c r="C106752" s="14" t="s">
        <v>106</v>
      </c>
      <c r="D106752" s="14" t="s">
        <v>153</v>
      </c>
      <c r="E106752" s="15">
        <v>45548</v>
      </c>
      <c r="F106752" s="14" t="s">
        <v>25</v>
      </c>
      <c r="G106752" s="16">
        <v>1.1408414658438719</v>
      </c>
    </row>
    <row r="106753" spans="1:7" x14ac:dyDescent="0.3">
      <c r="A106753" s="13" t="s">
        <v>517</v>
      </c>
      <c r="B106753" s="14" t="s">
        <v>1</v>
      </c>
      <c r="C106753" s="14" t="s">
        <v>106</v>
      </c>
      <c r="D106753" s="14" t="s">
        <v>153</v>
      </c>
      <c r="E106753" s="15">
        <v>45549</v>
      </c>
      <c r="F106753" s="14" t="s">
        <v>25</v>
      </c>
      <c r="G106753" s="16">
        <v>1.1408414658438719</v>
      </c>
    </row>
    <row r="106754" spans="1:7" x14ac:dyDescent="0.3">
      <c r="A106754" s="13" t="s">
        <v>517</v>
      </c>
      <c r="B106754" s="14" t="s">
        <v>1</v>
      </c>
      <c r="C106754" s="14" t="s">
        <v>106</v>
      </c>
      <c r="D106754" s="14" t="s">
        <v>153</v>
      </c>
      <c r="E106754" s="15">
        <v>45550</v>
      </c>
      <c r="F106754" s="14" t="s">
        <v>25</v>
      </c>
      <c r="G106754" s="16">
        <v>1.1408414658438719</v>
      </c>
    </row>
    <row r="106755" spans="1:7" x14ac:dyDescent="0.3">
      <c r="A106755" s="13" t="s">
        <v>517</v>
      </c>
      <c r="B106755" s="14" t="s">
        <v>1</v>
      </c>
      <c r="C106755" s="14" t="s">
        <v>106</v>
      </c>
      <c r="D106755" s="14" t="s">
        <v>153</v>
      </c>
      <c r="E106755" s="15">
        <v>45551</v>
      </c>
      <c r="F106755" s="14" t="s">
        <v>25</v>
      </c>
      <c r="G106755" s="16">
        <v>1.145017794830314</v>
      </c>
    </row>
    <row r="106756" spans="1:7" x14ac:dyDescent="0.3">
      <c r="A106756" s="13" t="s">
        <v>517</v>
      </c>
      <c r="B106756" s="14" t="s">
        <v>1</v>
      </c>
      <c r="C106756" s="14" t="s">
        <v>106</v>
      </c>
      <c r="D106756" s="14" t="s">
        <v>153</v>
      </c>
      <c r="E106756" s="15">
        <v>45552</v>
      </c>
      <c r="F106756" s="14" t="s">
        <v>25</v>
      </c>
      <c r="G106756" s="16">
        <v>1.1588078693104567</v>
      </c>
    </row>
    <row r="106757" spans="1:7" x14ac:dyDescent="0.3">
      <c r="A106757" s="13" t="s">
        <v>517</v>
      </c>
      <c r="B106757" s="14" t="s">
        <v>1</v>
      </c>
      <c r="C106757" s="14" t="s">
        <v>106</v>
      </c>
      <c r="D106757" s="14" t="s">
        <v>153</v>
      </c>
      <c r="E106757" s="15">
        <v>45553</v>
      </c>
      <c r="F106757" s="14" t="s">
        <v>25</v>
      </c>
      <c r="G106757" s="16">
        <v>1.1629854790329932</v>
      </c>
    </row>
    <row r="106758" spans="1:7" x14ac:dyDescent="0.3">
      <c r="A106758" s="13" t="s">
        <v>517</v>
      </c>
      <c r="B106758" s="14" t="s">
        <v>1</v>
      </c>
      <c r="C106758" s="14" t="s">
        <v>106</v>
      </c>
      <c r="D106758" s="14" t="s">
        <v>153</v>
      </c>
      <c r="E106758" s="15">
        <v>45554</v>
      </c>
      <c r="F106758" s="14" t="s">
        <v>25</v>
      </c>
      <c r="G106758" s="16">
        <v>1.1620136223355744</v>
      </c>
    </row>
    <row r="106759" spans="1:7" x14ac:dyDescent="0.3">
      <c r="A106759" s="13" t="s">
        <v>517</v>
      </c>
      <c r="B106759" s="14" t="s">
        <v>1</v>
      </c>
      <c r="C106759" s="14" t="s">
        <v>106</v>
      </c>
      <c r="D106759" s="14" t="s">
        <v>153</v>
      </c>
      <c r="E106759" s="15">
        <v>45555</v>
      </c>
      <c r="F106759" s="14" t="s">
        <v>25</v>
      </c>
      <c r="G106759" s="16">
        <v>1.1684763774986109</v>
      </c>
    </row>
    <row r="106760" spans="1:7" x14ac:dyDescent="0.3">
      <c r="A106760" s="13" t="s">
        <v>517</v>
      </c>
      <c r="B106760" s="14" t="s">
        <v>1</v>
      </c>
      <c r="C106760" s="14" t="s">
        <v>106</v>
      </c>
      <c r="D106760" s="14" t="s">
        <v>153</v>
      </c>
      <c r="E106760" s="15">
        <v>45556</v>
      </c>
      <c r="F106760" s="14" t="s">
        <v>25</v>
      </c>
      <c r="G106760" s="16">
        <v>1.1684763774986109</v>
      </c>
    </row>
    <row r="106761" spans="1:7" x14ac:dyDescent="0.3">
      <c r="A106761" s="13" t="s">
        <v>517</v>
      </c>
      <c r="B106761" s="14" t="s">
        <v>1</v>
      </c>
      <c r="C106761" s="14" t="s">
        <v>106</v>
      </c>
      <c r="D106761" s="14" t="s">
        <v>153</v>
      </c>
      <c r="E106761" s="15">
        <v>45557</v>
      </c>
      <c r="F106761" s="14" t="s">
        <v>25</v>
      </c>
      <c r="G106761" s="16">
        <v>1.1684763774986109</v>
      </c>
    </row>
    <row r="106762" spans="1:7" x14ac:dyDescent="0.3">
      <c r="A106762" s="13" t="s">
        <v>517</v>
      </c>
      <c r="B106762" s="14" t="s">
        <v>1</v>
      </c>
      <c r="C106762" s="14" t="s">
        <v>106</v>
      </c>
      <c r="D106762" s="14" t="s">
        <v>153</v>
      </c>
      <c r="E106762" s="15">
        <v>45558</v>
      </c>
      <c r="F106762" s="14" t="s">
        <v>25</v>
      </c>
      <c r="G106762" s="16">
        <v>1.1699095933191626</v>
      </c>
    </row>
    <row r="106763" spans="1:7" x14ac:dyDescent="0.3">
      <c r="A106763" s="13" t="s">
        <v>517</v>
      </c>
      <c r="B106763" s="14" t="s">
        <v>1</v>
      </c>
      <c r="C106763" s="14" t="s">
        <v>106</v>
      </c>
      <c r="D106763" s="14" t="s">
        <v>153</v>
      </c>
      <c r="E106763" s="15">
        <v>45559</v>
      </c>
      <c r="F106763" s="14" t="s">
        <v>25</v>
      </c>
      <c r="G106763" s="16">
        <v>1.1820685995634828</v>
      </c>
    </row>
    <row r="106764" spans="1:7" x14ac:dyDescent="0.3">
      <c r="A106764" s="13" t="s">
        <v>517</v>
      </c>
      <c r="B106764" s="14" t="s">
        <v>1</v>
      </c>
      <c r="C106764" s="14" t="s">
        <v>106</v>
      </c>
      <c r="D106764" s="14" t="s">
        <v>153</v>
      </c>
      <c r="E106764" s="15">
        <v>45560</v>
      </c>
      <c r="F106764" s="14" t="s">
        <v>25</v>
      </c>
      <c r="G106764" s="16">
        <v>1.1860765587111992</v>
      </c>
    </row>
    <row r="106765" spans="1:7" x14ac:dyDescent="0.3">
      <c r="A106765" s="13" t="s">
        <v>517</v>
      </c>
      <c r="B106765" s="14" t="s">
        <v>1</v>
      </c>
      <c r="C106765" s="14" t="s">
        <v>106</v>
      </c>
      <c r="D106765" s="14" t="s">
        <v>153</v>
      </c>
      <c r="E106765" s="15">
        <v>45561</v>
      </c>
      <c r="F106765" s="14" t="s">
        <v>25</v>
      </c>
      <c r="G106765" s="16">
        <v>1.1901031864239571</v>
      </c>
    </row>
    <row r="106766" spans="1:7" x14ac:dyDescent="0.3">
      <c r="A106766" s="13" t="s">
        <v>517</v>
      </c>
      <c r="B106766" s="14" t="s">
        <v>1</v>
      </c>
      <c r="C106766" s="14" t="s">
        <v>106</v>
      </c>
      <c r="D106766" s="14" t="s">
        <v>153</v>
      </c>
      <c r="E106766" s="15">
        <v>45562</v>
      </c>
      <c r="F106766" s="14" t="s">
        <v>25</v>
      </c>
      <c r="G106766" s="16">
        <v>1.2109178946361263</v>
      </c>
    </row>
    <row r="106767" spans="1:7" x14ac:dyDescent="0.3">
      <c r="A106767" s="13" t="s">
        <v>517</v>
      </c>
      <c r="B106767" s="14" t="s">
        <v>1</v>
      </c>
      <c r="C106767" s="14" t="s">
        <v>106</v>
      </c>
      <c r="D106767" s="14" t="s">
        <v>153</v>
      </c>
      <c r="E106767" s="15">
        <v>45563</v>
      </c>
      <c r="F106767" s="14" t="s">
        <v>25</v>
      </c>
      <c r="G106767" s="16">
        <v>1.2109178946361263</v>
      </c>
    </row>
    <row r="106768" spans="1:7" x14ac:dyDescent="0.3">
      <c r="A106768" s="13" t="s">
        <v>517</v>
      </c>
      <c r="B106768" s="14" t="s">
        <v>1</v>
      </c>
      <c r="C106768" s="14" t="s">
        <v>106</v>
      </c>
      <c r="D106768" s="14" t="s">
        <v>153</v>
      </c>
      <c r="E106768" s="15">
        <v>45564</v>
      </c>
      <c r="F106768" s="14" t="s">
        <v>25</v>
      </c>
      <c r="G106768" s="16">
        <v>1.2109178946361263</v>
      </c>
    </row>
    <row r="106769" spans="1:7" x14ac:dyDescent="0.3">
      <c r="A106769" s="13" t="s">
        <v>517</v>
      </c>
      <c r="B106769" s="14" t="s">
        <v>1</v>
      </c>
      <c r="C106769" s="14" t="s">
        <v>106</v>
      </c>
      <c r="D106769" s="14" t="s">
        <v>153</v>
      </c>
      <c r="E106769" s="15">
        <v>45565</v>
      </c>
      <c r="F106769" s="14" t="s">
        <v>25</v>
      </c>
      <c r="G106769" s="16">
        <v>1.2161805519394315</v>
      </c>
    </row>
    <row r="106770" spans="1:7" x14ac:dyDescent="0.3">
      <c r="A106770" s="13" t="s">
        <v>517</v>
      </c>
      <c r="B106770" s="14" t="s">
        <v>1</v>
      </c>
      <c r="C106770" s="14" t="s">
        <v>106</v>
      </c>
      <c r="D106770" s="14" t="s">
        <v>153</v>
      </c>
      <c r="E106770" s="15">
        <v>45566</v>
      </c>
      <c r="F106770" s="14" t="s">
        <v>25</v>
      </c>
      <c r="G106770" s="16">
        <v>1.228124649328258</v>
      </c>
    </row>
    <row r="106771" spans="1:7" x14ac:dyDescent="0.3">
      <c r="A106771" s="13" t="s">
        <v>517</v>
      </c>
      <c r="B106771" s="14" t="s">
        <v>1</v>
      </c>
      <c r="C106771" s="14" t="s">
        <v>106</v>
      </c>
      <c r="D106771" s="14" t="s">
        <v>153</v>
      </c>
      <c r="E106771" s="15">
        <v>45567</v>
      </c>
      <c r="F106771" s="14" t="s">
        <v>25</v>
      </c>
      <c r="G106771" s="16">
        <v>1.2373506880029865</v>
      </c>
    </row>
    <row r="106772" spans="1:7" x14ac:dyDescent="0.3">
      <c r="A106772" s="13" t="s">
        <v>517</v>
      </c>
      <c r="B106772" s="14" t="s">
        <v>1</v>
      </c>
      <c r="C106772" s="14" t="s">
        <v>106</v>
      </c>
      <c r="D106772" s="14" t="s">
        <v>153</v>
      </c>
      <c r="E106772" s="15">
        <v>45568</v>
      </c>
      <c r="F106772" s="14" t="s">
        <v>25</v>
      </c>
      <c r="G106772" s="16">
        <v>1.2413523245314702</v>
      </c>
    </row>
    <row r="106773" spans="1:7" x14ac:dyDescent="0.3">
      <c r="A106773" s="13" t="s">
        <v>517</v>
      </c>
      <c r="B106773" s="14" t="s">
        <v>1</v>
      </c>
      <c r="C106773" s="14" t="s">
        <v>106</v>
      </c>
      <c r="D106773" s="14" t="s">
        <v>153</v>
      </c>
      <c r="E106773" s="15">
        <v>45569</v>
      </c>
      <c r="F106773" s="14" t="s">
        <v>25</v>
      </c>
      <c r="G106773" s="16">
        <v>1.2573167438675577</v>
      </c>
    </row>
    <row r="106774" spans="1:7" x14ac:dyDescent="0.3">
      <c r="A106774" s="13" t="s">
        <v>517</v>
      </c>
      <c r="B106774" s="14" t="s">
        <v>1</v>
      </c>
      <c r="C106774" s="14" t="s">
        <v>106</v>
      </c>
      <c r="D106774" s="14" t="s">
        <v>153</v>
      </c>
      <c r="E106774" s="15">
        <v>45570</v>
      </c>
      <c r="F106774" s="14" t="s">
        <v>25</v>
      </c>
      <c r="G106774" s="16">
        <v>1.2573167438675577</v>
      </c>
    </row>
    <row r="106775" spans="1:7" x14ac:dyDescent="0.3">
      <c r="A106775" s="13" t="s">
        <v>517</v>
      </c>
      <c r="B106775" s="14" t="s">
        <v>1</v>
      </c>
      <c r="C106775" s="14" t="s">
        <v>106</v>
      </c>
      <c r="D106775" s="14" t="s">
        <v>153</v>
      </c>
      <c r="E106775" s="15">
        <v>45571</v>
      </c>
      <c r="F106775" s="14" t="s">
        <v>25</v>
      </c>
      <c r="G106775" s="16">
        <v>1.2573167438675577</v>
      </c>
    </row>
    <row r="106776" spans="1:7" x14ac:dyDescent="0.3">
      <c r="A106776" s="13" t="s">
        <v>517</v>
      </c>
      <c r="B106776" s="14" t="s">
        <v>1</v>
      </c>
      <c r="C106776" s="14" t="s">
        <v>106</v>
      </c>
      <c r="D106776" s="14" t="s">
        <v>153</v>
      </c>
      <c r="E106776" s="15">
        <v>45572</v>
      </c>
      <c r="F106776" s="14" t="s">
        <v>25</v>
      </c>
      <c r="G106776" s="16">
        <v>1.2614473558981421</v>
      </c>
    </row>
    <row r="106777" spans="1:7" x14ac:dyDescent="0.3">
      <c r="A106777" s="13" t="s">
        <v>517</v>
      </c>
      <c r="B106777" s="14" t="s">
        <v>1</v>
      </c>
      <c r="C106777" s="14" t="s">
        <v>106</v>
      </c>
      <c r="D106777" s="14" t="s">
        <v>153</v>
      </c>
      <c r="E106777" s="15">
        <v>45573</v>
      </c>
      <c r="F106777" s="14" t="s">
        <v>25</v>
      </c>
      <c r="G106777" s="16">
        <v>1.2737486270292511</v>
      </c>
    </row>
    <row r="106778" spans="1:7" x14ac:dyDescent="0.3">
      <c r="A106778" s="13" t="s">
        <v>517</v>
      </c>
      <c r="B106778" s="14" t="s">
        <v>1</v>
      </c>
      <c r="C106778" s="14" t="s">
        <v>106</v>
      </c>
      <c r="D106778" s="14" t="s">
        <v>153</v>
      </c>
      <c r="E106778" s="15">
        <v>45574</v>
      </c>
      <c r="F106778" s="14" t="s">
        <v>25</v>
      </c>
      <c r="G106778" s="16">
        <v>1.2806372631101883</v>
      </c>
    </row>
    <row r="106779" spans="1:7" x14ac:dyDescent="0.3">
      <c r="A106779" s="13" t="s">
        <v>517</v>
      </c>
      <c r="B106779" s="14" t="s">
        <v>1</v>
      </c>
      <c r="C106779" s="14" t="s">
        <v>106</v>
      </c>
      <c r="D106779" s="14" t="s">
        <v>153</v>
      </c>
      <c r="E106779" s="15">
        <v>45575</v>
      </c>
      <c r="F106779" s="14" t="s">
        <v>25</v>
      </c>
      <c r="G106779" s="16">
        <v>1.2847726455215607</v>
      </c>
    </row>
    <row r="106780" spans="1:7" x14ac:dyDescent="0.3">
      <c r="A106780" s="13" t="s">
        <v>517</v>
      </c>
      <c r="B106780" s="14" t="s">
        <v>1</v>
      </c>
      <c r="C106780" s="14" t="s">
        <v>106</v>
      </c>
      <c r="D106780" s="14" t="s">
        <v>153</v>
      </c>
      <c r="E106780" s="15">
        <v>45576</v>
      </c>
      <c r="F106780" s="14" t="s">
        <v>25</v>
      </c>
      <c r="G106780" s="16">
        <v>1.2896358560469898</v>
      </c>
    </row>
    <row r="106781" spans="1:7" x14ac:dyDescent="0.3">
      <c r="A106781" s="13" t="s">
        <v>517</v>
      </c>
      <c r="B106781" s="14" t="s">
        <v>1</v>
      </c>
      <c r="C106781" s="14" t="s">
        <v>106</v>
      </c>
      <c r="D106781" s="14" t="s">
        <v>153</v>
      </c>
      <c r="E106781" s="15">
        <v>45577</v>
      </c>
      <c r="F106781" s="14" t="s">
        <v>25</v>
      </c>
      <c r="G106781" s="16">
        <v>1.2896358560469898</v>
      </c>
    </row>
    <row r="106782" spans="1:7" x14ac:dyDescent="0.3">
      <c r="A106782" s="13" t="s">
        <v>517</v>
      </c>
      <c r="B106782" s="14" t="s">
        <v>1</v>
      </c>
      <c r="C106782" s="14" t="s">
        <v>106</v>
      </c>
      <c r="D106782" s="14" t="s">
        <v>153</v>
      </c>
      <c r="E106782" s="15">
        <v>45578</v>
      </c>
      <c r="F106782" s="14" t="s">
        <v>25</v>
      </c>
      <c r="G106782" s="16">
        <v>1.2896358560469898</v>
      </c>
    </row>
    <row r="106783" spans="1:7" x14ac:dyDescent="0.3">
      <c r="A106783" s="13" t="s">
        <v>517</v>
      </c>
      <c r="B106783" s="14" t="s">
        <v>1</v>
      </c>
      <c r="C106783" s="14" t="s">
        <v>106</v>
      </c>
      <c r="D106783" s="14" t="s">
        <v>153</v>
      </c>
      <c r="E106783" s="15">
        <v>45579</v>
      </c>
      <c r="F106783" s="14" t="s">
        <v>25</v>
      </c>
      <c r="G106783" s="16">
        <v>1.2937306224602287</v>
      </c>
    </row>
    <row r="106784" spans="1:7" x14ac:dyDescent="0.3">
      <c r="A106784" s="13" t="s">
        <v>517</v>
      </c>
      <c r="B106784" s="14" t="s">
        <v>1</v>
      </c>
      <c r="C106784" s="14" t="s">
        <v>106</v>
      </c>
      <c r="D106784" s="14" t="s">
        <v>153</v>
      </c>
      <c r="E106784" s="15">
        <v>45580</v>
      </c>
      <c r="F106784" s="14" t="s">
        <v>25</v>
      </c>
      <c r="G106784" s="16">
        <v>1.3060375847295909</v>
      </c>
    </row>
    <row r="106785" spans="1:7" x14ac:dyDescent="0.3">
      <c r="A106785" s="13" t="s">
        <v>517</v>
      </c>
      <c r="B106785" s="14" t="s">
        <v>1</v>
      </c>
      <c r="C106785" s="14" t="s">
        <v>106</v>
      </c>
      <c r="D106785" s="14" t="s">
        <v>153</v>
      </c>
      <c r="E106785" s="15">
        <v>45581</v>
      </c>
      <c r="F106785" s="14" t="s">
        <v>25</v>
      </c>
      <c r="G106785" s="16">
        <v>1.3106446770625277</v>
      </c>
    </row>
    <row r="106786" spans="1:7" x14ac:dyDescent="0.3">
      <c r="A106786" s="13" t="s">
        <v>517</v>
      </c>
      <c r="B106786" s="14" t="s">
        <v>1</v>
      </c>
      <c r="C106786" s="14" t="s">
        <v>106</v>
      </c>
      <c r="D106786" s="14" t="s">
        <v>153</v>
      </c>
      <c r="E106786" s="15">
        <v>45582</v>
      </c>
      <c r="F106786" s="14" t="s">
        <v>25</v>
      </c>
      <c r="G106786" s="16">
        <v>1.3147747779972798</v>
      </c>
    </row>
    <row r="106787" spans="1:7" x14ac:dyDescent="0.3">
      <c r="A106787" s="13" t="s">
        <v>517</v>
      </c>
      <c r="B106787" s="14" t="s">
        <v>1</v>
      </c>
      <c r="C106787" s="14" t="s">
        <v>106</v>
      </c>
      <c r="D106787" s="14" t="s">
        <v>153</v>
      </c>
      <c r="E106787" s="15">
        <v>45583</v>
      </c>
      <c r="F106787" s="14" t="s">
        <v>25</v>
      </c>
      <c r="G106787" s="16">
        <v>1.3189082172310278</v>
      </c>
    </row>
    <row r="106788" spans="1:7" x14ac:dyDescent="0.3">
      <c r="A106788" s="13" t="s">
        <v>517</v>
      </c>
      <c r="B106788" s="14" t="s">
        <v>1</v>
      </c>
      <c r="C106788" s="14" t="s">
        <v>106</v>
      </c>
      <c r="D106788" s="14" t="s">
        <v>153</v>
      </c>
      <c r="E106788" s="15">
        <v>45584</v>
      </c>
      <c r="F106788" s="14" t="s">
        <v>25</v>
      </c>
      <c r="G106788" s="16">
        <v>1.3189082172310278</v>
      </c>
    </row>
    <row r="106789" spans="1:7" x14ac:dyDescent="0.3">
      <c r="A106789" s="13" t="s">
        <v>517</v>
      </c>
      <c r="B106789" s="14" t="s">
        <v>1</v>
      </c>
      <c r="C106789" s="14" t="s">
        <v>106</v>
      </c>
      <c r="D106789" s="14" t="s">
        <v>153</v>
      </c>
      <c r="E106789" s="15">
        <v>45585</v>
      </c>
      <c r="F106789" s="14" t="s">
        <v>25</v>
      </c>
      <c r="G106789" s="16">
        <v>1.3189082172310278</v>
      </c>
    </row>
    <row r="106790" spans="1:7" x14ac:dyDescent="0.3">
      <c r="A106790" s="13" t="s">
        <v>517</v>
      </c>
      <c r="B106790" s="14" t="s">
        <v>1</v>
      </c>
      <c r="C106790" s="14" t="s">
        <v>106</v>
      </c>
      <c r="D106790" s="14" t="s">
        <v>153</v>
      </c>
      <c r="E106790" s="15">
        <v>45586</v>
      </c>
      <c r="F106790" s="14" t="s">
        <v>25</v>
      </c>
      <c r="G106790" s="16">
        <v>1.31988218905812</v>
      </c>
    </row>
    <row r="106791" spans="1:7" x14ac:dyDescent="0.3">
      <c r="A106791" s="13" t="s">
        <v>517</v>
      </c>
      <c r="B106791" s="14" t="s">
        <v>1</v>
      </c>
      <c r="C106791" s="14" t="s">
        <v>106</v>
      </c>
      <c r="D106791" s="14" t="s">
        <v>153</v>
      </c>
      <c r="E106791" s="15">
        <v>45587</v>
      </c>
      <c r="F106791" s="14" t="s">
        <v>25</v>
      </c>
      <c r="G106791" s="16">
        <v>1.3312210994757587</v>
      </c>
    </row>
    <row r="106792" spans="1:7" x14ac:dyDescent="0.3">
      <c r="A106792" s="13" t="s">
        <v>517</v>
      </c>
      <c r="B106792" s="14" t="s">
        <v>1</v>
      </c>
      <c r="C106792" s="14" t="s">
        <v>106</v>
      </c>
      <c r="D106792" s="14" t="s">
        <v>153</v>
      </c>
      <c r="E106792" s="15">
        <v>45588</v>
      </c>
      <c r="F106792" s="14" t="s">
        <v>25</v>
      </c>
      <c r="G106792" s="16">
        <v>1.3352395110557671</v>
      </c>
    </row>
    <row r="106793" spans="1:7" x14ac:dyDescent="0.3">
      <c r="A106793" s="13" t="s">
        <v>517</v>
      </c>
      <c r="B106793" s="14" t="s">
        <v>1</v>
      </c>
      <c r="C106793" s="14" t="s">
        <v>106</v>
      </c>
      <c r="D106793" s="14" t="s">
        <v>153</v>
      </c>
      <c r="E106793" s="15">
        <v>45589</v>
      </c>
      <c r="F106793" s="14" t="s">
        <v>25</v>
      </c>
      <c r="G106793" s="16">
        <v>1.3391158465440409</v>
      </c>
    </row>
    <row r="106794" spans="1:7" x14ac:dyDescent="0.3">
      <c r="A106794" s="13" t="s">
        <v>517</v>
      </c>
      <c r="B106794" s="14" t="s">
        <v>1</v>
      </c>
      <c r="C106794" s="14" t="s">
        <v>106</v>
      </c>
      <c r="D106794" s="14" t="s">
        <v>153</v>
      </c>
      <c r="E106794" s="15">
        <v>45590</v>
      </c>
      <c r="F106794" s="14" t="s">
        <v>25</v>
      </c>
      <c r="G106794" s="16">
        <v>1.3430054075010383</v>
      </c>
    </row>
    <row r="106795" spans="1:7" x14ac:dyDescent="0.3">
      <c r="A106795" s="13" t="s">
        <v>517</v>
      </c>
      <c r="B106795" s="14" t="s">
        <v>1</v>
      </c>
      <c r="C106795" s="14" t="s">
        <v>106</v>
      </c>
      <c r="D106795" s="14" t="s">
        <v>153</v>
      </c>
      <c r="E106795" s="15">
        <v>45591</v>
      </c>
      <c r="F106795" s="14" t="s">
        <v>25</v>
      </c>
      <c r="G106795" s="16">
        <v>1.3430054075010383</v>
      </c>
    </row>
    <row r="106796" spans="1:7" x14ac:dyDescent="0.3">
      <c r="A106796" s="13" t="s">
        <v>517</v>
      </c>
      <c r="B106796" s="14" t="s">
        <v>1</v>
      </c>
      <c r="C106796" s="14" t="s">
        <v>106</v>
      </c>
      <c r="D106796" s="14" t="s">
        <v>153</v>
      </c>
      <c r="E106796" s="15">
        <v>45592</v>
      </c>
      <c r="F106796" s="14" t="s">
        <v>25</v>
      </c>
      <c r="G106796" s="16">
        <v>1.3430054075010383</v>
      </c>
    </row>
    <row r="106797" spans="1:7" x14ac:dyDescent="0.3">
      <c r="A106797" s="13" t="s">
        <v>517</v>
      </c>
      <c r="B106797" s="14" t="s">
        <v>1</v>
      </c>
      <c r="C106797" s="14" t="s">
        <v>106</v>
      </c>
      <c r="D106797" s="14" t="s">
        <v>153</v>
      </c>
      <c r="E106797" s="15">
        <v>45593</v>
      </c>
      <c r="F106797" s="14" t="s">
        <v>25</v>
      </c>
      <c r="G106797" s="16">
        <v>1.3430054075010383</v>
      </c>
    </row>
    <row r="106798" spans="1:7" x14ac:dyDescent="0.3">
      <c r="A106798" s="13" t="s">
        <v>517</v>
      </c>
      <c r="B106798" s="14" t="s">
        <v>1</v>
      </c>
      <c r="C106798" s="14" t="s">
        <v>106</v>
      </c>
      <c r="D106798" s="14" t="s">
        <v>153</v>
      </c>
      <c r="E106798" s="15">
        <v>45594</v>
      </c>
      <c r="F106798" s="14" t="s">
        <v>25</v>
      </c>
      <c r="G106798" s="16">
        <v>1.3560696975975788</v>
      </c>
    </row>
    <row r="106799" spans="1:7" x14ac:dyDescent="0.3">
      <c r="A106799" s="13" t="s">
        <v>517</v>
      </c>
      <c r="B106799" s="14" t="s">
        <v>1</v>
      </c>
      <c r="C106799" s="14" t="s">
        <v>106</v>
      </c>
      <c r="D106799" s="14" t="s">
        <v>153</v>
      </c>
      <c r="E106799" s="15">
        <v>45595</v>
      </c>
      <c r="F106799" s="14" t="s">
        <v>25</v>
      </c>
      <c r="G106799" s="16">
        <v>1.3705599923009255</v>
      </c>
    </row>
    <row r="106800" spans="1:7" x14ac:dyDescent="0.3">
      <c r="A106800" s="13" t="s">
        <v>517</v>
      </c>
      <c r="B106800" s="14" t="s">
        <v>1</v>
      </c>
      <c r="C106800" s="14" t="s">
        <v>106</v>
      </c>
      <c r="D106800" s="14" t="s">
        <v>153</v>
      </c>
      <c r="E106800" s="15">
        <v>45596</v>
      </c>
      <c r="F106800" s="14" t="s">
        <v>25</v>
      </c>
      <c r="G106800" s="16">
        <v>1.3744329337777919</v>
      </c>
    </row>
    <row r="106801" spans="1:7" x14ac:dyDescent="0.3">
      <c r="A106801" s="13" t="s">
        <v>517</v>
      </c>
      <c r="B106801" s="14" t="s">
        <v>1</v>
      </c>
      <c r="C106801" s="14" t="s">
        <v>106</v>
      </c>
      <c r="D106801" s="14" t="s">
        <v>153</v>
      </c>
      <c r="E106801" s="15">
        <v>45597</v>
      </c>
      <c r="F106801" s="14" t="s">
        <v>25</v>
      </c>
      <c r="G106801" s="16">
        <v>1.3783453631167986</v>
      </c>
    </row>
    <row r="106802" spans="1:7" x14ac:dyDescent="0.3">
      <c r="A106802" s="13" t="s">
        <v>517</v>
      </c>
      <c r="B106802" s="14" t="s">
        <v>1</v>
      </c>
      <c r="C106802" s="14" t="s">
        <v>106</v>
      </c>
      <c r="D106802" s="14" t="s">
        <v>153</v>
      </c>
      <c r="E106802" s="15">
        <v>45598</v>
      </c>
      <c r="F106802" s="14" t="s">
        <v>25</v>
      </c>
      <c r="G106802" s="16">
        <v>1.3783453631167986</v>
      </c>
    </row>
    <row r="106803" spans="1:7" x14ac:dyDescent="0.3">
      <c r="A106803" s="13" t="s">
        <v>517</v>
      </c>
      <c r="B106803" s="14" t="s">
        <v>1</v>
      </c>
      <c r="C106803" s="14" t="s">
        <v>106</v>
      </c>
      <c r="D106803" s="14" t="s">
        <v>153</v>
      </c>
      <c r="E106803" s="15">
        <v>45599</v>
      </c>
      <c r="F106803" s="14" t="s">
        <v>25</v>
      </c>
      <c r="G106803" s="16">
        <v>1.3783453631167986</v>
      </c>
    </row>
    <row r="106804" spans="1:7" x14ac:dyDescent="0.3">
      <c r="A106804" s="13" t="s">
        <v>517</v>
      </c>
      <c r="B106804" s="14" t="s">
        <v>1</v>
      </c>
      <c r="C106804" s="14" t="s">
        <v>106</v>
      </c>
      <c r="D106804" s="14" t="s">
        <v>153</v>
      </c>
      <c r="E106804" s="15">
        <v>45600</v>
      </c>
      <c r="F106804" s="14" t="s">
        <v>25</v>
      </c>
      <c r="G106804" s="16">
        <v>1.3864595824701618</v>
      </c>
    </row>
    <row r="106805" spans="1:7" x14ac:dyDescent="0.3">
      <c r="A106805" s="13" t="s">
        <v>517</v>
      </c>
      <c r="B106805" s="14" t="s">
        <v>1</v>
      </c>
      <c r="C106805" s="14" t="s">
        <v>106</v>
      </c>
      <c r="D106805" s="14" t="s">
        <v>153</v>
      </c>
      <c r="E106805" s="15">
        <v>45601</v>
      </c>
      <c r="F106805" s="14" t="s">
        <v>25</v>
      </c>
      <c r="G106805" s="16">
        <v>1.3975181911803349</v>
      </c>
    </row>
    <row r="106806" spans="1:7" x14ac:dyDescent="0.3">
      <c r="A106806" s="13" t="s">
        <v>517</v>
      </c>
      <c r="B106806" s="14" t="s">
        <v>1</v>
      </c>
      <c r="C106806" s="14" t="s">
        <v>106</v>
      </c>
      <c r="D106806" s="14" t="s">
        <v>153</v>
      </c>
      <c r="E106806" s="15">
        <v>45602</v>
      </c>
      <c r="F106806" s="14" t="s">
        <v>25</v>
      </c>
      <c r="G106806" s="16">
        <v>1.4131977011562289</v>
      </c>
    </row>
    <row r="106807" spans="1:7" x14ac:dyDescent="0.3">
      <c r="A106807" s="13" t="s">
        <v>517</v>
      </c>
      <c r="B106807" s="14" t="s">
        <v>1</v>
      </c>
      <c r="C106807" s="14" t="s">
        <v>106</v>
      </c>
      <c r="D106807" s="14" t="s">
        <v>153</v>
      </c>
      <c r="E106807" s="15">
        <v>45603</v>
      </c>
      <c r="F106807" s="14" t="s">
        <v>25</v>
      </c>
      <c r="G106807" s="16">
        <v>1.4170332650734416</v>
      </c>
    </row>
    <row r="106808" spans="1:7" x14ac:dyDescent="0.3">
      <c r="A106808" s="13" t="s">
        <v>517</v>
      </c>
      <c r="B106808" s="14" t="s">
        <v>1</v>
      </c>
      <c r="C106808" s="14" t="s">
        <v>106</v>
      </c>
      <c r="D106808" s="14" t="s">
        <v>153</v>
      </c>
      <c r="E106808" s="15">
        <v>45604</v>
      </c>
      <c r="F106808" s="14" t="s">
        <v>25</v>
      </c>
      <c r="G106808" s="16">
        <v>1.4207658833445251</v>
      </c>
    </row>
    <row r="106809" spans="1:7" x14ac:dyDescent="0.3">
      <c r="A106809" s="13" t="s">
        <v>517</v>
      </c>
      <c r="B106809" s="14" t="s">
        <v>1</v>
      </c>
      <c r="C106809" s="14" t="s">
        <v>106</v>
      </c>
      <c r="D106809" s="14" t="s">
        <v>153</v>
      </c>
      <c r="E106809" s="15">
        <v>45605</v>
      </c>
      <c r="F106809" s="14" t="s">
        <v>25</v>
      </c>
      <c r="G106809" s="16">
        <v>1.4207658833445251</v>
      </c>
    </row>
    <row r="106810" spans="1:7" x14ac:dyDescent="0.3">
      <c r="A106810" s="13" t="s">
        <v>517</v>
      </c>
      <c r="B106810" s="14" t="s">
        <v>1</v>
      </c>
      <c r="C106810" s="14" t="s">
        <v>106</v>
      </c>
      <c r="D106810" s="14" t="s">
        <v>153</v>
      </c>
      <c r="E106810" s="15">
        <v>45606</v>
      </c>
      <c r="F106810" s="14" t="s">
        <v>25</v>
      </c>
      <c r="G106810" s="16">
        <v>1.4207658833445251</v>
      </c>
    </row>
    <row r="106811" spans="1:7" x14ac:dyDescent="0.3">
      <c r="A106811" s="13" t="s">
        <v>517</v>
      </c>
      <c r="B106811" s="14" t="s">
        <v>1</v>
      </c>
      <c r="C106811" s="14" t="s">
        <v>106</v>
      </c>
      <c r="D106811" s="14" t="s">
        <v>153</v>
      </c>
      <c r="E106811" s="15">
        <v>45607</v>
      </c>
      <c r="F106811" s="14" t="s">
        <v>25</v>
      </c>
      <c r="G106811" s="16">
        <v>1.4242902908018469</v>
      </c>
    </row>
    <row r="106812" spans="1:7" x14ac:dyDescent="0.3">
      <c r="A106812" s="13" t="s">
        <v>517</v>
      </c>
      <c r="B106812" s="14" t="s">
        <v>1</v>
      </c>
      <c r="C106812" s="14" t="s">
        <v>106</v>
      </c>
      <c r="D106812" s="14" t="s">
        <v>153</v>
      </c>
      <c r="E106812" s="15">
        <v>45608</v>
      </c>
      <c r="F106812" s="14" t="s">
        <v>25</v>
      </c>
      <c r="G106812" s="16">
        <v>1.4352155139464697</v>
      </c>
    </row>
    <row r="106813" spans="1:7" x14ac:dyDescent="0.3">
      <c r="A106813" s="13" t="s">
        <v>517</v>
      </c>
      <c r="B106813" s="14" t="s">
        <v>1</v>
      </c>
      <c r="C106813" s="14" t="s">
        <v>106</v>
      </c>
      <c r="D106813" s="14" t="s">
        <v>153</v>
      </c>
      <c r="E106813" s="15">
        <v>45609</v>
      </c>
      <c r="F106813" s="14" t="s">
        <v>25</v>
      </c>
      <c r="G106813" s="16">
        <v>1.4388262268616845</v>
      </c>
    </row>
    <row r="106814" spans="1:7" x14ac:dyDescent="0.3">
      <c r="A106814" s="13" t="s">
        <v>517</v>
      </c>
      <c r="B106814" s="14" t="s">
        <v>1</v>
      </c>
      <c r="C106814" s="14" t="s">
        <v>106</v>
      </c>
      <c r="D106814" s="14" t="s">
        <v>153</v>
      </c>
      <c r="E106814" s="15">
        <v>45610</v>
      </c>
      <c r="F106814" s="14" t="s">
        <v>25</v>
      </c>
      <c r="G106814" s="16">
        <v>1.4425152495894149</v>
      </c>
    </row>
    <row r="106815" spans="1:7" x14ac:dyDescent="0.3">
      <c r="A106815" s="13" t="s">
        <v>517</v>
      </c>
      <c r="B106815" s="14" t="s">
        <v>1</v>
      </c>
      <c r="C106815" s="14" t="s">
        <v>106</v>
      </c>
      <c r="D106815" s="14" t="s">
        <v>153</v>
      </c>
      <c r="E106815" s="15">
        <v>45611</v>
      </c>
      <c r="F106815" s="14" t="s">
        <v>25</v>
      </c>
      <c r="G106815" s="16">
        <v>1.5381217874203983</v>
      </c>
    </row>
    <row r="106816" spans="1:7" x14ac:dyDescent="0.3">
      <c r="A106816" s="13" t="s">
        <v>517</v>
      </c>
      <c r="B106816" s="14" t="s">
        <v>1</v>
      </c>
      <c r="C106816" s="14" t="s">
        <v>106</v>
      </c>
      <c r="D106816" s="14" t="s">
        <v>153</v>
      </c>
      <c r="E106816" s="15">
        <v>45612</v>
      </c>
      <c r="F106816" s="14" t="s">
        <v>25</v>
      </c>
      <c r="G106816" s="16">
        <v>1.5381217874203983</v>
      </c>
    </row>
    <row r="106817" spans="1:7" x14ac:dyDescent="0.3">
      <c r="A106817" s="13" t="s">
        <v>517</v>
      </c>
      <c r="B106817" s="14" t="s">
        <v>1</v>
      </c>
      <c r="C106817" s="14" t="s">
        <v>106</v>
      </c>
      <c r="D106817" s="14" t="s">
        <v>153</v>
      </c>
      <c r="E106817" s="15">
        <v>45613</v>
      </c>
      <c r="F106817" s="14" t="s">
        <v>25</v>
      </c>
      <c r="G106817" s="16">
        <v>1.5381217874203983</v>
      </c>
    </row>
    <row r="106818" spans="1:7" x14ac:dyDescent="0.3">
      <c r="A106818" s="13" t="s">
        <v>517</v>
      </c>
      <c r="B106818" s="14" t="s">
        <v>1</v>
      </c>
      <c r="C106818" s="14" t="s">
        <v>106</v>
      </c>
      <c r="D106818" s="14" t="s">
        <v>153</v>
      </c>
      <c r="E106818" s="15">
        <v>45614</v>
      </c>
      <c r="F106818" s="14" t="s">
        <v>25</v>
      </c>
      <c r="G106818" s="16">
        <v>1.5416181832884379</v>
      </c>
    </row>
    <row r="106819" spans="1:7" x14ac:dyDescent="0.3">
      <c r="A106819" s="13" t="s">
        <v>517</v>
      </c>
      <c r="B106819" s="14" t="s">
        <v>1</v>
      </c>
      <c r="C106819" s="14" t="s">
        <v>106</v>
      </c>
      <c r="D106819" s="14" t="s">
        <v>153</v>
      </c>
      <c r="E106819" s="15">
        <v>45615</v>
      </c>
      <c r="F106819" s="14" t="s">
        <v>25</v>
      </c>
      <c r="G106819" s="16">
        <v>1.5625469411146071</v>
      </c>
    </row>
    <row r="106820" spans="1:7" x14ac:dyDescent="0.3">
      <c r="A106820" s="13" t="s">
        <v>517</v>
      </c>
      <c r="B106820" s="14" t="s">
        <v>1</v>
      </c>
      <c r="C106820" s="14" t="s">
        <v>106</v>
      </c>
      <c r="D106820" s="14" t="s">
        <v>153</v>
      </c>
      <c r="E106820" s="15">
        <v>45616</v>
      </c>
      <c r="F106820" s="14" t="s">
        <v>25</v>
      </c>
      <c r="G106820" s="16">
        <v>1.5659998807261184</v>
      </c>
    </row>
    <row r="106821" spans="1:7" x14ac:dyDescent="0.3">
      <c r="A106821" s="13" t="s">
        <v>517</v>
      </c>
      <c r="B106821" s="14" t="s">
        <v>1</v>
      </c>
      <c r="C106821" s="14" t="s">
        <v>106</v>
      </c>
      <c r="D106821" s="14" t="s">
        <v>153</v>
      </c>
      <c r="E106821" s="15">
        <v>45617</v>
      </c>
      <c r="F106821" s="14" t="s">
        <v>25</v>
      </c>
      <c r="G106821" s="16">
        <v>1.5694998394483131</v>
      </c>
    </row>
    <row r="106822" spans="1:7" x14ac:dyDescent="0.3">
      <c r="A106822" s="13" t="s">
        <v>517</v>
      </c>
      <c r="B106822" s="14" t="s">
        <v>1</v>
      </c>
      <c r="C106822" s="14" t="s">
        <v>106</v>
      </c>
      <c r="D106822" s="14" t="s">
        <v>153</v>
      </c>
      <c r="E106822" s="15">
        <v>45618</v>
      </c>
      <c r="F106822" s="14" t="s">
        <v>25</v>
      </c>
      <c r="G106822" s="16">
        <v>1.5731505108412005</v>
      </c>
    </row>
    <row r="106823" spans="1:7" x14ac:dyDescent="0.3">
      <c r="A106823" s="13" t="s">
        <v>517</v>
      </c>
      <c r="B106823" s="14" t="s">
        <v>1</v>
      </c>
      <c r="C106823" s="14" t="s">
        <v>106</v>
      </c>
      <c r="D106823" s="14" t="s">
        <v>153</v>
      </c>
      <c r="E106823" s="15">
        <v>45619</v>
      </c>
      <c r="F106823" s="14" t="s">
        <v>25</v>
      </c>
      <c r="G106823" s="16">
        <v>1.5731505108412005</v>
      </c>
    </row>
    <row r="106824" spans="1:7" x14ac:dyDescent="0.3">
      <c r="A106824" s="13" t="s">
        <v>517</v>
      </c>
      <c r="B106824" s="14" t="s">
        <v>1</v>
      </c>
      <c r="C106824" s="14" t="s">
        <v>106</v>
      </c>
      <c r="D106824" s="14" t="s">
        <v>153</v>
      </c>
      <c r="E106824" s="15">
        <v>45620</v>
      </c>
      <c r="F106824" s="14" t="s">
        <v>25</v>
      </c>
      <c r="G106824" s="16">
        <v>1.5731505108412005</v>
      </c>
    </row>
    <row r="106825" spans="1:7" x14ac:dyDescent="0.3">
      <c r="A106825" s="13" t="s">
        <v>517</v>
      </c>
      <c r="B106825" s="14" t="s">
        <v>1</v>
      </c>
      <c r="C106825" s="14" t="s">
        <v>106</v>
      </c>
      <c r="D106825" s="14" t="s">
        <v>153</v>
      </c>
      <c r="E106825" s="15">
        <v>45621</v>
      </c>
      <c r="F106825" s="14" t="s">
        <v>25</v>
      </c>
      <c r="G106825" s="16">
        <v>1.576731000582714</v>
      </c>
    </row>
    <row r="106826" spans="1:7" x14ac:dyDescent="0.3">
      <c r="A106826" s="13" t="s">
        <v>517</v>
      </c>
      <c r="B106826" s="14" t="s">
        <v>1</v>
      </c>
      <c r="C106826" s="14" t="s">
        <v>106</v>
      </c>
      <c r="D106826" s="14" t="s">
        <v>153</v>
      </c>
      <c r="E106826" s="15">
        <v>45622</v>
      </c>
      <c r="F106826" s="14" t="s">
        <v>25</v>
      </c>
      <c r="G106826" s="16">
        <v>1.5870890326569225</v>
      </c>
    </row>
    <row r="106827" spans="1:7" x14ac:dyDescent="0.3">
      <c r="A106827" s="13" t="s">
        <v>517</v>
      </c>
      <c r="B106827" s="14" t="s">
        <v>1</v>
      </c>
      <c r="C106827" s="14" t="s">
        <v>106</v>
      </c>
      <c r="D106827" s="14" t="s">
        <v>153</v>
      </c>
      <c r="E106827" s="15">
        <v>45623</v>
      </c>
      <c r="F106827" s="14" t="s">
        <v>25</v>
      </c>
      <c r="G106827" s="16">
        <v>1.5909582756444116</v>
      </c>
    </row>
    <row r="106828" spans="1:7" x14ac:dyDescent="0.3">
      <c r="A106828" s="13" t="s">
        <v>517</v>
      </c>
      <c r="B106828" s="14" t="s">
        <v>1</v>
      </c>
      <c r="C106828" s="14" t="s">
        <v>106</v>
      </c>
      <c r="D106828" s="14" t="s">
        <v>153</v>
      </c>
      <c r="E106828" s="15">
        <v>45624</v>
      </c>
      <c r="F106828" s="14" t="s">
        <v>25</v>
      </c>
      <c r="G106828" s="16">
        <v>1.5982103506723258</v>
      </c>
    </row>
    <row r="106829" spans="1:7" x14ac:dyDescent="0.3">
      <c r="A106829" s="13" t="s">
        <v>517</v>
      </c>
      <c r="B106829" s="14" t="s">
        <v>1</v>
      </c>
      <c r="C106829" s="14" t="s">
        <v>106</v>
      </c>
      <c r="D106829" s="14" t="s">
        <v>153</v>
      </c>
      <c r="E106829" s="15">
        <v>45625</v>
      </c>
      <c r="F106829" s="14" t="s">
        <v>25</v>
      </c>
      <c r="G106829" s="16">
        <v>1.603067429069478</v>
      </c>
    </row>
    <row r="106830" spans="1:7" x14ac:dyDescent="0.3">
      <c r="A106830" s="13" t="s">
        <v>517</v>
      </c>
      <c r="B106830" s="14" t="s">
        <v>1</v>
      </c>
      <c r="C106830" s="14" t="s">
        <v>106</v>
      </c>
      <c r="D106830" s="14" t="s">
        <v>153</v>
      </c>
      <c r="E106830" s="15">
        <v>45626</v>
      </c>
      <c r="F106830" s="14" t="s">
        <v>25</v>
      </c>
      <c r="G106830" s="16">
        <v>1.603067429069478</v>
      </c>
    </row>
    <row r="106831" spans="1:7" x14ac:dyDescent="0.3">
      <c r="A106831" s="13" t="s">
        <v>517</v>
      </c>
      <c r="B106831" s="14" t="s">
        <v>1</v>
      </c>
      <c r="C106831" s="14" t="s">
        <v>106</v>
      </c>
      <c r="D106831" s="14" t="s">
        <v>153</v>
      </c>
      <c r="E106831" s="15">
        <v>45627</v>
      </c>
      <c r="F106831" s="14" t="s">
        <v>25</v>
      </c>
      <c r="G106831" s="16">
        <v>1.603067429069478</v>
      </c>
    </row>
    <row r="106832" spans="1:7" x14ac:dyDescent="0.3">
      <c r="A106832" s="13" t="s">
        <v>517</v>
      </c>
      <c r="B106832" s="14" t="s">
        <v>1</v>
      </c>
      <c r="C106832" s="14" t="s">
        <v>106</v>
      </c>
      <c r="D106832" s="14" t="s">
        <v>153</v>
      </c>
      <c r="E106832" s="15">
        <v>45628</v>
      </c>
      <c r="F106832" s="14" t="s">
        <v>25</v>
      </c>
      <c r="G106832" s="16">
        <v>1.6330902275569239</v>
      </c>
    </row>
    <row r="106833" spans="1:7" x14ac:dyDescent="0.3">
      <c r="A106833" s="13" t="s">
        <v>517</v>
      </c>
      <c r="B106833" s="14" t="s">
        <v>1</v>
      </c>
      <c r="C106833" s="14" t="s">
        <v>106</v>
      </c>
      <c r="D106833" s="14" t="s">
        <v>153</v>
      </c>
      <c r="E106833" s="15">
        <v>45629</v>
      </c>
      <c r="F106833" s="14" t="s">
        <v>25</v>
      </c>
      <c r="G106833" s="16">
        <v>1.6394508952940139</v>
      </c>
    </row>
    <row r="106834" spans="1:7" x14ac:dyDescent="0.3">
      <c r="A106834" s="13" t="s">
        <v>517</v>
      </c>
      <c r="B106834" s="14" t="s">
        <v>1</v>
      </c>
      <c r="C106834" s="14" t="s">
        <v>106</v>
      </c>
      <c r="D106834" s="14" t="s">
        <v>153</v>
      </c>
      <c r="E106834" s="15">
        <v>45630</v>
      </c>
      <c r="F106834" s="14" t="s">
        <v>25</v>
      </c>
      <c r="G106834" s="16">
        <v>1.6456198503935122</v>
      </c>
    </row>
    <row r="106835" spans="1:7" x14ac:dyDescent="0.3">
      <c r="A106835" s="13" t="s">
        <v>517</v>
      </c>
      <c r="B106835" s="14" t="s">
        <v>1</v>
      </c>
      <c r="C106835" s="14" t="s">
        <v>106</v>
      </c>
      <c r="D106835" s="14" t="s">
        <v>153</v>
      </c>
      <c r="E106835" s="15">
        <v>45631</v>
      </c>
      <c r="F106835" s="14" t="s">
        <v>25</v>
      </c>
      <c r="G106835" s="16">
        <v>1.6596060010473166</v>
      </c>
    </row>
    <row r="106836" spans="1:7" x14ac:dyDescent="0.3">
      <c r="A106836" s="13" t="s">
        <v>517</v>
      </c>
      <c r="B106836" s="14" t="s">
        <v>1</v>
      </c>
      <c r="C106836" s="14" t="s">
        <v>106</v>
      </c>
      <c r="D106836" s="14" t="s">
        <v>153</v>
      </c>
      <c r="E106836" s="15">
        <v>45632</v>
      </c>
      <c r="F106836" s="14" t="s">
        <v>25</v>
      </c>
      <c r="G106836" s="16">
        <v>1.6626665794645494</v>
      </c>
    </row>
    <row r="106837" spans="1:7" x14ac:dyDescent="0.3">
      <c r="A106837" s="13" t="s">
        <v>517</v>
      </c>
      <c r="B106837" s="14" t="s">
        <v>1</v>
      </c>
      <c r="C106837" s="14" t="s">
        <v>106</v>
      </c>
      <c r="D106837" s="14" t="s">
        <v>153</v>
      </c>
      <c r="E106837" s="15">
        <v>45633</v>
      </c>
      <c r="F106837" s="14" t="s">
        <v>25</v>
      </c>
      <c r="G106837" s="16">
        <v>1.6626665794645494</v>
      </c>
    </row>
    <row r="106838" spans="1:7" x14ac:dyDescent="0.3">
      <c r="A106838" s="13" t="s">
        <v>517</v>
      </c>
      <c r="B106838" s="14" t="s">
        <v>1</v>
      </c>
      <c r="C106838" s="14" t="s">
        <v>106</v>
      </c>
      <c r="D106838" s="14" t="s">
        <v>153</v>
      </c>
      <c r="E106838" s="15">
        <v>45634</v>
      </c>
      <c r="F106838" s="14" t="s">
        <v>25</v>
      </c>
      <c r="G106838" s="16">
        <v>1.6626665794645494</v>
      </c>
    </row>
    <row r="106839" spans="1:7" x14ac:dyDescent="0.3">
      <c r="A106839" s="13" t="s">
        <v>517</v>
      </c>
      <c r="B106839" s="14" t="s">
        <v>1</v>
      </c>
      <c r="C106839" s="14" t="s">
        <v>106</v>
      </c>
      <c r="D106839" s="14" t="s">
        <v>153</v>
      </c>
      <c r="E106839" s="15">
        <v>45635</v>
      </c>
      <c r="F106839" s="14" t="s">
        <v>25</v>
      </c>
      <c r="G106839" s="16">
        <v>1.6658599598593411</v>
      </c>
    </row>
    <row r="106840" spans="1:7" x14ac:dyDescent="0.3">
      <c r="A106840" s="13" t="s">
        <v>517</v>
      </c>
      <c r="B106840" s="14" t="s">
        <v>1</v>
      </c>
      <c r="C106840" s="14" t="s">
        <v>106</v>
      </c>
      <c r="D106840" s="14" t="s">
        <v>153</v>
      </c>
      <c r="E106840" s="15">
        <v>45636</v>
      </c>
      <c r="F106840" s="14" t="s">
        <v>25</v>
      </c>
      <c r="G106840" s="16">
        <v>1.6753636386827613</v>
      </c>
    </row>
    <row r="106841" spans="1:7" x14ac:dyDescent="0.3">
      <c r="A106841" s="13" t="s">
        <v>517</v>
      </c>
      <c r="B106841" s="14" t="s">
        <v>1</v>
      </c>
      <c r="C106841" s="14" t="s">
        <v>106</v>
      </c>
      <c r="D106841" s="14" t="s">
        <v>153</v>
      </c>
      <c r="E106841" s="15">
        <v>45637</v>
      </c>
      <c r="F106841" s="14" t="s">
        <v>25</v>
      </c>
      <c r="G106841" s="16">
        <v>1.6785027402952866</v>
      </c>
    </row>
    <row r="106842" spans="1:7" x14ac:dyDescent="0.3">
      <c r="A106842" s="13" t="s">
        <v>517</v>
      </c>
      <c r="B106842" s="14" t="s">
        <v>1</v>
      </c>
      <c r="C106842" s="14" t="s">
        <v>106</v>
      </c>
      <c r="D106842" s="14" t="s">
        <v>153</v>
      </c>
      <c r="E106842" s="15">
        <v>45638</v>
      </c>
      <c r="F106842" s="14" t="s">
        <v>25</v>
      </c>
      <c r="G106842" s="16">
        <v>1.6816751052054861</v>
      </c>
    </row>
    <row r="106843" spans="1:7" x14ac:dyDescent="0.3">
      <c r="A106843" s="13" t="s">
        <v>517</v>
      </c>
      <c r="B106843" s="14" t="s">
        <v>1</v>
      </c>
      <c r="C106843" s="14" t="s">
        <v>106</v>
      </c>
      <c r="D106843" s="14" t="s">
        <v>153</v>
      </c>
      <c r="E106843" s="15">
        <v>45639</v>
      </c>
      <c r="F106843" s="14" t="s">
        <v>25</v>
      </c>
      <c r="G106843" s="16">
        <v>1.6848784207386129</v>
      </c>
    </row>
    <row r="106844" spans="1:7" x14ac:dyDescent="0.3">
      <c r="A106844" s="13" t="s">
        <v>517</v>
      </c>
      <c r="B106844" s="14" t="s">
        <v>1</v>
      </c>
      <c r="C106844" s="14" t="s">
        <v>106</v>
      </c>
      <c r="D106844" s="14" t="s">
        <v>153</v>
      </c>
      <c r="E106844" s="15">
        <v>45640</v>
      </c>
      <c r="F106844" s="14" t="s">
        <v>25</v>
      </c>
      <c r="G106844" s="16">
        <v>1.6848784207386129</v>
      </c>
    </row>
    <row r="106845" spans="1:7" x14ac:dyDescent="0.3">
      <c r="A106845" s="13" t="s">
        <v>517</v>
      </c>
      <c r="B106845" s="14" t="s">
        <v>1</v>
      </c>
      <c r="C106845" s="14" t="s">
        <v>106</v>
      </c>
      <c r="D106845" s="14" t="s">
        <v>153</v>
      </c>
      <c r="E106845" s="15">
        <v>45641</v>
      </c>
      <c r="F106845" s="14" t="s">
        <v>25</v>
      </c>
      <c r="G106845" s="16">
        <v>1.6848784207386129</v>
      </c>
    </row>
    <row r="106846" spans="1:7" x14ac:dyDescent="0.3">
      <c r="A106846" s="13" t="s">
        <v>517</v>
      </c>
      <c r="B106846" s="14" t="s">
        <v>1</v>
      </c>
      <c r="C106846" s="14" t="s">
        <v>106</v>
      </c>
      <c r="D106846" s="14" t="s">
        <v>153</v>
      </c>
      <c r="E106846" s="15">
        <v>45642</v>
      </c>
      <c r="F106846" s="14" t="s">
        <v>25</v>
      </c>
      <c r="G106846" s="16">
        <v>1.6878983495983142</v>
      </c>
    </row>
    <row r="106847" spans="1:7" x14ac:dyDescent="0.3">
      <c r="A106847" s="13" t="s">
        <v>517</v>
      </c>
      <c r="B106847" s="14" t="s">
        <v>1</v>
      </c>
      <c r="C106847" s="14" t="s">
        <v>106</v>
      </c>
      <c r="D106847" s="14" t="s">
        <v>153</v>
      </c>
      <c r="E106847" s="15">
        <v>45643</v>
      </c>
      <c r="F106847" s="14" t="s">
        <v>25</v>
      </c>
      <c r="G106847" s="16">
        <v>1.6969440454877665</v>
      </c>
    </row>
    <row r="106848" spans="1:7" x14ac:dyDescent="0.3">
      <c r="A106848" s="13" t="s">
        <v>517</v>
      </c>
      <c r="B106848" s="14" t="s">
        <v>1</v>
      </c>
      <c r="C106848" s="14" t="s">
        <v>106</v>
      </c>
      <c r="D106848" s="14" t="s">
        <v>153</v>
      </c>
      <c r="E106848" s="15">
        <v>45644</v>
      </c>
      <c r="F106848" s="14" t="s">
        <v>25</v>
      </c>
      <c r="G106848" s="16">
        <v>1.6991081779266646</v>
      </c>
    </row>
    <row r="106849" spans="1:7" x14ac:dyDescent="0.3">
      <c r="A106849" s="13" t="s">
        <v>517</v>
      </c>
      <c r="B106849" s="14" t="s">
        <v>1</v>
      </c>
      <c r="C106849" s="14" t="s">
        <v>106</v>
      </c>
      <c r="D106849" s="14" t="s">
        <v>153</v>
      </c>
      <c r="E106849" s="15">
        <v>45645</v>
      </c>
      <c r="F106849" s="14" t="s">
        <v>25</v>
      </c>
      <c r="G106849" s="16">
        <v>1.7021716452240079</v>
      </c>
    </row>
    <row r="106850" spans="1:7" x14ac:dyDescent="0.3">
      <c r="A106850" s="13" t="s">
        <v>517</v>
      </c>
      <c r="B106850" s="14" t="s">
        <v>1</v>
      </c>
      <c r="C106850" s="14" t="s">
        <v>106</v>
      </c>
      <c r="D106850" s="14" t="s">
        <v>153</v>
      </c>
      <c r="E106850" s="15">
        <v>45646</v>
      </c>
      <c r="F106850" s="14" t="s">
        <v>25</v>
      </c>
      <c r="G106850" s="16">
        <v>1.7053960151981593</v>
      </c>
    </row>
    <row r="106851" spans="1:7" x14ac:dyDescent="0.3">
      <c r="A106851" s="13" t="s">
        <v>517</v>
      </c>
      <c r="B106851" s="14" t="s">
        <v>1</v>
      </c>
      <c r="C106851" s="14" t="s">
        <v>106</v>
      </c>
      <c r="D106851" s="14" t="s">
        <v>153</v>
      </c>
      <c r="E106851" s="15">
        <v>45647</v>
      </c>
      <c r="F106851" s="14" t="s">
        <v>25</v>
      </c>
      <c r="G106851" s="16">
        <v>1.7053960151981593</v>
      </c>
    </row>
    <row r="106852" spans="1:7" x14ac:dyDescent="0.3">
      <c r="A106852" s="13" t="s">
        <v>517</v>
      </c>
      <c r="B106852" s="14" t="s">
        <v>1</v>
      </c>
      <c r="C106852" s="14" t="s">
        <v>106</v>
      </c>
      <c r="D106852" s="14" t="s">
        <v>153</v>
      </c>
      <c r="E106852" s="15">
        <v>45648</v>
      </c>
      <c r="F106852" s="14" t="s">
        <v>25</v>
      </c>
      <c r="G106852" s="16">
        <v>1.7053960151981593</v>
      </c>
    </row>
    <row r="106853" spans="1:7" x14ac:dyDescent="0.3">
      <c r="A106853" s="13" t="s">
        <v>517</v>
      </c>
      <c r="B106853" s="14" t="s">
        <v>1</v>
      </c>
      <c r="C106853" s="14" t="s">
        <v>106</v>
      </c>
      <c r="D106853" s="14" t="s">
        <v>153</v>
      </c>
      <c r="E106853" s="15">
        <v>45649</v>
      </c>
      <c r="F106853" s="14" t="s">
        <v>25</v>
      </c>
      <c r="G106853" s="16">
        <v>1.7087074514326279</v>
      </c>
    </row>
    <row r="106854" spans="1:7" x14ac:dyDescent="0.3">
      <c r="A106854" s="13" t="s">
        <v>517</v>
      </c>
      <c r="B106854" s="14" t="s">
        <v>1</v>
      </c>
      <c r="C106854" s="14" t="s">
        <v>106</v>
      </c>
      <c r="D106854" s="14" t="s">
        <v>153</v>
      </c>
      <c r="E106854" s="15">
        <v>45650</v>
      </c>
      <c r="F106854" s="14" t="s">
        <v>25</v>
      </c>
      <c r="G106854" s="16">
        <v>1.7184127629865151</v>
      </c>
    </row>
    <row r="106855" spans="1:7" x14ac:dyDescent="0.3">
      <c r="A106855" s="13" t="s">
        <v>517</v>
      </c>
      <c r="B106855" s="14" t="s">
        <v>1</v>
      </c>
      <c r="C106855" s="14" t="s">
        <v>106</v>
      </c>
      <c r="D106855" s="14" t="s">
        <v>153</v>
      </c>
      <c r="E106855" s="15">
        <v>45651</v>
      </c>
      <c r="F106855" s="14" t="s">
        <v>25</v>
      </c>
      <c r="G106855" s="16">
        <v>1.7184127629865151</v>
      </c>
    </row>
    <row r="106856" spans="1:7" x14ac:dyDescent="0.3">
      <c r="A106856" s="13" t="s">
        <v>517</v>
      </c>
      <c r="B106856" s="14" t="s">
        <v>1</v>
      </c>
      <c r="C106856" s="14" t="s">
        <v>106</v>
      </c>
      <c r="D106856" s="14" t="s">
        <v>153</v>
      </c>
      <c r="E106856" s="15">
        <v>45652</v>
      </c>
      <c r="F106856" s="14" t="s">
        <v>25</v>
      </c>
      <c r="G106856" s="16">
        <v>1.7184127629865151</v>
      </c>
    </row>
    <row r="106857" spans="1:7" x14ac:dyDescent="0.3">
      <c r="A106857" s="13" t="s">
        <v>517</v>
      </c>
      <c r="B106857" s="14" t="s">
        <v>1</v>
      </c>
      <c r="C106857" s="14" t="s">
        <v>106</v>
      </c>
      <c r="D106857" s="14" t="s">
        <v>153</v>
      </c>
      <c r="E106857" s="15">
        <v>45653</v>
      </c>
      <c r="F106857" s="14" t="s">
        <v>25</v>
      </c>
      <c r="G106857" s="16">
        <v>1.7184127629865151</v>
      </c>
    </row>
    <row r="106858" spans="1:7" x14ac:dyDescent="0.3">
      <c r="A106858" s="13" t="s">
        <v>517</v>
      </c>
      <c r="B106858" s="14" t="s">
        <v>1</v>
      </c>
      <c r="C106858" s="14" t="s">
        <v>106</v>
      </c>
      <c r="D106858" s="14" t="s">
        <v>153</v>
      </c>
      <c r="E106858" s="15">
        <v>45654</v>
      </c>
      <c r="F106858" s="14" t="s">
        <v>25</v>
      </c>
      <c r="G106858" s="16">
        <v>1.7184127629865151</v>
      </c>
    </row>
    <row r="106859" spans="1:7" x14ac:dyDescent="0.3">
      <c r="A106859" s="13" t="s">
        <v>517</v>
      </c>
      <c r="B106859" s="14" t="s">
        <v>1</v>
      </c>
      <c r="C106859" s="14" t="s">
        <v>106</v>
      </c>
      <c r="D106859" s="14" t="s">
        <v>153</v>
      </c>
      <c r="E106859" s="15">
        <v>45655</v>
      </c>
      <c r="F106859" s="14" t="s">
        <v>25</v>
      </c>
      <c r="G106859" s="16">
        <v>1.7184127629865151</v>
      </c>
    </row>
    <row r="106860" spans="1:7" x14ac:dyDescent="0.3">
      <c r="A106860" s="13" t="s">
        <v>517</v>
      </c>
      <c r="B106860" s="14" t="s">
        <v>1</v>
      </c>
      <c r="C106860" s="14" t="s">
        <v>106</v>
      </c>
      <c r="D106860" s="14" t="s">
        <v>153</v>
      </c>
      <c r="E106860" s="15">
        <v>45656</v>
      </c>
      <c r="F106860" s="14" t="s">
        <v>25</v>
      </c>
      <c r="G106860" s="16">
        <v>1.7216144248331977</v>
      </c>
    </row>
    <row r="106861" spans="1:7" x14ac:dyDescent="0.3">
      <c r="A106861" s="13" t="s">
        <v>517</v>
      </c>
      <c r="B106861" s="14" t="s">
        <v>1</v>
      </c>
      <c r="C106861" s="14" t="s">
        <v>106</v>
      </c>
      <c r="D106861" s="14" t="s">
        <v>153</v>
      </c>
      <c r="E106861" s="15">
        <v>45657</v>
      </c>
      <c r="F106861" s="14" t="s">
        <v>25</v>
      </c>
      <c r="G106861" s="16">
        <v>1.7426024811286069</v>
      </c>
    </row>
    <row r="106862" spans="1:7" x14ac:dyDescent="0.3">
      <c r="A106862" s="13" t="s">
        <v>517</v>
      </c>
      <c r="B106862" s="14" t="s">
        <v>1</v>
      </c>
      <c r="C106862" s="14" t="s">
        <v>106</v>
      </c>
      <c r="D106862" s="14" t="s">
        <v>153</v>
      </c>
      <c r="E106862" s="15">
        <v>45658</v>
      </c>
      <c r="F106862" s="14" t="s">
        <v>25</v>
      </c>
      <c r="G106862" s="16">
        <v>1.7426024811286069</v>
      </c>
    </row>
    <row r="106863" spans="1:7" x14ac:dyDescent="0.3">
      <c r="A106863" s="13" t="s">
        <v>517</v>
      </c>
      <c r="B106863" s="14" t="s">
        <v>1</v>
      </c>
      <c r="C106863" s="14" t="s">
        <v>106</v>
      </c>
      <c r="D106863" s="14" t="s">
        <v>153</v>
      </c>
      <c r="E106863" s="15">
        <v>45659</v>
      </c>
      <c r="F106863" s="14" t="s">
        <v>25</v>
      </c>
      <c r="G106863" s="16">
        <v>1.7426024811286069</v>
      </c>
    </row>
    <row r="106864" spans="1:7" x14ac:dyDescent="0.3">
      <c r="A106864" s="13" t="s">
        <v>517</v>
      </c>
      <c r="B106864" s="14" t="s">
        <v>1</v>
      </c>
      <c r="C106864" s="14" t="s">
        <v>106</v>
      </c>
      <c r="D106864" s="14" t="s">
        <v>153</v>
      </c>
      <c r="E106864" s="15">
        <v>45660</v>
      </c>
      <c r="F106864" s="14" t="s">
        <v>25</v>
      </c>
      <c r="G106864" s="16">
        <v>1.7461546439228215</v>
      </c>
    </row>
    <row r="106865" spans="1:7" x14ac:dyDescent="0.3">
      <c r="A106865" s="13" t="s">
        <v>517</v>
      </c>
      <c r="B106865" s="14" t="s">
        <v>1</v>
      </c>
      <c r="C106865" s="14" t="s">
        <v>106</v>
      </c>
      <c r="D106865" s="14" t="s">
        <v>153</v>
      </c>
      <c r="E106865" s="15">
        <v>45661</v>
      </c>
      <c r="F106865" s="14" t="s">
        <v>25</v>
      </c>
      <c r="G106865" s="16">
        <v>1.7461546439228215</v>
      </c>
    </row>
    <row r="106866" spans="1:7" x14ac:dyDescent="0.3">
      <c r="A106866" s="13" t="s">
        <v>517</v>
      </c>
      <c r="B106866" s="14" t="s">
        <v>1</v>
      </c>
      <c r="C106866" s="14" t="s">
        <v>106</v>
      </c>
      <c r="D106866" s="14" t="s">
        <v>153</v>
      </c>
      <c r="E106866" s="15">
        <v>45662</v>
      </c>
      <c r="F106866" s="14" t="s">
        <v>25</v>
      </c>
      <c r="G106866" s="16">
        <v>1.7461546439228215</v>
      </c>
    </row>
    <row r="106867" spans="1:7" x14ac:dyDescent="0.3">
      <c r="A106867" s="13" t="s">
        <v>517</v>
      </c>
      <c r="B106867" s="14" t="s">
        <v>1</v>
      </c>
      <c r="C106867" s="14" t="s">
        <v>106</v>
      </c>
      <c r="D106867" s="14" t="s">
        <v>153</v>
      </c>
      <c r="E106867" s="15">
        <v>45663</v>
      </c>
      <c r="F106867" s="14" t="s">
        <v>25</v>
      </c>
      <c r="G106867" s="16">
        <v>1.7559114118506494</v>
      </c>
    </row>
    <row r="106868" spans="1:7" x14ac:dyDescent="0.3">
      <c r="A106868" s="13" t="s">
        <v>517</v>
      </c>
      <c r="B106868" s="14" t="s">
        <v>1</v>
      </c>
      <c r="C106868" s="14" t="s">
        <v>106</v>
      </c>
      <c r="D106868" s="14" t="s">
        <v>153</v>
      </c>
      <c r="E106868" s="15">
        <v>45664</v>
      </c>
      <c r="F106868" s="14" t="s">
        <v>25</v>
      </c>
      <c r="G106868" s="16">
        <v>1.7822160892122618</v>
      </c>
    </row>
    <row r="106869" spans="1:7" x14ac:dyDescent="0.3">
      <c r="A106869" s="13" t="s">
        <v>517</v>
      </c>
      <c r="B106869" s="14" t="s">
        <v>1</v>
      </c>
      <c r="C106869" s="14" t="s">
        <v>106</v>
      </c>
      <c r="D106869" s="14" t="s">
        <v>153</v>
      </c>
      <c r="E106869" s="15">
        <v>45665</v>
      </c>
      <c r="F106869" s="14" t="s">
        <v>25</v>
      </c>
      <c r="G106869" s="16">
        <v>1.7854986061994071</v>
      </c>
    </row>
    <row r="106870" spans="1:7" x14ac:dyDescent="0.3">
      <c r="A106870" s="13" t="s">
        <v>517</v>
      </c>
      <c r="B106870" s="14" t="s">
        <v>1</v>
      </c>
      <c r="C106870" s="14" t="s">
        <v>106</v>
      </c>
      <c r="D106870" s="14" t="s">
        <v>153</v>
      </c>
      <c r="E106870" s="15">
        <v>45666</v>
      </c>
      <c r="F106870" s="14" t="s">
        <v>25</v>
      </c>
      <c r="G106870" s="16">
        <v>1.7888220649970981</v>
      </c>
    </row>
    <row r="106871" spans="1:7" x14ac:dyDescent="0.3">
      <c r="A106871" s="13" t="s">
        <v>517</v>
      </c>
      <c r="B106871" s="14" t="s">
        <v>1</v>
      </c>
      <c r="C106871" s="14" t="s">
        <v>106</v>
      </c>
      <c r="D106871" s="14" t="s">
        <v>153</v>
      </c>
      <c r="E106871" s="15">
        <v>45667</v>
      </c>
      <c r="F106871" s="14" t="s">
        <v>25</v>
      </c>
      <c r="G106871" s="16">
        <v>1.7921592273641054</v>
      </c>
    </row>
    <row r="106872" spans="1:7" x14ac:dyDescent="0.3">
      <c r="A106872" s="13" t="s">
        <v>517</v>
      </c>
      <c r="B106872" s="14" t="s">
        <v>1</v>
      </c>
      <c r="C106872" s="14" t="s">
        <v>106</v>
      </c>
      <c r="D106872" s="14" t="s">
        <v>153</v>
      </c>
      <c r="E106872" s="15">
        <v>45668</v>
      </c>
      <c r="F106872" s="14" t="s">
        <v>25</v>
      </c>
      <c r="G106872" s="16">
        <v>1.7921592273641054</v>
      </c>
    </row>
    <row r="106873" spans="1:7" x14ac:dyDescent="0.3">
      <c r="A106873" s="13" t="s">
        <v>517</v>
      </c>
      <c r="B106873" s="14" t="s">
        <v>1</v>
      </c>
      <c r="C106873" s="14" t="s">
        <v>106</v>
      </c>
      <c r="D106873" s="14" t="s">
        <v>153</v>
      </c>
      <c r="E106873" s="15">
        <v>45669</v>
      </c>
      <c r="F106873" s="14" t="s">
        <v>25</v>
      </c>
      <c r="G106873" s="16">
        <v>1.7921592273641054</v>
      </c>
    </row>
    <row r="106874" spans="1:7" x14ac:dyDescent="0.3">
      <c r="A106874" s="13" t="s">
        <v>517</v>
      </c>
      <c r="B106874" s="14" t="s">
        <v>1</v>
      </c>
      <c r="C106874" s="14" t="s">
        <v>106</v>
      </c>
      <c r="D106874" s="14" t="s">
        <v>153</v>
      </c>
      <c r="E106874" s="15">
        <v>45670</v>
      </c>
      <c r="F106874" s="14" t="s">
        <v>25</v>
      </c>
      <c r="G106874" s="16">
        <v>1.7960691294995819</v>
      </c>
    </row>
    <row r="106875" spans="1:7" x14ac:dyDescent="0.3">
      <c r="A106875" s="13" t="s">
        <v>517</v>
      </c>
      <c r="B106875" s="14" t="s">
        <v>1</v>
      </c>
      <c r="C106875" s="14" t="s">
        <v>106</v>
      </c>
      <c r="D106875" s="14" t="s">
        <v>153</v>
      </c>
      <c r="E106875" s="15">
        <v>45671</v>
      </c>
      <c r="F106875" s="14" t="s">
        <v>25</v>
      </c>
      <c r="G106875" s="16">
        <v>1.8063973924552683</v>
      </c>
    </row>
    <row r="106876" spans="1:7" x14ac:dyDescent="0.3">
      <c r="A106876" s="13" t="s">
        <v>517</v>
      </c>
      <c r="B106876" s="14" t="s">
        <v>1</v>
      </c>
      <c r="C106876" s="14" t="s">
        <v>106</v>
      </c>
      <c r="D106876" s="14" t="s">
        <v>153</v>
      </c>
      <c r="E106876" s="15">
        <v>45672</v>
      </c>
      <c r="F106876" s="14" t="s">
        <v>25</v>
      </c>
      <c r="G106876" s="16">
        <v>1.8097792455013808</v>
      </c>
    </row>
    <row r="106877" spans="1:7" x14ac:dyDescent="0.3">
      <c r="A106877" s="13" t="s">
        <v>517</v>
      </c>
      <c r="B106877" s="14" t="s">
        <v>1</v>
      </c>
      <c r="C106877" s="14" t="s">
        <v>106</v>
      </c>
      <c r="D106877" s="14" t="s">
        <v>153</v>
      </c>
      <c r="E106877" s="15">
        <v>45673</v>
      </c>
      <c r="F106877" s="14" t="s">
        <v>25</v>
      </c>
      <c r="G106877" s="16">
        <v>1.8131344832682259</v>
      </c>
    </row>
    <row r="106878" spans="1:7" x14ac:dyDescent="0.3">
      <c r="A106878" s="13" t="s">
        <v>517</v>
      </c>
      <c r="B106878" s="14" t="s">
        <v>1</v>
      </c>
      <c r="C106878" s="14" t="s">
        <v>106</v>
      </c>
      <c r="D106878" s="14" t="s">
        <v>153</v>
      </c>
      <c r="E106878" s="15">
        <v>45674</v>
      </c>
      <c r="F106878" s="14" t="s">
        <v>25</v>
      </c>
      <c r="G106878" s="16">
        <v>1.8694069239684328</v>
      </c>
    </row>
    <row r="106879" spans="1:7" x14ac:dyDescent="0.3">
      <c r="A106879" s="13" t="s">
        <v>517</v>
      </c>
      <c r="B106879" s="14" t="s">
        <v>1</v>
      </c>
      <c r="C106879" s="14" t="s">
        <v>106</v>
      </c>
      <c r="D106879" s="14" t="s">
        <v>153</v>
      </c>
      <c r="E106879" s="15">
        <v>45675</v>
      </c>
      <c r="F106879" s="14" t="s">
        <v>25</v>
      </c>
      <c r="G106879" s="16">
        <v>1.8694069239684328</v>
      </c>
    </row>
    <row r="106880" spans="1:7" x14ac:dyDescent="0.3">
      <c r="A106880" s="13" t="s">
        <v>517</v>
      </c>
      <c r="B106880" s="14" t="s">
        <v>1</v>
      </c>
      <c r="C106880" s="14" t="s">
        <v>106</v>
      </c>
      <c r="D106880" s="14" t="s">
        <v>153</v>
      </c>
      <c r="E106880" s="15">
        <v>45676</v>
      </c>
      <c r="F106880" s="14" t="s">
        <v>25</v>
      </c>
      <c r="G106880" s="16">
        <v>1.8694069239684328</v>
      </c>
    </row>
    <row r="106881" spans="1:7" x14ac:dyDescent="0.3">
      <c r="A106881" s="13" t="s">
        <v>517</v>
      </c>
      <c r="B106881" s="14" t="s">
        <v>1</v>
      </c>
      <c r="C106881" s="14" t="s">
        <v>106</v>
      </c>
      <c r="D106881" s="14" t="s">
        <v>153</v>
      </c>
      <c r="E106881" s="15">
        <v>45677</v>
      </c>
      <c r="F106881" s="14" t="s">
        <v>25</v>
      </c>
      <c r="G106881" s="16">
        <v>1.8750354840827901</v>
      </c>
    </row>
    <row r="106882" spans="1:7" x14ac:dyDescent="0.3">
      <c r="A106882" s="13" t="s">
        <v>517</v>
      </c>
      <c r="B106882" s="14" t="s">
        <v>1</v>
      </c>
      <c r="C106882" s="14" t="s">
        <v>106</v>
      </c>
      <c r="D106882" s="14" t="s">
        <v>153</v>
      </c>
      <c r="E106882" s="15">
        <v>45678</v>
      </c>
      <c r="F106882" s="14" t="s">
        <v>25</v>
      </c>
      <c r="G106882" s="16">
        <v>1.8838710003683681</v>
      </c>
    </row>
    <row r="106883" spans="1:7" x14ac:dyDescent="0.3">
      <c r="A106883" s="13" t="s">
        <v>517</v>
      </c>
      <c r="B106883" s="14" t="s">
        <v>1</v>
      </c>
      <c r="C106883" s="14" t="s">
        <v>106</v>
      </c>
      <c r="D106883" s="14" t="s">
        <v>153</v>
      </c>
      <c r="E106883" s="15">
        <v>45679</v>
      </c>
      <c r="F106883" s="14" t="s">
        <v>25</v>
      </c>
      <c r="G106883" s="16">
        <v>1.8869246519947012</v>
      </c>
    </row>
    <row r="106884" spans="1:7" x14ac:dyDescent="0.3">
      <c r="A106884" s="13" t="s">
        <v>517</v>
      </c>
      <c r="B106884" s="14" t="s">
        <v>1</v>
      </c>
      <c r="C106884" s="14" t="s">
        <v>106</v>
      </c>
      <c r="D106884" s="14" t="s">
        <v>153</v>
      </c>
      <c r="E106884" s="15">
        <v>45680</v>
      </c>
      <c r="F106884" s="14" t="s">
        <v>25</v>
      </c>
      <c r="G106884" s="16">
        <v>1.8899336539623479</v>
      </c>
    </row>
    <row r="106885" spans="1:7" x14ac:dyDescent="0.3">
      <c r="A106885" s="13" t="s">
        <v>517</v>
      </c>
      <c r="B106885" s="14" t="s">
        <v>1</v>
      </c>
      <c r="C106885" s="14" t="s">
        <v>106</v>
      </c>
      <c r="D106885" s="14" t="s">
        <v>153</v>
      </c>
      <c r="E106885" s="15">
        <v>45681</v>
      </c>
      <c r="F106885" s="14" t="s">
        <v>25</v>
      </c>
      <c r="G106885" s="16">
        <v>1.8929521957009143</v>
      </c>
    </row>
    <row r="106886" spans="1:7" x14ac:dyDescent="0.3">
      <c r="A106886" s="13" t="s">
        <v>517</v>
      </c>
      <c r="B106886" s="14" t="s">
        <v>1</v>
      </c>
      <c r="C106886" s="14" t="s">
        <v>106</v>
      </c>
      <c r="D106886" s="14" t="s">
        <v>153</v>
      </c>
      <c r="E106886" s="15">
        <v>45682</v>
      </c>
      <c r="F106886" s="14" t="s">
        <v>25</v>
      </c>
      <c r="G106886" s="16">
        <v>1.8929521957009143</v>
      </c>
    </row>
    <row r="106887" spans="1:7" x14ac:dyDescent="0.3">
      <c r="A106887" s="13" t="s">
        <v>517</v>
      </c>
      <c r="B106887" s="14" t="s">
        <v>1</v>
      </c>
      <c r="C106887" s="14" t="s">
        <v>106</v>
      </c>
      <c r="D106887" s="14" t="s">
        <v>153</v>
      </c>
      <c r="E106887" s="15">
        <v>45683</v>
      </c>
      <c r="F106887" s="14" t="s">
        <v>25</v>
      </c>
      <c r="G106887" s="16">
        <v>1.8929521957009143</v>
      </c>
    </row>
    <row r="106888" spans="1:7" x14ac:dyDescent="0.3">
      <c r="A106888" s="13" t="s">
        <v>517</v>
      </c>
      <c r="B106888" s="14" t="s">
        <v>1</v>
      </c>
      <c r="C106888" s="14" t="s">
        <v>106</v>
      </c>
      <c r="D106888" s="14" t="s">
        <v>153</v>
      </c>
      <c r="E106888" s="15">
        <v>45684</v>
      </c>
      <c r="F106888" s="14" t="s">
        <v>25</v>
      </c>
      <c r="G106888" s="16">
        <v>1.9005671366473063</v>
      </c>
    </row>
    <row r="106889" spans="1:7" x14ac:dyDescent="0.3">
      <c r="A106889" s="13" t="s">
        <v>517</v>
      </c>
      <c r="B106889" s="14" t="s">
        <v>1</v>
      </c>
      <c r="C106889" s="14" t="s">
        <v>106</v>
      </c>
      <c r="D106889" s="14" t="s">
        <v>153</v>
      </c>
      <c r="E106889" s="15">
        <v>45685</v>
      </c>
      <c r="F106889" s="14" t="s">
        <v>25</v>
      </c>
      <c r="G106889" s="16">
        <v>1.9092688304871039</v>
      </c>
    </row>
    <row r="106890" spans="1:7" x14ac:dyDescent="0.3">
      <c r="A106890" s="13" t="s">
        <v>517</v>
      </c>
      <c r="B106890" s="14" t="s">
        <v>1</v>
      </c>
      <c r="C106890" s="14" t="s">
        <v>106</v>
      </c>
      <c r="D106890" s="14" t="s">
        <v>153</v>
      </c>
      <c r="E106890" s="15">
        <v>45686</v>
      </c>
      <c r="F106890" s="14" t="s">
        <v>25</v>
      </c>
      <c r="G106890" s="16">
        <v>1.9122430192098341</v>
      </c>
    </row>
    <row r="106891" spans="1:7" x14ac:dyDescent="0.3">
      <c r="A106891" s="13" t="s">
        <v>517</v>
      </c>
      <c r="B106891" s="14" t="s">
        <v>1</v>
      </c>
      <c r="C106891" s="14" t="s">
        <v>106</v>
      </c>
      <c r="D106891" s="14" t="s">
        <v>153</v>
      </c>
      <c r="E106891" s="15">
        <v>45687</v>
      </c>
      <c r="F106891" s="14" t="s">
        <v>25</v>
      </c>
      <c r="G106891" s="16">
        <v>1.9151936197309467</v>
      </c>
    </row>
    <row r="106892" spans="1:7" x14ac:dyDescent="0.3">
      <c r="A106892" s="13" t="s">
        <v>517</v>
      </c>
      <c r="B106892" s="14" t="s">
        <v>1</v>
      </c>
      <c r="C106892" s="14" t="s">
        <v>106</v>
      </c>
      <c r="D106892" s="14" t="s">
        <v>153</v>
      </c>
      <c r="E106892" s="15">
        <v>45688</v>
      </c>
      <c r="F106892" s="14" t="s">
        <v>25</v>
      </c>
      <c r="G106892" s="16">
        <v>1.9181489381911692</v>
      </c>
    </row>
    <row r="106893" spans="1:7" x14ac:dyDescent="0.3">
      <c r="A106893" s="13" t="s">
        <v>517</v>
      </c>
      <c r="B106893" s="14" t="s">
        <v>1</v>
      </c>
      <c r="C106893" s="14" t="s">
        <v>106</v>
      </c>
      <c r="D106893" s="14" t="s">
        <v>153</v>
      </c>
      <c r="E106893" s="15">
        <v>45689</v>
      </c>
      <c r="F106893" s="14" t="s">
        <v>25</v>
      </c>
      <c r="G106893" s="16">
        <v>1.9181489381911692</v>
      </c>
    </row>
    <row r="106894" spans="1:7" x14ac:dyDescent="0.3">
      <c r="A106894" s="13" t="s">
        <v>517</v>
      </c>
      <c r="B106894" s="14" t="s">
        <v>1</v>
      </c>
      <c r="C106894" s="14" t="s">
        <v>106</v>
      </c>
      <c r="D106894" s="14" t="s">
        <v>153</v>
      </c>
      <c r="E106894" s="15">
        <v>45690</v>
      </c>
      <c r="F106894" s="14" t="s">
        <v>25</v>
      </c>
      <c r="G106894" s="16">
        <v>1.9181489381911692</v>
      </c>
    </row>
    <row r="106895" spans="1:7" x14ac:dyDescent="0.3">
      <c r="A106895" s="13" t="s">
        <v>517</v>
      </c>
      <c r="B106895" s="14" t="s">
        <v>1</v>
      </c>
      <c r="C106895" s="14" t="s">
        <v>106</v>
      </c>
      <c r="D106895" s="14" t="s">
        <v>153</v>
      </c>
      <c r="E106895" s="15">
        <v>45691</v>
      </c>
      <c r="F106895" s="14" t="s">
        <v>25</v>
      </c>
      <c r="G106895" s="16">
        <v>1.9181489381911692</v>
      </c>
    </row>
    <row r="106896" spans="1:7" x14ac:dyDescent="0.3">
      <c r="A106896" s="13" t="s">
        <v>517</v>
      </c>
      <c r="B106896" s="14" t="s">
        <v>1</v>
      </c>
      <c r="C106896" s="14" t="s">
        <v>106</v>
      </c>
      <c r="D106896" s="14" t="s">
        <v>153</v>
      </c>
      <c r="E106896" s="15">
        <v>45692</v>
      </c>
      <c r="F106896" s="14" t="s">
        <v>25</v>
      </c>
      <c r="G106896" s="16">
        <v>1.920911461686327</v>
      </c>
    </row>
    <row r="106897" spans="1:7" x14ac:dyDescent="0.3">
      <c r="A106897" s="13" t="s">
        <v>517</v>
      </c>
      <c r="B106897" s="14" t="s">
        <v>1</v>
      </c>
      <c r="C106897" s="14" t="s">
        <v>106</v>
      </c>
      <c r="D106897" s="14" t="s">
        <v>153</v>
      </c>
      <c r="E106897" s="15">
        <v>45693</v>
      </c>
      <c r="F106897" s="14" t="s">
        <v>25</v>
      </c>
      <c r="G106897" s="16">
        <v>1.9539089351244705</v>
      </c>
    </row>
    <row r="106898" spans="1:7" x14ac:dyDescent="0.3">
      <c r="A106898" s="13" t="s">
        <v>517</v>
      </c>
      <c r="B106898" s="14" t="s">
        <v>1</v>
      </c>
      <c r="C106898" s="14" t="s">
        <v>106</v>
      </c>
      <c r="D106898" s="14" t="s">
        <v>153</v>
      </c>
      <c r="E106898" s="15">
        <v>45694</v>
      </c>
      <c r="F106898" s="14" t="s">
        <v>25</v>
      </c>
      <c r="G106898" s="16">
        <v>1.9571576576368981</v>
      </c>
    </row>
    <row r="106899" spans="1:7" x14ac:dyDescent="0.3">
      <c r="A106899" s="13" t="s">
        <v>517</v>
      </c>
      <c r="B106899" s="14" t="s">
        <v>1</v>
      </c>
      <c r="C106899" s="14" t="s">
        <v>106</v>
      </c>
      <c r="D106899" s="14" t="s">
        <v>153</v>
      </c>
      <c r="E106899" s="15">
        <v>45695</v>
      </c>
      <c r="F106899" s="14" t="s">
        <v>25</v>
      </c>
      <c r="G106899" s="16">
        <v>1.9711736917426432</v>
      </c>
    </row>
    <row r="106900" spans="1:7" x14ac:dyDescent="0.3">
      <c r="A106900" s="13" t="s">
        <v>517</v>
      </c>
      <c r="B106900" s="14" t="s">
        <v>1</v>
      </c>
      <c r="C106900" s="14" t="s">
        <v>106</v>
      </c>
      <c r="D106900" s="14" t="s">
        <v>153</v>
      </c>
      <c r="E106900" s="15">
        <v>45696</v>
      </c>
      <c r="F106900" s="14" t="s">
        <v>25</v>
      </c>
      <c r="G106900" s="16">
        <v>1.9711736917426432</v>
      </c>
    </row>
    <row r="106901" spans="1:7" x14ac:dyDescent="0.3">
      <c r="A106901" s="13" t="s">
        <v>517</v>
      </c>
      <c r="B106901" s="14" t="s">
        <v>1</v>
      </c>
      <c r="C106901" s="14" t="s">
        <v>106</v>
      </c>
      <c r="D106901" s="14" t="s">
        <v>153</v>
      </c>
      <c r="E106901" s="15">
        <v>45697</v>
      </c>
      <c r="F106901" s="14" t="s">
        <v>25</v>
      </c>
      <c r="G106901" s="16">
        <v>1.9711736917426432</v>
      </c>
    </row>
    <row r="106902" spans="1:7" x14ac:dyDescent="0.3">
      <c r="A106902" s="13" t="s">
        <v>517</v>
      </c>
      <c r="B106902" s="14" t="s">
        <v>1</v>
      </c>
      <c r="C106902" s="14" t="s">
        <v>106</v>
      </c>
      <c r="D106902" s="14" t="s">
        <v>153</v>
      </c>
      <c r="E106902" s="15">
        <v>45698</v>
      </c>
      <c r="F106902" s="14" t="s">
        <v>25</v>
      </c>
      <c r="G106902" s="16">
        <v>1.9744822297366724</v>
      </c>
    </row>
    <row r="106903" spans="1:7" x14ac:dyDescent="0.3">
      <c r="A106903" s="13" t="s">
        <v>517</v>
      </c>
      <c r="B106903" s="14" t="s">
        <v>1</v>
      </c>
      <c r="C106903" s="14" t="s">
        <v>106</v>
      </c>
      <c r="D106903" s="14" t="s">
        <v>153</v>
      </c>
      <c r="E106903" s="15">
        <v>45699</v>
      </c>
      <c r="F106903" s="14" t="s">
        <v>25</v>
      </c>
      <c r="G106903" s="16">
        <v>1.9845351620130027</v>
      </c>
    </row>
    <row r="106904" spans="1:7" x14ac:dyDescent="0.3">
      <c r="A106904" s="13" t="s">
        <v>517</v>
      </c>
      <c r="B106904" s="14" t="s">
        <v>1</v>
      </c>
      <c r="C106904" s="14" t="s">
        <v>106</v>
      </c>
      <c r="D106904" s="14" t="s">
        <v>153</v>
      </c>
      <c r="E106904" s="15">
        <v>45700</v>
      </c>
      <c r="F106904" s="14" t="s">
        <v>25</v>
      </c>
      <c r="G106904" s="16">
        <v>1.9878821849797703</v>
      </c>
    </row>
    <row r="106905" spans="1:7" x14ac:dyDescent="0.3">
      <c r="A106905" s="13" t="s">
        <v>517</v>
      </c>
      <c r="B106905" s="14" t="s">
        <v>1</v>
      </c>
      <c r="C106905" s="14" t="s">
        <v>106</v>
      </c>
      <c r="D106905" s="14" t="s">
        <v>153</v>
      </c>
      <c r="E106905" s="15">
        <v>45701</v>
      </c>
      <c r="F106905" s="14" t="s">
        <v>25</v>
      </c>
      <c r="G106905" s="16">
        <v>1.9911863750343159</v>
      </c>
    </row>
    <row r="106906" spans="1:7" x14ac:dyDescent="0.3">
      <c r="A106906" s="13" t="s">
        <v>517</v>
      </c>
      <c r="B106906" s="14" t="s">
        <v>1</v>
      </c>
      <c r="C106906" s="14" t="s">
        <v>106</v>
      </c>
      <c r="D106906" s="14" t="s">
        <v>153</v>
      </c>
      <c r="E106906" s="15">
        <v>45702</v>
      </c>
      <c r="F106906" s="14" t="s">
        <v>25</v>
      </c>
      <c r="G106906" s="16">
        <v>2.004578256646973</v>
      </c>
    </row>
    <row r="106907" spans="1:7" x14ac:dyDescent="0.3">
      <c r="A106907" s="13" t="s">
        <v>517</v>
      </c>
      <c r="B106907" s="14" t="s">
        <v>1</v>
      </c>
      <c r="C106907" s="14" t="s">
        <v>106</v>
      </c>
      <c r="D106907" s="14" t="s">
        <v>153</v>
      </c>
      <c r="E106907" s="15">
        <v>45703</v>
      </c>
      <c r="F106907" s="14" t="s">
        <v>25</v>
      </c>
      <c r="G106907" s="16">
        <v>2.004578256646973</v>
      </c>
    </row>
    <row r="106908" spans="1:7" x14ac:dyDescent="0.3">
      <c r="A106908" s="13" t="s">
        <v>517</v>
      </c>
      <c r="B106908" s="14" t="s">
        <v>1</v>
      </c>
      <c r="C106908" s="14" t="s">
        <v>106</v>
      </c>
      <c r="D106908" s="14" t="s">
        <v>153</v>
      </c>
      <c r="E106908" s="15">
        <v>45704</v>
      </c>
      <c r="F106908" s="14" t="s">
        <v>25</v>
      </c>
      <c r="G106908" s="16">
        <v>2.004578256646973</v>
      </c>
    </row>
    <row r="106909" spans="1:7" x14ac:dyDescent="0.3">
      <c r="A106909" s="13" t="s">
        <v>517</v>
      </c>
      <c r="B106909" s="14" t="s">
        <v>1</v>
      </c>
      <c r="C106909" s="14" t="s">
        <v>106</v>
      </c>
      <c r="D106909" s="14" t="s">
        <v>153</v>
      </c>
      <c r="E106909" s="15">
        <v>45705</v>
      </c>
      <c r="F106909" s="14" t="s">
        <v>25</v>
      </c>
      <c r="G106909" s="16">
        <v>2.0079404133852417</v>
      </c>
    </row>
    <row r="106910" spans="1:7" x14ac:dyDescent="0.3">
      <c r="A106910" s="13" t="s">
        <v>517</v>
      </c>
      <c r="B106910" s="14" t="s">
        <v>1</v>
      </c>
      <c r="C106910" s="14" t="s">
        <v>106</v>
      </c>
      <c r="D106910" s="14" t="s">
        <v>153</v>
      </c>
      <c r="E106910" s="15">
        <v>45706</v>
      </c>
      <c r="F106910" s="14" t="s">
        <v>25</v>
      </c>
      <c r="G106910" s="16">
        <v>2.0183354642629547</v>
      </c>
    </row>
    <row r="106911" spans="1:7" x14ac:dyDescent="0.3">
      <c r="A106911" s="13" t="s">
        <v>517</v>
      </c>
      <c r="B106911" s="14" t="s">
        <v>1</v>
      </c>
      <c r="C106911" s="14" t="s">
        <v>106</v>
      </c>
      <c r="D106911" s="14" t="s">
        <v>153</v>
      </c>
      <c r="E106911" s="15">
        <v>45707</v>
      </c>
      <c r="F106911" s="14" t="s">
        <v>25</v>
      </c>
      <c r="G106911" s="16">
        <v>2.0197084015391482</v>
      </c>
    </row>
    <row r="106912" spans="1:7" x14ac:dyDescent="0.3">
      <c r="A106912" s="13" t="s">
        <v>517</v>
      </c>
      <c r="B106912" s="14" t="s">
        <v>1</v>
      </c>
      <c r="C106912" s="14" t="s">
        <v>106</v>
      </c>
      <c r="D106912" s="14" t="s">
        <v>153</v>
      </c>
      <c r="E106912" s="15">
        <v>45708</v>
      </c>
      <c r="F106912" s="14" t="s">
        <v>25</v>
      </c>
      <c r="G106912" s="16">
        <v>2.0231314870813009</v>
      </c>
    </row>
    <row r="106913" spans="1:7" x14ac:dyDescent="0.3">
      <c r="A106913" s="13" t="s">
        <v>517</v>
      </c>
      <c r="B106913" s="14" t="s">
        <v>1</v>
      </c>
      <c r="C106913" s="14" t="s">
        <v>106</v>
      </c>
      <c r="D106913" s="14" t="s">
        <v>153</v>
      </c>
      <c r="E106913" s="15">
        <v>45709</v>
      </c>
      <c r="F106913" s="14" t="s">
        <v>25</v>
      </c>
      <c r="G106913" s="16">
        <v>2.0267921214142275</v>
      </c>
    </row>
    <row r="106914" spans="1:7" x14ac:dyDescent="0.3">
      <c r="A106914" s="13" t="s">
        <v>517</v>
      </c>
      <c r="B106914" s="14" t="s">
        <v>1</v>
      </c>
      <c r="C106914" s="14" t="s">
        <v>106</v>
      </c>
      <c r="D106914" s="14" t="s">
        <v>153</v>
      </c>
      <c r="E106914" s="15">
        <v>45710</v>
      </c>
      <c r="F106914" s="14" t="s">
        <v>25</v>
      </c>
      <c r="G106914" s="16">
        <v>2.0267921214142275</v>
      </c>
    </row>
    <row r="106915" spans="1:7" x14ac:dyDescent="0.3">
      <c r="A106915" s="13" t="s">
        <v>517</v>
      </c>
      <c r="B106915" s="14" t="s">
        <v>1</v>
      </c>
      <c r="C106915" s="14" t="s">
        <v>106</v>
      </c>
      <c r="D106915" s="14" t="s">
        <v>153</v>
      </c>
      <c r="E106915" s="15">
        <v>45711</v>
      </c>
      <c r="F106915" s="14" t="s">
        <v>25</v>
      </c>
      <c r="G106915" s="16">
        <v>2.0267921214142275</v>
      </c>
    </row>
    <row r="106916" spans="1:7" x14ac:dyDescent="0.3">
      <c r="A106916" s="13" t="s">
        <v>517</v>
      </c>
      <c r="B106916" s="14" t="s">
        <v>1</v>
      </c>
      <c r="C106916" s="14" t="s">
        <v>106</v>
      </c>
      <c r="D106916" s="14" t="s">
        <v>153</v>
      </c>
      <c r="E106916" s="15">
        <v>45712</v>
      </c>
      <c r="F106916" s="14" t="s">
        <v>25</v>
      </c>
      <c r="G106916" s="16">
        <v>2.0302677909476223</v>
      </c>
    </row>
    <row r="106917" spans="1:7" x14ac:dyDescent="0.3">
      <c r="A106917" s="13" t="s">
        <v>517</v>
      </c>
      <c r="B106917" s="14" t="s">
        <v>1</v>
      </c>
      <c r="C106917" s="14" t="s">
        <v>106</v>
      </c>
      <c r="D106917" s="14" t="s">
        <v>153</v>
      </c>
      <c r="E106917" s="15">
        <v>45713</v>
      </c>
      <c r="F106917" s="14" t="s">
        <v>25</v>
      </c>
      <c r="G106917" s="16">
        <v>2.0406954741782419</v>
      </c>
    </row>
    <row r="106918" spans="1:7" x14ac:dyDescent="0.3">
      <c r="A106918" s="13" t="s">
        <v>517</v>
      </c>
      <c r="B106918" s="14" t="s">
        <v>1</v>
      </c>
      <c r="C106918" s="14" t="s">
        <v>106</v>
      </c>
      <c r="D106918" s="14" t="s">
        <v>153</v>
      </c>
      <c r="E106918" s="15">
        <v>45714</v>
      </c>
      <c r="F106918" s="14" t="s">
        <v>25</v>
      </c>
      <c r="G106918" s="16">
        <v>2.0441600008878398</v>
      </c>
    </row>
    <row r="106919" spans="1:7" x14ac:dyDescent="0.3">
      <c r="A106919" s="13" t="s">
        <v>517</v>
      </c>
      <c r="B106919" s="14" t="s">
        <v>1</v>
      </c>
      <c r="C106919" s="14" t="s">
        <v>106</v>
      </c>
      <c r="D106919" s="14" t="s">
        <v>153</v>
      </c>
      <c r="E106919" s="15">
        <v>45715</v>
      </c>
      <c r="F106919" s="14" t="s">
        <v>25</v>
      </c>
      <c r="G106919" s="16">
        <v>2.0588882682609948</v>
      </c>
    </row>
    <row r="106920" spans="1:7" x14ac:dyDescent="0.3">
      <c r="A106920" s="13" t="s">
        <v>517</v>
      </c>
      <c r="B106920" s="14" t="s">
        <v>1</v>
      </c>
      <c r="C106920" s="14" t="s">
        <v>106</v>
      </c>
      <c r="D106920" s="14" t="s">
        <v>153</v>
      </c>
      <c r="E106920" s="15">
        <v>45716</v>
      </c>
      <c r="F106920" s="14" t="s">
        <v>25</v>
      </c>
      <c r="G106920" s="16">
        <v>2.0623923897460874</v>
      </c>
    </row>
    <row r="106921" spans="1:7" x14ac:dyDescent="0.3">
      <c r="A106921" s="13" t="s">
        <v>517</v>
      </c>
      <c r="B106921" s="14" t="s">
        <v>1</v>
      </c>
      <c r="C106921" s="14" t="s">
        <v>106</v>
      </c>
      <c r="D106921" s="14" t="s">
        <v>153</v>
      </c>
      <c r="E106921" s="15">
        <v>45717</v>
      </c>
      <c r="F106921" s="14" t="s">
        <v>25</v>
      </c>
      <c r="G106921" s="16">
        <v>2.0623923897460874</v>
      </c>
    </row>
    <row r="106922" spans="1:7" x14ac:dyDescent="0.3">
      <c r="A106922" s="13" t="s">
        <v>517</v>
      </c>
      <c r="B106922" s="14" t="s">
        <v>1</v>
      </c>
      <c r="C106922" s="14" t="s">
        <v>106</v>
      </c>
      <c r="D106922" s="14" t="s">
        <v>153</v>
      </c>
      <c r="E106922" s="15">
        <v>45718</v>
      </c>
      <c r="F106922" s="14" t="s">
        <v>25</v>
      </c>
      <c r="G106922" s="16">
        <v>2.0623923897460874</v>
      </c>
    </row>
    <row r="106923" spans="1:7" x14ac:dyDescent="0.3">
      <c r="A106923" s="13" t="s">
        <v>517</v>
      </c>
      <c r="B106923" s="14" t="s">
        <v>1</v>
      </c>
      <c r="C106923" s="14" t="s">
        <v>106</v>
      </c>
      <c r="D106923" s="14" t="s">
        <v>153</v>
      </c>
      <c r="E106923" s="15">
        <v>45719</v>
      </c>
      <c r="F106923" s="14" t="s">
        <v>25</v>
      </c>
      <c r="G106923" s="16">
        <v>2.0666413539788953</v>
      </c>
    </row>
    <row r="106924" spans="1:7" x14ac:dyDescent="0.3">
      <c r="A106924" s="13" t="s">
        <v>517</v>
      </c>
      <c r="B106924" s="14" t="s">
        <v>1</v>
      </c>
      <c r="C106924" s="14" t="s">
        <v>106</v>
      </c>
      <c r="D106924" s="14" t="s">
        <v>153</v>
      </c>
      <c r="E106924" s="15">
        <v>45720</v>
      </c>
      <c r="F106924" s="14" t="s">
        <v>25</v>
      </c>
      <c r="G106924" s="16">
        <v>2.0781964109782876</v>
      </c>
    </row>
    <row r="106925" spans="1:7" x14ac:dyDescent="0.3">
      <c r="A106925" s="13" t="s">
        <v>517</v>
      </c>
      <c r="B106925" s="14" t="s">
        <v>1</v>
      </c>
      <c r="C106925" s="14" t="s">
        <v>106</v>
      </c>
      <c r="D106925" s="14" t="s">
        <v>153</v>
      </c>
      <c r="E106925" s="15">
        <v>45721</v>
      </c>
      <c r="F106925" s="14" t="s">
        <v>25</v>
      </c>
      <c r="G106925" s="16">
        <v>2.0812899316621056</v>
      </c>
    </row>
    <row r="106926" spans="1:7" x14ac:dyDescent="0.3">
      <c r="A106926" s="13" t="s">
        <v>517</v>
      </c>
      <c r="B106926" s="14" t="s">
        <v>1</v>
      </c>
      <c r="C106926" s="14" t="s">
        <v>106</v>
      </c>
      <c r="D106926" s="14" t="s">
        <v>153</v>
      </c>
      <c r="E106926" s="15">
        <v>45722</v>
      </c>
      <c r="F106926" s="14" t="s">
        <v>25</v>
      </c>
      <c r="G106926" s="16">
        <v>2.0939393443345975</v>
      </c>
    </row>
    <row r="106927" spans="1:7" x14ac:dyDescent="0.3">
      <c r="A106927" s="13" t="s">
        <v>517</v>
      </c>
      <c r="B106927" s="14" t="s">
        <v>1</v>
      </c>
      <c r="C106927" s="14" t="s">
        <v>106</v>
      </c>
      <c r="D106927" s="14" t="s">
        <v>153</v>
      </c>
      <c r="E106927" s="15">
        <v>45723</v>
      </c>
      <c r="F106927" s="14" t="s">
        <v>25</v>
      </c>
      <c r="G106927" s="16">
        <v>2.0981770257675243</v>
      </c>
    </row>
    <row r="106928" spans="1:7" x14ac:dyDescent="0.3">
      <c r="A106928" s="13" t="s">
        <v>517</v>
      </c>
      <c r="B106928" s="14" t="s">
        <v>1</v>
      </c>
      <c r="C106928" s="14" t="s">
        <v>106</v>
      </c>
      <c r="D106928" s="14" t="s">
        <v>153</v>
      </c>
      <c r="E106928" s="15">
        <v>45724</v>
      </c>
      <c r="F106928" s="14" t="s">
        <v>25</v>
      </c>
      <c r="G106928" s="16">
        <v>2.0981770257675243</v>
      </c>
    </row>
    <row r="106929" spans="1:7" x14ac:dyDescent="0.3">
      <c r="A106929" s="13" t="s">
        <v>517</v>
      </c>
      <c r="B106929" s="14" t="s">
        <v>1</v>
      </c>
      <c r="C106929" s="14" t="s">
        <v>106</v>
      </c>
      <c r="D106929" s="14" t="s">
        <v>153</v>
      </c>
      <c r="E106929" s="15">
        <v>45725</v>
      </c>
      <c r="F106929" s="14" t="s">
        <v>25</v>
      </c>
      <c r="G106929" s="16">
        <v>2.0981770257675243</v>
      </c>
    </row>
    <row r="106930" spans="1:7" x14ac:dyDescent="0.3">
      <c r="A106930" s="13" t="s">
        <v>517</v>
      </c>
      <c r="B106930" s="14" t="s">
        <v>1</v>
      </c>
      <c r="C106930" s="14" t="s">
        <v>106</v>
      </c>
      <c r="D106930" s="14" t="s">
        <v>153</v>
      </c>
      <c r="E106930" s="15">
        <v>45726</v>
      </c>
      <c r="F106930" s="14" t="s">
        <v>25</v>
      </c>
      <c r="G106930" s="16">
        <v>2.1013782279550668</v>
      </c>
    </row>
    <row r="106931" spans="1:7" x14ac:dyDescent="0.3">
      <c r="A106931" s="13" t="s">
        <v>517</v>
      </c>
      <c r="B106931" s="14" t="s">
        <v>1</v>
      </c>
      <c r="C106931" s="14" t="s">
        <v>106</v>
      </c>
      <c r="D106931" s="14" t="s">
        <v>153</v>
      </c>
      <c r="E106931" s="15">
        <v>45727</v>
      </c>
      <c r="F106931" s="14" t="s">
        <v>25</v>
      </c>
      <c r="G106931" s="16">
        <v>2.1109760813975176</v>
      </c>
    </row>
    <row r="106932" spans="1:7" x14ac:dyDescent="0.3">
      <c r="A106932" s="13" t="s">
        <v>517</v>
      </c>
      <c r="B106932" s="14" t="s">
        <v>1</v>
      </c>
      <c r="C106932" s="14" t="s">
        <v>106</v>
      </c>
      <c r="D106932" s="14" t="s">
        <v>153</v>
      </c>
      <c r="E106932" s="15">
        <v>45728</v>
      </c>
      <c r="F106932" s="14" t="s">
        <v>25</v>
      </c>
      <c r="G106932" s="16">
        <v>2.1141043428070452</v>
      </c>
    </row>
    <row r="106933" spans="1:7" x14ac:dyDescent="0.3">
      <c r="A106933" s="13" t="s">
        <v>517</v>
      </c>
      <c r="B106933" s="14" t="s">
        <v>1</v>
      </c>
      <c r="C106933" s="14" t="s">
        <v>106</v>
      </c>
      <c r="D106933" s="14" t="s">
        <v>153</v>
      </c>
      <c r="E106933" s="15">
        <v>45729</v>
      </c>
      <c r="F106933" s="14" t="s">
        <v>25</v>
      </c>
      <c r="G106933" s="16">
        <v>2.1173445698948941</v>
      </c>
    </row>
    <row r="106934" spans="1:7" x14ac:dyDescent="0.3">
      <c r="A106934" s="13" t="s">
        <v>517</v>
      </c>
      <c r="B106934" s="14" t="s">
        <v>1</v>
      </c>
      <c r="C106934" s="14" t="s">
        <v>106</v>
      </c>
      <c r="D106934" s="14" t="s">
        <v>153</v>
      </c>
      <c r="E106934" s="15">
        <v>45730</v>
      </c>
      <c r="F106934" s="14" t="s">
        <v>25</v>
      </c>
      <c r="G106934" s="16">
        <v>2.1205780980132576</v>
      </c>
    </row>
    <row r="106935" spans="1:7" x14ac:dyDescent="0.3">
      <c r="A106935" s="13" t="s">
        <v>517</v>
      </c>
      <c r="B106935" s="14" t="s">
        <v>1</v>
      </c>
      <c r="C106935" s="14" t="s">
        <v>106</v>
      </c>
      <c r="D106935" s="14" t="s">
        <v>153</v>
      </c>
      <c r="E106935" s="15">
        <v>45731</v>
      </c>
      <c r="F106935" s="14" t="s">
        <v>25</v>
      </c>
      <c r="G106935" s="16">
        <v>2.1205780980132576</v>
      </c>
    </row>
    <row r="106936" spans="1:7" x14ac:dyDescent="0.3">
      <c r="A106936" s="13" t="s">
        <v>517</v>
      </c>
      <c r="B106936" s="14" t="s">
        <v>1</v>
      </c>
      <c r="C106936" s="14" t="s">
        <v>106</v>
      </c>
      <c r="D106936" s="14" t="s">
        <v>153</v>
      </c>
      <c r="E106936" s="15">
        <v>45732</v>
      </c>
      <c r="F106936" s="14" t="s">
        <v>25</v>
      </c>
      <c r="G106936" s="16">
        <v>2.1205780980132576</v>
      </c>
    </row>
    <row r="106937" spans="1:7" x14ac:dyDescent="0.3">
      <c r="A106937" s="13" t="s">
        <v>517</v>
      </c>
      <c r="B106937" s="14" t="s">
        <v>1</v>
      </c>
      <c r="C106937" s="14" t="s">
        <v>106</v>
      </c>
      <c r="D106937" s="14" t="s">
        <v>153</v>
      </c>
      <c r="E106937" s="15">
        <v>45733</v>
      </c>
      <c r="F106937" s="14" t="s">
        <v>25</v>
      </c>
      <c r="G106937" s="16">
        <v>2.1205780980132576</v>
      </c>
    </row>
    <row r="106938" spans="1:7" x14ac:dyDescent="0.3">
      <c r="A106938" s="13" t="s">
        <v>517</v>
      </c>
      <c r="B106938" s="14" t="s">
        <v>1</v>
      </c>
      <c r="C106938" s="14" t="s">
        <v>106</v>
      </c>
      <c r="D106938" s="14" t="s">
        <v>153</v>
      </c>
      <c r="E106938" s="15">
        <v>45734</v>
      </c>
      <c r="F106938" s="14" t="s">
        <v>25</v>
      </c>
      <c r="G106938" s="16">
        <v>2.1235260561587621</v>
      </c>
    </row>
    <row r="106939" spans="1:7" x14ac:dyDescent="0.3">
      <c r="A106939" s="13" t="s">
        <v>517</v>
      </c>
      <c r="B106939" s="14" t="s">
        <v>1</v>
      </c>
      <c r="C106939" s="14" t="s">
        <v>106</v>
      </c>
      <c r="D106939" s="14" t="s">
        <v>153</v>
      </c>
      <c r="E106939" s="15">
        <v>45735</v>
      </c>
      <c r="F106939" s="14" t="s">
        <v>25</v>
      </c>
      <c r="G106939" s="16">
        <v>2.1350865529516301</v>
      </c>
    </row>
    <row r="106940" spans="1:7" x14ac:dyDescent="0.3">
      <c r="A106940" s="13" t="s">
        <v>517</v>
      </c>
      <c r="B106940" s="14" t="s">
        <v>1</v>
      </c>
      <c r="C106940" s="14" t="s">
        <v>106</v>
      </c>
      <c r="D106940" s="14" t="s">
        <v>153</v>
      </c>
      <c r="E106940" s="15">
        <v>45736</v>
      </c>
      <c r="F106940" s="14" t="s">
        <v>25</v>
      </c>
      <c r="G106940" s="16">
        <v>2.1380769201385803</v>
      </c>
    </row>
    <row r="106941" spans="1:7" x14ac:dyDescent="0.3">
      <c r="A106941" s="13" t="s">
        <v>517</v>
      </c>
      <c r="B106941" s="14" t="s">
        <v>1</v>
      </c>
      <c r="C106941" s="14" t="s">
        <v>106</v>
      </c>
      <c r="D106941" s="14" t="s">
        <v>153</v>
      </c>
      <c r="E106941" s="15">
        <v>45737</v>
      </c>
      <c r="F106941" s="14" t="s">
        <v>25</v>
      </c>
      <c r="G106941" s="16">
        <v>2.1410354268649985</v>
      </c>
    </row>
    <row r="106942" spans="1:7" x14ac:dyDescent="0.3">
      <c r="A106942" s="13" t="s">
        <v>517</v>
      </c>
      <c r="B106942" s="14" t="s">
        <v>1</v>
      </c>
      <c r="C106942" s="14" t="s">
        <v>106</v>
      </c>
      <c r="D106942" s="14" t="s">
        <v>153</v>
      </c>
      <c r="E106942" s="15">
        <v>45738</v>
      </c>
      <c r="F106942" s="14" t="s">
        <v>25</v>
      </c>
      <c r="G106942" s="16">
        <v>2.1410354268649985</v>
      </c>
    </row>
    <row r="106943" spans="1:7" x14ac:dyDescent="0.3">
      <c r="A106943" s="13" t="s">
        <v>517</v>
      </c>
      <c r="B106943" s="14" t="s">
        <v>1</v>
      </c>
      <c r="C106943" s="14" t="s">
        <v>106</v>
      </c>
      <c r="D106943" s="14" t="s">
        <v>153</v>
      </c>
      <c r="E106943" s="15">
        <v>45739</v>
      </c>
      <c r="F106943" s="14" t="s">
        <v>25</v>
      </c>
      <c r="G106943" s="16">
        <v>2.1410354268649985</v>
      </c>
    </row>
    <row r="106944" spans="1:7" x14ac:dyDescent="0.3">
      <c r="A106944" s="13" t="s">
        <v>517</v>
      </c>
      <c r="B106944" s="14" t="s">
        <v>1</v>
      </c>
      <c r="C106944" s="14" t="s">
        <v>106</v>
      </c>
      <c r="D106944" s="14" t="s">
        <v>153</v>
      </c>
      <c r="E106944" s="15">
        <v>45740</v>
      </c>
      <c r="F106944" s="14" t="s">
        <v>25</v>
      </c>
      <c r="G106944" s="16">
        <v>2.141776874579155</v>
      </c>
    </row>
    <row r="106945" spans="1:7" x14ac:dyDescent="0.3">
      <c r="A106945" s="13" t="s">
        <v>517</v>
      </c>
      <c r="B106945" s="14" t="s">
        <v>1</v>
      </c>
      <c r="C106945" s="14" t="s">
        <v>106</v>
      </c>
      <c r="D106945" s="14" t="s">
        <v>153</v>
      </c>
      <c r="E106945" s="15">
        <v>45741</v>
      </c>
      <c r="F106945" s="14" t="s">
        <v>25</v>
      </c>
      <c r="G106945" s="16">
        <v>2.1507641323594484</v>
      </c>
    </row>
    <row r="106946" spans="1:7" x14ac:dyDescent="0.3">
      <c r="A106946" s="13" t="s">
        <v>517</v>
      </c>
      <c r="B106946" s="14" t="s">
        <v>1</v>
      </c>
      <c r="C106946" s="14" t="s">
        <v>106</v>
      </c>
      <c r="D106946" s="14" t="s">
        <v>153</v>
      </c>
      <c r="E106946" s="15">
        <v>45742</v>
      </c>
      <c r="F106946" s="14" t="s">
        <v>25</v>
      </c>
      <c r="G106946" s="16">
        <v>2.1542612755948545</v>
      </c>
    </row>
    <row r="106947" spans="1:7" x14ac:dyDescent="0.3">
      <c r="A106947" s="13" t="s">
        <v>517</v>
      </c>
      <c r="B106947" s="14" t="s">
        <v>1</v>
      </c>
      <c r="C106947" s="14" t="s">
        <v>106</v>
      </c>
      <c r="D106947" s="14" t="s">
        <v>153</v>
      </c>
      <c r="E106947" s="15">
        <v>45743</v>
      </c>
      <c r="F106947" s="14" t="s">
        <v>25</v>
      </c>
      <c r="G106947" s="16">
        <v>2.1614719927635773</v>
      </c>
    </row>
    <row r="106948" spans="1:7" x14ac:dyDescent="0.3">
      <c r="A106948" s="13" t="s">
        <v>517</v>
      </c>
      <c r="B106948" s="14" t="s">
        <v>1</v>
      </c>
      <c r="C106948" s="14" t="s">
        <v>106</v>
      </c>
      <c r="D106948" s="14" t="s">
        <v>153</v>
      </c>
      <c r="E106948" s="15">
        <v>45744</v>
      </c>
      <c r="F106948" s="14" t="s">
        <v>25</v>
      </c>
      <c r="G106948" s="16">
        <v>2.1644400663613332</v>
      </c>
    </row>
    <row r="106949" spans="1:7" x14ac:dyDescent="0.3">
      <c r="A106949" s="13" t="s">
        <v>517</v>
      </c>
      <c r="B106949" s="14" t="s">
        <v>1</v>
      </c>
      <c r="C106949" s="14" t="s">
        <v>106</v>
      </c>
      <c r="D106949" s="14" t="s">
        <v>153</v>
      </c>
      <c r="E106949" s="15">
        <v>45745</v>
      </c>
      <c r="F106949" s="14" t="s">
        <v>25</v>
      </c>
      <c r="G106949" s="16">
        <v>2.1644400663613332</v>
      </c>
    </row>
    <row r="106950" spans="1:7" x14ac:dyDescent="0.3">
      <c r="A106950" s="13" t="s">
        <v>517</v>
      </c>
      <c r="B106950" s="14" t="s">
        <v>1</v>
      </c>
      <c r="C106950" s="14" t="s">
        <v>106</v>
      </c>
      <c r="D106950" s="14" t="s">
        <v>153</v>
      </c>
      <c r="E106950" s="15">
        <v>45746</v>
      </c>
      <c r="F106950" s="14" t="s">
        <v>25</v>
      </c>
      <c r="G106950" s="16">
        <v>2.1644400663613332</v>
      </c>
    </row>
    <row r="106951" spans="1:7" x14ac:dyDescent="0.3">
      <c r="A106951" s="13" t="s">
        <v>517</v>
      </c>
      <c r="B106951" s="14" t="s">
        <v>1</v>
      </c>
      <c r="C106951" s="14" t="s">
        <v>106</v>
      </c>
      <c r="D106951" s="14" t="s">
        <v>153</v>
      </c>
      <c r="E106951" s="15">
        <v>45747</v>
      </c>
      <c r="F106951" s="14" t="s">
        <v>25</v>
      </c>
      <c r="G106951" s="16">
        <v>2.1699363853551863</v>
      </c>
    </row>
    <row r="106952" spans="1:7" x14ac:dyDescent="0.3">
      <c r="A106952" s="13" t="s">
        <v>518</v>
      </c>
      <c r="B106952" s="14" t="s">
        <v>1</v>
      </c>
      <c r="C106952" s="14" t="s">
        <v>109</v>
      </c>
      <c r="D106952" s="14" t="s">
        <v>389</v>
      </c>
      <c r="E106952" s="15">
        <v>45383</v>
      </c>
      <c r="F106952" s="14" t="s">
        <v>61</v>
      </c>
      <c r="G106952" s="16">
        <v>0</v>
      </c>
    </row>
    <row r="106953" spans="1:7" x14ac:dyDescent="0.3">
      <c r="A106953" s="13" t="s">
        <v>518</v>
      </c>
      <c r="B106953" s="14" t="s">
        <v>1</v>
      </c>
      <c r="C106953" s="14" t="s">
        <v>109</v>
      </c>
      <c r="D106953" s="14" t="s">
        <v>389</v>
      </c>
      <c r="E106953" s="15">
        <v>45384</v>
      </c>
      <c r="F106953" s="14" t="s">
        <v>61</v>
      </c>
      <c r="G106953" s="16">
        <v>0</v>
      </c>
    </row>
    <row r="106954" spans="1:7" x14ac:dyDescent="0.3">
      <c r="A106954" s="13" t="s">
        <v>518</v>
      </c>
      <c r="B106954" s="14" t="s">
        <v>1</v>
      </c>
      <c r="C106954" s="14" t="s">
        <v>109</v>
      </c>
      <c r="D106954" s="14" t="s">
        <v>389</v>
      </c>
      <c r="E106954" s="15">
        <v>45385</v>
      </c>
      <c r="F106954" s="14" t="s">
        <v>61</v>
      </c>
      <c r="G106954" s="16">
        <v>0</v>
      </c>
    </row>
    <row r="106955" spans="1:7" x14ac:dyDescent="0.3">
      <c r="A106955" s="13" t="s">
        <v>518</v>
      </c>
      <c r="B106955" s="14" t="s">
        <v>1</v>
      </c>
      <c r="C106955" s="14" t="s">
        <v>109</v>
      </c>
      <c r="D106955" s="14" t="s">
        <v>389</v>
      </c>
      <c r="E106955" s="15">
        <v>45386</v>
      </c>
      <c r="F106955" s="14" t="s">
        <v>61</v>
      </c>
      <c r="G106955" s="16">
        <v>0</v>
      </c>
    </row>
    <row r="106956" spans="1:7" x14ac:dyDescent="0.3">
      <c r="A106956" s="13" t="s">
        <v>518</v>
      </c>
      <c r="B106956" s="14" t="s">
        <v>1</v>
      </c>
      <c r="C106956" s="14" t="s">
        <v>109</v>
      </c>
      <c r="D106956" s="14" t="s">
        <v>389</v>
      </c>
      <c r="E106956" s="15">
        <v>45387</v>
      </c>
      <c r="F106956" s="14" t="s">
        <v>61</v>
      </c>
      <c r="G106956" s="16">
        <v>0</v>
      </c>
    </row>
    <row r="106957" spans="1:7" x14ac:dyDescent="0.3">
      <c r="A106957" s="13" t="s">
        <v>518</v>
      </c>
      <c r="B106957" s="14" t="s">
        <v>1</v>
      </c>
      <c r="C106957" s="14" t="s">
        <v>109</v>
      </c>
      <c r="D106957" s="14" t="s">
        <v>389</v>
      </c>
      <c r="E106957" s="15">
        <v>45388</v>
      </c>
      <c r="F106957" s="14" t="s">
        <v>61</v>
      </c>
      <c r="G106957" s="16">
        <v>0</v>
      </c>
    </row>
    <row r="106958" spans="1:7" x14ac:dyDescent="0.3">
      <c r="A106958" s="13" t="s">
        <v>518</v>
      </c>
      <c r="B106958" s="14" t="s">
        <v>1</v>
      </c>
      <c r="C106958" s="14" t="s">
        <v>109</v>
      </c>
      <c r="D106958" s="14" t="s">
        <v>389</v>
      </c>
      <c r="E106958" s="15">
        <v>45389</v>
      </c>
      <c r="F106958" s="14" t="s">
        <v>61</v>
      </c>
      <c r="G106958" s="16">
        <v>0</v>
      </c>
    </row>
    <row r="106959" spans="1:7" x14ac:dyDescent="0.3">
      <c r="A106959" s="13" t="s">
        <v>518</v>
      </c>
      <c r="B106959" s="14" t="s">
        <v>1</v>
      </c>
      <c r="C106959" s="14" t="s">
        <v>109</v>
      </c>
      <c r="D106959" s="14" t="s">
        <v>389</v>
      </c>
      <c r="E106959" s="15">
        <v>45390</v>
      </c>
      <c r="F106959" s="14" t="s">
        <v>61</v>
      </c>
      <c r="G106959" s="16">
        <v>0</v>
      </c>
    </row>
    <row r="106960" spans="1:7" x14ac:dyDescent="0.3">
      <c r="A106960" s="13" t="s">
        <v>518</v>
      </c>
      <c r="B106960" s="14" t="s">
        <v>1</v>
      </c>
      <c r="C106960" s="14" t="s">
        <v>109</v>
      </c>
      <c r="D106960" s="14" t="s">
        <v>389</v>
      </c>
      <c r="E106960" s="15">
        <v>45391</v>
      </c>
      <c r="F106960" s="14" t="s">
        <v>61</v>
      </c>
      <c r="G106960" s="16">
        <v>0</v>
      </c>
    </row>
    <row r="106961" spans="1:7" x14ac:dyDescent="0.3">
      <c r="A106961" s="13" t="s">
        <v>518</v>
      </c>
      <c r="B106961" s="14" t="s">
        <v>1</v>
      </c>
      <c r="C106961" s="14" t="s">
        <v>109</v>
      </c>
      <c r="D106961" s="14" t="s">
        <v>389</v>
      </c>
      <c r="E106961" s="15">
        <v>45392</v>
      </c>
      <c r="F106961" s="14" t="s">
        <v>61</v>
      </c>
      <c r="G106961" s="16">
        <v>0</v>
      </c>
    </row>
    <row r="106962" spans="1:7" x14ac:dyDescent="0.3">
      <c r="A106962" s="13" t="s">
        <v>518</v>
      </c>
      <c r="B106962" s="14" t="s">
        <v>1</v>
      </c>
      <c r="C106962" s="14" t="s">
        <v>109</v>
      </c>
      <c r="D106962" s="14" t="s">
        <v>389</v>
      </c>
      <c r="E106962" s="15">
        <v>45393</v>
      </c>
      <c r="F106962" s="14" t="s">
        <v>61</v>
      </c>
      <c r="G106962" s="16">
        <v>0</v>
      </c>
    </row>
    <row r="106963" spans="1:7" x14ac:dyDescent="0.3">
      <c r="A106963" s="13" t="s">
        <v>518</v>
      </c>
      <c r="B106963" s="14" t="s">
        <v>1</v>
      </c>
      <c r="C106963" s="14" t="s">
        <v>109</v>
      </c>
      <c r="D106963" s="14" t="s">
        <v>389</v>
      </c>
      <c r="E106963" s="15">
        <v>45394</v>
      </c>
      <c r="F106963" s="14" t="s">
        <v>61</v>
      </c>
      <c r="G106963" s="16">
        <v>0</v>
      </c>
    </row>
    <row r="106964" spans="1:7" x14ac:dyDescent="0.3">
      <c r="A106964" s="13" t="s">
        <v>518</v>
      </c>
      <c r="B106964" s="14" t="s">
        <v>1</v>
      </c>
      <c r="C106964" s="14" t="s">
        <v>109</v>
      </c>
      <c r="D106964" s="14" t="s">
        <v>389</v>
      </c>
      <c r="E106964" s="15">
        <v>45395</v>
      </c>
      <c r="F106964" s="14" t="s">
        <v>61</v>
      </c>
      <c r="G106964" s="16">
        <v>0</v>
      </c>
    </row>
    <row r="106965" spans="1:7" x14ac:dyDescent="0.3">
      <c r="A106965" s="13" t="s">
        <v>518</v>
      </c>
      <c r="B106965" s="14" t="s">
        <v>1</v>
      </c>
      <c r="C106965" s="14" t="s">
        <v>109</v>
      </c>
      <c r="D106965" s="14" t="s">
        <v>389</v>
      </c>
      <c r="E106965" s="15">
        <v>45396</v>
      </c>
      <c r="F106965" s="14" t="s">
        <v>61</v>
      </c>
      <c r="G106965" s="16">
        <v>0</v>
      </c>
    </row>
    <row r="106966" spans="1:7" x14ac:dyDescent="0.3">
      <c r="A106966" s="13" t="s">
        <v>518</v>
      </c>
      <c r="B106966" s="14" t="s">
        <v>1</v>
      </c>
      <c r="C106966" s="14" t="s">
        <v>109</v>
      </c>
      <c r="D106966" s="14" t="s">
        <v>389</v>
      </c>
      <c r="E106966" s="15">
        <v>45397</v>
      </c>
      <c r="F106966" s="14" t="s">
        <v>61</v>
      </c>
      <c r="G106966" s="16">
        <v>6.3838807518179844E-3</v>
      </c>
    </row>
    <row r="106967" spans="1:7" x14ac:dyDescent="0.3">
      <c r="A106967" s="13" t="s">
        <v>518</v>
      </c>
      <c r="B106967" s="14" t="s">
        <v>1</v>
      </c>
      <c r="C106967" s="14" t="s">
        <v>109</v>
      </c>
      <c r="D106967" s="14" t="s">
        <v>389</v>
      </c>
      <c r="E106967" s="15">
        <v>45398</v>
      </c>
      <c r="F106967" s="14" t="s">
        <v>61</v>
      </c>
      <c r="G106967" s="16">
        <v>1.0636416165912604E-3</v>
      </c>
    </row>
    <row r="106968" spans="1:7" x14ac:dyDescent="0.3">
      <c r="A106968" s="13" t="s">
        <v>518</v>
      </c>
      <c r="B106968" s="14" t="s">
        <v>1</v>
      </c>
      <c r="C106968" s="14" t="s">
        <v>109</v>
      </c>
      <c r="D106968" s="14" t="s">
        <v>389</v>
      </c>
      <c r="E106968" s="15">
        <v>45399</v>
      </c>
      <c r="F106968" s="14" t="s">
        <v>61</v>
      </c>
      <c r="G106968" s="16">
        <v>0</v>
      </c>
    </row>
    <row r="106969" spans="1:7" x14ac:dyDescent="0.3">
      <c r="A106969" s="13" t="s">
        <v>518</v>
      </c>
      <c r="B106969" s="14" t="s">
        <v>1</v>
      </c>
      <c r="C106969" s="14" t="s">
        <v>109</v>
      </c>
      <c r="D106969" s="14" t="s">
        <v>389</v>
      </c>
      <c r="E106969" s="15">
        <v>45400</v>
      </c>
      <c r="F106969" s="14" t="s">
        <v>61</v>
      </c>
      <c r="G106969" s="16">
        <v>0</v>
      </c>
    </row>
    <row r="106970" spans="1:7" x14ac:dyDescent="0.3">
      <c r="A106970" s="13" t="s">
        <v>518</v>
      </c>
      <c r="B106970" s="14" t="s">
        <v>1</v>
      </c>
      <c r="C106970" s="14" t="s">
        <v>109</v>
      </c>
      <c r="D106970" s="14" t="s">
        <v>389</v>
      </c>
      <c r="E106970" s="15">
        <v>45401</v>
      </c>
      <c r="F106970" s="14" t="s">
        <v>61</v>
      </c>
      <c r="G106970" s="16">
        <v>0</v>
      </c>
    </row>
    <row r="106971" spans="1:7" x14ac:dyDescent="0.3">
      <c r="A106971" s="13" t="s">
        <v>518</v>
      </c>
      <c r="B106971" s="14" t="s">
        <v>1</v>
      </c>
      <c r="C106971" s="14" t="s">
        <v>109</v>
      </c>
      <c r="D106971" s="14" t="s">
        <v>389</v>
      </c>
      <c r="E106971" s="15">
        <v>45402</v>
      </c>
      <c r="F106971" s="14" t="s">
        <v>61</v>
      </c>
      <c r="G106971" s="16">
        <v>0</v>
      </c>
    </row>
    <row r="106972" spans="1:7" x14ac:dyDescent="0.3">
      <c r="A106972" s="13" t="s">
        <v>518</v>
      </c>
      <c r="B106972" s="14" t="s">
        <v>1</v>
      </c>
      <c r="C106972" s="14" t="s">
        <v>109</v>
      </c>
      <c r="D106972" s="14" t="s">
        <v>389</v>
      </c>
      <c r="E106972" s="15">
        <v>45403</v>
      </c>
      <c r="F106972" s="14" t="s">
        <v>61</v>
      </c>
      <c r="G106972" s="16">
        <v>0</v>
      </c>
    </row>
    <row r="106973" spans="1:7" x14ac:dyDescent="0.3">
      <c r="A106973" s="13" t="s">
        <v>518</v>
      </c>
      <c r="B106973" s="14" t="s">
        <v>1</v>
      </c>
      <c r="C106973" s="14" t="s">
        <v>109</v>
      </c>
      <c r="D106973" s="14" t="s">
        <v>389</v>
      </c>
      <c r="E106973" s="15">
        <v>45404</v>
      </c>
      <c r="F106973" s="14" t="s">
        <v>61</v>
      </c>
      <c r="G106973" s="16">
        <v>0</v>
      </c>
    </row>
    <row r="106974" spans="1:7" x14ac:dyDescent="0.3">
      <c r="A106974" s="13" t="s">
        <v>518</v>
      </c>
      <c r="B106974" s="14" t="s">
        <v>1</v>
      </c>
      <c r="C106974" s="14" t="s">
        <v>109</v>
      </c>
      <c r="D106974" s="14" t="s">
        <v>389</v>
      </c>
      <c r="E106974" s="15">
        <v>45405</v>
      </c>
      <c r="F106974" s="14" t="s">
        <v>61</v>
      </c>
      <c r="G106974" s="16">
        <v>0</v>
      </c>
    </row>
    <row r="106975" spans="1:7" x14ac:dyDescent="0.3">
      <c r="A106975" s="13" t="s">
        <v>518</v>
      </c>
      <c r="B106975" s="14" t="s">
        <v>1</v>
      </c>
      <c r="C106975" s="14" t="s">
        <v>109</v>
      </c>
      <c r="D106975" s="14" t="s">
        <v>389</v>
      </c>
      <c r="E106975" s="15">
        <v>45406</v>
      </c>
      <c r="F106975" s="14" t="s">
        <v>61</v>
      </c>
      <c r="G106975" s="16">
        <v>0</v>
      </c>
    </row>
    <row r="106976" spans="1:7" x14ac:dyDescent="0.3">
      <c r="A106976" s="13" t="s">
        <v>518</v>
      </c>
      <c r="B106976" s="14" t="s">
        <v>1</v>
      </c>
      <c r="C106976" s="14" t="s">
        <v>109</v>
      </c>
      <c r="D106976" s="14" t="s">
        <v>389</v>
      </c>
      <c r="E106976" s="15">
        <v>45407</v>
      </c>
      <c r="F106976" s="14" t="s">
        <v>61</v>
      </c>
      <c r="G106976" s="16">
        <v>0</v>
      </c>
    </row>
    <row r="106977" spans="1:7" x14ac:dyDescent="0.3">
      <c r="A106977" s="13" t="s">
        <v>518</v>
      </c>
      <c r="B106977" s="14" t="s">
        <v>1</v>
      </c>
      <c r="C106977" s="14" t="s">
        <v>109</v>
      </c>
      <c r="D106977" s="14" t="s">
        <v>389</v>
      </c>
      <c r="E106977" s="15">
        <v>45408</v>
      </c>
      <c r="F106977" s="14" t="s">
        <v>61</v>
      </c>
      <c r="G106977" s="16">
        <v>0</v>
      </c>
    </row>
    <row r="106978" spans="1:7" x14ac:dyDescent="0.3">
      <c r="A106978" s="13" t="s">
        <v>518</v>
      </c>
      <c r="B106978" s="14" t="s">
        <v>1</v>
      </c>
      <c r="C106978" s="14" t="s">
        <v>109</v>
      </c>
      <c r="D106978" s="14" t="s">
        <v>389</v>
      </c>
      <c r="E106978" s="15">
        <v>45409</v>
      </c>
      <c r="F106978" s="14" t="s">
        <v>61</v>
      </c>
      <c r="G106978" s="16">
        <v>0</v>
      </c>
    </row>
    <row r="106979" spans="1:7" x14ac:dyDescent="0.3">
      <c r="A106979" s="13" t="s">
        <v>518</v>
      </c>
      <c r="B106979" s="14" t="s">
        <v>1</v>
      </c>
      <c r="C106979" s="14" t="s">
        <v>109</v>
      </c>
      <c r="D106979" s="14" t="s">
        <v>389</v>
      </c>
      <c r="E106979" s="15">
        <v>45410</v>
      </c>
      <c r="F106979" s="14" t="s">
        <v>61</v>
      </c>
      <c r="G106979" s="16">
        <v>0</v>
      </c>
    </row>
    <row r="106980" spans="1:7" x14ac:dyDescent="0.3">
      <c r="A106980" s="13" t="s">
        <v>518</v>
      </c>
      <c r="B106980" s="14" t="s">
        <v>1</v>
      </c>
      <c r="C106980" s="14" t="s">
        <v>109</v>
      </c>
      <c r="D106980" s="14" t="s">
        <v>389</v>
      </c>
      <c r="E106980" s="15">
        <v>45411</v>
      </c>
      <c r="F106980" s="14" t="s">
        <v>61</v>
      </c>
      <c r="G106980" s="16">
        <v>0</v>
      </c>
    </row>
    <row r="106981" spans="1:7" x14ac:dyDescent="0.3">
      <c r="A106981" s="13" t="s">
        <v>518</v>
      </c>
      <c r="B106981" s="14" t="s">
        <v>1</v>
      </c>
      <c r="C106981" s="14" t="s">
        <v>109</v>
      </c>
      <c r="D106981" s="14" t="s">
        <v>389</v>
      </c>
      <c r="E106981" s="15">
        <v>45412</v>
      </c>
      <c r="F106981" s="14" t="s">
        <v>61</v>
      </c>
      <c r="G106981" s="16">
        <v>1.7430594400268651E-3</v>
      </c>
    </row>
    <row r="106982" spans="1:7" x14ac:dyDescent="0.3">
      <c r="A106982" s="13" t="s">
        <v>518</v>
      </c>
      <c r="B106982" s="14" t="s">
        <v>1</v>
      </c>
      <c r="C106982" s="14" t="s">
        <v>109</v>
      </c>
      <c r="D106982" s="14" t="s">
        <v>389</v>
      </c>
      <c r="E106982" s="15">
        <v>45413</v>
      </c>
      <c r="F106982" s="14" t="s">
        <v>61</v>
      </c>
      <c r="G106982" s="16">
        <v>4.4097067269823121E-4</v>
      </c>
    </row>
    <row r="106983" spans="1:7" x14ac:dyDescent="0.3">
      <c r="A106983" s="13" t="s">
        <v>518</v>
      </c>
      <c r="B106983" s="14" t="s">
        <v>1</v>
      </c>
      <c r="C106983" s="14" t="s">
        <v>109</v>
      </c>
      <c r="D106983" s="14" t="s">
        <v>389</v>
      </c>
      <c r="E106983" s="15">
        <v>45414</v>
      </c>
      <c r="F106983" s="14" t="s">
        <v>61</v>
      </c>
      <c r="G106983" s="16">
        <v>1.6952487220547655E-3</v>
      </c>
    </row>
    <row r="106984" spans="1:7" x14ac:dyDescent="0.3">
      <c r="A106984" s="13" t="s">
        <v>518</v>
      </c>
      <c r="B106984" s="14" t="s">
        <v>1</v>
      </c>
      <c r="C106984" s="14" t="s">
        <v>109</v>
      </c>
      <c r="D106984" s="14" t="s">
        <v>389</v>
      </c>
      <c r="E106984" s="15">
        <v>45415</v>
      </c>
      <c r="F106984" s="14" t="s">
        <v>61</v>
      </c>
      <c r="G106984" s="16">
        <v>0</v>
      </c>
    </row>
    <row r="106985" spans="1:7" x14ac:dyDescent="0.3">
      <c r="A106985" s="13" t="s">
        <v>518</v>
      </c>
      <c r="B106985" s="14" t="s">
        <v>1</v>
      </c>
      <c r="C106985" s="14" t="s">
        <v>109</v>
      </c>
      <c r="D106985" s="14" t="s">
        <v>389</v>
      </c>
      <c r="E106985" s="15">
        <v>45416</v>
      </c>
      <c r="F106985" s="14" t="s">
        <v>61</v>
      </c>
      <c r="G106985" s="16">
        <v>0</v>
      </c>
    </row>
    <row r="106986" spans="1:7" x14ac:dyDescent="0.3">
      <c r="A106986" s="13" t="s">
        <v>518</v>
      </c>
      <c r="B106986" s="14" t="s">
        <v>1</v>
      </c>
      <c r="C106986" s="14" t="s">
        <v>109</v>
      </c>
      <c r="D106986" s="14" t="s">
        <v>389</v>
      </c>
      <c r="E106986" s="15">
        <v>45417</v>
      </c>
      <c r="F106986" s="14" t="s">
        <v>61</v>
      </c>
      <c r="G106986" s="16">
        <v>0</v>
      </c>
    </row>
    <row r="106987" spans="1:7" x14ac:dyDescent="0.3">
      <c r="A106987" s="13" t="s">
        <v>518</v>
      </c>
      <c r="B106987" s="14" t="s">
        <v>1</v>
      </c>
      <c r="C106987" s="14" t="s">
        <v>109</v>
      </c>
      <c r="D106987" s="14" t="s">
        <v>389</v>
      </c>
      <c r="E106987" s="15">
        <v>45418</v>
      </c>
      <c r="F106987" s="14" t="s">
        <v>61</v>
      </c>
      <c r="G106987" s="16">
        <v>0</v>
      </c>
    </row>
    <row r="106988" spans="1:7" x14ac:dyDescent="0.3">
      <c r="A106988" s="13" t="s">
        <v>518</v>
      </c>
      <c r="B106988" s="14" t="s">
        <v>1</v>
      </c>
      <c r="C106988" s="14" t="s">
        <v>109</v>
      </c>
      <c r="D106988" s="14" t="s">
        <v>389</v>
      </c>
      <c r="E106988" s="15">
        <v>45419</v>
      </c>
      <c r="F106988" s="14" t="s">
        <v>61</v>
      </c>
      <c r="G106988" s="16">
        <v>0</v>
      </c>
    </row>
    <row r="106989" spans="1:7" x14ac:dyDescent="0.3">
      <c r="A106989" s="13" t="s">
        <v>518</v>
      </c>
      <c r="B106989" s="14" t="s">
        <v>1</v>
      </c>
      <c r="C106989" s="14" t="s">
        <v>109</v>
      </c>
      <c r="D106989" s="14" t="s">
        <v>389</v>
      </c>
      <c r="E106989" s="15">
        <v>45420</v>
      </c>
      <c r="F106989" s="14" t="s">
        <v>61</v>
      </c>
      <c r="G106989" s="16">
        <v>1.3014422477659585E-2</v>
      </c>
    </row>
    <row r="106990" spans="1:7" x14ac:dyDescent="0.3">
      <c r="A106990" s="13" t="s">
        <v>518</v>
      </c>
      <c r="B106990" s="14" t="s">
        <v>1</v>
      </c>
      <c r="C106990" s="14" t="s">
        <v>109</v>
      </c>
      <c r="D106990" s="14" t="s">
        <v>389</v>
      </c>
      <c r="E106990" s="15">
        <v>45421</v>
      </c>
      <c r="F106990" s="14" t="s">
        <v>61</v>
      </c>
      <c r="G106990" s="16">
        <v>1.1194305602679802E-2</v>
      </c>
    </row>
    <row r="106991" spans="1:7" x14ac:dyDescent="0.3">
      <c r="A106991" s="13" t="s">
        <v>518</v>
      </c>
      <c r="B106991" s="14" t="s">
        <v>1</v>
      </c>
      <c r="C106991" s="14" t="s">
        <v>109</v>
      </c>
      <c r="D106991" s="14" t="s">
        <v>389</v>
      </c>
      <c r="E106991" s="15">
        <v>45422</v>
      </c>
      <c r="F106991" s="14" t="s">
        <v>61</v>
      </c>
      <c r="G106991" s="16">
        <v>9.4214837291600757E-3</v>
      </c>
    </row>
    <row r="106992" spans="1:7" x14ac:dyDescent="0.3">
      <c r="A106992" s="13" t="s">
        <v>518</v>
      </c>
      <c r="B106992" s="14" t="s">
        <v>1</v>
      </c>
      <c r="C106992" s="14" t="s">
        <v>109</v>
      </c>
      <c r="D106992" s="14" t="s">
        <v>389</v>
      </c>
      <c r="E106992" s="15">
        <v>45423</v>
      </c>
      <c r="F106992" s="14" t="s">
        <v>61</v>
      </c>
      <c r="G106992" s="16">
        <v>9.4214837291600757E-3</v>
      </c>
    </row>
    <row r="106993" spans="1:7" x14ac:dyDescent="0.3">
      <c r="A106993" s="13" t="s">
        <v>518</v>
      </c>
      <c r="B106993" s="14" t="s">
        <v>1</v>
      </c>
      <c r="C106993" s="14" t="s">
        <v>109</v>
      </c>
      <c r="D106993" s="14" t="s">
        <v>389</v>
      </c>
      <c r="E106993" s="15">
        <v>45424</v>
      </c>
      <c r="F106993" s="14" t="s">
        <v>61</v>
      </c>
      <c r="G106993" s="16">
        <v>9.4214837291600757E-3</v>
      </c>
    </row>
    <row r="106994" spans="1:7" x14ac:dyDescent="0.3">
      <c r="A106994" s="13" t="s">
        <v>518</v>
      </c>
      <c r="B106994" s="14" t="s">
        <v>1</v>
      </c>
      <c r="C106994" s="14" t="s">
        <v>109</v>
      </c>
      <c r="D106994" s="14" t="s">
        <v>389</v>
      </c>
      <c r="E106994" s="15">
        <v>45425</v>
      </c>
      <c r="F106994" s="14" t="s">
        <v>61</v>
      </c>
      <c r="G106994" s="16">
        <v>2.0909360479093496E-2</v>
      </c>
    </row>
    <row r="106995" spans="1:7" x14ac:dyDescent="0.3">
      <c r="A106995" s="13" t="s">
        <v>518</v>
      </c>
      <c r="B106995" s="14" t="s">
        <v>1</v>
      </c>
      <c r="C106995" s="14" t="s">
        <v>109</v>
      </c>
      <c r="D106995" s="14" t="s">
        <v>389</v>
      </c>
      <c r="E106995" s="15">
        <v>45426</v>
      </c>
      <c r="F106995" s="14" t="s">
        <v>61</v>
      </c>
      <c r="G106995" s="16">
        <v>2.289322684632834E-2</v>
      </c>
    </row>
    <row r="106996" spans="1:7" x14ac:dyDescent="0.3">
      <c r="A106996" s="13" t="s">
        <v>518</v>
      </c>
      <c r="B106996" s="14" t="s">
        <v>1</v>
      </c>
      <c r="C106996" s="14" t="s">
        <v>109</v>
      </c>
      <c r="D106996" s="14" t="s">
        <v>389</v>
      </c>
      <c r="E106996" s="15">
        <v>45427</v>
      </c>
      <c r="F106996" s="14" t="s">
        <v>61</v>
      </c>
      <c r="G106996" s="16">
        <v>2.3322512338823563E-2</v>
      </c>
    </row>
    <row r="106997" spans="1:7" x14ac:dyDescent="0.3">
      <c r="A106997" s="13" t="s">
        <v>518</v>
      </c>
      <c r="B106997" s="14" t="s">
        <v>1</v>
      </c>
      <c r="C106997" s="14" t="s">
        <v>109</v>
      </c>
      <c r="D106997" s="14" t="s">
        <v>389</v>
      </c>
      <c r="E106997" s="15">
        <v>45428</v>
      </c>
      <c r="F106997" s="14" t="s">
        <v>61</v>
      </c>
      <c r="G106997" s="16">
        <v>3.2508659115438272E-2</v>
      </c>
    </row>
    <row r="106998" spans="1:7" x14ac:dyDescent="0.3">
      <c r="A106998" s="13" t="s">
        <v>518</v>
      </c>
      <c r="B106998" s="14" t="s">
        <v>1</v>
      </c>
      <c r="C106998" s="14" t="s">
        <v>109</v>
      </c>
      <c r="D106998" s="14" t="s">
        <v>389</v>
      </c>
      <c r="E106998" s="15">
        <v>45429</v>
      </c>
      <c r="F106998" s="14" t="s">
        <v>61</v>
      </c>
      <c r="G106998" s="16">
        <v>3.029941496687091E-2</v>
      </c>
    </row>
    <row r="106999" spans="1:7" x14ac:dyDescent="0.3">
      <c r="A106999" s="13" t="s">
        <v>518</v>
      </c>
      <c r="B106999" s="14" t="s">
        <v>1</v>
      </c>
      <c r="C106999" s="14" t="s">
        <v>109</v>
      </c>
      <c r="D106999" s="14" t="s">
        <v>389</v>
      </c>
      <c r="E106999" s="15">
        <v>45430</v>
      </c>
      <c r="F106999" s="14" t="s">
        <v>61</v>
      </c>
      <c r="G106999" s="16">
        <v>3.029941496687091E-2</v>
      </c>
    </row>
    <row r="107000" spans="1:7" x14ac:dyDescent="0.3">
      <c r="A107000" s="13" t="s">
        <v>518</v>
      </c>
      <c r="B107000" s="14" t="s">
        <v>1</v>
      </c>
      <c r="C107000" s="14" t="s">
        <v>109</v>
      </c>
      <c r="D107000" s="14" t="s">
        <v>389</v>
      </c>
      <c r="E107000" s="15">
        <v>45431</v>
      </c>
      <c r="F107000" s="14" t="s">
        <v>61</v>
      </c>
      <c r="G107000" s="16">
        <v>3.029941496687091E-2</v>
      </c>
    </row>
    <row r="107001" spans="1:7" x14ac:dyDescent="0.3">
      <c r="A107001" s="13" t="s">
        <v>518</v>
      </c>
      <c r="B107001" s="14" t="s">
        <v>1</v>
      </c>
      <c r="C107001" s="14" t="s">
        <v>109</v>
      </c>
      <c r="D107001" s="14" t="s">
        <v>389</v>
      </c>
      <c r="E107001" s="15">
        <v>45432</v>
      </c>
      <c r="F107001" s="14" t="s">
        <v>61</v>
      </c>
      <c r="G107001" s="16">
        <v>2.8512394896695915E-2</v>
      </c>
    </row>
    <row r="107002" spans="1:7" x14ac:dyDescent="0.3">
      <c r="A107002" s="13" t="s">
        <v>518</v>
      </c>
      <c r="B107002" s="14" t="s">
        <v>1</v>
      </c>
      <c r="C107002" s="14" t="s">
        <v>109</v>
      </c>
      <c r="D107002" s="14" t="s">
        <v>389</v>
      </c>
      <c r="E107002" s="15">
        <v>45433</v>
      </c>
      <c r="F107002" s="14" t="s">
        <v>61</v>
      </c>
      <c r="G107002" s="16">
        <v>2.3006434138247493E-2</v>
      </c>
    </row>
    <row r="107003" spans="1:7" x14ac:dyDescent="0.3">
      <c r="A107003" s="13" t="s">
        <v>518</v>
      </c>
      <c r="B107003" s="14" t="s">
        <v>1</v>
      </c>
      <c r="C107003" s="14" t="s">
        <v>109</v>
      </c>
      <c r="D107003" s="14" t="s">
        <v>389</v>
      </c>
      <c r="E107003" s="15">
        <v>45434</v>
      </c>
      <c r="F107003" s="14" t="s">
        <v>61</v>
      </c>
      <c r="G107003" s="16">
        <v>2.1235752163842853E-2</v>
      </c>
    </row>
    <row r="107004" spans="1:7" x14ac:dyDescent="0.3">
      <c r="A107004" s="13" t="s">
        <v>518</v>
      </c>
      <c r="B107004" s="14" t="s">
        <v>1</v>
      </c>
      <c r="C107004" s="14" t="s">
        <v>109</v>
      </c>
      <c r="D107004" s="14" t="s">
        <v>389</v>
      </c>
      <c r="E107004" s="15">
        <v>45435</v>
      </c>
      <c r="F107004" s="14" t="s">
        <v>61</v>
      </c>
      <c r="G107004" s="16">
        <v>1.9416936993437276E-2</v>
      </c>
    </row>
    <row r="107005" spans="1:7" x14ac:dyDescent="0.3">
      <c r="A107005" s="13" t="s">
        <v>518</v>
      </c>
      <c r="B107005" s="14" t="s">
        <v>1</v>
      </c>
      <c r="C107005" s="14" t="s">
        <v>109</v>
      </c>
      <c r="D107005" s="14" t="s">
        <v>389</v>
      </c>
      <c r="E107005" s="15">
        <v>45436</v>
      </c>
      <c r="F107005" s="14" t="s">
        <v>61</v>
      </c>
      <c r="G107005" s="16">
        <v>4.3516533230991541E-2</v>
      </c>
    </row>
    <row r="107006" spans="1:7" x14ac:dyDescent="0.3">
      <c r="A107006" s="13" t="s">
        <v>518</v>
      </c>
      <c r="B107006" s="14" t="s">
        <v>1</v>
      </c>
      <c r="C107006" s="14" t="s">
        <v>109</v>
      </c>
      <c r="D107006" s="14" t="s">
        <v>389</v>
      </c>
      <c r="E107006" s="15">
        <v>45437</v>
      </c>
      <c r="F107006" s="14" t="s">
        <v>61</v>
      </c>
      <c r="G107006" s="16">
        <v>4.3516533230991541E-2</v>
      </c>
    </row>
    <row r="107007" spans="1:7" x14ac:dyDescent="0.3">
      <c r="A107007" s="13" t="s">
        <v>518</v>
      </c>
      <c r="B107007" s="14" t="s">
        <v>1</v>
      </c>
      <c r="C107007" s="14" t="s">
        <v>109</v>
      </c>
      <c r="D107007" s="14" t="s">
        <v>389</v>
      </c>
      <c r="E107007" s="15">
        <v>45438</v>
      </c>
      <c r="F107007" s="14" t="s">
        <v>61</v>
      </c>
      <c r="G107007" s="16">
        <v>4.3516533230991541E-2</v>
      </c>
    </row>
    <row r="107008" spans="1:7" x14ac:dyDescent="0.3">
      <c r="A107008" s="13" t="s">
        <v>518</v>
      </c>
      <c r="B107008" s="14" t="s">
        <v>1</v>
      </c>
      <c r="C107008" s="14" t="s">
        <v>109</v>
      </c>
      <c r="D107008" s="14" t="s">
        <v>389</v>
      </c>
      <c r="E107008" s="15">
        <v>45439</v>
      </c>
      <c r="F107008" s="14" t="s">
        <v>61</v>
      </c>
      <c r="G107008" s="16">
        <v>4.4964149477003348E-2</v>
      </c>
    </row>
    <row r="107009" spans="1:7" x14ac:dyDescent="0.3">
      <c r="A107009" s="13" t="s">
        <v>518</v>
      </c>
      <c r="B107009" s="14" t="s">
        <v>1</v>
      </c>
      <c r="C107009" s="14" t="s">
        <v>109</v>
      </c>
      <c r="D107009" s="14" t="s">
        <v>389</v>
      </c>
      <c r="E107009" s="15">
        <v>45440</v>
      </c>
      <c r="F107009" s="14" t="s">
        <v>61</v>
      </c>
      <c r="G107009" s="16">
        <v>3.9389303059731491E-2</v>
      </c>
    </row>
    <row r="107010" spans="1:7" x14ac:dyDescent="0.3">
      <c r="A107010" s="13" t="s">
        <v>518</v>
      </c>
      <c r="B107010" s="14" t="s">
        <v>1</v>
      </c>
      <c r="C107010" s="14" t="s">
        <v>109</v>
      </c>
      <c r="D107010" s="14" t="s">
        <v>389</v>
      </c>
      <c r="E107010" s="15">
        <v>45441</v>
      </c>
      <c r="F107010" s="14" t="s">
        <v>61</v>
      </c>
      <c r="G107010" s="16">
        <v>3.8491622249531961E-2</v>
      </c>
    </row>
    <row r="107011" spans="1:7" x14ac:dyDescent="0.3">
      <c r="A107011" s="13" t="s">
        <v>518</v>
      </c>
      <c r="B107011" s="14" t="s">
        <v>1</v>
      </c>
      <c r="C107011" s="14" t="s">
        <v>109</v>
      </c>
      <c r="D107011" s="14" t="s">
        <v>389</v>
      </c>
      <c r="E107011" s="15">
        <v>45442</v>
      </c>
      <c r="F107011" s="14" t="s">
        <v>61</v>
      </c>
      <c r="G107011" s="16">
        <v>4.2887407208001237E-2</v>
      </c>
    </row>
    <row r="107012" spans="1:7" x14ac:dyDescent="0.3">
      <c r="A107012" s="13" t="s">
        <v>518</v>
      </c>
      <c r="B107012" s="14" t="s">
        <v>1</v>
      </c>
      <c r="C107012" s="14" t="s">
        <v>109</v>
      </c>
      <c r="D107012" s="14" t="s">
        <v>389</v>
      </c>
      <c r="E107012" s="15">
        <v>45443</v>
      </c>
      <c r="F107012" s="14" t="s">
        <v>61</v>
      </c>
      <c r="G107012" s="16">
        <v>4.1013350984847388E-2</v>
      </c>
    </row>
    <row r="107013" spans="1:7" x14ac:dyDescent="0.3">
      <c r="A107013" s="13" t="s">
        <v>518</v>
      </c>
      <c r="B107013" s="14" t="s">
        <v>1</v>
      </c>
      <c r="C107013" s="14" t="s">
        <v>109</v>
      </c>
      <c r="D107013" s="14" t="s">
        <v>389</v>
      </c>
      <c r="E107013" s="15">
        <v>45444</v>
      </c>
      <c r="F107013" s="14" t="s">
        <v>61</v>
      </c>
      <c r="G107013" s="16">
        <v>4.1013350984847388E-2</v>
      </c>
    </row>
    <row r="107014" spans="1:7" x14ac:dyDescent="0.3">
      <c r="A107014" s="13" t="s">
        <v>518</v>
      </c>
      <c r="B107014" s="14" t="s">
        <v>1</v>
      </c>
      <c r="C107014" s="14" t="s">
        <v>109</v>
      </c>
      <c r="D107014" s="14" t="s">
        <v>389</v>
      </c>
      <c r="E107014" s="15">
        <v>45445</v>
      </c>
      <c r="F107014" s="14" t="s">
        <v>61</v>
      </c>
      <c r="G107014" s="16">
        <v>4.1013350984847388E-2</v>
      </c>
    </row>
    <row r="107015" spans="1:7" x14ac:dyDescent="0.3">
      <c r="A107015" s="13" t="s">
        <v>518</v>
      </c>
      <c r="B107015" s="14" t="s">
        <v>1</v>
      </c>
      <c r="C107015" s="14" t="s">
        <v>109</v>
      </c>
      <c r="D107015" s="14" t="s">
        <v>389</v>
      </c>
      <c r="E107015" s="15">
        <v>45446</v>
      </c>
      <c r="F107015" s="14" t="s">
        <v>61</v>
      </c>
      <c r="G107015" s="16">
        <v>4.1013350984847388E-2</v>
      </c>
    </row>
    <row r="107016" spans="1:7" x14ac:dyDescent="0.3">
      <c r="A107016" s="13" t="s">
        <v>518</v>
      </c>
      <c r="B107016" s="14" t="s">
        <v>1</v>
      </c>
      <c r="C107016" s="14" t="s">
        <v>109</v>
      </c>
      <c r="D107016" s="14" t="s">
        <v>389</v>
      </c>
      <c r="E107016" s="15">
        <v>45447</v>
      </c>
      <c r="F107016" s="14" t="s">
        <v>61</v>
      </c>
      <c r="G107016" s="16">
        <v>3.8616321705139386E-2</v>
      </c>
    </row>
    <row r="107017" spans="1:7" x14ac:dyDescent="0.3">
      <c r="A107017" s="13" t="s">
        <v>518</v>
      </c>
      <c r="B107017" s="14" t="s">
        <v>1</v>
      </c>
      <c r="C107017" s="14" t="s">
        <v>109</v>
      </c>
      <c r="D107017" s="14" t="s">
        <v>389</v>
      </c>
      <c r="E107017" s="15">
        <v>45448</v>
      </c>
      <c r="F107017" s="14" t="s">
        <v>61</v>
      </c>
      <c r="G107017" s="16">
        <v>3.5358640157532636E-2</v>
      </c>
    </row>
    <row r="107018" spans="1:7" x14ac:dyDescent="0.3">
      <c r="A107018" s="13" t="s">
        <v>518</v>
      </c>
      <c r="B107018" s="14" t="s">
        <v>1</v>
      </c>
      <c r="C107018" s="14" t="s">
        <v>109</v>
      </c>
      <c r="D107018" s="14" t="s">
        <v>389</v>
      </c>
      <c r="E107018" s="15">
        <v>45449</v>
      </c>
      <c r="F107018" s="14" t="s">
        <v>61</v>
      </c>
      <c r="G107018" s="16">
        <v>3.3526369947105124E-2</v>
      </c>
    </row>
    <row r="107019" spans="1:7" x14ac:dyDescent="0.3">
      <c r="A107019" s="13" t="s">
        <v>518</v>
      </c>
      <c r="B107019" s="14" t="s">
        <v>1</v>
      </c>
      <c r="C107019" s="14" t="s">
        <v>109</v>
      </c>
      <c r="D107019" s="14" t="s">
        <v>389</v>
      </c>
      <c r="E107019" s="15">
        <v>45450</v>
      </c>
      <c r="F107019" s="14" t="s">
        <v>61</v>
      </c>
      <c r="G107019" s="16">
        <v>6.2259029586961709E-2</v>
      </c>
    </row>
    <row r="107020" spans="1:7" x14ac:dyDescent="0.3">
      <c r="A107020" s="13" t="s">
        <v>518</v>
      </c>
      <c r="B107020" s="14" t="s">
        <v>1</v>
      </c>
      <c r="C107020" s="14" t="s">
        <v>109</v>
      </c>
      <c r="D107020" s="14" t="s">
        <v>389</v>
      </c>
      <c r="E107020" s="15">
        <v>45451</v>
      </c>
      <c r="F107020" s="14" t="s">
        <v>61</v>
      </c>
      <c r="G107020" s="16">
        <v>6.2259029586961709E-2</v>
      </c>
    </row>
    <row r="107021" spans="1:7" x14ac:dyDescent="0.3">
      <c r="A107021" s="13" t="s">
        <v>518</v>
      </c>
      <c r="B107021" s="14" t="s">
        <v>1</v>
      </c>
      <c r="C107021" s="14" t="s">
        <v>109</v>
      </c>
      <c r="D107021" s="14" t="s">
        <v>389</v>
      </c>
      <c r="E107021" s="15">
        <v>45452</v>
      </c>
      <c r="F107021" s="14" t="s">
        <v>61</v>
      </c>
      <c r="G107021" s="16">
        <v>6.2259029586961709E-2</v>
      </c>
    </row>
    <row r="107022" spans="1:7" x14ac:dyDescent="0.3">
      <c r="A107022" s="13" t="s">
        <v>518</v>
      </c>
      <c r="B107022" s="14" t="s">
        <v>1</v>
      </c>
      <c r="C107022" s="14" t="s">
        <v>109</v>
      </c>
      <c r="D107022" s="14" t="s">
        <v>389</v>
      </c>
      <c r="E107022" s="15">
        <v>45453</v>
      </c>
      <c r="F107022" s="14" t="s">
        <v>61</v>
      </c>
      <c r="G107022" s="16">
        <v>6.0628721962191191E-2</v>
      </c>
    </row>
    <row r="107023" spans="1:7" x14ac:dyDescent="0.3">
      <c r="A107023" s="13" t="s">
        <v>518</v>
      </c>
      <c r="B107023" s="14" t="s">
        <v>1</v>
      </c>
      <c r="C107023" s="14" t="s">
        <v>109</v>
      </c>
      <c r="D107023" s="14" t="s">
        <v>389</v>
      </c>
      <c r="E107023" s="15">
        <v>45454</v>
      </c>
      <c r="F107023" s="14" t="s">
        <v>61</v>
      </c>
      <c r="G107023" s="16">
        <v>5.6998341323657151E-2</v>
      </c>
    </row>
    <row r="107024" spans="1:7" x14ac:dyDescent="0.3">
      <c r="A107024" s="13" t="s">
        <v>518</v>
      </c>
      <c r="B107024" s="14" t="s">
        <v>1</v>
      </c>
      <c r="C107024" s="14" t="s">
        <v>109</v>
      </c>
      <c r="D107024" s="14" t="s">
        <v>389</v>
      </c>
      <c r="E107024" s="15">
        <v>45455</v>
      </c>
      <c r="F107024" s="14" t="s">
        <v>61</v>
      </c>
      <c r="G107024" s="16">
        <v>7.0764671846911029E-2</v>
      </c>
    </row>
    <row r="107025" spans="1:7" x14ac:dyDescent="0.3">
      <c r="A107025" s="13" t="s">
        <v>518</v>
      </c>
      <c r="B107025" s="14" t="s">
        <v>1</v>
      </c>
      <c r="C107025" s="14" t="s">
        <v>109</v>
      </c>
      <c r="D107025" s="14" t="s">
        <v>389</v>
      </c>
      <c r="E107025" s="15">
        <v>45456</v>
      </c>
      <c r="F107025" s="14" t="s">
        <v>61</v>
      </c>
      <c r="G107025" s="16">
        <v>6.9388666943015501E-2</v>
      </c>
    </row>
    <row r="107026" spans="1:7" x14ac:dyDescent="0.3">
      <c r="A107026" s="13" t="s">
        <v>518</v>
      </c>
      <c r="B107026" s="14" t="s">
        <v>1</v>
      </c>
      <c r="C107026" s="14" t="s">
        <v>109</v>
      </c>
      <c r="D107026" s="14" t="s">
        <v>389</v>
      </c>
      <c r="E107026" s="15">
        <v>45457</v>
      </c>
      <c r="F107026" s="14" t="s">
        <v>61</v>
      </c>
      <c r="G107026" s="16">
        <v>6.7693652364227225E-2</v>
      </c>
    </row>
    <row r="107027" spans="1:7" x14ac:dyDescent="0.3">
      <c r="A107027" s="13" t="s">
        <v>518</v>
      </c>
      <c r="B107027" s="14" t="s">
        <v>1</v>
      </c>
      <c r="C107027" s="14" t="s">
        <v>109</v>
      </c>
      <c r="D107027" s="14" t="s">
        <v>389</v>
      </c>
      <c r="E107027" s="15">
        <v>45458</v>
      </c>
      <c r="F107027" s="14" t="s">
        <v>61</v>
      </c>
      <c r="G107027" s="16">
        <v>6.7693652364227225E-2</v>
      </c>
    </row>
    <row r="107028" spans="1:7" x14ac:dyDescent="0.3">
      <c r="A107028" s="13" t="s">
        <v>518</v>
      </c>
      <c r="B107028" s="14" t="s">
        <v>1</v>
      </c>
      <c r="C107028" s="14" t="s">
        <v>109</v>
      </c>
      <c r="D107028" s="14" t="s">
        <v>389</v>
      </c>
      <c r="E107028" s="15">
        <v>45459</v>
      </c>
      <c r="F107028" s="14" t="s">
        <v>61</v>
      </c>
      <c r="G107028" s="16">
        <v>6.7693652364227225E-2</v>
      </c>
    </row>
    <row r="107029" spans="1:7" x14ac:dyDescent="0.3">
      <c r="A107029" s="13" t="s">
        <v>518</v>
      </c>
      <c r="B107029" s="14" t="s">
        <v>1</v>
      </c>
      <c r="C107029" s="14" t="s">
        <v>109</v>
      </c>
      <c r="D107029" s="14" t="s">
        <v>389</v>
      </c>
      <c r="E107029" s="15">
        <v>45460</v>
      </c>
      <c r="F107029" s="14" t="s">
        <v>61</v>
      </c>
      <c r="G107029" s="16">
        <v>6.5584990400897422E-2</v>
      </c>
    </row>
    <row r="107030" spans="1:7" x14ac:dyDescent="0.3">
      <c r="A107030" s="13" t="s">
        <v>518</v>
      </c>
      <c r="B107030" s="14" t="s">
        <v>1</v>
      </c>
      <c r="C107030" s="14" t="s">
        <v>109</v>
      </c>
      <c r="D107030" s="14" t="s">
        <v>389</v>
      </c>
      <c r="E107030" s="15">
        <v>45461</v>
      </c>
      <c r="F107030" s="14" t="s">
        <v>61</v>
      </c>
      <c r="G107030" s="16">
        <v>6.0031482287508924E-2</v>
      </c>
    </row>
    <row r="107031" spans="1:7" x14ac:dyDescent="0.3">
      <c r="A107031" s="13" t="s">
        <v>518</v>
      </c>
      <c r="B107031" s="14" t="s">
        <v>1</v>
      </c>
      <c r="C107031" s="14" t="s">
        <v>109</v>
      </c>
      <c r="D107031" s="14" t="s">
        <v>389</v>
      </c>
      <c r="E107031" s="15">
        <v>45462</v>
      </c>
      <c r="F107031" s="14" t="s">
        <v>61</v>
      </c>
      <c r="G107031" s="16">
        <v>5.80947253824248E-2</v>
      </c>
    </row>
    <row r="107032" spans="1:7" x14ac:dyDescent="0.3">
      <c r="A107032" s="13" t="s">
        <v>518</v>
      </c>
      <c r="B107032" s="14" t="s">
        <v>1</v>
      </c>
      <c r="C107032" s="14" t="s">
        <v>109</v>
      </c>
      <c r="D107032" s="14" t="s">
        <v>389</v>
      </c>
      <c r="E107032" s="15">
        <v>45463</v>
      </c>
      <c r="F107032" s="14" t="s">
        <v>61</v>
      </c>
      <c r="G107032" s="16">
        <v>5.6407170196715595E-2</v>
      </c>
    </row>
    <row r="107033" spans="1:7" x14ac:dyDescent="0.3">
      <c r="A107033" s="13" t="s">
        <v>518</v>
      </c>
      <c r="B107033" s="14" t="s">
        <v>1</v>
      </c>
      <c r="C107033" s="14" t="s">
        <v>109</v>
      </c>
      <c r="D107033" s="14" t="s">
        <v>389</v>
      </c>
      <c r="E107033" s="15">
        <v>45464</v>
      </c>
      <c r="F107033" s="14" t="s">
        <v>61</v>
      </c>
      <c r="G107033" s="16">
        <v>5.4535270849147117E-2</v>
      </c>
    </row>
    <row r="107034" spans="1:7" x14ac:dyDescent="0.3">
      <c r="A107034" s="13" t="s">
        <v>518</v>
      </c>
      <c r="B107034" s="14" t="s">
        <v>1</v>
      </c>
      <c r="C107034" s="14" t="s">
        <v>109</v>
      </c>
      <c r="D107034" s="14" t="s">
        <v>389</v>
      </c>
      <c r="E107034" s="15">
        <v>45465</v>
      </c>
      <c r="F107034" s="14" t="s">
        <v>61</v>
      </c>
      <c r="G107034" s="16">
        <v>5.4535270849147117E-2</v>
      </c>
    </row>
    <row r="107035" spans="1:7" x14ac:dyDescent="0.3">
      <c r="A107035" s="13" t="s">
        <v>518</v>
      </c>
      <c r="B107035" s="14" t="s">
        <v>1</v>
      </c>
      <c r="C107035" s="14" t="s">
        <v>109</v>
      </c>
      <c r="D107035" s="14" t="s">
        <v>389</v>
      </c>
      <c r="E107035" s="15">
        <v>45466</v>
      </c>
      <c r="F107035" s="14" t="s">
        <v>61</v>
      </c>
      <c r="G107035" s="16">
        <v>5.4535270849147117E-2</v>
      </c>
    </row>
    <row r="107036" spans="1:7" x14ac:dyDescent="0.3">
      <c r="A107036" s="13" t="s">
        <v>518</v>
      </c>
      <c r="B107036" s="14" t="s">
        <v>1</v>
      </c>
      <c r="C107036" s="14" t="s">
        <v>109</v>
      </c>
      <c r="D107036" s="14" t="s">
        <v>389</v>
      </c>
      <c r="E107036" s="15">
        <v>45467</v>
      </c>
      <c r="F107036" s="14" t="s">
        <v>61</v>
      </c>
      <c r="G107036" s="16">
        <v>5.2423739834760577E-2</v>
      </c>
    </row>
    <row r="107037" spans="1:7" x14ac:dyDescent="0.3">
      <c r="A107037" s="13" t="s">
        <v>518</v>
      </c>
      <c r="B107037" s="14" t="s">
        <v>1</v>
      </c>
      <c r="C107037" s="14" t="s">
        <v>109</v>
      </c>
      <c r="D107037" s="14" t="s">
        <v>389</v>
      </c>
      <c r="E107037" s="15">
        <v>45468</v>
      </c>
      <c r="F107037" s="14" t="s">
        <v>61</v>
      </c>
      <c r="G107037" s="16">
        <v>4.7113322798687234E-2</v>
      </c>
    </row>
    <row r="107038" spans="1:7" x14ac:dyDescent="0.3">
      <c r="A107038" s="13" t="s">
        <v>518</v>
      </c>
      <c r="B107038" s="14" t="s">
        <v>1</v>
      </c>
      <c r="C107038" s="14" t="s">
        <v>109</v>
      </c>
      <c r="D107038" s="14" t="s">
        <v>389</v>
      </c>
      <c r="E107038" s="15">
        <v>45469</v>
      </c>
      <c r="F107038" s="14" t="s">
        <v>61</v>
      </c>
      <c r="G107038" s="16">
        <v>4.659037885350114E-2</v>
      </c>
    </row>
    <row r="107039" spans="1:7" x14ac:dyDescent="0.3">
      <c r="A107039" s="13" t="s">
        <v>518</v>
      </c>
      <c r="B107039" s="14" t="s">
        <v>1</v>
      </c>
      <c r="C107039" s="14" t="s">
        <v>109</v>
      </c>
      <c r="D107039" s="14" t="s">
        <v>389</v>
      </c>
      <c r="E107039" s="15">
        <v>45470</v>
      </c>
      <c r="F107039" s="14" t="s">
        <v>61</v>
      </c>
      <c r="G107039" s="16">
        <v>5.0421209648802499E-2</v>
      </c>
    </row>
    <row r="107040" spans="1:7" x14ac:dyDescent="0.3">
      <c r="A107040" s="13" t="s">
        <v>518</v>
      </c>
      <c r="B107040" s="14" t="s">
        <v>1</v>
      </c>
      <c r="C107040" s="14" t="s">
        <v>109</v>
      </c>
      <c r="D107040" s="14" t="s">
        <v>389</v>
      </c>
      <c r="E107040" s="15">
        <v>45471</v>
      </c>
      <c r="F107040" s="14" t="s">
        <v>61</v>
      </c>
      <c r="G107040" s="16">
        <v>8.1544876451292769E-2</v>
      </c>
    </row>
    <row r="107041" spans="1:7" x14ac:dyDescent="0.3">
      <c r="A107041" s="13" t="s">
        <v>518</v>
      </c>
      <c r="B107041" s="14" t="s">
        <v>1</v>
      </c>
      <c r="C107041" s="14" t="s">
        <v>109</v>
      </c>
      <c r="D107041" s="14" t="s">
        <v>389</v>
      </c>
      <c r="E107041" s="15">
        <v>45472</v>
      </c>
      <c r="F107041" s="14" t="s">
        <v>61</v>
      </c>
      <c r="G107041" s="16">
        <v>8.1544876451292769E-2</v>
      </c>
    </row>
    <row r="107042" spans="1:7" x14ac:dyDescent="0.3">
      <c r="A107042" s="13" t="s">
        <v>518</v>
      </c>
      <c r="B107042" s="14" t="s">
        <v>1</v>
      </c>
      <c r="C107042" s="14" t="s">
        <v>109</v>
      </c>
      <c r="D107042" s="14" t="s">
        <v>389</v>
      </c>
      <c r="E107042" s="15">
        <v>45473</v>
      </c>
      <c r="F107042" s="14" t="s">
        <v>61</v>
      </c>
      <c r="G107042" s="16">
        <v>8.1544876451292769E-2</v>
      </c>
    </row>
    <row r="107043" spans="1:7" x14ac:dyDescent="0.3">
      <c r="A107043" s="13" t="s">
        <v>518</v>
      </c>
      <c r="B107043" s="14" t="s">
        <v>1</v>
      </c>
      <c r="C107043" s="14" t="s">
        <v>109</v>
      </c>
      <c r="D107043" s="14" t="s">
        <v>389</v>
      </c>
      <c r="E107043" s="15">
        <v>45474</v>
      </c>
      <c r="F107043" s="14" t="s">
        <v>61</v>
      </c>
      <c r="G107043" s="16">
        <v>8.1240572109916018E-2</v>
      </c>
    </row>
    <row r="107044" spans="1:7" x14ac:dyDescent="0.3">
      <c r="A107044" s="13" t="s">
        <v>518</v>
      </c>
      <c r="B107044" s="14" t="s">
        <v>1</v>
      </c>
      <c r="C107044" s="14" t="s">
        <v>109</v>
      </c>
      <c r="D107044" s="14" t="s">
        <v>389</v>
      </c>
      <c r="E107044" s="15">
        <v>45475</v>
      </c>
      <c r="F107044" s="14" t="s">
        <v>61</v>
      </c>
      <c r="G107044" s="16">
        <v>7.7433701835051091E-2</v>
      </c>
    </row>
    <row r="107045" spans="1:7" x14ac:dyDescent="0.3">
      <c r="A107045" s="13" t="s">
        <v>518</v>
      </c>
      <c r="B107045" s="14" t="s">
        <v>1</v>
      </c>
      <c r="C107045" s="14" t="s">
        <v>109</v>
      </c>
      <c r="D107045" s="14" t="s">
        <v>389</v>
      </c>
      <c r="E107045" s="15">
        <v>45476</v>
      </c>
      <c r="F107045" s="14" t="s">
        <v>61</v>
      </c>
      <c r="G107045" s="16">
        <v>7.523866732120317E-2</v>
      </c>
    </row>
    <row r="107046" spans="1:7" x14ac:dyDescent="0.3">
      <c r="A107046" s="13" t="s">
        <v>518</v>
      </c>
      <c r="B107046" s="14" t="s">
        <v>1</v>
      </c>
      <c r="C107046" s="14" t="s">
        <v>109</v>
      </c>
      <c r="D107046" s="14" t="s">
        <v>389</v>
      </c>
      <c r="E107046" s="15">
        <v>45477</v>
      </c>
      <c r="F107046" s="14" t="s">
        <v>61</v>
      </c>
      <c r="G107046" s="16">
        <v>7.3168762546685404E-2</v>
      </c>
    </row>
    <row r="107047" spans="1:7" x14ac:dyDescent="0.3">
      <c r="A107047" s="13" t="s">
        <v>518</v>
      </c>
      <c r="B107047" s="14" t="s">
        <v>1</v>
      </c>
      <c r="C107047" s="14" t="s">
        <v>109</v>
      </c>
      <c r="D107047" s="14" t="s">
        <v>389</v>
      </c>
      <c r="E107047" s="15">
        <v>45478</v>
      </c>
      <c r="F107047" s="14" t="s">
        <v>61</v>
      </c>
      <c r="G107047" s="16">
        <v>7.4835866418073327E-2</v>
      </c>
    </row>
    <row r="107048" spans="1:7" x14ac:dyDescent="0.3">
      <c r="A107048" s="13" t="s">
        <v>518</v>
      </c>
      <c r="B107048" s="14" t="s">
        <v>1</v>
      </c>
      <c r="C107048" s="14" t="s">
        <v>109</v>
      </c>
      <c r="D107048" s="14" t="s">
        <v>389</v>
      </c>
      <c r="E107048" s="15">
        <v>45479</v>
      </c>
      <c r="F107048" s="14" t="s">
        <v>61</v>
      </c>
      <c r="G107048" s="16">
        <v>7.4835866418073327E-2</v>
      </c>
    </row>
    <row r="107049" spans="1:7" x14ac:dyDescent="0.3">
      <c r="A107049" s="13" t="s">
        <v>518</v>
      </c>
      <c r="B107049" s="14" t="s">
        <v>1</v>
      </c>
      <c r="C107049" s="14" t="s">
        <v>109</v>
      </c>
      <c r="D107049" s="14" t="s">
        <v>389</v>
      </c>
      <c r="E107049" s="15">
        <v>45480</v>
      </c>
      <c r="F107049" s="14" t="s">
        <v>61</v>
      </c>
      <c r="G107049" s="16">
        <v>7.4835866418073327E-2</v>
      </c>
    </row>
    <row r="107050" spans="1:7" x14ac:dyDescent="0.3">
      <c r="A107050" s="13" t="s">
        <v>518</v>
      </c>
      <c r="B107050" s="14" t="s">
        <v>1</v>
      </c>
      <c r="C107050" s="14" t="s">
        <v>109</v>
      </c>
      <c r="D107050" s="14" t="s">
        <v>389</v>
      </c>
      <c r="E107050" s="15">
        <v>45481</v>
      </c>
      <c r="F107050" s="14" t="s">
        <v>61</v>
      </c>
      <c r="G107050" s="16">
        <v>8.0610557127290455E-2</v>
      </c>
    </row>
    <row r="107051" spans="1:7" x14ac:dyDescent="0.3">
      <c r="A107051" s="13" t="s">
        <v>518</v>
      </c>
      <c r="B107051" s="14" t="s">
        <v>1</v>
      </c>
      <c r="C107051" s="14" t="s">
        <v>109</v>
      </c>
      <c r="D107051" s="14" t="s">
        <v>389</v>
      </c>
      <c r="E107051" s="15">
        <v>45482</v>
      </c>
      <c r="F107051" s="14" t="s">
        <v>61</v>
      </c>
      <c r="G107051" s="16">
        <v>7.4783654320936852E-2</v>
      </c>
    </row>
    <row r="107052" spans="1:7" x14ac:dyDescent="0.3">
      <c r="A107052" s="13" t="s">
        <v>518</v>
      </c>
      <c r="B107052" s="14" t="s">
        <v>1</v>
      </c>
      <c r="C107052" s="14" t="s">
        <v>109</v>
      </c>
      <c r="D107052" s="14" t="s">
        <v>389</v>
      </c>
      <c r="E107052" s="15">
        <v>45483</v>
      </c>
      <c r="F107052" s="14" t="s">
        <v>61</v>
      </c>
      <c r="G107052" s="16">
        <v>7.2720778884826948E-2</v>
      </c>
    </row>
    <row r="107053" spans="1:7" x14ac:dyDescent="0.3">
      <c r="A107053" s="13" t="s">
        <v>518</v>
      </c>
      <c r="B107053" s="14" t="s">
        <v>1</v>
      </c>
      <c r="C107053" s="14" t="s">
        <v>109</v>
      </c>
      <c r="D107053" s="14" t="s">
        <v>389</v>
      </c>
      <c r="E107053" s="15">
        <v>45484</v>
      </c>
      <c r="F107053" s="14" t="s">
        <v>61</v>
      </c>
      <c r="G107053" s="16">
        <v>7.0510133486473198E-2</v>
      </c>
    </row>
    <row r="107054" spans="1:7" x14ac:dyDescent="0.3">
      <c r="A107054" s="13" t="s">
        <v>518</v>
      </c>
      <c r="B107054" s="14" t="s">
        <v>1</v>
      </c>
      <c r="C107054" s="14" t="s">
        <v>109</v>
      </c>
      <c r="D107054" s="14" t="s">
        <v>389</v>
      </c>
      <c r="E107054" s="15">
        <v>45485</v>
      </c>
      <c r="F107054" s="14" t="s">
        <v>61</v>
      </c>
      <c r="G107054" s="16">
        <v>6.8313482465743494E-2</v>
      </c>
    </row>
    <row r="107055" spans="1:7" x14ac:dyDescent="0.3">
      <c r="A107055" s="13" t="s">
        <v>518</v>
      </c>
      <c r="B107055" s="14" t="s">
        <v>1</v>
      </c>
      <c r="C107055" s="14" t="s">
        <v>109</v>
      </c>
      <c r="D107055" s="14" t="s">
        <v>389</v>
      </c>
      <c r="E107055" s="15">
        <v>45486</v>
      </c>
      <c r="F107055" s="14" t="s">
        <v>61</v>
      </c>
      <c r="G107055" s="16">
        <v>6.8313482465743494E-2</v>
      </c>
    </row>
    <row r="107056" spans="1:7" x14ac:dyDescent="0.3">
      <c r="A107056" s="13" t="s">
        <v>518</v>
      </c>
      <c r="B107056" s="14" t="s">
        <v>1</v>
      </c>
      <c r="C107056" s="14" t="s">
        <v>109</v>
      </c>
      <c r="D107056" s="14" t="s">
        <v>389</v>
      </c>
      <c r="E107056" s="15">
        <v>45487</v>
      </c>
      <c r="F107056" s="14" t="s">
        <v>61</v>
      </c>
      <c r="G107056" s="16">
        <v>6.8313482465743494E-2</v>
      </c>
    </row>
    <row r="107057" spans="1:7" x14ac:dyDescent="0.3">
      <c r="A107057" s="13" t="s">
        <v>518</v>
      </c>
      <c r="B107057" s="14" t="s">
        <v>1</v>
      </c>
      <c r="C107057" s="14" t="s">
        <v>109</v>
      </c>
      <c r="D107057" s="14" t="s">
        <v>389</v>
      </c>
      <c r="E107057" s="15">
        <v>45488</v>
      </c>
      <c r="F107057" s="14" t="s">
        <v>61</v>
      </c>
      <c r="G107057" s="16">
        <v>6.7374529102911432E-2</v>
      </c>
    </row>
    <row r="107058" spans="1:7" x14ac:dyDescent="0.3">
      <c r="A107058" s="13" t="s">
        <v>518</v>
      </c>
      <c r="B107058" s="14" t="s">
        <v>1</v>
      </c>
      <c r="C107058" s="14" t="s">
        <v>109</v>
      </c>
      <c r="D107058" s="14" t="s">
        <v>389</v>
      </c>
      <c r="E107058" s="15">
        <v>45489</v>
      </c>
      <c r="F107058" s="14" t="s">
        <v>61</v>
      </c>
      <c r="G107058" s="16">
        <v>6.1410515545155635E-2</v>
      </c>
    </row>
    <row r="107059" spans="1:7" x14ac:dyDescent="0.3">
      <c r="A107059" s="13" t="s">
        <v>518</v>
      </c>
      <c r="B107059" s="14" t="s">
        <v>1</v>
      </c>
      <c r="C107059" s="14" t="s">
        <v>109</v>
      </c>
      <c r="D107059" s="14" t="s">
        <v>389</v>
      </c>
      <c r="E107059" s="15">
        <v>45490</v>
      </c>
      <c r="F107059" s="14" t="s">
        <v>61</v>
      </c>
      <c r="G107059" s="16">
        <v>5.9190647730193072E-2</v>
      </c>
    </row>
    <row r="107060" spans="1:7" x14ac:dyDescent="0.3">
      <c r="A107060" s="13" t="s">
        <v>518</v>
      </c>
      <c r="B107060" s="14" t="s">
        <v>1</v>
      </c>
      <c r="C107060" s="14" t="s">
        <v>109</v>
      </c>
      <c r="D107060" s="14" t="s">
        <v>389</v>
      </c>
      <c r="E107060" s="15">
        <v>45491</v>
      </c>
      <c r="F107060" s="14" t="s">
        <v>61</v>
      </c>
      <c r="G107060" s="16">
        <v>5.7429482461822695E-2</v>
      </c>
    </row>
    <row r="107061" spans="1:7" x14ac:dyDescent="0.3">
      <c r="A107061" s="13" t="s">
        <v>518</v>
      </c>
      <c r="B107061" s="14" t="s">
        <v>1</v>
      </c>
      <c r="C107061" s="14" t="s">
        <v>109</v>
      </c>
      <c r="D107061" s="14" t="s">
        <v>389</v>
      </c>
      <c r="E107061" s="15">
        <v>45492</v>
      </c>
      <c r="F107061" s="14" t="s">
        <v>61</v>
      </c>
      <c r="G107061" s="16">
        <v>5.5617225640205478E-2</v>
      </c>
    </row>
    <row r="107062" spans="1:7" x14ac:dyDescent="0.3">
      <c r="A107062" s="13" t="s">
        <v>518</v>
      </c>
      <c r="B107062" s="14" t="s">
        <v>1</v>
      </c>
      <c r="C107062" s="14" t="s">
        <v>109</v>
      </c>
      <c r="D107062" s="14" t="s">
        <v>389</v>
      </c>
      <c r="E107062" s="15">
        <v>45493</v>
      </c>
      <c r="F107062" s="14" t="s">
        <v>61</v>
      </c>
      <c r="G107062" s="16">
        <v>5.5617225640205478E-2</v>
      </c>
    </row>
    <row r="107063" spans="1:7" x14ac:dyDescent="0.3">
      <c r="A107063" s="13" t="s">
        <v>518</v>
      </c>
      <c r="B107063" s="14" t="s">
        <v>1</v>
      </c>
      <c r="C107063" s="14" t="s">
        <v>109</v>
      </c>
      <c r="D107063" s="14" t="s">
        <v>389</v>
      </c>
      <c r="E107063" s="15">
        <v>45494</v>
      </c>
      <c r="F107063" s="14" t="s">
        <v>61</v>
      </c>
      <c r="G107063" s="16">
        <v>5.5617225640205478E-2</v>
      </c>
    </row>
    <row r="107064" spans="1:7" x14ac:dyDescent="0.3">
      <c r="A107064" s="13" t="s">
        <v>518</v>
      </c>
      <c r="B107064" s="14" t="s">
        <v>1</v>
      </c>
      <c r="C107064" s="14" t="s">
        <v>109</v>
      </c>
      <c r="D107064" s="14" t="s">
        <v>389</v>
      </c>
      <c r="E107064" s="15">
        <v>45495</v>
      </c>
      <c r="F107064" s="14" t="s">
        <v>61</v>
      </c>
      <c r="G107064" s="16">
        <v>5.3665569086909892E-2</v>
      </c>
    </row>
    <row r="107065" spans="1:7" x14ac:dyDescent="0.3">
      <c r="A107065" s="13" t="s">
        <v>518</v>
      </c>
      <c r="B107065" s="14" t="s">
        <v>1</v>
      </c>
      <c r="C107065" s="14" t="s">
        <v>109</v>
      </c>
      <c r="D107065" s="14" t="s">
        <v>389</v>
      </c>
      <c r="E107065" s="15">
        <v>45496</v>
      </c>
      <c r="F107065" s="14" t="s">
        <v>61</v>
      </c>
      <c r="G107065" s="16">
        <v>4.8220429689704691E-2</v>
      </c>
    </row>
    <row r="107066" spans="1:7" x14ac:dyDescent="0.3">
      <c r="A107066" s="13" t="s">
        <v>518</v>
      </c>
      <c r="B107066" s="14" t="s">
        <v>1</v>
      </c>
      <c r="C107066" s="14" t="s">
        <v>109</v>
      </c>
      <c r="D107066" s="14" t="s">
        <v>389</v>
      </c>
      <c r="E107066" s="15">
        <v>45497</v>
      </c>
      <c r="F107066" s="14" t="s">
        <v>61</v>
      </c>
      <c r="G107066" s="16">
        <v>4.6383887858975605E-2</v>
      </c>
    </row>
    <row r="107067" spans="1:7" x14ac:dyDescent="0.3">
      <c r="A107067" s="13" t="s">
        <v>518</v>
      </c>
      <c r="B107067" s="14" t="s">
        <v>1</v>
      </c>
      <c r="C107067" s="14" t="s">
        <v>109</v>
      </c>
      <c r="D107067" s="14" t="s">
        <v>389</v>
      </c>
      <c r="E107067" s="15">
        <v>45498</v>
      </c>
      <c r="F107067" s="14" t="s">
        <v>61</v>
      </c>
      <c r="G107067" s="16">
        <v>4.4465647347202028E-2</v>
      </c>
    </row>
    <row r="107068" spans="1:7" x14ac:dyDescent="0.3">
      <c r="A107068" s="13" t="s">
        <v>518</v>
      </c>
      <c r="B107068" s="14" t="s">
        <v>1</v>
      </c>
      <c r="C107068" s="14" t="s">
        <v>109</v>
      </c>
      <c r="D107068" s="14" t="s">
        <v>389</v>
      </c>
      <c r="E107068" s="15">
        <v>45499</v>
      </c>
      <c r="F107068" s="14" t="s">
        <v>61</v>
      </c>
      <c r="G107068" s="16">
        <v>4.2587755118973655E-2</v>
      </c>
    </row>
    <row r="107069" spans="1:7" x14ac:dyDescent="0.3">
      <c r="A107069" s="13" t="s">
        <v>518</v>
      </c>
      <c r="B107069" s="14" t="s">
        <v>1</v>
      </c>
      <c r="C107069" s="14" t="s">
        <v>109</v>
      </c>
      <c r="D107069" s="14" t="s">
        <v>389</v>
      </c>
      <c r="E107069" s="15">
        <v>45500</v>
      </c>
      <c r="F107069" s="14" t="s">
        <v>61</v>
      </c>
      <c r="G107069" s="16">
        <v>4.2587755118973655E-2</v>
      </c>
    </row>
    <row r="107070" spans="1:7" x14ac:dyDescent="0.3">
      <c r="A107070" s="13" t="s">
        <v>518</v>
      </c>
      <c r="B107070" s="14" t="s">
        <v>1</v>
      </c>
      <c r="C107070" s="14" t="s">
        <v>109</v>
      </c>
      <c r="D107070" s="14" t="s">
        <v>389</v>
      </c>
      <c r="E107070" s="15">
        <v>45501</v>
      </c>
      <c r="F107070" s="14" t="s">
        <v>61</v>
      </c>
      <c r="G107070" s="16">
        <v>4.2587755118973655E-2</v>
      </c>
    </row>
    <row r="107071" spans="1:7" x14ac:dyDescent="0.3">
      <c r="A107071" s="13" t="s">
        <v>518</v>
      </c>
      <c r="B107071" s="14" t="s">
        <v>1</v>
      </c>
      <c r="C107071" s="14" t="s">
        <v>109</v>
      </c>
      <c r="D107071" s="14" t="s">
        <v>389</v>
      </c>
      <c r="E107071" s="15">
        <v>45502</v>
      </c>
      <c r="F107071" s="14" t="s">
        <v>61</v>
      </c>
      <c r="G107071" s="16">
        <v>5.3158144875824521E-2</v>
      </c>
    </row>
    <row r="107072" spans="1:7" x14ac:dyDescent="0.3">
      <c r="A107072" s="13" t="s">
        <v>518</v>
      </c>
      <c r="B107072" s="14" t="s">
        <v>1</v>
      </c>
      <c r="C107072" s="14" t="s">
        <v>109</v>
      </c>
      <c r="D107072" s="14" t="s">
        <v>389</v>
      </c>
      <c r="E107072" s="15">
        <v>45503</v>
      </c>
      <c r="F107072" s="14" t="s">
        <v>61</v>
      </c>
      <c r="G107072" s="16">
        <v>4.7780338068202269E-2</v>
      </c>
    </row>
    <row r="107073" spans="1:7" x14ac:dyDescent="0.3">
      <c r="A107073" s="13" t="s">
        <v>518</v>
      </c>
      <c r="B107073" s="14" t="s">
        <v>1</v>
      </c>
      <c r="C107073" s="14" t="s">
        <v>109</v>
      </c>
      <c r="D107073" s="14" t="s">
        <v>389</v>
      </c>
      <c r="E107073" s="15">
        <v>45504</v>
      </c>
      <c r="F107073" s="14" t="s">
        <v>61</v>
      </c>
      <c r="G107073" s="16">
        <v>4.7499492219289466E-2</v>
      </c>
    </row>
    <row r="107074" spans="1:7" x14ac:dyDescent="0.3">
      <c r="A107074" s="13" t="s">
        <v>518</v>
      </c>
      <c r="B107074" s="14" t="s">
        <v>1</v>
      </c>
      <c r="C107074" s="14" t="s">
        <v>109</v>
      </c>
      <c r="D107074" s="14" t="s">
        <v>389</v>
      </c>
      <c r="E107074" s="15">
        <v>45505</v>
      </c>
      <c r="F107074" s="14" t="s">
        <v>61</v>
      </c>
      <c r="G107074" s="16">
        <v>6.2053826659339173E-2</v>
      </c>
    </row>
    <row r="107075" spans="1:7" x14ac:dyDescent="0.3">
      <c r="A107075" s="13" t="s">
        <v>518</v>
      </c>
      <c r="B107075" s="14" t="s">
        <v>1</v>
      </c>
      <c r="C107075" s="14" t="s">
        <v>109</v>
      </c>
      <c r="D107075" s="14" t="s">
        <v>389</v>
      </c>
      <c r="E107075" s="15">
        <v>45506</v>
      </c>
      <c r="F107075" s="14" t="s">
        <v>61</v>
      </c>
      <c r="G107075" s="16">
        <v>5.9610920863183349E-2</v>
      </c>
    </row>
    <row r="107076" spans="1:7" x14ac:dyDescent="0.3">
      <c r="A107076" s="13" t="s">
        <v>518</v>
      </c>
      <c r="B107076" s="14" t="s">
        <v>1</v>
      </c>
      <c r="C107076" s="14" t="s">
        <v>109</v>
      </c>
      <c r="D107076" s="14" t="s">
        <v>389</v>
      </c>
      <c r="E107076" s="15">
        <v>45507</v>
      </c>
      <c r="F107076" s="14" t="s">
        <v>61</v>
      </c>
      <c r="G107076" s="16">
        <v>5.9610920863183349E-2</v>
      </c>
    </row>
    <row r="107077" spans="1:7" x14ac:dyDescent="0.3">
      <c r="A107077" s="13" t="s">
        <v>518</v>
      </c>
      <c r="B107077" s="14" t="s">
        <v>1</v>
      </c>
      <c r="C107077" s="14" t="s">
        <v>109</v>
      </c>
      <c r="D107077" s="14" t="s">
        <v>389</v>
      </c>
      <c r="E107077" s="15">
        <v>45508</v>
      </c>
      <c r="F107077" s="14" t="s">
        <v>61</v>
      </c>
      <c r="G107077" s="16">
        <v>5.9610920863183349E-2</v>
      </c>
    </row>
    <row r="107078" spans="1:7" x14ac:dyDescent="0.3">
      <c r="A107078" s="13" t="s">
        <v>518</v>
      </c>
      <c r="B107078" s="14" t="s">
        <v>1</v>
      </c>
      <c r="C107078" s="14" t="s">
        <v>109</v>
      </c>
      <c r="D107078" s="14" t="s">
        <v>389</v>
      </c>
      <c r="E107078" s="15">
        <v>45509</v>
      </c>
      <c r="F107078" s="14" t="s">
        <v>61</v>
      </c>
      <c r="G107078" s="16">
        <v>5.9610920863183349E-2</v>
      </c>
    </row>
    <row r="107079" spans="1:7" x14ac:dyDescent="0.3">
      <c r="A107079" s="13" t="s">
        <v>518</v>
      </c>
      <c r="B107079" s="14" t="s">
        <v>1</v>
      </c>
      <c r="C107079" s="14" t="s">
        <v>109</v>
      </c>
      <c r="D107079" s="14" t="s">
        <v>389</v>
      </c>
      <c r="E107079" s="15">
        <v>45510</v>
      </c>
      <c r="F107079" s="14" t="s">
        <v>61</v>
      </c>
      <c r="G107079" s="16">
        <v>5.7804764014079128E-2</v>
      </c>
    </row>
    <row r="107080" spans="1:7" x14ac:dyDescent="0.3">
      <c r="A107080" s="13" t="s">
        <v>518</v>
      </c>
      <c r="B107080" s="14" t="s">
        <v>1</v>
      </c>
      <c r="C107080" s="14" t="s">
        <v>109</v>
      </c>
      <c r="D107080" s="14" t="s">
        <v>389</v>
      </c>
      <c r="E107080" s="15">
        <v>45511</v>
      </c>
      <c r="F107080" s="14" t="s">
        <v>61</v>
      </c>
      <c r="G107080" s="16">
        <v>5.4937597135676294E-2</v>
      </c>
    </row>
    <row r="107081" spans="1:7" x14ac:dyDescent="0.3">
      <c r="A107081" s="13" t="s">
        <v>518</v>
      </c>
      <c r="B107081" s="14" t="s">
        <v>1</v>
      </c>
      <c r="C107081" s="14" t="s">
        <v>109</v>
      </c>
      <c r="D107081" s="14" t="s">
        <v>389</v>
      </c>
      <c r="E107081" s="15">
        <v>45512</v>
      </c>
      <c r="F107081" s="14" t="s">
        <v>61</v>
      </c>
      <c r="G107081" s="16">
        <v>5.4234840378496511E-2</v>
      </c>
    </row>
    <row r="107082" spans="1:7" x14ac:dyDescent="0.3">
      <c r="A107082" s="13" t="s">
        <v>518</v>
      </c>
      <c r="B107082" s="14" t="s">
        <v>1</v>
      </c>
      <c r="C107082" s="14" t="s">
        <v>109</v>
      </c>
      <c r="D107082" s="14" t="s">
        <v>389</v>
      </c>
      <c r="E107082" s="15">
        <v>45513</v>
      </c>
      <c r="F107082" s="14" t="s">
        <v>61</v>
      </c>
      <c r="G107082" s="16">
        <v>6.6471901314050369E-2</v>
      </c>
    </row>
    <row r="107083" spans="1:7" x14ac:dyDescent="0.3">
      <c r="A107083" s="13" t="s">
        <v>518</v>
      </c>
      <c r="B107083" s="14" t="s">
        <v>1</v>
      </c>
      <c r="C107083" s="14" t="s">
        <v>109</v>
      </c>
      <c r="D107083" s="14" t="s">
        <v>389</v>
      </c>
      <c r="E107083" s="15">
        <v>45514</v>
      </c>
      <c r="F107083" s="14" t="s">
        <v>61</v>
      </c>
      <c r="G107083" s="16">
        <v>6.6471901314050369E-2</v>
      </c>
    </row>
    <row r="107084" spans="1:7" x14ac:dyDescent="0.3">
      <c r="A107084" s="13" t="s">
        <v>518</v>
      </c>
      <c r="B107084" s="14" t="s">
        <v>1</v>
      </c>
      <c r="C107084" s="14" t="s">
        <v>109</v>
      </c>
      <c r="D107084" s="14" t="s">
        <v>389</v>
      </c>
      <c r="E107084" s="15">
        <v>45515</v>
      </c>
      <c r="F107084" s="14" t="s">
        <v>61</v>
      </c>
      <c r="G107084" s="16">
        <v>6.6471901314050369E-2</v>
      </c>
    </row>
    <row r="107085" spans="1:7" x14ac:dyDescent="0.3">
      <c r="A107085" s="13" t="s">
        <v>518</v>
      </c>
      <c r="B107085" s="14" t="s">
        <v>1</v>
      </c>
      <c r="C107085" s="14" t="s">
        <v>109</v>
      </c>
      <c r="D107085" s="14" t="s">
        <v>389</v>
      </c>
      <c r="E107085" s="15">
        <v>45516</v>
      </c>
      <c r="F107085" s="14" t="s">
        <v>61</v>
      </c>
      <c r="G107085" s="16">
        <v>6.6145509945760919E-2</v>
      </c>
    </row>
    <row r="107086" spans="1:7" x14ac:dyDescent="0.3">
      <c r="A107086" s="13" t="s">
        <v>518</v>
      </c>
      <c r="B107086" s="14" t="s">
        <v>1</v>
      </c>
      <c r="C107086" s="14" t="s">
        <v>109</v>
      </c>
      <c r="D107086" s="14" t="s">
        <v>389</v>
      </c>
      <c r="E107086" s="15">
        <v>45517</v>
      </c>
      <c r="F107086" s="14" t="s">
        <v>61</v>
      </c>
      <c r="G107086" s="16">
        <v>6.4515069456137067E-2</v>
      </c>
    </row>
    <row r="107087" spans="1:7" x14ac:dyDescent="0.3">
      <c r="A107087" s="13" t="s">
        <v>518</v>
      </c>
      <c r="B107087" s="14" t="s">
        <v>1</v>
      </c>
      <c r="C107087" s="14" t="s">
        <v>109</v>
      </c>
      <c r="D107087" s="14" t="s">
        <v>389</v>
      </c>
      <c r="E107087" s="15">
        <v>45518</v>
      </c>
      <c r="F107087" s="14" t="s">
        <v>61</v>
      </c>
      <c r="G107087" s="16">
        <v>6.2718432714260919E-2</v>
      </c>
    </row>
    <row r="107088" spans="1:7" x14ac:dyDescent="0.3">
      <c r="A107088" s="13" t="s">
        <v>518</v>
      </c>
      <c r="B107088" s="14" t="s">
        <v>1</v>
      </c>
      <c r="C107088" s="14" t="s">
        <v>109</v>
      </c>
      <c r="D107088" s="14" t="s">
        <v>389</v>
      </c>
      <c r="E107088" s="15">
        <v>45519</v>
      </c>
      <c r="F107088" s="14" t="s">
        <v>61</v>
      </c>
      <c r="G107088" s="16">
        <v>6.1196349862499347E-2</v>
      </c>
    </row>
    <row r="107089" spans="1:7" x14ac:dyDescent="0.3">
      <c r="A107089" s="13" t="s">
        <v>518</v>
      </c>
      <c r="B107089" s="14" t="s">
        <v>1</v>
      </c>
      <c r="C107089" s="14" t="s">
        <v>109</v>
      </c>
      <c r="D107089" s="14" t="s">
        <v>389</v>
      </c>
      <c r="E107089" s="15">
        <v>45520</v>
      </c>
      <c r="F107089" s="14" t="s">
        <v>61</v>
      </c>
      <c r="G107089" s="16">
        <v>7.0207996331122027E-2</v>
      </c>
    </row>
    <row r="107090" spans="1:7" x14ac:dyDescent="0.3">
      <c r="A107090" s="13" t="s">
        <v>518</v>
      </c>
      <c r="B107090" s="14" t="s">
        <v>1</v>
      </c>
      <c r="C107090" s="14" t="s">
        <v>109</v>
      </c>
      <c r="D107090" s="14" t="s">
        <v>389</v>
      </c>
      <c r="E107090" s="15">
        <v>45521</v>
      </c>
      <c r="F107090" s="14" t="s">
        <v>61</v>
      </c>
      <c r="G107090" s="16">
        <v>7.0207996331122027E-2</v>
      </c>
    </row>
    <row r="107091" spans="1:7" x14ac:dyDescent="0.3">
      <c r="A107091" s="13" t="s">
        <v>518</v>
      </c>
      <c r="B107091" s="14" t="s">
        <v>1</v>
      </c>
      <c r="C107091" s="14" t="s">
        <v>109</v>
      </c>
      <c r="D107091" s="14" t="s">
        <v>389</v>
      </c>
      <c r="E107091" s="15">
        <v>45522</v>
      </c>
      <c r="F107091" s="14" t="s">
        <v>61</v>
      </c>
      <c r="G107091" s="16">
        <v>7.0207996331122027E-2</v>
      </c>
    </row>
    <row r="107092" spans="1:7" x14ac:dyDescent="0.3">
      <c r="A107092" s="13" t="s">
        <v>518</v>
      </c>
      <c r="B107092" s="14" t="s">
        <v>1</v>
      </c>
      <c r="C107092" s="14" t="s">
        <v>109</v>
      </c>
      <c r="D107092" s="14" t="s">
        <v>389</v>
      </c>
      <c r="E107092" s="15">
        <v>45523</v>
      </c>
      <c r="F107092" s="14" t="s">
        <v>61</v>
      </c>
      <c r="G107092" s="16">
        <v>6.775109890570416E-2</v>
      </c>
    </row>
    <row r="107093" spans="1:7" x14ac:dyDescent="0.3">
      <c r="A107093" s="13" t="s">
        <v>518</v>
      </c>
      <c r="B107093" s="14" t="s">
        <v>1</v>
      </c>
      <c r="C107093" s="14" t="s">
        <v>109</v>
      </c>
      <c r="D107093" s="14" t="s">
        <v>389</v>
      </c>
      <c r="E107093" s="15">
        <v>45524</v>
      </c>
      <c r="F107093" s="14" t="s">
        <v>61</v>
      </c>
      <c r="G107093" s="16">
        <v>6.20420570950104E-2</v>
      </c>
    </row>
    <row r="107094" spans="1:7" x14ac:dyDescent="0.3">
      <c r="A107094" s="13" t="s">
        <v>518</v>
      </c>
      <c r="B107094" s="14" t="s">
        <v>1</v>
      </c>
      <c r="C107094" s="14" t="s">
        <v>109</v>
      </c>
      <c r="D107094" s="14" t="s">
        <v>389</v>
      </c>
      <c r="E107094" s="15">
        <v>45525</v>
      </c>
      <c r="F107094" s="14" t="s">
        <v>61</v>
      </c>
      <c r="G107094" s="16">
        <v>6.008981126985876E-2</v>
      </c>
    </row>
    <row r="107095" spans="1:7" x14ac:dyDescent="0.3">
      <c r="A107095" s="13" t="s">
        <v>518</v>
      </c>
      <c r="B107095" s="14" t="s">
        <v>1</v>
      </c>
      <c r="C107095" s="14" t="s">
        <v>109</v>
      </c>
      <c r="D107095" s="14" t="s">
        <v>389</v>
      </c>
      <c r="E107095" s="15">
        <v>45526</v>
      </c>
      <c r="F107095" s="14" t="s">
        <v>61</v>
      </c>
      <c r="G107095" s="16">
        <v>5.8442911874767953E-2</v>
      </c>
    </row>
    <row r="107096" spans="1:7" x14ac:dyDescent="0.3">
      <c r="A107096" s="13" t="s">
        <v>518</v>
      </c>
      <c r="B107096" s="14" t="s">
        <v>1</v>
      </c>
      <c r="C107096" s="14" t="s">
        <v>109</v>
      </c>
      <c r="D107096" s="14" t="s">
        <v>389</v>
      </c>
      <c r="E107096" s="15">
        <v>45527</v>
      </c>
      <c r="F107096" s="14" t="s">
        <v>61</v>
      </c>
      <c r="G107096" s="16">
        <v>8.0373815616172475E-2</v>
      </c>
    </row>
    <row r="107097" spans="1:7" x14ac:dyDescent="0.3">
      <c r="A107097" s="13" t="s">
        <v>518</v>
      </c>
      <c r="B107097" s="14" t="s">
        <v>1</v>
      </c>
      <c r="C107097" s="14" t="s">
        <v>109</v>
      </c>
      <c r="D107097" s="14" t="s">
        <v>389</v>
      </c>
      <c r="E107097" s="15">
        <v>45528</v>
      </c>
      <c r="F107097" s="14" t="s">
        <v>61</v>
      </c>
      <c r="G107097" s="16">
        <v>8.0373815616172475E-2</v>
      </c>
    </row>
    <row r="107098" spans="1:7" x14ac:dyDescent="0.3">
      <c r="A107098" s="13" t="s">
        <v>518</v>
      </c>
      <c r="B107098" s="14" t="s">
        <v>1</v>
      </c>
      <c r="C107098" s="14" t="s">
        <v>109</v>
      </c>
      <c r="D107098" s="14" t="s">
        <v>389</v>
      </c>
      <c r="E107098" s="15">
        <v>45529</v>
      </c>
      <c r="F107098" s="14" t="s">
        <v>61</v>
      </c>
      <c r="G107098" s="16">
        <v>8.0373815616172475E-2</v>
      </c>
    </row>
    <row r="107099" spans="1:7" x14ac:dyDescent="0.3">
      <c r="A107099" s="13" t="s">
        <v>518</v>
      </c>
      <c r="B107099" s="14" t="s">
        <v>1</v>
      </c>
      <c r="C107099" s="14" t="s">
        <v>109</v>
      </c>
      <c r="D107099" s="14" t="s">
        <v>389</v>
      </c>
      <c r="E107099" s="15">
        <v>45530</v>
      </c>
      <c r="F107099" s="14" t="s">
        <v>61</v>
      </c>
      <c r="G107099" s="16">
        <v>7.8818548143535061E-2</v>
      </c>
    </row>
    <row r="107100" spans="1:7" x14ac:dyDescent="0.3">
      <c r="A107100" s="13" t="s">
        <v>518</v>
      </c>
      <c r="B107100" s="14" t="s">
        <v>1</v>
      </c>
      <c r="C107100" s="14" t="s">
        <v>109</v>
      </c>
      <c r="D107100" s="14" t="s">
        <v>389</v>
      </c>
      <c r="E107100" s="15">
        <v>45531</v>
      </c>
      <c r="F107100" s="14" t="s">
        <v>61</v>
      </c>
      <c r="G107100" s="16">
        <v>7.3068762206926596E-2</v>
      </c>
    </row>
    <row r="107101" spans="1:7" x14ac:dyDescent="0.3">
      <c r="A107101" s="13" t="s">
        <v>518</v>
      </c>
      <c r="B107101" s="14" t="s">
        <v>1</v>
      </c>
      <c r="C107101" s="14" t="s">
        <v>109</v>
      </c>
      <c r="D107101" s="14" t="s">
        <v>389</v>
      </c>
      <c r="E107101" s="15">
        <v>45532</v>
      </c>
      <c r="F107101" s="14" t="s">
        <v>61</v>
      </c>
      <c r="G107101" s="16">
        <v>8.368814954032254E-2</v>
      </c>
    </row>
    <row r="107102" spans="1:7" x14ac:dyDescent="0.3">
      <c r="A107102" s="13" t="s">
        <v>518</v>
      </c>
      <c r="B107102" s="14" t="s">
        <v>1</v>
      </c>
      <c r="C107102" s="14" t="s">
        <v>109</v>
      </c>
      <c r="D107102" s="14" t="s">
        <v>389</v>
      </c>
      <c r="E107102" s="15">
        <v>45533</v>
      </c>
      <c r="F107102" s="14" t="s">
        <v>61</v>
      </c>
      <c r="G107102" s="16">
        <v>9.5820883810821197E-2</v>
      </c>
    </row>
    <row r="107103" spans="1:7" x14ac:dyDescent="0.3">
      <c r="A107103" s="13" t="s">
        <v>518</v>
      </c>
      <c r="B107103" s="14" t="s">
        <v>1</v>
      </c>
      <c r="C107103" s="14" t="s">
        <v>109</v>
      </c>
      <c r="D107103" s="14" t="s">
        <v>389</v>
      </c>
      <c r="E107103" s="15">
        <v>45534</v>
      </c>
      <c r="F107103" s="14" t="s">
        <v>61</v>
      </c>
      <c r="G107103" s="16">
        <v>9.4277183834685016E-2</v>
      </c>
    </row>
    <row r="107104" spans="1:7" x14ac:dyDescent="0.3">
      <c r="A107104" s="13" t="s">
        <v>518</v>
      </c>
      <c r="B107104" s="14" t="s">
        <v>1</v>
      </c>
      <c r="C107104" s="14" t="s">
        <v>109</v>
      </c>
      <c r="D107104" s="14" t="s">
        <v>389</v>
      </c>
      <c r="E107104" s="15">
        <v>45535</v>
      </c>
      <c r="F107104" s="14" t="s">
        <v>61</v>
      </c>
      <c r="G107104" s="16">
        <v>9.4277183834685016E-2</v>
      </c>
    </row>
    <row r="107105" spans="1:7" x14ac:dyDescent="0.3">
      <c r="A107105" s="13" t="s">
        <v>518</v>
      </c>
      <c r="B107105" s="14" t="s">
        <v>1</v>
      </c>
      <c r="C107105" s="14" t="s">
        <v>109</v>
      </c>
      <c r="D107105" s="14" t="s">
        <v>389</v>
      </c>
      <c r="E107105" s="15">
        <v>45536</v>
      </c>
      <c r="F107105" s="14" t="s">
        <v>61</v>
      </c>
      <c r="G107105" s="16">
        <v>9.4277183834685016E-2</v>
      </c>
    </row>
    <row r="107106" spans="1:7" x14ac:dyDescent="0.3">
      <c r="A107106" s="13" t="s">
        <v>518</v>
      </c>
      <c r="B107106" s="14" t="s">
        <v>1</v>
      </c>
      <c r="C107106" s="14" t="s">
        <v>109</v>
      </c>
      <c r="D107106" s="14" t="s">
        <v>389</v>
      </c>
      <c r="E107106" s="15">
        <v>45537</v>
      </c>
      <c r="F107106" s="14" t="s">
        <v>61</v>
      </c>
      <c r="G107106" s="16">
        <v>9.227437548146776E-2</v>
      </c>
    </row>
    <row r="107107" spans="1:7" x14ac:dyDescent="0.3">
      <c r="A107107" s="13" t="s">
        <v>518</v>
      </c>
      <c r="B107107" s="14" t="s">
        <v>1</v>
      </c>
      <c r="C107107" s="14" t="s">
        <v>109</v>
      </c>
      <c r="D107107" s="14" t="s">
        <v>389</v>
      </c>
      <c r="E107107" s="15">
        <v>45538</v>
      </c>
      <c r="F107107" s="14" t="s">
        <v>61</v>
      </c>
      <c r="G107107" s="16">
        <v>8.7037976298718692E-2</v>
      </c>
    </row>
    <row r="107108" spans="1:7" x14ac:dyDescent="0.3">
      <c r="A107108" s="13" t="s">
        <v>518</v>
      </c>
      <c r="B107108" s="14" t="s">
        <v>1</v>
      </c>
      <c r="C107108" s="14" t="s">
        <v>109</v>
      </c>
      <c r="D107108" s="14" t="s">
        <v>389</v>
      </c>
      <c r="E107108" s="15">
        <v>45539</v>
      </c>
      <c r="F107108" s="14" t="s">
        <v>61</v>
      </c>
      <c r="G107108" s="16">
        <v>8.632101993027784E-2</v>
      </c>
    </row>
    <row r="107109" spans="1:7" x14ac:dyDescent="0.3">
      <c r="A107109" s="13" t="s">
        <v>518</v>
      </c>
      <c r="B107109" s="14" t="s">
        <v>1</v>
      </c>
      <c r="C107109" s="14" t="s">
        <v>109</v>
      </c>
      <c r="D107109" s="14" t="s">
        <v>389</v>
      </c>
      <c r="E107109" s="15">
        <v>45540</v>
      </c>
      <c r="F107109" s="14" t="s">
        <v>61</v>
      </c>
      <c r="G107109" s="16">
        <v>8.4312659860605779E-2</v>
      </c>
    </row>
    <row r="107110" spans="1:7" x14ac:dyDescent="0.3">
      <c r="A107110" s="13" t="s">
        <v>518</v>
      </c>
      <c r="B107110" s="14" t="s">
        <v>1</v>
      </c>
      <c r="C107110" s="14" t="s">
        <v>109</v>
      </c>
      <c r="D107110" s="14" t="s">
        <v>389</v>
      </c>
      <c r="E107110" s="15">
        <v>45541</v>
      </c>
      <c r="F107110" s="14" t="s">
        <v>61</v>
      </c>
      <c r="G107110" s="16">
        <v>8.3128656385008215E-2</v>
      </c>
    </row>
    <row r="107111" spans="1:7" x14ac:dyDescent="0.3">
      <c r="A107111" s="13" t="s">
        <v>518</v>
      </c>
      <c r="B107111" s="14" t="s">
        <v>1</v>
      </c>
      <c r="C107111" s="14" t="s">
        <v>109</v>
      </c>
      <c r="D107111" s="14" t="s">
        <v>389</v>
      </c>
      <c r="E107111" s="15">
        <v>45542</v>
      </c>
      <c r="F107111" s="14" t="s">
        <v>61</v>
      </c>
      <c r="G107111" s="16">
        <v>8.3128656385008215E-2</v>
      </c>
    </row>
    <row r="107112" spans="1:7" x14ac:dyDescent="0.3">
      <c r="A107112" s="13" t="s">
        <v>518</v>
      </c>
      <c r="B107112" s="14" t="s">
        <v>1</v>
      </c>
      <c r="C107112" s="14" t="s">
        <v>109</v>
      </c>
      <c r="D107112" s="14" t="s">
        <v>389</v>
      </c>
      <c r="E107112" s="15">
        <v>45543</v>
      </c>
      <c r="F107112" s="14" t="s">
        <v>61</v>
      </c>
      <c r="G107112" s="16">
        <v>8.3128656385008215E-2</v>
      </c>
    </row>
    <row r="107113" spans="1:7" x14ac:dyDescent="0.3">
      <c r="A107113" s="13" t="s">
        <v>518</v>
      </c>
      <c r="B107113" s="14" t="s">
        <v>1</v>
      </c>
      <c r="C107113" s="14" t="s">
        <v>109</v>
      </c>
      <c r="D107113" s="14" t="s">
        <v>389</v>
      </c>
      <c r="E107113" s="15">
        <v>45544</v>
      </c>
      <c r="F107113" s="14" t="s">
        <v>61</v>
      </c>
      <c r="G107113" s="16">
        <v>8.6427326163002902E-2</v>
      </c>
    </row>
    <row r="107114" spans="1:7" x14ac:dyDescent="0.3">
      <c r="A107114" s="13" t="s">
        <v>518</v>
      </c>
      <c r="B107114" s="14" t="s">
        <v>1</v>
      </c>
      <c r="C107114" s="14" t="s">
        <v>109</v>
      </c>
      <c r="D107114" s="14" t="s">
        <v>389</v>
      </c>
      <c r="E107114" s="15">
        <v>45545</v>
      </c>
      <c r="F107114" s="14" t="s">
        <v>61</v>
      </c>
      <c r="G107114" s="16">
        <v>8.1411612624276583E-2</v>
      </c>
    </row>
    <row r="107115" spans="1:7" x14ac:dyDescent="0.3">
      <c r="A107115" s="13" t="s">
        <v>518</v>
      </c>
      <c r="B107115" s="14" t="s">
        <v>1</v>
      </c>
      <c r="C107115" s="14" t="s">
        <v>109</v>
      </c>
      <c r="D107115" s="14" t="s">
        <v>389</v>
      </c>
      <c r="E107115" s="15">
        <v>45546</v>
      </c>
      <c r="F107115" s="14" t="s">
        <v>61</v>
      </c>
      <c r="G107115" s="16">
        <v>7.9047184049757094E-2</v>
      </c>
    </row>
    <row r="107116" spans="1:7" x14ac:dyDescent="0.3">
      <c r="A107116" s="13" t="s">
        <v>518</v>
      </c>
      <c r="B107116" s="14" t="s">
        <v>1</v>
      </c>
      <c r="C107116" s="14" t="s">
        <v>109</v>
      </c>
      <c r="D107116" s="14" t="s">
        <v>389</v>
      </c>
      <c r="E107116" s="15">
        <v>45547</v>
      </c>
      <c r="F107116" s="14" t="s">
        <v>61</v>
      </c>
      <c r="G107116" s="16">
        <v>7.6877960989276947E-2</v>
      </c>
    </row>
    <row r="107117" spans="1:7" x14ac:dyDescent="0.3">
      <c r="A107117" s="13" t="s">
        <v>518</v>
      </c>
      <c r="B107117" s="14" t="s">
        <v>1</v>
      </c>
      <c r="C107117" s="14" t="s">
        <v>109</v>
      </c>
      <c r="D107117" s="14" t="s">
        <v>389</v>
      </c>
      <c r="E107117" s="15">
        <v>45548</v>
      </c>
      <c r="F107117" s="14" t="s">
        <v>61</v>
      </c>
      <c r="G107117" s="16">
        <v>7.5677425199264153E-2</v>
      </c>
    </row>
    <row r="107118" spans="1:7" x14ac:dyDescent="0.3">
      <c r="A107118" s="13" t="s">
        <v>518</v>
      </c>
      <c r="B107118" s="14" t="s">
        <v>1</v>
      </c>
      <c r="C107118" s="14" t="s">
        <v>109</v>
      </c>
      <c r="D107118" s="14" t="s">
        <v>389</v>
      </c>
      <c r="E107118" s="15">
        <v>45549</v>
      </c>
      <c r="F107118" s="14" t="s">
        <v>61</v>
      </c>
      <c r="G107118" s="16">
        <v>7.5677425199264153E-2</v>
      </c>
    </row>
    <row r="107119" spans="1:7" x14ac:dyDescent="0.3">
      <c r="A107119" s="13" t="s">
        <v>518</v>
      </c>
      <c r="B107119" s="14" t="s">
        <v>1</v>
      </c>
      <c r="C107119" s="14" t="s">
        <v>109</v>
      </c>
      <c r="D107119" s="14" t="s">
        <v>389</v>
      </c>
      <c r="E107119" s="15">
        <v>45550</v>
      </c>
      <c r="F107119" s="14" t="s">
        <v>61</v>
      </c>
      <c r="G107119" s="16">
        <v>7.5677425199264153E-2</v>
      </c>
    </row>
    <row r="107120" spans="1:7" x14ac:dyDescent="0.3">
      <c r="A107120" s="13" t="s">
        <v>518</v>
      </c>
      <c r="B107120" s="14" t="s">
        <v>1</v>
      </c>
      <c r="C107120" s="14" t="s">
        <v>109</v>
      </c>
      <c r="D107120" s="14" t="s">
        <v>389</v>
      </c>
      <c r="E107120" s="15">
        <v>45551</v>
      </c>
      <c r="F107120" s="14" t="s">
        <v>61</v>
      </c>
      <c r="G107120" s="16">
        <v>7.3866361529748709E-2</v>
      </c>
    </row>
    <row r="107121" spans="1:7" x14ac:dyDescent="0.3">
      <c r="A107121" s="13" t="s">
        <v>518</v>
      </c>
      <c r="B107121" s="14" t="s">
        <v>1</v>
      </c>
      <c r="C107121" s="14" t="s">
        <v>109</v>
      </c>
      <c r="D107121" s="14" t="s">
        <v>389</v>
      </c>
      <c r="E107121" s="15">
        <v>45552</v>
      </c>
      <c r="F107121" s="14" t="s">
        <v>61</v>
      </c>
      <c r="G107121" s="16">
        <v>6.8610815851998463E-2</v>
      </c>
    </row>
    <row r="107122" spans="1:7" x14ac:dyDescent="0.3">
      <c r="A107122" s="13" t="s">
        <v>518</v>
      </c>
      <c r="B107122" s="14" t="s">
        <v>1</v>
      </c>
      <c r="C107122" s="14" t="s">
        <v>109</v>
      </c>
      <c r="D107122" s="14" t="s">
        <v>389</v>
      </c>
      <c r="E107122" s="15">
        <v>45553</v>
      </c>
      <c r="F107122" s="14" t="s">
        <v>61</v>
      </c>
      <c r="G107122" s="16">
        <v>6.6973063372866473E-2</v>
      </c>
    </row>
    <row r="107123" spans="1:7" x14ac:dyDescent="0.3">
      <c r="A107123" s="13" t="s">
        <v>518</v>
      </c>
      <c r="B107123" s="14" t="s">
        <v>1</v>
      </c>
      <c r="C107123" s="14" t="s">
        <v>109</v>
      </c>
      <c r="D107123" s="14" t="s">
        <v>389</v>
      </c>
      <c r="E107123" s="15">
        <v>45554</v>
      </c>
      <c r="F107123" s="14" t="s">
        <v>61</v>
      </c>
      <c r="G107123" s="16">
        <v>6.4932261410039632E-2</v>
      </c>
    </row>
    <row r="107124" spans="1:7" x14ac:dyDescent="0.3">
      <c r="A107124" s="13" t="s">
        <v>518</v>
      </c>
      <c r="B107124" s="14" t="s">
        <v>1</v>
      </c>
      <c r="C107124" s="14" t="s">
        <v>109</v>
      </c>
      <c r="D107124" s="14" t="s">
        <v>389</v>
      </c>
      <c r="E107124" s="15">
        <v>45555</v>
      </c>
      <c r="F107124" s="14" t="s">
        <v>61</v>
      </c>
      <c r="G107124" s="16">
        <v>6.3145034988539031E-2</v>
      </c>
    </row>
    <row r="107125" spans="1:7" x14ac:dyDescent="0.3">
      <c r="A107125" s="13" t="s">
        <v>518</v>
      </c>
      <c r="B107125" s="14" t="s">
        <v>1</v>
      </c>
      <c r="C107125" s="14" t="s">
        <v>109</v>
      </c>
      <c r="D107125" s="14" t="s">
        <v>389</v>
      </c>
      <c r="E107125" s="15">
        <v>45556</v>
      </c>
      <c r="F107125" s="14" t="s">
        <v>61</v>
      </c>
      <c r="G107125" s="16">
        <v>6.3145034988539031E-2</v>
      </c>
    </row>
    <row r="107126" spans="1:7" x14ac:dyDescent="0.3">
      <c r="A107126" s="13" t="s">
        <v>518</v>
      </c>
      <c r="B107126" s="14" t="s">
        <v>1</v>
      </c>
      <c r="C107126" s="14" t="s">
        <v>109</v>
      </c>
      <c r="D107126" s="14" t="s">
        <v>389</v>
      </c>
      <c r="E107126" s="15">
        <v>45557</v>
      </c>
      <c r="F107126" s="14" t="s">
        <v>61</v>
      </c>
      <c r="G107126" s="16">
        <v>6.3145034988539031E-2</v>
      </c>
    </row>
    <row r="107127" spans="1:7" x14ac:dyDescent="0.3">
      <c r="A107127" s="13" t="s">
        <v>518</v>
      </c>
      <c r="B107127" s="14" t="s">
        <v>1</v>
      </c>
      <c r="C107127" s="14" t="s">
        <v>109</v>
      </c>
      <c r="D107127" s="14" t="s">
        <v>389</v>
      </c>
      <c r="E107127" s="15">
        <v>45558</v>
      </c>
      <c r="F107127" s="14" t="s">
        <v>61</v>
      </c>
      <c r="G107127" s="16">
        <v>6.1579081921012656E-2</v>
      </c>
    </row>
    <row r="107128" spans="1:7" x14ac:dyDescent="0.3">
      <c r="A107128" s="13" t="s">
        <v>518</v>
      </c>
      <c r="B107128" s="14" t="s">
        <v>1</v>
      </c>
      <c r="C107128" s="14" t="s">
        <v>109</v>
      </c>
      <c r="D107128" s="14" t="s">
        <v>389</v>
      </c>
      <c r="E107128" s="15">
        <v>45559</v>
      </c>
      <c r="F107128" s="14" t="s">
        <v>61</v>
      </c>
      <c r="G107128" s="16">
        <v>5.5795101768376619E-2</v>
      </c>
    </row>
    <row r="107129" spans="1:7" x14ac:dyDescent="0.3">
      <c r="A107129" s="13" t="s">
        <v>518</v>
      </c>
      <c r="B107129" s="14" t="s">
        <v>1</v>
      </c>
      <c r="C107129" s="14" t="s">
        <v>109</v>
      </c>
      <c r="D107129" s="14" t="s">
        <v>389</v>
      </c>
      <c r="E107129" s="15">
        <v>45560</v>
      </c>
      <c r="F107129" s="14" t="s">
        <v>61</v>
      </c>
      <c r="G107129" s="16">
        <v>5.4181495616306155E-2</v>
      </c>
    </row>
    <row r="107130" spans="1:7" x14ac:dyDescent="0.3">
      <c r="A107130" s="13" t="s">
        <v>518</v>
      </c>
      <c r="B107130" s="14" t="s">
        <v>1</v>
      </c>
      <c r="C107130" s="14" t="s">
        <v>109</v>
      </c>
      <c r="D107130" s="14" t="s">
        <v>389</v>
      </c>
      <c r="E107130" s="15">
        <v>45561</v>
      </c>
      <c r="F107130" s="14" t="s">
        <v>61</v>
      </c>
      <c r="G107130" s="16">
        <v>5.2138937292387486E-2</v>
      </c>
    </row>
    <row r="107131" spans="1:7" x14ac:dyDescent="0.3">
      <c r="A107131" s="13" t="s">
        <v>518</v>
      </c>
      <c r="B107131" s="14" t="s">
        <v>1</v>
      </c>
      <c r="C107131" s="14" t="s">
        <v>109</v>
      </c>
      <c r="D107131" s="14" t="s">
        <v>389</v>
      </c>
      <c r="E107131" s="15">
        <v>45562</v>
      </c>
      <c r="F107131" s="14" t="s">
        <v>61</v>
      </c>
      <c r="G107131" s="16">
        <v>5.1193705949470661E-2</v>
      </c>
    </row>
    <row r="107132" spans="1:7" x14ac:dyDescent="0.3">
      <c r="A107132" s="13" t="s">
        <v>518</v>
      </c>
      <c r="B107132" s="14" t="s">
        <v>1</v>
      </c>
      <c r="C107132" s="14" t="s">
        <v>109</v>
      </c>
      <c r="D107132" s="14" t="s">
        <v>389</v>
      </c>
      <c r="E107132" s="15">
        <v>45563</v>
      </c>
      <c r="F107132" s="14" t="s">
        <v>61</v>
      </c>
      <c r="G107132" s="16">
        <v>5.1193705949470661E-2</v>
      </c>
    </row>
    <row r="107133" spans="1:7" x14ac:dyDescent="0.3">
      <c r="A107133" s="13" t="s">
        <v>518</v>
      </c>
      <c r="B107133" s="14" t="s">
        <v>1</v>
      </c>
      <c r="C107133" s="14" t="s">
        <v>109</v>
      </c>
      <c r="D107133" s="14" t="s">
        <v>389</v>
      </c>
      <c r="E107133" s="15">
        <v>45564</v>
      </c>
      <c r="F107133" s="14" t="s">
        <v>61</v>
      </c>
      <c r="G107133" s="16">
        <v>5.1193705949470661E-2</v>
      </c>
    </row>
    <row r="107134" spans="1:7" x14ac:dyDescent="0.3">
      <c r="A107134" s="13" t="s">
        <v>518</v>
      </c>
      <c r="B107134" s="14" t="s">
        <v>1</v>
      </c>
      <c r="C107134" s="14" t="s">
        <v>109</v>
      </c>
      <c r="D107134" s="14" t="s">
        <v>389</v>
      </c>
      <c r="E107134" s="15">
        <v>45565</v>
      </c>
      <c r="F107134" s="14" t="s">
        <v>61</v>
      </c>
      <c r="G107134" s="16">
        <v>7.2657435671988416E-2</v>
      </c>
    </row>
    <row r="107135" spans="1:7" x14ac:dyDescent="0.3">
      <c r="A107135" s="13" t="s">
        <v>518</v>
      </c>
      <c r="B107135" s="14" t="s">
        <v>1</v>
      </c>
      <c r="C107135" s="14" t="s">
        <v>109</v>
      </c>
      <c r="D107135" s="14" t="s">
        <v>389</v>
      </c>
      <c r="E107135" s="15">
        <v>45566</v>
      </c>
      <c r="F107135" s="14" t="s">
        <v>61</v>
      </c>
      <c r="G107135" s="16">
        <v>6.9725238986697718E-2</v>
      </c>
    </row>
    <row r="107136" spans="1:7" x14ac:dyDescent="0.3">
      <c r="A107136" s="13" t="s">
        <v>518</v>
      </c>
      <c r="B107136" s="14" t="s">
        <v>1</v>
      </c>
      <c r="C107136" s="14" t="s">
        <v>109</v>
      </c>
      <c r="D107136" s="14" t="s">
        <v>389</v>
      </c>
      <c r="E107136" s="15">
        <v>45567</v>
      </c>
      <c r="F107136" s="14" t="s">
        <v>61</v>
      </c>
      <c r="G107136" s="16">
        <v>6.8193733928554712E-2</v>
      </c>
    </row>
    <row r="107137" spans="1:7" x14ac:dyDescent="0.3">
      <c r="A107137" s="13" t="s">
        <v>518</v>
      </c>
      <c r="B107137" s="14" t="s">
        <v>1</v>
      </c>
      <c r="C107137" s="14" t="s">
        <v>109</v>
      </c>
      <c r="D107137" s="14" t="s">
        <v>389</v>
      </c>
      <c r="E107137" s="15">
        <v>45568</v>
      </c>
      <c r="F107137" s="14" t="s">
        <v>61</v>
      </c>
      <c r="G107137" s="16">
        <v>6.6482886698363358E-2</v>
      </c>
    </row>
    <row r="107138" spans="1:7" x14ac:dyDescent="0.3">
      <c r="A107138" s="13" t="s">
        <v>518</v>
      </c>
      <c r="B107138" s="14" t="s">
        <v>1</v>
      </c>
      <c r="C107138" s="14" t="s">
        <v>109</v>
      </c>
      <c r="D107138" s="14" t="s">
        <v>389</v>
      </c>
      <c r="E107138" s="15">
        <v>45569</v>
      </c>
      <c r="F107138" s="14" t="s">
        <v>61</v>
      </c>
      <c r="G107138" s="16">
        <v>6.499560074121663E-2</v>
      </c>
    </row>
    <row r="107139" spans="1:7" x14ac:dyDescent="0.3">
      <c r="A107139" s="13" t="s">
        <v>518</v>
      </c>
      <c r="B107139" s="14" t="s">
        <v>1</v>
      </c>
      <c r="C107139" s="14" t="s">
        <v>109</v>
      </c>
      <c r="D107139" s="14" t="s">
        <v>389</v>
      </c>
      <c r="E107139" s="15">
        <v>45570</v>
      </c>
      <c r="F107139" s="14" t="s">
        <v>61</v>
      </c>
      <c r="G107139" s="16">
        <v>6.499560074121663E-2</v>
      </c>
    </row>
    <row r="107140" spans="1:7" x14ac:dyDescent="0.3">
      <c r="A107140" s="13" t="s">
        <v>518</v>
      </c>
      <c r="B107140" s="14" t="s">
        <v>1</v>
      </c>
      <c r="C107140" s="14" t="s">
        <v>109</v>
      </c>
      <c r="D107140" s="14" t="s">
        <v>389</v>
      </c>
      <c r="E107140" s="15">
        <v>45571</v>
      </c>
      <c r="F107140" s="14" t="s">
        <v>61</v>
      </c>
      <c r="G107140" s="16">
        <v>6.499560074121663E-2</v>
      </c>
    </row>
    <row r="107141" spans="1:7" x14ac:dyDescent="0.3">
      <c r="A107141" s="13" t="s">
        <v>518</v>
      </c>
      <c r="B107141" s="14" t="s">
        <v>1</v>
      </c>
      <c r="C107141" s="14" t="s">
        <v>109</v>
      </c>
      <c r="D107141" s="14" t="s">
        <v>389</v>
      </c>
      <c r="E107141" s="15">
        <v>45572</v>
      </c>
      <c r="F107141" s="14" t="s">
        <v>61</v>
      </c>
      <c r="G107141" s="16">
        <v>6.6958021207181972E-2</v>
      </c>
    </row>
    <row r="107142" spans="1:7" x14ac:dyDescent="0.3">
      <c r="A107142" s="13" t="s">
        <v>518</v>
      </c>
      <c r="B107142" s="14" t="s">
        <v>1</v>
      </c>
      <c r="C107142" s="14" t="s">
        <v>109</v>
      </c>
      <c r="D107142" s="14" t="s">
        <v>389</v>
      </c>
      <c r="E107142" s="15">
        <v>45573</v>
      </c>
      <c r="F107142" s="14" t="s">
        <v>61</v>
      </c>
      <c r="G107142" s="16">
        <v>6.1348683465920109E-2</v>
      </c>
    </row>
    <row r="107143" spans="1:7" x14ac:dyDescent="0.3">
      <c r="A107143" s="13" t="s">
        <v>518</v>
      </c>
      <c r="B107143" s="14" t="s">
        <v>1</v>
      </c>
      <c r="C107143" s="14" t="s">
        <v>109</v>
      </c>
      <c r="D107143" s="14" t="s">
        <v>389</v>
      </c>
      <c r="E107143" s="15">
        <v>45574</v>
      </c>
      <c r="F107143" s="14" t="s">
        <v>61</v>
      </c>
      <c r="G107143" s="16">
        <v>5.971396697605609E-2</v>
      </c>
    </row>
    <row r="107144" spans="1:7" x14ac:dyDescent="0.3">
      <c r="A107144" s="13" t="s">
        <v>518</v>
      </c>
      <c r="B107144" s="14" t="s">
        <v>1</v>
      </c>
      <c r="C107144" s="14" t="s">
        <v>109</v>
      </c>
      <c r="D107144" s="14" t="s">
        <v>389</v>
      </c>
      <c r="E107144" s="15">
        <v>45575</v>
      </c>
      <c r="F107144" s="14" t="s">
        <v>61</v>
      </c>
      <c r="G107144" s="16">
        <v>5.7855667193232187E-2</v>
      </c>
    </row>
    <row r="107145" spans="1:7" x14ac:dyDescent="0.3">
      <c r="A107145" s="13" t="s">
        <v>518</v>
      </c>
      <c r="B107145" s="14" t="s">
        <v>1</v>
      </c>
      <c r="C107145" s="14" t="s">
        <v>109</v>
      </c>
      <c r="D107145" s="14" t="s">
        <v>389</v>
      </c>
      <c r="E107145" s="15">
        <v>45576</v>
      </c>
      <c r="F107145" s="14" t="s">
        <v>61</v>
      </c>
      <c r="G107145" s="16">
        <v>5.5965526177536987E-2</v>
      </c>
    </row>
    <row r="107146" spans="1:7" x14ac:dyDescent="0.3">
      <c r="A107146" s="13" t="s">
        <v>518</v>
      </c>
      <c r="B107146" s="14" t="s">
        <v>1</v>
      </c>
      <c r="C107146" s="14" t="s">
        <v>109</v>
      </c>
      <c r="D107146" s="14" t="s">
        <v>389</v>
      </c>
      <c r="E107146" s="15">
        <v>45577</v>
      </c>
      <c r="F107146" s="14" t="s">
        <v>61</v>
      </c>
      <c r="G107146" s="16">
        <v>5.5965526177536987E-2</v>
      </c>
    </row>
    <row r="107147" spans="1:7" x14ac:dyDescent="0.3">
      <c r="A107147" s="13" t="s">
        <v>518</v>
      </c>
      <c r="B107147" s="14" t="s">
        <v>1</v>
      </c>
      <c r="C107147" s="14" t="s">
        <v>109</v>
      </c>
      <c r="D107147" s="14" t="s">
        <v>389</v>
      </c>
      <c r="E107147" s="15">
        <v>45578</v>
      </c>
      <c r="F107147" s="14" t="s">
        <v>61</v>
      </c>
      <c r="G107147" s="16">
        <v>5.5965526177536987E-2</v>
      </c>
    </row>
    <row r="107148" spans="1:7" x14ac:dyDescent="0.3">
      <c r="A107148" s="13" t="s">
        <v>518</v>
      </c>
      <c r="B107148" s="14" t="s">
        <v>1</v>
      </c>
      <c r="C107148" s="14" t="s">
        <v>109</v>
      </c>
      <c r="D107148" s="14" t="s">
        <v>389</v>
      </c>
      <c r="E107148" s="15">
        <v>45579</v>
      </c>
      <c r="F107148" s="14" t="s">
        <v>61</v>
      </c>
      <c r="G107148" s="16">
        <v>5.4963313922930135E-2</v>
      </c>
    </row>
    <row r="107149" spans="1:7" x14ac:dyDescent="0.3">
      <c r="A107149" s="13" t="s">
        <v>518</v>
      </c>
      <c r="B107149" s="14" t="s">
        <v>1</v>
      </c>
      <c r="C107149" s="14" t="s">
        <v>109</v>
      </c>
      <c r="D107149" s="14" t="s">
        <v>389</v>
      </c>
      <c r="E107149" s="15">
        <v>45580</v>
      </c>
      <c r="F107149" s="14" t="s">
        <v>61</v>
      </c>
      <c r="G107149" s="16">
        <v>4.9189331024149151E-2</v>
      </c>
    </row>
    <row r="107150" spans="1:7" x14ac:dyDescent="0.3">
      <c r="A107150" s="13" t="s">
        <v>518</v>
      </c>
      <c r="B107150" s="14" t="s">
        <v>1</v>
      </c>
      <c r="C107150" s="14" t="s">
        <v>109</v>
      </c>
      <c r="D107150" s="14" t="s">
        <v>389</v>
      </c>
      <c r="E107150" s="15">
        <v>45581</v>
      </c>
      <c r="F107150" s="14" t="s">
        <v>61</v>
      </c>
      <c r="G107150" s="16">
        <v>4.7371270664005739E-2</v>
      </c>
    </row>
    <row r="107151" spans="1:7" x14ac:dyDescent="0.3">
      <c r="A107151" s="13" t="s">
        <v>518</v>
      </c>
      <c r="B107151" s="14" t="s">
        <v>1</v>
      </c>
      <c r="C107151" s="14" t="s">
        <v>109</v>
      </c>
      <c r="D107151" s="14" t="s">
        <v>389</v>
      </c>
      <c r="E107151" s="15">
        <v>45582</v>
      </c>
      <c r="F107151" s="14" t="s">
        <v>61</v>
      </c>
      <c r="G107151" s="16">
        <v>4.5547542161878285E-2</v>
      </c>
    </row>
    <row r="107152" spans="1:7" x14ac:dyDescent="0.3">
      <c r="A107152" s="13" t="s">
        <v>518</v>
      </c>
      <c r="B107152" s="14" t="s">
        <v>1</v>
      </c>
      <c r="C107152" s="14" t="s">
        <v>109</v>
      </c>
      <c r="D107152" s="14" t="s">
        <v>389</v>
      </c>
      <c r="E107152" s="15">
        <v>45583</v>
      </c>
      <c r="F107152" s="14" t="s">
        <v>61</v>
      </c>
      <c r="G107152" s="16">
        <v>4.7742643552722903E-2</v>
      </c>
    </row>
    <row r="107153" spans="1:7" x14ac:dyDescent="0.3">
      <c r="A107153" s="13" t="s">
        <v>518</v>
      </c>
      <c r="B107153" s="14" t="s">
        <v>1</v>
      </c>
      <c r="C107153" s="14" t="s">
        <v>109</v>
      </c>
      <c r="D107153" s="14" t="s">
        <v>389</v>
      </c>
      <c r="E107153" s="15">
        <v>45584</v>
      </c>
      <c r="F107153" s="14" t="s">
        <v>61</v>
      </c>
      <c r="G107153" s="16">
        <v>4.7742643552722903E-2</v>
      </c>
    </row>
    <row r="107154" spans="1:7" x14ac:dyDescent="0.3">
      <c r="A107154" s="13" t="s">
        <v>518</v>
      </c>
      <c r="B107154" s="14" t="s">
        <v>1</v>
      </c>
      <c r="C107154" s="14" t="s">
        <v>109</v>
      </c>
      <c r="D107154" s="14" t="s">
        <v>389</v>
      </c>
      <c r="E107154" s="15">
        <v>45585</v>
      </c>
      <c r="F107154" s="14" t="s">
        <v>61</v>
      </c>
      <c r="G107154" s="16">
        <v>4.7742643552722903E-2</v>
      </c>
    </row>
    <row r="107155" spans="1:7" x14ac:dyDescent="0.3">
      <c r="A107155" s="13" t="s">
        <v>518</v>
      </c>
      <c r="B107155" s="14" t="s">
        <v>1</v>
      </c>
      <c r="C107155" s="14" t="s">
        <v>109</v>
      </c>
      <c r="D107155" s="14" t="s">
        <v>389</v>
      </c>
      <c r="E107155" s="15">
        <v>45586</v>
      </c>
      <c r="F107155" s="14" t="s">
        <v>61</v>
      </c>
      <c r="G107155" s="16">
        <v>4.6010443224295268E-2</v>
      </c>
    </row>
    <row r="107156" spans="1:7" x14ac:dyDescent="0.3">
      <c r="A107156" s="13" t="s">
        <v>518</v>
      </c>
      <c r="B107156" s="14" t="s">
        <v>1</v>
      </c>
      <c r="C107156" s="14" t="s">
        <v>109</v>
      </c>
      <c r="D107156" s="14" t="s">
        <v>389</v>
      </c>
      <c r="E107156" s="15">
        <v>45587</v>
      </c>
      <c r="F107156" s="14" t="s">
        <v>61</v>
      </c>
      <c r="G107156" s="16">
        <v>4.0218768754849435E-2</v>
      </c>
    </row>
    <row r="107157" spans="1:7" x14ac:dyDescent="0.3">
      <c r="A107157" s="13" t="s">
        <v>518</v>
      </c>
      <c r="B107157" s="14" t="s">
        <v>1</v>
      </c>
      <c r="C107157" s="14" t="s">
        <v>109</v>
      </c>
      <c r="D107157" s="14" t="s">
        <v>389</v>
      </c>
      <c r="E107157" s="15">
        <v>45588</v>
      </c>
      <c r="F107157" s="14" t="s">
        <v>61</v>
      </c>
      <c r="G107157" s="16">
        <v>3.8317721966256664E-2</v>
      </c>
    </row>
    <row r="107158" spans="1:7" x14ac:dyDescent="0.3">
      <c r="A107158" s="13" t="s">
        <v>518</v>
      </c>
      <c r="B107158" s="14" t="s">
        <v>1</v>
      </c>
      <c r="C107158" s="14" t="s">
        <v>109</v>
      </c>
      <c r="D107158" s="14" t="s">
        <v>389</v>
      </c>
      <c r="E107158" s="15">
        <v>45589</v>
      </c>
      <c r="F107158" s="14" t="s">
        <v>61</v>
      </c>
      <c r="G107158" s="16">
        <v>3.6264113036725741E-2</v>
      </c>
    </row>
    <row r="107159" spans="1:7" x14ac:dyDescent="0.3">
      <c r="A107159" s="13" t="s">
        <v>518</v>
      </c>
      <c r="B107159" s="14" t="s">
        <v>1</v>
      </c>
      <c r="C107159" s="14" t="s">
        <v>109</v>
      </c>
      <c r="D107159" s="14" t="s">
        <v>389</v>
      </c>
      <c r="E107159" s="15">
        <v>45590</v>
      </c>
      <c r="F107159" s="14" t="s">
        <v>61</v>
      </c>
      <c r="G107159" s="16">
        <v>3.4468005979811325E-2</v>
      </c>
    </row>
    <row r="107160" spans="1:7" x14ac:dyDescent="0.3">
      <c r="A107160" s="13" t="s">
        <v>518</v>
      </c>
      <c r="B107160" s="14" t="s">
        <v>1</v>
      </c>
      <c r="C107160" s="14" t="s">
        <v>109</v>
      </c>
      <c r="D107160" s="14" t="s">
        <v>389</v>
      </c>
      <c r="E107160" s="15">
        <v>45591</v>
      </c>
      <c r="F107160" s="14" t="s">
        <v>61</v>
      </c>
      <c r="G107160" s="16">
        <v>3.4468005979811325E-2</v>
      </c>
    </row>
    <row r="107161" spans="1:7" x14ac:dyDescent="0.3">
      <c r="A107161" s="13" t="s">
        <v>518</v>
      </c>
      <c r="B107161" s="14" t="s">
        <v>1</v>
      </c>
      <c r="C107161" s="14" t="s">
        <v>109</v>
      </c>
      <c r="D107161" s="14" t="s">
        <v>389</v>
      </c>
      <c r="E107161" s="15">
        <v>45592</v>
      </c>
      <c r="F107161" s="14" t="s">
        <v>61</v>
      </c>
      <c r="G107161" s="16">
        <v>3.4468005979811325E-2</v>
      </c>
    </row>
    <row r="107162" spans="1:7" x14ac:dyDescent="0.3">
      <c r="A107162" s="13" t="s">
        <v>518</v>
      </c>
      <c r="B107162" s="14" t="s">
        <v>1</v>
      </c>
      <c r="C107162" s="14" t="s">
        <v>109</v>
      </c>
      <c r="D107162" s="14" t="s">
        <v>389</v>
      </c>
      <c r="E107162" s="15">
        <v>45593</v>
      </c>
      <c r="F107162" s="14" t="s">
        <v>61</v>
      </c>
      <c r="G107162" s="16">
        <v>3.4468005979811325E-2</v>
      </c>
    </row>
    <row r="107163" spans="1:7" x14ac:dyDescent="0.3">
      <c r="A107163" s="13" t="s">
        <v>518</v>
      </c>
      <c r="B107163" s="14" t="s">
        <v>1</v>
      </c>
      <c r="C107163" s="14" t="s">
        <v>109</v>
      </c>
      <c r="D107163" s="14" t="s">
        <v>389</v>
      </c>
      <c r="E107163" s="15">
        <v>45594</v>
      </c>
      <c r="F107163" s="14" t="s">
        <v>61</v>
      </c>
      <c r="G107163" s="16">
        <v>3.323850958549493E-2</v>
      </c>
    </row>
    <row r="107164" spans="1:7" x14ac:dyDescent="0.3">
      <c r="A107164" s="13" t="s">
        <v>518</v>
      </c>
      <c r="B107164" s="14" t="s">
        <v>1</v>
      </c>
      <c r="C107164" s="14" t="s">
        <v>109</v>
      </c>
      <c r="D107164" s="14" t="s">
        <v>389</v>
      </c>
      <c r="E107164" s="15">
        <v>45595</v>
      </c>
      <c r="F107164" s="14" t="s">
        <v>61</v>
      </c>
      <c r="G107164" s="16">
        <v>2.705612473647076E-2</v>
      </c>
    </row>
    <row r="107165" spans="1:7" x14ac:dyDescent="0.3">
      <c r="A107165" s="13" t="s">
        <v>518</v>
      </c>
      <c r="B107165" s="14" t="s">
        <v>1</v>
      </c>
      <c r="C107165" s="14" t="s">
        <v>109</v>
      </c>
      <c r="D107165" s="14" t="s">
        <v>389</v>
      </c>
      <c r="E107165" s="15">
        <v>45596</v>
      </c>
      <c r="F107165" s="14" t="s">
        <v>61</v>
      </c>
      <c r="G107165" s="16">
        <v>2.5040378208245007E-2</v>
      </c>
    </row>
    <row r="107166" spans="1:7" x14ac:dyDescent="0.3">
      <c r="A107166" s="13" t="s">
        <v>518</v>
      </c>
      <c r="B107166" s="14" t="s">
        <v>1</v>
      </c>
      <c r="C107166" s="14" t="s">
        <v>109</v>
      </c>
      <c r="D107166" s="14" t="s">
        <v>389</v>
      </c>
      <c r="E107166" s="15">
        <v>45597</v>
      </c>
      <c r="F107166" s="14" t="s">
        <v>61</v>
      </c>
      <c r="G107166" s="16">
        <v>2.3197749772166432E-2</v>
      </c>
    </row>
    <row r="107167" spans="1:7" x14ac:dyDescent="0.3">
      <c r="A107167" s="13" t="s">
        <v>518</v>
      </c>
      <c r="B107167" s="14" t="s">
        <v>1</v>
      </c>
      <c r="C107167" s="14" t="s">
        <v>109</v>
      </c>
      <c r="D107167" s="14" t="s">
        <v>389</v>
      </c>
      <c r="E107167" s="15">
        <v>45598</v>
      </c>
      <c r="F107167" s="14" t="s">
        <v>61</v>
      </c>
      <c r="G107167" s="16">
        <v>2.3197749772166432E-2</v>
      </c>
    </row>
    <row r="107168" spans="1:7" x14ac:dyDescent="0.3">
      <c r="A107168" s="13" t="s">
        <v>518</v>
      </c>
      <c r="B107168" s="14" t="s">
        <v>1</v>
      </c>
      <c r="C107168" s="14" t="s">
        <v>109</v>
      </c>
      <c r="D107168" s="14" t="s">
        <v>389</v>
      </c>
      <c r="E107168" s="15">
        <v>45599</v>
      </c>
      <c r="F107168" s="14" t="s">
        <v>61</v>
      </c>
      <c r="G107168" s="16">
        <v>2.3197749772166432E-2</v>
      </c>
    </row>
    <row r="107169" spans="1:7" x14ac:dyDescent="0.3">
      <c r="A107169" s="13" t="s">
        <v>518</v>
      </c>
      <c r="B107169" s="14" t="s">
        <v>1</v>
      </c>
      <c r="C107169" s="14" t="s">
        <v>109</v>
      </c>
      <c r="D107169" s="14" t="s">
        <v>389</v>
      </c>
      <c r="E107169" s="15">
        <v>45600</v>
      </c>
      <c r="F107169" s="14" t="s">
        <v>61</v>
      </c>
      <c r="G107169" s="16">
        <v>2.0726503868279612E-2</v>
      </c>
    </row>
    <row r="107170" spans="1:7" x14ac:dyDescent="0.3">
      <c r="A107170" s="13" t="s">
        <v>518</v>
      </c>
      <c r="B107170" s="14" t="s">
        <v>1</v>
      </c>
      <c r="C107170" s="14" t="s">
        <v>109</v>
      </c>
      <c r="D107170" s="14" t="s">
        <v>389</v>
      </c>
      <c r="E107170" s="15">
        <v>45601</v>
      </c>
      <c r="F107170" s="14" t="s">
        <v>61</v>
      </c>
      <c r="G107170" s="16">
        <v>1.3743918920987848E-2</v>
      </c>
    </row>
    <row r="107171" spans="1:7" x14ac:dyDescent="0.3">
      <c r="A107171" s="13" t="s">
        <v>518</v>
      </c>
      <c r="B107171" s="14" t="s">
        <v>1</v>
      </c>
      <c r="C107171" s="14" t="s">
        <v>109</v>
      </c>
      <c r="D107171" s="14" t="s">
        <v>389</v>
      </c>
      <c r="E107171" s="15">
        <v>45602</v>
      </c>
      <c r="F107171" s="14" t="s">
        <v>61</v>
      </c>
      <c r="G107171" s="16">
        <v>1.2027686100844575E-2</v>
      </c>
    </row>
    <row r="107172" spans="1:7" x14ac:dyDescent="0.3">
      <c r="A107172" s="13" t="s">
        <v>518</v>
      </c>
      <c r="B107172" s="14" t="s">
        <v>1</v>
      </c>
      <c r="C107172" s="14" t="s">
        <v>109</v>
      </c>
      <c r="D107172" s="14" t="s">
        <v>389</v>
      </c>
      <c r="E107172" s="15">
        <v>45603</v>
      </c>
      <c r="F107172" s="14" t="s">
        <v>61</v>
      </c>
      <c r="G107172" s="16">
        <v>9.9186367946554298E-3</v>
      </c>
    </row>
    <row r="107173" spans="1:7" x14ac:dyDescent="0.3">
      <c r="A107173" s="13" t="s">
        <v>518</v>
      </c>
      <c r="B107173" s="14" t="s">
        <v>1</v>
      </c>
      <c r="C107173" s="14" t="s">
        <v>109</v>
      </c>
      <c r="D107173" s="14" t="s">
        <v>389</v>
      </c>
      <c r="E107173" s="15">
        <v>45604</v>
      </c>
      <c r="F107173" s="14" t="s">
        <v>61</v>
      </c>
      <c r="G107173" s="16">
        <v>8.020939338732944E-3</v>
      </c>
    </row>
    <row r="107174" spans="1:7" x14ac:dyDescent="0.3">
      <c r="A107174" s="13" t="s">
        <v>518</v>
      </c>
      <c r="B107174" s="14" t="s">
        <v>1</v>
      </c>
      <c r="C107174" s="14" t="s">
        <v>109</v>
      </c>
      <c r="D107174" s="14" t="s">
        <v>389</v>
      </c>
      <c r="E107174" s="15">
        <v>45605</v>
      </c>
      <c r="F107174" s="14" t="s">
        <v>61</v>
      </c>
      <c r="G107174" s="16">
        <v>8.020939338732944E-3</v>
      </c>
    </row>
    <row r="107175" spans="1:7" x14ac:dyDescent="0.3">
      <c r="A107175" s="13" t="s">
        <v>518</v>
      </c>
      <c r="B107175" s="14" t="s">
        <v>1</v>
      </c>
      <c r="C107175" s="14" t="s">
        <v>109</v>
      </c>
      <c r="D107175" s="14" t="s">
        <v>389</v>
      </c>
      <c r="E107175" s="15">
        <v>45606</v>
      </c>
      <c r="F107175" s="14" t="s">
        <v>61</v>
      </c>
      <c r="G107175" s="16">
        <v>8.020939338732944E-3</v>
      </c>
    </row>
    <row r="107176" spans="1:7" x14ac:dyDescent="0.3">
      <c r="A107176" s="13" t="s">
        <v>518</v>
      </c>
      <c r="B107176" s="14" t="s">
        <v>1</v>
      </c>
      <c r="C107176" s="14" t="s">
        <v>109</v>
      </c>
      <c r="D107176" s="14" t="s">
        <v>389</v>
      </c>
      <c r="E107176" s="15">
        <v>45607</v>
      </c>
      <c r="F107176" s="14" t="s">
        <v>61</v>
      </c>
      <c r="G107176" s="16">
        <v>6.01528040588163E-3</v>
      </c>
    </row>
    <row r="107177" spans="1:7" x14ac:dyDescent="0.3">
      <c r="A107177" s="13" t="s">
        <v>518</v>
      </c>
      <c r="B107177" s="14" t="s">
        <v>1</v>
      </c>
      <c r="C107177" s="14" t="s">
        <v>109</v>
      </c>
      <c r="D107177" s="14" t="s">
        <v>389</v>
      </c>
      <c r="E107177" s="15">
        <v>45608</v>
      </c>
      <c r="F107177" s="14" t="s">
        <v>61</v>
      </c>
      <c r="G107177" s="16">
        <v>0</v>
      </c>
    </row>
    <row r="107178" spans="1:7" x14ac:dyDescent="0.3">
      <c r="A107178" s="13" t="s">
        <v>518</v>
      </c>
      <c r="B107178" s="14" t="s">
        <v>1</v>
      </c>
      <c r="C107178" s="14" t="s">
        <v>109</v>
      </c>
      <c r="D107178" s="14" t="s">
        <v>389</v>
      </c>
      <c r="E107178" s="15">
        <v>45609</v>
      </c>
      <c r="F107178" s="14" t="s">
        <v>61</v>
      </c>
      <c r="G107178" s="16">
        <v>0</v>
      </c>
    </row>
    <row r="107179" spans="1:7" x14ac:dyDescent="0.3">
      <c r="A107179" s="13" t="s">
        <v>518</v>
      </c>
      <c r="B107179" s="14" t="s">
        <v>1</v>
      </c>
      <c r="C107179" s="14" t="s">
        <v>109</v>
      </c>
      <c r="D107179" s="14" t="s">
        <v>389</v>
      </c>
      <c r="E107179" s="15">
        <v>45610</v>
      </c>
      <c r="F107179" s="14" t="s">
        <v>61</v>
      </c>
      <c r="G107179" s="16">
        <v>0</v>
      </c>
    </row>
    <row r="107180" spans="1:7" x14ac:dyDescent="0.3">
      <c r="A107180" s="13" t="s">
        <v>518</v>
      </c>
      <c r="B107180" s="14" t="s">
        <v>1</v>
      </c>
      <c r="C107180" s="14" t="s">
        <v>109</v>
      </c>
      <c r="D107180" s="14" t="s">
        <v>389</v>
      </c>
      <c r="E107180" s="15">
        <v>45611</v>
      </c>
      <c r="F107180" s="14" t="s">
        <v>61</v>
      </c>
      <c r="G107180" s="16">
        <v>0</v>
      </c>
    </row>
    <row r="107181" spans="1:7" x14ac:dyDescent="0.3">
      <c r="A107181" s="13" t="s">
        <v>518</v>
      </c>
      <c r="B107181" s="14" t="s">
        <v>1</v>
      </c>
      <c r="C107181" s="14" t="s">
        <v>109</v>
      </c>
      <c r="D107181" s="14" t="s">
        <v>389</v>
      </c>
      <c r="E107181" s="15">
        <v>45612</v>
      </c>
      <c r="F107181" s="14" t="s">
        <v>61</v>
      </c>
      <c r="G107181" s="16">
        <v>0</v>
      </c>
    </row>
    <row r="107182" spans="1:7" x14ac:dyDescent="0.3">
      <c r="A107182" s="13" t="s">
        <v>518</v>
      </c>
      <c r="B107182" s="14" t="s">
        <v>1</v>
      </c>
      <c r="C107182" s="14" t="s">
        <v>109</v>
      </c>
      <c r="D107182" s="14" t="s">
        <v>389</v>
      </c>
      <c r="E107182" s="15">
        <v>45613</v>
      </c>
      <c r="F107182" s="14" t="s">
        <v>61</v>
      </c>
      <c r="G107182" s="16">
        <v>0</v>
      </c>
    </row>
    <row r="107183" spans="1:7" x14ac:dyDescent="0.3">
      <c r="A107183" s="13" t="s">
        <v>518</v>
      </c>
      <c r="B107183" s="14" t="s">
        <v>1</v>
      </c>
      <c r="C107183" s="14" t="s">
        <v>109</v>
      </c>
      <c r="D107183" s="14" t="s">
        <v>389</v>
      </c>
      <c r="E107183" s="15">
        <v>45614</v>
      </c>
      <c r="F107183" s="14" t="s">
        <v>61</v>
      </c>
      <c r="G107183" s="16">
        <v>0</v>
      </c>
    </row>
    <row r="107184" spans="1:7" x14ac:dyDescent="0.3">
      <c r="A107184" s="13" t="s">
        <v>518</v>
      </c>
      <c r="B107184" s="14" t="s">
        <v>1</v>
      </c>
      <c r="C107184" s="14" t="s">
        <v>109</v>
      </c>
      <c r="D107184" s="14" t="s">
        <v>389</v>
      </c>
      <c r="E107184" s="15">
        <v>45615</v>
      </c>
      <c r="F107184" s="14" t="s">
        <v>61</v>
      </c>
      <c r="G107184" s="16">
        <v>0</v>
      </c>
    </row>
    <row r="107185" spans="1:7" x14ac:dyDescent="0.3">
      <c r="A107185" s="13" t="s">
        <v>518</v>
      </c>
      <c r="B107185" s="14" t="s">
        <v>1</v>
      </c>
      <c r="C107185" s="14" t="s">
        <v>109</v>
      </c>
      <c r="D107185" s="14" t="s">
        <v>389</v>
      </c>
      <c r="E107185" s="15">
        <v>45616</v>
      </c>
      <c r="F107185" s="14" t="s">
        <v>61</v>
      </c>
      <c r="G107185" s="16">
        <v>0</v>
      </c>
    </row>
    <row r="107186" spans="1:7" x14ac:dyDescent="0.3">
      <c r="A107186" s="13" t="s">
        <v>518</v>
      </c>
      <c r="B107186" s="14" t="s">
        <v>1</v>
      </c>
      <c r="C107186" s="14" t="s">
        <v>109</v>
      </c>
      <c r="D107186" s="14" t="s">
        <v>389</v>
      </c>
      <c r="E107186" s="15">
        <v>45617</v>
      </c>
      <c r="F107186" s="14" t="s">
        <v>61</v>
      </c>
      <c r="G107186" s="16">
        <v>9.4008497836726018E-3</v>
      </c>
    </row>
    <row r="107187" spans="1:7" x14ac:dyDescent="0.3">
      <c r="A107187" s="13" t="s">
        <v>518</v>
      </c>
      <c r="B107187" s="14" t="s">
        <v>1</v>
      </c>
      <c r="C107187" s="14" t="s">
        <v>109</v>
      </c>
      <c r="D107187" s="14" t="s">
        <v>389</v>
      </c>
      <c r="E107187" s="15">
        <v>45618</v>
      </c>
      <c r="F107187" s="14" t="s">
        <v>61</v>
      </c>
      <c r="G107187" s="16">
        <v>9.3975857323669639E-3</v>
      </c>
    </row>
    <row r="107188" spans="1:7" x14ac:dyDescent="0.3">
      <c r="A107188" s="13" t="s">
        <v>518</v>
      </c>
      <c r="B107188" s="14" t="s">
        <v>1</v>
      </c>
      <c r="C107188" s="14" t="s">
        <v>109</v>
      </c>
      <c r="D107188" s="14" t="s">
        <v>389</v>
      </c>
      <c r="E107188" s="15">
        <v>45619</v>
      </c>
      <c r="F107188" s="14" t="s">
        <v>61</v>
      </c>
      <c r="G107188" s="16">
        <v>9.3975857323669639E-3</v>
      </c>
    </row>
    <row r="107189" spans="1:7" x14ac:dyDescent="0.3">
      <c r="A107189" s="13" t="s">
        <v>518</v>
      </c>
      <c r="B107189" s="14" t="s">
        <v>1</v>
      </c>
      <c r="C107189" s="14" t="s">
        <v>109</v>
      </c>
      <c r="D107189" s="14" t="s">
        <v>389</v>
      </c>
      <c r="E107189" s="15">
        <v>45620</v>
      </c>
      <c r="F107189" s="14" t="s">
        <v>61</v>
      </c>
      <c r="G107189" s="16">
        <v>9.3975857323669639E-3</v>
      </c>
    </row>
    <row r="107190" spans="1:7" x14ac:dyDescent="0.3">
      <c r="A107190" s="13" t="s">
        <v>518</v>
      </c>
      <c r="B107190" s="14" t="s">
        <v>1</v>
      </c>
      <c r="C107190" s="14" t="s">
        <v>109</v>
      </c>
      <c r="D107190" s="14" t="s">
        <v>389</v>
      </c>
      <c r="E107190" s="15">
        <v>45621</v>
      </c>
      <c r="F107190" s="14" t="s">
        <v>61</v>
      </c>
      <c r="G107190" s="16">
        <v>7.9468849949597409E-3</v>
      </c>
    </row>
    <row r="107191" spans="1:7" x14ac:dyDescent="0.3">
      <c r="A107191" s="13" t="s">
        <v>518</v>
      </c>
      <c r="B107191" s="14" t="s">
        <v>1</v>
      </c>
      <c r="C107191" s="14" t="s">
        <v>109</v>
      </c>
      <c r="D107191" s="14" t="s">
        <v>389</v>
      </c>
      <c r="E107191" s="15">
        <v>45622</v>
      </c>
      <c r="F107191" s="14" t="s">
        <v>61</v>
      </c>
      <c r="G107191" s="16">
        <v>1.735195852081203E-3</v>
      </c>
    </row>
    <row r="107192" spans="1:7" x14ac:dyDescent="0.3">
      <c r="A107192" s="13" t="s">
        <v>518</v>
      </c>
      <c r="B107192" s="14" t="s">
        <v>1</v>
      </c>
      <c r="C107192" s="14" t="s">
        <v>109</v>
      </c>
      <c r="D107192" s="14" t="s">
        <v>389</v>
      </c>
      <c r="E107192" s="15">
        <v>45623</v>
      </c>
      <c r="F107192" s="14" t="s">
        <v>61</v>
      </c>
      <c r="G107192" s="16">
        <v>0</v>
      </c>
    </row>
    <row r="107193" spans="1:7" x14ac:dyDescent="0.3">
      <c r="A107193" s="13" t="s">
        <v>518</v>
      </c>
      <c r="B107193" s="14" t="s">
        <v>1</v>
      </c>
      <c r="C107193" s="14" t="s">
        <v>109</v>
      </c>
      <c r="D107193" s="14" t="s">
        <v>389</v>
      </c>
      <c r="E107193" s="15">
        <v>45624</v>
      </c>
      <c r="F107193" s="14" t="s">
        <v>61</v>
      </c>
      <c r="G107193" s="16">
        <v>0</v>
      </c>
    </row>
    <row r="107194" spans="1:7" x14ac:dyDescent="0.3">
      <c r="A107194" s="13" t="s">
        <v>518</v>
      </c>
      <c r="B107194" s="14" t="s">
        <v>1</v>
      </c>
      <c r="C107194" s="14" t="s">
        <v>109</v>
      </c>
      <c r="D107194" s="14" t="s">
        <v>389</v>
      </c>
      <c r="E107194" s="15">
        <v>45625</v>
      </c>
      <c r="F107194" s="14" t="s">
        <v>61</v>
      </c>
      <c r="G107194" s="16">
        <v>0</v>
      </c>
    </row>
    <row r="107195" spans="1:7" x14ac:dyDescent="0.3">
      <c r="A107195" s="13" t="s">
        <v>518</v>
      </c>
      <c r="B107195" s="14" t="s">
        <v>1</v>
      </c>
      <c r="C107195" s="14" t="s">
        <v>109</v>
      </c>
      <c r="D107195" s="14" t="s">
        <v>389</v>
      </c>
      <c r="E107195" s="15">
        <v>45626</v>
      </c>
      <c r="F107195" s="14" t="s">
        <v>61</v>
      </c>
      <c r="G107195" s="16">
        <v>0</v>
      </c>
    </row>
    <row r="107196" spans="1:7" x14ac:dyDescent="0.3">
      <c r="A107196" s="13" t="s">
        <v>518</v>
      </c>
      <c r="B107196" s="14" t="s">
        <v>1</v>
      </c>
      <c r="C107196" s="14" t="s">
        <v>109</v>
      </c>
      <c r="D107196" s="14" t="s">
        <v>389</v>
      </c>
      <c r="E107196" s="15">
        <v>45627</v>
      </c>
      <c r="F107196" s="14" t="s">
        <v>61</v>
      </c>
      <c r="G107196" s="16">
        <v>0</v>
      </c>
    </row>
    <row r="107197" spans="1:7" x14ac:dyDescent="0.3">
      <c r="A107197" s="13" t="s">
        <v>518</v>
      </c>
      <c r="B107197" s="14" t="s">
        <v>1</v>
      </c>
      <c r="C107197" s="14" t="s">
        <v>109</v>
      </c>
      <c r="D107197" s="14" t="s">
        <v>389</v>
      </c>
      <c r="E107197" s="15">
        <v>45628</v>
      </c>
      <c r="F107197" s="14" t="s">
        <v>61</v>
      </c>
      <c r="G107197" s="16">
        <v>0</v>
      </c>
    </row>
    <row r="107198" spans="1:7" x14ac:dyDescent="0.3">
      <c r="A107198" s="13" t="s">
        <v>518</v>
      </c>
      <c r="B107198" s="14" t="s">
        <v>1</v>
      </c>
      <c r="C107198" s="14" t="s">
        <v>109</v>
      </c>
      <c r="D107198" s="14" t="s">
        <v>389</v>
      </c>
      <c r="E107198" s="15">
        <v>45629</v>
      </c>
      <c r="F107198" s="14" t="s">
        <v>61</v>
      </c>
      <c r="G107198" s="16">
        <v>0</v>
      </c>
    </row>
    <row r="107199" spans="1:7" x14ac:dyDescent="0.3">
      <c r="A107199" s="13" t="s">
        <v>518</v>
      </c>
      <c r="B107199" s="14" t="s">
        <v>1</v>
      </c>
      <c r="C107199" s="14" t="s">
        <v>109</v>
      </c>
      <c r="D107199" s="14" t="s">
        <v>389</v>
      </c>
      <c r="E107199" s="15">
        <v>45630</v>
      </c>
      <c r="F107199" s="14" t="s">
        <v>61</v>
      </c>
      <c r="G107199" s="16">
        <v>0</v>
      </c>
    </row>
    <row r="107200" spans="1:7" x14ac:dyDescent="0.3">
      <c r="A107200" s="13" t="s">
        <v>518</v>
      </c>
      <c r="B107200" s="14" t="s">
        <v>1</v>
      </c>
      <c r="C107200" s="14" t="s">
        <v>109</v>
      </c>
      <c r="D107200" s="14" t="s">
        <v>389</v>
      </c>
      <c r="E107200" s="15">
        <v>45631</v>
      </c>
      <c r="F107200" s="14" t="s">
        <v>61</v>
      </c>
      <c r="G107200" s="16">
        <v>0</v>
      </c>
    </row>
    <row r="107201" spans="1:7" x14ac:dyDescent="0.3">
      <c r="A107201" s="13" t="s">
        <v>518</v>
      </c>
      <c r="B107201" s="14" t="s">
        <v>1</v>
      </c>
      <c r="C107201" s="14" t="s">
        <v>109</v>
      </c>
      <c r="D107201" s="14" t="s">
        <v>389</v>
      </c>
      <c r="E107201" s="15">
        <v>45632</v>
      </c>
      <c r="F107201" s="14" t="s">
        <v>61</v>
      </c>
      <c r="G107201" s="16">
        <v>0</v>
      </c>
    </row>
    <row r="107202" spans="1:7" x14ac:dyDescent="0.3">
      <c r="A107202" s="13" t="s">
        <v>518</v>
      </c>
      <c r="B107202" s="14" t="s">
        <v>1</v>
      </c>
      <c r="C107202" s="14" t="s">
        <v>109</v>
      </c>
      <c r="D107202" s="14" t="s">
        <v>389</v>
      </c>
      <c r="E107202" s="15">
        <v>45633</v>
      </c>
      <c r="F107202" s="14" t="s">
        <v>61</v>
      </c>
      <c r="G107202" s="16">
        <v>0</v>
      </c>
    </row>
    <row r="107203" spans="1:7" x14ac:dyDescent="0.3">
      <c r="A107203" s="13" t="s">
        <v>518</v>
      </c>
      <c r="B107203" s="14" t="s">
        <v>1</v>
      </c>
      <c r="C107203" s="14" t="s">
        <v>109</v>
      </c>
      <c r="D107203" s="14" t="s">
        <v>389</v>
      </c>
      <c r="E107203" s="15">
        <v>45634</v>
      </c>
      <c r="F107203" s="14" t="s">
        <v>61</v>
      </c>
      <c r="G107203" s="16">
        <v>0</v>
      </c>
    </row>
    <row r="107204" spans="1:7" x14ac:dyDescent="0.3">
      <c r="A107204" s="13" t="s">
        <v>518</v>
      </c>
      <c r="B107204" s="14" t="s">
        <v>1</v>
      </c>
      <c r="C107204" s="14" t="s">
        <v>109</v>
      </c>
      <c r="D107204" s="14" t="s">
        <v>389</v>
      </c>
      <c r="E107204" s="15">
        <v>45635</v>
      </c>
      <c r="F107204" s="14" t="s">
        <v>61</v>
      </c>
      <c r="G107204" s="16">
        <v>0</v>
      </c>
    </row>
    <row r="107205" spans="1:7" x14ac:dyDescent="0.3">
      <c r="A107205" s="13" t="s">
        <v>518</v>
      </c>
      <c r="B107205" s="14" t="s">
        <v>1</v>
      </c>
      <c r="C107205" s="14" t="s">
        <v>109</v>
      </c>
      <c r="D107205" s="14" t="s">
        <v>389</v>
      </c>
      <c r="E107205" s="15">
        <v>45636</v>
      </c>
      <c r="F107205" s="14" t="s">
        <v>61</v>
      </c>
      <c r="G107205" s="16">
        <v>0</v>
      </c>
    </row>
    <row r="107206" spans="1:7" x14ac:dyDescent="0.3">
      <c r="A107206" s="13" t="s">
        <v>518</v>
      </c>
      <c r="B107206" s="14" t="s">
        <v>1</v>
      </c>
      <c r="C107206" s="14" t="s">
        <v>109</v>
      </c>
      <c r="D107206" s="14" t="s">
        <v>389</v>
      </c>
      <c r="E107206" s="15">
        <v>45637</v>
      </c>
      <c r="F107206" s="14" t="s">
        <v>61</v>
      </c>
      <c r="G107206" s="16">
        <v>0</v>
      </c>
    </row>
    <row r="107207" spans="1:7" x14ac:dyDescent="0.3">
      <c r="A107207" s="13" t="s">
        <v>518</v>
      </c>
      <c r="B107207" s="14" t="s">
        <v>1</v>
      </c>
      <c r="C107207" s="14" t="s">
        <v>109</v>
      </c>
      <c r="D107207" s="14" t="s">
        <v>389</v>
      </c>
      <c r="E107207" s="15">
        <v>45638</v>
      </c>
      <c r="F107207" s="14" t="s">
        <v>61</v>
      </c>
      <c r="G107207" s="16">
        <v>0</v>
      </c>
    </row>
    <row r="107208" spans="1:7" x14ac:dyDescent="0.3">
      <c r="A107208" s="13" t="s">
        <v>518</v>
      </c>
      <c r="B107208" s="14" t="s">
        <v>1</v>
      </c>
      <c r="C107208" s="14" t="s">
        <v>109</v>
      </c>
      <c r="D107208" s="14" t="s">
        <v>389</v>
      </c>
      <c r="E107208" s="15">
        <v>45639</v>
      </c>
      <c r="F107208" s="14" t="s">
        <v>61</v>
      </c>
      <c r="G107208" s="16">
        <v>0</v>
      </c>
    </row>
    <row r="107209" spans="1:7" x14ac:dyDescent="0.3">
      <c r="A107209" s="13" t="s">
        <v>518</v>
      </c>
      <c r="B107209" s="14" t="s">
        <v>1</v>
      </c>
      <c r="C107209" s="14" t="s">
        <v>109</v>
      </c>
      <c r="D107209" s="14" t="s">
        <v>389</v>
      </c>
      <c r="E107209" s="15">
        <v>45640</v>
      </c>
      <c r="F107209" s="14" t="s">
        <v>61</v>
      </c>
      <c r="G107209" s="16">
        <v>0</v>
      </c>
    </row>
    <row r="107210" spans="1:7" x14ac:dyDescent="0.3">
      <c r="A107210" s="13" t="s">
        <v>518</v>
      </c>
      <c r="B107210" s="14" t="s">
        <v>1</v>
      </c>
      <c r="C107210" s="14" t="s">
        <v>109</v>
      </c>
      <c r="D107210" s="14" t="s">
        <v>389</v>
      </c>
      <c r="E107210" s="15">
        <v>45641</v>
      </c>
      <c r="F107210" s="14" t="s">
        <v>61</v>
      </c>
      <c r="G107210" s="16">
        <v>0</v>
      </c>
    </row>
    <row r="107211" spans="1:7" x14ac:dyDescent="0.3">
      <c r="A107211" s="13" t="s">
        <v>518</v>
      </c>
      <c r="B107211" s="14" t="s">
        <v>1</v>
      </c>
      <c r="C107211" s="14" t="s">
        <v>109</v>
      </c>
      <c r="D107211" s="14" t="s">
        <v>389</v>
      </c>
      <c r="E107211" s="15">
        <v>45642</v>
      </c>
      <c r="F107211" s="14" t="s">
        <v>61</v>
      </c>
      <c r="G107211" s="16">
        <v>0</v>
      </c>
    </row>
    <row r="107212" spans="1:7" x14ac:dyDescent="0.3">
      <c r="A107212" s="13" t="s">
        <v>518</v>
      </c>
      <c r="B107212" s="14" t="s">
        <v>1</v>
      </c>
      <c r="C107212" s="14" t="s">
        <v>109</v>
      </c>
      <c r="D107212" s="14" t="s">
        <v>389</v>
      </c>
      <c r="E107212" s="15">
        <v>45643</v>
      </c>
      <c r="F107212" s="14" t="s">
        <v>61</v>
      </c>
      <c r="G107212" s="16">
        <v>0</v>
      </c>
    </row>
    <row r="107213" spans="1:7" x14ac:dyDescent="0.3">
      <c r="A107213" s="13" t="s">
        <v>518</v>
      </c>
      <c r="B107213" s="14" t="s">
        <v>1</v>
      </c>
      <c r="C107213" s="14" t="s">
        <v>109</v>
      </c>
      <c r="D107213" s="14" t="s">
        <v>389</v>
      </c>
      <c r="E107213" s="15">
        <v>45644</v>
      </c>
      <c r="F107213" s="14" t="s">
        <v>61</v>
      </c>
      <c r="G107213" s="16">
        <v>0</v>
      </c>
    </row>
    <row r="107214" spans="1:7" x14ac:dyDescent="0.3">
      <c r="A107214" s="13" t="s">
        <v>518</v>
      </c>
      <c r="B107214" s="14" t="s">
        <v>1</v>
      </c>
      <c r="C107214" s="14" t="s">
        <v>109</v>
      </c>
      <c r="D107214" s="14" t="s">
        <v>389</v>
      </c>
      <c r="E107214" s="15">
        <v>45645</v>
      </c>
      <c r="F107214" s="14" t="s">
        <v>61</v>
      </c>
      <c r="G107214" s="16">
        <v>0</v>
      </c>
    </row>
    <row r="107215" spans="1:7" x14ac:dyDescent="0.3">
      <c r="A107215" s="13" t="s">
        <v>518</v>
      </c>
      <c r="B107215" s="14" t="s">
        <v>1</v>
      </c>
      <c r="C107215" s="14" t="s">
        <v>109</v>
      </c>
      <c r="D107215" s="14" t="s">
        <v>389</v>
      </c>
      <c r="E107215" s="15">
        <v>45646</v>
      </c>
      <c r="F107215" s="14" t="s">
        <v>61</v>
      </c>
      <c r="G107215" s="16">
        <v>0</v>
      </c>
    </row>
    <row r="107216" spans="1:7" x14ac:dyDescent="0.3">
      <c r="A107216" s="13" t="s">
        <v>518</v>
      </c>
      <c r="B107216" s="14" t="s">
        <v>1</v>
      </c>
      <c r="C107216" s="14" t="s">
        <v>109</v>
      </c>
      <c r="D107216" s="14" t="s">
        <v>389</v>
      </c>
      <c r="E107216" s="15">
        <v>45647</v>
      </c>
      <c r="F107216" s="14" t="s">
        <v>61</v>
      </c>
      <c r="G107216" s="16">
        <v>0</v>
      </c>
    </row>
    <row r="107217" spans="1:7" x14ac:dyDescent="0.3">
      <c r="A107217" s="13" t="s">
        <v>518</v>
      </c>
      <c r="B107217" s="14" t="s">
        <v>1</v>
      </c>
      <c r="C107217" s="14" t="s">
        <v>109</v>
      </c>
      <c r="D107217" s="14" t="s">
        <v>389</v>
      </c>
      <c r="E107217" s="15">
        <v>45648</v>
      </c>
      <c r="F107217" s="14" t="s">
        <v>61</v>
      </c>
      <c r="G107217" s="16">
        <v>0</v>
      </c>
    </row>
    <row r="107218" spans="1:7" x14ac:dyDescent="0.3">
      <c r="A107218" s="13" t="s">
        <v>518</v>
      </c>
      <c r="B107218" s="14" t="s">
        <v>1</v>
      </c>
      <c r="C107218" s="14" t="s">
        <v>109</v>
      </c>
      <c r="D107218" s="14" t="s">
        <v>389</v>
      </c>
      <c r="E107218" s="15">
        <v>45649</v>
      </c>
      <c r="F107218" s="14" t="s">
        <v>61</v>
      </c>
      <c r="G107218" s="16">
        <v>0</v>
      </c>
    </row>
    <row r="107219" spans="1:7" x14ac:dyDescent="0.3">
      <c r="A107219" s="13" t="s">
        <v>518</v>
      </c>
      <c r="B107219" s="14" t="s">
        <v>1</v>
      </c>
      <c r="C107219" s="14" t="s">
        <v>109</v>
      </c>
      <c r="D107219" s="14" t="s">
        <v>389</v>
      </c>
      <c r="E107219" s="15">
        <v>45650</v>
      </c>
      <c r="F107219" s="14" t="s">
        <v>61</v>
      </c>
      <c r="G107219" s="16">
        <v>0</v>
      </c>
    </row>
    <row r="107220" spans="1:7" x14ac:dyDescent="0.3">
      <c r="A107220" s="13" t="s">
        <v>518</v>
      </c>
      <c r="B107220" s="14" t="s">
        <v>1</v>
      </c>
      <c r="C107220" s="14" t="s">
        <v>109</v>
      </c>
      <c r="D107220" s="14" t="s">
        <v>389</v>
      </c>
      <c r="E107220" s="15">
        <v>45651</v>
      </c>
      <c r="F107220" s="14" t="s">
        <v>61</v>
      </c>
      <c r="G107220" s="16">
        <v>0</v>
      </c>
    </row>
    <row r="107221" spans="1:7" x14ac:dyDescent="0.3">
      <c r="A107221" s="13" t="s">
        <v>518</v>
      </c>
      <c r="B107221" s="14" t="s">
        <v>1</v>
      </c>
      <c r="C107221" s="14" t="s">
        <v>109</v>
      </c>
      <c r="D107221" s="14" t="s">
        <v>389</v>
      </c>
      <c r="E107221" s="15">
        <v>45652</v>
      </c>
      <c r="F107221" s="14" t="s">
        <v>61</v>
      </c>
      <c r="G107221" s="16">
        <v>0</v>
      </c>
    </row>
    <row r="107222" spans="1:7" x14ac:dyDescent="0.3">
      <c r="A107222" s="13" t="s">
        <v>518</v>
      </c>
      <c r="B107222" s="14" t="s">
        <v>1</v>
      </c>
      <c r="C107222" s="14" t="s">
        <v>109</v>
      </c>
      <c r="D107222" s="14" t="s">
        <v>389</v>
      </c>
      <c r="E107222" s="15">
        <v>45653</v>
      </c>
      <c r="F107222" s="14" t="s">
        <v>61</v>
      </c>
      <c r="G107222" s="16">
        <v>0</v>
      </c>
    </row>
    <row r="107223" spans="1:7" x14ac:dyDescent="0.3">
      <c r="A107223" s="13" t="s">
        <v>518</v>
      </c>
      <c r="B107223" s="14" t="s">
        <v>1</v>
      </c>
      <c r="C107223" s="14" t="s">
        <v>109</v>
      </c>
      <c r="D107223" s="14" t="s">
        <v>389</v>
      </c>
      <c r="E107223" s="15">
        <v>45654</v>
      </c>
      <c r="F107223" s="14" t="s">
        <v>61</v>
      </c>
      <c r="G107223" s="16">
        <v>0</v>
      </c>
    </row>
    <row r="107224" spans="1:7" x14ac:dyDescent="0.3">
      <c r="A107224" s="13" t="s">
        <v>518</v>
      </c>
      <c r="B107224" s="14" t="s">
        <v>1</v>
      </c>
      <c r="C107224" s="14" t="s">
        <v>109</v>
      </c>
      <c r="D107224" s="14" t="s">
        <v>389</v>
      </c>
      <c r="E107224" s="15">
        <v>45655</v>
      </c>
      <c r="F107224" s="14" t="s">
        <v>61</v>
      </c>
      <c r="G107224" s="16">
        <v>0</v>
      </c>
    </row>
    <row r="107225" spans="1:7" x14ac:dyDescent="0.3">
      <c r="A107225" s="13" t="s">
        <v>518</v>
      </c>
      <c r="B107225" s="14" t="s">
        <v>1</v>
      </c>
      <c r="C107225" s="14" t="s">
        <v>109</v>
      </c>
      <c r="D107225" s="14" t="s">
        <v>389</v>
      </c>
      <c r="E107225" s="15">
        <v>45656</v>
      </c>
      <c r="F107225" s="14" t="s">
        <v>61</v>
      </c>
      <c r="G107225" s="16">
        <v>0</v>
      </c>
    </row>
    <row r="107226" spans="1:7" x14ac:dyDescent="0.3">
      <c r="A107226" s="13" t="s">
        <v>518</v>
      </c>
      <c r="B107226" s="14" t="s">
        <v>1</v>
      </c>
      <c r="C107226" s="14" t="s">
        <v>109</v>
      </c>
      <c r="D107226" s="14" t="s">
        <v>389</v>
      </c>
      <c r="E107226" s="15">
        <v>45657</v>
      </c>
      <c r="F107226" s="14" t="s">
        <v>61</v>
      </c>
      <c r="G107226" s="16">
        <v>0</v>
      </c>
    </row>
    <row r="107227" spans="1:7" x14ac:dyDescent="0.3">
      <c r="A107227" s="13" t="s">
        <v>518</v>
      </c>
      <c r="B107227" s="14" t="s">
        <v>1</v>
      </c>
      <c r="C107227" s="14" t="s">
        <v>109</v>
      </c>
      <c r="D107227" s="14" t="s">
        <v>389</v>
      </c>
      <c r="E107227" s="15">
        <v>45658</v>
      </c>
      <c r="F107227" s="14" t="s">
        <v>61</v>
      </c>
      <c r="G107227" s="16">
        <v>0</v>
      </c>
    </row>
    <row r="107228" spans="1:7" x14ac:dyDescent="0.3">
      <c r="A107228" s="13" t="s">
        <v>518</v>
      </c>
      <c r="B107228" s="14" t="s">
        <v>1</v>
      </c>
      <c r="C107228" s="14" t="s">
        <v>109</v>
      </c>
      <c r="D107228" s="14" t="s">
        <v>389</v>
      </c>
      <c r="E107228" s="15">
        <v>45659</v>
      </c>
      <c r="F107228" s="14" t="s">
        <v>61</v>
      </c>
      <c r="G107228" s="16">
        <v>0</v>
      </c>
    </row>
    <row r="107229" spans="1:7" x14ac:dyDescent="0.3">
      <c r="A107229" s="13" t="s">
        <v>518</v>
      </c>
      <c r="B107229" s="14" t="s">
        <v>1</v>
      </c>
      <c r="C107229" s="14" t="s">
        <v>109</v>
      </c>
      <c r="D107229" s="14" t="s">
        <v>389</v>
      </c>
      <c r="E107229" s="15">
        <v>45660</v>
      </c>
      <c r="F107229" s="14" t="s">
        <v>61</v>
      </c>
      <c r="G107229" s="16">
        <v>0</v>
      </c>
    </row>
    <row r="107230" spans="1:7" x14ac:dyDescent="0.3">
      <c r="A107230" s="13" t="s">
        <v>518</v>
      </c>
      <c r="B107230" s="14" t="s">
        <v>1</v>
      </c>
      <c r="C107230" s="14" t="s">
        <v>109</v>
      </c>
      <c r="D107230" s="14" t="s">
        <v>389</v>
      </c>
      <c r="E107230" s="15">
        <v>45661</v>
      </c>
      <c r="F107230" s="14" t="s">
        <v>61</v>
      </c>
      <c r="G107230" s="16">
        <v>0</v>
      </c>
    </row>
    <row r="107231" spans="1:7" x14ac:dyDescent="0.3">
      <c r="A107231" s="13" t="s">
        <v>518</v>
      </c>
      <c r="B107231" s="14" t="s">
        <v>1</v>
      </c>
      <c r="C107231" s="14" t="s">
        <v>109</v>
      </c>
      <c r="D107231" s="14" t="s">
        <v>389</v>
      </c>
      <c r="E107231" s="15">
        <v>45662</v>
      </c>
      <c r="F107231" s="14" t="s">
        <v>61</v>
      </c>
      <c r="G107231" s="16">
        <v>0</v>
      </c>
    </row>
    <row r="107232" spans="1:7" x14ac:dyDescent="0.3">
      <c r="A107232" s="13" t="s">
        <v>518</v>
      </c>
      <c r="B107232" s="14" t="s">
        <v>1</v>
      </c>
      <c r="C107232" s="14" t="s">
        <v>109</v>
      </c>
      <c r="D107232" s="14" t="s">
        <v>389</v>
      </c>
      <c r="E107232" s="15">
        <v>45663</v>
      </c>
      <c r="F107232" s="14" t="s">
        <v>61</v>
      </c>
      <c r="G107232" s="16">
        <v>0</v>
      </c>
    </row>
    <row r="107233" spans="1:7" x14ac:dyDescent="0.3">
      <c r="A107233" s="13" t="s">
        <v>518</v>
      </c>
      <c r="B107233" s="14" t="s">
        <v>1</v>
      </c>
      <c r="C107233" s="14" t="s">
        <v>109</v>
      </c>
      <c r="D107233" s="14" t="s">
        <v>389</v>
      </c>
      <c r="E107233" s="15">
        <v>45664</v>
      </c>
      <c r="F107233" s="14" t="s">
        <v>61</v>
      </c>
      <c r="G107233" s="16">
        <v>0</v>
      </c>
    </row>
    <row r="107234" spans="1:7" x14ac:dyDescent="0.3">
      <c r="A107234" s="13" t="s">
        <v>518</v>
      </c>
      <c r="B107234" s="14" t="s">
        <v>1</v>
      </c>
      <c r="C107234" s="14" t="s">
        <v>109</v>
      </c>
      <c r="D107234" s="14" t="s">
        <v>389</v>
      </c>
      <c r="E107234" s="15">
        <v>45665</v>
      </c>
      <c r="F107234" s="14" t="s">
        <v>61</v>
      </c>
      <c r="G107234" s="16">
        <v>0</v>
      </c>
    </row>
    <row r="107235" spans="1:7" x14ac:dyDescent="0.3">
      <c r="A107235" s="13" t="s">
        <v>518</v>
      </c>
      <c r="B107235" s="14" t="s">
        <v>1</v>
      </c>
      <c r="C107235" s="14" t="s">
        <v>109</v>
      </c>
      <c r="D107235" s="14" t="s">
        <v>389</v>
      </c>
      <c r="E107235" s="15">
        <v>45666</v>
      </c>
      <c r="F107235" s="14" t="s">
        <v>61</v>
      </c>
      <c r="G107235" s="16">
        <v>0</v>
      </c>
    </row>
    <row r="107236" spans="1:7" x14ac:dyDescent="0.3">
      <c r="A107236" s="13" t="s">
        <v>518</v>
      </c>
      <c r="B107236" s="14" t="s">
        <v>1</v>
      </c>
      <c r="C107236" s="14" t="s">
        <v>109</v>
      </c>
      <c r="D107236" s="14" t="s">
        <v>389</v>
      </c>
      <c r="E107236" s="15">
        <v>45667</v>
      </c>
      <c r="F107236" s="14" t="s">
        <v>61</v>
      </c>
      <c r="G107236" s="16">
        <v>0</v>
      </c>
    </row>
    <row r="107237" spans="1:7" x14ac:dyDescent="0.3">
      <c r="A107237" s="13" t="s">
        <v>518</v>
      </c>
      <c r="B107237" s="14" t="s">
        <v>1</v>
      </c>
      <c r="C107237" s="14" t="s">
        <v>109</v>
      </c>
      <c r="D107237" s="14" t="s">
        <v>389</v>
      </c>
      <c r="E107237" s="15">
        <v>45668</v>
      </c>
      <c r="F107237" s="14" t="s">
        <v>61</v>
      </c>
      <c r="G107237" s="16">
        <v>0</v>
      </c>
    </row>
    <row r="107238" spans="1:7" x14ac:dyDescent="0.3">
      <c r="A107238" s="13" t="s">
        <v>518</v>
      </c>
      <c r="B107238" s="14" t="s">
        <v>1</v>
      </c>
      <c r="C107238" s="14" t="s">
        <v>109</v>
      </c>
      <c r="D107238" s="14" t="s">
        <v>389</v>
      </c>
      <c r="E107238" s="15">
        <v>45669</v>
      </c>
      <c r="F107238" s="14" t="s">
        <v>61</v>
      </c>
      <c r="G107238" s="16">
        <v>0</v>
      </c>
    </row>
    <row r="107239" spans="1:7" x14ac:dyDescent="0.3">
      <c r="A107239" s="13" t="s">
        <v>518</v>
      </c>
      <c r="B107239" s="14" t="s">
        <v>1</v>
      </c>
      <c r="C107239" s="14" t="s">
        <v>109</v>
      </c>
      <c r="D107239" s="14" t="s">
        <v>389</v>
      </c>
      <c r="E107239" s="15">
        <v>45670</v>
      </c>
      <c r="F107239" s="14" t="s">
        <v>61</v>
      </c>
      <c r="G107239" s="16">
        <v>0</v>
      </c>
    </row>
    <row r="107240" spans="1:7" x14ac:dyDescent="0.3">
      <c r="A107240" s="13" t="s">
        <v>518</v>
      </c>
      <c r="B107240" s="14" t="s">
        <v>1</v>
      </c>
      <c r="C107240" s="14" t="s">
        <v>109</v>
      </c>
      <c r="D107240" s="14" t="s">
        <v>389</v>
      </c>
      <c r="E107240" s="15">
        <v>45671</v>
      </c>
      <c r="F107240" s="14" t="s">
        <v>61</v>
      </c>
      <c r="G107240" s="16">
        <v>0</v>
      </c>
    </row>
    <row r="107241" spans="1:7" x14ac:dyDescent="0.3">
      <c r="A107241" s="13" t="s">
        <v>518</v>
      </c>
      <c r="B107241" s="14" t="s">
        <v>1</v>
      </c>
      <c r="C107241" s="14" t="s">
        <v>109</v>
      </c>
      <c r="D107241" s="14" t="s">
        <v>389</v>
      </c>
      <c r="E107241" s="15">
        <v>45672</v>
      </c>
      <c r="F107241" s="14" t="s">
        <v>61</v>
      </c>
      <c r="G107241" s="16">
        <v>0</v>
      </c>
    </row>
    <row r="107242" spans="1:7" x14ac:dyDescent="0.3">
      <c r="A107242" s="13" t="s">
        <v>518</v>
      </c>
      <c r="B107242" s="14" t="s">
        <v>1</v>
      </c>
      <c r="C107242" s="14" t="s">
        <v>109</v>
      </c>
      <c r="D107242" s="14" t="s">
        <v>389</v>
      </c>
      <c r="E107242" s="15">
        <v>45673</v>
      </c>
      <c r="F107242" s="14" t="s">
        <v>61</v>
      </c>
      <c r="G107242" s="16">
        <v>0</v>
      </c>
    </row>
    <row r="107243" spans="1:7" x14ac:dyDescent="0.3">
      <c r="A107243" s="13" t="s">
        <v>518</v>
      </c>
      <c r="B107243" s="14" t="s">
        <v>1</v>
      </c>
      <c r="C107243" s="14" t="s">
        <v>109</v>
      </c>
      <c r="D107243" s="14" t="s">
        <v>389</v>
      </c>
      <c r="E107243" s="15">
        <v>45674</v>
      </c>
      <c r="F107243" s="14" t="s">
        <v>61</v>
      </c>
      <c r="G107243" s="16">
        <v>0</v>
      </c>
    </row>
    <row r="107244" spans="1:7" x14ac:dyDescent="0.3">
      <c r="A107244" s="13" t="s">
        <v>518</v>
      </c>
      <c r="B107244" s="14" t="s">
        <v>1</v>
      </c>
      <c r="C107244" s="14" t="s">
        <v>109</v>
      </c>
      <c r="D107244" s="14" t="s">
        <v>389</v>
      </c>
      <c r="E107244" s="15">
        <v>45675</v>
      </c>
      <c r="F107244" s="14" t="s">
        <v>61</v>
      </c>
      <c r="G107244" s="16">
        <v>0</v>
      </c>
    </row>
    <row r="107245" spans="1:7" x14ac:dyDescent="0.3">
      <c r="A107245" s="13" t="s">
        <v>518</v>
      </c>
      <c r="B107245" s="14" t="s">
        <v>1</v>
      </c>
      <c r="C107245" s="14" t="s">
        <v>109</v>
      </c>
      <c r="D107245" s="14" t="s">
        <v>389</v>
      </c>
      <c r="E107245" s="15">
        <v>45676</v>
      </c>
      <c r="F107245" s="14" t="s">
        <v>61</v>
      </c>
      <c r="G107245" s="16">
        <v>0</v>
      </c>
    </row>
    <row r="107246" spans="1:7" x14ac:dyDescent="0.3">
      <c r="A107246" s="13" t="s">
        <v>518</v>
      </c>
      <c r="B107246" s="14" t="s">
        <v>1</v>
      </c>
      <c r="C107246" s="14" t="s">
        <v>109</v>
      </c>
      <c r="D107246" s="14" t="s">
        <v>389</v>
      </c>
      <c r="E107246" s="15">
        <v>45677</v>
      </c>
      <c r="F107246" s="14" t="s">
        <v>61</v>
      </c>
      <c r="G107246" s="16">
        <v>0</v>
      </c>
    </row>
    <row r="107247" spans="1:7" x14ac:dyDescent="0.3">
      <c r="A107247" s="13" t="s">
        <v>518</v>
      </c>
      <c r="B107247" s="14" t="s">
        <v>1</v>
      </c>
      <c r="C107247" s="14" t="s">
        <v>109</v>
      </c>
      <c r="D107247" s="14" t="s">
        <v>389</v>
      </c>
      <c r="E107247" s="15">
        <v>45678</v>
      </c>
      <c r="F107247" s="14" t="s">
        <v>61</v>
      </c>
      <c r="G107247" s="16">
        <v>0</v>
      </c>
    </row>
    <row r="107248" spans="1:7" x14ac:dyDescent="0.3">
      <c r="A107248" s="13" t="s">
        <v>518</v>
      </c>
      <c r="B107248" s="14" t="s">
        <v>1</v>
      </c>
      <c r="C107248" s="14" t="s">
        <v>109</v>
      </c>
      <c r="D107248" s="14" t="s">
        <v>389</v>
      </c>
      <c r="E107248" s="15">
        <v>45679</v>
      </c>
      <c r="F107248" s="14" t="s">
        <v>61</v>
      </c>
      <c r="G107248" s="16">
        <v>0</v>
      </c>
    </row>
    <row r="107249" spans="1:7" x14ac:dyDescent="0.3">
      <c r="A107249" s="13" t="s">
        <v>518</v>
      </c>
      <c r="B107249" s="14" t="s">
        <v>1</v>
      </c>
      <c r="C107249" s="14" t="s">
        <v>109</v>
      </c>
      <c r="D107249" s="14" t="s">
        <v>389</v>
      </c>
      <c r="E107249" s="15">
        <v>45680</v>
      </c>
      <c r="F107249" s="14" t="s">
        <v>61</v>
      </c>
      <c r="G107249" s="16">
        <v>0</v>
      </c>
    </row>
    <row r="107250" spans="1:7" x14ac:dyDescent="0.3">
      <c r="A107250" s="13" t="s">
        <v>518</v>
      </c>
      <c r="B107250" s="14" t="s">
        <v>1</v>
      </c>
      <c r="C107250" s="14" t="s">
        <v>109</v>
      </c>
      <c r="D107250" s="14" t="s">
        <v>389</v>
      </c>
      <c r="E107250" s="15">
        <v>45681</v>
      </c>
      <c r="F107250" s="14" t="s">
        <v>61</v>
      </c>
      <c r="G107250" s="16">
        <v>0</v>
      </c>
    </row>
    <row r="107251" spans="1:7" x14ac:dyDescent="0.3">
      <c r="A107251" s="13" t="s">
        <v>518</v>
      </c>
      <c r="B107251" s="14" t="s">
        <v>1</v>
      </c>
      <c r="C107251" s="14" t="s">
        <v>109</v>
      </c>
      <c r="D107251" s="14" t="s">
        <v>389</v>
      </c>
      <c r="E107251" s="15">
        <v>45682</v>
      </c>
      <c r="F107251" s="14" t="s">
        <v>61</v>
      </c>
      <c r="G107251" s="16">
        <v>0</v>
      </c>
    </row>
    <row r="107252" spans="1:7" x14ac:dyDescent="0.3">
      <c r="A107252" s="13" t="s">
        <v>518</v>
      </c>
      <c r="B107252" s="14" t="s">
        <v>1</v>
      </c>
      <c r="C107252" s="14" t="s">
        <v>109</v>
      </c>
      <c r="D107252" s="14" t="s">
        <v>389</v>
      </c>
      <c r="E107252" s="15">
        <v>45683</v>
      </c>
      <c r="F107252" s="14" t="s">
        <v>61</v>
      </c>
      <c r="G107252" s="16">
        <v>0</v>
      </c>
    </row>
    <row r="107253" spans="1:7" x14ac:dyDescent="0.3">
      <c r="A107253" s="13" t="s">
        <v>518</v>
      </c>
      <c r="B107253" s="14" t="s">
        <v>1</v>
      </c>
      <c r="C107253" s="14" t="s">
        <v>109</v>
      </c>
      <c r="D107253" s="14" t="s">
        <v>389</v>
      </c>
      <c r="E107253" s="15">
        <v>45684</v>
      </c>
      <c r="F107253" s="14" t="s">
        <v>61</v>
      </c>
      <c r="G107253" s="16">
        <v>0</v>
      </c>
    </row>
    <row r="107254" spans="1:7" x14ac:dyDescent="0.3">
      <c r="A107254" s="13" t="s">
        <v>518</v>
      </c>
      <c r="B107254" s="14" t="s">
        <v>1</v>
      </c>
      <c r="C107254" s="14" t="s">
        <v>109</v>
      </c>
      <c r="D107254" s="14" t="s">
        <v>389</v>
      </c>
      <c r="E107254" s="15">
        <v>45685</v>
      </c>
      <c r="F107254" s="14" t="s">
        <v>61</v>
      </c>
      <c r="G107254" s="16">
        <v>0</v>
      </c>
    </row>
    <row r="107255" spans="1:7" x14ac:dyDescent="0.3">
      <c r="A107255" s="13" t="s">
        <v>518</v>
      </c>
      <c r="B107255" s="14" t="s">
        <v>1</v>
      </c>
      <c r="C107255" s="14" t="s">
        <v>109</v>
      </c>
      <c r="D107255" s="14" t="s">
        <v>389</v>
      </c>
      <c r="E107255" s="15">
        <v>45686</v>
      </c>
      <c r="F107255" s="14" t="s">
        <v>61</v>
      </c>
      <c r="G107255" s="16">
        <v>0</v>
      </c>
    </row>
    <row r="107256" spans="1:7" x14ac:dyDescent="0.3">
      <c r="A107256" s="13" t="s">
        <v>518</v>
      </c>
      <c r="B107256" s="14" t="s">
        <v>1</v>
      </c>
      <c r="C107256" s="14" t="s">
        <v>109</v>
      </c>
      <c r="D107256" s="14" t="s">
        <v>389</v>
      </c>
      <c r="E107256" s="15">
        <v>45687</v>
      </c>
      <c r="F107256" s="14" t="s">
        <v>61</v>
      </c>
      <c r="G107256" s="16">
        <v>0</v>
      </c>
    </row>
    <row r="107257" spans="1:7" x14ac:dyDescent="0.3">
      <c r="A107257" s="13" t="s">
        <v>518</v>
      </c>
      <c r="B107257" s="14" t="s">
        <v>1</v>
      </c>
      <c r="C107257" s="14" t="s">
        <v>109</v>
      </c>
      <c r="D107257" s="14" t="s">
        <v>389</v>
      </c>
      <c r="E107257" s="15">
        <v>45688</v>
      </c>
      <c r="F107257" s="14" t="s">
        <v>61</v>
      </c>
      <c r="G107257" s="16">
        <v>0</v>
      </c>
    </row>
    <row r="107258" spans="1:7" x14ac:dyDescent="0.3">
      <c r="A107258" s="13" t="s">
        <v>518</v>
      </c>
      <c r="B107258" s="14" t="s">
        <v>1</v>
      </c>
      <c r="C107258" s="14" t="s">
        <v>109</v>
      </c>
      <c r="D107258" s="14" t="s">
        <v>389</v>
      </c>
      <c r="E107258" s="15">
        <v>45689</v>
      </c>
      <c r="F107258" s="14" t="s">
        <v>61</v>
      </c>
      <c r="G107258" s="16">
        <v>0</v>
      </c>
    </row>
    <row r="107259" spans="1:7" x14ac:dyDescent="0.3">
      <c r="A107259" s="13" t="s">
        <v>518</v>
      </c>
      <c r="B107259" s="14" t="s">
        <v>1</v>
      </c>
      <c r="C107259" s="14" t="s">
        <v>109</v>
      </c>
      <c r="D107259" s="14" t="s">
        <v>389</v>
      </c>
      <c r="E107259" s="15">
        <v>45690</v>
      </c>
      <c r="F107259" s="14" t="s">
        <v>61</v>
      </c>
      <c r="G107259" s="16">
        <v>0</v>
      </c>
    </row>
    <row r="107260" spans="1:7" x14ac:dyDescent="0.3">
      <c r="A107260" s="13" t="s">
        <v>518</v>
      </c>
      <c r="B107260" s="14" t="s">
        <v>1</v>
      </c>
      <c r="C107260" s="14" t="s">
        <v>109</v>
      </c>
      <c r="D107260" s="14" t="s">
        <v>389</v>
      </c>
      <c r="E107260" s="15">
        <v>45691</v>
      </c>
      <c r="F107260" s="14" t="s">
        <v>61</v>
      </c>
      <c r="G107260" s="16">
        <v>0</v>
      </c>
    </row>
    <row r="107261" spans="1:7" x14ac:dyDescent="0.3">
      <c r="A107261" s="13" t="s">
        <v>518</v>
      </c>
      <c r="B107261" s="14" t="s">
        <v>1</v>
      </c>
      <c r="C107261" s="14" t="s">
        <v>109</v>
      </c>
      <c r="D107261" s="14" t="s">
        <v>389</v>
      </c>
      <c r="E107261" s="15">
        <v>45692</v>
      </c>
      <c r="F107261" s="14" t="s">
        <v>61</v>
      </c>
      <c r="G107261" s="16">
        <v>0</v>
      </c>
    </row>
    <row r="107262" spans="1:7" x14ac:dyDescent="0.3">
      <c r="A107262" s="13" t="s">
        <v>518</v>
      </c>
      <c r="B107262" s="14" t="s">
        <v>1</v>
      </c>
      <c r="C107262" s="14" t="s">
        <v>109</v>
      </c>
      <c r="D107262" s="14" t="s">
        <v>389</v>
      </c>
      <c r="E107262" s="15">
        <v>45693</v>
      </c>
      <c r="F107262" s="14" t="s">
        <v>61</v>
      </c>
      <c r="G107262" s="16">
        <v>0</v>
      </c>
    </row>
    <row r="107263" spans="1:7" x14ac:dyDescent="0.3">
      <c r="A107263" s="13" t="s">
        <v>518</v>
      </c>
      <c r="B107263" s="14" t="s">
        <v>1</v>
      </c>
      <c r="C107263" s="14" t="s">
        <v>109</v>
      </c>
      <c r="D107263" s="14" t="s">
        <v>389</v>
      </c>
      <c r="E107263" s="15">
        <v>45694</v>
      </c>
      <c r="F107263" s="14" t="s">
        <v>61</v>
      </c>
      <c r="G107263" s="16">
        <v>0</v>
      </c>
    </row>
    <row r="107264" spans="1:7" x14ac:dyDescent="0.3">
      <c r="A107264" s="13" t="s">
        <v>518</v>
      </c>
      <c r="B107264" s="14" t="s">
        <v>1</v>
      </c>
      <c r="C107264" s="14" t="s">
        <v>109</v>
      </c>
      <c r="D107264" s="14" t="s">
        <v>389</v>
      </c>
      <c r="E107264" s="15">
        <v>45695</v>
      </c>
      <c r="F107264" s="14" t="s">
        <v>61</v>
      </c>
      <c r="G107264" s="16">
        <v>0</v>
      </c>
    </row>
    <row r="107265" spans="1:7" x14ac:dyDescent="0.3">
      <c r="A107265" s="13" t="s">
        <v>518</v>
      </c>
      <c r="B107265" s="14" t="s">
        <v>1</v>
      </c>
      <c r="C107265" s="14" t="s">
        <v>109</v>
      </c>
      <c r="D107265" s="14" t="s">
        <v>389</v>
      </c>
      <c r="E107265" s="15">
        <v>45696</v>
      </c>
      <c r="F107265" s="14" t="s">
        <v>61</v>
      </c>
      <c r="G107265" s="16">
        <v>0</v>
      </c>
    </row>
    <row r="107266" spans="1:7" x14ac:dyDescent="0.3">
      <c r="A107266" s="13" t="s">
        <v>518</v>
      </c>
      <c r="B107266" s="14" t="s">
        <v>1</v>
      </c>
      <c r="C107266" s="14" t="s">
        <v>109</v>
      </c>
      <c r="D107266" s="14" t="s">
        <v>389</v>
      </c>
      <c r="E107266" s="15">
        <v>45697</v>
      </c>
      <c r="F107266" s="14" t="s">
        <v>61</v>
      </c>
      <c r="G107266" s="16">
        <v>0</v>
      </c>
    </row>
    <row r="107267" spans="1:7" x14ac:dyDescent="0.3">
      <c r="A107267" s="13" t="s">
        <v>518</v>
      </c>
      <c r="B107267" s="14" t="s">
        <v>1</v>
      </c>
      <c r="C107267" s="14" t="s">
        <v>109</v>
      </c>
      <c r="D107267" s="14" t="s">
        <v>389</v>
      </c>
      <c r="E107267" s="15">
        <v>45698</v>
      </c>
      <c r="F107267" s="14" t="s">
        <v>61</v>
      </c>
      <c r="G107267" s="16">
        <v>0</v>
      </c>
    </row>
    <row r="107268" spans="1:7" x14ac:dyDescent="0.3">
      <c r="A107268" s="13" t="s">
        <v>518</v>
      </c>
      <c r="B107268" s="14" t="s">
        <v>1</v>
      </c>
      <c r="C107268" s="14" t="s">
        <v>109</v>
      </c>
      <c r="D107268" s="14" t="s">
        <v>389</v>
      </c>
      <c r="E107268" s="15">
        <v>45699</v>
      </c>
      <c r="F107268" s="14" t="s">
        <v>61</v>
      </c>
      <c r="G107268" s="16">
        <v>0</v>
      </c>
    </row>
    <row r="107269" spans="1:7" x14ac:dyDescent="0.3">
      <c r="A107269" s="13" t="s">
        <v>518</v>
      </c>
      <c r="B107269" s="14" t="s">
        <v>1</v>
      </c>
      <c r="C107269" s="14" t="s">
        <v>109</v>
      </c>
      <c r="D107269" s="14" t="s">
        <v>389</v>
      </c>
      <c r="E107269" s="15">
        <v>45700</v>
      </c>
      <c r="F107269" s="14" t="s">
        <v>61</v>
      </c>
      <c r="G107269" s="16">
        <v>0</v>
      </c>
    </row>
    <row r="107270" spans="1:7" x14ac:dyDescent="0.3">
      <c r="A107270" s="13" t="s">
        <v>518</v>
      </c>
      <c r="B107270" s="14" t="s">
        <v>1</v>
      </c>
      <c r="C107270" s="14" t="s">
        <v>109</v>
      </c>
      <c r="D107270" s="14" t="s">
        <v>389</v>
      </c>
      <c r="E107270" s="15">
        <v>45701</v>
      </c>
      <c r="F107270" s="14" t="s">
        <v>61</v>
      </c>
      <c r="G107270" s="16">
        <v>0</v>
      </c>
    </row>
    <row r="107271" spans="1:7" x14ac:dyDescent="0.3">
      <c r="A107271" s="13" t="s">
        <v>518</v>
      </c>
      <c r="B107271" s="14" t="s">
        <v>1</v>
      </c>
      <c r="C107271" s="14" t="s">
        <v>109</v>
      </c>
      <c r="D107271" s="14" t="s">
        <v>389</v>
      </c>
      <c r="E107271" s="15">
        <v>45702</v>
      </c>
      <c r="F107271" s="14" t="s">
        <v>61</v>
      </c>
      <c r="G107271" s="16">
        <v>0</v>
      </c>
    </row>
    <row r="107272" spans="1:7" x14ac:dyDescent="0.3">
      <c r="A107272" s="13" t="s">
        <v>518</v>
      </c>
      <c r="B107272" s="14" t="s">
        <v>1</v>
      </c>
      <c r="C107272" s="14" t="s">
        <v>109</v>
      </c>
      <c r="D107272" s="14" t="s">
        <v>389</v>
      </c>
      <c r="E107272" s="15">
        <v>45703</v>
      </c>
      <c r="F107272" s="14" t="s">
        <v>61</v>
      </c>
      <c r="G107272" s="16">
        <v>0</v>
      </c>
    </row>
    <row r="107273" spans="1:7" x14ac:dyDescent="0.3">
      <c r="A107273" s="13" t="s">
        <v>518</v>
      </c>
      <c r="B107273" s="14" t="s">
        <v>1</v>
      </c>
      <c r="C107273" s="14" t="s">
        <v>109</v>
      </c>
      <c r="D107273" s="14" t="s">
        <v>389</v>
      </c>
      <c r="E107273" s="15">
        <v>45704</v>
      </c>
      <c r="F107273" s="14" t="s">
        <v>61</v>
      </c>
      <c r="G107273" s="16">
        <v>0</v>
      </c>
    </row>
    <row r="107274" spans="1:7" x14ac:dyDescent="0.3">
      <c r="A107274" s="13" t="s">
        <v>518</v>
      </c>
      <c r="B107274" s="14" t="s">
        <v>1</v>
      </c>
      <c r="C107274" s="14" t="s">
        <v>109</v>
      </c>
      <c r="D107274" s="14" t="s">
        <v>389</v>
      </c>
      <c r="E107274" s="15">
        <v>45705</v>
      </c>
      <c r="F107274" s="14" t="s">
        <v>61</v>
      </c>
      <c r="G107274" s="16">
        <v>0</v>
      </c>
    </row>
    <row r="107275" spans="1:7" x14ac:dyDescent="0.3">
      <c r="A107275" s="13" t="s">
        <v>518</v>
      </c>
      <c r="B107275" s="14" t="s">
        <v>1</v>
      </c>
      <c r="C107275" s="14" t="s">
        <v>109</v>
      </c>
      <c r="D107275" s="14" t="s">
        <v>389</v>
      </c>
      <c r="E107275" s="15">
        <v>45706</v>
      </c>
      <c r="F107275" s="14" t="s">
        <v>61</v>
      </c>
      <c r="G107275" s="16">
        <v>0</v>
      </c>
    </row>
    <row r="107276" spans="1:7" x14ac:dyDescent="0.3">
      <c r="A107276" s="13" t="s">
        <v>518</v>
      </c>
      <c r="B107276" s="14" t="s">
        <v>1</v>
      </c>
      <c r="C107276" s="14" t="s">
        <v>109</v>
      </c>
      <c r="D107276" s="14" t="s">
        <v>389</v>
      </c>
      <c r="E107276" s="15">
        <v>45707</v>
      </c>
      <c r="F107276" s="14" t="s">
        <v>61</v>
      </c>
      <c r="G107276" s="16">
        <v>0</v>
      </c>
    </row>
    <row r="107277" spans="1:7" x14ac:dyDescent="0.3">
      <c r="A107277" s="13" t="s">
        <v>518</v>
      </c>
      <c r="B107277" s="14" t="s">
        <v>1</v>
      </c>
      <c r="C107277" s="14" t="s">
        <v>109</v>
      </c>
      <c r="D107277" s="14" t="s">
        <v>389</v>
      </c>
      <c r="E107277" s="15">
        <v>45708</v>
      </c>
      <c r="F107277" s="14" t="s">
        <v>61</v>
      </c>
      <c r="G107277" s="16">
        <v>0</v>
      </c>
    </row>
    <row r="107278" spans="1:7" x14ac:dyDescent="0.3">
      <c r="A107278" s="13" t="s">
        <v>518</v>
      </c>
      <c r="B107278" s="14" t="s">
        <v>1</v>
      </c>
      <c r="C107278" s="14" t="s">
        <v>109</v>
      </c>
      <c r="D107278" s="14" t="s">
        <v>389</v>
      </c>
      <c r="E107278" s="15">
        <v>45709</v>
      </c>
      <c r="F107278" s="14" t="s">
        <v>61</v>
      </c>
      <c r="G107278" s="16">
        <v>0</v>
      </c>
    </row>
    <row r="107279" spans="1:7" x14ac:dyDescent="0.3">
      <c r="A107279" s="13" t="s">
        <v>518</v>
      </c>
      <c r="B107279" s="14" t="s">
        <v>1</v>
      </c>
      <c r="C107279" s="14" t="s">
        <v>109</v>
      </c>
      <c r="D107279" s="14" t="s">
        <v>389</v>
      </c>
      <c r="E107279" s="15">
        <v>45710</v>
      </c>
      <c r="F107279" s="14" t="s">
        <v>61</v>
      </c>
      <c r="G107279" s="16">
        <v>0</v>
      </c>
    </row>
    <row r="107280" spans="1:7" x14ac:dyDescent="0.3">
      <c r="A107280" s="13" t="s">
        <v>518</v>
      </c>
      <c r="B107280" s="14" t="s">
        <v>1</v>
      </c>
      <c r="C107280" s="14" t="s">
        <v>109</v>
      </c>
      <c r="D107280" s="14" t="s">
        <v>389</v>
      </c>
      <c r="E107280" s="15">
        <v>45711</v>
      </c>
      <c r="F107280" s="14" t="s">
        <v>61</v>
      </c>
      <c r="G107280" s="16">
        <v>0</v>
      </c>
    </row>
    <row r="107281" spans="1:7" x14ac:dyDescent="0.3">
      <c r="A107281" s="13" t="s">
        <v>518</v>
      </c>
      <c r="B107281" s="14" t="s">
        <v>1</v>
      </c>
      <c r="C107281" s="14" t="s">
        <v>109</v>
      </c>
      <c r="D107281" s="14" t="s">
        <v>389</v>
      </c>
      <c r="E107281" s="15">
        <v>45712</v>
      </c>
      <c r="F107281" s="14" t="s">
        <v>61</v>
      </c>
      <c r="G107281" s="16">
        <v>0</v>
      </c>
    </row>
    <row r="107282" spans="1:7" x14ac:dyDescent="0.3">
      <c r="A107282" s="13" t="s">
        <v>518</v>
      </c>
      <c r="B107282" s="14" t="s">
        <v>1</v>
      </c>
      <c r="C107282" s="14" t="s">
        <v>109</v>
      </c>
      <c r="D107282" s="14" t="s">
        <v>389</v>
      </c>
      <c r="E107282" s="15">
        <v>45713</v>
      </c>
      <c r="F107282" s="14" t="s">
        <v>61</v>
      </c>
      <c r="G107282" s="16">
        <v>0</v>
      </c>
    </row>
    <row r="107283" spans="1:7" x14ac:dyDescent="0.3">
      <c r="A107283" s="13" t="s">
        <v>518</v>
      </c>
      <c r="B107283" s="14" t="s">
        <v>1</v>
      </c>
      <c r="C107283" s="14" t="s">
        <v>109</v>
      </c>
      <c r="D107283" s="14" t="s">
        <v>389</v>
      </c>
      <c r="E107283" s="15">
        <v>45714</v>
      </c>
      <c r="F107283" s="14" t="s">
        <v>61</v>
      </c>
      <c r="G107283" s="16">
        <v>0</v>
      </c>
    </row>
    <row r="107284" spans="1:7" x14ac:dyDescent="0.3">
      <c r="A107284" s="13" t="s">
        <v>518</v>
      </c>
      <c r="B107284" s="14" t="s">
        <v>1</v>
      </c>
      <c r="C107284" s="14" t="s">
        <v>109</v>
      </c>
      <c r="D107284" s="14" t="s">
        <v>389</v>
      </c>
      <c r="E107284" s="15">
        <v>45715</v>
      </c>
      <c r="F107284" s="14" t="s">
        <v>61</v>
      </c>
      <c r="G107284" s="16">
        <v>0</v>
      </c>
    </row>
    <row r="107285" spans="1:7" x14ac:dyDescent="0.3">
      <c r="A107285" s="13" t="s">
        <v>518</v>
      </c>
      <c r="B107285" s="14" t="s">
        <v>1</v>
      </c>
      <c r="C107285" s="14" t="s">
        <v>109</v>
      </c>
      <c r="D107285" s="14" t="s">
        <v>389</v>
      </c>
      <c r="E107285" s="15">
        <v>45716</v>
      </c>
      <c r="F107285" s="14" t="s">
        <v>61</v>
      </c>
      <c r="G107285" s="16">
        <v>0</v>
      </c>
    </row>
    <row r="107286" spans="1:7" x14ac:dyDescent="0.3">
      <c r="A107286" s="13" t="s">
        <v>518</v>
      </c>
      <c r="B107286" s="14" t="s">
        <v>1</v>
      </c>
      <c r="C107286" s="14" t="s">
        <v>109</v>
      </c>
      <c r="D107286" s="14" t="s">
        <v>389</v>
      </c>
      <c r="E107286" s="15">
        <v>45717</v>
      </c>
      <c r="F107286" s="14" t="s">
        <v>61</v>
      </c>
      <c r="G107286" s="16">
        <v>0</v>
      </c>
    </row>
    <row r="107287" spans="1:7" x14ac:dyDescent="0.3">
      <c r="A107287" s="13" t="s">
        <v>518</v>
      </c>
      <c r="B107287" s="14" t="s">
        <v>1</v>
      </c>
      <c r="C107287" s="14" t="s">
        <v>109</v>
      </c>
      <c r="D107287" s="14" t="s">
        <v>389</v>
      </c>
      <c r="E107287" s="15">
        <v>45718</v>
      </c>
      <c r="F107287" s="14" t="s">
        <v>61</v>
      </c>
      <c r="G107287" s="16">
        <v>0</v>
      </c>
    </row>
    <row r="107288" spans="1:7" x14ac:dyDescent="0.3">
      <c r="A107288" s="13" t="s">
        <v>518</v>
      </c>
      <c r="B107288" s="14" t="s">
        <v>1</v>
      </c>
      <c r="C107288" s="14" t="s">
        <v>109</v>
      </c>
      <c r="D107288" s="14" t="s">
        <v>389</v>
      </c>
      <c r="E107288" s="15">
        <v>45719</v>
      </c>
      <c r="F107288" s="14" t="s">
        <v>61</v>
      </c>
      <c r="G107288" s="16">
        <v>0</v>
      </c>
    </row>
    <row r="107289" spans="1:7" x14ac:dyDescent="0.3">
      <c r="A107289" s="13" t="s">
        <v>518</v>
      </c>
      <c r="B107289" s="14" t="s">
        <v>1</v>
      </c>
      <c r="C107289" s="14" t="s">
        <v>109</v>
      </c>
      <c r="D107289" s="14" t="s">
        <v>389</v>
      </c>
      <c r="E107289" s="15">
        <v>45720</v>
      </c>
      <c r="F107289" s="14" t="s">
        <v>61</v>
      </c>
      <c r="G107289" s="16">
        <v>0</v>
      </c>
    </row>
    <row r="107290" spans="1:7" x14ac:dyDescent="0.3">
      <c r="A107290" s="13" t="s">
        <v>518</v>
      </c>
      <c r="B107290" s="14" t="s">
        <v>1</v>
      </c>
      <c r="C107290" s="14" t="s">
        <v>109</v>
      </c>
      <c r="D107290" s="14" t="s">
        <v>389</v>
      </c>
      <c r="E107290" s="15">
        <v>45721</v>
      </c>
      <c r="F107290" s="14" t="s">
        <v>61</v>
      </c>
      <c r="G107290" s="16">
        <v>0</v>
      </c>
    </row>
    <row r="107291" spans="1:7" x14ac:dyDescent="0.3">
      <c r="A107291" s="13" t="s">
        <v>518</v>
      </c>
      <c r="B107291" s="14" t="s">
        <v>1</v>
      </c>
      <c r="C107291" s="14" t="s">
        <v>109</v>
      </c>
      <c r="D107291" s="14" t="s">
        <v>389</v>
      </c>
      <c r="E107291" s="15">
        <v>45722</v>
      </c>
      <c r="F107291" s="14" t="s">
        <v>61</v>
      </c>
      <c r="G107291" s="16">
        <v>0</v>
      </c>
    </row>
    <row r="107292" spans="1:7" x14ac:dyDescent="0.3">
      <c r="A107292" s="13" t="s">
        <v>518</v>
      </c>
      <c r="B107292" s="14" t="s">
        <v>1</v>
      </c>
      <c r="C107292" s="14" t="s">
        <v>109</v>
      </c>
      <c r="D107292" s="14" t="s">
        <v>389</v>
      </c>
      <c r="E107292" s="15">
        <v>45723</v>
      </c>
      <c r="F107292" s="14" t="s">
        <v>61</v>
      </c>
      <c r="G107292" s="16">
        <v>0</v>
      </c>
    </row>
    <row r="107293" spans="1:7" x14ac:dyDescent="0.3">
      <c r="A107293" s="13" t="s">
        <v>518</v>
      </c>
      <c r="B107293" s="14" t="s">
        <v>1</v>
      </c>
      <c r="C107293" s="14" t="s">
        <v>109</v>
      </c>
      <c r="D107293" s="14" t="s">
        <v>389</v>
      </c>
      <c r="E107293" s="15">
        <v>45724</v>
      </c>
      <c r="F107293" s="14" t="s">
        <v>61</v>
      </c>
      <c r="G107293" s="16">
        <v>0</v>
      </c>
    </row>
    <row r="107294" spans="1:7" x14ac:dyDescent="0.3">
      <c r="A107294" s="13" t="s">
        <v>518</v>
      </c>
      <c r="B107294" s="14" t="s">
        <v>1</v>
      </c>
      <c r="C107294" s="14" t="s">
        <v>109</v>
      </c>
      <c r="D107294" s="14" t="s">
        <v>389</v>
      </c>
      <c r="E107294" s="15">
        <v>45725</v>
      </c>
      <c r="F107294" s="14" t="s">
        <v>61</v>
      </c>
      <c r="G107294" s="16">
        <v>0</v>
      </c>
    </row>
    <row r="107295" spans="1:7" x14ac:dyDescent="0.3">
      <c r="A107295" s="13" t="s">
        <v>518</v>
      </c>
      <c r="B107295" s="14" t="s">
        <v>1</v>
      </c>
      <c r="C107295" s="14" t="s">
        <v>109</v>
      </c>
      <c r="D107295" s="14" t="s">
        <v>389</v>
      </c>
      <c r="E107295" s="15">
        <v>45726</v>
      </c>
      <c r="F107295" s="14" t="s">
        <v>61</v>
      </c>
      <c r="G107295" s="16">
        <v>0</v>
      </c>
    </row>
    <row r="107296" spans="1:7" x14ac:dyDescent="0.3">
      <c r="A107296" s="13" t="s">
        <v>518</v>
      </c>
      <c r="B107296" s="14" t="s">
        <v>1</v>
      </c>
      <c r="C107296" s="14" t="s">
        <v>109</v>
      </c>
      <c r="D107296" s="14" t="s">
        <v>389</v>
      </c>
      <c r="E107296" s="15">
        <v>45727</v>
      </c>
      <c r="F107296" s="14" t="s">
        <v>61</v>
      </c>
      <c r="G107296" s="16">
        <v>0</v>
      </c>
    </row>
    <row r="107297" spans="1:7" x14ac:dyDescent="0.3">
      <c r="A107297" s="13" t="s">
        <v>518</v>
      </c>
      <c r="B107297" s="14" t="s">
        <v>1</v>
      </c>
      <c r="C107297" s="14" t="s">
        <v>109</v>
      </c>
      <c r="D107297" s="14" t="s">
        <v>389</v>
      </c>
      <c r="E107297" s="15">
        <v>45728</v>
      </c>
      <c r="F107297" s="14" t="s">
        <v>61</v>
      </c>
      <c r="G107297" s="16">
        <v>0</v>
      </c>
    </row>
    <row r="107298" spans="1:7" x14ac:dyDescent="0.3">
      <c r="A107298" s="13" t="s">
        <v>518</v>
      </c>
      <c r="B107298" s="14" t="s">
        <v>1</v>
      </c>
      <c r="C107298" s="14" t="s">
        <v>109</v>
      </c>
      <c r="D107298" s="14" t="s">
        <v>389</v>
      </c>
      <c r="E107298" s="15">
        <v>45729</v>
      </c>
      <c r="F107298" s="14" t="s">
        <v>61</v>
      </c>
      <c r="G107298" s="16">
        <v>0</v>
      </c>
    </row>
    <row r="107299" spans="1:7" x14ac:dyDescent="0.3">
      <c r="A107299" s="13" t="s">
        <v>518</v>
      </c>
      <c r="B107299" s="14" t="s">
        <v>1</v>
      </c>
      <c r="C107299" s="14" t="s">
        <v>109</v>
      </c>
      <c r="D107299" s="14" t="s">
        <v>389</v>
      </c>
      <c r="E107299" s="15">
        <v>45730</v>
      </c>
      <c r="F107299" s="14" t="s">
        <v>61</v>
      </c>
      <c r="G107299" s="16">
        <v>0</v>
      </c>
    </row>
    <row r="107300" spans="1:7" x14ac:dyDescent="0.3">
      <c r="A107300" s="13" t="s">
        <v>518</v>
      </c>
      <c r="B107300" s="14" t="s">
        <v>1</v>
      </c>
      <c r="C107300" s="14" t="s">
        <v>109</v>
      </c>
      <c r="D107300" s="14" t="s">
        <v>389</v>
      </c>
      <c r="E107300" s="15">
        <v>45731</v>
      </c>
      <c r="F107300" s="14" t="s">
        <v>61</v>
      </c>
      <c r="G107300" s="16">
        <v>0</v>
      </c>
    </row>
    <row r="107301" spans="1:7" x14ac:dyDescent="0.3">
      <c r="A107301" s="13" t="s">
        <v>518</v>
      </c>
      <c r="B107301" s="14" t="s">
        <v>1</v>
      </c>
      <c r="C107301" s="14" t="s">
        <v>109</v>
      </c>
      <c r="D107301" s="14" t="s">
        <v>389</v>
      </c>
      <c r="E107301" s="15">
        <v>45732</v>
      </c>
      <c r="F107301" s="14" t="s">
        <v>61</v>
      </c>
      <c r="G107301" s="16">
        <v>0</v>
      </c>
    </row>
    <row r="107302" spans="1:7" x14ac:dyDescent="0.3">
      <c r="A107302" s="13" t="s">
        <v>518</v>
      </c>
      <c r="B107302" s="14" t="s">
        <v>1</v>
      </c>
      <c r="C107302" s="14" t="s">
        <v>109</v>
      </c>
      <c r="D107302" s="14" t="s">
        <v>389</v>
      </c>
      <c r="E107302" s="15">
        <v>45733</v>
      </c>
      <c r="F107302" s="14" t="s">
        <v>61</v>
      </c>
      <c r="G107302" s="16">
        <v>0</v>
      </c>
    </row>
    <row r="107303" spans="1:7" x14ac:dyDescent="0.3">
      <c r="A107303" s="13" t="s">
        <v>518</v>
      </c>
      <c r="B107303" s="14" t="s">
        <v>1</v>
      </c>
      <c r="C107303" s="14" t="s">
        <v>109</v>
      </c>
      <c r="D107303" s="14" t="s">
        <v>389</v>
      </c>
      <c r="E107303" s="15">
        <v>45734</v>
      </c>
      <c r="F107303" s="14" t="s">
        <v>61</v>
      </c>
      <c r="G107303" s="16">
        <v>0</v>
      </c>
    </row>
    <row r="107304" spans="1:7" x14ac:dyDescent="0.3">
      <c r="A107304" s="13" t="s">
        <v>518</v>
      </c>
      <c r="B107304" s="14" t="s">
        <v>1</v>
      </c>
      <c r="C107304" s="14" t="s">
        <v>109</v>
      </c>
      <c r="D107304" s="14" t="s">
        <v>389</v>
      </c>
      <c r="E107304" s="15">
        <v>45735</v>
      </c>
      <c r="F107304" s="14" t="s">
        <v>61</v>
      </c>
      <c r="G107304" s="16">
        <v>0</v>
      </c>
    </row>
    <row r="107305" spans="1:7" x14ac:dyDescent="0.3">
      <c r="A107305" s="13" t="s">
        <v>518</v>
      </c>
      <c r="B107305" s="14" t="s">
        <v>1</v>
      </c>
      <c r="C107305" s="14" t="s">
        <v>109</v>
      </c>
      <c r="D107305" s="14" t="s">
        <v>389</v>
      </c>
      <c r="E107305" s="15">
        <v>45736</v>
      </c>
      <c r="F107305" s="14" t="s">
        <v>61</v>
      </c>
      <c r="G107305" s="16">
        <v>0</v>
      </c>
    </row>
    <row r="107306" spans="1:7" x14ac:dyDescent="0.3">
      <c r="A107306" s="13" t="s">
        <v>518</v>
      </c>
      <c r="B107306" s="14" t="s">
        <v>1</v>
      </c>
      <c r="C107306" s="14" t="s">
        <v>109</v>
      </c>
      <c r="D107306" s="14" t="s">
        <v>389</v>
      </c>
      <c r="E107306" s="15">
        <v>45737</v>
      </c>
      <c r="F107306" s="14" t="s">
        <v>61</v>
      </c>
      <c r="G107306" s="16">
        <v>0</v>
      </c>
    </row>
    <row r="107307" spans="1:7" x14ac:dyDescent="0.3">
      <c r="A107307" s="13" t="s">
        <v>518</v>
      </c>
      <c r="B107307" s="14" t="s">
        <v>1</v>
      </c>
      <c r="C107307" s="14" t="s">
        <v>109</v>
      </c>
      <c r="D107307" s="14" t="s">
        <v>389</v>
      </c>
      <c r="E107307" s="15">
        <v>45738</v>
      </c>
      <c r="F107307" s="14" t="s">
        <v>61</v>
      </c>
      <c r="G107307" s="16">
        <v>0</v>
      </c>
    </row>
    <row r="107308" spans="1:7" x14ac:dyDescent="0.3">
      <c r="A107308" s="13" t="s">
        <v>518</v>
      </c>
      <c r="B107308" s="14" t="s">
        <v>1</v>
      </c>
      <c r="C107308" s="14" t="s">
        <v>109</v>
      </c>
      <c r="D107308" s="14" t="s">
        <v>389</v>
      </c>
      <c r="E107308" s="15">
        <v>45739</v>
      </c>
      <c r="F107308" s="14" t="s">
        <v>61</v>
      </c>
      <c r="G107308" s="16">
        <v>0</v>
      </c>
    </row>
    <row r="107309" spans="1:7" x14ac:dyDescent="0.3">
      <c r="A107309" s="13" t="s">
        <v>518</v>
      </c>
      <c r="B107309" s="14" t="s">
        <v>1</v>
      </c>
      <c r="C107309" s="14" t="s">
        <v>109</v>
      </c>
      <c r="D107309" s="14" t="s">
        <v>389</v>
      </c>
      <c r="E107309" s="15">
        <v>45740</v>
      </c>
      <c r="F107309" s="14" t="s">
        <v>61</v>
      </c>
      <c r="G107309" s="16">
        <v>0</v>
      </c>
    </row>
    <row r="107310" spans="1:7" x14ac:dyDescent="0.3">
      <c r="A107310" s="13" t="s">
        <v>518</v>
      </c>
      <c r="B107310" s="14" t="s">
        <v>1</v>
      </c>
      <c r="C107310" s="14" t="s">
        <v>109</v>
      </c>
      <c r="D107310" s="14" t="s">
        <v>389</v>
      </c>
      <c r="E107310" s="15">
        <v>45741</v>
      </c>
      <c r="F107310" s="14" t="s">
        <v>61</v>
      </c>
      <c r="G107310" s="16">
        <v>0</v>
      </c>
    </row>
    <row r="107311" spans="1:7" x14ac:dyDescent="0.3">
      <c r="A107311" s="13" t="s">
        <v>518</v>
      </c>
      <c r="B107311" s="14" t="s">
        <v>1</v>
      </c>
      <c r="C107311" s="14" t="s">
        <v>109</v>
      </c>
      <c r="D107311" s="14" t="s">
        <v>389</v>
      </c>
      <c r="E107311" s="15">
        <v>45742</v>
      </c>
      <c r="F107311" s="14" t="s">
        <v>61</v>
      </c>
      <c r="G107311" s="16">
        <v>0</v>
      </c>
    </row>
    <row r="107312" spans="1:7" x14ac:dyDescent="0.3">
      <c r="A107312" s="13" t="s">
        <v>518</v>
      </c>
      <c r="B107312" s="14" t="s">
        <v>1</v>
      </c>
      <c r="C107312" s="14" t="s">
        <v>109</v>
      </c>
      <c r="D107312" s="14" t="s">
        <v>389</v>
      </c>
      <c r="E107312" s="15">
        <v>45743</v>
      </c>
      <c r="F107312" s="14" t="s">
        <v>61</v>
      </c>
      <c r="G107312" s="16">
        <v>0</v>
      </c>
    </row>
    <row r="107313" spans="1:7" x14ac:dyDescent="0.3">
      <c r="A107313" s="13" t="s">
        <v>518</v>
      </c>
      <c r="B107313" s="14" t="s">
        <v>1</v>
      </c>
      <c r="C107313" s="14" t="s">
        <v>109</v>
      </c>
      <c r="D107313" s="14" t="s">
        <v>389</v>
      </c>
      <c r="E107313" s="15">
        <v>45744</v>
      </c>
      <c r="F107313" s="14" t="s">
        <v>61</v>
      </c>
      <c r="G107313" s="16">
        <v>0</v>
      </c>
    </row>
    <row r="107314" spans="1:7" x14ac:dyDescent="0.3">
      <c r="A107314" s="13" t="s">
        <v>518</v>
      </c>
      <c r="B107314" s="14" t="s">
        <v>1</v>
      </c>
      <c r="C107314" s="14" t="s">
        <v>109</v>
      </c>
      <c r="D107314" s="14" t="s">
        <v>389</v>
      </c>
      <c r="E107314" s="15">
        <v>45745</v>
      </c>
      <c r="F107314" s="14" t="s">
        <v>61</v>
      </c>
      <c r="G107314" s="16">
        <v>0</v>
      </c>
    </row>
    <row r="107315" spans="1:7" x14ac:dyDescent="0.3">
      <c r="A107315" s="13" t="s">
        <v>518</v>
      </c>
      <c r="B107315" s="14" t="s">
        <v>1</v>
      </c>
      <c r="C107315" s="14" t="s">
        <v>109</v>
      </c>
      <c r="D107315" s="14" t="s">
        <v>389</v>
      </c>
      <c r="E107315" s="15">
        <v>45746</v>
      </c>
      <c r="F107315" s="14" t="s">
        <v>61</v>
      </c>
      <c r="G107315" s="16">
        <v>0</v>
      </c>
    </row>
    <row r="107316" spans="1:7" x14ac:dyDescent="0.3">
      <c r="A107316" s="13" t="s">
        <v>518</v>
      </c>
      <c r="B107316" s="14" t="s">
        <v>1</v>
      </c>
      <c r="C107316" s="14" t="s">
        <v>109</v>
      </c>
      <c r="D107316" s="14" t="s">
        <v>389</v>
      </c>
      <c r="E107316" s="15">
        <v>45747</v>
      </c>
      <c r="F107316" s="14" t="s">
        <v>61</v>
      </c>
      <c r="G107316" s="16">
        <v>0</v>
      </c>
    </row>
    <row r="107317" spans="1:7" x14ac:dyDescent="0.3">
      <c r="A107317" s="13" t="s">
        <v>519</v>
      </c>
      <c r="B107317" s="14" t="s">
        <v>1</v>
      </c>
      <c r="C107317" s="14" t="s">
        <v>51</v>
      </c>
      <c r="D107317" s="14" t="s">
        <v>107</v>
      </c>
      <c r="E107317" s="15">
        <v>45383</v>
      </c>
      <c r="F107317" s="14" t="s">
        <v>25</v>
      </c>
      <c r="G107317" s="16">
        <v>0</v>
      </c>
    </row>
    <row r="107318" spans="1:7" x14ac:dyDescent="0.3">
      <c r="A107318" s="13" t="s">
        <v>519</v>
      </c>
      <c r="B107318" s="14" t="s">
        <v>1</v>
      </c>
      <c r="C107318" s="14" t="s">
        <v>51</v>
      </c>
      <c r="D107318" s="14" t="s">
        <v>107</v>
      </c>
      <c r="E107318" s="15">
        <v>45384</v>
      </c>
      <c r="F107318" s="14" t="s">
        <v>25</v>
      </c>
      <c r="G107318" s="16">
        <v>0</v>
      </c>
    </row>
    <row r="107319" spans="1:7" x14ac:dyDescent="0.3">
      <c r="A107319" s="13" t="s">
        <v>519</v>
      </c>
      <c r="B107319" s="14" t="s">
        <v>1</v>
      </c>
      <c r="C107319" s="14" t="s">
        <v>51</v>
      </c>
      <c r="D107319" s="14" t="s">
        <v>107</v>
      </c>
      <c r="E107319" s="15">
        <v>45385</v>
      </c>
      <c r="F107319" s="14" t="s">
        <v>25</v>
      </c>
      <c r="G107319" s="16">
        <v>0</v>
      </c>
    </row>
    <row r="107320" spans="1:7" x14ac:dyDescent="0.3">
      <c r="A107320" s="13" t="s">
        <v>519</v>
      </c>
      <c r="B107320" s="14" t="s">
        <v>1</v>
      </c>
      <c r="C107320" s="14" t="s">
        <v>51</v>
      </c>
      <c r="D107320" s="14" t="s">
        <v>107</v>
      </c>
      <c r="E107320" s="15">
        <v>45386</v>
      </c>
      <c r="F107320" s="14" t="s">
        <v>25</v>
      </c>
      <c r="G107320" s="16">
        <v>0</v>
      </c>
    </row>
    <row r="107321" spans="1:7" x14ac:dyDescent="0.3">
      <c r="A107321" s="13" t="s">
        <v>519</v>
      </c>
      <c r="B107321" s="14" t="s">
        <v>1</v>
      </c>
      <c r="C107321" s="14" t="s">
        <v>51</v>
      </c>
      <c r="D107321" s="14" t="s">
        <v>107</v>
      </c>
      <c r="E107321" s="15">
        <v>45387</v>
      </c>
      <c r="F107321" s="14" t="s">
        <v>25</v>
      </c>
      <c r="G107321" s="16">
        <v>0</v>
      </c>
    </row>
    <row r="107322" spans="1:7" x14ac:dyDescent="0.3">
      <c r="A107322" s="13" t="s">
        <v>519</v>
      </c>
      <c r="B107322" s="14" t="s">
        <v>1</v>
      </c>
      <c r="C107322" s="14" t="s">
        <v>51</v>
      </c>
      <c r="D107322" s="14" t="s">
        <v>107</v>
      </c>
      <c r="E107322" s="15">
        <v>45388</v>
      </c>
      <c r="F107322" s="14" t="s">
        <v>25</v>
      </c>
      <c r="G107322" s="16">
        <v>0</v>
      </c>
    </row>
    <row r="107323" spans="1:7" x14ac:dyDescent="0.3">
      <c r="A107323" s="13" t="s">
        <v>519</v>
      </c>
      <c r="B107323" s="14" t="s">
        <v>1</v>
      </c>
      <c r="C107323" s="14" t="s">
        <v>51</v>
      </c>
      <c r="D107323" s="14" t="s">
        <v>107</v>
      </c>
      <c r="E107323" s="15">
        <v>45389</v>
      </c>
      <c r="F107323" s="14" t="s">
        <v>25</v>
      </c>
      <c r="G107323" s="16">
        <v>0</v>
      </c>
    </row>
    <row r="107324" spans="1:7" x14ac:dyDescent="0.3">
      <c r="A107324" s="13" t="s">
        <v>519</v>
      </c>
      <c r="B107324" s="14" t="s">
        <v>1</v>
      </c>
      <c r="C107324" s="14" t="s">
        <v>51</v>
      </c>
      <c r="D107324" s="14" t="s">
        <v>107</v>
      </c>
      <c r="E107324" s="15">
        <v>45390</v>
      </c>
      <c r="F107324" s="14" t="s">
        <v>25</v>
      </c>
      <c r="G107324" s="16">
        <v>0</v>
      </c>
    </row>
    <row r="107325" spans="1:7" x14ac:dyDescent="0.3">
      <c r="A107325" s="13" t="s">
        <v>519</v>
      </c>
      <c r="B107325" s="14" t="s">
        <v>1</v>
      </c>
      <c r="C107325" s="14" t="s">
        <v>51</v>
      </c>
      <c r="D107325" s="14" t="s">
        <v>107</v>
      </c>
      <c r="E107325" s="15">
        <v>45391</v>
      </c>
      <c r="F107325" s="14" t="s">
        <v>25</v>
      </c>
      <c r="G107325" s="16">
        <v>0</v>
      </c>
    </row>
    <row r="107326" spans="1:7" x14ac:dyDescent="0.3">
      <c r="A107326" s="13" t="s">
        <v>519</v>
      </c>
      <c r="B107326" s="14" t="s">
        <v>1</v>
      </c>
      <c r="C107326" s="14" t="s">
        <v>51</v>
      </c>
      <c r="D107326" s="14" t="s">
        <v>107</v>
      </c>
      <c r="E107326" s="15">
        <v>45392</v>
      </c>
      <c r="F107326" s="14" t="s">
        <v>25</v>
      </c>
      <c r="G107326" s="16">
        <v>0</v>
      </c>
    </row>
    <row r="107327" spans="1:7" x14ac:dyDescent="0.3">
      <c r="A107327" s="13" t="s">
        <v>519</v>
      </c>
      <c r="B107327" s="14" t="s">
        <v>1</v>
      </c>
      <c r="C107327" s="14" t="s">
        <v>51</v>
      </c>
      <c r="D107327" s="14" t="s">
        <v>107</v>
      </c>
      <c r="E107327" s="15">
        <v>45393</v>
      </c>
      <c r="F107327" s="14" t="s">
        <v>25</v>
      </c>
      <c r="G107327" s="16">
        <v>0</v>
      </c>
    </row>
    <row r="107328" spans="1:7" x14ac:dyDescent="0.3">
      <c r="A107328" s="13" t="s">
        <v>519</v>
      </c>
      <c r="B107328" s="14" t="s">
        <v>1</v>
      </c>
      <c r="C107328" s="14" t="s">
        <v>51</v>
      </c>
      <c r="D107328" s="14" t="s">
        <v>107</v>
      </c>
      <c r="E107328" s="15">
        <v>45394</v>
      </c>
      <c r="F107328" s="14" t="s">
        <v>25</v>
      </c>
      <c r="G107328" s="16">
        <v>0</v>
      </c>
    </row>
    <row r="107329" spans="1:7" x14ac:dyDescent="0.3">
      <c r="A107329" s="13" t="s">
        <v>519</v>
      </c>
      <c r="B107329" s="14" t="s">
        <v>1</v>
      </c>
      <c r="C107329" s="14" t="s">
        <v>51</v>
      </c>
      <c r="D107329" s="14" t="s">
        <v>107</v>
      </c>
      <c r="E107329" s="15">
        <v>45395</v>
      </c>
      <c r="F107329" s="14" t="s">
        <v>25</v>
      </c>
      <c r="G107329" s="16">
        <v>0</v>
      </c>
    </row>
    <row r="107330" spans="1:7" x14ac:dyDescent="0.3">
      <c r="A107330" s="13" t="s">
        <v>519</v>
      </c>
      <c r="B107330" s="14" t="s">
        <v>1</v>
      </c>
      <c r="C107330" s="14" t="s">
        <v>51</v>
      </c>
      <c r="D107330" s="14" t="s">
        <v>107</v>
      </c>
      <c r="E107330" s="15">
        <v>45396</v>
      </c>
      <c r="F107330" s="14" t="s">
        <v>25</v>
      </c>
      <c r="G107330" s="16">
        <v>0</v>
      </c>
    </row>
    <row r="107331" spans="1:7" x14ac:dyDescent="0.3">
      <c r="A107331" s="13" t="s">
        <v>519</v>
      </c>
      <c r="B107331" s="14" t="s">
        <v>1</v>
      </c>
      <c r="C107331" s="14" t="s">
        <v>51</v>
      </c>
      <c r="D107331" s="14" t="s">
        <v>107</v>
      </c>
      <c r="E107331" s="15">
        <v>45397</v>
      </c>
      <c r="F107331" s="14" t="s">
        <v>25</v>
      </c>
      <c r="G107331" s="16">
        <v>0</v>
      </c>
    </row>
    <row r="107332" spans="1:7" x14ac:dyDescent="0.3">
      <c r="A107332" s="13" t="s">
        <v>519</v>
      </c>
      <c r="B107332" s="14" t="s">
        <v>1</v>
      </c>
      <c r="C107332" s="14" t="s">
        <v>51</v>
      </c>
      <c r="D107332" s="14" t="s">
        <v>107</v>
      </c>
      <c r="E107332" s="15">
        <v>45398</v>
      </c>
      <c r="F107332" s="14" t="s">
        <v>25</v>
      </c>
      <c r="G107332" s="16">
        <v>0</v>
      </c>
    </row>
    <row r="107333" spans="1:7" x14ac:dyDescent="0.3">
      <c r="A107333" s="13" t="s">
        <v>519</v>
      </c>
      <c r="B107333" s="14" t="s">
        <v>1</v>
      </c>
      <c r="C107333" s="14" t="s">
        <v>51</v>
      </c>
      <c r="D107333" s="14" t="s">
        <v>107</v>
      </c>
      <c r="E107333" s="15">
        <v>45399</v>
      </c>
      <c r="F107333" s="14" t="s">
        <v>25</v>
      </c>
      <c r="G107333" s="16">
        <v>0</v>
      </c>
    </row>
    <row r="107334" spans="1:7" x14ac:dyDescent="0.3">
      <c r="A107334" s="13" t="s">
        <v>519</v>
      </c>
      <c r="B107334" s="14" t="s">
        <v>1</v>
      </c>
      <c r="C107334" s="14" t="s">
        <v>51</v>
      </c>
      <c r="D107334" s="14" t="s">
        <v>107</v>
      </c>
      <c r="E107334" s="15">
        <v>45400</v>
      </c>
      <c r="F107334" s="14" t="s">
        <v>25</v>
      </c>
      <c r="G107334" s="16">
        <v>0</v>
      </c>
    </row>
    <row r="107335" spans="1:7" x14ac:dyDescent="0.3">
      <c r="A107335" s="13" t="s">
        <v>519</v>
      </c>
      <c r="B107335" s="14" t="s">
        <v>1</v>
      </c>
      <c r="C107335" s="14" t="s">
        <v>51</v>
      </c>
      <c r="D107335" s="14" t="s">
        <v>107</v>
      </c>
      <c r="E107335" s="15">
        <v>45401</v>
      </c>
      <c r="F107335" s="14" t="s">
        <v>25</v>
      </c>
      <c r="G107335" s="16">
        <v>0</v>
      </c>
    </row>
    <row r="107336" spans="1:7" x14ac:dyDescent="0.3">
      <c r="A107336" s="13" t="s">
        <v>519</v>
      </c>
      <c r="B107336" s="14" t="s">
        <v>1</v>
      </c>
      <c r="C107336" s="14" t="s">
        <v>51</v>
      </c>
      <c r="D107336" s="14" t="s">
        <v>107</v>
      </c>
      <c r="E107336" s="15">
        <v>45402</v>
      </c>
      <c r="F107336" s="14" t="s">
        <v>25</v>
      </c>
      <c r="G107336" s="16">
        <v>0</v>
      </c>
    </row>
    <row r="107337" spans="1:7" x14ac:dyDescent="0.3">
      <c r="A107337" s="13" t="s">
        <v>519</v>
      </c>
      <c r="B107337" s="14" t="s">
        <v>1</v>
      </c>
      <c r="C107337" s="14" t="s">
        <v>51</v>
      </c>
      <c r="D107337" s="14" t="s">
        <v>107</v>
      </c>
      <c r="E107337" s="15">
        <v>45403</v>
      </c>
      <c r="F107337" s="14" t="s">
        <v>25</v>
      </c>
      <c r="G107337" s="16">
        <v>0</v>
      </c>
    </row>
    <row r="107338" spans="1:7" x14ac:dyDescent="0.3">
      <c r="A107338" s="13" t="s">
        <v>519</v>
      </c>
      <c r="B107338" s="14" t="s">
        <v>1</v>
      </c>
      <c r="C107338" s="14" t="s">
        <v>51</v>
      </c>
      <c r="D107338" s="14" t="s">
        <v>107</v>
      </c>
      <c r="E107338" s="15">
        <v>45404</v>
      </c>
      <c r="F107338" s="14" t="s">
        <v>25</v>
      </c>
      <c r="G107338" s="16">
        <v>0</v>
      </c>
    </row>
    <row r="107339" spans="1:7" x14ac:dyDescent="0.3">
      <c r="A107339" s="13" t="s">
        <v>519</v>
      </c>
      <c r="B107339" s="14" t="s">
        <v>1</v>
      </c>
      <c r="C107339" s="14" t="s">
        <v>51</v>
      </c>
      <c r="D107339" s="14" t="s">
        <v>107</v>
      </c>
      <c r="E107339" s="15">
        <v>45405</v>
      </c>
      <c r="F107339" s="14" t="s">
        <v>25</v>
      </c>
      <c r="G107339" s="16">
        <v>0</v>
      </c>
    </row>
    <row r="107340" spans="1:7" x14ac:dyDescent="0.3">
      <c r="A107340" s="13" t="s">
        <v>519</v>
      </c>
      <c r="B107340" s="14" t="s">
        <v>1</v>
      </c>
      <c r="C107340" s="14" t="s">
        <v>51</v>
      </c>
      <c r="D107340" s="14" t="s">
        <v>107</v>
      </c>
      <c r="E107340" s="15">
        <v>45406</v>
      </c>
      <c r="F107340" s="14" t="s">
        <v>25</v>
      </c>
      <c r="G107340" s="16">
        <v>0</v>
      </c>
    </row>
    <row r="107341" spans="1:7" x14ac:dyDescent="0.3">
      <c r="A107341" s="13" t="s">
        <v>519</v>
      </c>
      <c r="B107341" s="14" t="s">
        <v>1</v>
      </c>
      <c r="C107341" s="14" t="s">
        <v>51</v>
      </c>
      <c r="D107341" s="14" t="s">
        <v>107</v>
      </c>
      <c r="E107341" s="15">
        <v>45407</v>
      </c>
      <c r="F107341" s="14" t="s">
        <v>25</v>
      </c>
      <c r="G107341" s="16">
        <v>0</v>
      </c>
    </row>
    <row r="107342" spans="1:7" x14ac:dyDescent="0.3">
      <c r="A107342" s="13" t="s">
        <v>519</v>
      </c>
      <c r="B107342" s="14" t="s">
        <v>1</v>
      </c>
      <c r="C107342" s="14" t="s">
        <v>51</v>
      </c>
      <c r="D107342" s="14" t="s">
        <v>107</v>
      </c>
      <c r="E107342" s="15">
        <v>45408</v>
      </c>
      <c r="F107342" s="14" t="s">
        <v>25</v>
      </c>
      <c r="G107342" s="16">
        <v>0</v>
      </c>
    </row>
    <row r="107343" spans="1:7" x14ac:dyDescent="0.3">
      <c r="A107343" s="13" t="s">
        <v>519</v>
      </c>
      <c r="B107343" s="14" t="s">
        <v>1</v>
      </c>
      <c r="C107343" s="14" t="s">
        <v>51</v>
      </c>
      <c r="D107343" s="14" t="s">
        <v>107</v>
      </c>
      <c r="E107343" s="15">
        <v>45409</v>
      </c>
      <c r="F107343" s="14" t="s">
        <v>25</v>
      </c>
      <c r="G107343" s="16">
        <v>0</v>
      </c>
    </row>
    <row r="107344" spans="1:7" x14ac:dyDescent="0.3">
      <c r="A107344" s="13" t="s">
        <v>519</v>
      </c>
      <c r="B107344" s="14" t="s">
        <v>1</v>
      </c>
      <c r="C107344" s="14" t="s">
        <v>51</v>
      </c>
      <c r="D107344" s="14" t="s">
        <v>107</v>
      </c>
      <c r="E107344" s="15">
        <v>45410</v>
      </c>
      <c r="F107344" s="14" t="s">
        <v>25</v>
      </c>
      <c r="G107344" s="16">
        <v>0</v>
      </c>
    </row>
    <row r="107345" spans="1:7" x14ac:dyDescent="0.3">
      <c r="A107345" s="13" t="s">
        <v>519</v>
      </c>
      <c r="B107345" s="14" t="s">
        <v>1</v>
      </c>
      <c r="C107345" s="14" t="s">
        <v>51</v>
      </c>
      <c r="D107345" s="14" t="s">
        <v>107</v>
      </c>
      <c r="E107345" s="15">
        <v>45411</v>
      </c>
      <c r="F107345" s="14" t="s">
        <v>25</v>
      </c>
      <c r="G107345" s="16">
        <v>0</v>
      </c>
    </row>
    <row r="107346" spans="1:7" x14ac:dyDescent="0.3">
      <c r="A107346" s="13" t="s">
        <v>519</v>
      </c>
      <c r="B107346" s="14" t="s">
        <v>1</v>
      </c>
      <c r="C107346" s="14" t="s">
        <v>51</v>
      </c>
      <c r="D107346" s="14" t="s">
        <v>107</v>
      </c>
      <c r="E107346" s="15">
        <v>45412</v>
      </c>
      <c r="F107346" s="14" t="s">
        <v>25</v>
      </c>
      <c r="G107346" s="16">
        <v>0</v>
      </c>
    </row>
    <row r="107347" spans="1:7" x14ac:dyDescent="0.3">
      <c r="A107347" s="13" t="s">
        <v>519</v>
      </c>
      <c r="B107347" s="14" t="s">
        <v>1</v>
      </c>
      <c r="C107347" s="14" t="s">
        <v>51</v>
      </c>
      <c r="D107347" s="14" t="s">
        <v>107</v>
      </c>
      <c r="E107347" s="15">
        <v>45413</v>
      </c>
      <c r="F107347" s="14" t="s">
        <v>25</v>
      </c>
      <c r="G107347" s="16">
        <v>0</v>
      </c>
    </row>
    <row r="107348" spans="1:7" x14ac:dyDescent="0.3">
      <c r="A107348" s="13" t="s">
        <v>519</v>
      </c>
      <c r="B107348" s="14" t="s">
        <v>1</v>
      </c>
      <c r="C107348" s="14" t="s">
        <v>51</v>
      </c>
      <c r="D107348" s="14" t="s">
        <v>107</v>
      </c>
      <c r="E107348" s="15">
        <v>45414</v>
      </c>
      <c r="F107348" s="14" t="s">
        <v>25</v>
      </c>
      <c r="G107348" s="16">
        <v>0</v>
      </c>
    </row>
    <row r="107349" spans="1:7" x14ac:dyDescent="0.3">
      <c r="A107349" s="13" t="s">
        <v>519</v>
      </c>
      <c r="B107349" s="14" t="s">
        <v>1</v>
      </c>
      <c r="C107349" s="14" t="s">
        <v>51</v>
      </c>
      <c r="D107349" s="14" t="s">
        <v>107</v>
      </c>
      <c r="E107349" s="15">
        <v>45415</v>
      </c>
      <c r="F107349" s="14" t="s">
        <v>25</v>
      </c>
      <c r="G107349" s="16">
        <v>0</v>
      </c>
    </row>
    <row r="107350" spans="1:7" x14ac:dyDescent="0.3">
      <c r="A107350" s="13" t="s">
        <v>519</v>
      </c>
      <c r="B107350" s="14" t="s">
        <v>1</v>
      </c>
      <c r="C107350" s="14" t="s">
        <v>51</v>
      </c>
      <c r="D107350" s="14" t="s">
        <v>107</v>
      </c>
      <c r="E107350" s="15">
        <v>45416</v>
      </c>
      <c r="F107350" s="14" t="s">
        <v>25</v>
      </c>
      <c r="G107350" s="16">
        <v>0</v>
      </c>
    </row>
    <row r="107351" spans="1:7" x14ac:dyDescent="0.3">
      <c r="A107351" s="13" t="s">
        <v>519</v>
      </c>
      <c r="B107351" s="14" t="s">
        <v>1</v>
      </c>
      <c r="C107351" s="14" t="s">
        <v>51</v>
      </c>
      <c r="D107351" s="14" t="s">
        <v>107</v>
      </c>
      <c r="E107351" s="15">
        <v>45417</v>
      </c>
      <c r="F107351" s="14" t="s">
        <v>25</v>
      </c>
      <c r="G107351" s="16">
        <v>0</v>
      </c>
    </row>
    <row r="107352" spans="1:7" x14ac:dyDescent="0.3">
      <c r="A107352" s="13" t="s">
        <v>519</v>
      </c>
      <c r="B107352" s="14" t="s">
        <v>1</v>
      </c>
      <c r="C107352" s="14" t="s">
        <v>51</v>
      </c>
      <c r="D107352" s="14" t="s">
        <v>107</v>
      </c>
      <c r="E107352" s="15">
        <v>45418</v>
      </c>
      <c r="F107352" s="14" t="s">
        <v>25</v>
      </c>
      <c r="G107352" s="16">
        <v>0</v>
      </c>
    </row>
    <row r="107353" spans="1:7" x14ac:dyDescent="0.3">
      <c r="A107353" s="13" t="s">
        <v>519</v>
      </c>
      <c r="B107353" s="14" t="s">
        <v>1</v>
      </c>
      <c r="C107353" s="14" t="s">
        <v>51</v>
      </c>
      <c r="D107353" s="14" t="s">
        <v>107</v>
      </c>
      <c r="E107353" s="15">
        <v>45419</v>
      </c>
      <c r="F107353" s="14" t="s">
        <v>25</v>
      </c>
      <c r="G107353" s="16">
        <v>0</v>
      </c>
    </row>
    <row r="107354" spans="1:7" x14ac:dyDescent="0.3">
      <c r="A107354" s="13" t="s">
        <v>519</v>
      </c>
      <c r="B107354" s="14" t="s">
        <v>1</v>
      </c>
      <c r="C107354" s="14" t="s">
        <v>51</v>
      </c>
      <c r="D107354" s="14" t="s">
        <v>107</v>
      </c>
      <c r="E107354" s="15">
        <v>45420</v>
      </c>
      <c r="F107354" s="14" t="s">
        <v>25</v>
      </c>
      <c r="G107354" s="16">
        <v>0</v>
      </c>
    </row>
    <row r="107355" spans="1:7" x14ac:dyDescent="0.3">
      <c r="A107355" s="13" t="s">
        <v>519</v>
      </c>
      <c r="B107355" s="14" t="s">
        <v>1</v>
      </c>
      <c r="C107355" s="14" t="s">
        <v>51</v>
      </c>
      <c r="D107355" s="14" t="s">
        <v>107</v>
      </c>
      <c r="E107355" s="15">
        <v>45421</v>
      </c>
      <c r="F107355" s="14" t="s">
        <v>25</v>
      </c>
      <c r="G107355" s="16">
        <v>0</v>
      </c>
    </row>
    <row r="107356" spans="1:7" x14ac:dyDescent="0.3">
      <c r="A107356" s="13" t="s">
        <v>519</v>
      </c>
      <c r="B107356" s="14" t="s">
        <v>1</v>
      </c>
      <c r="C107356" s="14" t="s">
        <v>51</v>
      </c>
      <c r="D107356" s="14" t="s">
        <v>107</v>
      </c>
      <c r="E107356" s="15">
        <v>45422</v>
      </c>
      <c r="F107356" s="14" t="s">
        <v>25</v>
      </c>
      <c r="G107356" s="16">
        <v>0</v>
      </c>
    </row>
    <row r="107357" spans="1:7" x14ac:dyDescent="0.3">
      <c r="A107357" s="13" t="s">
        <v>519</v>
      </c>
      <c r="B107357" s="14" t="s">
        <v>1</v>
      </c>
      <c r="C107357" s="14" t="s">
        <v>51</v>
      </c>
      <c r="D107357" s="14" t="s">
        <v>107</v>
      </c>
      <c r="E107357" s="15">
        <v>45423</v>
      </c>
      <c r="F107357" s="14" t="s">
        <v>25</v>
      </c>
      <c r="G107357" s="16">
        <v>0</v>
      </c>
    </row>
    <row r="107358" spans="1:7" x14ac:dyDescent="0.3">
      <c r="A107358" s="13" t="s">
        <v>519</v>
      </c>
      <c r="B107358" s="14" t="s">
        <v>1</v>
      </c>
      <c r="C107358" s="14" t="s">
        <v>51</v>
      </c>
      <c r="D107358" s="14" t="s">
        <v>107</v>
      </c>
      <c r="E107358" s="15">
        <v>45424</v>
      </c>
      <c r="F107358" s="14" t="s">
        <v>25</v>
      </c>
      <c r="G107358" s="16">
        <v>0</v>
      </c>
    </row>
    <row r="107359" spans="1:7" x14ac:dyDescent="0.3">
      <c r="A107359" s="13" t="s">
        <v>519</v>
      </c>
      <c r="B107359" s="14" t="s">
        <v>1</v>
      </c>
      <c r="C107359" s="14" t="s">
        <v>51</v>
      </c>
      <c r="D107359" s="14" t="s">
        <v>107</v>
      </c>
      <c r="E107359" s="15">
        <v>45425</v>
      </c>
      <c r="F107359" s="14" t="s">
        <v>25</v>
      </c>
      <c r="G107359" s="16">
        <v>0</v>
      </c>
    </row>
    <row r="107360" spans="1:7" x14ac:dyDescent="0.3">
      <c r="A107360" s="13" t="s">
        <v>519</v>
      </c>
      <c r="B107360" s="14" t="s">
        <v>1</v>
      </c>
      <c r="C107360" s="14" t="s">
        <v>51</v>
      </c>
      <c r="D107360" s="14" t="s">
        <v>107</v>
      </c>
      <c r="E107360" s="15">
        <v>45426</v>
      </c>
      <c r="F107360" s="14" t="s">
        <v>25</v>
      </c>
      <c r="G107360" s="16">
        <v>0</v>
      </c>
    </row>
    <row r="107361" spans="1:7" x14ac:dyDescent="0.3">
      <c r="A107361" s="13" t="s">
        <v>519</v>
      </c>
      <c r="B107361" s="14" t="s">
        <v>1</v>
      </c>
      <c r="C107361" s="14" t="s">
        <v>51</v>
      </c>
      <c r="D107361" s="14" t="s">
        <v>107</v>
      </c>
      <c r="E107361" s="15">
        <v>45427</v>
      </c>
      <c r="F107361" s="14" t="s">
        <v>25</v>
      </c>
      <c r="G107361" s="16">
        <v>0</v>
      </c>
    </row>
    <row r="107362" spans="1:7" x14ac:dyDescent="0.3">
      <c r="A107362" s="13" t="s">
        <v>519</v>
      </c>
      <c r="B107362" s="14" t="s">
        <v>1</v>
      </c>
      <c r="C107362" s="14" t="s">
        <v>51</v>
      </c>
      <c r="D107362" s="14" t="s">
        <v>107</v>
      </c>
      <c r="E107362" s="15">
        <v>45428</v>
      </c>
      <c r="F107362" s="14" t="s">
        <v>25</v>
      </c>
      <c r="G107362" s="16">
        <v>0</v>
      </c>
    </row>
    <row r="107363" spans="1:7" x14ac:dyDescent="0.3">
      <c r="A107363" s="13" t="s">
        <v>519</v>
      </c>
      <c r="B107363" s="14" t="s">
        <v>1</v>
      </c>
      <c r="C107363" s="14" t="s">
        <v>51</v>
      </c>
      <c r="D107363" s="14" t="s">
        <v>107</v>
      </c>
      <c r="E107363" s="15">
        <v>45429</v>
      </c>
      <c r="F107363" s="14" t="s">
        <v>25</v>
      </c>
      <c r="G107363" s="16">
        <v>0</v>
      </c>
    </row>
    <row r="107364" spans="1:7" x14ac:dyDescent="0.3">
      <c r="A107364" s="13" t="s">
        <v>519</v>
      </c>
      <c r="B107364" s="14" t="s">
        <v>1</v>
      </c>
      <c r="C107364" s="14" t="s">
        <v>51</v>
      </c>
      <c r="D107364" s="14" t="s">
        <v>107</v>
      </c>
      <c r="E107364" s="15">
        <v>45430</v>
      </c>
      <c r="F107364" s="14" t="s">
        <v>25</v>
      </c>
      <c r="G107364" s="16">
        <v>0</v>
      </c>
    </row>
    <row r="107365" spans="1:7" x14ac:dyDescent="0.3">
      <c r="A107365" s="13" t="s">
        <v>519</v>
      </c>
      <c r="B107365" s="14" t="s">
        <v>1</v>
      </c>
      <c r="C107365" s="14" t="s">
        <v>51</v>
      </c>
      <c r="D107365" s="14" t="s">
        <v>107</v>
      </c>
      <c r="E107365" s="15">
        <v>45431</v>
      </c>
      <c r="F107365" s="14" t="s">
        <v>25</v>
      </c>
      <c r="G107365" s="16">
        <v>0</v>
      </c>
    </row>
    <row r="107366" spans="1:7" x14ac:dyDescent="0.3">
      <c r="A107366" s="13" t="s">
        <v>519</v>
      </c>
      <c r="B107366" s="14" t="s">
        <v>1</v>
      </c>
      <c r="C107366" s="14" t="s">
        <v>51</v>
      </c>
      <c r="D107366" s="14" t="s">
        <v>107</v>
      </c>
      <c r="E107366" s="15">
        <v>45432</v>
      </c>
      <c r="F107366" s="14" t="s">
        <v>25</v>
      </c>
      <c r="G107366" s="16">
        <v>0</v>
      </c>
    </row>
    <row r="107367" spans="1:7" x14ac:dyDescent="0.3">
      <c r="A107367" s="13" t="s">
        <v>519</v>
      </c>
      <c r="B107367" s="14" t="s">
        <v>1</v>
      </c>
      <c r="C107367" s="14" t="s">
        <v>51</v>
      </c>
      <c r="D107367" s="14" t="s">
        <v>107</v>
      </c>
      <c r="E107367" s="15">
        <v>45433</v>
      </c>
      <c r="F107367" s="14" t="s">
        <v>25</v>
      </c>
      <c r="G107367" s="16">
        <v>0</v>
      </c>
    </row>
    <row r="107368" spans="1:7" x14ac:dyDescent="0.3">
      <c r="A107368" s="13" t="s">
        <v>519</v>
      </c>
      <c r="B107368" s="14" t="s">
        <v>1</v>
      </c>
      <c r="C107368" s="14" t="s">
        <v>51</v>
      </c>
      <c r="D107368" s="14" t="s">
        <v>107</v>
      </c>
      <c r="E107368" s="15">
        <v>45434</v>
      </c>
      <c r="F107368" s="14" t="s">
        <v>25</v>
      </c>
      <c r="G107368" s="16">
        <v>0</v>
      </c>
    </row>
    <row r="107369" spans="1:7" x14ac:dyDescent="0.3">
      <c r="A107369" s="13" t="s">
        <v>519</v>
      </c>
      <c r="B107369" s="14" t="s">
        <v>1</v>
      </c>
      <c r="C107369" s="14" t="s">
        <v>51</v>
      </c>
      <c r="D107369" s="14" t="s">
        <v>107</v>
      </c>
      <c r="E107369" s="15">
        <v>45435</v>
      </c>
      <c r="F107369" s="14" t="s">
        <v>25</v>
      </c>
      <c r="G107369" s="16">
        <v>0</v>
      </c>
    </row>
    <row r="107370" spans="1:7" x14ac:dyDescent="0.3">
      <c r="A107370" s="13" t="s">
        <v>519</v>
      </c>
      <c r="B107370" s="14" t="s">
        <v>1</v>
      </c>
      <c r="C107370" s="14" t="s">
        <v>51</v>
      </c>
      <c r="D107370" s="14" t="s">
        <v>107</v>
      </c>
      <c r="E107370" s="15">
        <v>45436</v>
      </c>
      <c r="F107370" s="14" t="s">
        <v>25</v>
      </c>
      <c r="G107370" s="16">
        <v>0</v>
      </c>
    </row>
    <row r="107371" spans="1:7" x14ac:dyDescent="0.3">
      <c r="A107371" s="13" t="s">
        <v>519</v>
      </c>
      <c r="B107371" s="14" t="s">
        <v>1</v>
      </c>
      <c r="C107371" s="14" t="s">
        <v>51</v>
      </c>
      <c r="D107371" s="14" t="s">
        <v>107</v>
      </c>
      <c r="E107371" s="15">
        <v>45437</v>
      </c>
      <c r="F107371" s="14" t="s">
        <v>25</v>
      </c>
      <c r="G107371" s="16">
        <v>0</v>
      </c>
    </row>
    <row r="107372" spans="1:7" x14ac:dyDescent="0.3">
      <c r="A107372" s="13" t="s">
        <v>519</v>
      </c>
      <c r="B107372" s="14" t="s">
        <v>1</v>
      </c>
      <c r="C107372" s="14" t="s">
        <v>51</v>
      </c>
      <c r="D107372" s="14" t="s">
        <v>107</v>
      </c>
      <c r="E107372" s="15">
        <v>45438</v>
      </c>
      <c r="F107372" s="14" t="s">
        <v>25</v>
      </c>
      <c r="G107372" s="16">
        <v>0</v>
      </c>
    </row>
    <row r="107373" spans="1:7" x14ac:dyDescent="0.3">
      <c r="A107373" s="13" t="s">
        <v>519</v>
      </c>
      <c r="B107373" s="14" t="s">
        <v>1</v>
      </c>
      <c r="C107373" s="14" t="s">
        <v>51</v>
      </c>
      <c r="D107373" s="14" t="s">
        <v>107</v>
      </c>
      <c r="E107373" s="15">
        <v>45439</v>
      </c>
      <c r="F107373" s="14" t="s">
        <v>25</v>
      </c>
      <c r="G107373" s="16">
        <v>0</v>
      </c>
    </row>
    <row r="107374" spans="1:7" x14ac:dyDescent="0.3">
      <c r="A107374" s="13" t="s">
        <v>519</v>
      </c>
      <c r="B107374" s="14" t="s">
        <v>1</v>
      </c>
      <c r="C107374" s="14" t="s">
        <v>51</v>
      </c>
      <c r="D107374" s="14" t="s">
        <v>107</v>
      </c>
      <c r="E107374" s="15">
        <v>45440</v>
      </c>
      <c r="F107374" s="14" t="s">
        <v>25</v>
      </c>
      <c r="G107374" s="16">
        <v>0</v>
      </c>
    </row>
    <row r="107375" spans="1:7" x14ac:dyDescent="0.3">
      <c r="A107375" s="13" t="s">
        <v>519</v>
      </c>
      <c r="B107375" s="14" t="s">
        <v>1</v>
      </c>
      <c r="C107375" s="14" t="s">
        <v>51</v>
      </c>
      <c r="D107375" s="14" t="s">
        <v>107</v>
      </c>
      <c r="E107375" s="15">
        <v>45441</v>
      </c>
      <c r="F107375" s="14" t="s">
        <v>25</v>
      </c>
      <c r="G107375" s="16">
        <v>0</v>
      </c>
    </row>
    <row r="107376" spans="1:7" x14ac:dyDescent="0.3">
      <c r="A107376" s="13" t="s">
        <v>519</v>
      </c>
      <c r="B107376" s="14" t="s">
        <v>1</v>
      </c>
      <c r="C107376" s="14" t="s">
        <v>51</v>
      </c>
      <c r="D107376" s="14" t="s">
        <v>107</v>
      </c>
      <c r="E107376" s="15">
        <v>45442</v>
      </c>
      <c r="F107376" s="14" t="s">
        <v>25</v>
      </c>
      <c r="G107376" s="16">
        <v>0</v>
      </c>
    </row>
    <row r="107377" spans="1:7" x14ac:dyDescent="0.3">
      <c r="A107377" s="13" t="s">
        <v>519</v>
      </c>
      <c r="B107377" s="14" t="s">
        <v>1</v>
      </c>
      <c r="C107377" s="14" t="s">
        <v>51</v>
      </c>
      <c r="D107377" s="14" t="s">
        <v>107</v>
      </c>
      <c r="E107377" s="15">
        <v>45443</v>
      </c>
      <c r="F107377" s="14" t="s">
        <v>25</v>
      </c>
      <c r="G107377" s="16">
        <v>0</v>
      </c>
    </row>
    <row r="107378" spans="1:7" x14ac:dyDescent="0.3">
      <c r="A107378" s="13" t="s">
        <v>519</v>
      </c>
      <c r="B107378" s="14" t="s">
        <v>1</v>
      </c>
      <c r="C107378" s="14" t="s">
        <v>51</v>
      </c>
      <c r="D107378" s="14" t="s">
        <v>107</v>
      </c>
      <c r="E107378" s="15">
        <v>45444</v>
      </c>
      <c r="F107378" s="14" t="s">
        <v>25</v>
      </c>
      <c r="G107378" s="16">
        <v>0</v>
      </c>
    </row>
    <row r="107379" spans="1:7" x14ac:dyDescent="0.3">
      <c r="A107379" s="13" t="s">
        <v>519</v>
      </c>
      <c r="B107379" s="14" t="s">
        <v>1</v>
      </c>
      <c r="C107379" s="14" t="s">
        <v>51</v>
      </c>
      <c r="D107379" s="14" t="s">
        <v>107</v>
      </c>
      <c r="E107379" s="15">
        <v>45445</v>
      </c>
      <c r="F107379" s="14" t="s">
        <v>25</v>
      </c>
      <c r="G107379" s="16">
        <v>0</v>
      </c>
    </row>
    <row r="107380" spans="1:7" x14ac:dyDescent="0.3">
      <c r="A107380" s="13" t="s">
        <v>519</v>
      </c>
      <c r="B107380" s="14" t="s">
        <v>1</v>
      </c>
      <c r="C107380" s="14" t="s">
        <v>51</v>
      </c>
      <c r="D107380" s="14" t="s">
        <v>107</v>
      </c>
      <c r="E107380" s="15">
        <v>45446</v>
      </c>
      <c r="F107380" s="14" t="s">
        <v>25</v>
      </c>
      <c r="G107380" s="16">
        <v>0</v>
      </c>
    </row>
    <row r="107381" spans="1:7" x14ac:dyDescent="0.3">
      <c r="A107381" s="13" t="s">
        <v>519</v>
      </c>
      <c r="B107381" s="14" t="s">
        <v>1</v>
      </c>
      <c r="C107381" s="14" t="s">
        <v>51</v>
      </c>
      <c r="D107381" s="14" t="s">
        <v>107</v>
      </c>
      <c r="E107381" s="15">
        <v>45447</v>
      </c>
      <c r="F107381" s="14" t="s">
        <v>25</v>
      </c>
      <c r="G107381" s="16">
        <v>0</v>
      </c>
    </row>
    <row r="107382" spans="1:7" x14ac:dyDescent="0.3">
      <c r="A107382" s="13" t="s">
        <v>519</v>
      </c>
      <c r="B107382" s="14" t="s">
        <v>1</v>
      </c>
      <c r="C107382" s="14" t="s">
        <v>51</v>
      </c>
      <c r="D107382" s="14" t="s">
        <v>107</v>
      </c>
      <c r="E107382" s="15">
        <v>45448</v>
      </c>
      <c r="F107382" s="14" t="s">
        <v>25</v>
      </c>
      <c r="G107382" s="16">
        <v>0</v>
      </c>
    </row>
    <row r="107383" spans="1:7" x14ac:dyDescent="0.3">
      <c r="A107383" s="13" t="s">
        <v>519</v>
      </c>
      <c r="B107383" s="14" t="s">
        <v>1</v>
      </c>
      <c r="C107383" s="14" t="s">
        <v>51</v>
      </c>
      <c r="D107383" s="14" t="s">
        <v>107</v>
      </c>
      <c r="E107383" s="15">
        <v>45449</v>
      </c>
      <c r="F107383" s="14" t="s">
        <v>25</v>
      </c>
      <c r="G107383" s="16">
        <v>0</v>
      </c>
    </row>
    <row r="107384" spans="1:7" x14ac:dyDescent="0.3">
      <c r="A107384" s="13" t="s">
        <v>519</v>
      </c>
      <c r="B107384" s="14" t="s">
        <v>1</v>
      </c>
      <c r="C107384" s="14" t="s">
        <v>51</v>
      </c>
      <c r="D107384" s="14" t="s">
        <v>107</v>
      </c>
      <c r="E107384" s="15">
        <v>45450</v>
      </c>
      <c r="F107384" s="14" t="s">
        <v>25</v>
      </c>
      <c r="G107384" s="16">
        <v>0</v>
      </c>
    </row>
    <row r="107385" spans="1:7" x14ac:dyDescent="0.3">
      <c r="A107385" s="13" t="s">
        <v>519</v>
      </c>
      <c r="B107385" s="14" t="s">
        <v>1</v>
      </c>
      <c r="C107385" s="14" t="s">
        <v>51</v>
      </c>
      <c r="D107385" s="14" t="s">
        <v>107</v>
      </c>
      <c r="E107385" s="15">
        <v>45451</v>
      </c>
      <c r="F107385" s="14" t="s">
        <v>25</v>
      </c>
      <c r="G107385" s="16">
        <v>0</v>
      </c>
    </row>
    <row r="107386" spans="1:7" x14ac:dyDescent="0.3">
      <c r="A107386" s="13" t="s">
        <v>519</v>
      </c>
      <c r="B107386" s="14" t="s">
        <v>1</v>
      </c>
      <c r="C107386" s="14" t="s">
        <v>51</v>
      </c>
      <c r="D107386" s="14" t="s">
        <v>107</v>
      </c>
      <c r="E107386" s="15">
        <v>45452</v>
      </c>
      <c r="F107386" s="14" t="s">
        <v>25</v>
      </c>
      <c r="G107386" s="16">
        <v>0</v>
      </c>
    </row>
    <row r="107387" spans="1:7" x14ac:dyDescent="0.3">
      <c r="A107387" s="13" t="s">
        <v>519</v>
      </c>
      <c r="B107387" s="14" t="s">
        <v>1</v>
      </c>
      <c r="C107387" s="14" t="s">
        <v>51</v>
      </c>
      <c r="D107387" s="14" t="s">
        <v>107</v>
      </c>
      <c r="E107387" s="15">
        <v>45453</v>
      </c>
      <c r="F107387" s="14" t="s">
        <v>25</v>
      </c>
      <c r="G107387" s="16">
        <v>0</v>
      </c>
    </row>
    <row r="107388" spans="1:7" x14ac:dyDescent="0.3">
      <c r="A107388" s="13" t="s">
        <v>519</v>
      </c>
      <c r="B107388" s="14" t="s">
        <v>1</v>
      </c>
      <c r="C107388" s="14" t="s">
        <v>51</v>
      </c>
      <c r="D107388" s="14" t="s">
        <v>107</v>
      </c>
      <c r="E107388" s="15">
        <v>45454</v>
      </c>
      <c r="F107388" s="14" t="s">
        <v>25</v>
      </c>
      <c r="G107388" s="16">
        <v>0</v>
      </c>
    </row>
    <row r="107389" spans="1:7" x14ac:dyDescent="0.3">
      <c r="A107389" s="13" t="s">
        <v>519</v>
      </c>
      <c r="B107389" s="14" t="s">
        <v>1</v>
      </c>
      <c r="C107389" s="14" t="s">
        <v>51</v>
      </c>
      <c r="D107389" s="14" t="s">
        <v>107</v>
      </c>
      <c r="E107389" s="15">
        <v>45455</v>
      </c>
      <c r="F107389" s="14" t="s">
        <v>25</v>
      </c>
      <c r="G107389" s="16">
        <v>0</v>
      </c>
    </row>
    <row r="107390" spans="1:7" x14ac:dyDescent="0.3">
      <c r="A107390" s="13" t="s">
        <v>519</v>
      </c>
      <c r="B107390" s="14" t="s">
        <v>1</v>
      </c>
      <c r="C107390" s="14" t="s">
        <v>51</v>
      </c>
      <c r="D107390" s="14" t="s">
        <v>107</v>
      </c>
      <c r="E107390" s="15">
        <v>45456</v>
      </c>
      <c r="F107390" s="14" t="s">
        <v>25</v>
      </c>
      <c r="G107390" s="16">
        <v>0</v>
      </c>
    </row>
    <row r="107391" spans="1:7" x14ac:dyDescent="0.3">
      <c r="A107391" s="13" t="s">
        <v>519</v>
      </c>
      <c r="B107391" s="14" t="s">
        <v>1</v>
      </c>
      <c r="C107391" s="14" t="s">
        <v>51</v>
      </c>
      <c r="D107391" s="14" t="s">
        <v>107</v>
      </c>
      <c r="E107391" s="15">
        <v>45457</v>
      </c>
      <c r="F107391" s="14" t="s">
        <v>25</v>
      </c>
      <c r="G107391" s="16">
        <v>0</v>
      </c>
    </row>
    <row r="107392" spans="1:7" x14ac:dyDescent="0.3">
      <c r="A107392" s="13" t="s">
        <v>519</v>
      </c>
      <c r="B107392" s="14" t="s">
        <v>1</v>
      </c>
      <c r="C107392" s="14" t="s">
        <v>51</v>
      </c>
      <c r="D107392" s="14" t="s">
        <v>107</v>
      </c>
      <c r="E107392" s="15">
        <v>45458</v>
      </c>
      <c r="F107392" s="14" t="s">
        <v>25</v>
      </c>
      <c r="G107392" s="16">
        <v>0</v>
      </c>
    </row>
    <row r="107393" spans="1:7" x14ac:dyDescent="0.3">
      <c r="A107393" s="13" t="s">
        <v>519</v>
      </c>
      <c r="B107393" s="14" t="s">
        <v>1</v>
      </c>
      <c r="C107393" s="14" t="s">
        <v>51</v>
      </c>
      <c r="D107393" s="14" t="s">
        <v>107</v>
      </c>
      <c r="E107393" s="15">
        <v>45459</v>
      </c>
      <c r="F107393" s="14" t="s">
        <v>25</v>
      </c>
      <c r="G107393" s="16">
        <v>0</v>
      </c>
    </row>
    <row r="107394" spans="1:7" x14ac:dyDescent="0.3">
      <c r="A107394" s="13" t="s">
        <v>519</v>
      </c>
      <c r="B107394" s="14" t="s">
        <v>1</v>
      </c>
      <c r="C107394" s="14" t="s">
        <v>51</v>
      </c>
      <c r="D107394" s="14" t="s">
        <v>107</v>
      </c>
      <c r="E107394" s="15">
        <v>45460</v>
      </c>
      <c r="F107394" s="14" t="s">
        <v>25</v>
      </c>
      <c r="G107394" s="16">
        <v>0</v>
      </c>
    </row>
    <row r="107395" spans="1:7" x14ac:dyDescent="0.3">
      <c r="A107395" s="13" t="s">
        <v>519</v>
      </c>
      <c r="B107395" s="14" t="s">
        <v>1</v>
      </c>
      <c r="C107395" s="14" t="s">
        <v>51</v>
      </c>
      <c r="D107395" s="14" t="s">
        <v>107</v>
      </c>
      <c r="E107395" s="15">
        <v>45461</v>
      </c>
      <c r="F107395" s="14" t="s">
        <v>25</v>
      </c>
      <c r="G107395" s="16">
        <v>0</v>
      </c>
    </row>
    <row r="107396" spans="1:7" x14ac:dyDescent="0.3">
      <c r="A107396" s="13" t="s">
        <v>519</v>
      </c>
      <c r="B107396" s="14" t="s">
        <v>1</v>
      </c>
      <c r="C107396" s="14" t="s">
        <v>51</v>
      </c>
      <c r="D107396" s="14" t="s">
        <v>107</v>
      </c>
      <c r="E107396" s="15">
        <v>45462</v>
      </c>
      <c r="F107396" s="14" t="s">
        <v>25</v>
      </c>
      <c r="G107396" s="16">
        <v>0</v>
      </c>
    </row>
    <row r="107397" spans="1:7" x14ac:dyDescent="0.3">
      <c r="A107397" s="13" t="s">
        <v>519</v>
      </c>
      <c r="B107397" s="14" t="s">
        <v>1</v>
      </c>
      <c r="C107397" s="14" t="s">
        <v>51</v>
      </c>
      <c r="D107397" s="14" t="s">
        <v>107</v>
      </c>
      <c r="E107397" s="15">
        <v>45463</v>
      </c>
      <c r="F107397" s="14" t="s">
        <v>25</v>
      </c>
      <c r="G107397" s="16">
        <v>0</v>
      </c>
    </row>
    <row r="107398" spans="1:7" x14ac:dyDescent="0.3">
      <c r="A107398" s="13" t="s">
        <v>519</v>
      </c>
      <c r="B107398" s="14" t="s">
        <v>1</v>
      </c>
      <c r="C107398" s="14" t="s">
        <v>51</v>
      </c>
      <c r="D107398" s="14" t="s">
        <v>107</v>
      </c>
      <c r="E107398" s="15">
        <v>45464</v>
      </c>
      <c r="F107398" s="14" t="s">
        <v>25</v>
      </c>
      <c r="G107398" s="16">
        <v>0</v>
      </c>
    </row>
    <row r="107399" spans="1:7" x14ac:dyDescent="0.3">
      <c r="A107399" s="13" t="s">
        <v>519</v>
      </c>
      <c r="B107399" s="14" t="s">
        <v>1</v>
      </c>
      <c r="C107399" s="14" t="s">
        <v>51</v>
      </c>
      <c r="D107399" s="14" t="s">
        <v>107</v>
      </c>
      <c r="E107399" s="15">
        <v>45465</v>
      </c>
      <c r="F107399" s="14" t="s">
        <v>25</v>
      </c>
      <c r="G107399" s="16">
        <v>0</v>
      </c>
    </row>
    <row r="107400" spans="1:7" x14ac:dyDescent="0.3">
      <c r="A107400" s="13" t="s">
        <v>519</v>
      </c>
      <c r="B107400" s="14" t="s">
        <v>1</v>
      </c>
      <c r="C107400" s="14" t="s">
        <v>51</v>
      </c>
      <c r="D107400" s="14" t="s">
        <v>107</v>
      </c>
      <c r="E107400" s="15">
        <v>45466</v>
      </c>
      <c r="F107400" s="14" t="s">
        <v>25</v>
      </c>
      <c r="G107400" s="16">
        <v>0</v>
      </c>
    </row>
    <row r="107401" spans="1:7" x14ac:dyDescent="0.3">
      <c r="A107401" s="13" t="s">
        <v>519</v>
      </c>
      <c r="B107401" s="14" t="s">
        <v>1</v>
      </c>
      <c r="C107401" s="14" t="s">
        <v>51</v>
      </c>
      <c r="D107401" s="14" t="s">
        <v>107</v>
      </c>
      <c r="E107401" s="15">
        <v>45467</v>
      </c>
      <c r="F107401" s="14" t="s">
        <v>25</v>
      </c>
      <c r="G107401" s="16">
        <v>0</v>
      </c>
    </row>
    <row r="107402" spans="1:7" x14ac:dyDescent="0.3">
      <c r="A107402" s="13" t="s">
        <v>519</v>
      </c>
      <c r="B107402" s="14" t="s">
        <v>1</v>
      </c>
      <c r="C107402" s="14" t="s">
        <v>51</v>
      </c>
      <c r="D107402" s="14" t="s">
        <v>107</v>
      </c>
      <c r="E107402" s="15">
        <v>45468</v>
      </c>
      <c r="F107402" s="14" t="s">
        <v>25</v>
      </c>
      <c r="G107402" s="16">
        <v>0</v>
      </c>
    </row>
    <row r="107403" spans="1:7" x14ac:dyDescent="0.3">
      <c r="A107403" s="13" t="s">
        <v>519</v>
      </c>
      <c r="B107403" s="14" t="s">
        <v>1</v>
      </c>
      <c r="C107403" s="14" t="s">
        <v>51</v>
      </c>
      <c r="D107403" s="14" t="s">
        <v>107</v>
      </c>
      <c r="E107403" s="15">
        <v>45469</v>
      </c>
      <c r="F107403" s="14" t="s">
        <v>25</v>
      </c>
      <c r="G107403" s="16">
        <v>0</v>
      </c>
    </row>
    <row r="107404" spans="1:7" x14ac:dyDescent="0.3">
      <c r="A107404" s="13" t="s">
        <v>519</v>
      </c>
      <c r="B107404" s="14" t="s">
        <v>1</v>
      </c>
      <c r="C107404" s="14" t="s">
        <v>51</v>
      </c>
      <c r="D107404" s="14" t="s">
        <v>107</v>
      </c>
      <c r="E107404" s="15">
        <v>45470</v>
      </c>
      <c r="F107404" s="14" t="s">
        <v>25</v>
      </c>
      <c r="G107404" s="16">
        <v>0</v>
      </c>
    </row>
    <row r="107405" spans="1:7" x14ac:dyDescent="0.3">
      <c r="A107405" s="13" t="s">
        <v>519</v>
      </c>
      <c r="B107405" s="14" t="s">
        <v>1</v>
      </c>
      <c r="C107405" s="14" t="s">
        <v>51</v>
      </c>
      <c r="D107405" s="14" t="s">
        <v>107</v>
      </c>
      <c r="E107405" s="15">
        <v>45471</v>
      </c>
      <c r="F107405" s="14" t="s">
        <v>25</v>
      </c>
      <c r="G107405" s="16">
        <v>0</v>
      </c>
    </row>
    <row r="107406" spans="1:7" x14ac:dyDescent="0.3">
      <c r="A107406" s="13" t="s">
        <v>519</v>
      </c>
      <c r="B107406" s="14" t="s">
        <v>1</v>
      </c>
      <c r="C107406" s="14" t="s">
        <v>51</v>
      </c>
      <c r="D107406" s="14" t="s">
        <v>107</v>
      </c>
      <c r="E107406" s="15">
        <v>45472</v>
      </c>
      <c r="F107406" s="14" t="s">
        <v>25</v>
      </c>
      <c r="G107406" s="16">
        <v>0</v>
      </c>
    </row>
    <row r="107407" spans="1:7" x14ac:dyDescent="0.3">
      <c r="A107407" s="13" t="s">
        <v>519</v>
      </c>
      <c r="B107407" s="14" t="s">
        <v>1</v>
      </c>
      <c r="C107407" s="14" t="s">
        <v>51</v>
      </c>
      <c r="D107407" s="14" t="s">
        <v>107</v>
      </c>
      <c r="E107407" s="15">
        <v>45473</v>
      </c>
      <c r="F107407" s="14" t="s">
        <v>25</v>
      </c>
      <c r="G107407" s="16">
        <v>0</v>
      </c>
    </row>
    <row r="107408" spans="1:7" x14ac:dyDescent="0.3">
      <c r="A107408" s="13" t="s">
        <v>519</v>
      </c>
      <c r="B107408" s="14" t="s">
        <v>1</v>
      </c>
      <c r="C107408" s="14" t="s">
        <v>51</v>
      </c>
      <c r="D107408" s="14" t="s">
        <v>107</v>
      </c>
      <c r="E107408" s="15">
        <v>45474</v>
      </c>
      <c r="F107408" s="14" t="s">
        <v>25</v>
      </c>
      <c r="G107408" s="16">
        <v>0</v>
      </c>
    </row>
    <row r="107409" spans="1:7" x14ac:dyDescent="0.3">
      <c r="A107409" s="13" t="s">
        <v>519</v>
      </c>
      <c r="B107409" s="14" t="s">
        <v>1</v>
      </c>
      <c r="C107409" s="14" t="s">
        <v>51</v>
      </c>
      <c r="D107409" s="14" t="s">
        <v>107</v>
      </c>
      <c r="E107409" s="15">
        <v>45475</v>
      </c>
      <c r="F107409" s="14" t="s">
        <v>25</v>
      </c>
      <c r="G107409" s="16">
        <v>0</v>
      </c>
    </row>
    <row r="107410" spans="1:7" x14ac:dyDescent="0.3">
      <c r="A107410" s="13" t="s">
        <v>519</v>
      </c>
      <c r="B107410" s="14" t="s">
        <v>1</v>
      </c>
      <c r="C107410" s="14" t="s">
        <v>51</v>
      </c>
      <c r="D107410" s="14" t="s">
        <v>107</v>
      </c>
      <c r="E107410" s="15">
        <v>45476</v>
      </c>
      <c r="F107410" s="14" t="s">
        <v>25</v>
      </c>
      <c r="G107410" s="16">
        <v>0</v>
      </c>
    </row>
    <row r="107411" spans="1:7" x14ac:dyDescent="0.3">
      <c r="A107411" s="13" t="s">
        <v>519</v>
      </c>
      <c r="B107411" s="14" t="s">
        <v>1</v>
      </c>
      <c r="C107411" s="14" t="s">
        <v>51</v>
      </c>
      <c r="D107411" s="14" t="s">
        <v>107</v>
      </c>
      <c r="E107411" s="15">
        <v>45477</v>
      </c>
      <c r="F107411" s="14" t="s">
        <v>25</v>
      </c>
      <c r="G107411" s="16">
        <v>0</v>
      </c>
    </row>
    <row r="107412" spans="1:7" x14ac:dyDescent="0.3">
      <c r="A107412" s="13" t="s">
        <v>519</v>
      </c>
      <c r="B107412" s="14" t="s">
        <v>1</v>
      </c>
      <c r="C107412" s="14" t="s">
        <v>51</v>
      </c>
      <c r="D107412" s="14" t="s">
        <v>107</v>
      </c>
      <c r="E107412" s="15">
        <v>45478</v>
      </c>
      <c r="F107412" s="14" t="s">
        <v>25</v>
      </c>
      <c r="G107412" s="16">
        <v>0</v>
      </c>
    </row>
    <row r="107413" spans="1:7" x14ac:dyDescent="0.3">
      <c r="A107413" s="13" t="s">
        <v>519</v>
      </c>
      <c r="B107413" s="14" t="s">
        <v>1</v>
      </c>
      <c r="C107413" s="14" t="s">
        <v>51</v>
      </c>
      <c r="D107413" s="14" t="s">
        <v>107</v>
      </c>
      <c r="E107413" s="15">
        <v>45479</v>
      </c>
      <c r="F107413" s="14" t="s">
        <v>25</v>
      </c>
      <c r="G107413" s="16">
        <v>0</v>
      </c>
    </row>
    <row r="107414" spans="1:7" x14ac:dyDescent="0.3">
      <c r="A107414" s="13" t="s">
        <v>519</v>
      </c>
      <c r="B107414" s="14" t="s">
        <v>1</v>
      </c>
      <c r="C107414" s="14" t="s">
        <v>51</v>
      </c>
      <c r="D107414" s="14" t="s">
        <v>107</v>
      </c>
      <c r="E107414" s="15">
        <v>45480</v>
      </c>
      <c r="F107414" s="14" t="s">
        <v>25</v>
      </c>
      <c r="G107414" s="16">
        <v>0</v>
      </c>
    </row>
    <row r="107415" spans="1:7" x14ac:dyDescent="0.3">
      <c r="A107415" s="13" t="s">
        <v>519</v>
      </c>
      <c r="B107415" s="14" t="s">
        <v>1</v>
      </c>
      <c r="C107415" s="14" t="s">
        <v>51</v>
      </c>
      <c r="D107415" s="14" t="s">
        <v>107</v>
      </c>
      <c r="E107415" s="15">
        <v>45481</v>
      </c>
      <c r="F107415" s="14" t="s">
        <v>25</v>
      </c>
      <c r="G107415" s="16">
        <v>0</v>
      </c>
    </row>
    <row r="107416" spans="1:7" x14ac:dyDescent="0.3">
      <c r="A107416" s="13" t="s">
        <v>519</v>
      </c>
      <c r="B107416" s="14" t="s">
        <v>1</v>
      </c>
      <c r="C107416" s="14" t="s">
        <v>51</v>
      </c>
      <c r="D107416" s="14" t="s">
        <v>107</v>
      </c>
      <c r="E107416" s="15">
        <v>45482</v>
      </c>
      <c r="F107416" s="14" t="s">
        <v>25</v>
      </c>
      <c r="G107416" s="16">
        <v>0</v>
      </c>
    </row>
    <row r="107417" spans="1:7" x14ac:dyDescent="0.3">
      <c r="A107417" s="13" t="s">
        <v>519</v>
      </c>
      <c r="B107417" s="14" t="s">
        <v>1</v>
      </c>
      <c r="C107417" s="14" t="s">
        <v>51</v>
      </c>
      <c r="D107417" s="14" t="s">
        <v>107</v>
      </c>
      <c r="E107417" s="15">
        <v>45483</v>
      </c>
      <c r="F107417" s="14" t="s">
        <v>25</v>
      </c>
      <c r="G107417" s="16">
        <v>0</v>
      </c>
    </row>
    <row r="107418" spans="1:7" x14ac:dyDescent="0.3">
      <c r="A107418" s="13" t="s">
        <v>519</v>
      </c>
      <c r="B107418" s="14" t="s">
        <v>1</v>
      </c>
      <c r="C107418" s="14" t="s">
        <v>51</v>
      </c>
      <c r="D107418" s="14" t="s">
        <v>107</v>
      </c>
      <c r="E107418" s="15">
        <v>45484</v>
      </c>
      <c r="F107418" s="14" t="s">
        <v>25</v>
      </c>
      <c r="G107418" s="16">
        <v>0</v>
      </c>
    </row>
    <row r="107419" spans="1:7" x14ac:dyDescent="0.3">
      <c r="A107419" s="13" t="s">
        <v>519</v>
      </c>
      <c r="B107419" s="14" t="s">
        <v>1</v>
      </c>
      <c r="C107419" s="14" t="s">
        <v>51</v>
      </c>
      <c r="D107419" s="14" t="s">
        <v>107</v>
      </c>
      <c r="E107419" s="15">
        <v>45485</v>
      </c>
      <c r="F107419" s="14" t="s">
        <v>25</v>
      </c>
      <c r="G107419" s="16">
        <v>0</v>
      </c>
    </row>
    <row r="107420" spans="1:7" x14ac:dyDescent="0.3">
      <c r="A107420" s="13" t="s">
        <v>519</v>
      </c>
      <c r="B107420" s="14" t="s">
        <v>1</v>
      </c>
      <c r="C107420" s="14" t="s">
        <v>51</v>
      </c>
      <c r="D107420" s="14" t="s">
        <v>107</v>
      </c>
      <c r="E107420" s="15">
        <v>45486</v>
      </c>
      <c r="F107420" s="14" t="s">
        <v>25</v>
      </c>
      <c r="G107420" s="16">
        <v>0</v>
      </c>
    </row>
    <row r="107421" spans="1:7" x14ac:dyDescent="0.3">
      <c r="A107421" s="13" t="s">
        <v>519</v>
      </c>
      <c r="B107421" s="14" t="s">
        <v>1</v>
      </c>
      <c r="C107421" s="14" t="s">
        <v>51</v>
      </c>
      <c r="D107421" s="14" t="s">
        <v>107</v>
      </c>
      <c r="E107421" s="15">
        <v>45487</v>
      </c>
      <c r="F107421" s="14" t="s">
        <v>25</v>
      </c>
      <c r="G107421" s="16">
        <v>0</v>
      </c>
    </row>
    <row r="107422" spans="1:7" x14ac:dyDescent="0.3">
      <c r="A107422" s="13" t="s">
        <v>519</v>
      </c>
      <c r="B107422" s="14" t="s">
        <v>1</v>
      </c>
      <c r="C107422" s="14" t="s">
        <v>51</v>
      </c>
      <c r="D107422" s="14" t="s">
        <v>107</v>
      </c>
      <c r="E107422" s="15">
        <v>45488</v>
      </c>
      <c r="F107422" s="14" t="s">
        <v>25</v>
      </c>
      <c r="G107422" s="16">
        <v>0</v>
      </c>
    </row>
    <row r="107423" spans="1:7" x14ac:dyDescent="0.3">
      <c r="A107423" s="13" t="s">
        <v>519</v>
      </c>
      <c r="B107423" s="14" t="s">
        <v>1</v>
      </c>
      <c r="C107423" s="14" t="s">
        <v>51</v>
      </c>
      <c r="D107423" s="14" t="s">
        <v>107</v>
      </c>
      <c r="E107423" s="15">
        <v>45489</v>
      </c>
      <c r="F107423" s="14" t="s">
        <v>25</v>
      </c>
      <c r="G107423" s="16">
        <v>0</v>
      </c>
    </row>
    <row r="107424" spans="1:7" x14ac:dyDescent="0.3">
      <c r="A107424" s="13" t="s">
        <v>519</v>
      </c>
      <c r="B107424" s="14" t="s">
        <v>1</v>
      </c>
      <c r="C107424" s="14" t="s">
        <v>51</v>
      </c>
      <c r="D107424" s="14" t="s">
        <v>107</v>
      </c>
      <c r="E107424" s="15">
        <v>45490</v>
      </c>
      <c r="F107424" s="14" t="s">
        <v>25</v>
      </c>
      <c r="G107424" s="16">
        <v>0</v>
      </c>
    </row>
    <row r="107425" spans="1:7" x14ac:dyDescent="0.3">
      <c r="A107425" s="13" t="s">
        <v>519</v>
      </c>
      <c r="B107425" s="14" t="s">
        <v>1</v>
      </c>
      <c r="C107425" s="14" t="s">
        <v>51</v>
      </c>
      <c r="D107425" s="14" t="s">
        <v>107</v>
      </c>
      <c r="E107425" s="15">
        <v>45491</v>
      </c>
      <c r="F107425" s="14" t="s">
        <v>25</v>
      </c>
      <c r="G107425" s="16">
        <v>0</v>
      </c>
    </row>
    <row r="107426" spans="1:7" x14ac:dyDescent="0.3">
      <c r="A107426" s="13" t="s">
        <v>519</v>
      </c>
      <c r="B107426" s="14" t="s">
        <v>1</v>
      </c>
      <c r="C107426" s="14" t="s">
        <v>51</v>
      </c>
      <c r="D107426" s="14" t="s">
        <v>107</v>
      </c>
      <c r="E107426" s="15">
        <v>45492</v>
      </c>
      <c r="F107426" s="14" t="s">
        <v>25</v>
      </c>
      <c r="G107426" s="16">
        <v>0</v>
      </c>
    </row>
    <row r="107427" spans="1:7" x14ac:dyDescent="0.3">
      <c r="A107427" s="13" t="s">
        <v>519</v>
      </c>
      <c r="B107427" s="14" t="s">
        <v>1</v>
      </c>
      <c r="C107427" s="14" t="s">
        <v>51</v>
      </c>
      <c r="D107427" s="14" t="s">
        <v>107</v>
      </c>
      <c r="E107427" s="15">
        <v>45493</v>
      </c>
      <c r="F107427" s="14" t="s">
        <v>25</v>
      </c>
      <c r="G107427" s="16">
        <v>0</v>
      </c>
    </row>
    <row r="107428" spans="1:7" x14ac:dyDescent="0.3">
      <c r="A107428" s="13" t="s">
        <v>519</v>
      </c>
      <c r="B107428" s="14" t="s">
        <v>1</v>
      </c>
      <c r="C107428" s="14" t="s">
        <v>51</v>
      </c>
      <c r="D107428" s="14" t="s">
        <v>107</v>
      </c>
      <c r="E107428" s="15">
        <v>45494</v>
      </c>
      <c r="F107428" s="14" t="s">
        <v>25</v>
      </c>
      <c r="G107428" s="16">
        <v>0</v>
      </c>
    </row>
    <row r="107429" spans="1:7" x14ac:dyDescent="0.3">
      <c r="A107429" s="13" t="s">
        <v>519</v>
      </c>
      <c r="B107429" s="14" t="s">
        <v>1</v>
      </c>
      <c r="C107429" s="14" t="s">
        <v>51</v>
      </c>
      <c r="D107429" s="14" t="s">
        <v>107</v>
      </c>
      <c r="E107429" s="15">
        <v>45495</v>
      </c>
      <c r="F107429" s="14" t="s">
        <v>25</v>
      </c>
      <c r="G107429" s="16">
        <v>0</v>
      </c>
    </row>
    <row r="107430" spans="1:7" x14ac:dyDescent="0.3">
      <c r="A107430" s="13" t="s">
        <v>519</v>
      </c>
      <c r="B107430" s="14" t="s">
        <v>1</v>
      </c>
      <c r="C107430" s="14" t="s">
        <v>51</v>
      </c>
      <c r="D107430" s="14" t="s">
        <v>107</v>
      </c>
      <c r="E107430" s="15">
        <v>45496</v>
      </c>
      <c r="F107430" s="14" t="s">
        <v>25</v>
      </c>
      <c r="G107430" s="16">
        <v>0</v>
      </c>
    </row>
    <row r="107431" spans="1:7" x14ac:dyDescent="0.3">
      <c r="A107431" s="13" t="s">
        <v>519</v>
      </c>
      <c r="B107431" s="14" t="s">
        <v>1</v>
      </c>
      <c r="C107431" s="14" t="s">
        <v>51</v>
      </c>
      <c r="D107431" s="14" t="s">
        <v>107</v>
      </c>
      <c r="E107431" s="15">
        <v>45497</v>
      </c>
      <c r="F107431" s="14" t="s">
        <v>25</v>
      </c>
      <c r="G107431" s="16">
        <v>0</v>
      </c>
    </row>
    <row r="107432" spans="1:7" x14ac:dyDescent="0.3">
      <c r="A107432" s="13" t="s">
        <v>519</v>
      </c>
      <c r="B107432" s="14" t="s">
        <v>1</v>
      </c>
      <c r="C107432" s="14" t="s">
        <v>51</v>
      </c>
      <c r="D107432" s="14" t="s">
        <v>107</v>
      </c>
      <c r="E107432" s="15">
        <v>45498</v>
      </c>
      <c r="F107432" s="14" t="s">
        <v>25</v>
      </c>
      <c r="G107432" s="16">
        <v>0</v>
      </c>
    </row>
    <row r="107433" spans="1:7" x14ac:dyDescent="0.3">
      <c r="A107433" s="13" t="s">
        <v>519</v>
      </c>
      <c r="B107433" s="14" t="s">
        <v>1</v>
      </c>
      <c r="C107433" s="14" t="s">
        <v>51</v>
      </c>
      <c r="D107433" s="14" t="s">
        <v>107</v>
      </c>
      <c r="E107433" s="15">
        <v>45499</v>
      </c>
      <c r="F107433" s="14" t="s">
        <v>25</v>
      </c>
      <c r="G107433" s="16">
        <v>0</v>
      </c>
    </row>
    <row r="107434" spans="1:7" x14ac:dyDescent="0.3">
      <c r="A107434" s="13" t="s">
        <v>519</v>
      </c>
      <c r="B107434" s="14" t="s">
        <v>1</v>
      </c>
      <c r="C107434" s="14" t="s">
        <v>51</v>
      </c>
      <c r="D107434" s="14" t="s">
        <v>107</v>
      </c>
      <c r="E107434" s="15">
        <v>45500</v>
      </c>
      <c r="F107434" s="14" t="s">
        <v>25</v>
      </c>
      <c r="G107434" s="16">
        <v>0</v>
      </c>
    </row>
    <row r="107435" spans="1:7" x14ac:dyDescent="0.3">
      <c r="A107435" s="13" t="s">
        <v>519</v>
      </c>
      <c r="B107435" s="14" t="s">
        <v>1</v>
      </c>
      <c r="C107435" s="14" t="s">
        <v>51</v>
      </c>
      <c r="D107435" s="14" t="s">
        <v>107</v>
      </c>
      <c r="E107435" s="15">
        <v>45501</v>
      </c>
      <c r="F107435" s="14" t="s">
        <v>25</v>
      </c>
      <c r="G107435" s="16">
        <v>0</v>
      </c>
    </row>
    <row r="107436" spans="1:7" x14ac:dyDescent="0.3">
      <c r="A107436" s="13" t="s">
        <v>519</v>
      </c>
      <c r="B107436" s="14" t="s">
        <v>1</v>
      </c>
      <c r="C107436" s="14" t="s">
        <v>51</v>
      </c>
      <c r="D107436" s="14" t="s">
        <v>107</v>
      </c>
      <c r="E107436" s="15">
        <v>45502</v>
      </c>
      <c r="F107436" s="14" t="s">
        <v>25</v>
      </c>
      <c r="G107436" s="16">
        <v>0</v>
      </c>
    </row>
    <row r="107437" spans="1:7" x14ac:dyDescent="0.3">
      <c r="A107437" s="13" t="s">
        <v>519</v>
      </c>
      <c r="B107437" s="14" t="s">
        <v>1</v>
      </c>
      <c r="C107437" s="14" t="s">
        <v>51</v>
      </c>
      <c r="D107437" s="14" t="s">
        <v>107</v>
      </c>
      <c r="E107437" s="15">
        <v>45503</v>
      </c>
      <c r="F107437" s="14" t="s">
        <v>25</v>
      </c>
      <c r="G107437" s="16">
        <v>0</v>
      </c>
    </row>
    <row r="107438" spans="1:7" x14ac:dyDescent="0.3">
      <c r="A107438" s="13" t="s">
        <v>519</v>
      </c>
      <c r="B107438" s="14" t="s">
        <v>1</v>
      </c>
      <c r="C107438" s="14" t="s">
        <v>51</v>
      </c>
      <c r="D107438" s="14" t="s">
        <v>107</v>
      </c>
      <c r="E107438" s="15">
        <v>45504</v>
      </c>
      <c r="F107438" s="14" t="s">
        <v>25</v>
      </c>
      <c r="G107438" s="16">
        <v>0</v>
      </c>
    </row>
    <row r="107439" spans="1:7" x14ac:dyDescent="0.3">
      <c r="A107439" s="13" t="s">
        <v>519</v>
      </c>
      <c r="B107439" s="14" t="s">
        <v>1</v>
      </c>
      <c r="C107439" s="14" t="s">
        <v>51</v>
      </c>
      <c r="D107439" s="14" t="s">
        <v>107</v>
      </c>
      <c r="E107439" s="15">
        <v>45505</v>
      </c>
      <c r="F107439" s="14" t="s">
        <v>25</v>
      </c>
      <c r="G107439" s="16">
        <v>0</v>
      </c>
    </row>
    <row r="107440" spans="1:7" x14ac:dyDescent="0.3">
      <c r="A107440" s="13" t="s">
        <v>519</v>
      </c>
      <c r="B107440" s="14" t="s">
        <v>1</v>
      </c>
      <c r="C107440" s="14" t="s">
        <v>51</v>
      </c>
      <c r="D107440" s="14" t="s">
        <v>107</v>
      </c>
      <c r="E107440" s="15">
        <v>45506</v>
      </c>
      <c r="F107440" s="14" t="s">
        <v>25</v>
      </c>
      <c r="G107440" s="16">
        <v>0</v>
      </c>
    </row>
    <row r="107441" spans="1:7" x14ac:dyDescent="0.3">
      <c r="A107441" s="13" t="s">
        <v>519</v>
      </c>
      <c r="B107441" s="14" t="s">
        <v>1</v>
      </c>
      <c r="C107441" s="14" t="s">
        <v>51</v>
      </c>
      <c r="D107441" s="14" t="s">
        <v>107</v>
      </c>
      <c r="E107441" s="15">
        <v>45507</v>
      </c>
      <c r="F107441" s="14" t="s">
        <v>25</v>
      </c>
      <c r="G107441" s="16">
        <v>0</v>
      </c>
    </row>
    <row r="107442" spans="1:7" x14ac:dyDescent="0.3">
      <c r="A107442" s="13" t="s">
        <v>519</v>
      </c>
      <c r="B107442" s="14" t="s">
        <v>1</v>
      </c>
      <c r="C107442" s="14" t="s">
        <v>51</v>
      </c>
      <c r="D107442" s="14" t="s">
        <v>107</v>
      </c>
      <c r="E107442" s="15">
        <v>45508</v>
      </c>
      <c r="F107442" s="14" t="s">
        <v>25</v>
      </c>
      <c r="G107442" s="16">
        <v>0</v>
      </c>
    </row>
    <row r="107443" spans="1:7" x14ac:dyDescent="0.3">
      <c r="A107443" s="13" t="s">
        <v>519</v>
      </c>
      <c r="B107443" s="14" t="s">
        <v>1</v>
      </c>
      <c r="C107443" s="14" t="s">
        <v>51</v>
      </c>
      <c r="D107443" s="14" t="s">
        <v>107</v>
      </c>
      <c r="E107443" s="15">
        <v>45509</v>
      </c>
      <c r="F107443" s="14" t="s">
        <v>25</v>
      </c>
      <c r="G107443" s="16">
        <v>0</v>
      </c>
    </row>
    <row r="107444" spans="1:7" x14ac:dyDescent="0.3">
      <c r="A107444" s="13" t="s">
        <v>519</v>
      </c>
      <c r="B107444" s="14" t="s">
        <v>1</v>
      </c>
      <c r="C107444" s="14" t="s">
        <v>51</v>
      </c>
      <c r="D107444" s="14" t="s">
        <v>107</v>
      </c>
      <c r="E107444" s="15">
        <v>45510</v>
      </c>
      <c r="F107444" s="14" t="s">
        <v>25</v>
      </c>
      <c r="G107444" s="16">
        <v>0</v>
      </c>
    </row>
    <row r="107445" spans="1:7" x14ac:dyDescent="0.3">
      <c r="A107445" s="13" t="s">
        <v>519</v>
      </c>
      <c r="B107445" s="14" t="s">
        <v>1</v>
      </c>
      <c r="C107445" s="14" t="s">
        <v>51</v>
      </c>
      <c r="D107445" s="14" t="s">
        <v>107</v>
      </c>
      <c r="E107445" s="15">
        <v>45511</v>
      </c>
      <c r="F107445" s="14" t="s">
        <v>25</v>
      </c>
      <c r="G107445" s="16">
        <v>0</v>
      </c>
    </row>
    <row r="107446" spans="1:7" x14ac:dyDescent="0.3">
      <c r="A107446" s="13" t="s">
        <v>519</v>
      </c>
      <c r="B107446" s="14" t="s">
        <v>1</v>
      </c>
      <c r="C107446" s="14" t="s">
        <v>51</v>
      </c>
      <c r="D107446" s="14" t="s">
        <v>107</v>
      </c>
      <c r="E107446" s="15">
        <v>45512</v>
      </c>
      <c r="F107446" s="14" t="s">
        <v>25</v>
      </c>
      <c r="G107446" s="16">
        <v>0</v>
      </c>
    </row>
    <row r="107447" spans="1:7" x14ac:dyDescent="0.3">
      <c r="A107447" s="13" t="s">
        <v>519</v>
      </c>
      <c r="B107447" s="14" t="s">
        <v>1</v>
      </c>
      <c r="C107447" s="14" t="s">
        <v>51</v>
      </c>
      <c r="D107447" s="14" t="s">
        <v>107</v>
      </c>
      <c r="E107447" s="15">
        <v>45513</v>
      </c>
      <c r="F107447" s="14" t="s">
        <v>25</v>
      </c>
      <c r="G107447" s="16">
        <v>0</v>
      </c>
    </row>
    <row r="107448" spans="1:7" x14ac:dyDescent="0.3">
      <c r="A107448" s="13" t="s">
        <v>519</v>
      </c>
      <c r="B107448" s="14" t="s">
        <v>1</v>
      </c>
      <c r="C107448" s="14" t="s">
        <v>51</v>
      </c>
      <c r="D107448" s="14" t="s">
        <v>107</v>
      </c>
      <c r="E107448" s="15">
        <v>45514</v>
      </c>
      <c r="F107448" s="14" t="s">
        <v>25</v>
      </c>
      <c r="G107448" s="16">
        <v>0</v>
      </c>
    </row>
    <row r="107449" spans="1:7" x14ac:dyDescent="0.3">
      <c r="A107449" s="13" t="s">
        <v>519</v>
      </c>
      <c r="B107449" s="14" t="s">
        <v>1</v>
      </c>
      <c r="C107449" s="14" t="s">
        <v>51</v>
      </c>
      <c r="D107449" s="14" t="s">
        <v>107</v>
      </c>
      <c r="E107449" s="15">
        <v>45515</v>
      </c>
      <c r="F107449" s="14" t="s">
        <v>25</v>
      </c>
      <c r="G107449" s="16">
        <v>0</v>
      </c>
    </row>
    <row r="107450" spans="1:7" x14ac:dyDescent="0.3">
      <c r="A107450" s="13" t="s">
        <v>519</v>
      </c>
      <c r="B107450" s="14" t="s">
        <v>1</v>
      </c>
      <c r="C107450" s="14" t="s">
        <v>51</v>
      </c>
      <c r="D107450" s="14" t="s">
        <v>107</v>
      </c>
      <c r="E107450" s="15">
        <v>45516</v>
      </c>
      <c r="F107450" s="14" t="s">
        <v>25</v>
      </c>
      <c r="G107450" s="16">
        <v>0</v>
      </c>
    </row>
    <row r="107451" spans="1:7" x14ac:dyDescent="0.3">
      <c r="A107451" s="13" t="s">
        <v>519</v>
      </c>
      <c r="B107451" s="14" t="s">
        <v>1</v>
      </c>
      <c r="C107451" s="14" t="s">
        <v>51</v>
      </c>
      <c r="D107451" s="14" t="s">
        <v>107</v>
      </c>
      <c r="E107451" s="15">
        <v>45517</v>
      </c>
      <c r="F107451" s="14" t="s">
        <v>25</v>
      </c>
      <c r="G107451" s="16">
        <v>0</v>
      </c>
    </row>
    <row r="107452" spans="1:7" x14ac:dyDescent="0.3">
      <c r="A107452" s="13" t="s">
        <v>519</v>
      </c>
      <c r="B107452" s="14" t="s">
        <v>1</v>
      </c>
      <c r="C107452" s="14" t="s">
        <v>51</v>
      </c>
      <c r="D107452" s="14" t="s">
        <v>107</v>
      </c>
      <c r="E107452" s="15">
        <v>45518</v>
      </c>
      <c r="F107452" s="14" t="s">
        <v>25</v>
      </c>
      <c r="G107452" s="16">
        <v>0</v>
      </c>
    </row>
    <row r="107453" spans="1:7" x14ac:dyDescent="0.3">
      <c r="A107453" s="13" t="s">
        <v>519</v>
      </c>
      <c r="B107453" s="14" t="s">
        <v>1</v>
      </c>
      <c r="C107453" s="14" t="s">
        <v>51</v>
      </c>
      <c r="D107453" s="14" t="s">
        <v>107</v>
      </c>
      <c r="E107453" s="15">
        <v>45519</v>
      </c>
      <c r="F107453" s="14" t="s">
        <v>25</v>
      </c>
      <c r="G107453" s="16">
        <v>0</v>
      </c>
    </row>
    <row r="107454" spans="1:7" x14ac:dyDescent="0.3">
      <c r="A107454" s="13" t="s">
        <v>519</v>
      </c>
      <c r="B107454" s="14" t="s">
        <v>1</v>
      </c>
      <c r="C107454" s="14" t="s">
        <v>51</v>
      </c>
      <c r="D107454" s="14" t="s">
        <v>107</v>
      </c>
      <c r="E107454" s="15">
        <v>45520</v>
      </c>
      <c r="F107454" s="14" t="s">
        <v>25</v>
      </c>
      <c r="G107454" s="16">
        <v>0</v>
      </c>
    </row>
    <row r="107455" spans="1:7" x14ac:dyDescent="0.3">
      <c r="A107455" s="13" t="s">
        <v>519</v>
      </c>
      <c r="B107455" s="14" t="s">
        <v>1</v>
      </c>
      <c r="C107455" s="14" t="s">
        <v>51</v>
      </c>
      <c r="D107455" s="14" t="s">
        <v>107</v>
      </c>
      <c r="E107455" s="15">
        <v>45521</v>
      </c>
      <c r="F107455" s="14" t="s">
        <v>25</v>
      </c>
      <c r="G107455" s="16">
        <v>0</v>
      </c>
    </row>
    <row r="107456" spans="1:7" x14ac:dyDescent="0.3">
      <c r="A107456" s="13" t="s">
        <v>519</v>
      </c>
      <c r="B107456" s="14" t="s">
        <v>1</v>
      </c>
      <c r="C107456" s="14" t="s">
        <v>51</v>
      </c>
      <c r="D107456" s="14" t="s">
        <v>107</v>
      </c>
      <c r="E107456" s="15">
        <v>45522</v>
      </c>
      <c r="F107456" s="14" t="s">
        <v>25</v>
      </c>
      <c r="G107456" s="16">
        <v>0</v>
      </c>
    </row>
    <row r="107457" spans="1:7" x14ac:dyDescent="0.3">
      <c r="A107457" s="13" t="s">
        <v>519</v>
      </c>
      <c r="B107457" s="14" t="s">
        <v>1</v>
      </c>
      <c r="C107457" s="14" t="s">
        <v>51</v>
      </c>
      <c r="D107457" s="14" t="s">
        <v>107</v>
      </c>
      <c r="E107457" s="15">
        <v>45523</v>
      </c>
      <c r="F107457" s="14" t="s">
        <v>25</v>
      </c>
      <c r="G107457" s="16">
        <v>0</v>
      </c>
    </row>
    <row r="107458" spans="1:7" x14ac:dyDescent="0.3">
      <c r="A107458" s="13" t="s">
        <v>519</v>
      </c>
      <c r="B107458" s="14" t="s">
        <v>1</v>
      </c>
      <c r="C107458" s="14" t="s">
        <v>51</v>
      </c>
      <c r="D107458" s="14" t="s">
        <v>107</v>
      </c>
      <c r="E107458" s="15">
        <v>45524</v>
      </c>
      <c r="F107458" s="14" t="s">
        <v>25</v>
      </c>
      <c r="G107458" s="16">
        <v>0</v>
      </c>
    </row>
    <row r="107459" spans="1:7" x14ac:dyDescent="0.3">
      <c r="A107459" s="13" t="s">
        <v>519</v>
      </c>
      <c r="B107459" s="14" t="s">
        <v>1</v>
      </c>
      <c r="C107459" s="14" t="s">
        <v>51</v>
      </c>
      <c r="D107459" s="14" t="s">
        <v>107</v>
      </c>
      <c r="E107459" s="15">
        <v>45525</v>
      </c>
      <c r="F107459" s="14" t="s">
        <v>25</v>
      </c>
      <c r="G107459" s="16">
        <v>0</v>
      </c>
    </row>
    <row r="107460" spans="1:7" x14ac:dyDescent="0.3">
      <c r="A107460" s="13" t="s">
        <v>519</v>
      </c>
      <c r="B107460" s="14" t="s">
        <v>1</v>
      </c>
      <c r="C107460" s="14" t="s">
        <v>51</v>
      </c>
      <c r="D107460" s="14" t="s">
        <v>107</v>
      </c>
      <c r="E107460" s="15">
        <v>45526</v>
      </c>
      <c r="F107460" s="14" t="s">
        <v>25</v>
      </c>
      <c r="G107460" s="16">
        <v>0</v>
      </c>
    </row>
    <row r="107461" spans="1:7" x14ac:dyDescent="0.3">
      <c r="A107461" s="13" t="s">
        <v>519</v>
      </c>
      <c r="B107461" s="14" t="s">
        <v>1</v>
      </c>
      <c r="C107461" s="14" t="s">
        <v>51</v>
      </c>
      <c r="D107461" s="14" t="s">
        <v>107</v>
      </c>
      <c r="E107461" s="15">
        <v>45527</v>
      </c>
      <c r="F107461" s="14" t="s">
        <v>25</v>
      </c>
      <c r="G107461" s="16">
        <v>0</v>
      </c>
    </row>
    <row r="107462" spans="1:7" x14ac:dyDescent="0.3">
      <c r="A107462" s="13" t="s">
        <v>519</v>
      </c>
      <c r="B107462" s="14" t="s">
        <v>1</v>
      </c>
      <c r="C107462" s="14" t="s">
        <v>51</v>
      </c>
      <c r="D107462" s="14" t="s">
        <v>107</v>
      </c>
      <c r="E107462" s="15">
        <v>45528</v>
      </c>
      <c r="F107462" s="14" t="s">
        <v>25</v>
      </c>
      <c r="G107462" s="16">
        <v>0</v>
      </c>
    </row>
    <row r="107463" spans="1:7" x14ac:dyDescent="0.3">
      <c r="A107463" s="13" t="s">
        <v>519</v>
      </c>
      <c r="B107463" s="14" t="s">
        <v>1</v>
      </c>
      <c r="C107463" s="14" t="s">
        <v>51</v>
      </c>
      <c r="D107463" s="14" t="s">
        <v>107</v>
      </c>
      <c r="E107463" s="15">
        <v>45529</v>
      </c>
      <c r="F107463" s="14" t="s">
        <v>25</v>
      </c>
      <c r="G107463" s="16">
        <v>0</v>
      </c>
    </row>
    <row r="107464" spans="1:7" x14ac:dyDescent="0.3">
      <c r="A107464" s="13" t="s">
        <v>519</v>
      </c>
      <c r="B107464" s="14" t="s">
        <v>1</v>
      </c>
      <c r="C107464" s="14" t="s">
        <v>51</v>
      </c>
      <c r="D107464" s="14" t="s">
        <v>107</v>
      </c>
      <c r="E107464" s="15">
        <v>45530</v>
      </c>
      <c r="F107464" s="14" t="s">
        <v>25</v>
      </c>
      <c r="G107464" s="16">
        <v>0</v>
      </c>
    </row>
    <row r="107465" spans="1:7" x14ac:dyDescent="0.3">
      <c r="A107465" s="13" t="s">
        <v>519</v>
      </c>
      <c r="B107465" s="14" t="s">
        <v>1</v>
      </c>
      <c r="C107465" s="14" t="s">
        <v>51</v>
      </c>
      <c r="D107465" s="14" t="s">
        <v>107</v>
      </c>
      <c r="E107465" s="15">
        <v>45531</v>
      </c>
      <c r="F107465" s="14" t="s">
        <v>25</v>
      </c>
      <c r="G107465" s="16">
        <v>0</v>
      </c>
    </row>
    <row r="107466" spans="1:7" x14ac:dyDescent="0.3">
      <c r="A107466" s="13" t="s">
        <v>519</v>
      </c>
      <c r="B107466" s="14" t="s">
        <v>1</v>
      </c>
      <c r="C107466" s="14" t="s">
        <v>51</v>
      </c>
      <c r="D107466" s="14" t="s">
        <v>107</v>
      </c>
      <c r="E107466" s="15">
        <v>45532</v>
      </c>
      <c r="F107466" s="14" t="s">
        <v>25</v>
      </c>
      <c r="G107466" s="16">
        <v>0</v>
      </c>
    </row>
    <row r="107467" spans="1:7" x14ac:dyDescent="0.3">
      <c r="A107467" s="13" t="s">
        <v>519</v>
      </c>
      <c r="B107467" s="14" t="s">
        <v>1</v>
      </c>
      <c r="C107467" s="14" t="s">
        <v>51</v>
      </c>
      <c r="D107467" s="14" t="s">
        <v>107</v>
      </c>
      <c r="E107467" s="15">
        <v>45533</v>
      </c>
      <c r="F107467" s="14" t="s">
        <v>25</v>
      </c>
      <c r="G107467" s="16">
        <v>0</v>
      </c>
    </row>
    <row r="107468" spans="1:7" x14ac:dyDescent="0.3">
      <c r="A107468" s="13" t="s">
        <v>519</v>
      </c>
      <c r="B107468" s="14" t="s">
        <v>1</v>
      </c>
      <c r="C107468" s="14" t="s">
        <v>51</v>
      </c>
      <c r="D107468" s="14" t="s">
        <v>107</v>
      </c>
      <c r="E107468" s="15">
        <v>45534</v>
      </c>
      <c r="F107468" s="14" t="s">
        <v>25</v>
      </c>
      <c r="G107468" s="16">
        <v>0</v>
      </c>
    </row>
    <row r="107469" spans="1:7" x14ac:dyDescent="0.3">
      <c r="A107469" s="13" t="s">
        <v>519</v>
      </c>
      <c r="B107469" s="14" t="s">
        <v>1</v>
      </c>
      <c r="C107469" s="14" t="s">
        <v>51</v>
      </c>
      <c r="D107469" s="14" t="s">
        <v>107</v>
      </c>
      <c r="E107469" s="15">
        <v>45535</v>
      </c>
      <c r="F107469" s="14" t="s">
        <v>25</v>
      </c>
      <c r="G107469" s="16">
        <v>0</v>
      </c>
    </row>
    <row r="107470" spans="1:7" x14ac:dyDescent="0.3">
      <c r="A107470" s="13" t="s">
        <v>519</v>
      </c>
      <c r="B107470" s="14" t="s">
        <v>1</v>
      </c>
      <c r="C107470" s="14" t="s">
        <v>51</v>
      </c>
      <c r="D107470" s="14" t="s">
        <v>107</v>
      </c>
      <c r="E107470" s="15">
        <v>45536</v>
      </c>
      <c r="F107470" s="14" t="s">
        <v>25</v>
      </c>
      <c r="G107470" s="16">
        <v>0</v>
      </c>
    </row>
    <row r="107471" spans="1:7" x14ac:dyDescent="0.3">
      <c r="A107471" s="13" t="s">
        <v>519</v>
      </c>
      <c r="B107471" s="14" t="s">
        <v>1</v>
      </c>
      <c r="C107471" s="14" t="s">
        <v>51</v>
      </c>
      <c r="D107471" s="14" t="s">
        <v>107</v>
      </c>
      <c r="E107471" s="15">
        <v>45537</v>
      </c>
      <c r="F107471" s="14" t="s">
        <v>25</v>
      </c>
      <c r="G107471" s="16">
        <v>0</v>
      </c>
    </row>
    <row r="107472" spans="1:7" x14ac:dyDescent="0.3">
      <c r="A107472" s="13" t="s">
        <v>519</v>
      </c>
      <c r="B107472" s="14" t="s">
        <v>1</v>
      </c>
      <c r="C107472" s="14" t="s">
        <v>51</v>
      </c>
      <c r="D107472" s="14" t="s">
        <v>107</v>
      </c>
      <c r="E107472" s="15">
        <v>45538</v>
      </c>
      <c r="F107472" s="14" t="s">
        <v>25</v>
      </c>
      <c r="G107472" s="16">
        <v>0</v>
      </c>
    </row>
    <row r="107473" spans="1:7" x14ac:dyDescent="0.3">
      <c r="A107473" s="13" t="s">
        <v>519</v>
      </c>
      <c r="B107473" s="14" t="s">
        <v>1</v>
      </c>
      <c r="C107473" s="14" t="s">
        <v>51</v>
      </c>
      <c r="D107473" s="14" t="s">
        <v>107</v>
      </c>
      <c r="E107473" s="15">
        <v>45539</v>
      </c>
      <c r="F107473" s="14" t="s">
        <v>25</v>
      </c>
      <c r="G107473" s="16">
        <v>0</v>
      </c>
    </row>
    <row r="107474" spans="1:7" x14ac:dyDescent="0.3">
      <c r="A107474" s="13" t="s">
        <v>519</v>
      </c>
      <c r="B107474" s="14" t="s">
        <v>1</v>
      </c>
      <c r="C107474" s="14" t="s">
        <v>51</v>
      </c>
      <c r="D107474" s="14" t="s">
        <v>107</v>
      </c>
      <c r="E107474" s="15">
        <v>45540</v>
      </c>
      <c r="F107474" s="14" t="s">
        <v>25</v>
      </c>
      <c r="G107474" s="16">
        <v>0</v>
      </c>
    </row>
    <row r="107475" spans="1:7" x14ac:dyDescent="0.3">
      <c r="A107475" s="13" t="s">
        <v>519</v>
      </c>
      <c r="B107475" s="14" t="s">
        <v>1</v>
      </c>
      <c r="C107475" s="14" t="s">
        <v>51</v>
      </c>
      <c r="D107475" s="14" t="s">
        <v>107</v>
      </c>
      <c r="E107475" s="15">
        <v>45541</v>
      </c>
      <c r="F107475" s="14" t="s">
        <v>25</v>
      </c>
      <c r="G107475" s="16">
        <v>0</v>
      </c>
    </row>
    <row r="107476" spans="1:7" x14ac:dyDescent="0.3">
      <c r="A107476" s="13" t="s">
        <v>519</v>
      </c>
      <c r="B107476" s="14" t="s">
        <v>1</v>
      </c>
      <c r="C107476" s="14" t="s">
        <v>51</v>
      </c>
      <c r="D107476" s="14" t="s">
        <v>107</v>
      </c>
      <c r="E107476" s="15">
        <v>45542</v>
      </c>
      <c r="F107476" s="14" t="s">
        <v>25</v>
      </c>
      <c r="G107476" s="16">
        <v>0</v>
      </c>
    </row>
    <row r="107477" spans="1:7" x14ac:dyDescent="0.3">
      <c r="A107477" s="13" t="s">
        <v>519</v>
      </c>
      <c r="B107477" s="14" t="s">
        <v>1</v>
      </c>
      <c r="C107477" s="14" t="s">
        <v>51</v>
      </c>
      <c r="D107477" s="14" t="s">
        <v>107</v>
      </c>
      <c r="E107477" s="15">
        <v>45543</v>
      </c>
      <c r="F107477" s="14" t="s">
        <v>25</v>
      </c>
      <c r="G107477" s="16">
        <v>0</v>
      </c>
    </row>
    <row r="107478" spans="1:7" x14ac:dyDescent="0.3">
      <c r="A107478" s="13" t="s">
        <v>519</v>
      </c>
      <c r="B107478" s="14" t="s">
        <v>1</v>
      </c>
      <c r="C107478" s="14" t="s">
        <v>51</v>
      </c>
      <c r="D107478" s="14" t="s">
        <v>107</v>
      </c>
      <c r="E107478" s="15">
        <v>45544</v>
      </c>
      <c r="F107478" s="14" t="s">
        <v>25</v>
      </c>
      <c r="G107478" s="16">
        <v>0</v>
      </c>
    </row>
    <row r="107479" spans="1:7" x14ac:dyDescent="0.3">
      <c r="A107479" s="13" t="s">
        <v>519</v>
      </c>
      <c r="B107479" s="14" t="s">
        <v>1</v>
      </c>
      <c r="C107479" s="14" t="s">
        <v>51</v>
      </c>
      <c r="D107479" s="14" t="s">
        <v>107</v>
      </c>
      <c r="E107479" s="15">
        <v>45545</v>
      </c>
      <c r="F107479" s="14" t="s">
        <v>25</v>
      </c>
      <c r="G107479" s="16">
        <v>0</v>
      </c>
    </row>
    <row r="107480" spans="1:7" x14ac:dyDescent="0.3">
      <c r="A107480" s="13" t="s">
        <v>519</v>
      </c>
      <c r="B107480" s="14" t="s">
        <v>1</v>
      </c>
      <c r="C107480" s="14" t="s">
        <v>51</v>
      </c>
      <c r="D107480" s="14" t="s">
        <v>107</v>
      </c>
      <c r="E107480" s="15">
        <v>45546</v>
      </c>
      <c r="F107480" s="14" t="s">
        <v>25</v>
      </c>
      <c r="G107480" s="16">
        <v>0</v>
      </c>
    </row>
    <row r="107481" spans="1:7" x14ac:dyDescent="0.3">
      <c r="A107481" s="13" t="s">
        <v>519</v>
      </c>
      <c r="B107481" s="14" t="s">
        <v>1</v>
      </c>
      <c r="C107481" s="14" t="s">
        <v>51</v>
      </c>
      <c r="D107481" s="14" t="s">
        <v>107</v>
      </c>
      <c r="E107481" s="15">
        <v>45547</v>
      </c>
      <c r="F107481" s="14" t="s">
        <v>25</v>
      </c>
      <c r="G107481" s="16">
        <v>0</v>
      </c>
    </row>
    <row r="107482" spans="1:7" x14ac:dyDescent="0.3">
      <c r="A107482" s="13" t="s">
        <v>519</v>
      </c>
      <c r="B107482" s="14" t="s">
        <v>1</v>
      </c>
      <c r="C107482" s="14" t="s">
        <v>51</v>
      </c>
      <c r="D107482" s="14" t="s">
        <v>107</v>
      </c>
      <c r="E107482" s="15">
        <v>45548</v>
      </c>
      <c r="F107482" s="14" t="s">
        <v>25</v>
      </c>
      <c r="G107482" s="16">
        <v>0</v>
      </c>
    </row>
    <row r="107483" spans="1:7" x14ac:dyDescent="0.3">
      <c r="A107483" s="13" t="s">
        <v>519</v>
      </c>
      <c r="B107483" s="14" t="s">
        <v>1</v>
      </c>
      <c r="C107483" s="14" t="s">
        <v>51</v>
      </c>
      <c r="D107483" s="14" t="s">
        <v>107</v>
      </c>
      <c r="E107483" s="15">
        <v>45549</v>
      </c>
      <c r="F107483" s="14" t="s">
        <v>25</v>
      </c>
      <c r="G107483" s="16">
        <v>0</v>
      </c>
    </row>
    <row r="107484" spans="1:7" x14ac:dyDescent="0.3">
      <c r="A107484" s="13" t="s">
        <v>519</v>
      </c>
      <c r="B107484" s="14" t="s">
        <v>1</v>
      </c>
      <c r="C107484" s="14" t="s">
        <v>51</v>
      </c>
      <c r="D107484" s="14" t="s">
        <v>107</v>
      </c>
      <c r="E107484" s="15">
        <v>45550</v>
      </c>
      <c r="F107484" s="14" t="s">
        <v>25</v>
      </c>
      <c r="G107484" s="16">
        <v>0</v>
      </c>
    </row>
    <row r="107485" spans="1:7" x14ac:dyDescent="0.3">
      <c r="A107485" s="13" t="s">
        <v>519</v>
      </c>
      <c r="B107485" s="14" t="s">
        <v>1</v>
      </c>
      <c r="C107485" s="14" t="s">
        <v>51</v>
      </c>
      <c r="D107485" s="14" t="s">
        <v>107</v>
      </c>
      <c r="E107485" s="15">
        <v>45551</v>
      </c>
      <c r="F107485" s="14" t="s">
        <v>25</v>
      </c>
      <c r="G107485" s="16">
        <v>0</v>
      </c>
    </row>
    <row r="107486" spans="1:7" x14ac:dyDescent="0.3">
      <c r="A107486" s="13" t="s">
        <v>519</v>
      </c>
      <c r="B107486" s="14" t="s">
        <v>1</v>
      </c>
      <c r="C107486" s="14" t="s">
        <v>51</v>
      </c>
      <c r="D107486" s="14" t="s">
        <v>107</v>
      </c>
      <c r="E107486" s="15">
        <v>45552</v>
      </c>
      <c r="F107486" s="14" t="s">
        <v>25</v>
      </c>
      <c r="G107486" s="16">
        <v>0</v>
      </c>
    </row>
    <row r="107487" spans="1:7" x14ac:dyDescent="0.3">
      <c r="A107487" s="13" t="s">
        <v>519</v>
      </c>
      <c r="B107487" s="14" t="s">
        <v>1</v>
      </c>
      <c r="C107487" s="14" t="s">
        <v>51</v>
      </c>
      <c r="D107487" s="14" t="s">
        <v>107</v>
      </c>
      <c r="E107487" s="15">
        <v>45553</v>
      </c>
      <c r="F107487" s="14" t="s">
        <v>25</v>
      </c>
      <c r="G107487" s="16">
        <v>0</v>
      </c>
    </row>
    <row r="107488" spans="1:7" x14ac:dyDescent="0.3">
      <c r="A107488" s="13" t="s">
        <v>519</v>
      </c>
      <c r="B107488" s="14" t="s">
        <v>1</v>
      </c>
      <c r="C107488" s="14" t="s">
        <v>51</v>
      </c>
      <c r="D107488" s="14" t="s">
        <v>107</v>
      </c>
      <c r="E107488" s="15">
        <v>45554</v>
      </c>
      <c r="F107488" s="14" t="s">
        <v>25</v>
      </c>
      <c r="G107488" s="16">
        <v>0</v>
      </c>
    </row>
    <row r="107489" spans="1:7" x14ac:dyDescent="0.3">
      <c r="A107489" s="13" t="s">
        <v>519</v>
      </c>
      <c r="B107489" s="14" t="s">
        <v>1</v>
      </c>
      <c r="C107489" s="14" t="s">
        <v>51</v>
      </c>
      <c r="D107489" s="14" t="s">
        <v>107</v>
      </c>
      <c r="E107489" s="15">
        <v>45555</v>
      </c>
      <c r="F107489" s="14" t="s">
        <v>25</v>
      </c>
      <c r="G107489" s="16">
        <v>0</v>
      </c>
    </row>
    <row r="107490" spans="1:7" x14ac:dyDescent="0.3">
      <c r="A107490" s="13" t="s">
        <v>519</v>
      </c>
      <c r="B107490" s="14" t="s">
        <v>1</v>
      </c>
      <c r="C107490" s="14" t="s">
        <v>51</v>
      </c>
      <c r="D107490" s="14" t="s">
        <v>107</v>
      </c>
      <c r="E107490" s="15">
        <v>45556</v>
      </c>
      <c r="F107490" s="14" t="s">
        <v>25</v>
      </c>
      <c r="G107490" s="16">
        <v>0</v>
      </c>
    </row>
    <row r="107491" spans="1:7" x14ac:dyDescent="0.3">
      <c r="A107491" s="13" t="s">
        <v>519</v>
      </c>
      <c r="B107491" s="14" t="s">
        <v>1</v>
      </c>
      <c r="C107491" s="14" t="s">
        <v>51</v>
      </c>
      <c r="D107491" s="14" t="s">
        <v>107</v>
      </c>
      <c r="E107491" s="15">
        <v>45557</v>
      </c>
      <c r="F107491" s="14" t="s">
        <v>25</v>
      </c>
      <c r="G107491" s="16">
        <v>0</v>
      </c>
    </row>
    <row r="107492" spans="1:7" x14ac:dyDescent="0.3">
      <c r="A107492" s="13" t="s">
        <v>519</v>
      </c>
      <c r="B107492" s="14" t="s">
        <v>1</v>
      </c>
      <c r="C107492" s="14" t="s">
        <v>51</v>
      </c>
      <c r="D107492" s="14" t="s">
        <v>107</v>
      </c>
      <c r="E107492" s="15">
        <v>45558</v>
      </c>
      <c r="F107492" s="14" t="s">
        <v>25</v>
      </c>
      <c r="G107492" s="16">
        <v>0</v>
      </c>
    </row>
    <row r="107493" spans="1:7" x14ac:dyDescent="0.3">
      <c r="A107493" s="13" t="s">
        <v>519</v>
      </c>
      <c r="B107493" s="14" t="s">
        <v>1</v>
      </c>
      <c r="C107493" s="14" t="s">
        <v>51</v>
      </c>
      <c r="D107493" s="14" t="s">
        <v>107</v>
      </c>
      <c r="E107493" s="15">
        <v>45559</v>
      </c>
      <c r="F107493" s="14" t="s">
        <v>25</v>
      </c>
      <c r="G107493" s="16">
        <v>0</v>
      </c>
    </row>
    <row r="107494" spans="1:7" x14ac:dyDescent="0.3">
      <c r="A107494" s="13" t="s">
        <v>519</v>
      </c>
      <c r="B107494" s="14" t="s">
        <v>1</v>
      </c>
      <c r="C107494" s="14" t="s">
        <v>51</v>
      </c>
      <c r="D107494" s="14" t="s">
        <v>107</v>
      </c>
      <c r="E107494" s="15">
        <v>45560</v>
      </c>
      <c r="F107494" s="14" t="s">
        <v>25</v>
      </c>
      <c r="G107494" s="16">
        <v>0</v>
      </c>
    </row>
    <row r="107495" spans="1:7" x14ac:dyDescent="0.3">
      <c r="A107495" s="13" t="s">
        <v>519</v>
      </c>
      <c r="B107495" s="14" t="s">
        <v>1</v>
      </c>
      <c r="C107495" s="14" t="s">
        <v>51</v>
      </c>
      <c r="D107495" s="14" t="s">
        <v>107</v>
      </c>
      <c r="E107495" s="15">
        <v>45561</v>
      </c>
      <c r="F107495" s="14" t="s">
        <v>25</v>
      </c>
      <c r="G107495" s="16">
        <v>0</v>
      </c>
    </row>
    <row r="107496" spans="1:7" x14ac:dyDescent="0.3">
      <c r="A107496" s="13" t="s">
        <v>519</v>
      </c>
      <c r="B107496" s="14" t="s">
        <v>1</v>
      </c>
      <c r="C107496" s="14" t="s">
        <v>51</v>
      </c>
      <c r="D107496" s="14" t="s">
        <v>107</v>
      </c>
      <c r="E107496" s="15">
        <v>45562</v>
      </c>
      <c r="F107496" s="14" t="s">
        <v>25</v>
      </c>
      <c r="G107496" s="16">
        <v>0</v>
      </c>
    </row>
    <row r="107497" spans="1:7" x14ac:dyDescent="0.3">
      <c r="A107497" s="13" t="s">
        <v>519</v>
      </c>
      <c r="B107497" s="14" t="s">
        <v>1</v>
      </c>
      <c r="C107497" s="14" t="s">
        <v>51</v>
      </c>
      <c r="D107497" s="14" t="s">
        <v>107</v>
      </c>
      <c r="E107497" s="15">
        <v>45563</v>
      </c>
      <c r="F107497" s="14" t="s">
        <v>25</v>
      </c>
      <c r="G107497" s="16">
        <v>0</v>
      </c>
    </row>
    <row r="107498" spans="1:7" x14ac:dyDescent="0.3">
      <c r="A107498" s="13" t="s">
        <v>519</v>
      </c>
      <c r="B107498" s="14" t="s">
        <v>1</v>
      </c>
      <c r="C107498" s="14" t="s">
        <v>51</v>
      </c>
      <c r="D107498" s="14" t="s">
        <v>107</v>
      </c>
      <c r="E107498" s="15">
        <v>45564</v>
      </c>
      <c r="F107498" s="14" t="s">
        <v>25</v>
      </c>
      <c r="G107498" s="16">
        <v>0</v>
      </c>
    </row>
    <row r="107499" spans="1:7" x14ac:dyDescent="0.3">
      <c r="A107499" s="13" t="s">
        <v>519</v>
      </c>
      <c r="B107499" s="14" t="s">
        <v>1</v>
      </c>
      <c r="C107499" s="14" t="s">
        <v>51</v>
      </c>
      <c r="D107499" s="14" t="s">
        <v>107</v>
      </c>
      <c r="E107499" s="15">
        <v>45565</v>
      </c>
      <c r="F107499" s="14" t="s">
        <v>25</v>
      </c>
      <c r="G107499" s="16">
        <v>0</v>
      </c>
    </row>
    <row r="107500" spans="1:7" x14ac:dyDescent="0.3">
      <c r="A107500" s="13" t="s">
        <v>519</v>
      </c>
      <c r="B107500" s="14" t="s">
        <v>1</v>
      </c>
      <c r="C107500" s="14" t="s">
        <v>51</v>
      </c>
      <c r="D107500" s="14" t="s">
        <v>107</v>
      </c>
      <c r="E107500" s="15">
        <v>45566</v>
      </c>
      <c r="F107500" s="14" t="s">
        <v>25</v>
      </c>
      <c r="G107500" s="16">
        <v>0</v>
      </c>
    </row>
    <row r="107501" spans="1:7" x14ac:dyDescent="0.3">
      <c r="A107501" s="13" t="s">
        <v>519</v>
      </c>
      <c r="B107501" s="14" t="s">
        <v>1</v>
      </c>
      <c r="C107501" s="14" t="s">
        <v>51</v>
      </c>
      <c r="D107501" s="14" t="s">
        <v>107</v>
      </c>
      <c r="E107501" s="15">
        <v>45567</v>
      </c>
      <c r="F107501" s="14" t="s">
        <v>25</v>
      </c>
      <c r="G107501" s="16">
        <v>0</v>
      </c>
    </row>
    <row r="107502" spans="1:7" x14ac:dyDescent="0.3">
      <c r="A107502" s="13" t="s">
        <v>519</v>
      </c>
      <c r="B107502" s="14" t="s">
        <v>1</v>
      </c>
      <c r="C107502" s="14" t="s">
        <v>51</v>
      </c>
      <c r="D107502" s="14" t="s">
        <v>107</v>
      </c>
      <c r="E107502" s="15">
        <v>45568</v>
      </c>
      <c r="F107502" s="14" t="s">
        <v>25</v>
      </c>
      <c r="G107502" s="16">
        <v>0</v>
      </c>
    </row>
    <row r="107503" spans="1:7" x14ac:dyDescent="0.3">
      <c r="A107503" s="13" t="s">
        <v>519</v>
      </c>
      <c r="B107503" s="14" t="s">
        <v>1</v>
      </c>
      <c r="C107503" s="14" t="s">
        <v>51</v>
      </c>
      <c r="D107503" s="14" t="s">
        <v>107</v>
      </c>
      <c r="E107503" s="15">
        <v>45569</v>
      </c>
      <c r="F107503" s="14" t="s">
        <v>25</v>
      </c>
      <c r="G107503" s="16">
        <v>0</v>
      </c>
    </row>
    <row r="107504" spans="1:7" x14ac:dyDescent="0.3">
      <c r="A107504" s="13" t="s">
        <v>519</v>
      </c>
      <c r="B107504" s="14" t="s">
        <v>1</v>
      </c>
      <c r="C107504" s="14" t="s">
        <v>51</v>
      </c>
      <c r="D107504" s="14" t="s">
        <v>107</v>
      </c>
      <c r="E107504" s="15">
        <v>45570</v>
      </c>
      <c r="F107504" s="14" t="s">
        <v>25</v>
      </c>
      <c r="G107504" s="16">
        <v>0</v>
      </c>
    </row>
    <row r="107505" spans="1:7" x14ac:dyDescent="0.3">
      <c r="A107505" s="13" t="s">
        <v>519</v>
      </c>
      <c r="B107505" s="14" t="s">
        <v>1</v>
      </c>
      <c r="C107505" s="14" t="s">
        <v>51</v>
      </c>
      <c r="D107505" s="14" t="s">
        <v>107</v>
      </c>
      <c r="E107505" s="15">
        <v>45571</v>
      </c>
      <c r="F107505" s="14" t="s">
        <v>25</v>
      </c>
      <c r="G107505" s="16">
        <v>0</v>
      </c>
    </row>
    <row r="107506" spans="1:7" x14ac:dyDescent="0.3">
      <c r="A107506" s="13" t="s">
        <v>519</v>
      </c>
      <c r="B107506" s="14" t="s">
        <v>1</v>
      </c>
      <c r="C107506" s="14" t="s">
        <v>51</v>
      </c>
      <c r="D107506" s="14" t="s">
        <v>107</v>
      </c>
      <c r="E107506" s="15">
        <v>45572</v>
      </c>
      <c r="F107506" s="14" t="s">
        <v>25</v>
      </c>
      <c r="G107506" s="16">
        <v>0</v>
      </c>
    </row>
    <row r="107507" spans="1:7" x14ac:dyDescent="0.3">
      <c r="A107507" s="13" t="s">
        <v>519</v>
      </c>
      <c r="B107507" s="14" t="s">
        <v>1</v>
      </c>
      <c r="C107507" s="14" t="s">
        <v>51</v>
      </c>
      <c r="D107507" s="14" t="s">
        <v>107</v>
      </c>
      <c r="E107507" s="15">
        <v>45573</v>
      </c>
      <c r="F107507" s="14" t="s">
        <v>25</v>
      </c>
      <c r="G107507" s="16">
        <v>0</v>
      </c>
    </row>
    <row r="107508" spans="1:7" x14ac:dyDescent="0.3">
      <c r="A107508" s="13" t="s">
        <v>519</v>
      </c>
      <c r="B107508" s="14" t="s">
        <v>1</v>
      </c>
      <c r="C107508" s="14" t="s">
        <v>51</v>
      </c>
      <c r="D107508" s="14" t="s">
        <v>107</v>
      </c>
      <c r="E107508" s="15">
        <v>45574</v>
      </c>
      <c r="F107508" s="14" t="s">
        <v>25</v>
      </c>
      <c r="G107508" s="16">
        <v>0</v>
      </c>
    </row>
    <row r="107509" spans="1:7" x14ac:dyDescent="0.3">
      <c r="A107509" s="13" t="s">
        <v>519</v>
      </c>
      <c r="B107509" s="14" t="s">
        <v>1</v>
      </c>
      <c r="C107509" s="14" t="s">
        <v>51</v>
      </c>
      <c r="D107509" s="14" t="s">
        <v>107</v>
      </c>
      <c r="E107509" s="15">
        <v>45575</v>
      </c>
      <c r="F107509" s="14" t="s">
        <v>25</v>
      </c>
      <c r="G107509" s="16">
        <v>0</v>
      </c>
    </row>
    <row r="107510" spans="1:7" x14ac:dyDescent="0.3">
      <c r="A107510" s="13" t="s">
        <v>519</v>
      </c>
      <c r="B107510" s="14" t="s">
        <v>1</v>
      </c>
      <c r="C107510" s="14" t="s">
        <v>51</v>
      </c>
      <c r="D107510" s="14" t="s">
        <v>107</v>
      </c>
      <c r="E107510" s="15">
        <v>45576</v>
      </c>
      <c r="F107510" s="14" t="s">
        <v>25</v>
      </c>
      <c r="G107510" s="16">
        <v>0</v>
      </c>
    </row>
    <row r="107511" spans="1:7" x14ac:dyDescent="0.3">
      <c r="A107511" s="13" t="s">
        <v>519</v>
      </c>
      <c r="B107511" s="14" t="s">
        <v>1</v>
      </c>
      <c r="C107511" s="14" t="s">
        <v>51</v>
      </c>
      <c r="D107511" s="14" t="s">
        <v>107</v>
      </c>
      <c r="E107511" s="15">
        <v>45577</v>
      </c>
      <c r="F107511" s="14" t="s">
        <v>25</v>
      </c>
      <c r="G107511" s="16">
        <v>0</v>
      </c>
    </row>
    <row r="107512" spans="1:7" x14ac:dyDescent="0.3">
      <c r="A107512" s="13" t="s">
        <v>519</v>
      </c>
      <c r="B107512" s="14" t="s">
        <v>1</v>
      </c>
      <c r="C107512" s="14" t="s">
        <v>51</v>
      </c>
      <c r="D107512" s="14" t="s">
        <v>107</v>
      </c>
      <c r="E107512" s="15">
        <v>45578</v>
      </c>
      <c r="F107512" s="14" t="s">
        <v>25</v>
      </c>
      <c r="G107512" s="16">
        <v>0</v>
      </c>
    </row>
    <row r="107513" spans="1:7" x14ac:dyDescent="0.3">
      <c r="A107513" s="13" t="s">
        <v>519</v>
      </c>
      <c r="B107513" s="14" t="s">
        <v>1</v>
      </c>
      <c r="C107513" s="14" t="s">
        <v>51</v>
      </c>
      <c r="D107513" s="14" t="s">
        <v>107</v>
      </c>
      <c r="E107513" s="15">
        <v>45579</v>
      </c>
      <c r="F107513" s="14" t="s">
        <v>25</v>
      </c>
      <c r="G107513" s="16">
        <v>0</v>
      </c>
    </row>
    <row r="107514" spans="1:7" x14ac:dyDescent="0.3">
      <c r="A107514" s="13" t="s">
        <v>519</v>
      </c>
      <c r="B107514" s="14" t="s">
        <v>1</v>
      </c>
      <c r="C107514" s="14" t="s">
        <v>51</v>
      </c>
      <c r="D107514" s="14" t="s">
        <v>107</v>
      </c>
      <c r="E107514" s="15">
        <v>45580</v>
      </c>
      <c r="F107514" s="14" t="s">
        <v>25</v>
      </c>
      <c r="G107514" s="16">
        <v>0</v>
      </c>
    </row>
    <row r="107515" spans="1:7" x14ac:dyDescent="0.3">
      <c r="A107515" s="13" t="s">
        <v>519</v>
      </c>
      <c r="B107515" s="14" t="s">
        <v>1</v>
      </c>
      <c r="C107515" s="14" t="s">
        <v>51</v>
      </c>
      <c r="D107515" s="14" t="s">
        <v>107</v>
      </c>
      <c r="E107515" s="15">
        <v>45581</v>
      </c>
      <c r="F107515" s="14" t="s">
        <v>25</v>
      </c>
      <c r="G107515" s="16">
        <v>0</v>
      </c>
    </row>
    <row r="107516" spans="1:7" x14ac:dyDescent="0.3">
      <c r="A107516" s="13" t="s">
        <v>519</v>
      </c>
      <c r="B107516" s="14" t="s">
        <v>1</v>
      </c>
      <c r="C107516" s="14" t="s">
        <v>51</v>
      </c>
      <c r="D107516" s="14" t="s">
        <v>107</v>
      </c>
      <c r="E107516" s="15">
        <v>45582</v>
      </c>
      <c r="F107516" s="14" t="s">
        <v>25</v>
      </c>
      <c r="G107516" s="16">
        <v>0</v>
      </c>
    </row>
    <row r="107517" spans="1:7" x14ac:dyDescent="0.3">
      <c r="A107517" s="13" t="s">
        <v>519</v>
      </c>
      <c r="B107517" s="14" t="s">
        <v>1</v>
      </c>
      <c r="C107517" s="14" t="s">
        <v>51</v>
      </c>
      <c r="D107517" s="14" t="s">
        <v>107</v>
      </c>
      <c r="E107517" s="15">
        <v>45583</v>
      </c>
      <c r="F107517" s="14" t="s">
        <v>25</v>
      </c>
      <c r="G107517" s="16">
        <v>0</v>
      </c>
    </row>
    <row r="107518" spans="1:7" x14ac:dyDescent="0.3">
      <c r="A107518" s="13" t="s">
        <v>519</v>
      </c>
      <c r="B107518" s="14" t="s">
        <v>1</v>
      </c>
      <c r="C107518" s="14" t="s">
        <v>51</v>
      </c>
      <c r="D107518" s="14" t="s">
        <v>107</v>
      </c>
      <c r="E107518" s="15">
        <v>45584</v>
      </c>
      <c r="F107518" s="14" t="s">
        <v>25</v>
      </c>
      <c r="G107518" s="16">
        <v>0</v>
      </c>
    </row>
    <row r="107519" spans="1:7" x14ac:dyDescent="0.3">
      <c r="A107519" s="13" t="s">
        <v>519</v>
      </c>
      <c r="B107519" s="14" t="s">
        <v>1</v>
      </c>
      <c r="C107519" s="14" t="s">
        <v>51</v>
      </c>
      <c r="D107519" s="14" t="s">
        <v>107</v>
      </c>
      <c r="E107519" s="15">
        <v>45585</v>
      </c>
      <c r="F107519" s="14" t="s">
        <v>25</v>
      </c>
      <c r="G107519" s="16">
        <v>0</v>
      </c>
    </row>
    <row r="107520" spans="1:7" x14ac:dyDescent="0.3">
      <c r="A107520" s="13" t="s">
        <v>519</v>
      </c>
      <c r="B107520" s="14" t="s">
        <v>1</v>
      </c>
      <c r="C107520" s="14" t="s">
        <v>51</v>
      </c>
      <c r="D107520" s="14" t="s">
        <v>107</v>
      </c>
      <c r="E107520" s="15">
        <v>45586</v>
      </c>
      <c r="F107520" s="14" t="s">
        <v>25</v>
      </c>
      <c r="G107520" s="16">
        <v>0</v>
      </c>
    </row>
    <row r="107521" spans="1:7" x14ac:dyDescent="0.3">
      <c r="A107521" s="13" t="s">
        <v>519</v>
      </c>
      <c r="B107521" s="14" t="s">
        <v>1</v>
      </c>
      <c r="C107521" s="14" t="s">
        <v>51</v>
      </c>
      <c r="D107521" s="14" t="s">
        <v>107</v>
      </c>
      <c r="E107521" s="15">
        <v>45587</v>
      </c>
      <c r="F107521" s="14" t="s">
        <v>25</v>
      </c>
      <c r="G107521" s="16">
        <v>0</v>
      </c>
    </row>
    <row r="107522" spans="1:7" x14ac:dyDescent="0.3">
      <c r="A107522" s="13" t="s">
        <v>519</v>
      </c>
      <c r="B107522" s="14" t="s">
        <v>1</v>
      </c>
      <c r="C107522" s="14" t="s">
        <v>51</v>
      </c>
      <c r="D107522" s="14" t="s">
        <v>107</v>
      </c>
      <c r="E107522" s="15">
        <v>45588</v>
      </c>
      <c r="F107522" s="14" t="s">
        <v>25</v>
      </c>
      <c r="G107522" s="16">
        <v>0</v>
      </c>
    </row>
    <row r="107523" spans="1:7" x14ac:dyDescent="0.3">
      <c r="A107523" s="13" t="s">
        <v>519</v>
      </c>
      <c r="B107523" s="14" t="s">
        <v>1</v>
      </c>
      <c r="C107523" s="14" t="s">
        <v>51</v>
      </c>
      <c r="D107523" s="14" t="s">
        <v>107</v>
      </c>
      <c r="E107523" s="15">
        <v>45589</v>
      </c>
      <c r="F107523" s="14" t="s">
        <v>25</v>
      </c>
      <c r="G107523" s="16">
        <v>0</v>
      </c>
    </row>
    <row r="107524" spans="1:7" x14ac:dyDescent="0.3">
      <c r="A107524" s="13" t="s">
        <v>519</v>
      </c>
      <c r="B107524" s="14" t="s">
        <v>1</v>
      </c>
      <c r="C107524" s="14" t="s">
        <v>51</v>
      </c>
      <c r="D107524" s="14" t="s">
        <v>107</v>
      </c>
      <c r="E107524" s="15">
        <v>45590</v>
      </c>
      <c r="F107524" s="14" t="s">
        <v>25</v>
      </c>
      <c r="G107524" s="16">
        <v>0</v>
      </c>
    </row>
    <row r="107525" spans="1:7" x14ac:dyDescent="0.3">
      <c r="A107525" s="13" t="s">
        <v>519</v>
      </c>
      <c r="B107525" s="14" t="s">
        <v>1</v>
      </c>
      <c r="C107525" s="14" t="s">
        <v>51</v>
      </c>
      <c r="D107525" s="14" t="s">
        <v>107</v>
      </c>
      <c r="E107525" s="15">
        <v>45591</v>
      </c>
      <c r="F107525" s="14" t="s">
        <v>25</v>
      </c>
      <c r="G107525" s="16">
        <v>0</v>
      </c>
    </row>
    <row r="107526" spans="1:7" x14ac:dyDescent="0.3">
      <c r="A107526" s="13" t="s">
        <v>519</v>
      </c>
      <c r="B107526" s="14" t="s">
        <v>1</v>
      </c>
      <c r="C107526" s="14" t="s">
        <v>51</v>
      </c>
      <c r="D107526" s="14" t="s">
        <v>107</v>
      </c>
      <c r="E107526" s="15">
        <v>45592</v>
      </c>
      <c r="F107526" s="14" t="s">
        <v>25</v>
      </c>
      <c r="G107526" s="16">
        <v>0</v>
      </c>
    </row>
    <row r="107527" spans="1:7" x14ac:dyDescent="0.3">
      <c r="A107527" s="13" t="s">
        <v>519</v>
      </c>
      <c r="B107527" s="14" t="s">
        <v>1</v>
      </c>
      <c r="C107527" s="14" t="s">
        <v>51</v>
      </c>
      <c r="D107527" s="14" t="s">
        <v>107</v>
      </c>
      <c r="E107527" s="15">
        <v>45593</v>
      </c>
      <c r="F107527" s="14" t="s">
        <v>25</v>
      </c>
      <c r="G107527" s="16">
        <v>0</v>
      </c>
    </row>
    <row r="107528" spans="1:7" x14ac:dyDescent="0.3">
      <c r="A107528" s="13" t="s">
        <v>519</v>
      </c>
      <c r="B107528" s="14" t="s">
        <v>1</v>
      </c>
      <c r="C107528" s="14" t="s">
        <v>51</v>
      </c>
      <c r="D107528" s="14" t="s">
        <v>107</v>
      </c>
      <c r="E107528" s="15">
        <v>45594</v>
      </c>
      <c r="F107528" s="14" t="s">
        <v>25</v>
      </c>
      <c r="G107528" s="16">
        <v>0</v>
      </c>
    </row>
    <row r="107529" spans="1:7" x14ac:dyDescent="0.3">
      <c r="A107529" s="13" t="s">
        <v>519</v>
      </c>
      <c r="B107529" s="14" t="s">
        <v>1</v>
      </c>
      <c r="C107529" s="14" t="s">
        <v>51</v>
      </c>
      <c r="D107529" s="14" t="s">
        <v>107</v>
      </c>
      <c r="E107529" s="15">
        <v>45595</v>
      </c>
      <c r="F107529" s="14" t="s">
        <v>25</v>
      </c>
      <c r="G107529" s="16">
        <v>0</v>
      </c>
    </row>
    <row r="107530" spans="1:7" x14ac:dyDescent="0.3">
      <c r="A107530" s="13" t="s">
        <v>519</v>
      </c>
      <c r="B107530" s="14" t="s">
        <v>1</v>
      </c>
      <c r="C107530" s="14" t="s">
        <v>51</v>
      </c>
      <c r="D107530" s="14" t="s">
        <v>107</v>
      </c>
      <c r="E107530" s="15">
        <v>45596</v>
      </c>
      <c r="F107530" s="14" t="s">
        <v>25</v>
      </c>
      <c r="G107530" s="16">
        <v>0</v>
      </c>
    </row>
    <row r="107531" spans="1:7" x14ac:dyDescent="0.3">
      <c r="A107531" s="13" t="s">
        <v>519</v>
      </c>
      <c r="B107531" s="14" t="s">
        <v>1</v>
      </c>
      <c r="C107531" s="14" t="s">
        <v>51</v>
      </c>
      <c r="D107531" s="14" t="s">
        <v>107</v>
      </c>
      <c r="E107531" s="15">
        <v>45597</v>
      </c>
      <c r="F107531" s="14" t="s">
        <v>25</v>
      </c>
      <c r="G107531" s="16">
        <v>0</v>
      </c>
    </row>
    <row r="107532" spans="1:7" x14ac:dyDescent="0.3">
      <c r="A107532" s="13" t="s">
        <v>519</v>
      </c>
      <c r="B107532" s="14" t="s">
        <v>1</v>
      </c>
      <c r="C107532" s="14" t="s">
        <v>51</v>
      </c>
      <c r="D107532" s="14" t="s">
        <v>107</v>
      </c>
      <c r="E107532" s="15">
        <v>45598</v>
      </c>
      <c r="F107532" s="14" t="s">
        <v>25</v>
      </c>
      <c r="G107532" s="16">
        <v>0</v>
      </c>
    </row>
    <row r="107533" spans="1:7" x14ac:dyDescent="0.3">
      <c r="A107533" s="13" t="s">
        <v>519</v>
      </c>
      <c r="B107533" s="14" t="s">
        <v>1</v>
      </c>
      <c r="C107533" s="14" t="s">
        <v>51</v>
      </c>
      <c r="D107533" s="14" t="s">
        <v>107</v>
      </c>
      <c r="E107533" s="15">
        <v>45599</v>
      </c>
      <c r="F107533" s="14" t="s">
        <v>25</v>
      </c>
      <c r="G107533" s="16">
        <v>0</v>
      </c>
    </row>
    <row r="107534" spans="1:7" x14ac:dyDescent="0.3">
      <c r="A107534" s="13" t="s">
        <v>519</v>
      </c>
      <c r="B107534" s="14" t="s">
        <v>1</v>
      </c>
      <c r="C107534" s="14" t="s">
        <v>51</v>
      </c>
      <c r="D107534" s="14" t="s">
        <v>107</v>
      </c>
      <c r="E107534" s="15">
        <v>45600</v>
      </c>
      <c r="F107534" s="14" t="s">
        <v>25</v>
      </c>
      <c r="G107534" s="16">
        <v>0</v>
      </c>
    </row>
    <row r="107535" spans="1:7" x14ac:dyDescent="0.3">
      <c r="A107535" s="13" t="s">
        <v>519</v>
      </c>
      <c r="B107535" s="14" t="s">
        <v>1</v>
      </c>
      <c r="C107535" s="14" t="s">
        <v>51</v>
      </c>
      <c r="D107535" s="14" t="s">
        <v>107</v>
      </c>
      <c r="E107535" s="15">
        <v>45601</v>
      </c>
      <c r="F107535" s="14" t="s">
        <v>25</v>
      </c>
      <c r="G107535" s="16">
        <v>0</v>
      </c>
    </row>
    <row r="107536" spans="1:7" x14ac:dyDescent="0.3">
      <c r="A107536" s="13" t="s">
        <v>519</v>
      </c>
      <c r="B107536" s="14" t="s">
        <v>1</v>
      </c>
      <c r="C107536" s="14" t="s">
        <v>51</v>
      </c>
      <c r="D107536" s="14" t="s">
        <v>107</v>
      </c>
      <c r="E107536" s="15">
        <v>45602</v>
      </c>
      <c r="F107536" s="14" t="s">
        <v>25</v>
      </c>
      <c r="G107536" s="16">
        <v>0</v>
      </c>
    </row>
    <row r="107537" spans="1:7" x14ac:dyDescent="0.3">
      <c r="A107537" s="13" t="s">
        <v>519</v>
      </c>
      <c r="B107537" s="14" t="s">
        <v>1</v>
      </c>
      <c r="C107537" s="14" t="s">
        <v>51</v>
      </c>
      <c r="D107537" s="14" t="s">
        <v>107</v>
      </c>
      <c r="E107537" s="15">
        <v>45603</v>
      </c>
      <c r="F107537" s="14" t="s">
        <v>25</v>
      </c>
      <c r="G107537" s="16">
        <v>0</v>
      </c>
    </row>
    <row r="107538" spans="1:7" x14ac:dyDescent="0.3">
      <c r="A107538" s="13" t="s">
        <v>519</v>
      </c>
      <c r="B107538" s="14" t="s">
        <v>1</v>
      </c>
      <c r="C107538" s="14" t="s">
        <v>51</v>
      </c>
      <c r="D107538" s="14" t="s">
        <v>107</v>
      </c>
      <c r="E107538" s="15">
        <v>45604</v>
      </c>
      <c r="F107538" s="14" t="s">
        <v>25</v>
      </c>
      <c r="G107538" s="16">
        <v>0</v>
      </c>
    </row>
    <row r="107539" spans="1:7" x14ac:dyDescent="0.3">
      <c r="A107539" s="13" t="s">
        <v>519</v>
      </c>
      <c r="B107539" s="14" t="s">
        <v>1</v>
      </c>
      <c r="C107539" s="14" t="s">
        <v>51</v>
      </c>
      <c r="D107539" s="14" t="s">
        <v>107</v>
      </c>
      <c r="E107539" s="15">
        <v>45605</v>
      </c>
      <c r="F107539" s="14" t="s">
        <v>25</v>
      </c>
      <c r="G107539" s="16">
        <v>0</v>
      </c>
    </row>
    <row r="107540" spans="1:7" x14ac:dyDescent="0.3">
      <c r="A107540" s="13" t="s">
        <v>519</v>
      </c>
      <c r="B107540" s="14" t="s">
        <v>1</v>
      </c>
      <c r="C107540" s="14" t="s">
        <v>51</v>
      </c>
      <c r="D107540" s="14" t="s">
        <v>107</v>
      </c>
      <c r="E107540" s="15">
        <v>45606</v>
      </c>
      <c r="F107540" s="14" t="s">
        <v>25</v>
      </c>
      <c r="G107540" s="16">
        <v>0</v>
      </c>
    </row>
    <row r="107541" spans="1:7" x14ac:dyDescent="0.3">
      <c r="A107541" s="13" t="s">
        <v>519</v>
      </c>
      <c r="B107541" s="14" t="s">
        <v>1</v>
      </c>
      <c r="C107541" s="14" t="s">
        <v>51</v>
      </c>
      <c r="D107541" s="14" t="s">
        <v>107</v>
      </c>
      <c r="E107541" s="15">
        <v>45607</v>
      </c>
      <c r="F107541" s="14" t="s">
        <v>25</v>
      </c>
      <c r="G107541" s="16">
        <v>0</v>
      </c>
    </row>
    <row r="107542" spans="1:7" x14ac:dyDescent="0.3">
      <c r="A107542" s="13" t="s">
        <v>519</v>
      </c>
      <c r="B107542" s="14" t="s">
        <v>1</v>
      </c>
      <c r="C107542" s="14" t="s">
        <v>51</v>
      </c>
      <c r="D107542" s="14" t="s">
        <v>107</v>
      </c>
      <c r="E107542" s="15">
        <v>45608</v>
      </c>
      <c r="F107542" s="14" t="s">
        <v>25</v>
      </c>
      <c r="G107542" s="16">
        <v>0</v>
      </c>
    </row>
    <row r="107543" spans="1:7" x14ac:dyDescent="0.3">
      <c r="A107543" s="13" t="s">
        <v>519</v>
      </c>
      <c r="B107543" s="14" t="s">
        <v>1</v>
      </c>
      <c r="C107543" s="14" t="s">
        <v>51</v>
      </c>
      <c r="D107543" s="14" t="s">
        <v>107</v>
      </c>
      <c r="E107543" s="15">
        <v>45609</v>
      </c>
      <c r="F107543" s="14" t="s">
        <v>25</v>
      </c>
      <c r="G107543" s="16">
        <v>0</v>
      </c>
    </row>
    <row r="107544" spans="1:7" x14ac:dyDescent="0.3">
      <c r="A107544" s="13" t="s">
        <v>519</v>
      </c>
      <c r="B107544" s="14" t="s">
        <v>1</v>
      </c>
      <c r="C107544" s="14" t="s">
        <v>51</v>
      </c>
      <c r="D107544" s="14" t="s">
        <v>107</v>
      </c>
      <c r="E107544" s="15">
        <v>45610</v>
      </c>
      <c r="F107544" s="14" t="s">
        <v>25</v>
      </c>
      <c r="G107544" s="16">
        <v>0</v>
      </c>
    </row>
    <row r="107545" spans="1:7" x14ac:dyDescent="0.3">
      <c r="A107545" s="13" t="s">
        <v>519</v>
      </c>
      <c r="B107545" s="14" t="s">
        <v>1</v>
      </c>
      <c r="C107545" s="14" t="s">
        <v>51</v>
      </c>
      <c r="D107545" s="14" t="s">
        <v>107</v>
      </c>
      <c r="E107545" s="15">
        <v>45611</v>
      </c>
      <c r="F107545" s="14" t="s">
        <v>25</v>
      </c>
      <c r="G107545" s="16">
        <v>0</v>
      </c>
    </row>
    <row r="107546" spans="1:7" x14ac:dyDescent="0.3">
      <c r="A107546" s="13" t="s">
        <v>519</v>
      </c>
      <c r="B107546" s="14" t="s">
        <v>1</v>
      </c>
      <c r="C107546" s="14" t="s">
        <v>51</v>
      </c>
      <c r="D107546" s="14" t="s">
        <v>107</v>
      </c>
      <c r="E107546" s="15">
        <v>45612</v>
      </c>
      <c r="F107546" s="14" t="s">
        <v>25</v>
      </c>
      <c r="G107546" s="16">
        <v>0</v>
      </c>
    </row>
    <row r="107547" spans="1:7" x14ac:dyDescent="0.3">
      <c r="A107547" s="13" t="s">
        <v>519</v>
      </c>
      <c r="B107547" s="14" t="s">
        <v>1</v>
      </c>
      <c r="C107547" s="14" t="s">
        <v>51</v>
      </c>
      <c r="D107547" s="14" t="s">
        <v>107</v>
      </c>
      <c r="E107547" s="15">
        <v>45613</v>
      </c>
      <c r="F107547" s="14" t="s">
        <v>25</v>
      </c>
      <c r="G107547" s="16">
        <v>0</v>
      </c>
    </row>
    <row r="107548" spans="1:7" x14ac:dyDescent="0.3">
      <c r="A107548" s="13" t="s">
        <v>519</v>
      </c>
      <c r="B107548" s="14" t="s">
        <v>1</v>
      </c>
      <c r="C107548" s="14" t="s">
        <v>51</v>
      </c>
      <c r="D107548" s="14" t="s">
        <v>107</v>
      </c>
      <c r="E107548" s="15">
        <v>45614</v>
      </c>
      <c r="F107548" s="14" t="s">
        <v>25</v>
      </c>
      <c r="G107548" s="16">
        <v>0</v>
      </c>
    </row>
    <row r="107549" spans="1:7" x14ac:dyDescent="0.3">
      <c r="A107549" s="13" t="s">
        <v>519</v>
      </c>
      <c r="B107549" s="14" t="s">
        <v>1</v>
      </c>
      <c r="C107549" s="14" t="s">
        <v>51</v>
      </c>
      <c r="D107549" s="14" t="s">
        <v>107</v>
      </c>
      <c r="E107549" s="15">
        <v>45615</v>
      </c>
      <c r="F107549" s="14" t="s">
        <v>25</v>
      </c>
      <c r="G107549" s="16">
        <v>0</v>
      </c>
    </row>
    <row r="107550" spans="1:7" x14ac:dyDescent="0.3">
      <c r="A107550" s="13" t="s">
        <v>519</v>
      </c>
      <c r="B107550" s="14" t="s">
        <v>1</v>
      </c>
      <c r="C107550" s="14" t="s">
        <v>51</v>
      </c>
      <c r="D107550" s="14" t="s">
        <v>107</v>
      </c>
      <c r="E107550" s="15">
        <v>45616</v>
      </c>
      <c r="F107550" s="14" t="s">
        <v>25</v>
      </c>
      <c r="G107550" s="16">
        <v>0</v>
      </c>
    </row>
    <row r="107551" spans="1:7" x14ac:dyDescent="0.3">
      <c r="A107551" s="13" t="s">
        <v>519</v>
      </c>
      <c r="B107551" s="14" t="s">
        <v>1</v>
      </c>
      <c r="C107551" s="14" t="s">
        <v>51</v>
      </c>
      <c r="D107551" s="14" t="s">
        <v>107</v>
      </c>
      <c r="E107551" s="15">
        <v>45617</v>
      </c>
      <c r="F107551" s="14" t="s">
        <v>25</v>
      </c>
      <c r="G107551" s="16">
        <v>0</v>
      </c>
    </row>
    <row r="107552" spans="1:7" x14ac:dyDescent="0.3">
      <c r="A107552" s="13" t="s">
        <v>519</v>
      </c>
      <c r="B107552" s="14" t="s">
        <v>1</v>
      </c>
      <c r="C107552" s="14" t="s">
        <v>51</v>
      </c>
      <c r="D107552" s="14" t="s">
        <v>107</v>
      </c>
      <c r="E107552" s="15">
        <v>45618</v>
      </c>
      <c r="F107552" s="14" t="s">
        <v>25</v>
      </c>
      <c r="G107552" s="16">
        <v>0</v>
      </c>
    </row>
    <row r="107553" spans="1:7" x14ac:dyDescent="0.3">
      <c r="A107553" s="13" t="s">
        <v>519</v>
      </c>
      <c r="B107553" s="14" t="s">
        <v>1</v>
      </c>
      <c r="C107553" s="14" t="s">
        <v>51</v>
      </c>
      <c r="D107553" s="14" t="s">
        <v>107</v>
      </c>
      <c r="E107553" s="15">
        <v>45619</v>
      </c>
      <c r="F107553" s="14" t="s">
        <v>25</v>
      </c>
      <c r="G107553" s="16">
        <v>0</v>
      </c>
    </row>
    <row r="107554" spans="1:7" x14ac:dyDescent="0.3">
      <c r="A107554" s="13" t="s">
        <v>519</v>
      </c>
      <c r="B107554" s="14" t="s">
        <v>1</v>
      </c>
      <c r="C107554" s="14" t="s">
        <v>51</v>
      </c>
      <c r="D107554" s="14" t="s">
        <v>107</v>
      </c>
      <c r="E107554" s="15">
        <v>45620</v>
      </c>
      <c r="F107554" s="14" t="s">
        <v>25</v>
      </c>
      <c r="G107554" s="16">
        <v>0</v>
      </c>
    </row>
    <row r="107555" spans="1:7" x14ac:dyDescent="0.3">
      <c r="A107555" s="13" t="s">
        <v>519</v>
      </c>
      <c r="B107555" s="14" t="s">
        <v>1</v>
      </c>
      <c r="C107555" s="14" t="s">
        <v>51</v>
      </c>
      <c r="D107555" s="14" t="s">
        <v>107</v>
      </c>
      <c r="E107555" s="15">
        <v>45621</v>
      </c>
      <c r="F107555" s="14" t="s">
        <v>25</v>
      </c>
      <c r="G107555" s="16">
        <v>0</v>
      </c>
    </row>
    <row r="107556" spans="1:7" x14ac:dyDescent="0.3">
      <c r="A107556" s="13" t="s">
        <v>519</v>
      </c>
      <c r="B107556" s="14" t="s">
        <v>1</v>
      </c>
      <c r="C107556" s="14" t="s">
        <v>51</v>
      </c>
      <c r="D107556" s="14" t="s">
        <v>107</v>
      </c>
      <c r="E107556" s="15">
        <v>45622</v>
      </c>
      <c r="F107556" s="14" t="s">
        <v>25</v>
      </c>
      <c r="G107556" s="16">
        <v>0</v>
      </c>
    </row>
    <row r="107557" spans="1:7" x14ac:dyDescent="0.3">
      <c r="A107557" s="13" t="s">
        <v>519</v>
      </c>
      <c r="B107557" s="14" t="s">
        <v>1</v>
      </c>
      <c r="C107557" s="14" t="s">
        <v>51</v>
      </c>
      <c r="D107557" s="14" t="s">
        <v>107</v>
      </c>
      <c r="E107557" s="15">
        <v>45623</v>
      </c>
      <c r="F107557" s="14" t="s">
        <v>25</v>
      </c>
      <c r="G107557" s="16">
        <v>0</v>
      </c>
    </row>
    <row r="107558" spans="1:7" x14ac:dyDescent="0.3">
      <c r="A107558" s="13" t="s">
        <v>519</v>
      </c>
      <c r="B107558" s="14" t="s">
        <v>1</v>
      </c>
      <c r="C107558" s="14" t="s">
        <v>51</v>
      </c>
      <c r="D107558" s="14" t="s">
        <v>107</v>
      </c>
      <c r="E107558" s="15">
        <v>45624</v>
      </c>
      <c r="F107558" s="14" t="s">
        <v>25</v>
      </c>
      <c r="G107558" s="16">
        <v>0</v>
      </c>
    </row>
    <row r="107559" spans="1:7" x14ac:dyDescent="0.3">
      <c r="A107559" s="13" t="s">
        <v>519</v>
      </c>
      <c r="B107559" s="14" t="s">
        <v>1</v>
      </c>
      <c r="C107559" s="14" t="s">
        <v>51</v>
      </c>
      <c r="D107559" s="14" t="s">
        <v>107</v>
      </c>
      <c r="E107559" s="15">
        <v>45625</v>
      </c>
      <c r="F107559" s="14" t="s">
        <v>25</v>
      </c>
      <c r="G107559" s="16">
        <v>0</v>
      </c>
    </row>
    <row r="107560" spans="1:7" x14ac:dyDescent="0.3">
      <c r="A107560" s="13" t="s">
        <v>519</v>
      </c>
      <c r="B107560" s="14" t="s">
        <v>1</v>
      </c>
      <c r="C107560" s="14" t="s">
        <v>51</v>
      </c>
      <c r="D107560" s="14" t="s">
        <v>107</v>
      </c>
      <c r="E107560" s="15">
        <v>45626</v>
      </c>
      <c r="F107560" s="14" t="s">
        <v>25</v>
      </c>
      <c r="G107560" s="16">
        <v>0</v>
      </c>
    </row>
    <row r="107561" spans="1:7" x14ac:dyDescent="0.3">
      <c r="A107561" s="13" t="s">
        <v>519</v>
      </c>
      <c r="B107561" s="14" t="s">
        <v>1</v>
      </c>
      <c r="C107561" s="14" t="s">
        <v>51</v>
      </c>
      <c r="D107561" s="14" t="s">
        <v>107</v>
      </c>
      <c r="E107561" s="15">
        <v>45627</v>
      </c>
      <c r="F107561" s="14" t="s">
        <v>25</v>
      </c>
      <c r="G107561" s="16">
        <v>0</v>
      </c>
    </row>
    <row r="107562" spans="1:7" x14ac:dyDescent="0.3">
      <c r="A107562" s="13" t="s">
        <v>519</v>
      </c>
      <c r="B107562" s="14" t="s">
        <v>1</v>
      </c>
      <c r="C107562" s="14" t="s">
        <v>51</v>
      </c>
      <c r="D107562" s="14" t="s">
        <v>107</v>
      </c>
      <c r="E107562" s="15">
        <v>45628</v>
      </c>
      <c r="F107562" s="14" t="s">
        <v>25</v>
      </c>
      <c r="G107562" s="16">
        <v>0</v>
      </c>
    </row>
    <row r="107563" spans="1:7" x14ac:dyDescent="0.3">
      <c r="A107563" s="13" t="s">
        <v>519</v>
      </c>
      <c r="B107563" s="14" t="s">
        <v>1</v>
      </c>
      <c r="C107563" s="14" t="s">
        <v>51</v>
      </c>
      <c r="D107563" s="14" t="s">
        <v>107</v>
      </c>
      <c r="E107563" s="15">
        <v>45629</v>
      </c>
      <c r="F107563" s="14" t="s">
        <v>25</v>
      </c>
      <c r="G107563" s="16">
        <v>0</v>
      </c>
    </row>
    <row r="107564" spans="1:7" x14ac:dyDescent="0.3">
      <c r="A107564" s="13" t="s">
        <v>519</v>
      </c>
      <c r="B107564" s="14" t="s">
        <v>1</v>
      </c>
      <c r="C107564" s="14" t="s">
        <v>51</v>
      </c>
      <c r="D107564" s="14" t="s">
        <v>107</v>
      </c>
      <c r="E107564" s="15">
        <v>45630</v>
      </c>
      <c r="F107564" s="14" t="s">
        <v>25</v>
      </c>
      <c r="G107564" s="16">
        <v>0</v>
      </c>
    </row>
    <row r="107565" spans="1:7" x14ac:dyDescent="0.3">
      <c r="A107565" s="13" t="s">
        <v>519</v>
      </c>
      <c r="B107565" s="14" t="s">
        <v>1</v>
      </c>
      <c r="C107565" s="14" t="s">
        <v>51</v>
      </c>
      <c r="D107565" s="14" t="s">
        <v>107</v>
      </c>
      <c r="E107565" s="15">
        <v>45631</v>
      </c>
      <c r="F107565" s="14" t="s">
        <v>25</v>
      </c>
      <c r="G107565" s="16">
        <v>0</v>
      </c>
    </row>
    <row r="107566" spans="1:7" x14ac:dyDescent="0.3">
      <c r="A107566" s="13" t="s">
        <v>519</v>
      </c>
      <c r="B107566" s="14" t="s">
        <v>1</v>
      </c>
      <c r="C107566" s="14" t="s">
        <v>51</v>
      </c>
      <c r="D107566" s="14" t="s">
        <v>107</v>
      </c>
      <c r="E107566" s="15">
        <v>45632</v>
      </c>
      <c r="F107566" s="14" t="s">
        <v>25</v>
      </c>
      <c r="G107566" s="16">
        <v>0</v>
      </c>
    </row>
    <row r="107567" spans="1:7" x14ac:dyDescent="0.3">
      <c r="A107567" s="13" t="s">
        <v>519</v>
      </c>
      <c r="B107567" s="14" t="s">
        <v>1</v>
      </c>
      <c r="C107567" s="14" t="s">
        <v>51</v>
      </c>
      <c r="D107567" s="14" t="s">
        <v>107</v>
      </c>
      <c r="E107567" s="15">
        <v>45633</v>
      </c>
      <c r="F107567" s="14" t="s">
        <v>25</v>
      </c>
      <c r="G107567" s="16">
        <v>0</v>
      </c>
    </row>
    <row r="107568" spans="1:7" x14ac:dyDescent="0.3">
      <c r="A107568" s="13" t="s">
        <v>519</v>
      </c>
      <c r="B107568" s="14" t="s">
        <v>1</v>
      </c>
      <c r="C107568" s="14" t="s">
        <v>51</v>
      </c>
      <c r="D107568" s="14" t="s">
        <v>107</v>
      </c>
      <c r="E107568" s="15">
        <v>45634</v>
      </c>
      <c r="F107568" s="14" t="s">
        <v>25</v>
      </c>
      <c r="G107568" s="16">
        <v>0</v>
      </c>
    </row>
    <row r="107569" spans="1:7" x14ac:dyDescent="0.3">
      <c r="A107569" s="13" t="s">
        <v>519</v>
      </c>
      <c r="B107569" s="14" t="s">
        <v>1</v>
      </c>
      <c r="C107569" s="14" t="s">
        <v>51</v>
      </c>
      <c r="D107569" s="14" t="s">
        <v>107</v>
      </c>
      <c r="E107569" s="15">
        <v>45635</v>
      </c>
      <c r="F107569" s="14" t="s">
        <v>25</v>
      </c>
      <c r="G107569" s="16">
        <v>0</v>
      </c>
    </row>
    <row r="107570" spans="1:7" x14ac:dyDescent="0.3">
      <c r="A107570" s="13" t="s">
        <v>519</v>
      </c>
      <c r="B107570" s="14" t="s">
        <v>1</v>
      </c>
      <c r="C107570" s="14" t="s">
        <v>51</v>
      </c>
      <c r="D107570" s="14" t="s">
        <v>107</v>
      </c>
      <c r="E107570" s="15">
        <v>45636</v>
      </c>
      <c r="F107570" s="14" t="s">
        <v>25</v>
      </c>
      <c r="G107570" s="16">
        <v>0</v>
      </c>
    </row>
    <row r="107571" spans="1:7" x14ac:dyDescent="0.3">
      <c r="A107571" s="13" t="s">
        <v>519</v>
      </c>
      <c r="B107571" s="14" t="s">
        <v>1</v>
      </c>
      <c r="C107571" s="14" t="s">
        <v>51</v>
      </c>
      <c r="D107571" s="14" t="s">
        <v>107</v>
      </c>
      <c r="E107571" s="15">
        <v>45637</v>
      </c>
      <c r="F107571" s="14" t="s">
        <v>25</v>
      </c>
      <c r="G107571" s="16">
        <v>0</v>
      </c>
    </row>
    <row r="107572" spans="1:7" x14ac:dyDescent="0.3">
      <c r="A107572" s="13" t="s">
        <v>519</v>
      </c>
      <c r="B107572" s="14" t="s">
        <v>1</v>
      </c>
      <c r="C107572" s="14" t="s">
        <v>51</v>
      </c>
      <c r="D107572" s="14" t="s">
        <v>107</v>
      </c>
      <c r="E107572" s="15">
        <v>45638</v>
      </c>
      <c r="F107572" s="14" t="s">
        <v>25</v>
      </c>
      <c r="G107572" s="16">
        <v>0</v>
      </c>
    </row>
    <row r="107573" spans="1:7" x14ac:dyDescent="0.3">
      <c r="A107573" s="13" t="s">
        <v>519</v>
      </c>
      <c r="B107573" s="14" t="s">
        <v>1</v>
      </c>
      <c r="C107573" s="14" t="s">
        <v>51</v>
      </c>
      <c r="D107573" s="14" t="s">
        <v>107</v>
      </c>
      <c r="E107573" s="15">
        <v>45639</v>
      </c>
      <c r="F107573" s="14" t="s">
        <v>25</v>
      </c>
      <c r="G107573" s="16">
        <v>0</v>
      </c>
    </row>
    <row r="107574" spans="1:7" x14ac:dyDescent="0.3">
      <c r="A107574" s="13" t="s">
        <v>519</v>
      </c>
      <c r="B107574" s="14" t="s">
        <v>1</v>
      </c>
      <c r="C107574" s="14" t="s">
        <v>51</v>
      </c>
      <c r="D107574" s="14" t="s">
        <v>107</v>
      </c>
      <c r="E107574" s="15">
        <v>45640</v>
      </c>
      <c r="F107574" s="14" t="s">
        <v>25</v>
      </c>
      <c r="G107574" s="16">
        <v>0</v>
      </c>
    </row>
    <row r="107575" spans="1:7" x14ac:dyDescent="0.3">
      <c r="A107575" s="13" t="s">
        <v>519</v>
      </c>
      <c r="B107575" s="14" t="s">
        <v>1</v>
      </c>
      <c r="C107575" s="14" t="s">
        <v>51</v>
      </c>
      <c r="D107575" s="14" t="s">
        <v>107</v>
      </c>
      <c r="E107575" s="15">
        <v>45641</v>
      </c>
      <c r="F107575" s="14" t="s">
        <v>25</v>
      </c>
      <c r="G107575" s="16">
        <v>0</v>
      </c>
    </row>
    <row r="107576" spans="1:7" x14ac:dyDescent="0.3">
      <c r="A107576" s="13" t="s">
        <v>519</v>
      </c>
      <c r="B107576" s="14" t="s">
        <v>1</v>
      </c>
      <c r="C107576" s="14" t="s">
        <v>51</v>
      </c>
      <c r="D107576" s="14" t="s">
        <v>107</v>
      </c>
      <c r="E107576" s="15">
        <v>45642</v>
      </c>
      <c r="F107576" s="14" t="s">
        <v>25</v>
      </c>
      <c r="G107576" s="16">
        <v>0</v>
      </c>
    </row>
    <row r="107577" spans="1:7" x14ac:dyDescent="0.3">
      <c r="A107577" s="13" t="s">
        <v>519</v>
      </c>
      <c r="B107577" s="14" t="s">
        <v>1</v>
      </c>
      <c r="C107577" s="14" t="s">
        <v>51</v>
      </c>
      <c r="D107577" s="14" t="s">
        <v>107</v>
      </c>
      <c r="E107577" s="15">
        <v>45643</v>
      </c>
      <c r="F107577" s="14" t="s">
        <v>25</v>
      </c>
      <c r="G107577" s="16">
        <v>0</v>
      </c>
    </row>
    <row r="107578" spans="1:7" x14ac:dyDescent="0.3">
      <c r="A107578" s="13" t="s">
        <v>519</v>
      </c>
      <c r="B107578" s="14" t="s">
        <v>1</v>
      </c>
      <c r="C107578" s="14" t="s">
        <v>51</v>
      </c>
      <c r="D107578" s="14" t="s">
        <v>107</v>
      </c>
      <c r="E107578" s="15">
        <v>45644</v>
      </c>
      <c r="F107578" s="14" t="s">
        <v>25</v>
      </c>
      <c r="G107578" s="16">
        <v>0</v>
      </c>
    </row>
    <row r="107579" spans="1:7" x14ac:dyDescent="0.3">
      <c r="A107579" s="13" t="s">
        <v>519</v>
      </c>
      <c r="B107579" s="14" t="s">
        <v>1</v>
      </c>
      <c r="C107579" s="14" t="s">
        <v>51</v>
      </c>
      <c r="D107579" s="14" t="s">
        <v>107</v>
      </c>
      <c r="E107579" s="15">
        <v>45645</v>
      </c>
      <c r="F107579" s="14" t="s">
        <v>25</v>
      </c>
      <c r="G107579" s="16">
        <v>0</v>
      </c>
    </row>
    <row r="107580" spans="1:7" x14ac:dyDescent="0.3">
      <c r="A107580" s="13" t="s">
        <v>519</v>
      </c>
      <c r="B107580" s="14" t="s">
        <v>1</v>
      </c>
      <c r="C107580" s="14" t="s">
        <v>51</v>
      </c>
      <c r="D107580" s="14" t="s">
        <v>107</v>
      </c>
      <c r="E107580" s="15">
        <v>45646</v>
      </c>
      <c r="F107580" s="14" t="s">
        <v>25</v>
      </c>
      <c r="G107580" s="16">
        <v>0</v>
      </c>
    </row>
    <row r="107581" spans="1:7" x14ac:dyDescent="0.3">
      <c r="A107581" s="13" t="s">
        <v>519</v>
      </c>
      <c r="B107581" s="14" t="s">
        <v>1</v>
      </c>
      <c r="C107581" s="14" t="s">
        <v>51</v>
      </c>
      <c r="D107581" s="14" t="s">
        <v>107</v>
      </c>
      <c r="E107581" s="15">
        <v>45647</v>
      </c>
      <c r="F107581" s="14" t="s">
        <v>25</v>
      </c>
      <c r="G107581" s="16">
        <v>0</v>
      </c>
    </row>
    <row r="107582" spans="1:7" x14ac:dyDescent="0.3">
      <c r="A107582" s="13" t="s">
        <v>519</v>
      </c>
      <c r="B107582" s="14" t="s">
        <v>1</v>
      </c>
      <c r="C107582" s="14" t="s">
        <v>51</v>
      </c>
      <c r="D107582" s="14" t="s">
        <v>107</v>
      </c>
      <c r="E107582" s="15">
        <v>45648</v>
      </c>
      <c r="F107582" s="14" t="s">
        <v>25</v>
      </c>
      <c r="G107582" s="16">
        <v>0</v>
      </c>
    </row>
    <row r="107583" spans="1:7" x14ac:dyDescent="0.3">
      <c r="A107583" s="13" t="s">
        <v>519</v>
      </c>
      <c r="B107583" s="14" t="s">
        <v>1</v>
      </c>
      <c r="C107583" s="14" t="s">
        <v>51</v>
      </c>
      <c r="D107583" s="14" t="s">
        <v>107</v>
      </c>
      <c r="E107583" s="15">
        <v>45649</v>
      </c>
      <c r="F107583" s="14" t="s">
        <v>25</v>
      </c>
      <c r="G107583" s="16">
        <v>0</v>
      </c>
    </row>
    <row r="107584" spans="1:7" x14ac:dyDescent="0.3">
      <c r="A107584" s="13" t="s">
        <v>519</v>
      </c>
      <c r="B107584" s="14" t="s">
        <v>1</v>
      </c>
      <c r="C107584" s="14" t="s">
        <v>51</v>
      </c>
      <c r="D107584" s="14" t="s">
        <v>107</v>
      </c>
      <c r="E107584" s="15">
        <v>45650</v>
      </c>
      <c r="F107584" s="14" t="s">
        <v>25</v>
      </c>
      <c r="G107584" s="16">
        <v>0</v>
      </c>
    </row>
    <row r="107585" spans="1:7" x14ac:dyDescent="0.3">
      <c r="A107585" s="13" t="s">
        <v>519</v>
      </c>
      <c r="B107585" s="14" t="s">
        <v>1</v>
      </c>
      <c r="C107585" s="14" t="s">
        <v>51</v>
      </c>
      <c r="D107585" s="14" t="s">
        <v>107</v>
      </c>
      <c r="E107585" s="15">
        <v>45651</v>
      </c>
      <c r="F107585" s="14" t="s">
        <v>25</v>
      </c>
      <c r="G107585" s="16">
        <v>0</v>
      </c>
    </row>
    <row r="107586" spans="1:7" x14ac:dyDescent="0.3">
      <c r="A107586" s="13" t="s">
        <v>519</v>
      </c>
      <c r="B107586" s="14" t="s">
        <v>1</v>
      </c>
      <c r="C107586" s="14" t="s">
        <v>51</v>
      </c>
      <c r="D107586" s="14" t="s">
        <v>107</v>
      </c>
      <c r="E107586" s="15">
        <v>45652</v>
      </c>
      <c r="F107586" s="14" t="s">
        <v>25</v>
      </c>
      <c r="G107586" s="16">
        <v>0</v>
      </c>
    </row>
    <row r="107587" spans="1:7" x14ac:dyDescent="0.3">
      <c r="A107587" s="13" t="s">
        <v>519</v>
      </c>
      <c r="B107587" s="14" t="s">
        <v>1</v>
      </c>
      <c r="C107587" s="14" t="s">
        <v>51</v>
      </c>
      <c r="D107587" s="14" t="s">
        <v>107</v>
      </c>
      <c r="E107587" s="15">
        <v>45653</v>
      </c>
      <c r="F107587" s="14" t="s">
        <v>25</v>
      </c>
      <c r="G107587" s="16">
        <v>0</v>
      </c>
    </row>
    <row r="107588" spans="1:7" x14ac:dyDescent="0.3">
      <c r="A107588" s="13" t="s">
        <v>519</v>
      </c>
      <c r="B107588" s="14" t="s">
        <v>1</v>
      </c>
      <c r="C107588" s="14" t="s">
        <v>51</v>
      </c>
      <c r="D107588" s="14" t="s">
        <v>107</v>
      </c>
      <c r="E107588" s="15">
        <v>45654</v>
      </c>
      <c r="F107588" s="14" t="s">
        <v>25</v>
      </c>
      <c r="G107588" s="16">
        <v>0</v>
      </c>
    </row>
    <row r="107589" spans="1:7" x14ac:dyDescent="0.3">
      <c r="A107589" s="13" t="s">
        <v>519</v>
      </c>
      <c r="B107589" s="14" t="s">
        <v>1</v>
      </c>
      <c r="C107589" s="14" t="s">
        <v>51</v>
      </c>
      <c r="D107589" s="14" t="s">
        <v>107</v>
      </c>
      <c r="E107589" s="15">
        <v>45655</v>
      </c>
      <c r="F107589" s="14" t="s">
        <v>25</v>
      </c>
      <c r="G107589" s="16">
        <v>0</v>
      </c>
    </row>
    <row r="107590" spans="1:7" x14ac:dyDescent="0.3">
      <c r="A107590" s="13" t="s">
        <v>519</v>
      </c>
      <c r="B107590" s="14" t="s">
        <v>1</v>
      </c>
      <c r="C107590" s="14" t="s">
        <v>51</v>
      </c>
      <c r="D107590" s="14" t="s">
        <v>107</v>
      </c>
      <c r="E107590" s="15">
        <v>45656</v>
      </c>
      <c r="F107590" s="14" t="s">
        <v>25</v>
      </c>
      <c r="G107590" s="16">
        <v>0</v>
      </c>
    </row>
    <row r="107591" spans="1:7" x14ac:dyDescent="0.3">
      <c r="A107591" s="13" t="s">
        <v>519</v>
      </c>
      <c r="B107591" s="14" t="s">
        <v>1</v>
      </c>
      <c r="C107591" s="14" t="s">
        <v>51</v>
      </c>
      <c r="D107591" s="14" t="s">
        <v>107</v>
      </c>
      <c r="E107591" s="15">
        <v>45657</v>
      </c>
      <c r="F107591" s="14" t="s">
        <v>25</v>
      </c>
      <c r="G107591" s="16">
        <v>0</v>
      </c>
    </row>
    <row r="107592" spans="1:7" x14ac:dyDescent="0.3">
      <c r="A107592" s="13" t="s">
        <v>519</v>
      </c>
      <c r="B107592" s="14" t="s">
        <v>1</v>
      </c>
      <c r="C107592" s="14" t="s">
        <v>51</v>
      </c>
      <c r="D107592" s="14" t="s">
        <v>107</v>
      </c>
      <c r="E107592" s="15">
        <v>45658</v>
      </c>
      <c r="F107592" s="14" t="s">
        <v>25</v>
      </c>
      <c r="G107592" s="16">
        <v>0</v>
      </c>
    </row>
    <row r="107593" spans="1:7" x14ac:dyDescent="0.3">
      <c r="A107593" s="13" t="s">
        <v>519</v>
      </c>
      <c r="B107593" s="14" t="s">
        <v>1</v>
      </c>
      <c r="C107593" s="14" t="s">
        <v>51</v>
      </c>
      <c r="D107593" s="14" t="s">
        <v>107</v>
      </c>
      <c r="E107593" s="15">
        <v>45659</v>
      </c>
      <c r="F107593" s="14" t="s">
        <v>25</v>
      </c>
      <c r="G107593" s="16">
        <v>0</v>
      </c>
    </row>
    <row r="107594" spans="1:7" x14ac:dyDescent="0.3">
      <c r="A107594" s="13" t="s">
        <v>519</v>
      </c>
      <c r="B107594" s="14" t="s">
        <v>1</v>
      </c>
      <c r="C107594" s="14" t="s">
        <v>51</v>
      </c>
      <c r="D107594" s="14" t="s">
        <v>107</v>
      </c>
      <c r="E107594" s="15">
        <v>45660</v>
      </c>
      <c r="F107594" s="14" t="s">
        <v>25</v>
      </c>
      <c r="G107594" s="16">
        <v>0</v>
      </c>
    </row>
    <row r="107595" spans="1:7" x14ac:dyDescent="0.3">
      <c r="A107595" s="13" t="s">
        <v>519</v>
      </c>
      <c r="B107595" s="14" t="s">
        <v>1</v>
      </c>
      <c r="C107595" s="14" t="s">
        <v>51</v>
      </c>
      <c r="D107595" s="14" t="s">
        <v>107</v>
      </c>
      <c r="E107595" s="15">
        <v>45661</v>
      </c>
      <c r="F107595" s="14" t="s">
        <v>25</v>
      </c>
      <c r="G107595" s="16">
        <v>0</v>
      </c>
    </row>
    <row r="107596" spans="1:7" x14ac:dyDescent="0.3">
      <c r="A107596" s="13" t="s">
        <v>519</v>
      </c>
      <c r="B107596" s="14" t="s">
        <v>1</v>
      </c>
      <c r="C107596" s="14" t="s">
        <v>51</v>
      </c>
      <c r="D107596" s="14" t="s">
        <v>107</v>
      </c>
      <c r="E107596" s="15">
        <v>45662</v>
      </c>
      <c r="F107596" s="14" t="s">
        <v>25</v>
      </c>
      <c r="G107596" s="16">
        <v>0</v>
      </c>
    </row>
    <row r="107597" spans="1:7" x14ac:dyDescent="0.3">
      <c r="A107597" s="13" t="s">
        <v>519</v>
      </c>
      <c r="B107597" s="14" t="s">
        <v>1</v>
      </c>
      <c r="C107597" s="14" t="s">
        <v>51</v>
      </c>
      <c r="D107597" s="14" t="s">
        <v>107</v>
      </c>
      <c r="E107597" s="15">
        <v>45663</v>
      </c>
      <c r="F107597" s="14" t="s">
        <v>25</v>
      </c>
      <c r="G107597" s="16">
        <v>0</v>
      </c>
    </row>
    <row r="107598" spans="1:7" x14ac:dyDescent="0.3">
      <c r="A107598" s="13" t="s">
        <v>519</v>
      </c>
      <c r="B107598" s="14" t="s">
        <v>1</v>
      </c>
      <c r="C107598" s="14" t="s">
        <v>51</v>
      </c>
      <c r="D107598" s="14" t="s">
        <v>107</v>
      </c>
      <c r="E107598" s="15">
        <v>45664</v>
      </c>
      <c r="F107598" s="14" t="s">
        <v>25</v>
      </c>
      <c r="G107598" s="16">
        <v>0</v>
      </c>
    </row>
    <row r="107599" spans="1:7" x14ac:dyDescent="0.3">
      <c r="A107599" s="13" t="s">
        <v>519</v>
      </c>
      <c r="B107599" s="14" t="s">
        <v>1</v>
      </c>
      <c r="C107599" s="14" t="s">
        <v>51</v>
      </c>
      <c r="D107599" s="14" t="s">
        <v>107</v>
      </c>
      <c r="E107599" s="15">
        <v>45665</v>
      </c>
      <c r="F107599" s="14" t="s">
        <v>25</v>
      </c>
      <c r="G107599" s="16">
        <v>0</v>
      </c>
    </row>
    <row r="107600" spans="1:7" x14ac:dyDescent="0.3">
      <c r="A107600" s="13" t="s">
        <v>519</v>
      </c>
      <c r="B107600" s="14" t="s">
        <v>1</v>
      </c>
      <c r="C107600" s="14" t="s">
        <v>51</v>
      </c>
      <c r="D107600" s="14" t="s">
        <v>107</v>
      </c>
      <c r="E107600" s="15">
        <v>45666</v>
      </c>
      <c r="F107600" s="14" t="s">
        <v>25</v>
      </c>
      <c r="G107600" s="16">
        <v>0</v>
      </c>
    </row>
    <row r="107601" spans="1:7" x14ac:dyDescent="0.3">
      <c r="A107601" s="13" t="s">
        <v>519</v>
      </c>
      <c r="B107601" s="14" t="s">
        <v>1</v>
      </c>
      <c r="C107601" s="14" t="s">
        <v>51</v>
      </c>
      <c r="D107601" s="14" t="s">
        <v>107</v>
      </c>
      <c r="E107601" s="15">
        <v>45667</v>
      </c>
      <c r="F107601" s="14" t="s">
        <v>25</v>
      </c>
      <c r="G107601" s="16">
        <v>0</v>
      </c>
    </row>
    <row r="107602" spans="1:7" x14ac:dyDescent="0.3">
      <c r="A107602" s="13" t="s">
        <v>519</v>
      </c>
      <c r="B107602" s="14" t="s">
        <v>1</v>
      </c>
      <c r="C107602" s="14" t="s">
        <v>51</v>
      </c>
      <c r="D107602" s="14" t="s">
        <v>107</v>
      </c>
      <c r="E107602" s="15">
        <v>45668</v>
      </c>
      <c r="F107602" s="14" t="s">
        <v>25</v>
      </c>
      <c r="G107602" s="16">
        <v>0</v>
      </c>
    </row>
    <row r="107603" spans="1:7" x14ac:dyDescent="0.3">
      <c r="A107603" s="13" t="s">
        <v>519</v>
      </c>
      <c r="B107603" s="14" t="s">
        <v>1</v>
      </c>
      <c r="C107603" s="14" t="s">
        <v>51</v>
      </c>
      <c r="D107603" s="14" t="s">
        <v>107</v>
      </c>
      <c r="E107603" s="15">
        <v>45669</v>
      </c>
      <c r="F107603" s="14" t="s">
        <v>25</v>
      </c>
      <c r="G107603" s="16">
        <v>0</v>
      </c>
    </row>
    <row r="107604" spans="1:7" x14ac:dyDescent="0.3">
      <c r="A107604" s="13" t="s">
        <v>519</v>
      </c>
      <c r="B107604" s="14" t="s">
        <v>1</v>
      </c>
      <c r="C107604" s="14" t="s">
        <v>51</v>
      </c>
      <c r="D107604" s="14" t="s">
        <v>107</v>
      </c>
      <c r="E107604" s="15">
        <v>45670</v>
      </c>
      <c r="F107604" s="14" t="s">
        <v>25</v>
      </c>
      <c r="G107604" s="16">
        <v>0</v>
      </c>
    </row>
    <row r="107605" spans="1:7" x14ac:dyDescent="0.3">
      <c r="A107605" s="13" t="s">
        <v>519</v>
      </c>
      <c r="B107605" s="14" t="s">
        <v>1</v>
      </c>
      <c r="C107605" s="14" t="s">
        <v>51</v>
      </c>
      <c r="D107605" s="14" t="s">
        <v>107</v>
      </c>
      <c r="E107605" s="15">
        <v>45671</v>
      </c>
      <c r="F107605" s="14" t="s">
        <v>25</v>
      </c>
      <c r="G107605" s="16">
        <v>0</v>
      </c>
    </row>
    <row r="107606" spans="1:7" x14ac:dyDescent="0.3">
      <c r="A107606" s="13" t="s">
        <v>519</v>
      </c>
      <c r="B107606" s="14" t="s">
        <v>1</v>
      </c>
      <c r="C107606" s="14" t="s">
        <v>51</v>
      </c>
      <c r="D107606" s="14" t="s">
        <v>107</v>
      </c>
      <c r="E107606" s="15">
        <v>45672</v>
      </c>
      <c r="F107606" s="14" t="s">
        <v>25</v>
      </c>
      <c r="G107606" s="16">
        <v>0</v>
      </c>
    </row>
    <row r="107607" spans="1:7" x14ac:dyDescent="0.3">
      <c r="A107607" s="13" t="s">
        <v>519</v>
      </c>
      <c r="B107607" s="14" t="s">
        <v>1</v>
      </c>
      <c r="C107607" s="14" t="s">
        <v>51</v>
      </c>
      <c r="D107607" s="14" t="s">
        <v>107</v>
      </c>
      <c r="E107607" s="15">
        <v>45673</v>
      </c>
      <c r="F107607" s="14" t="s">
        <v>25</v>
      </c>
      <c r="G107607" s="16">
        <v>0</v>
      </c>
    </row>
    <row r="107608" spans="1:7" x14ac:dyDescent="0.3">
      <c r="A107608" s="13" t="s">
        <v>519</v>
      </c>
      <c r="B107608" s="14" t="s">
        <v>1</v>
      </c>
      <c r="C107608" s="14" t="s">
        <v>51</v>
      </c>
      <c r="D107608" s="14" t="s">
        <v>107</v>
      </c>
      <c r="E107608" s="15">
        <v>45674</v>
      </c>
      <c r="F107608" s="14" t="s">
        <v>25</v>
      </c>
      <c r="G107608" s="16">
        <v>0</v>
      </c>
    </row>
    <row r="107609" spans="1:7" x14ac:dyDescent="0.3">
      <c r="A107609" s="13" t="s">
        <v>519</v>
      </c>
      <c r="B107609" s="14" t="s">
        <v>1</v>
      </c>
      <c r="C107609" s="14" t="s">
        <v>51</v>
      </c>
      <c r="D107609" s="14" t="s">
        <v>107</v>
      </c>
      <c r="E107609" s="15">
        <v>45675</v>
      </c>
      <c r="F107609" s="14" t="s">
        <v>25</v>
      </c>
      <c r="G107609" s="16">
        <v>0</v>
      </c>
    </row>
    <row r="107610" spans="1:7" x14ac:dyDescent="0.3">
      <c r="A107610" s="13" t="s">
        <v>519</v>
      </c>
      <c r="B107610" s="14" t="s">
        <v>1</v>
      </c>
      <c r="C107610" s="14" t="s">
        <v>51</v>
      </c>
      <c r="D107610" s="14" t="s">
        <v>107</v>
      </c>
      <c r="E107610" s="15">
        <v>45676</v>
      </c>
      <c r="F107610" s="14" t="s">
        <v>25</v>
      </c>
      <c r="G107610" s="16">
        <v>0</v>
      </c>
    </row>
    <row r="107611" spans="1:7" x14ac:dyDescent="0.3">
      <c r="A107611" s="13" t="s">
        <v>519</v>
      </c>
      <c r="B107611" s="14" t="s">
        <v>1</v>
      </c>
      <c r="C107611" s="14" t="s">
        <v>51</v>
      </c>
      <c r="D107611" s="14" t="s">
        <v>107</v>
      </c>
      <c r="E107611" s="15">
        <v>45677</v>
      </c>
      <c r="F107611" s="14" t="s">
        <v>25</v>
      </c>
      <c r="G107611" s="16">
        <v>0</v>
      </c>
    </row>
    <row r="107612" spans="1:7" x14ac:dyDescent="0.3">
      <c r="A107612" s="13" t="s">
        <v>519</v>
      </c>
      <c r="B107612" s="14" t="s">
        <v>1</v>
      </c>
      <c r="C107612" s="14" t="s">
        <v>51</v>
      </c>
      <c r="D107612" s="14" t="s">
        <v>107</v>
      </c>
      <c r="E107612" s="15">
        <v>45678</v>
      </c>
      <c r="F107612" s="14" t="s">
        <v>25</v>
      </c>
      <c r="G107612" s="16">
        <v>0</v>
      </c>
    </row>
    <row r="107613" spans="1:7" x14ac:dyDescent="0.3">
      <c r="A107613" s="13" t="s">
        <v>519</v>
      </c>
      <c r="B107613" s="14" t="s">
        <v>1</v>
      </c>
      <c r="C107613" s="14" t="s">
        <v>51</v>
      </c>
      <c r="D107613" s="14" t="s">
        <v>107</v>
      </c>
      <c r="E107613" s="15">
        <v>45679</v>
      </c>
      <c r="F107613" s="14" t="s">
        <v>25</v>
      </c>
      <c r="G107613" s="16">
        <v>0</v>
      </c>
    </row>
    <row r="107614" spans="1:7" x14ac:dyDescent="0.3">
      <c r="A107614" s="13" t="s">
        <v>519</v>
      </c>
      <c r="B107614" s="14" t="s">
        <v>1</v>
      </c>
      <c r="C107614" s="14" t="s">
        <v>51</v>
      </c>
      <c r="D107614" s="14" t="s">
        <v>107</v>
      </c>
      <c r="E107614" s="15">
        <v>45680</v>
      </c>
      <c r="F107614" s="14" t="s">
        <v>25</v>
      </c>
      <c r="G107614" s="16">
        <v>0</v>
      </c>
    </row>
    <row r="107615" spans="1:7" x14ac:dyDescent="0.3">
      <c r="A107615" s="13" t="s">
        <v>519</v>
      </c>
      <c r="B107615" s="14" t="s">
        <v>1</v>
      </c>
      <c r="C107615" s="14" t="s">
        <v>51</v>
      </c>
      <c r="D107615" s="14" t="s">
        <v>107</v>
      </c>
      <c r="E107615" s="15">
        <v>45681</v>
      </c>
      <c r="F107615" s="14" t="s">
        <v>25</v>
      </c>
      <c r="G107615" s="16">
        <v>0</v>
      </c>
    </row>
    <row r="107616" spans="1:7" x14ac:dyDescent="0.3">
      <c r="A107616" s="13" t="s">
        <v>519</v>
      </c>
      <c r="B107616" s="14" t="s">
        <v>1</v>
      </c>
      <c r="C107616" s="14" t="s">
        <v>51</v>
      </c>
      <c r="D107616" s="14" t="s">
        <v>107</v>
      </c>
      <c r="E107616" s="15">
        <v>45682</v>
      </c>
      <c r="F107616" s="14" t="s">
        <v>25</v>
      </c>
      <c r="G107616" s="16">
        <v>0</v>
      </c>
    </row>
    <row r="107617" spans="1:7" x14ac:dyDescent="0.3">
      <c r="A107617" s="13" t="s">
        <v>519</v>
      </c>
      <c r="B107617" s="14" t="s">
        <v>1</v>
      </c>
      <c r="C107617" s="14" t="s">
        <v>51</v>
      </c>
      <c r="D107617" s="14" t="s">
        <v>107</v>
      </c>
      <c r="E107617" s="15">
        <v>45683</v>
      </c>
      <c r="F107617" s="14" t="s">
        <v>25</v>
      </c>
      <c r="G107617" s="16">
        <v>0</v>
      </c>
    </row>
    <row r="107618" spans="1:7" x14ac:dyDescent="0.3">
      <c r="A107618" s="13" t="s">
        <v>519</v>
      </c>
      <c r="B107618" s="14" t="s">
        <v>1</v>
      </c>
      <c r="C107618" s="14" t="s">
        <v>51</v>
      </c>
      <c r="D107618" s="14" t="s">
        <v>107</v>
      </c>
      <c r="E107618" s="15">
        <v>45684</v>
      </c>
      <c r="F107618" s="14" t="s">
        <v>25</v>
      </c>
      <c r="G107618" s="16">
        <v>0</v>
      </c>
    </row>
    <row r="107619" spans="1:7" x14ac:dyDescent="0.3">
      <c r="A107619" s="13" t="s">
        <v>519</v>
      </c>
      <c r="B107619" s="14" t="s">
        <v>1</v>
      </c>
      <c r="C107619" s="14" t="s">
        <v>51</v>
      </c>
      <c r="D107619" s="14" t="s">
        <v>107</v>
      </c>
      <c r="E107619" s="15">
        <v>45685</v>
      </c>
      <c r="F107619" s="14" t="s">
        <v>25</v>
      </c>
      <c r="G107619" s="16">
        <v>0</v>
      </c>
    </row>
    <row r="107620" spans="1:7" x14ac:dyDescent="0.3">
      <c r="A107620" s="13" t="s">
        <v>519</v>
      </c>
      <c r="B107620" s="14" t="s">
        <v>1</v>
      </c>
      <c r="C107620" s="14" t="s">
        <v>51</v>
      </c>
      <c r="D107620" s="14" t="s">
        <v>107</v>
      </c>
      <c r="E107620" s="15">
        <v>45686</v>
      </c>
      <c r="F107620" s="14" t="s">
        <v>25</v>
      </c>
      <c r="G107620" s="16">
        <v>0</v>
      </c>
    </row>
    <row r="107621" spans="1:7" x14ac:dyDescent="0.3">
      <c r="A107621" s="13" t="s">
        <v>519</v>
      </c>
      <c r="B107621" s="14" t="s">
        <v>1</v>
      </c>
      <c r="C107621" s="14" t="s">
        <v>51</v>
      </c>
      <c r="D107621" s="14" t="s">
        <v>107</v>
      </c>
      <c r="E107621" s="15">
        <v>45687</v>
      </c>
      <c r="F107621" s="14" t="s">
        <v>25</v>
      </c>
      <c r="G107621" s="16">
        <v>0</v>
      </c>
    </row>
    <row r="107622" spans="1:7" x14ac:dyDescent="0.3">
      <c r="A107622" s="13" t="s">
        <v>519</v>
      </c>
      <c r="B107622" s="14" t="s">
        <v>1</v>
      </c>
      <c r="C107622" s="14" t="s">
        <v>51</v>
      </c>
      <c r="D107622" s="14" t="s">
        <v>107</v>
      </c>
      <c r="E107622" s="15">
        <v>45688</v>
      </c>
      <c r="F107622" s="14" t="s">
        <v>25</v>
      </c>
      <c r="G107622" s="16">
        <v>0</v>
      </c>
    </row>
    <row r="107623" spans="1:7" x14ac:dyDescent="0.3">
      <c r="A107623" s="13" t="s">
        <v>519</v>
      </c>
      <c r="B107623" s="14" t="s">
        <v>1</v>
      </c>
      <c r="C107623" s="14" t="s">
        <v>51</v>
      </c>
      <c r="D107623" s="14" t="s">
        <v>107</v>
      </c>
      <c r="E107623" s="15">
        <v>45689</v>
      </c>
      <c r="F107623" s="14" t="s">
        <v>25</v>
      </c>
      <c r="G107623" s="16">
        <v>0</v>
      </c>
    </row>
    <row r="107624" spans="1:7" x14ac:dyDescent="0.3">
      <c r="A107624" s="13" t="s">
        <v>519</v>
      </c>
      <c r="B107624" s="14" t="s">
        <v>1</v>
      </c>
      <c r="C107624" s="14" t="s">
        <v>51</v>
      </c>
      <c r="D107624" s="14" t="s">
        <v>107</v>
      </c>
      <c r="E107624" s="15">
        <v>45690</v>
      </c>
      <c r="F107624" s="14" t="s">
        <v>25</v>
      </c>
      <c r="G107624" s="16">
        <v>0</v>
      </c>
    </row>
    <row r="107625" spans="1:7" x14ac:dyDescent="0.3">
      <c r="A107625" s="13" t="s">
        <v>519</v>
      </c>
      <c r="B107625" s="14" t="s">
        <v>1</v>
      </c>
      <c r="C107625" s="14" t="s">
        <v>51</v>
      </c>
      <c r="D107625" s="14" t="s">
        <v>107</v>
      </c>
      <c r="E107625" s="15">
        <v>45691</v>
      </c>
      <c r="F107625" s="14" t="s">
        <v>25</v>
      </c>
      <c r="G107625" s="16">
        <v>0</v>
      </c>
    </row>
    <row r="107626" spans="1:7" x14ac:dyDescent="0.3">
      <c r="A107626" s="13" t="s">
        <v>519</v>
      </c>
      <c r="B107626" s="14" t="s">
        <v>1</v>
      </c>
      <c r="C107626" s="14" t="s">
        <v>51</v>
      </c>
      <c r="D107626" s="14" t="s">
        <v>107</v>
      </c>
      <c r="E107626" s="15">
        <v>45692</v>
      </c>
      <c r="F107626" s="14" t="s">
        <v>25</v>
      </c>
      <c r="G107626" s="16">
        <v>0</v>
      </c>
    </row>
    <row r="107627" spans="1:7" x14ac:dyDescent="0.3">
      <c r="A107627" s="13" t="s">
        <v>519</v>
      </c>
      <c r="B107627" s="14" t="s">
        <v>1</v>
      </c>
      <c r="C107627" s="14" t="s">
        <v>51</v>
      </c>
      <c r="D107627" s="14" t="s">
        <v>107</v>
      </c>
      <c r="E107627" s="15">
        <v>45693</v>
      </c>
      <c r="F107627" s="14" t="s">
        <v>25</v>
      </c>
      <c r="G107627" s="16">
        <v>0</v>
      </c>
    </row>
    <row r="107628" spans="1:7" x14ac:dyDescent="0.3">
      <c r="A107628" s="13" t="s">
        <v>519</v>
      </c>
      <c r="B107628" s="14" t="s">
        <v>1</v>
      </c>
      <c r="C107628" s="14" t="s">
        <v>51</v>
      </c>
      <c r="D107628" s="14" t="s">
        <v>107</v>
      </c>
      <c r="E107628" s="15">
        <v>45694</v>
      </c>
      <c r="F107628" s="14" t="s">
        <v>25</v>
      </c>
      <c r="G107628" s="16">
        <v>0</v>
      </c>
    </row>
    <row r="107629" spans="1:7" x14ac:dyDescent="0.3">
      <c r="A107629" s="13" t="s">
        <v>519</v>
      </c>
      <c r="B107629" s="14" t="s">
        <v>1</v>
      </c>
      <c r="C107629" s="14" t="s">
        <v>51</v>
      </c>
      <c r="D107629" s="14" t="s">
        <v>107</v>
      </c>
      <c r="E107629" s="15">
        <v>45695</v>
      </c>
      <c r="F107629" s="14" t="s">
        <v>25</v>
      </c>
      <c r="G107629" s="16">
        <v>0</v>
      </c>
    </row>
    <row r="107630" spans="1:7" x14ac:dyDescent="0.3">
      <c r="A107630" s="13" t="s">
        <v>519</v>
      </c>
      <c r="B107630" s="14" t="s">
        <v>1</v>
      </c>
      <c r="C107630" s="14" t="s">
        <v>51</v>
      </c>
      <c r="D107630" s="14" t="s">
        <v>107</v>
      </c>
      <c r="E107630" s="15">
        <v>45696</v>
      </c>
      <c r="F107630" s="14" t="s">
        <v>25</v>
      </c>
      <c r="G107630" s="16">
        <v>0</v>
      </c>
    </row>
    <row r="107631" spans="1:7" x14ac:dyDescent="0.3">
      <c r="A107631" s="13" t="s">
        <v>519</v>
      </c>
      <c r="B107631" s="14" t="s">
        <v>1</v>
      </c>
      <c r="C107631" s="14" t="s">
        <v>51</v>
      </c>
      <c r="D107631" s="14" t="s">
        <v>107</v>
      </c>
      <c r="E107631" s="15">
        <v>45697</v>
      </c>
      <c r="F107631" s="14" t="s">
        <v>25</v>
      </c>
      <c r="G107631" s="16">
        <v>0</v>
      </c>
    </row>
    <row r="107632" spans="1:7" x14ac:dyDescent="0.3">
      <c r="A107632" s="13" t="s">
        <v>519</v>
      </c>
      <c r="B107632" s="14" t="s">
        <v>1</v>
      </c>
      <c r="C107632" s="14" t="s">
        <v>51</v>
      </c>
      <c r="D107632" s="14" t="s">
        <v>107</v>
      </c>
      <c r="E107632" s="15">
        <v>45698</v>
      </c>
      <c r="F107632" s="14" t="s">
        <v>25</v>
      </c>
      <c r="G107632" s="16">
        <v>0</v>
      </c>
    </row>
    <row r="107633" spans="1:7" x14ac:dyDescent="0.3">
      <c r="A107633" s="13" t="s">
        <v>519</v>
      </c>
      <c r="B107633" s="14" t="s">
        <v>1</v>
      </c>
      <c r="C107633" s="14" t="s">
        <v>51</v>
      </c>
      <c r="D107633" s="14" t="s">
        <v>107</v>
      </c>
      <c r="E107633" s="15">
        <v>45699</v>
      </c>
      <c r="F107633" s="14" t="s">
        <v>25</v>
      </c>
      <c r="G107633" s="16">
        <v>0</v>
      </c>
    </row>
    <row r="107634" spans="1:7" x14ac:dyDescent="0.3">
      <c r="A107634" s="13" t="s">
        <v>519</v>
      </c>
      <c r="B107634" s="14" t="s">
        <v>1</v>
      </c>
      <c r="C107634" s="14" t="s">
        <v>51</v>
      </c>
      <c r="D107634" s="14" t="s">
        <v>107</v>
      </c>
      <c r="E107634" s="15">
        <v>45700</v>
      </c>
      <c r="F107634" s="14" t="s">
        <v>25</v>
      </c>
      <c r="G107634" s="16">
        <v>0</v>
      </c>
    </row>
    <row r="107635" spans="1:7" x14ac:dyDescent="0.3">
      <c r="A107635" s="13" t="s">
        <v>519</v>
      </c>
      <c r="B107635" s="14" t="s">
        <v>1</v>
      </c>
      <c r="C107635" s="14" t="s">
        <v>51</v>
      </c>
      <c r="D107635" s="14" t="s">
        <v>107</v>
      </c>
      <c r="E107635" s="15">
        <v>45701</v>
      </c>
      <c r="F107635" s="14" t="s">
        <v>25</v>
      </c>
      <c r="G107635" s="16">
        <v>0</v>
      </c>
    </row>
    <row r="107636" spans="1:7" x14ac:dyDescent="0.3">
      <c r="A107636" s="13" t="s">
        <v>519</v>
      </c>
      <c r="B107636" s="14" t="s">
        <v>1</v>
      </c>
      <c r="C107636" s="14" t="s">
        <v>51</v>
      </c>
      <c r="D107636" s="14" t="s">
        <v>107</v>
      </c>
      <c r="E107636" s="15">
        <v>45702</v>
      </c>
      <c r="F107636" s="14" t="s">
        <v>25</v>
      </c>
      <c r="G107636" s="16">
        <v>0</v>
      </c>
    </row>
    <row r="107637" spans="1:7" x14ac:dyDescent="0.3">
      <c r="A107637" s="13" t="s">
        <v>519</v>
      </c>
      <c r="B107637" s="14" t="s">
        <v>1</v>
      </c>
      <c r="C107637" s="14" t="s">
        <v>51</v>
      </c>
      <c r="D107637" s="14" t="s">
        <v>107</v>
      </c>
      <c r="E107637" s="15">
        <v>45703</v>
      </c>
      <c r="F107637" s="14" t="s">
        <v>25</v>
      </c>
      <c r="G107637" s="16">
        <v>0</v>
      </c>
    </row>
    <row r="107638" spans="1:7" x14ac:dyDescent="0.3">
      <c r="A107638" s="13" t="s">
        <v>519</v>
      </c>
      <c r="B107638" s="14" t="s">
        <v>1</v>
      </c>
      <c r="C107638" s="14" t="s">
        <v>51</v>
      </c>
      <c r="D107638" s="14" t="s">
        <v>107</v>
      </c>
      <c r="E107638" s="15">
        <v>45704</v>
      </c>
      <c r="F107638" s="14" t="s">
        <v>25</v>
      </c>
      <c r="G107638" s="16">
        <v>0</v>
      </c>
    </row>
    <row r="107639" spans="1:7" x14ac:dyDescent="0.3">
      <c r="A107639" s="13" t="s">
        <v>519</v>
      </c>
      <c r="B107639" s="14" t="s">
        <v>1</v>
      </c>
      <c r="C107639" s="14" t="s">
        <v>51</v>
      </c>
      <c r="D107639" s="14" t="s">
        <v>107</v>
      </c>
      <c r="E107639" s="15">
        <v>45705</v>
      </c>
      <c r="F107639" s="14" t="s">
        <v>25</v>
      </c>
      <c r="G107639" s="16">
        <v>0</v>
      </c>
    </row>
    <row r="107640" spans="1:7" x14ac:dyDescent="0.3">
      <c r="A107640" s="13" t="s">
        <v>519</v>
      </c>
      <c r="B107640" s="14" t="s">
        <v>1</v>
      </c>
      <c r="C107640" s="14" t="s">
        <v>51</v>
      </c>
      <c r="D107640" s="14" t="s">
        <v>107</v>
      </c>
      <c r="E107640" s="15">
        <v>45706</v>
      </c>
      <c r="F107640" s="14" t="s">
        <v>25</v>
      </c>
      <c r="G107640" s="16">
        <v>0</v>
      </c>
    </row>
    <row r="107641" spans="1:7" x14ac:dyDescent="0.3">
      <c r="A107641" s="13" t="s">
        <v>519</v>
      </c>
      <c r="B107641" s="14" t="s">
        <v>1</v>
      </c>
      <c r="C107641" s="14" t="s">
        <v>51</v>
      </c>
      <c r="D107641" s="14" t="s">
        <v>107</v>
      </c>
      <c r="E107641" s="15">
        <v>45707</v>
      </c>
      <c r="F107641" s="14" t="s">
        <v>25</v>
      </c>
      <c r="G107641" s="16">
        <v>0</v>
      </c>
    </row>
    <row r="107642" spans="1:7" x14ac:dyDescent="0.3">
      <c r="A107642" s="13" t="s">
        <v>519</v>
      </c>
      <c r="B107642" s="14" t="s">
        <v>1</v>
      </c>
      <c r="C107642" s="14" t="s">
        <v>51</v>
      </c>
      <c r="D107642" s="14" t="s">
        <v>107</v>
      </c>
      <c r="E107642" s="15">
        <v>45708</v>
      </c>
      <c r="F107642" s="14" t="s">
        <v>25</v>
      </c>
      <c r="G107642" s="16">
        <v>0</v>
      </c>
    </row>
    <row r="107643" spans="1:7" x14ac:dyDescent="0.3">
      <c r="A107643" s="13" t="s">
        <v>519</v>
      </c>
      <c r="B107643" s="14" t="s">
        <v>1</v>
      </c>
      <c r="C107643" s="14" t="s">
        <v>51</v>
      </c>
      <c r="D107643" s="14" t="s">
        <v>107</v>
      </c>
      <c r="E107643" s="15">
        <v>45709</v>
      </c>
      <c r="F107643" s="14" t="s">
        <v>25</v>
      </c>
      <c r="G107643" s="16">
        <v>0</v>
      </c>
    </row>
    <row r="107644" spans="1:7" x14ac:dyDescent="0.3">
      <c r="A107644" s="13" t="s">
        <v>519</v>
      </c>
      <c r="B107644" s="14" t="s">
        <v>1</v>
      </c>
      <c r="C107644" s="14" t="s">
        <v>51</v>
      </c>
      <c r="D107644" s="14" t="s">
        <v>107</v>
      </c>
      <c r="E107644" s="15">
        <v>45710</v>
      </c>
      <c r="F107644" s="14" t="s">
        <v>25</v>
      </c>
      <c r="G107644" s="16">
        <v>0</v>
      </c>
    </row>
    <row r="107645" spans="1:7" x14ac:dyDescent="0.3">
      <c r="A107645" s="13" t="s">
        <v>519</v>
      </c>
      <c r="B107645" s="14" t="s">
        <v>1</v>
      </c>
      <c r="C107645" s="14" t="s">
        <v>51</v>
      </c>
      <c r="D107645" s="14" t="s">
        <v>107</v>
      </c>
      <c r="E107645" s="15">
        <v>45711</v>
      </c>
      <c r="F107645" s="14" t="s">
        <v>25</v>
      </c>
      <c r="G107645" s="16">
        <v>0</v>
      </c>
    </row>
    <row r="107646" spans="1:7" x14ac:dyDescent="0.3">
      <c r="A107646" s="13" t="s">
        <v>519</v>
      </c>
      <c r="B107646" s="14" t="s">
        <v>1</v>
      </c>
      <c r="C107646" s="14" t="s">
        <v>51</v>
      </c>
      <c r="D107646" s="14" t="s">
        <v>107</v>
      </c>
      <c r="E107646" s="15">
        <v>45712</v>
      </c>
      <c r="F107646" s="14" t="s">
        <v>25</v>
      </c>
      <c r="G107646" s="16">
        <v>0</v>
      </c>
    </row>
    <row r="107647" spans="1:7" x14ac:dyDescent="0.3">
      <c r="A107647" s="13" t="s">
        <v>519</v>
      </c>
      <c r="B107647" s="14" t="s">
        <v>1</v>
      </c>
      <c r="C107647" s="14" t="s">
        <v>51</v>
      </c>
      <c r="D107647" s="14" t="s">
        <v>107</v>
      </c>
      <c r="E107647" s="15">
        <v>45713</v>
      </c>
      <c r="F107647" s="14" t="s">
        <v>25</v>
      </c>
      <c r="G107647" s="16">
        <v>0</v>
      </c>
    </row>
    <row r="107648" spans="1:7" x14ac:dyDescent="0.3">
      <c r="A107648" s="13" t="s">
        <v>519</v>
      </c>
      <c r="B107648" s="14" t="s">
        <v>1</v>
      </c>
      <c r="C107648" s="14" t="s">
        <v>51</v>
      </c>
      <c r="D107648" s="14" t="s">
        <v>107</v>
      </c>
      <c r="E107648" s="15">
        <v>45714</v>
      </c>
      <c r="F107648" s="14" t="s">
        <v>25</v>
      </c>
      <c r="G107648" s="16">
        <v>0</v>
      </c>
    </row>
    <row r="107649" spans="1:7" x14ac:dyDescent="0.3">
      <c r="A107649" s="13" t="s">
        <v>519</v>
      </c>
      <c r="B107649" s="14" t="s">
        <v>1</v>
      </c>
      <c r="C107649" s="14" t="s">
        <v>51</v>
      </c>
      <c r="D107649" s="14" t="s">
        <v>107</v>
      </c>
      <c r="E107649" s="15">
        <v>45715</v>
      </c>
      <c r="F107649" s="14" t="s">
        <v>25</v>
      </c>
      <c r="G107649" s="16">
        <v>0</v>
      </c>
    </row>
    <row r="107650" spans="1:7" x14ac:dyDescent="0.3">
      <c r="A107650" s="13" t="s">
        <v>519</v>
      </c>
      <c r="B107650" s="14" t="s">
        <v>1</v>
      </c>
      <c r="C107650" s="14" t="s">
        <v>51</v>
      </c>
      <c r="D107650" s="14" t="s">
        <v>107</v>
      </c>
      <c r="E107650" s="15">
        <v>45716</v>
      </c>
      <c r="F107650" s="14" t="s">
        <v>25</v>
      </c>
      <c r="G107650" s="16">
        <v>0</v>
      </c>
    </row>
    <row r="107651" spans="1:7" x14ac:dyDescent="0.3">
      <c r="A107651" s="13" t="s">
        <v>519</v>
      </c>
      <c r="B107651" s="14" t="s">
        <v>1</v>
      </c>
      <c r="C107651" s="14" t="s">
        <v>51</v>
      </c>
      <c r="D107651" s="14" t="s">
        <v>107</v>
      </c>
      <c r="E107651" s="15">
        <v>45717</v>
      </c>
      <c r="F107651" s="14" t="s">
        <v>25</v>
      </c>
      <c r="G107651" s="16">
        <v>0</v>
      </c>
    </row>
    <row r="107652" spans="1:7" x14ac:dyDescent="0.3">
      <c r="A107652" s="13" t="s">
        <v>519</v>
      </c>
      <c r="B107652" s="14" t="s">
        <v>1</v>
      </c>
      <c r="C107652" s="14" t="s">
        <v>51</v>
      </c>
      <c r="D107652" s="14" t="s">
        <v>107</v>
      </c>
      <c r="E107652" s="15">
        <v>45718</v>
      </c>
      <c r="F107652" s="14" t="s">
        <v>25</v>
      </c>
      <c r="G107652" s="16">
        <v>0</v>
      </c>
    </row>
    <row r="107653" spans="1:7" x14ac:dyDescent="0.3">
      <c r="A107653" s="13" t="s">
        <v>519</v>
      </c>
      <c r="B107653" s="14" t="s">
        <v>1</v>
      </c>
      <c r="C107653" s="14" t="s">
        <v>51</v>
      </c>
      <c r="D107653" s="14" t="s">
        <v>107</v>
      </c>
      <c r="E107653" s="15">
        <v>45719</v>
      </c>
      <c r="F107653" s="14" t="s">
        <v>25</v>
      </c>
      <c r="G107653" s="16">
        <v>0</v>
      </c>
    </row>
    <row r="107654" spans="1:7" x14ac:dyDescent="0.3">
      <c r="A107654" s="13" t="s">
        <v>519</v>
      </c>
      <c r="B107654" s="14" t="s">
        <v>1</v>
      </c>
      <c r="C107654" s="14" t="s">
        <v>51</v>
      </c>
      <c r="D107654" s="14" t="s">
        <v>107</v>
      </c>
      <c r="E107654" s="15">
        <v>45720</v>
      </c>
      <c r="F107654" s="14" t="s">
        <v>25</v>
      </c>
      <c r="G107654" s="16">
        <v>0</v>
      </c>
    </row>
    <row r="107655" spans="1:7" x14ac:dyDescent="0.3">
      <c r="A107655" s="13" t="s">
        <v>519</v>
      </c>
      <c r="B107655" s="14" t="s">
        <v>1</v>
      </c>
      <c r="C107655" s="14" t="s">
        <v>51</v>
      </c>
      <c r="D107655" s="14" t="s">
        <v>107</v>
      </c>
      <c r="E107655" s="15">
        <v>45721</v>
      </c>
      <c r="F107655" s="14" t="s">
        <v>25</v>
      </c>
      <c r="G107655" s="16">
        <v>0</v>
      </c>
    </row>
    <row r="107656" spans="1:7" x14ac:dyDescent="0.3">
      <c r="A107656" s="13" t="s">
        <v>519</v>
      </c>
      <c r="B107656" s="14" t="s">
        <v>1</v>
      </c>
      <c r="C107656" s="14" t="s">
        <v>51</v>
      </c>
      <c r="D107656" s="14" t="s">
        <v>107</v>
      </c>
      <c r="E107656" s="15">
        <v>45722</v>
      </c>
      <c r="F107656" s="14" t="s">
        <v>25</v>
      </c>
      <c r="G107656" s="16">
        <v>0</v>
      </c>
    </row>
    <row r="107657" spans="1:7" x14ac:dyDescent="0.3">
      <c r="A107657" s="13" t="s">
        <v>519</v>
      </c>
      <c r="B107657" s="14" t="s">
        <v>1</v>
      </c>
      <c r="C107657" s="14" t="s">
        <v>51</v>
      </c>
      <c r="D107657" s="14" t="s">
        <v>107</v>
      </c>
      <c r="E107657" s="15">
        <v>45723</v>
      </c>
      <c r="F107657" s="14" t="s">
        <v>25</v>
      </c>
      <c r="G107657" s="16">
        <v>0</v>
      </c>
    </row>
    <row r="107658" spans="1:7" x14ac:dyDescent="0.3">
      <c r="A107658" s="13" t="s">
        <v>519</v>
      </c>
      <c r="B107658" s="14" t="s">
        <v>1</v>
      </c>
      <c r="C107658" s="14" t="s">
        <v>51</v>
      </c>
      <c r="D107658" s="14" t="s">
        <v>107</v>
      </c>
      <c r="E107658" s="15">
        <v>45724</v>
      </c>
      <c r="F107658" s="14" t="s">
        <v>25</v>
      </c>
      <c r="G107658" s="16">
        <v>0</v>
      </c>
    </row>
    <row r="107659" spans="1:7" x14ac:dyDescent="0.3">
      <c r="A107659" s="13" t="s">
        <v>519</v>
      </c>
      <c r="B107659" s="14" t="s">
        <v>1</v>
      </c>
      <c r="C107659" s="14" t="s">
        <v>51</v>
      </c>
      <c r="D107659" s="14" t="s">
        <v>107</v>
      </c>
      <c r="E107659" s="15">
        <v>45725</v>
      </c>
      <c r="F107659" s="14" t="s">
        <v>25</v>
      </c>
      <c r="G107659" s="16">
        <v>0</v>
      </c>
    </row>
    <row r="107660" spans="1:7" x14ac:dyDescent="0.3">
      <c r="A107660" s="13" t="s">
        <v>519</v>
      </c>
      <c r="B107660" s="14" t="s">
        <v>1</v>
      </c>
      <c r="C107660" s="14" t="s">
        <v>51</v>
      </c>
      <c r="D107660" s="14" t="s">
        <v>107</v>
      </c>
      <c r="E107660" s="15">
        <v>45726</v>
      </c>
      <c r="F107660" s="14" t="s">
        <v>25</v>
      </c>
      <c r="G107660" s="16">
        <v>0</v>
      </c>
    </row>
    <row r="107661" spans="1:7" x14ac:dyDescent="0.3">
      <c r="A107661" s="13" t="s">
        <v>519</v>
      </c>
      <c r="B107661" s="14" t="s">
        <v>1</v>
      </c>
      <c r="C107661" s="14" t="s">
        <v>51</v>
      </c>
      <c r="D107661" s="14" t="s">
        <v>107</v>
      </c>
      <c r="E107661" s="15">
        <v>45727</v>
      </c>
      <c r="F107661" s="14" t="s">
        <v>25</v>
      </c>
      <c r="G107661" s="16">
        <v>0</v>
      </c>
    </row>
    <row r="107662" spans="1:7" x14ac:dyDescent="0.3">
      <c r="A107662" s="13" t="s">
        <v>519</v>
      </c>
      <c r="B107662" s="14" t="s">
        <v>1</v>
      </c>
      <c r="C107662" s="14" t="s">
        <v>51</v>
      </c>
      <c r="D107662" s="14" t="s">
        <v>107</v>
      </c>
      <c r="E107662" s="15">
        <v>45728</v>
      </c>
      <c r="F107662" s="14" t="s">
        <v>25</v>
      </c>
      <c r="G107662" s="16">
        <v>0</v>
      </c>
    </row>
    <row r="107663" spans="1:7" x14ac:dyDescent="0.3">
      <c r="A107663" s="13" t="s">
        <v>519</v>
      </c>
      <c r="B107663" s="14" t="s">
        <v>1</v>
      </c>
      <c r="C107663" s="14" t="s">
        <v>51</v>
      </c>
      <c r="D107663" s="14" t="s">
        <v>107</v>
      </c>
      <c r="E107663" s="15">
        <v>45729</v>
      </c>
      <c r="F107663" s="14" t="s">
        <v>25</v>
      </c>
      <c r="G107663" s="16">
        <v>0</v>
      </c>
    </row>
    <row r="107664" spans="1:7" x14ac:dyDescent="0.3">
      <c r="A107664" s="13" t="s">
        <v>519</v>
      </c>
      <c r="B107664" s="14" t="s">
        <v>1</v>
      </c>
      <c r="C107664" s="14" t="s">
        <v>51</v>
      </c>
      <c r="D107664" s="14" t="s">
        <v>107</v>
      </c>
      <c r="E107664" s="15">
        <v>45730</v>
      </c>
      <c r="F107664" s="14" t="s">
        <v>25</v>
      </c>
      <c r="G107664" s="16">
        <v>0</v>
      </c>
    </row>
    <row r="107665" spans="1:7" x14ac:dyDescent="0.3">
      <c r="A107665" s="13" t="s">
        <v>519</v>
      </c>
      <c r="B107665" s="14" t="s">
        <v>1</v>
      </c>
      <c r="C107665" s="14" t="s">
        <v>51</v>
      </c>
      <c r="D107665" s="14" t="s">
        <v>107</v>
      </c>
      <c r="E107665" s="15">
        <v>45731</v>
      </c>
      <c r="F107665" s="14" t="s">
        <v>25</v>
      </c>
      <c r="G107665" s="16">
        <v>0</v>
      </c>
    </row>
    <row r="107666" spans="1:7" x14ac:dyDescent="0.3">
      <c r="A107666" s="13" t="s">
        <v>519</v>
      </c>
      <c r="B107666" s="14" t="s">
        <v>1</v>
      </c>
      <c r="C107666" s="14" t="s">
        <v>51</v>
      </c>
      <c r="D107666" s="14" t="s">
        <v>107</v>
      </c>
      <c r="E107666" s="15">
        <v>45732</v>
      </c>
      <c r="F107666" s="14" t="s">
        <v>25</v>
      </c>
      <c r="G107666" s="16">
        <v>0</v>
      </c>
    </row>
    <row r="107667" spans="1:7" x14ac:dyDescent="0.3">
      <c r="A107667" s="13" t="s">
        <v>519</v>
      </c>
      <c r="B107667" s="14" t="s">
        <v>1</v>
      </c>
      <c r="C107667" s="14" t="s">
        <v>51</v>
      </c>
      <c r="D107667" s="14" t="s">
        <v>107</v>
      </c>
      <c r="E107667" s="15">
        <v>45733</v>
      </c>
      <c r="F107667" s="14" t="s">
        <v>25</v>
      </c>
      <c r="G107667" s="16">
        <v>0</v>
      </c>
    </row>
    <row r="107668" spans="1:7" x14ac:dyDescent="0.3">
      <c r="A107668" s="13" t="s">
        <v>519</v>
      </c>
      <c r="B107668" s="14" t="s">
        <v>1</v>
      </c>
      <c r="C107668" s="14" t="s">
        <v>51</v>
      </c>
      <c r="D107668" s="14" t="s">
        <v>107</v>
      </c>
      <c r="E107668" s="15">
        <v>45734</v>
      </c>
      <c r="F107668" s="14" t="s">
        <v>25</v>
      </c>
      <c r="G107668" s="16">
        <v>0</v>
      </c>
    </row>
    <row r="107669" spans="1:7" x14ac:dyDescent="0.3">
      <c r="A107669" s="13" t="s">
        <v>519</v>
      </c>
      <c r="B107669" s="14" t="s">
        <v>1</v>
      </c>
      <c r="C107669" s="14" t="s">
        <v>51</v>
      </c>
      <c r="D107669" s="14" t="s">
        <v>107</v>
      </c>
      <c r="E107669" s="15">
        <v>45735</v>
      </c>
      <c r="F107669" s="14" t="s">
        <v>25</v>
      </c>
      <c r="G107669" s="16">
        <v>0</v>
      </c>
    </row>
    <row r="107670" spans="1:7" x14ac:dyDescent="0.3">
      <c r="A107670" s="13" t="s">
        <v>519</v>
      </c>
      <c r="B107670" s="14" t="s">
        <v>1</v>
      </c>
      <c r="C107670" s="14" t="s">
        <v>51</v>
      </c>
      <c r="D107670" s="14" t="s">
        <v>107</v>
      </c>
      <c r="E107670" s="15">
        <v>45736</v>
      </c>
      <c r="F107670" s="14" t="s">
        <v>25</v>
      </c>
      <c r="G107670" s="16">
        <v>0</v>
      </c>
    </row>
    <row r="107671" spans="1:7" x14ac:dyDescent="0.3">
      <c r="A107671" s="13" t="s">
        <v>519</v>
      </c>
      <c r="B107671" s="14" t="s">
        <v>1</v>
      </c>
      <c r="C107671" s="14" t="s">
        <v>51</v>
      </c>
      <c r="D107671" s="14" t="s">
        <v>107</v>
      </c>
      <c r="E107671" s="15">
        <v>45737</v>
      </c>
      <c r="F107671" s="14" t="s">
        <v>25</v>
      </c>
      <c r="G107671" s="16">
        <v>0</v>
      </c>
    </row>
    <row r="107672" spans="1:7" x14ac:dyDescent="0.3">
      <c r="A107672" s="13" t="s">
        <v>519</v>
      </c>
      <c r="B107672" s="14" t="s">
        <v>1</v>
      </c>
      <c r="C107672" s="14" t="s">
        <v>51</v>
      </c>
      <c r="D107672" s="14" t="s">
        <v>107</v>
      </c>
      <c r="E107672" s="15">
        <v>45738</v>
      </c>
      <c r="F107672" s="14" t="s">
        <v>25</v>
      </c>
      <c r="G107672" s="16">
        <v>0</v>
      </c>
    </row>
    <row r="107673" spans="1:7" x14ac:dyDescent="0.3">
      <c r="A107673" s="13" t="s">
        <v>519</v>
      </c>
      <c r="B107673" s="14" t="s">
        <v>1</v>
      </c>
      <c r="C107673" s="14" t="s">
        <v>51</v>
      </c>
      <c r="D107673" s="14" t="s">
        <v>107</v>
      </c>
      <c r="E107673" s="15">
        <v>45739</v>
      </c>
      <c r="F107673" s="14" t="s">
        <v>25</v>
      </c>
      <c r="G107673" s="16">
        <v>0</v>
      </c>
    </row>
    <row r="107674" spans="1:7" x14ac:dyDescent="0.3">
      <c r="A107674" s="13" t="s">
        <v>519</v>
      </c>
      <c r="B107674" s="14" t="s">
        <v>1</v>
      </c>
      <c r="C107674" s="14" t="s">
        <v>51</v>
      </c>
      <c r="D107674" s="14" t="s">
        <v>107</v>
      </c>
      <c r="E107674" s="15">
        <v>45740</v>
      </c>
      <c r="F107674" s="14" t="s">
        <v>25</v>
      </c>
      <c r="G107674" s="16">
        <v>0</v>
      </c>
    </row>
    <row r="107675" spans="1:7" x14ac:dyDescent="0.3">
      <c r="A107675" s="13" t="s">
        <v>519</v>
      </c>
      <c r="B107675" s="14" t="s">
        <v>1</v>
      </c>
      <c r="C107675" s="14" t="s">
        <v>51</v>
      </c>
      <c r="D107675" s="14" t="s">
        <v>107</v>
      </c>
      <c r="E107675" s="15">
        <v>45741</v>
      </c>
      <c r="F107675" s="14" t="s">
        <v>25</v>
      </c>
      <c r="G107675" s="16">
        <v>0</v>
      </c>
    </row>
    <row r="107676" spans="1:7" x14ac:dyDescent="0.3">
      <c r="A107676" s="13" t="s">
        <v>519</v>
      </c>
      <c r="B107676" s="14" t="s">
        <v>1</v>
      </c>
      <c r="C107676" s="14" t="s">
        <v>51</v>
      </c>
      <c r="D107676" s="14" t="s">
        <v>107</v>
      </c>
      <c r="E107676" s="15">
        <v>45742</v>
      </c>
      <c r="F107676" s="14" t="s">
        <v>25</v>
      </c>
      <c r="G107676" s="16">
        <v>0</v>
      </c>
    </row>
    <row r="107677" spans="1:7" x14ac:dyDescent="0.3">
      <c r="A107677" s="13" t="s">
        <v>519</v>
      </c>
      <c r="B107677" s="14" t="s">
        <v>1</v>
      </c>
      <c r="C107677" s="14" t="s">
        <v>51</v>
      </c>
      <c r="D107677" s="14" t="s">
        <v>107</v>
      </c>
      <c r="E107677" s="15">
        <v>45743</v>
      </c>
      <c r="F107677" s="14" t="s">
        <v>25</v>
      </c>
      <c r="G107677" s="16">
        <v>0</v>
      </c>
    </row>
    <row r="107678" spans="1:7" x14ac:dyDescent="0.3">
      <c r="A107678" s="13" t="s">
        <v>519</v>
      </c>
      <c r="B107678" s="14" t="s">
        <v>1</v>
      </c>
      <c r="C107678" s="14" t="s">
        <v>51</v>
      </c>
      <c r="D107678" s="14" t="s">
        <v>107</v>
      </c>
      <c r="E107678" s="15">
        <v>45744</v>
      </c>
      <c r="F107678" s="14" t="s">
        <v>25</v>
      </c>
      <c r="G107678" s="16">
        <v>0</v>
      </c>
    </row>
    <row r="107679" spans="1:7" x14ac:dyDescent="0.3">
      <c r="A107679" s="13" t="s">
        <v>519</v>
      </c>
      <c r="B107679" s="14" t="s">
        <v>1</v>
      </c>
      <c r="C107679" s="14" t="s">
        <v>51</v>
      </c>
      <c r="D107679" s="14" t="s">
        <v>107</v>
      </c>
      <c r="E107679" s="15">
        <v>45745</v>
      </c>
      <c r="F107679" s="14" t="s">
        <v>25</v>
      </c>
      <c r="G107679" s="16">
        <v>0</v>
      </c>
    </row>
    <row r="107680" spans="1:7" x14ac:dyDescent="0.3">
      <c r="A107680" s="13" t="s">
        <v>519</v>
      </c>
      <c r="B107680" s="14" t="s">
        <v>1</v>
      </c>
      <c r="C107680" s="14" t="s">
        <v>51</v>
      </c>
      <c r="D107680" s="14" t="s">
        <v>107</v>
      </c>
      <c r="E107680" s="15">
        <v>45746</v>
      </c>
      <c r="F107680" s="14" t="s">
        <v>25</v>
      </c>
      <c r="G107680" s="16">
        <v>0</v>
      </c>
    </row>
    <row r="107681" spans="1:7" x14ac:dyDescent="0.3">
      <c r="A107681" s="13" t="s">
        <v>519</v>
      </c>
      <c r="B107681" s="14" t="s">
        <v>1</v>
      </c>
      <c r="C107681" s="14" t="s">
        <v>51</v>
      </c>
      <c r="D107681" s="14" t="s">
        <v>107</v>
      </c>
      <c r="E107681" s="15">
        <v>45747</v>
      </c>
      <c r="F107681" s="14" t="s">
        <v>25</v>
      </c>
      <c r="G107681" s="16">
        <v>0</v>
      </c>
    </row>
    <row r="107682" spans="1:7" x14ac:dyDescent="0.3">
      <c r="A107682" s="13" t="s">
        <v>520</v>
      </c>
      <c r="B107682" s="14" t="s">
        <v>1</v>
      </c>
      <c r="C107682" s="14" t="s">
        <v>59</v>
      </c>
      <c r="D107682" s="14" t="s">
        <v>406</v>
      </c>
      <c r="E107682" s="15">
        <v>45383</v>
      </c>
      <c r="F107682" s="14" t="s">
        <v>15</v>
      </c>
      <c r="G107682" s="16">
        <v>0</v>
      </c>
    </row>
    <row r="107683" spans="1:7" x14ac:dyDescent="0.3">
      <c r="A107683" s="13" t="s">
        <v>520</v>
      </c>
      <c r="B107683" s="14" t="s">
        <v>1</v>
      </c>
      <c r="C107683" s="14" t="s">
        <v>59</v>
      </c>
      <c r="D107683" s="14" t="s">
        <v>406</v>
      </c>
      <c r="E107683" s="15">
        <v>45384</v>
      </c>
      <c r="F107683" s="14" t="s">
        <v>15</v>
      </c>
      <c r="G107683" s="16">
        <v>0</v>
      </c>
    </row>
    <row r="107684" spans="1:7" x14ac:dyDescent="0.3">
      <c r="A107684" s="13" t="s">
        <v>520</v>
      </c>
      <c r="B107684" s="14" t="s">
        <v>1</v>
      </c>
      <c r="C107684" s="14" t="s">
        <v>59</v>
      </c>
      <c r="D107684" s="14" t="s">
        <v>406</v>
      </c>
      <c r="E107684" s="15">
        <v>45385</v>
      </c>
      <c r="F107684" s="14" t="s">
        <v>15</v>
      </c>
      <c r="G107684" s="16">
        <v>0</v>
      </c>
    </row>
    <row r="107685" spans="1:7" x14ac:dyDescent="0.3">
      <c r="A107685" s="13" t="s">
        <v>520</v>
      </c>
      <c r="B107685" s="14" t="s">
        <v>1</v>
      </c>
      <c r="C107685" s="14" t="s">
        <v>59</v>
      </c>
      <c r="D107685" s="14" t="s">
        <v>406</v>
      </c>
      <c r="E107685" s="15">
        <v>45386</v>
      </c>
      <c r="F107685" s="14" t="s">
        <v>15</v>
      </c>
      <c r="G107685" s="16">
        <v>0</v>
      </c>
    </row>
    <row r="107686" spans="1:7" x14ac:dyDescent="0.3">
      <c r="A107686" s="13" t="s">
        <v>520</v>
      </c>
      <c r="B107686" s="14" t="s">
        <v>1</v>
      </c>
      <c r="C107686" s="14" t="s">
        <v>59</v>
      </c>
      <c r="D107686" s="14" t="s">
        <v>406</v>
      </c>
      <c r="E107686" s="15">
        <v>45387</v>
      </c>
      <c r="F107686" s="14" t="s">
        <v>15</v>
      </c>
      <c r="G107686" s="16">
        <v>2.1998849263419554E-4</v>
      </c>
    </row>
    <row r="107687" spans="1:7" x14ac:dyDescent="0.3">
      <c r="A107687" s="13" t="s">
        <v>520</v>
      </c>
      <c r="B107687" s="14" t="s">
        <v>1</v>
      </c>
      <c r="C107687" s="14" t="s">
        <v>59</v>
      </c>
      <c r="D107687" s="14" t="s">
        <v>406</v>
      </c>
      <c r="E107687" s="15">
        <v>45388</v>
      </c>
      <c r="F107687" s="14" t="s">
        <v>15</v>
      </c>
      <c r="G107687" s="16">
        <v>2.1998849263419554E-4</v>
      </c>
    </row>
    <row r="107688" spans="1:7" x14ac:dyDescent="0.3">
      <c r="A107688" s="13" t="s">
        <v>520</v>
      </c>
      <c r="B107688" s="14" t="s">
        <v>1</v>
      </c>
      <c r="C107688" s="14" t="s">
        <v>59</v>
      </c>
      <c r="D107688" s="14" t="s">
        <v>406</v>
      </c>
      <c r="E107688" s="15">
        <v>45389</v>
      </c>
      <c r="F107688" s="14" t="s">
        <v>15</v>
      </c>
      <c r="G107688" s="16">
        <v>2.1998849263419554E-4</v>
      </c>
    </row>
    <row r="107689" spans="1:7" x14ac:dyDescent="0.3">
      <c r="A107689" s="13" t="s">
        <v>520</v>
      </c>
      <c r="B107689" s="14" t="s">
        <v>1</v>
      </c>
      <c r="C107689" s="14" t="s">
        <v>59</v>
      </c>
      <c r="D107689" s="14" t="s">
        <v>406</v>
      </c>
      <c r="E107689" s="15">
        <v>45390</v>
      </c>
      <c r="F107689" s="14" t="s">
        <v>15</v>
      </c>
      <c r="G107689" s="16">
        <v>0</v>
      </c>
    </row>
    <row r="107690" spans="1:7" x14ac:dyDescent="0.3">
      <c r="A107690" s="13" t="s">
        <v>520</v>
      </c>
      <c r="B107690" s="14" t="s">
        <v>1</v>
      </c>
      <c r="C107690" s="14" t="s">
        <v>59</v>
      </c>
      <c r="D107690" s="14" t="s">
        <v>406</v>
      </c>
      <c r="E107690" s="15">
        <v>45391</v>
      </c>
      <c r="F107690" s="14" t="s">
        <v>15</v>
      </c>
      <c r="G107690" s="16">
        <v>0</v>
      </c>
    </row>
    <row r="107691" spans="1:7" x14ac:dyDescent="0.3">
      <c r="A107691" s="13" t="s">
        <v>520</v>
      </c>
      <c r="B107691" s="14" t="s">
        <v>1</v>
      </c>
      <c r="C107691" s="14" t="s">
        <v>59</v>
      </c>
      <c r="D107691" s="14" t="s">
        <v>406</v>
      </c>
      <c r="E107691" s="15">
        <v>45392</v>
      </c>
      <c r="F107691" s="14" t="s">
        <v>15</v>
      </c>
      <c r="G107691" s="16">
        <v>0</v>
      </c>
    </row>
    <row r="107692" spans="1:7" x14ac:dyDescent="0.3">
      <c r="A107692" s="13" t="s">
        <v>520</v>
      </c>
      <c r="B107692" s="14" t="s">
        <v>1</v>
      </c>
      <c r="C107692" s="14" t="s">
        <v>59</v>
      </c>
      <c r="D107692" s="14" t="s">
        <v>406</v>
      </c>
      <c r="E107692" s="15">
        <v>45393</v>
      </c>
      <c r="F107692" s="14" t="s">
        <v>15</v>
      </c>
      <c r="G107692" s="16">
        <v>0</v>
      </c>
    </row>
    <row r="107693" spans="1:7" x14ac:dyDescent="0.3">
      <c r="A107693" s="13" t="s">
        <v>520</v>
      </c>
      <c r="B107693" s="14" t="s">
        <v>1</v>
      </c>
      <c r="C107693" s="14" t="s">
        <v>59</v>
      </c>
      <c r="D107693" s="14" t="s">
        <v>406</v>
      </c>
      <c r="E107693" s="15">
        <v>45394</v>
      </c>
      <c r="F107693" s="14" t="s">
        <v>15</v>
      </c>
      <c r="G107693" s="16">
        <v>0</v>
      </c>
    </row>
    <row r="107694" spans="1:7" x14ac:dyDescent="0.3">
      <c r="A107694" s="13" t="s">
        <v>520</v>
      </c>
      <c r="B107694" s="14" t="s">
        <v>1</v>
      </c>
      <c r="C107694" s="14" t="s">
        <v>59</v>
      </c>
      <c r="D107694" s="14" t="s">
        <v>406</v>
      </c>
      <c r="E107694" s="15">
        <v>45395</v>
      </c>
      <c r="F107694" s="14" t="s">
        <v>15</v>
      </c>
      <c r="G107694" s="16">
        <v>0</v>
      </c>
    </row>
    <row r="107695" spans="1:7" x14ac:dyDescent="0.3">
      <c r="A107695" s="13" t="s">
        <v>520</v>
      </c>
      <c r="B107695" s="14" t="s">
        <v>1</v>
      </c>
      <c r="C107695" s="14" t="s">
        <v>59</v>
      </c>
      <c r="D107695" s="14" t="s">
        <v>406</v>
      </c>
      <c r="E107695" s="15">
        <v>45396</v>
      </c>
      <c r="F107695" s="14" t="s">
        <v>15</v>
      </c>
      <c r="G107695" s="16">
        <v>0</v>
      </c>
    </row>
    <row r="107696" spans="1:7" x14ac:dyDescent="0.3">
      <c r="A107696" s="13" t="s">
        <v>520</v>
      </c>
      <c r="B107696" s="14" t="s">
        <v>1</v>
      </c>
      <c r="C107696" s="14" t="s">
        <v>59</v>
      </c>
      <c r="D107696" s="14" t="s">
        <v>406</v>
      </c>
      <c r="E107696" s="15">
        <v>45397</v>
      </c>
      <c r="F107696" s="14" t="s">
        <v>15</v>
      </c>
      <c r="G107696" s="16">
        <v>0</v>
      </c>
    </row>
    <row r="107697" spans="1:7" x14ac:dyDescent="0.3">
      <c r="A107697" s="13" t="s">
        <v>520</v>
      </c>
      <c r="B107697" s="14" t="s">
        <v>1</v>
      </c>
      <c r="C107697" s="14" t="s">
        <v>59</v>
      </c>
      <c r="D107697" s="14" t="s">
        <v>406</v>
      </c>
      <c r="E107697" s="15">
        <v>45398</v>
      </c>
      <c r="F107697" s="14" t="s">
        <v>15</v>
      </c>
      <c r="G107697" s="16">
        <v>0</v>
      </c>
    </row>
    <row r="107698" spans="1:7" x14ac:dyDescent="0.3">
      <c r="A107698" s="13" t="s">
        <v>520</v>
      </c>
      <c r="B107698" s="14" t="s">
        <v>1</v>
      </c>
      <c r="C107698" s="14" t="s">
        <v>59</v>
      </c>
      <c r="D107698" s="14" t="s">
        <v>406</v>
      </c>
      <c r="E107698" s="15">
        <v>45399</v>
      </c>
      <c r="F107698" s="14" t="s">
        <v>15</v>
      </c>
      <c r="G107698" s="16">
        <v>0</v>
      </c>
    </row>
    <row r="107699" spans="1:7" x14ac:dyDescent="0.3">
      <c r="A107699" s="13" t="s">
        <v>520</v>
      </c>
      <c r="B107699" s="14" t="s">
        <v>1</v>
      </c>
      <c r="C107699" s="14" t="s">
        <v>59</v>
      </c>
      <c r="D107699" s="14" t="s">
        <v>406</v>
      </c>
      <c r="E107699" s="15">
        <v>45400</v>
      </c>
      <c r="F107699" s="14" t="s">
        <v>15</v>
      </c>
      <c r="G107699" s="16">
        <v>0</v>
      </c>
    </row>
    <row r="107700" spans="1:7" x14ac:dyDescent="0.3">
      <c r="A107700" s="13" t="s">
        <v>520</v>
      </c>
      <c r="B107700" s="14" t="s">
        <v>1</v>
      </c>
      <c r="C107700" s="14" t="s">
        <v>59</v>
      </c>
      <c r="D107700" s="14" t="s">
        <v>406</v>
      </c>
      <c r="E107700" s="15">
        <v>45401</v>
      </c>
      <c r="F107700" s="14" t="s">
        <v>15</v>
      </c>
      <c r="G107700" s="16">
        <v>0</v>
      </c>
    </row>
    <row r="107701" spans="1:7" x14ac:dyDescent="0.3">
      <c r="A107701" s="13" t="s">
        <v>520</v>
      </c>
      <c r="B107701" s="14" t="s">
        <v>1</v>
      </c>
      <c r="C107701" s="14" t="s">
        <v>59</v>
      </c>
      <c r="D107701" s="14" t="s">
        <v>406</v>
      </c>
      <c r="E107701" s="15">
        <v>45402</v>
      </c>
      <c r="F107701" s="14" t="s">
        <v>15</v>
      </c>
      <c r="G107701" s="16">
        <v>0</v>
      </c>
    </row>
    <row r="107702" spans="1:7" x14ac:dyDescent="0.3">
      <c r="A107702" s="13" t="s">
        <v>520</v>
      </c>
      <c r="B107702" s="14" t="s">
        <v>1</v>
      </c>
      <c r="C107702" s="14" t="s">
        <v>59</v>
      </c>
      <c r="D107702" s="14" t="s">
        <v>406</v>
      </c>
      <c r="E107702" s="15">
        <v>45403</v>
      </c>
      <c r="F107702" s="14" t="s">
        <v>15</v>
      </c>
      <c r="G107702" s="16">
        <v>0</v>
      </c>
    </row>
    <row r="107703" spans="1:7" x14ac:dyDescent="0.3">
      <c r="A107703" s="13" t="s">
        <v>520</v>
      </c>
      <c r="B107703" s="14" t="s">
        <v>1</v>
      </c>
      <c r="C107703" s="14" t="s">
        <v>59</v>
      </c>
      <c r="D107703" s="14" t="s">
        <v>406</v>
      </c>
      <c r="E107703" s="15">
        <v>45404</v>
      </c>
      <c r="F107703" s="14" t="s">
        <v>15</v>
      </c>
      <c r="G107703" s="16">
        <v>0</v>
      </c>
    </row>
    <row r="107704" spans="1:7" x14ac:dyDescent="0.3">
      <c r="A107704" s="13" t="s">
        <v>520</v>
      </c>
      <c r="B107704" s="14" t="s">
        <v>1</v>
      </c>
      <c r="C107704" s="14" t="s">
        <v>59</v>
      </c>
      <c r="D107704" s="14" t="s">
        <v>406</v>
      </c>
      <c r="E107704" s="15">
        <v>45405</v>
      </c>
      <c r="F107704" s="14" t="s">
        <v>15</v>
      </c>
      <c r="G107704" s="16">
        <v>0</v>
      </c>
    </row>
    <row r="107705" spans="1:7" x14ac:dyDescent="0.3">
      <c r="A107705" s="13" t="s">
        <v>520</v>
      </c>
      <c r="B107705" s="14" t="s">
        <v>1</v>
      </c>
      <c r="C107705" s="14" t="s">
        <v>59</v>
      </c>
      <c r="D107705" s="14" t="s">
        <v>406</v>
      </c>
      <c r="E107705" s="15">
        <v>45406</v>
      </c>
      <c r="F107705" s="14" t="s">
        <v>15</v>
      </c>
      <c r="G107705" s="16">
        <v>0</v>
      </c>
    </row>
    <row r="107706" spans="1:7" x14ac:dyDescent="0.3">
      <c r="A107706" s="13" t="s">
        <v>520</v>
      </c>
      <c r="B107706" s="14" t="s">
        <v>1</v>
      </c>
      <c r="C107706" s="14" t="s">
        <v>59</v>
      </c>
      <c r="D107706" s="14" t="s">
        <v>406</v>
      </c>
      <c r="E107706" s="15">
        <v>45407</v>
      </c>
      <c r="F107706" s="14" t="s">
        <v>15</v>
      </c>
      <c r="G107706" s="16">
        <v>0</v>
      </c>
    </row>
    <row r="107707" spans="1:7" x14ac:dyDescent="0.3">
      <c r="A107707" s="13" t="s">
        <v>520</v>
      </c>
      <c r="B107707" s="14" t="s">
        <v>1</v>
      </c>
      <c r="C107707" s="14" t="s">
        <v>59</v>
      </c>
      <c r="D107707" s="14" t="s">
        <v>406</v>
      </c>
      <c r="E107707" s="15">
        <v>45408</v>
      </c>
      <c r="F107707" s="14" t="s">
        <v>15</v>
      </c>
      <c r="G107707" s="16">
        <v>0</v>
      </c>
    </row>
    <row r="107708" spans="1:7" x14ac:dyDescent="0.3">
      <c r="A107708" s="13" t="s">
        <v>520</v>
      </c>
      <c r="B107708" s="14" t="s">
        <v>1</v>
      </c>
      <c r="C107708" s="14" t="s">
        <v>59</v>
      </c>
      <c r="D107708" s="14" t="s">
        <v>406</v>
      </c>
      <c r="E107708" s="15">
        <v>45409</v>
      </c>
      <c r="F107708" s="14" t="s">
        <v>15</v>
      </c>
      <c r="G107708" s="16">
        <v>0</v>
      </c>
    </row>
    <row r="107709" spans="1:7" x14ac:dyDescent="0.3">
      <c r="A107709" s="13" t="s">
        <v>520</v>
      </c>
      <c r="B107709" s="14" t="s">
        <v>1</v>
      </c>
      <c r="C107709" s="14" t="s">
        <v>59</v>
      </c>
      <c r="D107709" s="14" t="s">
        <v>406</v>
      </c>
      <c r="E107709" s="15">
        <v>45410</v>
      </c>
      <c r="F107709" s="14" t="s">
        <v>15</v>
      </c>
      <c r="G107709" s="16">
        <v>0</v>
      </c>
    </row>
    <row r="107710" spans="1:7" x14ac:dyDescent="0.3">
      <c r="A107710" s="13" t="s">
        <v>520</v>
      </c>
      <c r="B107710" s="14" t="s">
        <v>1</v>
      </c>
      <c r="C107710" s="14" t="s">
        <v>59</v>
      </c>
      <c r="D107710" s="14" t="s">
        <v>406</v>
      </c>
      <c r="E107710" s="15">
        <v>45411</v>
      </c>
      <c r="F107710" s="14" t="s">
        <v>15</v>
      </c>
      <c r="G107710" s="16">
        <v>0</v>
      </c>
    </row>
    <row r="107711" spans="1:7" x14ac:dyDescent="0.3">
      <c r="A107711" s="13" t="s">
        <v>520</v>
      </c>
      <c r="B107711" s="14" t="s">
        <v>1</v>
      </c>
      <c r="C107711" s="14" t="s">
        <v>59</v>
      </c>
      <c r="D107711" s="14" t="s">
        <v>406</v>
      </c>
      <c r="E107711" s="15">
        <v>45412</v>
      </c>
      <c r="F107711" s="14" t="s">
        <v>15</v>
      </c>
      <c r="G107711" s="16">
        <v>0</v>
      </c>
    </row>
    <row r="107712" spans="1:7" x14ac:dyDescent="0.3">
      <c r="A107712" s="13" t="s">
        <v>520</v>
      </c>
      <c r="B107712" s="14" t="s">
        <v>1</v>
      </c>
      <c r="C107712" s="14" t="s">
        <v>59</v>
      </c>
      <c r="D107712" s="14" t="s">
        <v>406</v>
      </c>
      <c r="E107712" s="15">
        <v>45413</v>
      </c>
      <c r="F107712" s="14" t="s">
        <v>15</v>
      </c>
      <c r="G107712" s="16">
        <v>0</v>
      </c>
    </row>
    <row r="107713" spans="1:7" x14ac:dyDescent="0.3">
      <c r="A107713" s="13" t="s">
        <v>520</v>
      </c>
      <c r="B107713" s="14" t="s">
        <v>1</v>
      </c>
      <c r="C107713" s="14" t="s">
        <v>59</v>
      </c>
      <c r="D107713" s="14" t="s">
        <v>406</v>
      </c>
      <c r="E107713" s="15">
        <v>45414</v>
      </c>
      <c r="F107713" s="14" t="s">
        <v>15</v>
      </c>
      <c r="G107713" s="16">
        <v>0</v>
      </c>
    </row>
    <row r="107714" spans="1:7" x14ac:dyDescent="0.3">
      <c r="A107714" s="13" t="s">
        <v>520</v>
      </c>
      <c r="B107714" s="14" t="s">
        <v>1</v>
      </c>
      <c r="C107714" s="14" t="s">
        <v>59</v>
      </c>
      <c r="D107714" s="14" t="s">
        <v>406</v>
      </c>
      <c r="E107714" s="15">
        <v>45415</v>
      </c>
      <c r="F107714" s="14" t="s">
        <v>15</v>
      </c>
      <c r="G107714" s="16">
        <v>0</v>
      </c>
    </row>
    <row r="107715" spans="1:7" x14ac:dyDescent="0.3">
      <c r="A107715" s="13" t="s">
        <v>520</v>
      </c>
      <c r="B107715" s="14" t="s">
        <v>1</v>
      </c>
      <c r="C107715" s="14" t="s">
        <v>59</v>
      </c>
      <c r="D107715" s="14" t="s">
        <v>406</v>
      </c>
      <c r="E107715" s="15">
        <v>45416</v>
      </c>
      <c r="F107715" s="14" t="s">
        <v>15</v>
      </c>
      <c r="G107715" s="16">
        <v>0</v>
      </c>
    </row>
    <row r="107716" spans="1:7" x14ac:dyDescent="0.3">
      <c r="A107716" s="13" t="s">
        <v>520</v>
      </c>
      <c r="B107716" s="14" t="s">
        <v>1</v>
      </c>
      <c r="C107716" s="14" t="s">
        <v>59</v>
      </c>
      <c r="D107716" s="14" t="s">
        <v>406</v>
      </c>
      <c r="E107716" s="15">
        <v>45417</v>
      </c>
      <c r="F107716" s="14" t="s">
        <v>15</v>
      </c>
      <c r="G107716" s="16">
        <v>0</v>
      </c>
    </row>
    <row r="107717" spans="1:7" x14ac:dyDescent="0.3">
      <c r="A107717" s="13" t="s">
        <v>520</v>
      </c>
      <c r="B107717" s="14" t="s">
        <v>1</v>
      </c>
      <c r="C107717" s="14" t="s">
        <v>59</v>
      </c>
      <c r="D107717" s="14" t="s">
        <v>406</v>
      </c>
      <c r="E107717" s="15">
        <v>45418</v>
      </c>
      <c r="F107717" s="14" t="s">
        <v>15</v>
      </c>
      <c r="G107717" s="16">
        <v>0</v>
      </c>
    </row>
    <row r="107718" spans="1:7" x14ac:dyDescent="0.3">
      <c r="A107718" s="13" t="s">
        <v>520</v>
      </c>
      <c r="B107718" s="14" t="s">
        <v>1</v>
      </c>
      <c r="C107718" s="14" t="s">
        <v>59</v>
      </c>
      <c r="D107718" s="14" t="s">
        <v>406</v>
      </c>
      <c r="E107718" s="15">
        <v>45419</v>
      </c>
      <c r="F107718" s="14" t="s">
        <v>15</v>
      </c>
      <c r="G107718" s="16">
        <v>0</v>
      </c>
    </row>
    <row r="107719" spans="1:7" x14ac:dyDescent="0.3">
      <c r="A107719" s="13" t="s">
        <v>520</v>
      </c>
      <c r="B107719" s="14" t="s">
        <v>1</v>
      </c>
      <c r="C107719" s="14" t="s">
        <v>59</v>
      </c>
      <c r="D107719" s="14" t="s">
        <v>406</v>
      </c>
      <c r="E107719" s="15">
        <v>45420</v>
      </c>
      <c r="F107719" s="14" t="s">
        <v>15</v>
      </c>
      <c r="G107719" s="16">
        <v>0</v>
      </c>
    </row>
    <row r="107720" spans="1:7" x14ac:dyDescent="0.3">
      <c r="A107720" s="13" t="s">
        <v>520</v>
      </c>
      <c r="B107720" s="14" t="s">
        <v>1</v>
      </c>
      <c r="C107720" s="14" t="s">
        <v>59</v>
      </c>
      <c r="D107720" s="14" t="s">
        <v>406</v>
      </c>
      <c r="E107720" s="15">
        <v>45421</v>
      </c>
      <c r="F107720" s="14" t="s">
        <v>15</v>
      </c>
      <c r="G107720" s="16">
        <v>0</v>
      </c>
    </row>
    <row r="107721" spans="1:7" x14ac:dyDescent="0.3">
      <c r="A107721" s="13" t="s">
        <v>520</v>
      </c>
      <c r="B107721" s="14" t="s">
        <v>1</v>
      </c>
      <c r="C107721" s="14" t="s">
        <v>59</v>
      </c>
      <c r="D107721" s="14" t="s">
        <v>406</v>
      </c>
      <c r="E107721" s="15">
        <v>45422</v>
      </c>
      <c r="F107721" s="14" t="s">
        <v>15</v>
      </c>
      <c r="G107721" s="16">
        <v>0</v>
      </c>
    </row>
    <row r="107722" spans="1:7" x14ac:dyDescent="0.3">
      <c r="A107722" s="13" t="s">
        <v>520</v>
      </c>
      <c r="B107722" s="14" t="s">
        <v>1</v>
      </c>
      <c r="C107722" s="14" t="s">
        <v>59</v>
      </c>
      <c r="D107722" s="14" t="s">
        <v>406</v>
      </c>
      <c r="E107722" s="15">
        <v>45423</v>
      </c>
      <c r="F107722" s="14" t="s">
        <v>15</v>
      </c>
      <c r="G107722" s="16">
        <v>0</v>
      </c>
    </row>
    <row r="107723" spans="1:7" x14ac:dyDescent="0.3">
      <c r="A107723" s="13" t="s">
        <v>520</v>
      </c>
      <c r="B107723" s="14" t="s">
        <v>1</v>
      </c>
      <c r="C107723" s="14" t="s">
        <v>59</v>
      </c>
      <c r="D107723" s="14" t="s">
        <v>406</v>
      </c>
      <c r="E107723" s="15">
        <v>45424</v>
      </c>
      <c r="F107723" s="14" t="s">
        <v>15</v>
      </c>
      <c r="G107723" s="16">
        <v>0</v>
      </c>
    </row>
    <row r="107724" spans="1:7" x14ac:dyDescent="0.3">
      <c r="A107724" s="13" t="s">
        <v>520</v>
      </c>
      <c r="B107724" s="14" t="s">
        <v>1</v>
      </c>
      <c r="C107724" s="14" t="s">
        <v>59</v>
      </c>
      <c r="D107724" s="14" t="s">
        <v>406</v>
      </c>
      <c r="E107724" s="15">
        <v>45425</v>
      </c>
      <c r="F107724" s="14" t="s">
        <v>15</v>
      </c>
      <c r="G107724" s="16">
        <v>0</v>
      </c>
    </row>
    <row r="107725" spans="1:7" x14ac:dyDescent="0.3">
      <c r="A107725" s="13" t="s">
        <v>520</v>
      </c>
      <c r="B107725" s="14" t="s">
        <v>1</v>
      </c>
      <c r="C107725" s="14" t="s">
        <v>59</v>
      </c>
      <c r="D107725" s="14" t="s">
        <v>406</v>
      </c>
      <c r="E107725" s="15">
        <v>45426</v>
      </c>
      <c r="F107725" s="14" t="s">
        <v>15</v>
      </c>
      <c r="G107725" s="16">
        <v>0</v>
      </c>
    </row>
    <row r="107726" spans="1:7" x14ac:dyDescent="0.3">
      <c r="A107726" s="13" t="s">
        <v>520</v>
      </c>
      <c r="B107726" s="14" t="s">
        <v>1</v>
      </c>
      <c r="C107726" s="14" t="s">
        <v>59</v>
      </c>
      <c r="D107726" s="14" t="s">
        <v>406</v>
      </c>
      <c r="E107726" s="15">
        <v>45427</v>
      </c>
      <c r="F107726" s="14" t="s">
        <v>15</v>
      </c>
      <c r="G107726" s="16">
        <v>0</v>
      </c>
    </row>
    <row r="107727" spans="1:7" x14ac:dyDescent="0.3">
      <c r="A107727" s="13" t="s">
        <v>520</v>
      </c>
      <c r="B107727" s="14" t="s">
        <v>1</v>
      </c>
      <c r="C107727" s="14" t="s">
        <v>59</v>
      </c>
      <c r="D107727" s="14" t="s">
        <v>406</v>
      </c>
      <c r="E107727" s="15">
        <v>45428</v>
      </c>
      <c r="F107727" s="14" t="s">
        <v>15</v>
      </c>
      <c r="G107727" s="16">
        <v>0</v>
      </c>
    </row>
    <row r="107728" spans="1:7" x14ac:dyDescent="0.3">
      <c r="A107728" s="13" t="s">
        <v>520</v>
      </c>
      <c r="B107728" s="14" t="s">
        <v>1</v>
      </c>
      <c r="C107728" s="14" t="s">
        <v>59</v>
      </c>
      <c r="D107728" s="14" t="s">
        <v>406</v>
      </c>
      <c r="E107728" s="15">
        <v>45429</v>
      </c>
      <c r="F107728" s="14" t="s">
        <v>15</v>
      </c>
      <c r="G107728" s="16">
        <v>8.1806503717404597E-2</v>
      </c>
    </row>
    <row r="107729" spans="1:7" x14ac:dyDescent="0.3">
      <c r="A107729" s="13" t="s">
        <v>520</v>
      </c>
      <c r="B107729" s="14" t="s">
        <v>1</v>
      </c>
      <c r="C107729" s="14" t="s">
        <v>59</v>
      </c>
      <c r="D107729" s="14" t="s">
        <v>406</v>
      </c>
      <c r="E107729" s="15">
        <v>45430</v>
      </c>
      <c r="F107729" s="14" t="s">
        <v>15</v>
      </c>
      <c r="G107729" s="16">
        <v>8.1806503717404597E-2</v>
      </c>
    </row>
    <row r="107730" spans="1:7" x14ac:dyDescent="0.3">
      <c r="A107730" s="13" t="s">
        <v>520</v>
      </c>
      <c r="B107730" s="14" t="s">
        <v>1</v>
      </c>
      <c r="C107730" s="14" t="s">
        <v>59</v>
      </c>
      <c r="D107730" s="14" t="s">
        <v>406</v>
      </c>
      <c r="E107730" s="15">
        <v>45431</v>
      </c>
      <c r="F107730" s="14" t="s">
        <v>15</v>
      </c>
      <c r="G107730" s="16">
        <v>8.1806503717404597E-2</v>
      </c>
    </row>
    <row r="107731" spans="1:7" x14ac:dyDescent="0.3">
      <c r="A107731" s="13" t="s">
        <v>520</v>
      </c>
      <c r="B107731" s="14" t="s">
        <v>1</v>
      </c>
      <c r="C107731" s="14" t="s">
        <v>59</v>
      </c>
      <c r="D107731" s="14" t="s">
        <v>406</v>
      </c>
      <c r="E107731" s="15">
        <v>45432</v>
      </c>
      <c r="F107731" s="14" t="s">
        <v>15</v>
      </c>
      <c r="G107731" s="16">
        <v>8.1806503717404597E-2</v>
      </c>
    </row>
    <row r="107732" spans="1:7" x14ac:dyDescent="0.3">
      <c r="A107732" s="13" t="s">
        <v>520</v>
      </c>
      <c r="B107732" s="14" t="s">
        <v>1</v>
      </c>
      <c r="C107732" s="14" t="s">
        <v>59</v>
      </c>
      <c r="D107732" s="14" t="s">
        <v>406</v>
      </c>
      <c r="E107732" s="15">
        <v>45433</v>
      </c>
      <c r="F107732" s="14" t="s">
        <v>15</v>
      </c>
      <c r="G107732" s="16">
        <v>7.9191672295836929E-2</v>
      </c>
    </row>
    <row r="107733" spans="1:7" x14ac:dyDescent="0.3">
      <c r="A107733" s="13" t="s">
        <v>520</v>
      </c>
      <c r="B107733" s="14" t="s">
        <v>1</v>
      </c>
      <c r="C107733" s="14" t="s">
        <v>59</v>
      </c>
      <c r="D107733" s="14" t="s">
        <v>406</v>
      </c>
      <c r="E107733" s="15">
        <v>45434</v>
      </c>
      <c r="F107733" s="14" t="s">
        <v>15</v>
      </c>
      <c r="G107733" s="16">
        <v>6.8743007746733531E-2</v>
      </c>
    </row>
    <row r="107734" spans="1:7" x14ac:dyDescent="0.3">
      <c r="A107734" s="13" t="s">
        <v>520</v>
      </c>
      <c r="B107734" s="14" t="s">
        <v>1</v>
      </c>
      <c r="C107734" s="14" t="s">
        <v>59</v>
      </c>
      <c r="D107734" s="14" t="s">
        <v>406</v>
      </c>
      <c r="E107734" s="15">
        <v>45435</v>
      </c>
      <c r="F107734" s="14" t="s">
        <v>15</v>
      </c>
      <c r="G107734" s="16">
        <v>6.6129940304703705E-2</v>
      </c>
    </row>
    <row r="107735" spans="1:7" x14ac:dyDescent="0.3">
      <c r="A107735" s="13" t="s">
        <v>520</v>
      </c>
      <c r="B107735" s="14" t="s">
        <v>1</v>
      </c>
      <c r="C107735" s="14" t="s">
        <v>59</v>
      </c>
      <c r="D107735" s="14" t="s">
        <v>406</v>
      </c>
      <c r="E107735" s="15">
        <v>45436</v>
      </c>
      <c r="F107735" s="14" t="s">
        <v>15</v>
      </c>
      <c r="G107735" s="16">
        <v>6.3518636842211706E-2</v>
      </c>
    </row>
    <row r="107736" spans="1:7" x14ac:dyDescent="0.3">
      <c r="A107736" s="13" t="s">
        <v>520</v>
      </c>
      <c r="B107736" s="14" t="s">
        <v>1</v>
      </c>
      <c r="C107736" s="14" t="s">
        <v>59</v>
      </c>
      <c r="D107736" s="14" t="s">
        <v>406</v>
      </c>
      <c r="E107736" s="15">
        <v>45437</v>
      </c>
      <c r="F107736" s="14" t="s">
        <v>15</v>
      </c>
      <c r="G107736" s="16">
        <v>6.3518636842211706E-2</v>
      </c>
    </row>
    <row r="107737" spans="1:7" x14ac:dyDescent="0.3">
      <c r="A107737" s="13" t="s">
        <v>520</v>
      </c>
      <c r="B107737" s="14" t="s">
        <v>1</v>
      </c>
      <c r="C107737" s="14" t="s">
        <v>59</v>
      </c>
      <c r="D107737" s="14" t="s">
        <v>406</v>
      </c>
      <c r="E107737" s="15">
        <v>45438</v>
      </c>
      <c r="F107737" s="14" t="s">
        <v>15</v>
      </c>
      <c r="G107737" s="16">
        <v>6.3518636842211706E-2</v>
      </c>
    </row>
    <row r="107738" spans="1:7" x14ac:dyDescent="0.3">
      <c r="A107738" s="13" t="s">
        <v>520</v>
      </c>
      <c r="B107738" s="14" t="s">
        <v>1</v>
      </c>
      <c r="C107738" s="14" t="s">
        <v>59</v>
      </c>
      <c r="D107738" s="14" t="s">
        <v>406</v>
      </c>
      <c r="E107738" s="15">
        <v>45439</v>
      </c>
      <c r="F107738" s="14" t="s">
        <v>15</v>
      </c>
      <c r="G107738" s="16">
        <v>6.0910861338795384E-2</v>
      </c>
    </row>
    <row r="107739" spans="1:7" x14ac:dyDescent="0.3">
      <c r="A107739" s="13" t="s">
        <v>520</v>
      </c>
      <c r="B107739" s="14" t="s">
        <v>1</v>
      </c>
      <c r="C107739" s="14" t="s">
        <v>59</v>
      </c>
      <c r="D107739" s="14" t="s">
        <v>406</v>
      </c>
      <c r="E107739" s="15">
        <v>45440</v>
      </c>
      <c r="F107739" s="14" t="s">
        <v>15</v>
      </c>
      <c r="G107739" s="16">
        <v>5.3083470382918316E-2</v>
      </c>
    </row>
    <row r="107740" spans="1:7" x14ac:dyDescent="0.3">
      <c r="A107740" s="13" t="s">
        <v>520</v>
      </c>
      <c r="B107740" s="14" t="s">
        <v>1</v>
      </c>
      <c r="C107740" s="14" t="s">
        <v>59</v>
      </c>
      <c r="D107740" s="14" t="s">
        <v>406</v>
      </c>
      <c r="E107740" s="15">
        <v>45441</v>
      </c>
      <c r="F107740" s="14" t="s">
        <v>15</v>
      </c>
      <c r="G107740" s="16">
        <v>5.0477458859039835E-2</v>
      </c>
    </row>
    <row r="107741" spans="1:7" x14ac:dyDescent="0.3">
      <c r="A107741" s="13" t="s">
        <v>520</v>
      </c>
      <c r="B107741" s="14" t="s">
        <v>1</v>
      </c>
      <c r="C107741" s="14" t="s">
        <v>59</v>
      </c>
      <c r="D107741" s="14" t="s">
        <v>406</v>
      </c>
      <c r="E107741" s="15">
        <v>45442</v>
      </c>
      <c r="F107741" s="14" t="s">
        <v>15</v>
      </c>
      <c r="G107741" s="16">
        <v>4.7873211314699189E-2</v>
      </c>
    </row>
    <row r="107742" spans="1:7" x14ac:dyDescent="0.3">
      <c r="A107742" s="13" t="s">
        <v>520</v>
      </c>
      <c r="B107742" s="14" t="s">
        <v>1</v>
      </c>
      <c r="C107742" s="14" t="s">
        <v>59</v>
      </c>
      <c r="D107742" s="14" t="s">
        <v>406</v>
      </c>
      <c r="E107742" s="15">
        <v>45443</v>
      </c>
      <c r="F107742" s="14" t="s">
        <v>15</v>
      </c>
      <c r="G107742" s="16">
        <v>4.5283075606661241E-2</v>
      </c>
    </row>
    <row r="107743" spans="1:7" x14ac:dyDescent="0.3">
      <c r="A107743" s="13" t="s">
        <v>520</v>
      </c>
      <c r="B107743" s="14" t="s">
        <v>1</v>
      </c>
      <c r="C107743" s="14" t="s">
        <v>59</v>
      </c>
      <c r="D107743" s="14" t="s">
        <v>406</v>
      </c>
      <c r="E107743" s="15">
        <v>45444</v>
      </c>
      <c r="F107743" s="14" t="s">
        <v>15</v>
      </c>
      <c r="G107743" s="16">
        <v>4.5283075606661241E-2</v>
      </c>
    </row>
    <row r="107744" spans="1:7" x14ac:dyDescent="0.3">
      <c r="A107744" s="13" t="s">
        <v>520</v>
      </c>
      <c r="B107744" s="14" t="s">
        <v>1</v>
      </c>
      <c r="C107744" s="14" t="s">
        <v>59</v>
      </c>
      <c r="D107744" s="14" t="s">
        <v>406</v>
      </c>
      <c r="E107744" s="15">
        <v>45445</v>
      </c>
      <c r="F107744" s="14" t="s">
        <v>15</v>
      </c>
      <c r="G107744" s="16">
        <v>4.5283075606661241E-2</v>
      </c>
    </row>
    <row r="107745" spans="1:7" x14ac:dyDescent="0.3">
      <c r="A107745" s="13" t="s">
        <v>520</v>
      </c>
      <c r="B107745" s="14" t="s">
        <v>1</v>
      </c>
      <c r="C107745" s="14" t="s">
        <v>59</v>
      </c>
      <c r="D107745" s="14" t="s">
        <v>406</v>
      </c>
      <c r="E107745" s="15">
        <v>45446</v>
      </c>
      <c r="F107745" s="14" t="s">
        <v>15</v>
      </c>
      <c r="G107745" s="16">
        <v>4.5283075606661241E-2</v>
      </c>
    </row>
    <row r="107746" spans="1:7" x14ac:dyDescent="0.3">
      <c r="A107746" s="13" t="s">
        <v>520</v>
      </c>
      <c r="B107746" s="14" t="s">
        <v>1</v>
      </c>
      <c r="C107746" s="14" t="s">
        <v>59</v>
      </c>
      <c r="D107746" s="14" t="s">
        <v>406</v>
      </c>
      <c r="E107746" s="15">
        <v>45447</v>
      </c>
      <c r="F107746" s="14" t="s">
        <v>15</v>
      </c>
      <c r="G107746" s="16">
        <v>4.2694703878161135E-2</v>
      </c>
    </row>
    <row r="107747" spans="1:7" x14ac:dyDescent="0.3">
      <c r="A107747" s="13" t="s">
        <v>520</v>
      </c>
      <c r="B107747" s="14" t="s">
        <v>1</v>
      </c>
      <c r="C107747" s="14" t="s">
        <v>59</v>
      </c>
      <c r="D107747" s="14" t="s">
        <v>406</v>
      </c>
      <c r="E107747" s="15">
        <v>45448</v>
      </c>
      <c r="F107747" s="14" t="s">
        <v>15</v>
      </c>
      <c r="G107747" s="16">
        <v>9.3835384892649198E-2</v>
      </c>
    </row>
    <row r="107748" spans="1:7" x14ac:dyDescent="0.3">
      <c r="A107748" s="13" t="s">
        <v>520</v>
      </c>
      <c r="B107748" s="14" t="s">
        <v>1</v>
      </c>
      <c r="C107748" s="14" t="s">
        <v>59</v>
      </c>
      <c r="D107748" s="14" t="s">
        <v>406</v>
      </c>
      <c r="E107748" s="15">
        <v>45449</v>
      </c>
      <c r="F107748" s="14" t="s">
        <v>15</v>
      </c>
      <c r="G107748" s="16">
        <v>9.1234665307384222E-2</v>
      </c>
    </row>
    <row r="107749" spans="1:7" x14ac:dyDescent="0.3">
      <c r="A107749" s="13" t="s">
        <v>520</v>
      </c>
      <c r="B107749" s="14" t="s">
        <v>1</v>
      </c>
      <c r="C107749" s="14" t="s">
        <v>59</v>
      </c>
      <c r="D107749" s="14" t="s">
        <v>406</v>
      </c>
      <c r="E107749" s="15">
        <v>45450</v>
      </c>
      <c r="F107749" s="14" t="s">
        <v>15</v>
      </c>
      <c r="G107749" s="16">
        <v>8.8612777967665202E-2</v>
      </c>
    </row>
    <row r="107750" spans="1:7" x14ac:dyDescent="0.3">
      <c r="A107750" s="13" t="s">
        <v>520</v>
      </c>
      <c r="B107750" s="14" t="s">
        <v>1</v>
      </c>
      <c r="C107750" s="14" t="s">
        <v>59</v>
      </c>
      <c r="D107750" s="14" t="s">
        <v>406</v>
      </c>
      <c r="E107750" s="15">
        <v>45451</v>
      </c>
      <c r="F107750" s="14" t="s">
        <v>15</v>
      </c>
      <c r="G107750" s="16">
        <v>8.8612777967665202E-2</v>
      </c>
    </row>
    <row r="107751" spans="1:7" x14ac:dyDescent="0.3">
      <c r="A107751" s="13" t="s">
        <v>520</v>
      </c>
      <c r="B107751" s="14" t="s">
        <v>1</v>
      </c>
      <c r="C107751" s="14" t="s">
        <v>59</v>
      </c>
      <c r="D107751" s="14" t="s">
        <v>406</v>
      </c>
      <c r="E107751" s="15">
        <v>45452</v>
      </c>
      <c r="F107751" s="14" t="s">
        <v>15</v>
      </c>
      <c r="G107751" s="16">
        <v>8.8612777967665202E-2</v>
      </c>
    </row>
    <row r="107752" spans="1:7" x14ac:dyDescent="0.3">
      <c r="A107752" s="13" t="s">
        <v>520</v>
      </c>
      <c r="B107752" s="14" t="s">
        <v>1</v>
      </c>
      <c r="C107752" s="14" t="s">
        <v>59</v>
      </c>
      <c r="D107752" s="14" t="s">
        <v>406</v>
      </c>
      <c r="E107752" s="15">
        <v>45453</v>
      </c>
      <c r="F107752" s="14" t="s">
        <v>15</v>
      </c>
      <c r="G107752" s="16">
        <v>8.598030675071916E-2</v>
      </c>
    </row>
    <row r="107753" spans="1:7" x14ac:dyDescent="0.3">
      <c r="A107753" s="13" t="s">
        <v>520</v>
      </c>
      <c r="B107753" s="14" t="s">
        <v>1</v>
      </c>
      <c r="C107753" s="14" t="s">
        <v>59</v>
      </c>
      <c r="D107753" s="14" t="s">
        <v>406</v>
      </c>
      <c r="E107753" s="15">
        <v>45454</v>
      </c>
      <c r="F107753" s="14" t="s">
        <v>15</v>
      </c>
      <c r="G107753" s="16">
        <v>7.8101760388244804E-2</v>
      </c>
    </row>
    <row r="107754" spans="1:7" x14ac:dyDescent="0.3">
      <c r="A107754" s="13" t="s">
        <v>520</v>
      </c>
      <c r="B107754" s="14" t="s">
        <v>1</v>
      </c>
      <c r="C107754" s="14" t="s">
        <v>59</v>
      </c>
      <c r="D107754" s="14" t="s">
        <v>406</v>
      </c>
      <c r="E107754" s="15">
        <v>45455</v>
      </c>
      <c r="F107754" s="14" t="s">
        <v>15</v>
      </c>
      <c r="G107754" s="16">
        <v>7.5485164987139294E-2</v>
      </c>
    </row>
    <row r="107755" spans="1:7" x14ac:dyDescent="0.3">
      <c r="A107755" s="13" t="s">
        <v>520</v>
      </c>
      <c r="B107755" s="14" t="s">
        <v>1</v>
      </c>
      <c r="C107755" s="14" t="s">
        <v>59</v>
      </c>
      <c r="D107755" s="14" t="s">
        <v>406</v>
      </c>
      <c r="E107755" s="15">
        <v>45456</v>
      </c>
      <c r="F107755" s="14" t="s">
        <v>15</v>
      </c>
      <c r="G107755" s="16">
        <v>7.2868569586033799E-2</v>
      </c>
    </row>
    <row r="107756" spans="1:7" x14ac:dyDescent="0.3">
      <c r="A107756" s="13" t="s">
        <v>520</v>
      </c>
      <c r="B107756" s="14" t="s">
        <v>1</v>
      </c>
      <c r="C107756" s="14" t="s">
        <v>59</v>
      </c>
      <c r="D107756" s="14" t="s">
        <v>406</v>
      </c>
      <c r="E107756" s="15">
        <v>45457</v>
      </c>
      <c r="F107756" s="14" t="s">
        <v>15</v>
      </c>
      <c r="G107756" s="16">
        <v>0.11615777767760777</v>
      </c>
    </row>
    <row r="107757" spans="1:7" x14ac:dyDescent="0.3">
      <c r="A107757" s="13" t="s">
        <v>520</v>
      </c>
      <c r="B107757" s="14" t="s">
        <v>1</v>
      </c>
      <c r="C107757" s="14" t="s">
        <v>59</v>
      </c>
      <c r="D107757" s="14" t="s">
        <v>406</v>
      </c>
      <c r="E107757" s="15">
        <v>45458</v>
      </c>
      <c r="F107757" s="14" t="s">
        <v>15</v>
      </c>
      <c r="G107757" s="16">
        <v>0.11615777767760777</v>
      </c>
    </row>
    <row r="107758" spans="1:7" x14ac:dyDescent="0.3">
      <c r="A107758" s="13" t="s">
        <v>520</v>
      </c>
      <c r="B107758" s="14" t="s">
        <v>1</v>
      </c>
      <c r="C107758" s="14" t="s">
        <v>59</v>
      </c>
      <c r="D107758" s="14" t="s">
        <v>406</v>
      </c>
      <c r="E107758" s="15">
        <v>45459</v>
      </c>
      <c r="F107758" s="14" t="s">
        <v>15</v>
      </c>
      <c r="G107758" s="16">
        <v>0.11615777767760777</v>
      </c>
    </row>
    <row r="107759" spans="1:7" x14ac:dyDescent="0.3">
      <c r="A107759" s="13" t="s">
        <v>520</v>
      </c>
      <c r="B107759" s="14" t="s">
        <v>1</v>
      </c>
      <c r="C107759" s="14" t="s">
        <v>59</v>
      </c>
      <c r="D107759" s="14" t="s">
        <v>406</v>
      </c>
      <c r="E107759" s="15">
        <v>45460</v>
      </c>
      <c r="F107759" s="14" t="s">
        <v>15</v>
      </c>
      <c r="G107759" s="16">
        <v>0.1135147225834347</v>
      </c>
    </row>
    <row r="107760" spans="1:7" x14ac:dyDescent="0.3">
      <c r="A107760" s="13" t="s">
        <v>520</v>
      </c>
      <c r="B107760" s="14" t="s">
        <v>1</v>
      </c>
      <c r="C107760" s="14" t="s">
        <v>59</v>
      </c>
      <c r="D107760" s="14" t="s">
        <v>406</v>
      </c>
      <c r="E107760" s="15">
        <v>45461</v>
      </c>
      <c r="F107760" s="14" t="s">
        <v>15</v>
      </c>
      <c r="G107760" s="16">
        <v>0.10556738101898469</v>
      </c>
    </row>
    <row r="107761" spans="1:7" x14ac:dyDescent="0.3">
      <c r="A107761" s="13" t="s">
        <v>520</v>
      </c>
      <c r="B107761" s="14" t="s">
        <v>1</v>
      </c>
      <c r="C107761" s="14" t="s">
        <v>59</v>
      </c>
      <c r="D107761" s="14" t="s">
        <v>406</v>
      </c>
      <c r="E107761" s="15">
        <v>45462</v>
      </c>
      <c r="F107761" s="14" t="s">
        <v>15</v>
      </c>
      <c r="G107761" s="16">
        <v>0.10292079796573596</v>
      </c>
    </row>
    <row r="107762" spans="1:7" x14ac:dyDescent="0.3">
      <c r="A107762" s="13" t="s">
        <v>520</v>
      </c>
      <c r="B107762" s="14" t="s">
        <v>1</v>
      </c>
      <c r="C107762" s="14" t="s">
        <v>59</v>
      </c>
      <c r="D107762" s="14" t="s">
        <v>406</v>
      </c>
      <c r="E107762" s="15">
        <v>45463</v>
      </c>
      <c r="F107762" s="14" t="s">
        <v>15</v>
      </c>
      <c r="G107762" s="16">
        <v>0.10026186705572233</v>
      </c>
    </row>
    <row r="107763" spans="1:7" x14ac:dyDescent="0.3">
      <c r="A107763" s="13" t="s">
        <v>520</v>
      </c>
      <c r="B107763" s="14" t="s">
        <v>1</v>
      </c>
      <c r="C107763" s="14" t="s">
        <v>59</v>
      </c>
      <c r="D107763" s="14" t="s">
        <v>406</v>
      </c>
      <c r="E107763" s="15">
        <v>45464</v>
      </c>
      <c r="F107763" s="14" t="s">
        <v>15</v>
      </c>
      <c r="G107763" s="16">
        <v>9.7599408186633055E-2</v>
      </c>
    </row>
    <row r="107764" spans="1:7" x14ac:dyDescent="0.3">
      <c r="A107764" s="13" t="s">
        <v>520</v>
      </c>
      <c r="B107764" s="14" t="s">
        <v>1</v>
      </c>
      <c r="C107764" s="14" t="s">
        <v>59</v>
      </c>
      <c r="D107764" s="14" t="s">
        <v>406</v>
      </c>
      <c r="E107764" s="15">
        <v>45465</v>
      </c>
      <c r="F107764" s="14" t="s">
        <v>15</v>
      </c>
      <c r="G107764" s="16">
        <v>9.7599408186633055E-2</v>
      </c>
    </row>
    <row r="107765" spans="1:7" x14ac:dyDescent="0.3">
      <c r="A107765" s="13" t="s">
        <v>520</v>
      </c>
      <c r="B107765" s="14" t="s">
        <v>1</v>
      </c>
      <c r="C107765" s="14" t="s">
        <v>59</v>
      </c>
      <c r="D107765" s="14" t="s">
        <v>406</v>
      </c>
      <c r="E107765" s="15">
        <v>45466</v>
      </c>
      <c r="F107765" s="14" t="s">
        <v>15</v>
      </c>
      <c r="G107765" s="16">
        <v>9.7599408186633055E-2</v>
      </c>
    </row>
    <row r="107766" spans="1:7" x14ac:dyDescent="0.3">
      <c r="A107766" s="13" t="s">
        <v>520</v>
      </c>
      <c r="B107766" s="14" t="s">
        <v>1</v>
      </c>
      <c r="C107766" s="14" t="s">
        <v>59</v>
      </c>
      <c r="D107766" s="14" t="s">
        <v>406</v>
      </c>
      <c r="E107766" s="15">
        <v>45467</v>
      </c>
      <c r="F107766" s="14" t="s">
        <v>15</v>
      </c>
      <c r="G107766" s="16">
        <v>9.4935185338005934E-2</v>
      </c>
    </row>
    <row r="107767" spans="1:7" x14ac:dyDescent="0.3">
      <c r="A107767" s="13" t="s">
        <v>520</v>
      </c>
      <c r="B107767" s="14" t="s">
        <v>1</v>
      </c>
      <c r="C107767" s="14" t="s">
        <v>59</v>
      </c>
      <c r="D107767" s="14" t="s">
        <v>406</v>
      </c>
      <c r="E107767" s="15">
        <v>45468</v>
      </c>
      <c r="F107767" s="14" t="s">
        <v>15</v>
      </c>
      <c r="G107767" s="16">
        <v>8.6959620100950527E-2</v>
      </c>
    </row>
    <row r="107768" spans="1:7" x14ac:dyDescent="0.3">
      <c r="A107768" s="13" t="s">
        <v>520</v>
      </c>
      <c r="B107768" s="14" t="s">
        <v>1</v>
      </c>
      <c r="C107768" s="14" t="s">
        <v>59</v>
      </c>
      <c r="D107768" s="14" t="s">
        <v>406</v>
      </c>
      <c r="E107768" s="15">
        <v>45469</v>
      </c>
      <c r="F107768" s="14" t="s">
        <v>15</v>
      </c>
      <c r="G107768" s="16">
        <v>8.4300689190936917E-2</v>
      </c>
    </row>
    <row r="107769" spans="1:7" x14ac:dyDescent="0.3">
      <c r="A107769" s="13" t="s">
        <v>520</v>
      </c>
      <c r="B107769" s="14" t="s">
        <v>1</v>
      </c>
      <c r="C107769" s="14" t="s">
        <v>59</v>
      </c>
      <c r="D107769" s="14" t="s">
        <v>406</v>
      </c>
      <c r="E107769" s="15">
        <v>45470</v>
      </c>
      <c r="F107769" s="14" t="s">
        <v>15</v>
      </c>
      <c r="G107769" s="16">
        <v>8.1647050219536832E-2</v>
      </c>
    </row>
    <row r="107770" spans="1:7" x14ac:dyDescent="0.3">
      <c r="A107770" s="13" t="s">
        <v>520</v>
      </c>
      <c r="B107770" s="14" t="s">
        <v>1</v>
      </c>
      <c r="C107770" s="14" t="s">
        <v>59</v>
      </c>
      <c r="D107770" s="14" t="s">
        <v>406</v>
      </c>
      <c r="E107770" s="15">
        <v>45471</v>
      </c>
      <c r="F107770" s="14" t="s">
        <v>15</v>
      </c>
      <c r="G107770" s="16">
        <v>7.8996939207212416E-2</v>
      </c>
    </row>
    <row r="107771" spans="1:7" x14ac:dyDescent="0.3">
      <c r="A107771" s="13" t="s">
        <v>520</v>
      </c>
      <c r="B107771" s="14" t="s">
        <v>1</v>
      </c>
      <c r="C107771" s="14" t="s">
        <v>59</v>
      </c>
      <c r="D107771" s="14" t="s">
        <v>406</v>
      </c>
      <c r="E107771" s="15">
        <v>45472</v>
      </c>
      <c r="F107771" s="14" t="s">
        <v>15</v>
      </c>
      <c r="G107771" s="16">
        <v>7.8996939207212416E-2</v>
      </c>
    </row>
    <row r="107772" spans="1:7" x14ac:dyDescent="0.3">
      <c r="A107772" s="13" t="s">
        <v>520</v>
      </c>
      <c r="B107772" s="14" t="s">
        <v>1</v>
      </c>
      <c r="C107772" s="14" t="s">
        <v>59</v>
      </c>
      <c r="D107772" s="14" t="s">
        <v>406</v>
      </c>
      <c r="E107772" s="15">
        <v>45473</v>
      </c>
      <c r="F107772" s="14" t="s">
        <v>15</v>
      </c>
      <c r="G107772" s="16">
        <v>7.8996939207212416E-2</v>
      </c>
    </row>
    <row r="107773" spans="1:7" x14ac:dyDescent="0.3">
      <c r="A107773" s="13" t="s">
        <v>520</v>
      </c>
      <c r="B107773" s="14" t="s">
        <v>1</v>
      </c>
      <c r="C107773" s="14" t="s">
        <v>59</v>
      </c>
      <c r="D107773" s="14" t="s">
        <v>406</v>
      </c>
      <c r="E107773" s="15">
        <v>45474</v>
      </c>
      <c r="F107773" s="14" t="s">
        <v>15</v>
      </c>
      <c r="G107773" s="16">
        <v>7.6341536256274489E-2</v>
      </c>
    </row>
    <row r="107774" spans="1:7" x14ac:dyDescent="0.3">
      <c r="A107774" s="13" t="s">
        <v>520</v>
      </c>
      <c r="B107774" s="14" t="s">
        <v>1</v>
      </c>
      <c r="C107774" s="14" t="s">
        <v>59</v>
      </c>
      <c r="D107774" s="14" t="s">
        <v>406</v>
      </c>
      <c r="E107774" s="15">
        <v>45475</v>
      </c>
      <c r="F107774" s="14" t="s">
        <v>15</v>
      </c>
      <c r="G107774" s="16">
        <v>7.5841716300573805E-2</v>
      </c>
    </row>
    <row r="107775" spans="1:7" x14ac:dyDescent="0.3">
      <c r="A107775" s="13" t="s">
        <v>520</v>
      </c>
      <c r="B107775" s="14" t="s">
        <v>1</v>
      </c>
      <c r="C107775" s="14" t="s">
        <v>59</v>
      </c>
      <c r="D107775" s="14" t="s">
        <v>406</v>
      </c>
      <c r="E107775" s="15">
        <v>45476</v>
      </c>
      <c r="F107775" s="14" t="s">
        <v>15</v>
      </c>
      <c r="G107775" s="16">
        <v>7.3195133247325073E-2</v>
      </c>
    </row>
    <row r="107776" spans="1:7" x14ac:dyDescent="0.3">
      <c r="A107776" s="13" t="s">
        <v>520</v>
      </c>
      <c r="B107776" s="14" t="s">
        <v>1</v>
      </c>
      <c r="C107776" s="14" t="s">
        <v>59</v>
      </c>
      <c r="D107776" s="14" t="s">
        <v>406</v>
      </c>
      <c r="E107776" s="15">
        <v>45477</v>
      </c>
      <c r="F107776" s="14" t="s">
        <v>15</v>
      </c>
      <c r="G107776" s="16">
        <v>7.0539730296387146E-2</v>
      </c>
    </row>
    <row r="107777" spans="1:7" x14ac:dyDescent="0.3">
      <c r="A107777" s="13" t="s">
        <v>520</v>
      </c>
      <c r="B107777" s="14" t="s">
        <v>1</v>
      </c>
      <c r="C107777" s="14" t="s">
        <v>59</v>
      </c>
      <c r="D107777" s="14" t="s">
        <v>406</v>
      </c>
      <c r="E107777" s="15">
        <v>45478</v>
      </c>
      <c r="F107777" s="14" t="s">
        <v>15</v>
      </c>
      <c r="G107777" s="16">
        <v>6.7870215509146514E-2</v>
      </c>
    </row>
    <row r="107778" spans="1:7" x14ac:dyDescent="0.3">
      <c r="A107778" s="13" t="s">
        <v>520</v>
      </c>
      <c r="B107778" s="14" t="s">
        <v>1</v>
      </c>
      <c r="C107778" s="14" t="s">
        <v>59</v>
      </c>
      <c r="D107778" s="14" t="s">
        <v>406</v>
      </c>
      <c r="E107778" s="15">
        <v>45479</v>
      </c>
      <c r="F107778" s="14" t="s">
        <v>15</v>
      </c>
      <c r="G107778" s="16">
        <v>6.7870215509146514E-2</v>
      </c>
    </row>
    <row r="107779" spans="1:7" x14ac:dyDescent="0.3">
      <c r="A107779" s="13" t="s">
        <v>520</v>
      </c>
      <c r="B107779" s="14" t="s">
        <v>1</v>
      </c>
      <c r="C107779" s="14" t="s">
        <v>59</v>
      </c>
      <c r="D107779" s="14" t="s">
        <v>406</v>
      </c>
      <c r="E107779" s="15">
        <v>45480</v>
      </c>
      <c r="F107779" s="14" t="s">
        <v>15</v>
      </c>
      <c r="G107779" s="16">
        <v>6.7870215509146514E-2</v>
      </c>
    </row>
    <row r="107780" spans="1:7" x14ac:dyDescent="0.3">
      <c r="A107780" s="13" t="s">
        <v>520</v>
      </c>
      <c r="B107780" s="14" t="s">
        <v>1</v>
      </c>
      <c r="C107780" s="14" t="s">
        <v>59</v>
      </c>
      <c r="D107780" s="14" t="s">
        <v>406</v>
      </c>
      <c r="E107780" s="15">
        <v>45481</v>
      </c>
      <c r="F107780" s="14" t="s">
        <v>15</v>
      </c>
      <c r="G107780" s="16">
        <v>6.5197172762830199E-2</v>
      </c>
    </row>
    <row r="107781" spans="1:7" x14ac:dyDescent="0.3">
      <c r="A107781" s="13" t="s">
        <v>520</v>
      </c>
      <c r="B107781" s="14" t="s">
        <v>1</v>
      </c>
      <c r="C107781" s="14" t="s">
        <v>59</v>
      </c>
      <c r="D107781" s="14" t="s">
        <v>406</v>
      </c>
      <c r="E107781" s="15">
        <v>45482</v>
      </c>
      <c r="F107781" s="14" t="s">
        <v>15</v>
      </c>
      <c r="G107781" s="16">
        <v>5.7133408548882922E-2</v>
      </c>
    </row>
    <row r="107782" spans="1:7" x14ac:dyDescent="0.3">
      <c r="A107782" s="13" t="s">
        <v>520</v>
      </c>
      <c r="B107782" s="14" t="s">
        <v>1</v>
      </c>
      <c r="C107782" s="14" t="s">
        <v>59</v>
      </c>
      <c r="D107782" s="14" t="s">
        <v>406</v>
      </c>
      <c r="E107782" s="15">
        <v>45483</v>
      </c>
      <c r="F107782" s="14" t="s">
        <v>15</v>
      </c>
      <c r="G107782" s="16">
        <v>5.4444489986726081E-2</v>
      </c>
    </row>
    <row r="107783" spans="1:7" x14ac:dyDescent="0.3">
      <c r="A107783" s="13" t="s">
        <v>520</v>
      </c>
      <c r="B107783" s="14" t="s">
        <v>1</v>
      </c>
      <c r="C107783" s="14" t="s">
        <v>59</v>
      </c>
      <c r="D107783" s="14" t="s">
        <v>406</v>
      </c>
      <c r="E107783" s="15">
        <v>45484</v>
      </c>
      <c r="F107783" s="14" t="s">
        <v>15</v>
      </c>
      <c r="G107783" s="16">
        <v>5.1750279485955737E-2</v>
      </c>
    </row>
    <row r="107784" spans="1:7" x14ac:dyDescent="0.3">
      <c r="A107784" s="13" t="s">
        <v>520</v>
      </c>
      <c r="B107784" s="14" t="s">
        <v>1</v>
      </c>
      <c r="C107784" s="14" t="s">
        <v>59</v>
      </c>
      <c r="D107784" s="14" t="s">
        <v>406</v>
      </c>
      <c r="E107784" s="15">
        <v>45485</v>
      </c>
      <c r="F107784" s="14" t="s">
        <v>15</v>
      </c>
      <c r="G107784" s="16">
        <v>5.758314607109119E-2</v>
      </c>
    </row>
    <row r="107785" spans="1:7" x14ac:dyDescent="0.3">
      <c r="A107785" s="13" t="s">
        <v>520</v>
      </c>
      <c r="B107785" s="14" t="s">
        <v>1</v>
      </c>
      <c r="C107785" s="14" t="s">
        <v>59</v>
      </c>
      <c r="D107785" s="14" t="s">
        <v>406</v>
      </c>
      <c r="E107785" s="15">
        <v>45486</v>
      </c>
      <c r="F107785" s="14" t="s">
        <v>15</v>
      </c>
      <c r="G107785" s="16">
        <v>5.758314607109119E-2</v>
      </c>
    </row>
    <row r="107786" spans="1:7" x14ac:dyDescent="0.3">
      <c r="A107786" s="13" t="s">
        <v>520</v>
      </c>
      <c r="B107786" s="14" t="s">
        <v>1</v>
      </c>
      <c r="C107786" s="14" t="s">
        <v>59</v>
      </c>
      <c r="D107786" s="14" t="s">
        <v>406</v>
      </c>
      <c r="E107786" s="15">
        <v>45487</v>
      </c>
      <c r="F107786" s="14" t="s">
        <v>15</v>
      </c>
      <c r="G107786" s="16">
        <v>5.758314607109119E-2</v>
      </c>
    </row>
    <row r="107787" spans="1:7" x14ac:dyDescent="0.3">
      <c r="A107787" s="13" t="s">
        <v>520</v>
      </c>
      <c r="B107787" s="14" t="s">
        <v>1</v>
      </c>
      <c r="C107787" s="14" t="s">
        <v>59</v>
      </c>
      <c r="D107787" s="14" t="s">
        <v>406</v>
      </c>
      <c r="E107787" s="15">
        <v>45488</v>
      </c>
      <c r="F107787" s="14" t="s">
        <v>15</v>
      </c>
      <c r="G107787" s="16">
        <v>5.4873059754480299E-2</v>
      </c>
    </row>
    <row r="107788" spans="1:7" x14ac:dyDescent="0.3">
      <c r="A107788" s="13" t="s">
        <v>520</v>
      </c>
      <c r="B107788" s="14" t="s">
        <v>1</v>
      </c>
      <c r="C107788" s="14" t="s">
        <v>59</v>
      </c>
      <c r="D107788" s="14" t="s">
        <v>406</v>
      </c>
      <c r="E107788" s="15">
        <v>45489</v>
      </c>
      <c r="F107788" s="14" t="s">
        <v>15</v>
      </c>
      <c r="G107788" s="16">
        <v>4.6710512686414123E-2</v>
      </c>
    </row>
    <row r="107789" spans="1:7" x14ac:dyDescent="0.3">
      <c r="A107789" s="13" t="s">
        <v>520</v>
      </c>
      <c r="B107789" s="14" t="s">
        <v>1</v>
      </c>
      <c r="C107789" s="14" t="s">
        <v>59</v>
      </c>
      <c r="D107789" s="14" t="s">
        <v>406</v>
      </c>
      <c r="E107789" s="15">
        <v>45490</v>
      </c>
      <c r="F107789" s="14" t="s">
        <v>15</v>
      </c>
      <c r="G107789" s="16">
        <v>4.398984249257621E-2</v>
      </c>
    </row>
    <row r="107790" spans="1:7" x14ac:dyDescent="0.3">
      <c r="A107790" s="13" t="s">
        <v>520</v>
      </c>
      <c r="B107790" s="14" t="s">
        <v>1</v>
      </c>
      <c r="C107790" s="14" t="s">
        <v>59</v>
      </c>
      <c r="D107790" s="14" t="s">
        <v>406</v>
      </c>
      <c r="E107790" s="15">
        <v>45491</v>
      </c>
      <c r="F107790" s="14" t="s">
        <v>15</v>
      </c>
      <c r="G107790" s="16">
        <v>4.1269172298738298E-2</v>
      </c>
    </row>
    <row r="107791" spans="1:7" x14ac:dyDescent="0.3">
      <c r="A107791" s="13" t="s">
        <v>520</v>
      </c>
      <c r="B107791" s="14" t="s">
        <v>1</v>
      </c>
      <c r="C107791" s="14" t="s">
        <v>59</v>
      </c>
      <c r="D107791" s="14" t="s">
        <v>406</v>
      </c>
      <c r="E107791" s="15">
        <v>45492</v>
      </c>
      <c r="F107791" s="14" t="s">
        <v>15</v>
      </c>
      <c r="G107791" s="16">
        <v>3.8560849961665242E-2</v>
      </c>
    </row>
    <row r="107792" spans="1:7" x14ac:dyDescent="0.3">
      <c r="A107792" s="13" t="s">
        <v>520</v>
      </c>
      <c r="B107792" s="14" t="s">
        <v>1</v>
      </c>
      <c r="C107792" s="14" t="s">
        <v>59</v>
      </c>
      <c r="D107792" s="14" t="s">
        <v>406</v>
      </c>
      <c r="E107792" s="15">
        <v>45493</v>
      </c>
      <c r="F107792" s="14" t="s">
        <v>15</v>
      </c>
      <c r="G107792" s="16">
        <v>3.8560849961665242E-2</v>
      </c>
    </row>
    <row r="107793" spans="1:7" x14ac:dyDescent="0.3">
      <c r="A107793" s="13" t="s">
        <v>520</v>
      </c>
      <c r="B107793" s="14" t="s">
        <v>1</v>
      </c>
      <c r="C107793" s="14" t="s">
        <v>59</v>
      </c>
      <c r="D107793" s="14" t="s">
        <v>406</v>
      </c>
      <c r="E107793" s="15">
        <v>45494</v>
      </c>
      <c r="F107793" s="14" t="s">
        <v>15</v>
      </c>
      <c r="G107793" s="16">
        <v>3.8560849961665242E-2</v>
      </c>
    </row>
    <row r="107794" spans="1:7" x14ac:dyDescent="0.3">
      <c r="A107794" s="13" t="s">
        <v>520</v>
      </c>
      <c r="B107794" s="14" t="s">
        <v>1</v>
      </c>
      <c r="C107794" s="14" t="s">
        <v>59</v>
      </c>
      <c r="D107794" s="14" t="s">
        <v>406</v>
      </c>
      <c r="E107794" s="15">
        <v>45495</v>
      </c>
      <c r="F107794" s="14" t="s">
        <v>15</v>
      </c>
      <c r="G107794" s="16">
        <v>3.5863111501819214E-2</v>
      </c>
    </row>
    <row r="107795" spans="1:7" x14ac:dyDescent="0.3">
      <c r="A107795" s="13" t="s">
        <v>520</v>
      </c>
      <c r="B107795" s="14" t="s">
        <v>1</v>
      </c>
      <c r="C107795" s="14" t="s">
        <v>59</v>
      </c>
      <c r="D107795" s="14" t="s">
        <v>406</v>
      </c>
      <c r="E107795" s="15">
        <v>45496</v>
      </c>
      <c r="F107795" s="14" t="s">
        <v>15</v>
      </c>
      <c r="G107795" s="16">
        <v>2.7806403206023282E-2</v>
      </c>
    </row>
    <row r="107796" spans="1:7" x14ac:dyDescent="0.3">
      <c r="A107796" s="13" t="s">
        <v>520</v>
      </c>
      <c r="B107796" s="14" t="s">
        <v>1</v>
      </c>
      <c r="C107796" s="14" t="s">
        <v>59</v>
      </c>
      <c r="D107796" s="14" t="s">
        <v>406</v>
      </c>
      <c r="E107796" s="15">
        <v>45497</v>
      </c>
      <c r="F107796" s="14" t="s">
        <v>15</v>
      </c>
      <c r="G107796" s="16">
        <v>2.511924862340428E-2</v>
      </c>
    </row>
    <row r="107797" spans="1:7" x14ac:dyDescent="0.3">
      <c r="A107797" s="13" t="s">
        <v>520</v>
      </c>
      <c r="B107797" s="14" t="s">
        <v>1</v>
      </c>
      <c r="C107797" s="14" t="s">
        <v>59</v>
      </c>
      <c r="D107797" s="14" t="s">
        <v>406</v>
      </c>
      <c r="E107797" s="15">
        <v>45498</v>
      </c>
      <c r="F107797" s="14" t="s">
        <v>15</v>
      </c>
      <c r="G107797" s="16">
        <v>2.2419746184020414E-2</v>
      </c>
    </row>
    <row r="107798" spans="1:7" x14ac:dyDescent="0.3">
      <c r="A107798" s="13" t="s">
        <v>520</v>
      </c>
      <c r="B107798" s="14" t="s">
        <v>1</v>
      </c>
      <c r="C107798" s="14" t="s">
        <v>59</v>
      </c>
      <c r="D107798" s="14" t="s">
        <v>406</v>
      </c>
      <c r="E107798" s="15">
        <v>45499</v>
      </c>
      <c r="F107798" s="14" t="s">
        <v>15</v>
      </c>
      <c r="G107798" s="16">
        <v>1.9748467417241948E-2</v>
      </c>
    </row>
    <row r="107799" spans="1:7" x14ac:dyDescent="0.3">
      <c r="A107799" s="13" t="s">
        <v>520</v>
      </c>
      <c r="B107799" s="14" t="s">
        <v>1</v>
      </c>
      <c r="C107799" s="14" t="s">
        <v>59</v>
      </c>
      <c r="D107799" s="14" t="s">
        <v>406</v>
      </c>
      <c r="E107799" s="15">
        <v>45500</v>
      </c>
      <c r="F107799" s="14" t="s">
        <v>15</v>
      </c>
      <c r="G107799" s="16">
        <v>1.9748467417241948E-2</v>
      </c>
    </row>
    <row r="107800" spans="1:7" x14ac:dyDescent="0.3">
      <c r="A107800" s="13" t="s">
        <v>520</v>
      </c>
      <c r="B107800" s="14" t="s">
        <v>1</v>
      </c>
      <c r="C107800" s="14" t="s">
        <v>59</v>
      </c>
      <c r="D107800" s="14" t="s">
        <v>406</v>
      </c>
      <c r="E107800" s="15">
        <v>45501</v>
      </c>
      <c r="F107800" s="14" t="s">
        <v>15</v>
      </c>
      <c r="G107800" s="16">
        <v>1.9748467417241948E-2</v>
      </c>
    </row>
    <row r="107801" spans="1:7" x14ac:dyDescent="0.3">
      <c r="A107801" s="13" t="s">
        <v>520</v>
      </c>
      <c r="B107801" s="14" t="s">
        <v>1</v>
      </c>
      <c r="C107801" s="14" t="s">
        <v>59</v>
      </c>
      <c r="D107801" s="14" t="s">
        <v>406</v>
      </c>
      <c r="E107801" s="15">
        <v>45502</v>
      </c>
      <c r="F107801" s="14" t="s">
        <v>15</v>
      </c>
      <c r="G107801" s="16">
        <v>2.4099591190594016E-2</v>
      </c>
    </row>
    <row r="107802" spans="1:7" x14ac:dyDescent="0.3">
      <c r="A107802" s="13" t="s">
        <v>520</v>
      </c>
      <c r="B107802" s="14" t="s">
        <v>1</v>
      </c>
      <c r="C107802" s="14" t="s">
        <v>59</v>
      </c>
      <c r="D107802" s="14" t="s">
        <v>406</v>
      </c>
      <c r="E107802" s="15">
        <v>45503</v>
      </c>
      <c r="F107802" s="14" t="s">
        <v>15</v>
      </c>
      <c r="G107802" s="16">
        <v>1.6097566260471045E-2</v>
      </c>
    </row>
    <row r="107803" spans="1:7" x14ac:dyDescent="0.3">
      <c r="A107803" s="13" t="s">
        <v>520</v>
      </c>
      <c r="B107803" s="14" t="s">
        <v>1</v>
      </c>
      <c r="C107803" s="14" t="s">
        <v>59</v>
      </c>
      <c r="D107803" s="14" t="s">
        <v>406</v>
      </c>
      <c r="E107803" s="15">
        <v>45504</v>
      </c>
      <c r="F107803" s="14" t="s">
        <v>15</v>
      </c>
      <c r="G107803" s="16">
        <v>1.343863535045744E-2</v>
      </c>
    </row>
    <row r="107804" spans="1:7" x14ac:dyDescent="0.3">
      <c r="A107804" s="13" t="s">
        <v>520</v>
      </c>
      <c r="B107804" s="14" t="s">
        <v>1</v>
      </c>
      <c r="C107804" s="14" t="s">
        <v>59</v>
      </c>
      <c r="D107804" s="14" t="s">
        <v>406</v>
      </c>
      <c r="E107804" s="15">
        <v>45505</v>
      </c>
      <c r="F107804" s="14" t="s">
        <v>15</v>
      </c>
      <c r="G107804" s="16">
        <v>1.343863535045744E-2</v>
      </c>
    </row>
    <row r="107805" spans="1:7" x14ac:dyDescent="0.3">
      <c r="A107805" s="13" t="s">
        <v>520</v>
      </c>
      <c r="B107805" s="14" t="s">
        <v>1</v>
      </c>
      <c r="C107805" s="14" t="s">
        <v>59</v>
      </c>
      <c r="D107805" s="14" t="s">
        <v>406</v>
      </c>
      <c r="E107805" s="15">
        <v>45506</v>
      </c>
      <c r="F107805" s="14" t="s">
        <v>15</v>
      </c>
      <c r="G107805" s="16">
        <v>1.0774412501830323E-2</v>
      </c>
    </row>
    <row r="107806" spans="1:7" x14ac:dyDescent="0.3">
      <c r="A107806" s="13" t="s">
        <v>520</v>
      </c>
      <c r="B107806" s="14" t="s">
        <v>1</v>
      </c>
      <c r="C107806" s="14" t="s">
        <v>59</v>
      </c>
      <c r="D107806" s="14" t="s">
        <v>406</v>
      </c>
      <c r="E107806" s="15">
        <v>45507</v>
      </c>
      <c r="F107806" s="14" t="s">
        <v>15</v>
      </c>
      <c r="G107806" s="16">
        <v>1.0774412501830323E-2</v>
      </c>
    </row>
    <row r="107807" spans="1:7" x14ac:dyDescent="0.3">
      <c r="A107807" s="13" t="s">
        <v>520</v>
      </c>
      <c r="B107807" s="14" t="s">
        <v>1</v>
      </c>
      <c r="C107807" s="14" t="s">
        <v>59</v>
      </c>
      <c r="D107807" s="14" t="s">
        <v>406</v>
      </c>
      <c r="E107807" s="15">
        <v>45508</v>
      </c>
      <c r="F107807" s="14" t="s">
        <v>15</v>
      </c>
      <c r="G107807" s="16">
        <v>1.0774412501830323E-2</v>
      </c>
    </row>
    <row r="107808" spans="1:7" x14ac:dyDescent="0.3">
      <c r="A107808" s="13" t="s">
        <v>520</v>
      </c>
      <c r="B107808" s="14" t="s">
        <v>1</v>
      </c>
      <c r="C107808" s="14" t="s">
        <v>59</v>
      </c>
      <c r="D107808" s="14" t="s">
        <v>406</v>
      </c>
      <c r="E107808" s="15">
        <v>45509</v>
      </c>
      <c r="F107808" s="14" t="s">
        <v>15</v>
      </c>
      <c r="G107808" s="16">
        <v>1.0774412501830323E-2</v>
      </c>
    </row>
    <row r="107809" spans="1:7" x14ac:dyDescent="0.3">
      <c r="A107809" s="13" t="s">
        <v>520</v>
      </c>
      <c r="B107809" s="14" t="s">
        <v>1</v>
      </c>
      <c r="C107809" s="14" t="s">
        <v>59</v>
      </c>
      <c r="D107809" s="14" t="s">
        <v>406</v>
      </c>
      <c r="E107809" s="15">
        <v>45510</v>
      </c>
      <c r="F107809" s="14" t="s">
        <v>15</v>
      </c>
      <c r="G107809" s="16">
        <v>9.1992708615983215E-2</v>
      </c>
    </row>
    <row r="107810" spans="1:7" x14ac:dyDescent="0.3">
      <c r="A107810" s="13" t="s">
        <v>520</v>
      </c>
      <c r="B107810" s="14" t="s">
        <v>1</v>
      </c>
      <c r="C107810" s="14" t="s">
        <v>59</v>
      </c>
      <c r="D107810" s="14" t="s">
        <v>406</v>
      </c>
      <c r="E107810" s="15">
        <v>45511</v>
      </c>
      <c r="F107810" s="14" t="s">
        <v>15</v>
      </c>
      <c r="G107810" s="16">
        <v>8.1385285908474464E-2</v>
      </c>
    </row>
    <row r="107811" spans="1:7" x14ac:dyDescent="0.3">
      <c r="A107811" s="13" t="s">
        <v>520</v>
      </c>
      <c r="B107811" s="14" t="s">
        <v>1</v>
      </c>
      <c r="C107811" s="14" t="s">
        <v>59</v>
      </c>
      <c r="D107811" s="14" t="s">
        <v>406</v>
      </c>
      <c r="E107811" s="15">
        <v>45512</v>
      </c>
      <c r="F107811" s="14" t="s">
        <v>15</v>
      </c>
      <c r="G107811" s="16">
        <v>9.811601807836913E-2</v>
      </c>
    </row>
    <row r="107812" spans="1:7" x14ac:dyDescent="0.3">
      <c r="A107812" s="13" t="s">
        <v>520</v>
      </c>
      <c r="B107812" s="14" t="s">
        <v>1</v>
      </c>
      <c r="C107812" s="14" t="s">
        <v>59</v>
      </c>
      <c r="D107812" s="14" t="s">
        <v>406</v>
      </c>
      <c r="E107812" s="15">
        <v>45513</v>
      </c>
      <c r="F107812" s="14" t="s">
        <v>15</v>
      </c>
      <c r="G107812" s="16">
        <v>9.5478254922809577E-2</v>
      </c>
    </row>
    <row r="107813" spans="1:7" x14ac:dyDescent="0.3">
      <c r="A107813" s="13" t="s">
        <v>520</v>
      </c>
      <c r="B107813" s="14" t="s">
        <v>1</v>
      </c>
      <c r="C107813" s="14" t="s">
        <v>59</v>
      </c>
      <c r="D107813" s="14" t="s">
        <v>406</v>
      </c>
      <c r="E107813" s="15">
        <v>45514</v>
      </c>
      <c r="F107813" s="14" t="s">
        <v>15</v>
      </c>
      <c r="G107813" s="16">
        <v>9.5478254922809577E-2</v>
      </c>
    </row>
    <row r="107814" spans="1:7" x14ac:dyDescent="0.3">
      <c r="A107814" s="13" t="s">
        <v>520</v>
      </c>
      <c r="B107814" s="14" t="s">
        <v>1</v>
      </c>
      <c r="C107814" s="14" t="s">
        <v>59</v>
      </c>
      <c r="D107814" s="14" t="s">
        <v>406</v>
      </c>
      <c r="E107814" s="15">
        <v>45515</v>
      </c>
      <c r="F107814" s="14" t="s">
        <v>15</v>
      </c>
      <c r="G107814" s="16">
        <v>9.5478254922809577E-2</v>
      </c>
    </row>
    <row r="107815" spans="1:7" x14ac:dyDescent="0.3">
      <c r="A107815" s="13" t="s">
        <v>520</v>
      </c>
      <c r="B107815" s="14" t="s">
        <v>1</v>
      </c>
      <c r="C107815" s="14" t="s">
        <v>59</v>
      </c>
      <c r="D107815" s="14" t="s">
        <v>406</v>
      </c>
      <c r="E107815" s="15">
        <v>45516</v>
      </c>
      <c r="F107815" s="14" t="s">
        <v>15</v>
      </c>
      <c r="G107815" s="16">
        <v>9.2845783705863535E-2</v>
      </c>
    </row>
    <row r="107816" spans="1:7" x14ac:dyDescent="0.3">
      <c r="A107816" s="13" t="s">
        <v>520</v>
      </c>
      <c r="B107816" s="14" t="s">
        <v>1</v>
      </c>
      <c r="C107816" s="14" t="s">
        <v>59</v>
      </c>
      <c r="D107816" s="14" t="s">
        <v>406</v>
      </c>
      <c r="E107816" s="15">
        <v>45517</v>
      </c>
      <c r="F107816" s="14" t="s">
        <v>15</v>
      </c>
      <c r="G107816" s="16">
        <v>8.4907262039102704E-2</v>
      </c>
    </row>
    <row r="107817" spans="1:7" x14ac:dyDescent="0.3">
      <c r="A107817" s="13" t="s">
        <v>520</v>
      </c>
      <c r="B107817" s="14" t="s">
        <v>1</v>
      </c>
      <c r="C107817" s="14" t="s">
        <v>59</v>
      </c>
      <c r="D107817" s="14" t="s">
        <v>406</v>
      </c>
      <c r="E107817" s="15">
        <v>45518</v>
      </c>
      <c r="F107817" s="14" t="s">
        <v>15</v>
      </c>
      <c r="G107817" s="16">
        <v>8.225891500631613E-2</v>
      </c>
    </row>
    <row r="107818" spans="1:7" x14ac:dyDescent="0.3">
      <c r="A107818" s="13" t="s">
        <v>520</v>
      </c>
      <c r="B107818" s="14" t="s">
        <v>1</v>
      </c>
      <c r="C107818" s="14" t="s">
        <v>59</v>
      </c>
      <c r="D107818" s="14" t="s">
        <v>406</v>
      </c>
      <c r="E107818" s="15">
        <v>45519</v>
      </c>
      <c r="F107818" s="14" t="s">
        <v>15</v>
      </c>
      <c r="G107818" s="16">
        <v>7.9718170725337628E-2</v>
      </c>
    </row>
    <row r="107819" spans="1:7" x14ac:dyDescent="0.3">
      <c r="A107819" s="13" t="s">
        <v>520</v>
      </c>
      <c r="B107819" s="14" t="s">
        <v>1</v>
      </c>
      <c r="C107819" s="14" t="s">
        <v>59</v>
      </c>
      <c r="D107819" s="14" t="s">
        <v>406</v>
      </c>
      <c r="E107819" s="15">
        <v>45520</v>
      </c>
      <c r="F107819" s="14" t="s">
        <v>15</v>
      </c>
      <c r="G107819" s="16">
        <v>7.7036308081332147E-2</v>
      </c>
    </row>
    <row r="107820" spans="1:7" x14ac:dyDescent="0.3">
      <c r="A107820" s="13" t="s">
        <v>520</v>
      </c>
      <c r="B107820" s="14" t="s">
        <v>1</v>
      </c>
      <c r="C107820" s="14" t="s">
        <v>59</v>
      </c>
      <c r="D107820" s="14" t="s">
        <v>406</v>
      </c>
      <c r="E107820" s="15">
        <v>45521</v>
      </c>
      <c r="F107820" s="14" t="s">
        <v>15</v>
      </c>
      <c r="G107820" s="16">
        <v>7.7036308081332147E-2</v>
      </c>
    </row>
    <row r="107821" spans="1:7" x14ac:dyDescent="0.3">
      <c r="A107821" s="13" t="s">
        <v>520</v>
      </c>
      <c r="B107821" s="14" t="s">
        <v>1</v>
      </c>
      <c r="C107821" s="14" t="s">
        <v>59</v>
      </c>
      <c r="D107821" s="14" t="s">
        <v>406</v>
      </c>
      <c r="E107821" s="15">
        <v>45522</v>
      </c>
      <c r="F107821" s="14" t="s">
        <v>15</v>
      </c>
      <c r="G107821" s="16">
        <v>7.7036308081332147E-2</v>
      </c>
    </row>
    <row r="107822" spans="1:7" x14ac:dyDescent="0.3">
      <c r="A107822" s="13" t="s">
        <v>520</v>
      </c>
      <c r="B107822" s="14" t="s">
        <v>1</v>
      </c>
      <c r="C107822" s="14" t="s">
        <v>59</v>
      </c>
      <c r="D107822" s="14" t="s">
        <v>406</v>
      </c>
      <c r="E107822" s="15">
        <v>45523</v>
      </c>
      <c r="F107822" s="14" t="s">
        <v>15</v>
      </c>
      <c r="G107822" s="16">
        <v>7.4338569621486106E-2</v>
      </c>
    </row>
    <row r="107823" spans="1:7" x14ac:dyDescent="0.3">
      <c r="A107823" s="13" t="s">
        <v>520</v>
      </c>
      <c r="B107823" s="14" t="s">
        <v>1</v>
      </c>
      <c r="C107823" s="14" t="s">
        <v>59</v>
      </c>
      <c r="D107823" s="14" t="s">
        <v>406</v>
      </c>
      <c r="E107823" s="15">
        <v>45524</v>
      </c>
      <c r="F107823" s="14" t="s">
        <v>15</v>
      </c>
      <c r="G107823" s="16">
        <v>6.6218358062328037E-2</v>
      </c>
    </row>
    <row r="107824" spans="1:7" x14ac:dyDescent="0.3">
      <c r="A107824" s="13" t="s">
        <v>520</v>
      </c>
      <c r="B107824" s="14" t="s">
        <v>1</v>
      </c>
      <c r="C107824" s="14" t="s">
        <v>59</v>
      </c>
      <c r="D107824" s="14" t="s">
        <v>406</v>
      </c>
      <c r="E107824" s="15">
        <v>45525</v>
      </c>
      <c r="F107824" s="14" t="s">
        <v>15</v>
      </c>
      <c r="G107824" s="16">
        <v>6.3502979807103635E-2</v>
      </c>
    </row>
    <row r="107825" spans="1:7" x14ac:dyDescent="0.3">
      <c r="A107825" s="13" t="s">
        <v>520</v>
      </c>
      <c r="B107825" s="14" t="s">
        <v>1</v>
      </c>
      <c r="C107825" s="14" t="s">
        <v>59</v>
      </c>
      <c r="D107825" s="14" t="s">
        <v>406</v>
      </c>
      <c r="E107825" s="15">
        <v>45526</v>
      </c>
      <c r="F107825" s="14" t="s">
        <v>15</v>
      </c>
      <c r="G107825" s="16">
        <v>8.8041085411466477E-2</v>
      </c>
    </row>
    <row r="107826" spans="1:7" x14ac:dyDescent="0.3">
      <c r="A107826" s="13" t="s">
        <v>520</v>
      </c>
      <c r="B107826" s="14" t="s">
        <v>1</v>
      </c>
      <c r="C107826" s="14" t="s">
        <v>59</v>
      </c>
      <c r="D107826" s="14" t="s">
        <v>406</v>
      </c>
      <c r="E107826" s="15">
        <v>45527</v>
      </c>
      <c r="F107826" s="14" t="s">
        <v>15</v>
      </c>
      <c r="G107826" s="16">
        <v>8.5313359299477198E-2</v>
      </c>
    </row>
    <row r="107827" spans="1:7" x14ac:dyDescent="0.3">
      <c r="A107827" s="13" t="s">
        <v>520</v>
      </c>
      <c r="B107827" s="14" t="s">
        <v>1</v>
      </c>
      <c r="C107827" s="14" t="s">
        <v>59</v>
      </c>
      <c r="D107827" s="14" t="s">
        <v>406</v>
      </c>
      <c r="E107827" s="15">
        <v>45528</v>
      </c>
      <c r="F107827" s="14" t="s">
        <v>15</v>
      </c>
      <c r="G107827" s="16">
        <v>8.5313359299477198E-2</v>
      </c>
    </row>
    <row r="107828" spans="1:7" x14ac:dyDescent="0.3">
      <c r="A107828" s="13" t="s">
        <v>520</v>
      </c>
      <c r="B107828" s="14" t="s">
        <v>1</v>
      </c>
      <c r="C107828" s="14" t="s">
        <v>59</v>
      </c>
      <c r="D107828" s="14" t="s">
        <v>406</v>
      </c>
      <c r="E107828" s="15">
        <v>45529</v>
      </c>
      <c r="F107828" s="14" t="s">
        <v>15</v>
      </c>
      <c r="G107828" s="16">
        <v>8.5313359299477198E-2</v>
      </c>
    </row>
    <row r="107829" spans="1:7" x14ac:dyDescent="0.3">
      <c r="A107829" s="13" t="s">
        <v>520</v>
      </c>
      <c r="B107829" s="14" t="s">
        <v>1</v>
      </c>
      <c r="C107829" s="14" t="s">
        <v>59</v>
      </c>
      <c r="D107829" s="14" t="s">
        <v>406</v>
      </c>
      <c r="E107829" s="15">
        <v>45530</v>
      </c>
      <c r="F107829" s="14" t="s">
        <v>15</v>
      </c>
      <c r="G107829" s="16">
        <v>8.9032978398283488E-2</v>
      </c>
    </row>
    <row r="107830" spans="1:7" x14ac:dyDescent="0.3">
      <c r="A107830" s="13" t="s">
        <v>520</v>
      </c>
      <c r="B107830" s="14" t="s">
        <v>1</v>
      </c>
      <c r="C107830" s="14" t="s">
        <v>59</v>
      </c>
      <c r="D107830" s="14" t="s">
        <v>406</v>
      </c>
      <c r="E107830" s="15">
        <v>45531</v>
      </c>
      <c r="F107830" s="14" t="s">
        <v>15</v>
      </c>
      <c r="G107830" s="16">
        <v>8.0816988901704634E-2</v>
      </c>
    </row>
    <row r="107831" spans="1:7" x14ac:dyDescent="0.3">
      <c r="A107831" s="13" t="s">
        <v>520</v>
      </c>
      <c r="B107831" s="14" t="s">
        <v>1</v>
      </c>
      <c r="C107831" s="14" t="s">
        <v>59</v>
      </c>
      <c r="D107831" s="14" t="s">
        <v>406</v>
      </c>
      <c r="E107831" s="15">
        <v>45532</v>
      </c>
      <c r="F107831" s="14" t="s">
        <v>15</v>
      </c>
      <c r="G107831" s="16">
        <v>7.8092045587972142E-2</v>
      </c>
    </row>
    <row r="107832" spans="1:7" x14ac:dyDescent="0.3">
      <c r="A107832" s="13" t="s">
        <v>520</v>
      </c>
      <c r="B107832" s="14" t="s">
        <v>1</v>
      </c>
      <c r="C107832" s="14" t="s">
        <v>59</v>
      </c>
      <c r="D107832" s="14" t="s">
        <v>406</v>
      </c>
      <c r="E107832" s="15">
        <v>45533</v>
      </c>
      <c r="F107832" s="14" t="s">
        <v>15</v>
      </c>
      <c r="G107832" s="16">
        <v>7.5363332245964434E-2</v>
      </c>
    </row>
    <row r="107833" spans="1:7" x14ac:dyDescent="0.3">
      <c r="A107833" s="13" t="s">
        <v>520</v>
      </c>
      <c r="B107833" s="14" t="s">
        <v>1</v>
      </c>
      <c r="C107833" s="14" t="s">
        <v>59</v>
      </c>
      <c r="D107833" s="14" t="s">
        <v>406</v>
      </c>
      <c r="E107833" s="15">
        <v>45534</v>
      </c>
      <c r="F107833" s="14" t="s">
        <v>15</v>
      </c>
      <c r="G107833" s="16">
        <v>7.2638388932231956E-2</v>
      </c>
    </row>
    <row r="107834" spans="1:7" x14ac:dyDescent="0.3">
      <c r="A107834" s="13" t="s">
        <v>520</v>
      </c>
      <c r="B107834" s="14" t="s">
        <v>1</v>
      </c>
      <c r="C107834" s="14" t="s">
        <v>59</v>
      </c>
      <c r="D107834" s="14" t="s">
        <v>406</v>
      </c>
      <c r="E107834" s="15">
        <v>45535</v>
      </c>
      <c r="F107834" s="14" t="s">
        <v>15</v>
      </c>
      <c r="G107834" s="16">
        <v>7.2638388932231956E-2</v>
      </c>
    </row>
    <row r="107835" spans="1:7" x14ac:dyDescent="0.3">
      <c r="A107835" s="13" t="s">
        <v>520</v>
      </c>
      <c r="B107835" s="14" t="s">
        <v>1</v>
      </c>
      <c r="C107835" s="14" t="s">
        <v>59</v>
      </c>
      <c r="D107835" s="14" t="s">
        <v>406</v>
      </c>
      <c r="E107835" s="15">
        <v>45536</v>
      </c>
      <c r="F107835" s="14" t="s">
        <v>15</v>
      </c>
      <c r="G107835" s="16">
        <v>7.2638388932231956E-2</v>
      </c>
    </row>
    <row r="107836" spans="1:7" x14ac:dyDescent="0.3">
      <c r="A107836" s="13" t="s">
        <v>520</v>
      </c>
      <c r="B107836" s="14" t="s">
        <v>1</v>
      </c>
      <c r="C107836" s="14" t="s">
        <v>59</v>
      </c>
      <c r="D107836" s="14" t="s">
        <v>406</v>
      </c>
      <c r="E107836" s="15">
        <v>45537</v>
      </c>
      <c r="F107836" s="14" t="s">
        <v>15</v>
      </c>
      <c r="G107836" s="16">
        <v>6.9904020547811432E-2</v>
      </c>
    </row>
    <row r="107837" spans="1:7" x14ac:dyDescent="0.3">
      <c r="A107837" s="13" t="s">
        <v>520</v>
      </c>
      <c r="B107837" s="14" t="s">
        <v>1</v>
      </c>
      <c r="C107837" s="14" t="s">
        <v>59</v>
      </c>
      <c r="D107837" s="14" t="s">
        <v>406</v>
      </c>
      <c r="E107837" s="15">
        <v>45538</v>
      </c>
      <c r="F107837" s="14" t="s">
        <v>15</v>
      </c>
      <c r="G107837" s="16">
        <v>6.5904807677057253E-2</v>
      </c>
    </row>
    <row r="107838" spans="1:7" x14ac:dyDescent="0.3">
      <c r="A107838" s="13" t="s">
        <v>520</v>
      </c>
      <c r="B107838" s="14" t="s">
        <v>1</v>
      </c>
      <c r="C107838" s="14" t="s">
        <v>59</v>
      </c>
      <c r="D107838" s="14" t="s">
        <v>406</v>
      </c>
      <c r="E107838" s="15">
        <v>45539</v>
      </c>
      <c r="F107838" s="14" t="s">
        <v>15</v>
      </c>
      <c r="G107838" s="16">
        <v>6.3170439292636729E-2</v>
      </c>
    </row>
    <row r="107839" spans="1:7" x14ac:dyDescent="0.3">
      <c r="A107839" s="13" t="s">
        <v>520</v>
      </c>
      <c r="B107839" s="14" t="s">
        <v>1</v>
      </c>
      <c r="C107839" s="14" t="s">
        <v>59</v>
      </c>
      <c r="D107839" s="14" t="s">
        <v>406</v>
      </c>
      <c r="E107839" s="15">
        <v>45540</v>
      </c>
      <c r="F107839" s="14" t="s">
        <v>15</v>
      </c>
      <c r="G107839" s="16">
        <v>6.0451151021317061E-2</v>
      </c>
    </row>
    <row r="107840" spans="1:7" x14ac:dyDescent="0.3">
      <c r="A107840" s="13" t="s">
        <v>520</v>
      </c>
      <c r="B107840" s="14" t="s">
        <v>1</v>
      </c>
      <c r="C107840" s="14" t="s">
        <v>59</v>
      </c>
      <c r="D107840" s="14" t="s">
        <v>406</v>
      </c>
      <c r="E107840" s="15">
        <v>45541</v>
      </c>
      <c r="F107840" s="14" t="s">
        <v>15</v>
      </c>
      <c r="G107840" s="16">
        <v>5.7745057848960626E-2</v>
      </c>
    </row>
    <row r="107841" spans="1:7" x14ac:dyDescent="0.3">
      <c r="A107841" s="13" t="s">
        <v>520</v>
      </c>
      <c r="B107841" s="14" t="s">
        <v>1</v>
      </c>
      <c r="C107841" s="14" t="s">
        <v>59</v>
      </c>
      <c r="D107841" s="14" t="s">
        <v>406</v>
      </c>
      <c r="E107841" s="15">
        <v>45542</v>
      </c>
      <c r="F107841" s="14" t="s">
        <v>15</v>
      </c>
      <c r="G107841" s="16">
        <v>5.7745057848960626E-2</v>
      </c>
    </row>
    <row r="107842" spans="1:7" x14ac:dyDescent="0.3">
      <c r="A107842" s="13" t="s">
        <v>520</v>
      </c>
      <c r="B107842" s="14" t="s">
        <v>1</v>
      </c>
      <c r="C107842" s="14" t="s">
        <v>59</v>
      </c>
      <c r="D107842" s="14" t="s">
        <v>406</v>
      </c>
      <c r="E107842" s="15">
        <v>45543</v>
      </c>
      <c r="F107842" s="14" t="s">
        <v>15</v>
      </c>
      <c r="G107842" s="16">
        <v>5.7745057848960626E-2</v>
      </c>
    </row>
    <row r="107843" spans="1:7" x14ac:dyDescent="0.3">
      <c r="A107843" s="13" t="s">
        <v>520</v>
      </c>
      <c r="B107843" s="14" t="s">
        <v>1</v>
      </c>
      <c r="C107843" s="14" t="s">
        <v>59</v>
      </c>
      <c r="D107843" s="14" t="s">
        <v>406</v>
      </c>
      <c r="E107843" s="15">
        <v>45544</v>
      </c>
      <c r="F107843" s="14" t="s">
        <v>15</v>
      </c>
      <c r="G107843" s="16">
        <v>5.5046504733154623E-2</v>
      </c>
    </row>
    <row r="107844" spans="1:7" x14ac:dyDescent="0.3">
      <c r="A107844" s="13" t="s">
        <v>520</v>
      </c>
      <c r="B107844" s="14" t="s">
        <v>1</v>
      </c>
      <c r="C107844" s="14" t="s">
        <v>59</v>
      </c>
      <c r="D107844" s="14" t="s">
        <v>406</v>
      </c>
      <c r="E107844" s="15">
        <v>45545</v>
      </c>
      <c r="F107844" s="14" t="s">
        <v>15</v>
      </c>
      <c r="G107844" s="16">
        <v>4.6983201381721837E-2</v>
      </c>
    </row>
    <row r="107845" spans="1:7" x14ac:dyDescent="0.3">
      <c r="A107845" s="13" t="s">
        <v>520</v>
      </c>
      <c r="B107845" s="14" t="s">
        <v>1</v>
      </c>
      <c r="C107845" s="14" t="s">
        <v>59</v>
      </c>
      <c r="D107845" s="14" t="s">
        <v>406</v>
      </c>
      <c r="E107845" s="15">
        <v>45546</v>
      </c>
      <c r="F107845" s="14" t="s">
        <v>15</v>
      </c>
      <c r="G107845" s="16">
        <v>4.4294073336603866E-2</v>
      </c>
    </row>
    <row r="107846" spans="1:7" x14ac:dyDescent="0.3">
      <c r="A107846" s="13" t="s">
        <v>520</v>
      </c>
      <c r="B107846" s="14" t="s">
        <v>1</v>
      </c>
      <c r="C107846" s="14" t="s">
        <v>59</v>
      </c>
      <c r="D107846" s="14" t="s">
        <v>406</v>
      </c>
      <c r="E107846" s="15">
        <v>45547</v>
      </c>
      <c r="F107846" s="14" t="s">
        <v>15</v>
      </c>
      <c r="G107846" s="16">
        <v>4.1593635206660248E-2</v>
      </c>
    </row>
    <row r="107847" spans="1:7" x14ac:dyDescent="0.3">
      <c r="A107847" s="13" t="s">
        <v>520</v>
      </c>
      <c r="B107847" s="14" t="s">
        <v>1</v>
      </c>
      <c r="C107847" s="14" t="s">
        <v>59</v>
      </c>
      <c r="D107847" s="14" t="s">
        <v>406</v>
      </c>
      <c r="E107847" s="15">
        <v>45548</v>
      </c>
      <c r="F107847" s="14" t="s">
        <v>15</v>
      </c>
      <c r="G107847" s="16">
        <v>8.8116571252022949E-2</v>
      </c>
    </row>
    <row r="107848" spans="1:7" x14ac:dyDescent="0.3">
      <c r="A107848" s="13" t="s">
        <v>520</v>
      </c>
      <c r="B107848" s="14" t="s">
        <v>1</v>
      </c>
      <c r="C107848" s="14" t="s">
        <v>59</v>
      </c>
      <c r="D107848" s="14" t="s">
        <v>406</v>
      </c>
      <c r="E107848" s="15">
        <v>45549</v>
      </c>
      <c r="F107848" s="14" t="s">
        <v>15</v>
      </c>
      <c r="G107848" s="16">
        <v>8.8116571252022949E-2</v>
      </c>
    </row>
    <row r="107849" spans="1:7" x14ac:dyDescent="0.3">
      <c r="A107849" s="13" t="s">
        <v>520</v>
      </c>
      <c r="B107849" s="14" t="s">
        <v>1</v>
      </c>
      <c r="C107849" s="14" t="s">
        <v>59</v>
      </c>
      <c r="D107849" s="14" t="s">
        <v>406</v>
      </c>
      <c r="E107849" s="15">
        <v>45550</v>
      </c>
      <c r="F107849" s="14" t="s">
        <v>15</v>
      </c>
      <c r="G107849" s="16">
        <v>8.8116571252022949E-2</v>
      </c>
    </row>
    <row r="107850" spans="1:7" x14ac:dyDescent="0.3">
      <c r="A107850" s="13" t="s">
        <v>520</v>
      </c>
      <c r="B107850" s="14" t="s">
        <v>1</v>
      </c>
      <c r="C107850" s="14" t="s">
        <v>59</v>
      </c>
      <c r="D107850" s="14" t="s">
        <v>406</v>
      </c>
      <c r="E107850" s="15">
        <v>45551</v>
      </c>
      <c r="F107850" s="14" t="s">
        <v>15</v>
      </c>
      <c r="G107850" s="16">
        <v>8.5393512952428058E-2</v>
      </c>
    </row>
    <row r="107851" spans="1:7" x14ac:dyDescent="0.3">
      <c r="A107851" s="13" t="s">
        <v>520</v>
      </c>
      <c r="B107851" s="14" t="s">
        <v>1</v>
      </c>
      <c r="C107851" s="14" t="s">
        <v>59</v>
      </c>
      <c r="D107851" s="14" t="s">
        <v>406</v>
      </c>
      <c r="E107851" s="15">
        <v>45552</v>
      </c>
      <c r="F107851" s="14" t="s">
        <v>15</v>
      </c>
      <c r="G107851" s="16">
        <v>7.7154903286197937E-2</v>
      </c>
    </row>
    <row r="107852" spans="1:7" x14ac:dyDescent="0.3">
      <c r="A107852" s="13" t="s">
        <v>520</v>
      </c>
      <c r="B107852" s="14" t="s">
        <v>1</v>
      </c>
      <c r="C107852" s="14" t="s">
        <v>59</v>
      </c>
      <c r="D107852" s="14" t="s">
        <v>406</v>
      </c>
      <c r="E107852" s="15">
        <v>45553</v>
      </c>
      <c r="F107852" s="14" t="s">
        <v>15</v>
      </c>
      <c r="G107852" s="16">
        <v>7.4412994845226982E-2</v>
      </c>
    </row>
    <row r="107853" spans="1:7" x14ac:dyDescent="0.3">
      <c r="A107853" s="13" t="s">
        <v>520</v>
      </c>
      <c r="B107853" s="14" t="s">
        <v>1</v>
      </c>
      <c r="C107853" s="14" t="s">
        <v>59</v>
      </c>
      <c r="D107853" s="14" t="s">
        <v>406</v>
      </c>
      <c r="E107853" s="15">
        <v>45554</v>
      </c>
      <c r="F107853" s="14" t="s">
        <v>15</v>
      </c>
      <c r="G107853" s="16">
        <v>7.1663546347705623E-2</v>
      </c>
    </row>
    <row r="107854" spans="1:7" x14ac:dyDescent="0.3">
      <c r="A107854" s="13" t="s">
        <v>520</v>
      </c>
      <c r="B107854" s="14" t="s">
        <v>1</v>
      </c>
      <c r="C107854" s="14" t="s">
        <v>59</v>
      </c>
      <c r="D107854" s="14" t="s">
        <v>406</v>
      </c>
      <c r="E107854" s="15">
        <v>45555</v>
      </c>
      <c r="F107854" s="14" t="s">
        <v>15</v>
      </c>
      <c r="G107854" s="16">
        <v>6.8921637906734667E-2</v>
      </c>
    </row>
    <row r="107855" spans="1:7" x14ac:dyDescent="0.3">
      <c r="A107855" s="13" t="s">
        <v>520</v>
      </c>
      <c r="B107855" s="14" t="s">
        <v>1</v>
      </c>
      <c r="C107855" s="14" t="s">
        <v>59</v>
      </c>
      <c r="D107855" s="14" t="s">
        <v>406</v>
      </c>
      <c r="E107855" s="15">
        <v>45556</v>
      </c>
      <c r="F107855" s="14" t="s">
        <v>15</v>
      </c>
      <c r="G107855" s="16">
        <v>6.8921637906734667E-2</v>
      </c>
    </row>
    <row r="107856" spans="1:7" x14ac:dyDescent="0.3">
      <c r="A107856" s="13" t="s">
        <v>520</v>
      </c>
      <c r="B107856" s="14" t="s">
        <v>1</v>
      </c>
      <c r="C107856" s="14" t="s">
        <v>59</v>
      </c>
      <c r="D107856" s="14" t="s">
        <v>406</v>
      </c>
      <c r="E107856" s="15">
        <v>45557</v>
      </c>
      <c r="F107856" s="14" t="s">
        <v>15</v>
      </c>
      <c r="G107856" s="16">
        <v>6.8921637906734667E-2</v>
      </c>
    </row>
    <row r="107857" spans="1:7" x14ac:dyDescent="0.3">
      <c r="A107857" s="13" t="s">
        <v>520</v>
      </c>
      <c r="B107857" s="14" t="s">
        <v>1</v>
      </c>
      <c r="C107857" s="14" t="s">
        <v>59</v>
      </c>
      <c r="D107857" s="14" t="s">
        <v>406</v>
      </c>
      <c r="E107857" s="15">
        <v>45558</v>
      </c>
      <c r="F107857" s="14" t="s">
        <v>15</v>
      </c>
      <c r="G107857" s="16">
        <v>6.6158994310250047E-2</v>
      </c>
    </row>
    <row r="107858" spans="1:7" x14ac:dyDescent="0.3">
      <c r="A107858" s="13" t="s">
        <v>520</v>
      </c>
      <c r="B107858" s="14" t="s">
        <v>1</v>
      </c>
      <c r="C107858" s="14" t="s">
        <v>59</v>
      </c>
      <c r="D107858" s="14" t="s">
        <v>406</v>
      </c>
      <c r="E107858" s="15">
        <v>45559</v>
      </c>
      <c r="F107858" s="14" t="s">
        <v>15</v>
      </c>
      <c r="G107858" s="16">
        <v>5.7886454389543013E-2</v>
      </c>
    </row>
    <row r="107859" spans="1:7" x14ac:dyDescent="0.3">
      <c r="A107859" s="13" t="s">
        <v>520</v>
      </c>
      <c r="B107859" s="14" t="s">
        <v>1</v>
      </c>
      <c r="C107859" s="14" t="s">
        <v>59</v>
      </c>
      <c r="D107859" s="14" t="s">
        <v>406</v>
      </c>
      <c r="E107859" s="15">
        <v>45560</v>
      </c>
      <c r="F107859" s="14" t="s">
        <v>15</v>
      </c>
      <c r="G107859" s="16">
        <v>5.5123810793058392E-2</v>
      </c>
    </row>
    <row r="107860" spans="1:7" x14ac:dyDescent="0.3">
      <c r="A107860" s="13" t="s">
        <v>520</v>
      </c>
      <c r="B107860" s="14" t="s">
        <v>1</v>
      </c>
      <c r="C107860" s="14" t="s">
        <v>59</v>
      </c>
      <c r="D107860" s="14" t="s">
        <v>406</v>
      </c>
      <c r="E107860" s="15">
        <v>45561</v>
      </c>
      <c r="F107860" s="14" t="s">
        <v>15</v>
      </c>
      <c r="G107860" s="16">
        <v>5.3633551739457844E-2</v>
      </c>
    </row>
    <row r="107861" spans="1:7" x14ac:dyDescent="0.3">
      <c r="A107861" s="13" t="s">
        <v>520</v>
      </c>
      <c r="B107861" s="14" t="s">
        <v>1</v>
      </c>
      <c r="C107861" s="14" t="s">
        <v>59</v>
      </c>
      <c r="D107861" s="14" t="s">
        <v>406</v>
      </c>
      <c r="E107861" s="15">
        <v>45562</v>
      </c>
      <c r="F107861" s="14" t="s">
        <v>15</v>
      </c>
      <c r="G107861" s="16">
        <v>5.0976468934679164E-2</v>
      </c>
    </row>
    <row r="107862" spans="1:7" x14ac:dyDescent="0.3">
      <c r="A107862" s="13" t="s">
        <v>520</v>
      </c>
      <c r="B107862" s="14" t="s">
        <v>1</v>
      </c>
      <c r="C107862" s="14" t="s">
        <v>59</v>
      </c>
      <c r="D107862" s="14" t="s">
        <v>406</v>
      </c>
      <c r="E107862" s="15">
        <v>45563</v>
      </c>
      <c r="F107862" s="14" t="s">
        <v>15</v>
      </c>
      <c r="G107862" s="16">
        <v>5.0976468934679164E-2</v>
      </c>
    </row>
    <row r="107863" spans="1:7" x14ac:dyDescent="0.3">
      <c r="A107863" s="13" t="s">
        <v>520</v>
      </c>
      <c r="B107863" s="14" t="s">
        <v>1</v>
      </c>
      <c r="C107863" s="14" t="s">
        <v>59</v>
      </c>
      <c r="D107863" s="14" t="s">
        <v>406</v>
      </c>
      <c r="E107863" s="15">
        <v>45564</v>
      </c>
      <c r="F107863" s="14" t="s">
        <v>15</v>
      </c>
      <c r="G107863" s="16">
        <v>5.0976468934679164E-2</v>
      </c>
    </row>
    <row r="107864" spans="1:7" x14ac:dyDescent="0.3">
      <c r="A107864" s="13" t="s">
        <v>520</v>
      </c>
      <c r="B107864" s="14" t="s">
        <v>1</v>
      </c>
      <c r="C107864" s="14" t="s">
        <v>59</v>
      </c>
      <c r="D107864" s="14" t="s">
        <v>406</v>
      </c>
      <c r="E107864" s="15">
        <v>45565</v>
      </c>
      <c r="F107864" s="14" t="s">
        <v>15</v>
      </c>
      <c r="G107864" s="16">
        <v>4.8206285281644133E-2</v>
      </c>
    </row>
    <row r="107865" spans="1:7" x14ac:dyDescent="0.3">
      <c r="A107865" s="13" t="s">
        <v>520</v>
      </c>
      <c r="B107865" s="14" t="s">
        <v>1</v>
      </c>
      <c r="C107865" s="14" t="s">
        <v>59</v>
      </c>
      <c r="D107865" s="14" t="s">
        <v>406</v>
      </c>
      <c r="E107865" s="15">
        <v>45566</v>
      </c>
      <c r="F107865" s="14" t="s">
        <v>15</v>
      </c>
      <c r="G107865" s="16">
        <v>3.9862114823708064E-2</v>
      </c>
    </row>
    <row r="107866" spans="1:7" x14ac:dyDescent="0.3">
      <c r="A107866" s="13" t="s">
        <v>520</v>
      </c>
      <c r="B107866" s="14" t="s">
        <v>1</v>
      </c>
      <c r="C107866" s="14" t="s">
        <v>59</v>
      </c>
      <c r="D107866" s="14" t="s">
        <v>406</v>
      </c>
      <c r="E107866" s="15">
        <v>45567</v>
      </c>
      <c r="F107866" s="14" t="s">
        <v>15</v>
      </c>
      <c r="G107866" s="16">
        <v>4.1893062179155595E-2</v>
      </c>
    </row>
    <row r="107867" spans="1:7" x14ac:dyDescent="0.3">
      <c r="A107867" s="13" t="s">
        <v>520</v>
      </c>
      <c r="B107867" s="14" t="s">
        <v>1</v>
      </c>
      <c r="C107867" s="14" t="s">
        <v>59</v>
      </c>
      <c r="D107867" s="14" t="s">
        <v>406</v>
      </c>
      <c r="E107867" s="15">
        <v>45568</v>
      </c>
      <c r="F107867" s="14" t="s">
        <v>15</v>
      </c>
      <c r="G107867" s="16">
        <v>3.9130418582670981E-2</v>
      </c>
    </row>
    <row r="107868" spans="1:7" x14ac:dyDescent="0.3">
      <c r="A107868" s="13" t="s">
        <v>520</v>
      </c>
      <c r="B107868" s="14" t="s">
        <v>1</v>
      </c>
      <c r="C107868" s="14" t="s">
        <v>59</v>
      </c>
      <c r="D107868" s="14" t="s">
        <v>406</v>
      </c>
      <c r="E107868" s="15">
        <v>45569</v>
      </c>
      <c r="F107868" s="14" t="s">
        <v>15</v>
      </c>
      <c r="G107868" s="16">
        <v>3.6365889972048766E-2</v>
      </c>
    </row>
    <row r="107869" spans="1:7" x14ac:dyDescent="0.3">
      <c r="A107869" s="13" t="s">
        <v>520</v>
      </c>
      <c r="B107869" s="14" t="s">
        <v>1</v>
      </c>
      <c r="C107869" s="14" t="s">
        <v>59</v>
      </c>
      <c r="D107869" s="14" t="s">
        <v>406</v>
      </c>
      <c r="E107869" s="15">
        <v>45570</v>
      </c>
      <c r="F107869" s="14" t="s">
        <v>15</v>
      </c>
      <c r="G107869" s="16">
        <v>3.6365889972048766E-2</v>
      </c>
    </row>
    <row r="107870" spans="1:7" x14ac:dyDescent="0.3">
      <c r="A107870" s="13" t="s">
        <v>520</v>
      </c>
      <c r="B107870" s="14" t="s">
        <v>1</v>
      </c>
      <c r="C107870" s="14" t="s">
        <v>59</v>
      </c>
      <c r="D107870" s="14" t="s">
        <v>406</v>
      </c>
      <c r="E107870" s="15">
        <v>45571</v>
      </c>
      <c r="F107870" s="14" t="s">
        <v>15</v>
      </c>
      <c r="G107870" s="16">
        <v>3.6365889972048766E-2</v>
      </c>
    </row>
    <row r="107871" spans="1:7" x14ac:dyDescent="0.3">
      <c r="A107871" s="13" t="s">
        <v>520</v>
      </c>
      <c r="B107871" s="14" t="s">
        <v>1</v>
      </c>
      <c r="C107871" s="14" t="s">
        <v>59</v>
      </c>
      <c r="D107871" s="14" t="s">
        <v>406</v>
      </c>
      <c r="E107871" s="15">
        <v>45572</v>
      </c>
      <c r="F107871" s="14" t="s">
        <v>15</v>
      </c>
      <c r="G107871" s="16">
        <v>3.3607016403839361E-2</v>
      </c>
    </row>
    <row r="107872" spans="1:7" x14ac:dyDescent="0.3">
      <c r="A107872" s="13" t="s">
        <v>520</v>
      </c>
      <c r="B107872" s="14" t="s">
        <v>1</v>
      </c>
      <c r="C107872" s="14" t="s">
        <v>59</v>
      </c>
      <c r="D107872" s="14" t="s">
        <v>406</v>
      </c>
      <c r="E107872" s="15">
        <v>45573</v>
      </c>
      <c r="F107872" s="14" t="s">
        <v>15</v>
      </c>
      <c r="G107872" s="16">
        <v>2.5334476483132317E-2</v>
      </c>
    </row>
    <row r="107873" spans="1:7" x14ac:dyDescent="0.3">
      <c r="A107873" s="13" t="s">
        <v>520</v>
      </c>
      <c r="B107873" s="14" t="s">
        <v>1</v>
      </c>
      <c r="C107873" s="14" t="s">
        <v>59</v>
      </c>
      <c r="D107873" s="14" t="s">
        <v>406</v>
      </c>
      <c r="E107873" s="15">
        <v>45574</v>
      </c>
      <c r="F107873" s="14" t="s">
        <v>15</v>
      </c>
      <c r="G107873" s="16">
        <v>3.7203312622745725E-2</v>
      </c>
    </row>
    <row r="107874" spans="1:7" x14ac:dyDescent="0.3">
      <c r="A107874" s="13" t="s">
        <v>520</v>
      </c>
      <c r="B107874" s="14" t="s">
        <v>1</v>
      </c>
      <c r="C107874" s="14" t="s">
        <v>59</v>
      </c>
      <c r="D107874" s="14" t="s">
        <v>406</v>
      </c>
      <c r="E107874" s="15">
        <v>45575</v>
      </c>
      <c r="F107874" s="14" t="s">
        <v>15</v>
      </c>
      <c r="G107874" s="16">
        <v>3.4446324068673935E-2</v>
      </c>
    </row>
    <row r="107875" spans="1:7" x14ac:dyDescent="0.3">
      <c r="A107875" s="13" t="s">
        <v>520</v>
      </c>
      <c r="B107875" s="14" t="s">
        <v>1</v>
      </c>
      <c r="C107875" s="14" t="s">
        <v>59</v>
      </c>
      <c r="D107875" s="14" t="s">
        <v>406</v>
      </c>
      <c r="E107875" s="15">
        <v>45576</v>
      </c>
      <c r="F107875" s="14" t="s">
        <v>15</v>
      </c>
      <c r="G107875" s="16">
        <v>3.1678025429776505E-2</v>
      </c>
    </row>
    <row r="107876" spans="1:7" x14ac:dyDescent="0.3">
      <c r="A107876" s="13" t="s">
        <v>520</v>
      </c>
      <c r="B107876" s="14" t="s">
        <v>1</v>
      </c>
      <c r="C107876" s="14" t="s">
        <v>59</v>
      </c>
      <c r="D107876" s="14" t="s">
        <v>406</v>
      </c>
      <c r="E107876" s="15">
        <v>45577</v>
      </c>
      <c r="F107876" s="14" t="s">
        <v>15</v>
      </c>
      <c r="G107876" s="16">
        <v>3.1678025429776505E-2</v>
      </c>
    </row>
    <row r="107877" spans="1:7" x14ac:dyDescent="0.3">
      <c r="A107877" s="13" t="s">
        <v>520</v>
      </c>
      <c r="B107877" s="14" t="s">
        <v>1</v>
      </c>
      <c r="C107877" s="14" t="s">
        <v>59</v>
      </c>
      <c r="D107877" s="14" t="s">
        <v>406</v>
      </c>
      <c r="E107877" s="15">
        <v>45578</v>
      </c>
      <c r="F107877" s="14" t="s">
        <v>15</v>
      </c>
      <c r="G107877" s="16">
        <v>3.1678025429776505E-2</v>
      </c>
    </row>
    <row r="107878" spans="1:7" x14ac:dyDescent="0.3">
      <c r="A107878" s="13" t="s">
        <v>520</v>
      </c>
      <c r="B107878" s="14" t="s">
        <v>1</v>
      </c>
      <c r="C107878" s="14" t="s">
        <v>59</v>
      </c>
      <c r="D107878" s="14" t="s">
        <v>406</v>
      </c>
      <c r="E107878" s="15">
        <v>45579</v>
      </c>
      <c r="F107878" s="14" t="s">
        <v>15</v>
      </c>
      <c r="G107878" s="16">
        <v>2.890784177674147E-2</v>
      </c>
    </row>
    <row r="107879" spans="1:7" x14ac:dyDescent="0.3">
      <c r="A107879" s="13" t="s">
        <v>520</v>
      </c>
      <c r="B107879" s="14" t="s">
        <v>1</v>
      </c>
      <c r="C107879" s="14" t="s">
        <v>59</v>
      </c>
      <c r="D107879" s="14" t="s">
        <v>406</v>
      </c>
      <c r="E107879" s="15">
        <v>45580</v>
      </c>
      <c r="F107879" s="14" t="s">
        <v>15</v>
      </c>
      <c r="G107879" s="16">
        <v>2.055613126225497E-2</v>
      </c>
    </row>
    <row r="107880" spans="1:7" x14ac:dyDescent="0.3">
      <c r="A107880" s="13" t="s">
        <v>520</v>
      </c>
      <c r="B107880" s="14" t="s">
        <v>1</v>
      </c>
      <c r="C107880" s="14" t="s">
        <v>59</v>
      </c>
      <c r="D107880" s="14" t="s">
        <v>406</v>
      </c>
      <c r="E107880" s="15">
        <v>45581</v>
      </c>
      <c r="F107880" s="14" t="s">
        <v>15</v>
      </c>
      <c r="G107880" s="16">
        <v>1.7770867496119086E-2</v>
      </c>
    </row>
    <row r="107881" spans="1:7" x14ac:dyDescent="0.3">
      <c r="A107881" s="13" t="s">
        <v>520</v>
      </c>
      <c r="B107881" s="14" t="s">
        <v>1</v>
      </c>
      <c r="C107881" s="14" t="s">
        <v>59</v>
      </c>
      <c r="D107881" s="14" t="s">
        <v>406</v>
      </c>
      <c r="E107881" s="15">
        <v>45582</v>
      </c>
      <c r="F107881" s="14" t="s">
        <v>15</v>
      </c>
      <c r="G107881" s="16">
        <v>1.4983718715845593E-2</v>
      </c>
    </row>
    <row r="107882" spans="1:7" x14ac:dyDescent="0.3">
      <c r="A107882" s="13" t="s">
        <v>520</v>
      </c>
      <c r="B107882" s="14" t="s">
        <v>1</v>
      </c>
      <c r="C107882" s="14" t="s">
        <v>59</v>
      </c>
      <c r="D107882" s="14" t="s">
        <v>406</v>
      </c>
      <c r="E107882" s="15">
        <v>45583</v>
      </c>
      <c r="F107882" s="14" t="s">
        <v>15</v>
      </c>
      <c r="G107882" s="16">
        <v>1.2198454949709708E-2</v>
      </c>
    </row>
    <row r="107883" spans="1:7" x14ac:dyDescent="0.3">
      <c r="A107883" s="13" t="s">
        <v>520</v>
      </c>
      <c r="B107883" s="14" t="s">
        <v>1</v>
      </c>
      <c r="C107883" s="14" t="s">
        <v>59</v>
      </c>
      <c r="D107883" s="14" t="s">
        <v>406</v>
      </c>
      <c r="E107883" s="15">
        <v>45584</v>
      </c>
      <c r="F107883" s="14" t="s">
        <v>15</v>
      </c>
      <c r="G107883" s="16">
        <v>1.2198454949709708E-2</v>
      </c>
    </row>
    <row r="107884" spans="1:7" x14ac:dyDescent="0.3">
      <c r="A107884" s="13" t="s">
        <v>520</v>
      </c>
      <c r="B107884" s="14" t="s">
        <v>1</v>
      </c>
      <c r="C107884" s="14" t="s">
        <v>59</v>
      </c>
      <c r="D107884" s="14" t="s">
        <v>406</v>
      </c>
      <c r="E107884" s="15">
        <v>45585</v>
      </c>
      <c r="F107884" s="14" t="s">
        <v>15</v>
      </c>
      <c r="G107884" s="16">
        <v>1.2198454949709708E-2</v>
      </c>
    </row>
    <row r="107885" spans="1:7" x14ac:dyDescent="0.3">
      <c r="A107885" s="13" t="s">
        <v>520</v>
      </c>
      <c r="B107885" s="14" t="s">
        <v>1</v>
      </c>
      <c r="C107885" s="14" t="s">
        <v>59</v>
      </c>
      <c r="D107885" s="14" t="s">
        <v>406</v>
      </c>
      <c r="E107885" s="15">
        <v>45586</v>
      </c>
      <c r="F107885" s="14" t="s">
        <v>15</v>
      </c>
      <c r="G107885" s="16">
        <v>9.4075361411610041E-3</v>
      </c>
    </row>
    <row r="107886" spans="1:7" x14ac:dyDescent="0.3">
      <c r="A107886" s="13" t="s">
        <v>520</v>
      </c>
      <c r="B107886" s="14" t="s">
        <v>1</v>
      </c>
      <c r="C107886" s="14" t="s">
        <v>59</v>
      </c>
      <c r="D107886" s="14" t="s">
        <v>406</v>
      </c>
      <c r="E107886" s="15">
        <v>45587</v>
      </c>
      <c r="F107886" s="14" t="s">
        <v>15</v>
      </c>
      <c r="G107886" s="16">
        <v>1.014355315647174E-3</v>
      </c>
    </row>
    <row r="107887" spans="1:7" x14ac:dyDescent="0.3">
      <c r="A107887" s="13" t="s">
        <v>520</v>
      </c>
      <c r="B107887" s="14" t="s">
        <v>1</v>
      </c>
      <c r="C107887" s="14" t="s">
        <v>59</v>
      </c>
      <c r="D107887" s="14" t="s">
        <v>406</v>
      </c>
      <c r="E107887" s="15">
        <v>45588</v>
      </c>
      <c r="F107887" s="14" t="s">
        <v>15</v>
      </c>
      <c r="G107887" s="16">
        <v>0</v>
      </c>
    </row>
    <row r="107888" spans="1:7" x14ac:dyDescent="0.3">
      <c r="A107888" s="13" t="s">
        <v>520</v>
      </c>
      <c r="B107888" s="14" t="s">
        <v>1</v>
      </c>
      <c r="C107888" s="14" t="s">
        <v>59</v>
      </c>
      <c r="D107888" s="14" t="s">
        <v>406</v>
      </c>
      <c r="E107888" s="15">
        <v>45589</v>
      </c>
      <c r="F107888" s="14" t="s">
        <v>15</v>
      </c>
      <c r="G107888" s="16">
        <v>0</v>
      </c>
    </row>
    <row r="107889" spans="1:7" x14ac:dyDescent="0.3">
      <c r="A107889" s="13" t="s">
        <v>520</v>
      </c>
      <c r="B107889" s="14" t="s">
        <v>1</v>
      </c>
      <c r="C107889" s="14" t="s">
        <v>59</v>
      </c>
      <c r="D107889" s="14" t="s">
        <v>406</v>
      </c>
      <c r="E107889" s="15">
        <v>45590</v>
      </c>
      <c r="F107889" s="14" t="s">
        <v>15</v>
      </c>
      <c r="G107889" s="16">
        <v>0</v>
      </c>
    </row>
    <row r="107890" spans="1:7" x14ac:dyDescent="0.3">
      <c r="A107890" s="13" t="s">
        <v>520</v>
      </c>
      <c r="B107890" s="14" t="s">
        <v>1</v>
      </c>
      <c r="C107890" s="14" t="s">
        <v>59</v>
      </c>
      <c r="D107890" s="14" t="s">
        <v>406</v>
      </c>
      <c r="E107890" s="15">
        <v>45591</v>
      </c>
      <c r="F107890" s="14" t="s">
        <v>15</v>
      </c>
      <c r="G107890" s="16">
        <v>0</v>
      </c>
    </row>
    <row r="107891" spans="1:7" x14ac:dyDescent="0.3">
      <c r="A107891" s="13" t="s">
        <v>520</v>
      </c>
      <c r="B107891" s="14" t="s">
        <v>1</v>
      </c>
      <c r="C107891" s="14" t="s">
        <v>59</v>
      </c>
      <c r="D107891" s="14" t="s">
        <v>406</v>
      </c>
      <c r="E107891" s="15">
        <v>45592</v>
      </c>
      <c r="F107891" s="14" t="s">
        <v>15</v>
      </c>
      <c r="G107891" s="16">
        <v>0</v>
      </c>
    </row>
    <row r="107892" spans="1:7" x14ac:dyDescent="0.3">
      <c r="A107892" s="13" t="s">
        <v>520</v>
      </c>
      <c r="B107892" s="14" t="s">
        <v>1</v>
      </c>
      <c r="C107892" s="14" t="s">
        <v>59</v>
      </c>
      <c r="D107892" s="14" t="s">
        <v>406</v>
      </c>
      <c r="E107892" s="15">
        <v>45593</v>
      </c>
      <c r="F107892" s="14" t="s">
        <v>15</v>
      </c>
      <c r="G107892" s="16">
        <v>0</v>
      </c>
    </row>
    <row r="107893" spans="1:7" x14ac:dyDescent="0.3">
      <c r="A107893" s="13" t="s">
        <v>520</v>
      </c>
      <c r="B107893" s="14" t="s">
        <v>1</v>
      </c>
      <c r="C107893" s="14" t="s">
        <v>59</v>
      </c>
      <c r="D107893" s="14" t="s">
        <v>406</v>
      </c>
      <c r="E107893" s="15">
        <v>45594</v>
      </c>
      <c r="F107893" s="14" t="s">
        <v>15</v>
      </c>
      <c r="G107893" s="16">
        <v>0</v>
      </c>
    </row>
    <row r="107894" spans="1:7" x14ac:dyDescent="0.3">
      <c r="A107894" s="13" t="s">
        <v>520</v>
      </c>
      <c r="B107894" s="14" t="s">
        <v>1</v>
      </c>
      <c r="C107894" s="14" t="s">
        <v>59</v>
      </c>
      <c r="D107894" s="14" t="s">
        <v>406</v>
      </c>
      <c r="E107894" s="15">
        <v>45595</v>
      </c>
      <c r="F107894" s="14" t="s">
        <v>15</v>
      </c>
      <c r="G107894" s="16">
        <v>0</v>
      </c>
    </row>
    <row r="107895" spans="1:7" x14ac:dyDescent="0.3">
      <c r="A107895" s="13" t="s">
        <v>520</v>
      </c>
      <c r="B107895" s="14" t="s">
        <v>1</v>
      </c>
      <c r="C107895" s="14" t="s">
        <v>59</v>
      </c>
      <c r="D107895" s="14" t="s">
        <v>406</v>
      </c>
      <c r="E107895" s="15">
        <v>45596</v>
      </c>
      <c r="F107895" s="14" t="s">
        <v>15</v>
      </c>
      <c r="G107895" s="16">
        <v>0</v>
      </c>
    </row>
    <row r="107896" spans="1:7" x14ac:dyDescent="0.3">
      <c r="A107896" s="13" t="s">
        <v>520</v>
      </c>
      <c r="B107896" s="14" t="s">
        <v>1</v>
      </c>
      <c r="C107896" s="14" t="s">
        <v>59</v>
      </c>
      <c r="D107896" s="14" t="s">
        <v>406</v>
      </c>
      <c r="E107896" s="15">
        <v>45597</v>
      </c>
      <c r="F107896" s="14" t="s">
        <v>15</v>
      </c>
      <c r="G107896" s="16">
        <v>0</v>
      </c>
    </row>
    <row r="107897" spans="1:7" x14ac:dyDescent="0.3">
      <c r="A107897" s="13" t="s">
        <v>520</v>
      </c>
      <c r="B107897" s="14" t="s">
        <v>1</v>
      </c>
      <c r="C107897" s="14" t="s">
        <v>59</v>
      </c>
      <c r="D107897" s="14" t="s">
        <v>406</v>
      </c>
      <c r="E107897" s="15">
        <v>45598</v>
      </c>
      <c r="F107897" s="14" t="s">
        <v>15</v>
      </c>
      <c r="G107897" s="16">
        <v>0</v>
      </c>
    </row>
    <row r="107898" spans="1:7" x14ac:dyDescent="0.3">
      <c r="A107898" s="13" t="s">
        <v>520</v>
      </c>
      <c r="B107898" s="14" t="s">
        <v>1</v>
      </c>
      <c r="C107898" s="14" t="s">
        <v>59</v>
      </c>
      <c r="D107898" s="14" t="s">
        <v>406</v>
      </c>
      <c r="E107898" s="15">
        <v>45599</v>
      </c>
      <c r="F107898" s="14" t="s">
        <v>15</v>
      </c>
      <c r="G107898" s="16">
        <v>0</v>
      </c>
    </row>
    <row r="107899" spans="1:7" x14ac:dyDescent="0.3">
      <c r="A107899" s="13" t="s">
        <v>520</v>
      </c>
      <c r="B107899" s="14" t="s">
        <v>1</v>
      </c>
      <c r="C107899" s="14" t="s">
        <v>59</v>
      </c>
      <c r="D107899" s="14" t="s">
        <v>406</v>
      </c>
      <c r="E107899" s="15">
        <v>45600</v>
      </c>
      <c r="F107899" s="14" t="s">
        <v>15</v>
      </c>
      <c r="G107899" s="16">
        <v>0</v>
      </c>
    </row>
    <row r="107900" spans="1:7" x14ac:dyDescent="0.3">
      <c r="A107900" s="13" t="s">
        <v>520</v>
      </c>
      <c r="B107900" s="14" t="s">
        <v>1</v>
      </c>
      <c r="C107900" s="14" t="s">
        <v>59</v>
      </c>
      <c r="D107900" s="14" t="s">
        <v>406</v>
      </c>
      <c r="E107900" s="15">
        <v>45601</v>
      </c>
      <c r="F107900" s="14" t="s">
        <v>15</v>
      </c>
      <c r="G107900" s="16">
        <v>0</v>
      </c>
    </row>
    <row r="107901" spans="1:7" x14ac:dyDescent="0.3">
      <c r="A107901" s="13" t="s">
        <v>520</v>
      </c>
      <c r="B107901" s="14" t="s">
        <v>1</v>
      </c>
      <c r="C107901" s="14" t="s">
        <v>59</v>
      </c>
      <c r="D107901" s="14" t="s">
        <v>406</v>
      </c>
      <c r="E107901" s="15">
        <v>45602</v>
      </c>
      <c r="F107901" s="14" t="s">
        <v>15</v>
      </c>
      <c r="G107901" s="16">
        <v>0</v>
      </c>
    </row>
    <row r="107902" spans="1:7" x14ac:dyDescent="0.3">
      <c r="A107902" s="13" t="s">
        <v>520</v>
      </c>
      <c r="B107902" s="14" t="s">
        <v>1</v>
      </c>
      <c r="C107902" s="14" t="s">
        <v>59</v>
      </c>
      <c r="D107902" s="14" t="s">
        <v>406</v>
      </c>
      <c r="E107902" s="15">
        <v>45603</v>
      </c>
      <c r="F107902" s="14" t="s">
        <v>15</v>
      </c>
      <c r="G107902" s="16">
        <v>0</v>
      </c>
    </row>
    <row r="107903" spans="1:7" x14ac:dyDescent="0.3">
      <c r="A107903" s="13" t="s">
        <v>520</v>
      </c>
      <c r="B107903" s="14" t="s">
        <v>1</v>
      </c>
      <c r="C107903" s="14" t="s">
        <v>59</v>
      </c>
      <c r="D107903" s="14" t="s">
        <v>406</v>
      </c>
      <c r="E107903" s="15">
        <v>45604</v>
      </c>
      <c r="F107903" s="14" t="s">
        <v>15</v>
      </c>
      <c r="G107903" s="16">
        <v>0</v>
      </c>
    </row>
    <row r="107904" spans="1:7" x14ac:dyDescent="0.3">
      <c r="A107904" s="13" t="s">
        <v>520</v>
      </c>
      <c r="B107904" s="14" t="s">
        <v>1</v>
      </c>
      <c r="C107904" s="14" t="s">
        <v>59</v>
      </c>
      <c r="D107904" s="14" t="s">
        <v>406</v>
      </c>
      <c r="E107904" s="15">
        <v>45605</v>
      </c>
      <c r="F107904" s="14" t="s">
        <v>15</v>
      </c>
      <c r="G107904" s="16">
        <v>0</v>
      </c>
    </row>
    <row r="107905" spans="1:7" x14ac:dyDescent="0.3">
      <c r="A107905" s="13" t="s">
        <v>520</v>
      </c>
      <c r="B107905" s="14" t="s">
        <v>1</v>
      </c>
      <c r="C107905" s="14" t="s">
        <v>59</v>
      </c>
      <c r="D107905" s="14" t="s">
        <v>406</v>
      </c>
      <c r="E107905" s="15">
        <v>45606</v>
      </c>
      <c r="F107905" s="14" t="s">
        <v>15</v>
      </c>
      <c r="G107905" s="16">
        <v>0</v>
      </c>
    </row>
    <row r="107906" spans="1:7" x14ac:dyDescent="0.3">
      <c r="A107906" s="13" t="s">
        <v>520</v>
      </c>
      <c r="B107906" s="14" t="s">
        <v>1</v>
      </c>
      <c r="C107906" s="14" t="s">
        <v>59</v>
      </c>
      <c r="D107906" s="14" t="s">
        <v>406</v>
      </c>
      <c r="E107906" s="15">
        <v>45607</v>
      </c>
      <c r="F107906" s="14" t="s">
        <v>15</v>
      </c>
      <c r="G107906" s="16">
        <v>0</v>
      </c>
    </row>
    <row r="107907" spans="1:7" x14ac:dyDescent="0.3">
      <c r="A107907" s="13" t="s">
        <v>520</v>
      </c>
      <c r="B107907" s="14" t="s">
        <v>1</v>
      </c>
      <c r="C107907" s="14" t="s">
        <v>59</v>
      </c>
      <c r="D107907" s="14" t="s">
        <v>406</v>
      </c>
      <c r="E107907" s="15">
        <v>45608</v>
      </c>
      <c r="F107907" s="14" t="s">
        <v>15</v>
      </c>
      <c r="G107907" s="16">
        <v>0</v>
      </c>
    </row>
    <row r="107908" spans="1:7" x14ac:dyDescent="0.3">
      <c r="A107908" s="13" t="s">
        <v>520</v>
      </c>
      <c r="B107908" s="14" t="s">
        <v>1</v>
      </c>
      <c r="C107908" s="14" t="s">
        <v>59</v>
      </c>
      <c r="D107908" s="14" t="s">
        <v>406</v>
      </c>
      <c r="E107908" s="15">
        <v>45609</v>
      </c>
      <c r="F107908" s="14" t="s">
        <v>15</v>
      </c>
      <c r="G107908" s="16">
        <v>0</v>
      </c>
    </row>
    <row r="107909" spans="1:7" x14ac:dyDescent="0.3">
      <c r="A107909" s="13" t="s">
        <v>520</v>
      </c>
      <c r="B107909" s="14" t="s">
        <v>1</v>
      </c>
      <c r="C107909" s="14" t="s">
        <v>59</v>
      </c>
      <c r="D107909" s="14" t="s">
        <v>406</v>
      </c>
      <c r="E107909" s="15">
        <v>45610</v>
      </c>
      <c r="F107909" s="14" t="s">
        <v>15</v>
      </c>
      <c r="G107909" s="16">
        <v>0</v>
      </c>
    </row>
    <row r="107910" spans="1:7" x14ac:dyDescent="0.3">
      <c r="A107910" s="13" t="s">
        <v>520</v>
      </c>
      <c r="B107910" s="14" t="s">
        <v>1</v>
      </c>
      <c r="C107910" s="14" t="s">
        <v>59</v>
      </c>
      <c r="D107910" s="14" t="s">
        <v>406</v>
      </c>
      <c r="E107910" s="15">
        <v>45611</v>
      </c>
      <c r="F107910" s="14" t="s">
        <v>15</v>
      </c>
      <c r="G107910" s="16">
        <v>0.15764570190220259</v>
      </c>
    </row>
    <row r="107911" spans="1:7" x14ac:dyDescent="0.3">
      <c r="A107911" s="13" t="s">
        <v>520</v>
      </c>
      <c r="B107911" s="14" t="s">
        <v>1</v>
      </c>
      <c r="C107911" s="14" t="s">
        <v>59</v>
      </c>
      <c r="D107911" s="14" t="s">
        <v>406</v>
      </c>
      <c r="E107911" s="15">
        <v>45612</v>
      </c>
      <c r="F107911" s="14" t="s">
        <v>15</v>
      </c>
      <c r="G107911" s="16">
        <v>0.15764570190220259</v>
      </c>
    </row>
    <row r="107912" spans="1:7" x14ac:dyDescent="0.3">
      <c r="A107912" s="13" t="s">
        <v>520</v>
      </c>
      <c r="B107912" s="14" t="s">
        <v>1</v>
      </c>
      <c r="C107912" s="14" t="s">
        <v>59</v>
      </c>
      <c r="D107912" s="14" t="s">
        <v>406</v>
      </c>
      <c r="E107912" s="15">
        <v>45613</v>
      </c>
      <c r="F107912" s="14" t="s">
        <v>15</v>
      </c>
      <c r="G107912" s="16">
        <v>0.15764570190220259</v>
      </c>
    </row>
    <row r="107913" spans="1:7" x14ac:dyDescent="0.3">
      <c r="A107913" s="13" t="s">
        <v>520</v>
      </c>
      <c r="B107913" s="14" t="s">
        <v>1</v>
      </c>
      <c r="C107913" s="14" t="s">
        <v>59</v>
      </c>
      <c r="D107913" s="14" t="s">
        <v>406</v>
      </c>
      <c r="E107913" s="15">
        <v>45614</v>
      </c>
      <c r="F107913" s="14" t="s">
        <v>15</v>
      </c>
      <c r="G107913" s="16">
        <v>0.1548549204744562</v>
      </c>
    </row>
    <row r="107914" spans="1:7" x14ac:dyDescent="0.3">
      <c r="A107914" s="13" t="s">
        <v>520</v>
      </c>
      <c r="B107914" s="14" t="s">
        <v>1</v>
      </c>
      <c r="C107914" s="14" t="s">
        <v>59</v>
      </c>
      <c r="D107914" s="14" t="s">
        <v>406</v>
      </c>
      <c r="E107914" s="15">
        <v>45615</v>
      </c>
      <c r="F107914" s="14" t="s">
        <v>15</v>
      </c>
      <c r="G107914" s="16">
        <v>0.14655496700903006</v>
      </c>
    </row>
    <row r="107915" spans="1:7" x14ac:dyDescent="0.3">
      <c r="A107915" s="13" t="s">
        <v>520</v>
      </c>
      <c r="B107915" s="14" t="s">
        <v>1</v>
      </c>
      <c r="C107915" s="14" t="s">
        <v>59</v>
      </c>
      <c r="D107915" s="14" t="s">
        <v>406</v>
      </c>
      <c r="E107915" s="15">
        <v>45616</v>
      </c>
      <c r="F107915" s="14" t="s">
        <v>15</v>
      </c>
      <c r="G107915" s="16">
        <v>0.14378600015738677</v>
      </c>
    </row>
    <row r="107916" spans="1:7" x14ac:dyDescent="0.3">
      <c r="A107916" s="13" t="s">
        <v>520</v>
      </c>
      <c r="B107916" s="14" t="s">
        <v>1</v>
      </c>
      <c r="C107916" s="14" t="s">
        <v>59</v>
      </c>
      <c r="D107916" s="14" t="s">
        <v>406</v>
      </c>
      <c r="E107916" s="15">
        <v>45617</v>
      </c>
      <c r="F107916" s="14" t="s">
        <v>15</v>
      </c>
      <c r="G107916" s="16">
        <v>0.14101604173410243</v>
      </c>
    </row>
    <row r="107917" spans="1:7" x14ac:dyDescent="0.3">
      <c r="A107917" s="13" t="s">
        <v>520</v>
      </c>
      <c r="B107917" s="14" t="s">
        <v>1</v>
      </c>
      <c r="C107917" s="14" t="s">
        <v>59</v>
      </c>
      <c r="D107917" s="14" t="s">
        <v>406</v>
      </c>
      <c r="E107917" s="15">
        <v>45618</v>
      </c>
      <c r="F107917" s="14" t="s">
        <v>15</v>
      </c>
      <c r="G107917" s="16">
        <v>0.13825104116902334</v>
      </c>
    </row>
    <row r="107918" spans="1:7" x14ac:dyDescent="0.3">
      <c r="A107918" s="13" t="s">
        <v>520</v>
      </c>
      <c r="B107918" s="14" t="s">
        <v>1</v>
      </c>
      <c r="C107918" s="14" t="s">
        <v>59</v>
      </c>
      <c r="D107918" s="14" t="s">
        <v>406</v>
      </c>
      <c r="E107918" s="15">
        <v>45619</v>
      </c>
      <c r="F107918" s="14" t="s">
        <v>15</v>
      </c>
      <c r="G107918" s="16">
        <v>0.13825104116902334</v>
      </c>
    </row>
    <row r="107919" spans="1:7" x14ac:dyDescent="0.3">
      <c r="A107919" s="13" t="s">
        <v>520</v>
      </c>
      <c r="B107919" s="14" t="s">
        <v>1</v>
      </c>
      <c r="C107919" s="14" t="s">
        <v>59</v>
      </c>
      <c r="D107919" s="14" t="s">
        <v>406</v>
      </c>
      <c r="E107919" s="15">
        <v>45620</v>
      </c>
      <c r="F107919" s="14" t="s">
        <v>15</v>
      </c>
      <c r="G107919" s="16">
        <v>0.13825104116902334</v>
      </c>
    </row>
    <row r="107920" spans="1:7" x14ac:dyDescent="0.3">
      <c r="A107920" s="13" t="s">
        <v>520</v>
      </c>
      <c r="B107920" s="14" t="s">
        <v>1</v>
      </c>
      <c r="C107920" s="14" t="s">
        <v>59</v>
      </c>
      <c r="D107920" s="14" t="s">
        <v>406</v>
      </c>
      <c r="E107920" s="15">
        <v>45621</v>
      </c>
      <c r="F107920" s="14" t="s">
        <v>15</v>
      </c>
      <c r="G107920" s="16">
        <v>0.13546819231440535</v>
      </c>
    </row>
    <row r="107921" spans="1:7" x14ac:dyDescent="0.3">
      <c r="A107921" s="13" t="s">
        <v>520</v>
      </c>
      <c r="B107921" s="14" t="s">
        <v>1</v>
      </c>
      <c r="C107921" s="14" t="s">
        <v>59</v>
      </c>
      <c r="D107921" s="14" t="s">
        <v>406</v>
      </c>
      <c r="E107921" s="15">
        <v>45622</v>
      </c>
      <c r="F107921" s="14" t="s">
        <v>15</v>
      </c>
      <c r="G107921" s="16">
        <v>0.12708494683113092</v>
      </c>
    </row>
    <row r="107922" spans="1:7" x14ac:dyDescent="0.3">
      <c r="A107922" s="13" t="s">
        <v>520</v>
      </c>
      <c r="B107922" s="14" t="s">
        <v>1</v>
      </c>
      <c r="C107922" s="14" t="s">
        <v>59</v>
      </c>
      <c r="D107922" s="14" t="s">
        <v>406</v>
      </c>
      <c r="E107922" s="15">
        <v>45623</v>
      </c>
      <c r="F107922" s="14" t="s">
        <v>15</v>
      </c>
      <c r="G107922" s="16">
        <v>0.12428127497205085</v>
      </c>
    </row>
    <row r="107923" spans="1:7" x14ac:dyDescent="0.3">
      <c r="A107923" s="13" t="s">
        <v>520</v>
      </c>
      <c r="B107923" s="14" t="s">
        <v>1</v>
      </c>
      <c r="C107923" s="14" t="s">
        <v>59</v>
      </c>
      <c r="D107923" s="14" t="s">
        <v>406</v>
      </c>
      <c r="E107923" s="15">
        <v>45624</v>
      </c>
      <c r="F107923" s="14" t="s">
        <v>15</v>
      </c>
      <c r="G107923" s="16">
        <v>0.18846393335992573</v>
      </c>
    </row>
    <row r="107924" spans="1:7" x14ac:dyDescent="0.3">
      <c r="A107924" s="13" t="s">
        <v>520</v>
      </c>
      <c r="B107924" s="14" t="s">
        <v>1</v>
      </c>
      <c r="C107924" s="14" t="s">
        <v>59</v>
      </c>
      <c r="D107924" s="14" t="s">
        <v>406</v>
      </c>
      <c r="E107924" s="15">
        <v>45625</v>
      </c>
      <c r="F107924" s="14" t="s">
        <v>15</v>
      </c>
      <c r="G107924" s="16">
        <v>0.18565632147753033</v>
      </c>
    </row>
    <row r="107925" spans="1:7" x14ac:dyDescent="0.3">
      <c r="A107925" s="13" t="s">
        <v>520</v>
      </c>
      <c r="B107925" s="14" t="s">
        <v>1</v>
      </c>
      <c r="C107925" s="14" t="s">
        <v>59</v>
      </c>
      <c r="D107925" s="14" t="s">
        <v>406</v>
      </c>
      <c r="E107925" s="15">
        <v>45626</v>
      </c>
      <c r="F107925" s="14" t="s">
        <v>15</v>
      </c>
      <c r="G107925" s="16">
        <v>0.18565632147753033</v>
      </c>
    </row>
    <row r="107926" spans="1:7" x14ac:dyDescent="0.3">
      <c r="A107926" s="13" t="s">
        <v>520</v>
      </c>
      <c r="B107926" s="14" t="s">
        <v>1</v>
      </c>
      <c r="C107926" s="14" t="s">
        <v>59</v>
      </c>
      <c r="D107926" s="14" t="s">
        <v>406</v>
      </c>
      <c r="E107926" s="15">
        <v>45627</v>
      </c>
      <c r="F107926" s="14" t="s">
        <v>15</v>
      </c>
      <c r="G107926" s="16">
        <v>0.18565632147753033</v>
      </c>
    </row>
    <row r="107927" spans="1:7" x14ac:dyDescent="0.3">
      <c r="A107927" s="13" t="s">
        <v>520</v>
      </c>
      <c r="B107927" s="14" t="s">
        <v>1</v>
      </c>
      <c r="C107927" s="14" t="s">
        <v>59</v>
      </c>
      <c r="D107927" s="14" t="s">
        <v>406</v>
      </c>
      <c r="E107927" s="15">
        <v>45628</v>
      </c>
      <c r="F107927" s="14" t="s">
        <v>15</v>
      </c>
      <c r="G107927" s="16">
        <v>0.18284330418972952</v>
      </c>
    </row>
    <row r="107928" spans="1:7" x14ac:dyDescent="0.3">
      <c r="A107928" s="13" t="s">
        <v>520</v>
      </c>
      <c r="B107928" s="14" t="s">
        <v>1</v>
      </c>
      <c r="C107928" s="14" t="s">
        <v>59</v>
      </c>
      <c r="D107928" s="14" t="s">
        <v>406</v>
      </c>
      <c r="E107928" s="15">
        <v>45629</v>
      </c>
      <c r="F107928" s="14" t="s">
        <v>15</v>
      </c>
      <c r="G107928" s="16">
        <v>0.17436974636138816</v>
      </c>
    </row>
    <row r="107929" spans="1:7" x14ac:dyDescent="0.3">
      <c r="A107929" s="13" t="s">
        <v>520</v>
      </c>
      <c r="B107929" s="14" t="s">
        <v>1</v>
      </c>
      <c r="C107929" s="14" t="s">
        <v>59</v>
      </c>
      <c r="D107929" s="14" t="s">
        <v>406</v>
      </c>
      <c r="E107929" s="15">
        <v>45630</v>
      </c>
      <c r="F107929" s="14" t="s">
        <v>15</v>
      </c>
      <c r="G107929" s="16">
        <v>0.17055997231683059</v>
      </c>
    </row>
    <row r="107930" spans="1:7" x14ac:dyDescent="0.3">
      <c r="A107930" s="13" t="s">
        <v>520</v>
      </c>
      <c r="B107930" s="14" t="s">
        <v>1</v>
      </c>
      <c r="C107930" s="14" t="s">
        <v>59</v>
      </c>
      <c r="D107930" s="14" t="s">
        <v>406</v>
      </c>
      <c r="E107930" s="15">
        <v>45631</v>
      </c>
      <c r="F107930" s="14" t="s">
        <v>15</v>
      </c>
      <c r="G107930" s="16">
        <v>0.16773938746146222</v>
      </c>
    </row>
    <row r="107931" spans="1:7" x14ac:dyDescent="0.3">
      <c r="A107931" s="13" t="s">
        <v>520</v>
      </c>
      <c r="B107931" s="14" t="s">
        <v>1</v>
      </c>
      <c r="C107931" s="14" t="s">
        <v>59</v>
      </c>
      <c r="D107931" s="14" t="s">
        <v>406</v>
      </c>
      <c r="E107931" s="15">
        <v>45632</v>
      </c>
      <c r="F107931" s="14" t="s">
        <v>15</v>
      </c>
      <c r="G107931" s="16">
        <v>0.16491123503852625</v>
      </c>
    </row>
    <row r="107932" spans="1:7" x14ac:dyDescent="0.3">
      <c r="A107932" s="13" t="s">
        <v>520</v>
      </c>
      <c r="B107932" s="14" t="s">
        <v>1</v>
      </c>
      <c r="C107932" s="14" t="s">
        <v>59</v>
      </c>
      <c r="D107932" s="14" t="s">
        <v>406</v>
      </c>
      <c r="E107932" s="15">
        <v>45633</v>
      </c>
      <c r="F107932" s="14" t="s">
        <v>15</v>
      </c>
      <c r="G107932" s="16">
        <v>0.16491123503852625</v>
      </c>
    </row>
    <row r="107933" spans="1:7" x14ac:dyDescent="0.3">
      <c r="A107933" s="13" t="s">
        <v>520</v>
      </c>
      <c r="B107933" s="14" t="s">
        <v>1</v>
      </c>
      <c r="C107933" s="14" t="s">
        <v>59</v>
      </c>
      <c r="D107933" s="14" t="s">
        <v>406</v>
      </c>
      <c r="E107933" s="15">
        <v>45634</v>
      </c>
      <c r="F107933" s="14" t="s">
        <v>15</v>
      </c>
      <c r="G107933" s="16">
        <v>0.16491123503852625</v>
      </c>
    </row>
    <row r="107934" spans="1:7" x14ac:dyDescent="0.3">
      <c r="A107934" s="13" t="s">
        <v>520</v>
      </c>
      <c r="B107934" s="14" t="s">
        <v>1</v>
      </c>
      <c r="C107934" s="14" t="s">
        <v>59</v>
      </c>
      <c r="D107934" s="14" t="s">
        <v>406</v>
      </c>
      <c r="E107934" s="15">
        <v>45635</v>
      </c>
      <c r="F107934" s="14" t="s">
        <v>15</v>
      </c>
      <c r="G107934" s="16">
        <v>0.16208092045342815</v>
      </c>
    </row>
    <row r="107935" spans="1:7" x14ac:dyDescent="0.3">
      <c r="A107935" s="13" t="s">
        <v>520</v>
      </c>
      <c r="B107935" s="14" t="s">
        <v>1</v>
      </c>
      <c r="C107935" s="14" t="s">
        <v>59</v>
      </c>
      <c r="D107935" s="14" t="s">
        <v>406</v>
      </c>
      <c r="E107935" s="15">
        <v>45636</v>
      </c>
      <c r="F107935" s="14" t="s">
        <v>15</v>
      </c>
      <c r="G107935" s="16">
        <v>0.1535673626250868</v>
      </c>
    </row>
    <row r="107936" spans="1:7" x14ac:dyDescent="0.3">
      <c r="A107936" s="13" t="s">
        <v>520</v>
      </c>
      <c r="B107936" s="14" t="s">
        <v>1</v>
      </c>
      <c r="C107936" s="14" t="s">
        <v>59</v>
      </c>
      <c r="D107936" s="14" t="s">
        <v>406</v>
      </c>
      <c r="E107936" s="15">
        <v>45637</v>
      </c>
      <c r="F107936" s="14" t="s">
        <v>15</v>
      </c>
      <c r="G107936" s="16">
        <v>0.15073921020215086</v>
      </c>
    </row>
    <row r="107937" spans="1:7" x14ac:dyDescent="0.3">
      <c r="A107937" s="13" t="s">
        <v>520</v>
      </c>
      <c r="B107937" s="14" t="s">
        <v>1</v>
      </c>
      <c r="C107937" s="14" t="s">
        <v>59</v>
      </c>
      <c r="D107937" s="14" t="s">
        <v>406</v>
      </c>
      <c r="E107937" s="15">
        <v>45638</v>
      </c>
      <c r="F107937" s="14" t="s">
        <v>15</v>
      </c>
      <c r="G107937" s="16">
        <v>0.14791862534678246</v>
      </c>
    </row>
    <row r="107938" spans="1:7" x14ac:dyDescent="0.3">
      <c r="A107938" s="13" t="s">
        <v>520</v>
      </c>
      <c r="B107938" s="14" t="s">
        <v>1</v>
      </c>
      <c r="C107938" s="14" t="s">
        <v>59</v>
      </c>
      <c r="D107938" s="14" t="s">
        <v>406</v>
      </c>
      <c r="E107938" s="15">
        <v>45639</v>
      </c>
      <c r="F107938" s="14" t="s">
        <v>15</v>
      </c>
      <c r="G107938" s="16">
        <v>0.19471101346438704</v>
      </c>
    </row>
    <row r="107939" spans="1:7" x14ac:dyDescent="0.3">
      <c r="A107939" s="13" t="s">
        <v>520</v>
      </c>
      <c r="B107939" s="14" t="s">
        <v>1</v>
      </c>
      <c r="C107939" s="14" t="s">
        <v>59</v>
      </c>
      <c r="D107939" s="14" t="s">
        <v>406</v>
      </c>
      <c r="E107939" s="15">
        <v>45640</v>
      </c>
      <c r="F107939" s="14" t="s">
        <v>15</v>
      </c>
      <c r="G107939" s="16">
        <v>0.19471101346438704</v>
      </c>
    </row>
    <row r="107940" spans="1:7" x14ac:dyDescent="0.3">
      <c r="A107940" s="13" t="s">
        <v>520</v>
      </c>
      <c r="B107940" s="14" t="s">
        <v>1</v>
      </c>
      <c r="C107940" s="14" t="s">
        <v>59</v>
      </c>
      <c r="D107940" s="14" t="s">
        <v>406</v>
      </c>
      <c r="E107940" s="15">
        <v>45641</v>
      </c>
      <c r="F107940" s="14" t="s">
        <v>15</v>
      </c>
      <c r="G107940" s="16">
        <v>0.19471101346438704</v>
      </c>
    </row>
    <row r="107941" spans="1:7" x14ac:dyDescent="0.3">
      <c r="A107941" s="13" t="s">
        <v>520</v>
      </c>
      <c r="B107941" s="14" t="s">
        <v>1</v>
      </c>
      <c r="C107941" s="14" t="s">
        <v>59</v>
      </c>
      <c r="D107941" s="14" t="s">
        <v>406</v>
      </c>
      <c r="E107941" s="15">
        <v>45642</v>
      </c>
      <c r="F107941" s="14" t="s">
        <v>15</v>
      </c>
      <c r="G107941" s="16">
        <v>0.19188718536577543</v>
      </c>
    </row>
    <row r="107942" spans="1:7" x14ac:dyDescent="0.3">
      <c r="A107942" s="13" t="s">
        <v>520</v>
      </c>
      <c r="B107942" s="14" t="s">
        <v>1</v>
      </c>
      <c r="C107942" s="14" t="s">
        <v>59</v>
      </c>
      <c r="D107942" s="14" t="s">
        <v>406</v>
      </c>
      <c r="E107942" s="15">
        <v>45643</v>
      </c>
      <c r="F107942" s="14" t="s">
        <v>15</v>
      </c>
      <c r="G107942" s="16">
        <v>0.18343416807797461</v>
      </c>
    </row>
    <row r="107943" spans="1:7" x14ac:dyDescent="0.3">
      <c r="A107943" s="13" t="s">
        <v>520</v>
      </c>
      <c r="B107943" s="14" t="s">
        <v>1</v>
      </c>
      <c r="C107943" s="14" t="s">
        <v>59</v>
      </c>
      <c r="D107943" s="14" t="s">
        <v>406</v>
      </c>
      <c r="E107943" s="15">
        <v>45644</v>
      </c>
      <c r="F107943" s="14" t="s">
        <v>15</v>
      </c>
      <c r="G107943" s="16">
        <v>0.18060709673611974</v>
      </c>
    </row>
    <row r="107944" spans="1:7" x14ac:dyDescent="0.3">
      <c r="A107944" s="13" t="s">
        <v>520</v>
      </c>
      <c r="B107944" s="14" t="s">
        <v>1</v>
      </c>
      <c r="C107944" s="14" t="s">
        <v>59</v>
      </c>
      <c r="D107944" s="14" t="s">
        <v>406</v>
      </c>
      <c r="E107944" s="15">
        <v>45645</v>
      </c>
      <c r="F107944" s="14" t="s">
        <v>15</v>
      </c>
      <c r="G107944" s="16">
        <v>0.1777843497185892</v>
      </c>
    </row>
    <row r="107945" spans="1:7" x14ac:dyDescent="0.3">
      <c r="A107945" s="13" t="s">
        <v>520</v>
      </c>
      <c r="B107945" s="14" t="s">
        <v>1</v>
      </c>
      <c r="C107945" s="14" t="s">
        <v>59</v>
      </c>
      <c r="D107945" s="14" t="s">
        <v>406</v>
      </c>
      <c r="E107945" s="15">
        <v>45646</v>
      </c>
      <c r="F107945" s="14" t="s">
        <v>15</v>
      </c>
      <c r="G107945" s="16">
        <v>0.17496052161997755</v>
      </c>
    </row>
    <row r="107946" spans="1:7" x14ac:dyDescent="0.3">
      <c r="A107946" s="13" t="s">
        <v>520</v>
      </c>
      <c r="B107946" s="14" t="s">
        <v>1</v>
      </c>
      <c r="C107946" s="14" t="s">
        <v>59</v>
      </c>
      <c r="D107946" s="14" t="s">
        <v>406</v>
      </c>
      <c r="E107946" s="15">
        <v>45647</v>
      </c>
      <c r="F107946" s="14" t="s">
        <v>15</v>
      </c>
      <c r="G107946" s="16">
        <v>0.17496052161997755</v>
      </c>
    </row>
    <row r="107947" spans="1:7" x14ac:dyDescent="0.3">
      <c r="A107947" s="13" t="s">
        <v>520</v>
      </c>
      <c r="B107947" s="14" t="s">
        <v>1</v>
      </c>
      <c r="C107947" s="14" t="s">
        <v>59</v>
      </c>
      <c r="D107947" s="14" t="s">
        <v>406</v>
      </c>
      <c r="E107947" s="15">
        <v>45648</v>
      </c>
      <c r="F107947" s="14" t="s">
        <v>15</v>
      </c>
      <c r="G107947" s="16">
        <v>0.17496052161997755</v>
      </c>
    </row>
    <row r="107948" spans="1:7" x14ac:dyDescent="0.3">
      <c r="A107948" s="13" t="s">
        <v>520</v>
      </c>
      <c r="B107948" s="14" t="s">
        <v>1</v>
      </c>
      <c r="C107948" s="14" t="s">
        <v>59</v>
      </c>
      <c r="D107948" s="14" t="s">
        <v>406</v>
      </c>
      <c r="E107948" s="15">
        <v>45649</v>
      </c>
      <c r="F107948" s="14" t="s">
        <v>15</v>
      </c>
      <c r="G107948" s="16">
        <v>0.17218858541325782</v>
      </c>
    </row>
    <row r="107949" spans="1:7" x14ac:dyDescent="0.3">
      <c r="A107949" s="13" t="s">
        <v>520</v>
      </c>
      <c r="B107949" s="14" t="s">
        <v>1</v>
      </c>
      <c r="C107949" s="14" t="s">
        <v>59</v>
      </c>
      <c r="D107949" s="14" t="s">
        <v>406</v>
      </c>
      <c r="E107949" s="15">
        <v>45650</v>
      </c>
      <c r="F107949" s="14" t="s">
        <v>15</v>
      </c>
      <c r="G107949" s="16">
        <v>0.16381773028761917</v>
      </c>
    </row>
    <row r="107950" spans="1:7" x14ac:dyDescent="0.3">
      <c r="A107950" s="13" t="s">
        <v>520</v>
      </c>
      <c r="B107950" s="14" t="s">
        <v>1</v>
      </c>
      <c r="C107950" s="14" t="s">
        <v>59</v>
      </c>
      <c r="D107950" s="14" t="s">
        <v>406</v>
      </c>
      <c r="E107950" s="15">
        <v>45651</v>
      </c>
      <c r="F107950" s="14" t="s">
        <v>15</v>
      </c>
      <c r="G107950" s="16">
        <v>0.16381773028761917</v>
      </c>
    </row>
    <row r="107951" spans="1:7" x14ac:dyDescent="0.3">
      <c r="A107951" s="13" t="s">
        <v>520</v>
      </c>
      <c r="B107951" s="14" t="s">
        <v>1</v>
      </c>
      <c r="C107951" s="14" t="s">
        <v>59</v>
      </c>
      <c r="D107951" s="14" t="s">
        <v>406</v>
      </c>
      <c r="E107951" s="15">
        <v>45652</v>
      </c>
      <c r="F107951" s="14" t="s">
        <v>15</v>
      </c>
      <c r="G107951" s="16">
        <v>0.16381773028761917</v>
      </c>
    </row>
    <row r="107952" spans="1:7" x14ac:dyDescent="0.3">
      <c r="A107952" s="13" t="s">
        <v>520</v>
      </c>
      <c r="B107952" s="14" t="s">
        <v>1</v>
      </c>
      <c r="C107952" s="14" t="s">
        <v>59</v>
      </c>
      <c r="D107952" s="14" t="s">
        <v>406</v>
      </c>
      <c r="E107952" s="15">
        <v>45653</v>
      </c>
      <c r="F107952" s="14" t="s">
        <v>15</v>
      </c>
      <c r="G107952" s="16">
        <v>0.16381773028761917</v>
      </c>
    </row>
    <row r="107953" spans="1:7" x14ac:dyDescent="0.3">
      <c r="A107953" s="13" t="s">
        <v>520</v>
      </c>
      <c r="B107953" s="14" t="s">
        <v>1</v>
      </c>
      <c r="C107953" s="14" t="s">
        <v>59</v>
      </c>
      <c r="D107953" s="14" t="s">
        <v>406</v>
      </c>
      <c r="E107953" s="15">
        <v>45654</v>
      </c>
      <c r="F107953" s="14" t="s">
        <v>15</v>
      </c>
      <c r="G107953" s="16">
        <v>0.16381773028761917</v>
      </c>
    </row>
    <row r="107954" spans="1:7" x14ac:dyDescent="0.3">
      <c r="A107954" s="13" t="s">
        <v>520</v>
      </c>
      <c r="B107954" s="14" t="s">
        <v>1</v>
      </c>
      <c r="C107954" s="14" t="s">
        <v>59</v>
      </c>
      <c r="D107954" s="14" t="s">
        <v>406</v>
      </c>
      <c r="E107954" s="15">
        <v>45655</v>
      </c>
      <c r="F107954" s="14" t="s">
        <v>15</v>
      </c>
      <c r="G107954" s="16">
        <v>0.16381773028761917</v>
      </c>
    </row>
    <row r="107955" spans="1:7" x14ac:dyDescent="0.3">
      <c r="A107955" s="13" t="s">
        <v>520</v>
      </c>
      <c r="B107955" s="14" t="s">
        <v>1</v>
      </c>
      <c r="C107955" s="14" t="s">
        <v>59</v>
      </c>
      <c r="D107955" s="14" t="s">
        <v>406</v>
      </c>
      <c r="E107955" s="15">
        <v>45656</v>
      </c>
      <c r="F107955" s="14" t="s">
        <v>15</v>
      </c>
      <c r="G107955" s="16">
        <v>0.16103714543225078</v>
      </c>
    </row>
    <row r="107956" spans="1:7" x14ac:dyDescent="0.3">
      <c r="A107956" s="13" t="s">
        <v>520</v>
      </c>
      <c r="B107956" s="14" t="s">
        <v>1</v>
      </c>
      <c r="C107956" s="14" t="s">
        <v>59</v>
      </c>
      <c r="D107956" s="14" t="s">
        <v>406</v>
      </c>
      <c r="E107956" s="15">
        <v>45657</v>
      </c>
      <c r="F107956" s="14" t="s">
        <v>15</v>
      </c>
      <c r="G107956" s="16">
        <v>0.14431710111742296</v>
      </c>
    </row>
    <row r="107957" spans="1:7" x14ac:dyDescent="0.3">
      <c r="A107957" s="13" t="s">
        <v>520</v>
      </c>
      <c r="B107957" s="14" t="s">
        <v>1</v>
      </c>
      <c r="C107957" s="14" t="s">
        <v>59</v>
      </c>
      <c r="D107957" s="14" t="s">
        <v>406</v>
      </c>
      <c r="E107957" s="15">
        <v>45658</v>
      </c>
      <c r="F107957" s="14" t="s">
        <v>15</v>
      </c>
      <c r="G107957" s="16">
        <v>0.14431710111742296</v>
      </c>
    </row>
    <row r="107958" spans="1:7" x14ac:dyDescent="0.3">
      <c r="A107958" s="13" t="s">
        <v>520</v>
      </c>
      <c r="B107958" s="14" t="s">
        <v>1</v>
      </c>
      <c r="C107958" s="14" t="s">
        <v>59</v>
      </c>
      <c r="D107958" s="14" t="s">
        <v>406</v>
      </c>
      <c r="E107958" s="15">
        <v>45659</v>
      </c>
      <c r="F107958" s="14" t="s">
        <v>15</v>
      </c>
      <c r="G107958" s="16">
        <v>0.14431710111742296</v>
      </c>
    </row>
    <row r="107959" spans="1:7" x14ac:dyDescent="0.3">
      <c r="A107959" s="13" t="s">
        <v>520</v>
      </c>
      <c r="B107959" s="14" t="s">
        <v>1</v>
      </c>
      <c r="C107959" s="14" t="s">
        <v>59</v>
      </c>
      <c r="D107959" s="14" t="s">
        <v>406</v>
      </c>
      <c r="E107959" s="15">
        <v>45660</v>
      </c>
      <c r="F107959" s="14" t="s">
        <v>15</v>
      </c>
      <c r="G107959" s="16">
        <v>0.14153867842421675</v>
      </c>
    </row>
    <row r="107960" spans="1:7" x14ac:dyDescent="0.3">
      <c r="A107960" s="13" t="s">
        <v>520</v>
      </c>
      <c r="B107960" s="14" t="s">
        <v>1</v>
      </c>
      <c r="C107960" s="14" t="s">
        <v>59</v>
      </c>
      <c r="D107960" s="14" t="s">
        <v>406</v>
      </c>
      <c r="E107960" s="15">
        <v>45661</v>
      </c>
      <c r="F107960" s="14" t="s">
        <v>15</v>
      </c>
      <c r="G107960" s="16">
        <v>0.14153867842421675</v>
      </c>
    </row>
    <row r="107961" spans="1:7" x14ac:dyDescent="0.3">
      <c r="A107961" s="13" t="s">
        <v>520</v>
      </c>
      <c r="B107961" s="14" t="s">
        <v>1</v>
      </c>
      <c r="C107961" s="14" t="s">
        <v>59</v>
      </c>
      <c r="D107961" s="14" t="s">
        <v>406</v>
      </c>
      <c r="E107961" s="15">
        <v>45662</v>
      </c>
      <c r="F107961" s="14" t="s">
        <v>15</v>
      </c>
      <c r="G107961" s="16">
        <v>0.14153867842421675</v>
      </c>
    </row>
    <row r="107962" spans="1:7" x14ac:dyDescent="0.3">
      <c r="A107962" s="13" t="s">
        <v>520</v>
      </c>
      <c r="B107962" s="14" t="s">
        <v>1</v>
      </c>
      <c r="C107962" s="14" t="s">
        <v>59</v>
      </c>
      <c r="D107962" s="14" t="s">
        <v>406</v>
      </c>
      <c r="E107962" s="15">
        <v>45663</v>
      </c>
      <c r="F107962" s="14" t="s">
        <v>15</v>
      </c>
      <c r="G107962" s="16">
        <v>0.13315268816344297</v>
      </c>
    </row>
    <row r="107963" spans="1:7" x14ac:dyDescent="0.3">
      <c r="A107963" s="13" t="s">
        <v>520</v>
      </c>
      <c r="B107963" s="14" t="s">
        <v>1</v>
      </c>
      <c r="C107963" s="14" t="s">
        <v>59</v>
      </c>
      <c r="D107963" s="14" t="s">
        <v>406</v>
      </c>
      <c r="E107963" s="15">
        <v>45664</v>
      </c>
      <c r="F107963" s="14" t="s">
        <v>15</v>
      </c>
      <c r="G107963" s="16">
        <v>0.12744345465942594</v>
      </c>
    </row>
    <row r="107964" spans="1:7" x14ac:dyDescent="0.3">
      <c r="A107964" s="13" t="s">
        <v>520</v>
      </c>
      <c r="B107964" s="14" t="s">
        <v>1</v>
      </c>
      <c r="C107964" s="14" t="s">
        <v>59</v>
      </c>
      <c r="D107964" s="14" t="s">
        <v>406</v>
      </c>
      <c r="E107964" s="15">
        <v>45665</v>
      </c>
      <c r="F107964" s="14" t="s">
        <v>15</v>
      </c>
      <c r="G107964" s="16">
        <v>0.12463151845270622</v>
      </c>
    </row>
    <row r="107965" spans="1:7" x14ac:dyDescent="0.3">
      <c r="A107965" s="13" t="s">
        <v>520</v>
      </c>
      <c r="B107965" s="14" t="s">
        <v>1</v>
      </c>
      <c r="C107965" s="14" t="s">
        <v>59</v>
      </c>
      <c r="D107965" s="14" t="s">
        <v>406</v>
      </c>
      <c r="E107965" s="15">
        <v>45666</v>
      </c>
      <c r="F107965" s="14" t="s">
        <v>15</v>
      </c>
      <c r="G107965" s="16">
        <v>0.12183579846220269</v>
      </c>
    </row>
    <row r="107966" spans="1:7" x14ac:dyDescent="0.3">
      <c r="A107966" s="13" t="s">
        <v>520</v>
      </c>
      <c r="B107966" s="14" t="s">
        <v>1</v>
      </c>
      <c r="C107966" s="14" t="s">
        <v>59</v>
      </c>
      <c r="D107966" s="14" t="s">
        <v>406</v>
      </c>
      <c r="E107966" s="15">
        <v>45667</v>
      </c>
      <c r="F107966" s="14" t="s">
        <v>15</v>
      </c>
      <c r="G107966" s="16">
        <v>0.11904656495818568</v>
      </c>
    </row>
    <row r="107967" spans="1:7" x14ac:dyDescent="0.3">
      <c r="A107967" s="13" t="s">
        <v>520</v>
      </c>
      <c r="B107967" s="14" t="s">
        <v>1</v>
      </c>
      <c r="C107967" s="14" t="s">
        <v>59</v>
      </c>
      <c r="D107967" s="14" t="s">
        <v>406</v>
      </c>
      <c r="E107967" s="15">
        <v>45668</v>
      </c>
      <c r="F107967" s="14" t="s">
        <v>15</v>
      </c>
      <c r="G107967" s="16">
        <v>0.11904656495818568</v>
      </c>
    </row>
    <row r="107968" spans="1:7" x14ac:dyDescent="0.3">
      <c r="A107968" s="13" t="s">
        <v>520</v>
      </c>
      <c r="B107968" s="14" t="s">
        <v>1</v>
      </c>
      <c r="C107968" s="14" t="s">
        <v>59</v>
      </c>
      <c r="D107968" s="14" t="s">
        <v>406</v>
      </c>
      <c r="E107968" s="15">
        <v>45669</v>
      </c>
      <c r="F107968" s="14" t="s">
        <v>15</v>
      </c>
      <c r="G107968" s="16">
        <v>0.11904656495818568</v>
      </c>
    </row>
    <row r="107969" spans="1:7" x14ac:dyDescent="0.3">
      <c r="A107969" s="13" t="s">
        <v>520</v>
      </c>
      <c r="B107969" s="14" t="s">
        <v>1</v>
      </c>
      <c r="C107969" s="14" t="s">
        <v>59</v>
      </c>
      <c r="D107969" s="14" t="s">
        <v>406</v>
      </c>
      <c r="E107969" s="15">
        <v>45670</v>
      </c>
      <c r="F107969" s="14" t="s">
        <v>15</v>
      </c>
      <c r="G107969" s="16">
        <v>0.11625625037308758</v>
      </c>
    </row>
    <row r="107970" spans="1:7" x14ac:dyDescent="0.3">
      <c r="A107970" s="13" t="s">
        <v>520</v>
      </c>
      <c r="B107970" s="14" t="s">
        <v>1</v>
      </c>
      <c r="C107970" s="14" t="s">
        <v>59</v>
      </c>
      <c r="D107970" s="14" t="s">
        <v>406</v>
      </c>
      <c r="E107970" s="15">
        <v>45671</v>
      </c>
      <c r="F107970" s="14" t="s">
        <v>15</v>
      </c>
      <c r="G107970" s="16">
        <v>0.10794917903123269</v>
      </c>
    </row>
    <row r="107971" spans="1:7" x14ac:dyDescent="0.3">
      <c r="A107971" s="13" t="s">
        <v>520</v>
      </c>
      <c r="B107971" s="14" t="s">
        <v>1</v>
      </c>
      <c r="C107971" s="14" t="s">
        <v>59</v>
      </c>
      <c r="D107971" s="14" t="s">
        <v>406</v>
      </c>
      <c r="E107971" s="15">
        <v>45672</v>
      </c>
      <c r="F107971" s="14" t="s">
        <v>15</v>
      </c>
      <c r="G107971" s="16">
        <v>0.12160643201370215</v>
      </c>
    </row>
    <row r="107972" spans="1:7" x14ac:dyDescent="0.3">
      <c r="A107972" s="13" t="s">
        <v>520</v>
      </c>
      <c r="B107972" s="14" t="s">
        <v>1</v>
      </c>
      <c r="C107972" s="14" t="s">
        <v>59</v>
      </c>
      <c r="D107972" s="14" t="s">
        <v>406</v>
      </c>
      <c r="E107972" s="15">
        <v>45673</v>
      </c>
      <c r="F107972" s="14" t="s">
        <v>15</v>
      </c>
      <c r="G107972" s="16">
        <v>0.11883773905022565</v>
      </c>
    </row>
    <row r="107973" spans="1:7" x14ac:dyDescent="0.3">
      <c r="A107973" s="13" t="s">
        <v>520</v>
      </c>
      <c r="B107973" s="14" t="s">
        <v>1</v>
      </c>
      <c r="C107973" s="14" t="s">
        <v>59</v>
      </c>
      <c r="D107973" s="14" t="s">
        <v>406</v>
      </c>
      <c r="E107973" s="15">
        <v>45674</v>
      </c>
      <c r="F107973" s="14" t="s">
        <v>15</v>
      </c>
      <c r="G107973" s="16">
        <v>0.11603985689755998</v>
      </c>
    </row>
    <row r="107974" spans="1:7" x14ac:dyDescent="0.3">
      <c r="A107974" s="13" t="s">
        <v>520</v>
      </c>
      <c r="B107974" s="14" t="s">
        <v>1</v>
      </c>
      <c r="C107974" s="14" t="s">
        <v>59</v>
      </c>
      <c r="D107974" s="14" t="s">
        <v>406</v>
      </c>
      <c r="E107974" s="15">
        <v>45675</v>
      </c>
      <c r="F107974" s="14" t="s">
        <v>15</v>
      </c>
      <c r="G107974" s="16">
        <v>0.11603985689755998</v>
      </c>
    </row>
    <row r="107975" spans="1:7" x14ac:dyDescent="0.3">
      <c r="A107975" s="13" t="s">
        <v>520</v>
      </c>
      <c r="B107975" s="14" t="s">
        <v>1</v>
      </c>
      <c r="C107975" s="14" t="s">
        <v>59</v>
      </c>
      <c r="D107975" s="14" t="s">
        <v>406</v>
      </c>
      <c r="E107975" s="15">
        <v>45676</v>
      </c>
      <c r="F107975" s="14" t="s">
        <v>15</v>
      </c>
      <c r="G107975" s="16">
        <v>0.11603985689755998</v>
      </c>
    </row>
    <row r="107976" spans="1:7" x14ac:dyDescent="0.3">
      <c r="A107976" s="13" t="s">
        <v>520</v>
      </c>
      <c r="B107976" s="14" t="s">
        <v>1</v>
      </c>
      <c r="C107976" s="14" t="s">
        <v>59</v>
      </c>
      <c r="D107976" s="14" t="s">
        <v>406</v>
      </c>
      <c r="E107976" s="15">
        <v>45677</v>
      </c>
      <c r="F107976" s="14" t="s">
        <v>15</v>
      </c>
      <c r="G107976" s="16">
        <v>0.11322792069084026</v>
      </c>
    </row>
    <row r="107977" spans="1:7" x14ac:dyDescent="0.3">
      <c r="A107977" s="13" t="s">
        <v>520</v>
      </c>
      <c r="B107977" s="14" t="s">
        <v>1</v>
      </c>
      <c r="C107977" s="14" t="s">
        <v>59</v>
      </c>
      <c r="D107977" s="14" t="s">
        <v>406</v>
      </c>
      <c r="E107977" s="15">
        <v>45678</v>
      </c>
      <c r="F107977" s="14" t="s">
        <v>15</v>
      </c>
      <c r="G107977" s="16">
        <v>0.10474679529493132</v>
      </c>
    </row>
    <row r="107978" spans="1:7" x14ac:dyDescent="0.3">
      <c r="A107978" s="13" t="s">
        <v>520</v>
      </c>
      <c r="B107978" s="14" t="s">
        <v>1</v>
      </c>
      <c r="C107978" s="14" t="s">
        <v>59</v>
      </c>
      <c r="D107978" s="14" t="s">
        <v>406</v>
      </c>
      <c r="E107978" s="15">
        <v>45679</v>
      </c>
      <c r="F107978" s="14" t="s">
        <v>15</v>
      </c>
      <c r="G107978" s="16">
        <v>0.10191431854767105</v>
      </c>
    </row>
    <row r="107979" spans="1:7" x14ac:dyDescent="0.3">
      <c r="A107979" s="13" t="s">
        <v>520</v>
      </c>
      <c r="B107979" s="14" t="s">
        <v>1</v>
      </c>
      <c r="C107979" s="14" t="s">
        <v>59</v>
      </c>
      <c r="D107979" s="14" t="s">
        <v>406</v>
      </c>
      <c r="E107979" s="15">
        <v>45680</v>
      </c>
      <c r="F107979" s="14" t="s">
        <v>15</v>
      </c>
      <c r="G107979" s="16">
        <v>9.9078598557167538E-2</v>
      </c>
    </row>
    <row r="107980" spans="1:7" x14ac:dyDescent="0.3">
      <c r="A107980" s="13" t="s">
        <v>520</v>
      </c>
      <c r="B107980" s="14" t="s">
        <v>1</v>
      </c>
      <c r="C107980" s="14" t="s">
        <v>59</v>
      </c>
      <c r="D107980" s="14" t="s">
        <v>406</v>
      </c>
      <c r="E107980" s="15">
        <v>45681</v>
      </c>
      <c r="F107980" s="14" t="s">
        <v>15</v>
      </c>
      <c r="G107980" s="16">
        <v>9.6227743431528873E-2</v>
      </c>
    </row>
    <row r="107981" spans="1:7" x14ac:dyDescent="0.3">
      <c r="A107981" s="13" t="s">
        <v>520</v>
      </c>
      <c r="B107981" s="14" t="s">
        <v>1</v>
      </c>
      <c r="C107981" s="14" t="s">
        <v>59</v>
      </c>
      <c r="D107981" s="14" t="s">
        <v>406</v>
      </c>
      <c r="E107981" s="15">
        <v>45682</v>
      </c>
      <c r="F107981" s="14" t="s">
        <v>15</v>
      </c>
      <c r="G107981" s="16">
        <v>9.6227743431528873E-2</v>
      </c>
    </row>
    <row r="107982" spans="1:7" x14ac:dyDescent="0.3">
      <c r="A107982" s="13" t="s">
        <v>520</v>
      </c>
      <c r="B107982" s="14" t="s">
        <v>1</v>
      </c>
      <c r="C107982" s="14" t="s">
        <v>59</v>
      </c>
      <c r="D107982" s="14" t="s">
        <v>406</v>
      </c>
      <c r="E107982" s="15">
        <v>45683</v>
      </c>
      <c r="F107982" s="14" t="s">
        <v>15</v>
      </c>
      <c r="G107982" s="16">
        <v>9.6227743431528873E-2</v>
      </c>
    </row>
    <row r="107983" spans="1:7" x14ac:dyDescent="0.3">
      <c r="A107983" s="13" t="s">
        <v>520</v>
      </c>
      <c r="B107983" s="14" t="s">
        <v>1</v>
      </c>
      <c r="C107983" s="14" t="s">
        <v>59</v>
      </c>
      <c r="D107983" s="14" t="s">
        <v>406</v>
      </c>
      <c r="E107983" s="15">
        <v>45684</v>
      </c>
      <c r="F107983" s="14" t="s">
        <v>15</v>
      </c>
      <c r="G107983" s="16">
        <v>9.3375807224809149E-2</v>
      </c>
    </row>
    <row r="107984" spans="1:7" x14ac:dyDescent="0.3">
      <c r="A107984" s="13" t="s">
        <v>520</v>
      </c>
      <c r="B107984" s="14" t="s">
        <v>1</v>
      </c>
      <c r="C107984" s="14" t="s">
        <v>59</v>
      </c>
      <c r="D107984" s="14" t="s">
        <v>406</v>
      </c>
      <c r="E107984" s="15">
        <v>45685</v>
      </c>
      <c r="F107984" s="14" t="s">
        <v>15</v>
      </c>
      <c r="G107984" s="16">
        <v>8.4790898045116442E-2</v>
      </c>
    </row>
    <row r="107985" spans="1:7" x14ac:dyDescent="0.3">
      <c r="A107985" s="13" t="s">
        <v>520</v>
      </c>
      <c r="B107985" s="14" t="s">
        <v>1</v>
      </c>
      <c r="C107985" s="14" t="s">
        <v>59</v>
      </c>
      <c r="D107985" s="14" t="s">
        <v>406</v>
      </c>
      <c r="E107985" s="15">
        <v>45686</v>
      </c>
      <c r="F107985" s="14" t="s">
        <v>15</v>
      </c>
      <c r="G107985" s="16">
        <v>8.1959745690307687E-2</v>
      </c>
    </row>
    <row r="107986" spans="1:7" x14ac:dyDescent="0.3">
      <c r="A107986" s="13" t="s">
        <v>520</v>
      </c>
      <c r="B107986" s="14" t="s">
        <v>1</v>
      </c>
      <c r="C107986" s="14" t="s">
        <v>59</v>
      </c>
      <c r="D107986" s="14" t="s">
        <v>406</v>
      </c>
      <c r="E107986" s="15">
        <v>45687</v>
      </c>
      <c r="F107986" s="14" t="s">
        <v>15</v>
      </c>
      <c r="G107986" s="16">
        <v>7.9118690562722541E-2</v>
      </c>
    </row>
    <row r="107987" spans="1:7" x14ac:dyDescent="0.3">
      <c r="A107987" s="13" t="s">
        <v>520</v>
      </c>
      <c r="B107987" s="14" t="s">
        <v>1</v>
      </c>
      <c r="C107987" s="14" t="s">
        <v>59</v>
      </c>
      <c r="D107987" s="14" t="s">
        <v>406</v>
      </c>
      <c r="E107987" s="15">
        <v>45688</v>
      </c>
      <c r="F107987" s="14" t="s">
        <v>15</v>
      </c>
      <c r="G107987" s="16">
        <v>7.6271333670643343E-2</v>
      </c>
    </row>
    <row r="107988" spans="1:7" x14ac:dyDescent="0.3">
      <c r="A107988" s="13" t="s">
        <v>520</v>
      </c>
      <c r="B107988" s="14" t="s">
        <v>1</v>
      </c>
      <c r="C107988" s="14" t="s">
        <v>59</v>
      </c>
      <c r="D107988" s="14" t="s">
        <v>406</v>
      </c>
      <c r="E107988" s="15">
        <v>45689</v>
      </c>
      <c r="F107988" s="14" t="s">
        <v>15</v>
      </c>
      <c r="G107988" s="16">
        <v>7.6271333670643343E-2</v>
      </c>
    </row>
    <row r="107989" spans="1:7" x14ac:dyDescent="0.3">
      <c r="A107989" s="13" t="s">
        <v>520</v>
      </c>
      <c r="B107989" s="14" t="s">
        <v>1</v>
      </c>
      <c r="C107989" s="14" t="s">
        <v>59</v>
      </c>
      <c r="D107989" s="14" t="s">
        <v>406</v>
      </c>
      <c r="E107989" s="15">
        <v>45690</v>
      </c>
      <c r="F107989" s="14" t="s">
        <v>15</v>
      </c>
      <c r="G107989" s="16">
        <v>7.6271333670643343E-2</v>
      </c>
    </row>
    <row r="107990" spans="1:7" x14ac:dyDescent="0.3">
      <c r="A107990" s="13" t="s">
        <v>520</v>
      </c>
      <c r="B107990" s="14" t="s">
        <v>1</v>
      </c>
      <c r="C107990" s="14" t="s">
        <v>59</v>
      </c>
      <c r="D107990" s="14" t="s">
        <v>406</v>
      </c>
      <c r="E107990" s="15">
        <v>45691</v>
      </c>
      <c r="F107990" s="14" t="s">
        <v>15</v>
      </c>
      <c r="G107990" s="16">
        <v>7.6271333670643343E-2</v>
      </c>
    </row>
    <row r="107991" spans="1:7" x14ac:dyDescent="0.3">
      <c r="A107991" s="13" t="s">
        <v>520</v>
      </c>
      <c r="B107991" s="14" t="s">
        <v>1</v>
      </c>
      <c r="C107991" s="14" t="s">
        <v>59</v>
      </c>
      <c r="D107991" s="14" t="s">
        <v>406</v>
      </c>
      <c r="E107991" s="15">
        <v>45692</v>
      </c>
      <c r="F107991" s="14" t="s">
        <v>15</v>
      </c>
      <c r="G107991" s="16">
        <v>7.3421276022352405E-2</v>
      </c>
    </row>
    <row r="107992" spans="1:7" x14ac:dyDescent="0.3">
      <c r="A107992" s="13" t="s">
        <v>520</v>
      </c>
      <c r="B107992" s="14" t="s">
        <v>1</v>
      </c>
      <c r="C107992" s="14" t="s">
        <v>59</v>
      </c>
      <c r="D107992" s="14" t="s">
        <v>406</v>
      </c>
      <c r="E107992" s="15">
        <v>45693</v>
      </c>
      <c r="F107992" s="14" t="s">
        <v>15</v>
      </c>
      <c r="G107992" s="16">
        <v>9.8600566591562383E-2</v>
      </c>
    </row>
    <row r="107993" spans="1:7" x14ac:dyDescent="0.3">
      <c r="A107993" s="13" t="s">
        <v>520</v>
      </c>
      <c r="B107993" s="14" t="s">
        <v>1</v>
      </c>
      <c r="C107993" s="14" t="s">
        <v>59</v>
      </c>
      <c r="D107993" s="14" t="s">
        <v>406</v>
      </c>
      <c r="E107993" s="15">
        <v>45694</v>
      </c>
      <c r="F107993" s="14" t="s">
        <v>15</v>
      </c>
      <c r="G107993" s="16">
        <v>9.5756810707765511E-2</v>
      </c>
    </row>
    <row r="107994" spans="1:7" x14ac:dyDescent="0.3">
      <c r="A107994" s="13" t="s">
        <v>520</v>
      </c>
      <c r="B107994" s="14" t="s">
        <v>1</v>
      </c>
      <c r="C107994" s="14" t="s">
        <v>59</v>
      </c>
      <c r="D107994" s="14" t="s">
        <v>406</v>
      </c>
      <c r="E107994" s="15">
        <v>45695</v>
      </c>
      <c r="F107994" s="14" t="s">
        <v>15</v>
      </c>
      <c r="G107994" s="16">
        <v>0.10685255788482567</v>
      </c>
    </row>
    <row r="107995" spans="1:7" x14ac:dyDescent="0.3">
      <c r="A107995" s="13" t="s">
        <v>520</v>
      </c>
      <c r="B107995" s="14" t="s">
        <v>1</v>
      </c>
      <c r="C107995" s="14" t="s">
        <v>59</v>
      </c>
      <c r="D107995" s="14" t="s">
        <v>406</v>
      </c>
      <c r="E107995" s="15">
        <v>45696</v>
      </c>
      <c r="F107995" s="14" t="s">
        <v>15</v>
      </c>
      <c r="G107995" s="16">
        <v>0.10685255788482567</v>
      </c>
    </row>
    <row r="107996" spans="1:7" x14ac:dyDescent="0.3">
      <c r="A107996" s="13" t="s">
        <v>520</v>
      </c>
      <c r="B107996" s="14" t="s">
        <v>1</v>
      </c>
      <c r="C107996" s="14" t="s">
        <v>59</v>
      </c>
      <c r="D107996" s="14" t="s">
        <v>406</v>
      </c>
      <c r="E107996" s="15">
        <v>45697</v>
      </c>
      <c r="F107996" s="14" t="s">
        <v>15</v>
      </c>
      <c r="G107996" s="16">
        <v>0.10685255788482567</v>
      </c>
    </row>
    <row r="107997" spans="1:7" x14ac:dyDescent="0.3">
      <c r="A107997" s="13" t="s">
        <v>520</v>
      </c>
      <c r="B107997" s="14" t="s">
        <v>1</v>
      </c>
      <c r="C107997" s="14" t="s">
        <v>59</v>
      </c>
      <c r="D107997" s="14" t="s">
        <v>406</v>
      </c>
      <c r="E107997" s="15">
        <v>45698</v>
      </c>
      <c r="F107997" s="14" t="s">
        <v>15</v>
      </c>
      <c r="G107997" s="16">
        <v>0.10399259746375836</v>
      </c>
    </row>
    <row r="107998" spans="1:7" x14ac:dyDescent="0.3">
      <c r="A107998" s="13" t="s">
        <v>520</v>
      </c>
      <c r="B107998" s="14" t="s">
        <v>1</v>
      </c>
      <c r="C107998" s="14" t="s">
        <v>59</v>
      </c>
      <c r="D107998" s="14" t="s">
        <v>406</v>
      </c>
      <c r="E107998" s="15">
        <v>45699</v>
      </c>
      <c r="F107998" s="14" t="s">
        <v>15</v>
      </c>
      <c r="G107998" s="16">
        <v>9.5425038915215352E-2</v>
      </c>
    </row>
    <row r="107999" spans="1:7" x14ac:dyDescent="0.3">
      <c r="A107999" s="13" t="s">
        <v>520</v>
      </c>
      <c r="B107999" s="14" t="s">
        <v>1</v>
      </c>
      <c r="C107999" s="14" t="s">
        <v>59</v>
      </c>
      <c r="D107999" s="14" t="s">
        <v>406</v>
      </c>
      <c r="E107999" s="15">
        <v>45700</v>
      </c>
      <c r="F107999" s="14" t="s">
        <v>15</v>
      </c>
      <c r="G107999" s="16">
        <v>9.2572280510712673E-2</v>
      </c>
    </row>
    <row r="108000" spans="1:7" x14ac:dyDescent="0.3">
      <c r="A108000" s="13" t="s">
        <v>520</v>
      </c>
      <c r="B108000" s="14" t="s">
        <v>1</v>
      </c>
      <c r="C108000" s="14" t="s">
        <v>59</v>
      </c>
      <c r="D108000" s="14" t="s">
        <v>406</v>
      </c>
      <c r="E108000" s="15">
        <v>45701</v>
      </c>
      <c r="F108000" s="14" t="s">
        <v>15</v>
      </c>
      <c r="G108000" s="16">
        <v>8.971862185413941E-2</v>
      </c>
    </row>
    <row r="108001" spans="1:7" x14ac:dyDescent="0.3">
      <c r="A108001" s="13" t="s">
        <v>520</v>
      </c>
      <c r="B108001" s="14" t="s">
        <v>1</v>
      </c>
      <c r="C108001" s="14" t="s">
        <v>59</v>
      </c>
      <c r="D108001" s="14" t="s">
        <v>406</v>
      </c>
      <c r="E108001" s="15">
        <v>45702</v>
      </c>
      <c r="F108001" s="14" t="s">
        <v>15</v>
      </c>
      <c r="G108001" s="16">
        <v>8.6879367230695434E-2</v>
      </c>
    </row>
    <row r="108002" spans="1:7" x14ac:dyDescent="0.3">
      <c r="A108002" s="13" t="s">
        <v>520</v>
      </c>
      <c r="B108002" s="14" t="s">
        <v>1</v>
      </c>
      <c r="C108002" s="14" t="s">
        <v>59</v>
      </c>
      <c r="D108002" s="14" t="s">
        <v>406</v>
      </c>
      <c r="E108002" s="15">
        <v>45703</v>
      </c>
      <c r="F108002" s="14" t="s">
        <v>15</v>
      </c>
      <c r="G108002" s="16">
        <v>8.6879367230695434E-2</v>
      </c>
    </row>
    <row r="108003" spans="1:7" x14ac:dyDescent="0.3">
      <c r="A108003" s="13" t="s">
        <v>520</v>
      </c>
      <c r="B108003" s="14" t="s">
        <v>1</v>
      </c>
      <c r="C108003" s="14" t="s">
        <v>59</v>
      </c>
      <c r="D108003" s="14" t="s">
        <v>406</v>
      </c>
      <c r="E108003" s="15">
        <v>45704</v>
      </c>
      <c r="F108003" s="14" t="s">
        <v>15</v>
      </c>
      <c r="G108003" s="16">
        <v>8.6879367230695434E-2</v>
      </c>
    </row>
    <row r="108004" spans="1:7" x14ac:dyDescent="0.3">
      <c r="A108004" s="13" t="s">
        <v>520</v>
      </c>
      <c r="B108004" s="14" t="s">
        <v>1</v>
      </c>
      <c r="C108004" s="14" t="s">
        <v>59</v>
      </c>
      <c r="D108004" s="14" t="s">
        <v>406</v>
      </c>
      <c r="E108004" s="15">
        <v>45705</v>
      </c>
      <c r="F108004" s="14" t="s">
        <v>15</v>
      </c>
      <c r="G108004" s="16">
        <v>8.4017606305486964E-2</v>
      </c>
    </row>
    <row r="108005" spans="1:7" x14ac:dyDescent="0.3">
      <c r="A108005" s="13" t="s">
        <v>520</v>
      </c>
      <c r="B108005" s="14" t="s">
        <v>1</v>
      </c>
      <c r="C108005" s="14" t="s">
        <v>59</v>
      </c>
      <c r="D108005" s="14" t="s">
        <v>406</v>
      </c>
      <c r="E108005" s="15">
        <v>45706</v>
      </c>
      <c r="F108005" s="14" t="s">
        <v>15</v>
      </c>
      <c r="G108005" s="16">
        <v>7.5379828095438736E-2</v>
      </c>
    </row>
    <row r="108006" spans="1:7" x14ac:dyDescent="0.3">
      <c r="A108006" s="13" t="s">
        <v>520</v>
      </c>
      <c r="B108006" s="14" t="s">
        <v>1</v>
      </c>
      <c r="C108006" s="14" t="s">
        <v>59</v>
      </c>
      <c r="D108006" s="14" t="s">
        <v>406</v>
      </c>
      <c r="E108006" s="15">
        <v>45707</v>
      </c>
      <c r="F108006" s="14" t="s">
        <v>15</v>
      </c>
      <c r="G108006" s="16">
        <v>7.7142662056798497E-2</v>
      </c>
    </row>
    <row r="108007" spans="1:7" x14ac:dyDescent="0.3">
      <c r="A108007" s="13" t="s">
        <v>520</v>
      </c>
      <c r="B108007" s="14" t="s">
        <v>1</v>
      </c>
      <c r="C108007" s="14" t="s">
        <v>59</v>
      </c>
      <c r="D108007" s="14" t="s">
        <v>406</v>
      </c>
      <c r="E108007" s="15">
        <v>45708</v>
      </c>
      <c r="F108007" s="14" t="s">
        <v>15</v>
      </c>
      <c r="G108007" s="16">
        <v>7.426649709846074E-2</v>
      </c>
    </row>
    <row r="108008" spans="1:7" x14ac:dyDescent="0.3">
      <c r="A108008" s="13" t="s">
        <v>520</v>
      </c>
      <c r="B108008" s="14" t="s">
        <v>1</v>
      </c>
      <c r="C108008" s="14" t="s">
        <v>59</v>
      </c>
      <c r="D108008" s="14" t="s">
        <v>406</v>
      </c>
      <c r="E108008" s="15">
        <v>45709</v>
      </c>
      <c r="F108008" s="14" t="s">
        <v>15</v>
      </c>
      <c r="G108008" s="16">
        <v>7.1391232392193568E-2</v>
      </c>
    </row>
    <row r="108009" spans="1:7" x14ac:dyDescent="0.3">
      <c r="A108009" s="13" t="s">
        <v>520</v>
      </c>
      <c r="B108009" s="14" t="s">
        <v>1</v>
      </c>
      <c r="C108009" s="14" t="s">
        <v>59</v>
      </c>
      <c r="D108009" s="14" t="s">
        <v>406</v>
      </c>
      <c r="E108009" s="15">
        <v>45710</v>
      </c>
      <c r="F108009" s="14" t="s">
        <v>15</v>
      </c>
      <c r="G108009" s="16">
        <v>7.1391232392193568E-2</v>
      </c>
    </row>
    <row r="108010" spans="1:7" x14ac:dyDescent="0.3">
      <c r="A108010" s="13" t="s">
        <v>520</v>
      </c>
      <c r="B108010" s="14" t="s">
        <v>1</v>
      </c>
      <c r="C108010" s="14" t="s">
        <v>59</v>
      </c>
      <c r="D108010" s="14" t="s">
        <v>406</v>
      </c>
      <c r="E108010" s="15">
        <v>45711</v>
      </c>
      <c r="F108010" s="14" t="s">
        <v>15</v>
      </c>
      <c r="G108010" s="16">
        <v>7.1391232392193568E-2</v>
      </c>
    </row>
    <row r="108011" spans="1:7" x14ac:dyDescent="0.3">
      <c r="A108011" s="13" t="s">
        <v>520</v>
      </c>
      <c r="B108011" s="14" t="s">
        <v>1</v>
      </c>
      <c r="C108011" s="14" t="s">
        <v>59</v>
      </c>
      <c r="D108011" s="14" t="s">
        <v>406</v>
      </c>
      <c r="E108011" s="15">
        <v>45712</v>
      </c>
      <c r="F108011" s="14" t="s">
        <v>15</v>
      </c>
      <c r="G108011" s="16">
        <v>7.9800627390643711E-2</v>
      </c>
    </row>
    <row r="108012" spans="1:7" x14ac:dyDescent="0.3">
      <c r="A108012" s="13" t="s">
        <v>520</v>
      </c>
      <c r="B108012" s="14" t="s">
        <v>1</v>
      </c>
      <c r="C108012" s="14" t="s">
        <v>59</v>
      </c>
      <c r="D108012" s="14" t="s">
        <v>406</v>
      </c>
      <c r="E108012" s="15">
        <v>45713</v>
      </c>
      <c r="F108012" s="14" t="s">
        <v>15</v>
      </c>
      <c r="G108012" s="16">
        <v>7.1159248172313172E-2</v>
      </c>
    </row>
    <row r="108013" spans="1:7" x14ac:dyDescent="0.3">
      <c r="A108013" s="13" t="s">
        <v>520</v>
      </c>
      <c r="B108013" s="14" t="s">
        <v>1</v>
      </c>
      <c r="C108013" s="14" t="s">
        <v>59</v>
      </c>
      <c r="D108013" s="14" t="s">
        <v>406</v>
      </c>
      <c r="E108013" s="15">
        <v>45714</v>
      </c>
      <c r="F108013" s="14" t="s">
        <v>15</v>
      </c>
      <c r="G108013" s="16">
        <v>6.8299287751245857E-2</v>
      </c>
    </row>
    <row r="108014" spans="1:7" x14ac:dyDescent="0.3">
      <c r="A108014" s="13" t="s">
        <v>520</v>
      </c>
      <c r="B108014" s="14" t="s">
        <v>1</v>
      </c>
      <c r="C108014" s="14" t="s">
        <v>59</v>
      </c>
      <c r="D108014" s="14" t="s">
        <v>406</v>
      </c>
      <c r="E108014" s="15">
        <v>45715</v>
      </c>
      <c r="F108014" s="14" t="s">
        <v>15</v>
      </c>
      <c r="G108014" s="16">
        <v>6.54546316153784E-2</v>
      </c>
    </row>
    <row r="108015" spans="1:7" x14ac:dyDescent="0.3">
      <c r="A108015" s="13" t="s">
        <v>520</v>
      </c>
      <c r="B108015" s="14" t="s">
        <v>1</v>
      </c>
      <c r="C108015" s="14" t="s">
        <v>59</v>
      </c>
      <c r="D108015" s="14" t="s">
        <v>406</v>
      </c>
      <c r="E108015" s="15">
        <v>45716</v>
      </c>
      <c r="F108015" s="14" t="s">
        <v>15</v>
      </c>
      <c r="G108015" s="16">
        <v>6.258836942981702E-2</v>
      </c>
    </row>
    <row r="108016" spans="1:7" x14ac:dyDescent="0.3">
      <c r="A108016" s="13" t="s">
        <v>520</v>
      </c>
      <c r="B108016" s="14" t="s">
        <v>1</v>
      </c>
      <c r="C108016" s="14" t="s">
        <v>59</v>
      </c>
      <c r="D108016" s="14" t="s">
        <v>406</v>
      </c>
      <c r="E108016" s="15">
        <v>45717</v>
      </c>
      <c r="F108016" s="14" t="s">
        <v>15</v>
      </c>
      <c r="G108016" s="16">
        <v>6.258836942981702E-2</v>
      </c>
    </row>
    <row r="108017" spans="1:7" x14ac:dyDescent="0.3">
      <c r="A108017" s="13" t="s">
        <v>520</v>
      </c>
      <c r="B108017" s="14" t="s">
        <v>1</v>
      </c>
      <c r="C108017" s="14" t="s">
        <v>59</v>
      </c>
      <c r="D108017" s="14" t="s">
        <v>406</v>
      </c>
      <c r="E108017" s="15">
        <v>45718</v>
      </c>
      <c r="F108017" s="14" t="s">
        <v>15</v>
      </c>
      <c r="G108017" s="16">
        <v>6.258836942981702E-2</v>
      </c>
    </row>
    <row r="108018" spans="1:7" x14ac:dyDescent="0.3">
      <c r="A108018" s="13" t="s">
        <v>520</v>
      </c>
      <c r="B108018" s="14" t="s">
        <v>1</v>
      </c>
      <c r="C108018" s="14" t="s">
        <v>59</v>
      </c>
      <c r="D108018" s="14" t="s">
        <v>406</v>
      </c>
      <c r="E108018" s="15">
        <v>45719</v>
      </c>
      <c r="F108018" s="14" t="s">
        <v>15</v>
      </c>
      <c r="G108018" s="16">
        <v>5.9733810521173186E-2</v>
      </c>
    </row>
    <row r="108019" spans="1:7" x14ac:dyDescent="0.3">
      <c r="A108019" s="13" t="s">
        <v>520</v>
      </c>
      <c r="B108019" s="14" t="s">
        <v>1</v>
      </c>
      <c r="C108019" s="14" t="s">
        <v>59</v>
      </c>
      <c r="D108019" s="14" t="s">
        <v>406</v>
      </c>
      <c r="E108019" s="15">
        <v>45720</v>
      </c>
      <c r="F108019" s="14" t="s">
        <v>15</v>
      </c>
      <c r="G108019" s="16">
        <v>5.3707663567876845E-2</v>
      </c>
    </row>
    <row r="108020" spans="1:7" x14ac:dyDescent="0.3">
      <c r="A108020" s="13" t="s">
        <v>520</v>
      </c>
      <c r="B108020" s="14" t="s">
        <v>1</v>
      </c>
      <c r="C108020" s="14" t="s">
        <v>59</v>
      </c>
      <c r="D108020" s="14" t="s">
        <v>406</v>
      </c>
      <c r="E108020" s="15">
        <v>45721</v>
      </c>
      <c r="F108020" s="14" t="s">
        <v>15</v>
      </c>
      <c r="G108020" s="16">
        <v>5.0851304155091849E-2</v>
      </c>
    </row>
    <row r="108021" spans="1:7" x14ac:dyDescent="0.3">
      <c r="A108021" s="13" t="s">
        <v>520</v>
      </c>
      <c r="B108021" s="14" t="s">
        <v>1</v>
      </c>
      <c r="C108021" s="14" t="s">
        <v>59</v>
      </c>
      <c r="D108021" s="14" t="s">
        <v>406</v>
      </c>
      <c r="E108021" s="15">
        <v>45722</v>
      </c>
      <c r="F108021" s="14" t="s">
        <v>15</v>
      </c>
      <c r="G108021" s="16">
        <v>4.8035456085482944E-2</v>
      </c>
    </row>
    <row r="108022" spans="1:7" x14ac:dyDescent="0.3">
      <c r="A108022" s="13" t="s">
        <v>520</v>
      </c>
      <c r="B108022" s="14" t="s">
        <v>1</v>
      </c>
      <c r="C108022" s="14" t="s">
        <v>59</v>
      </c>
      <c r="D108022" s="14" t="s">
        <v>406</v>
      </c>
      <c r="E108022" s="15">
        <v>45723</v>
      </c>
      <c r="F108022" s="14" t="s">
        <v>15</v>
      </c>
      <c r="G108022" s="16">
        <v>4.5216907259662306E-2</v>
      </c>
    </row>
    <row r="108023" spans="1:7" x14ac:dyDescent="0.3">
      <c r="A108023" s="13" t="s">
        <v>520</v>
      </c>
      <c r="B108023" s="14" t="s">
        <v>1</v>
      </c>
      <c r="C108023" s="14" t="s">
        <v>59</v>
      </c>
      <c r="D108023" s="14" t="s">
        <v>406</v>
      </c>
      <c r="E108023" s="15">
        <v>45724</v>
      </c>
      <c r="F108023" s="14" t="s">
        <v>15</v>
      </c>
      <c r="G108023" s="16">
        <v>4.5216907259662306E-2</v>
      </c>
    </row>
    <row r="108024" spans="1:7" x14ac:dyDescent="0.3">
      <c r="A108024" s="13" t="s">
        <v>520</v>
      </c>
      <c r="B108024" s="14" t="s">
        <v>1</v>
      </c>
      <c r="C108024" s="14" t="s">
        <v>59</v>
      </c>
      <c r="D108024" s="14" t="s">
        <v>406</v>
      </c>
      <c r="E108024" s="15">
        <v>45725</v>
      </c>
      <c r="F108024" s="14" t="s">
        <v>15</v>
      </c>
      <c r="G108024" s="16">
        <v>4.5216907259662306E-2</v>
      </c>
    </row>
    <row r="108025" spans="1:7" x14ac:dyDescent="0.3">
      <c r="A108025" s="13" t="s">
        <v>520</v>
      </c>
      <c r="B108025" s="14" t="s">
        <v>1</v>
      </c>
      <c r="C108025" s="14" t="s">
        <v>59</v>
      </c>
      <c r="D108025" s="14" t="s">
        <v>406</v>
      </c>
      <c r="E108025" s="15">
        <v>45726</v>
      </c>
      <c r="F108025" s="14" t="s">
        <v>15</v>
      </c>
      <c r="G108025" s="16">
        <v>4.2392056669347603E-2</v>
      </c>
    </row>
    <row r="108026" spans="1:7" x14ac:dyDescent="0.3">
      <c r="A108026" s="13" t="s">
        <v>520</v>
      </c>
      <c r="B108026" s="14" t="s">
        <v>1</v>
      </c>
      <c r="C108026" s="14" t="s">
        <v>59</v>
      </c>
      <c r="D108026" s="14" t="s">
        <v>406</v>
      </c>
      <c r="E108026" s="15">
        <v>45727</v>
      </c>
      <c r="F108026" s="14" t="s">
        <v>15</v>
      </c>
      <c r="G108026" s="16">
        <v>3.3960436183462131E-2</v>
      </c>
    </row>
    <row r="108027" spans="1:7" x14ac:dyDescent="0.3">
      <c r="A108027" s="13" t="s">
        <v>520</v>
      </c>
      <c r="B108027" s="14" t="s">
        <v>1</v>
      </c>
      <c r="C108027" s="14" t="s">
        <v>59</v>
      </c>
      <c r="D108027" s="14" t="s">
        <v>406</v>
      </c>
      <c r="E108027" s="15">
        <v>45728</v>
      </c>
      <c r="F108027" s="14" t="s">
        <v>15</v>
      </c>
      <c r="G108027" s="16">
        <v>3.1161692903194243E-2</v>
      </c>
    </row>
    <row r="108028" spans="1:7" x14ac:dyDescent="0.3">
      <c r="A108028" s="13" t="s">
        <v>520</v>
      </c>
      <c r="B108028" s="14" t="s">
        <v>1</v>
      </c>
      <c r="C108028" s="14" t="s">
        <v>59</v>
      </c>
      <c r="D108028" s="14" t="s">
        <v>406</v>
      </c>
      <c r="E108028" s="15">
        <v>45729</v>
      </c>
      <c r="F108028" s="14" t="s">
        <v>15</v>
      </c>
      <c r="G108028" s="16">
        <v>2.8407061974384758E-2</v>
      </c>
    </row>
    <row r="108029" spans="1:7" x14ac:dyDescent="0.3">
      <c r="A108029" s="13" t="s">
        <v>520</v>
      </c>
      <c r="B108029" s="14" t="s">
        <v>1</v>
      </c>
      <c r="C108029" s="14" t="s">
        <v>59</v>
      </c>
      <c r="D108029" s="14" t="s">
        <v>406</v>
      </c>
      <c r="E108029" s="15">
        <v>45730</v>
      </c>
      <c r="F108029" s="14" t="s">
        <v>15</v>
      </c>
      <c r="G108029" s="16">
        <v>3.9285848402435201E-2</v>
      </c>
    </row>
    <row r="108030" spans="1:7" x14ac:dyDescent="0.3">
      <c r="A108030" s="13" t="s">
        <v>520</v>
      </c>
      <c r="B108030" s="14" t="s">
        <v>1</v>
      </c>
      <c r="C108030" s="14" t="s">
        <v>59</v>
      </c>
      <c r="D108030" s="14" t="s">
        <v>406</v>
      </c>
      <c r="E108030" s="15">
        <v>45731</v>
      </c>
      <c r="F108030" s="14" t="s">
        <v>15</v>
      </c>
      <c r="G108030" s="16">
        <v>3.9285848402435201E-2</v>
      </c>
    </row>
    <row r="108031" spans="1:7" x14ac:dyDescent="0.3">
      <c r="A108031" s="13" t="s">
        <v>520</v>
      </c>
      <c r="B108031" s="14" t="s">
        <v>1</v>
      </c>
      <c r="C108031" s="14" t="s">
        <v>59</v>
      </c>
      <c r="D108031" s="14" t="s">
        <v>406</v>
      </c>
      <c r="E108031" s="15">
        <v>45732</v>
      </c>
      <c r="F108031" s="14" t="s">
        <v>15</v>
      </c>
      <c r="G108031" s="16">
        <v>3.9285848402435201E-2</v>
      </c>
    </row>
    <row r="108032" spans="1:7" x14ac:dyDescent="0.3">
      <c r="A108032" s="13" t="s">
        <v>520</v>
      </c>
      <c r="B108032" s="14" t="s">
        <v>1</v>
      </c>
      <c r="C108032" s="14" t="s">
        <v>59</v>
      </c>
      <c r="D108032" s="14" t="s">
        <v>406</v>
      </c>
      <c r="E108032" s="15">
        <v>45733</v>
      </c>
      <c r="F108032" s="14" t="s">
        <v>15</v>
      </c>
      <c r="G108032" s="16">
        <v>3.9285848402435201E-2</v>
      </c>
    </row>
    <row r="108033" spans="1:7" x14ac:dyDescent="0.3">
      <c r="A108033" s="13" t="s">
        <v>520</v>
      </c>
      <c r="B108033" s="14" t="s">
        <v>1</v>
      </c>
      <c r="C108033" s="14" t="s">
        <v>59</v>
      </c>
      <c r="D108033" s="14" t="s">
        <v>406</v>
      </c>
      <c r="E108033" s="15">
        <v>45734</v>
      </c>
      <c r="F108033" s="14" t="s">
        <v>15</v>
      </c>
      <c r="G108033" s="16">
        <v>3.6533918229837453E-2</v>
      </c>
    </row>
    <row r="108034" spans="1:7" x14ac:dyDescent="0.3">
      <c r="A108034" s="13" t="s">
        <v>520</v>
      </c>
      <c r="B108034" s="14" t="s">
        <v>1</v>
      </c>
      <c r="C108034" s="14" t="s">
        <v>59</v>
      </c>
      <c r="D108034" s="14" t="s">
        <v>406</v>
      </c>
      <c r="E108034" s="15">
        <v>45735</v>
      </c>
      <c r="F108034" s="14" t="s">
        <v>15</v>
      </c>
      <c r="G108034" s="16">
        <v>2.5430349598471257E-2</v>
      </c>
    </row>
    <row r="108035" spans="1:7" x14ac:dyDescent="0.3">
      <c r="A108035" s="13" t="s">
        <v>520</v>
      </c>
      <c r="B108035" s="14" t="s">
        <v>1</v>
      </c>
      <c r="C108035" s="14" t="s">
        <v>59</v>
      </c>
      <c r="D108035" s="14" t="s">
        <v>406</v>
      </c>
      <c r="E108035" s="15">
        <v>45736</v>
      </c>
      <c r="F108035" s="14" t="s">
        <v>15</v>
      </c>
      <c r="G108035" s="16">
        <v>2.2649611359614963E-2</v>
      </c>
    </row>
    <row r="108036" spans="1:7" x14ac:dyDescent="0.3">
      <c r="A108036" s="13" t="s">
        <v>520</v>
      </c>
      <c r="B108036" s="14" t="s">
        <v>1</v>
      </c>
      <c r="C108036" s="14" t="s">
        <v>59</v>
      </c>
      <c r="D108036" s="14" t="s">
        <v>406</v>
      </c>
      <c r="E108036" s="15">
        <v>45737</v>
      </c>
      <c r="F108036" s="14" t="s">
        <v>15</v>
      </c>
      <c r="G108036" s="16">
        <v>4.2579532105274334E-2</v>
      </c>
    </row>
    <row r="108037" spans="1:7" x14ac:dyDescent="0.3">
      <c r="A108037" s="13" t="s">
        <v>520</v>
      </c>
      <c r="B108037" s="14" t="s">
        <v>1</v>
      </c>
      <c r="C108037" s="14" t="s">
        <v>59</v>
      </c>
      <c r="D108037" s="14" t="s">
        <v>406</v>
      </c>
      <c r="E108037" s="15">
        <v>45738</v>
      </c>
      <c r="F108037" s="14" t="s">
        <v>15</v>
      </c>
      <c r="G108037" s="16">
        <v>4.2579532105274334E-2</v>
      </c>
    </row>
    <row r="108038" spans="1:7" x14ac:dyDescent="0.3">
      <c r="A108038" s="13" t="s">
        <v>520</v>
      </c>
      <c r="B108038" s="14" t="s">
        <v>1</v>
      </c>
      <c r="C108038" s="14" t="s">
        <v>59</v>
      </c>
      <c r="D108038" s="14" t="s">
        <v>406</v>
      </c>
      <c r="E108038" s="15">
        <v>45739</v>
      </c>
      <c r="F108038" s="14" t="s">
        <v>15</v>
      </c>
      <c r="G108038" s="16">
        <v>4.2579532105274334E-2</v>
      </c>
    </row>
    <row r="108039" spans="1:7" x14ac:dyDescent="0.3">
      <c r="A108039" s="13" t="s">
        <v>520</v>
      </c>
      <c r="B108039" s="14" t="s">
        <v>1</v>
      </c>
      <c r="C108039" s="14" t="s">
        <v>59</v>
      </c>
      <c r="D108039" s="14" t="s">
        <v>406</v>
      </c>
      <c r="E108039" s="15">
        <v>45740</v>
      </c>
      <c r="F108039" s="14" t="s">
        <v>15</v>
      </c>
      <c r="G108039" s="16">
        <v>3.9788891093641664E-2</v>
      </c>
    </row>
    <row r="108040" spans="1:7" x14ac:dyDescent="0.3">
      <c r="A108040" s="13" t="s">
        <v>520</v>
      </c>
      <c r="B108040" s="14" t="s">
        <v>1</v>
      </c>
      <c r="C108040" s="14" t="s">
        <v>59</v>
      </c>
      <c r="D108040" s="14" t="s">
        <v>406</v>
      </c>
      <c r="E108040" s="15">
        <v>45741</v>
      </c>
      <c r="F108040" s="14" t="s">
        <v>15</v>
      </c>
      <c r="G108040" s="16">
        <v>3.1428390521331999E-2</v>
      </c>
    </row>
    <row r="108041" spans="1:7" x14ac:dyDescent="0.3">
      <c r="A108041" s="13" t="s">
        <v>520</v>
      </c>
      <c r="B108041" s="14" t="s">
        <v>1</v>
      </c>
      <c r="C108041" s="14" t="s">
        <v>59</v>
      </c>
      <c r="D108041" s="14" t="s">
        <v>406</v>
      </c>
      <c r="E108041" s="15">
        <v>45742</v>
      </c>
      <c r="F108041" s="14" t="s">
        <v>15</v>
      </c>
      <c r="G108041" s="16">
        <v>2.862694648485237E-2</v>
      </c>
    </row>
    <row r="108042" spans="1:7" x14ac:dyDescent="0.3">
      <c r="A108042" s="13" t="s">
        <v>520</v>
      </c>
      <c r="B108042" s="14" t="s">
        <v>1</v>
      </c>
      <c r="C108042" s="14" t="s">
        <v>59</v>
      </c>
      <c r="D108042" s="14" t="s">
        <v>406</v>
      </c>
      <c r="E108042" s="15">
        <v>45743</v>
      </c>
      <c r="F108042" s="14" t="s">
        <v>15</v>
      </c>
      <c r="G108042" s="16">
        <v>2.5824602196302164E-2</v>
      </c>
    </row>
    <row r="108043" spans="1:7" x14ac:dyDescent="0.3">
      <c r="A108043" s="13" t="s">
        <v>520</v>
      </c>
      <c r="B108043" s="14" t="s">
        <v>1</v>
      </c>
      <c r="C108043" s="14" t="s">
        <v>59</v>
      </c>
      <c r="D108043" s="14" t="s">
        <v>406</v>
      </c>
      <c r="E108043" s="15">
        <v>45744</v>
      </c>
      <c r="F108043" s="14" t="s">
        <v>15</v>
      </c>
      <c r="G108043" s="16">
        <v>2.3029459924316594E-2</v>
      </c>
    </row>
    <row r="108044" spans="1:7" x14ac:dyDescent="0.3">
      <c r="A108044" s="13" t="s">
        <v>520</v>
      </c>
      <c r="B108044" s="14" t="s">
        <v>1</v>
      </c>
      <c r="C108044" s="14" t="s">
        <v>59</v>
      </c>
      <c r="D108044" s="14" t="s">
        <v>406</v>
      </c>
      <c r="E108044" s="15">
        <v>45745</v>
      </c>
      <c r="F108044" s="14" t="s">
        <v>15</v>
      </c>
      <c r="G108044" s="16">
        <v>2.3029459924316594E-2</v>
      </c>
    </row>
    <row r="108045" spans="1:7" x14ac:dyDescent="0.3">
      <c r="A108045" s="13" t="s">
        <v>520</v>
      </c>
      <c r="B108045" s="14" t="s">
        <v>1</v>
      </c>
      <c r="C108045" s="14" t="s">
        <v>59</v>
      </c>
      <c r="D108045" s="14" t="s">
        <v>406</v>
      </c>
      <c r="E108045" s="15">
        <v>45746</v>
      </c>
      <c r="F108045" s="14" t="s">
        <v>15</v>
      </c>
      <c r="G108045" s="16">
        <v>2.3029459924316594E-2</v>
      </c>
    </row>
    <row r="108046" spans="1:7" x14ac:dyDescent="0.3">
      <c r="A108046" s="13" t="s">
        <v>520</v>
      </c>
      <c r="B108046" s="14" t="s">
        <v>1</v>
      </c>
      <c r="C108046" s="14" t="s">
        <v>59</v>
      </c>
      <c r="D108046" s="14" t="s">
        <v>406</v>
      </c>
      <c r="E108046" s="15">
        <v>45747</v>
      </c>
      <c r="F108046" s="14" t="s">
        <v>15</v>
      </c>
      <c r="G108046" s="16">
        <v>2.0237918660613342E-2</v>
      </c>
    </row>
    <row r="108047" spans="1:7" x14ac:dyDescent="0.3">
      <c r="A108047" s="13" t="s">
        <v>521</v>
      </c>
      <c r="B108047" s="14" t="s">
        <v>1</v>
      </c>
      <c r="C108047" s="14" t="s">
        <v>70</v>
      </c>
      <c r="D108047" s="14" t="s">
        <v>522</v>
      </c>
      <c r="E108047" s="15">
        <v>45383</v>
      </c>
      <c r="F108047" s="14" t="s">
        <v>15</v>
      </c>
      <c r="G108047" s="16">
        <v>0</v>
      </c>
    </row>
    <row r="108048" spans="1:7" x14ac:dyDescent="0.3">
      <c r="A108048" s="13" t="s">
        <v>521</v>
      </c>
      <c r="B108048" s="14" t="s">
        <v>1</v>
      </c>
      <c r="C108048" s="14" t="s">
        <v>70</v>
      </c>
      <c r="D108048" s="14" t="s">
        <v>522</v>
      </c>
      <c r="E108048" s="15">
        <v>45384</v>
      </c>
      <c r="F108048" s="14" t="s">
        <v>15</v>
      </c>
      <c r="G108048" s="16">
        <v>0</v>
      </c>
    </row>
    <row r="108049" spans="1:7" x14ac:dyDescent="0.3">
      <c r="A108049" s="13" t="s">
        <v>521</v>
      </c>
      <c r="B108049" s="14" t="s">
        <v>1</v>
      </c>
      <c r="C108049" s="14" t="s">
        <v>70</v>
      </c>
      <c r="D108049" s="14" t="s">
        <v>522</v>
      </c>
      <c r="E108049" s="15">
        <v>45385</v>
      </c>
      <c r="F108049" s="14" t="s">
        <v>15</v>
      </c>
      <c r="G108049" s="16">
        <v>4.4751488967252673E-2</v>
      </c>
    </row>
    <row r="108050" spans="1:7" x14ac:dyDescent="0.3">
      <c r="A108050" s="13" t="s">
        <v>521</v>
      </c>
      <c r="B108050" s="14" t="s">
        <v>1</v>
      </c>
      <c r="C108050" s="14" t="s">
        <v>70</v>
      </c>
      <c r="D108050" s="14" t="s">
        <v>522</v>
      </c>
      <c r="E108050" s="15">
        <v>45386</v>
      </c>
      <c r="F108050" s="14" t="s">
        <v>15</v>
      </c>
      <c r="G108050" s="16">
        <v>5.6188994678433947E-2</v>
      </c>
    </row>
    <row r="108051" spans="1:7" x14ac:dyDescent="0.3">
      <c r="A108051" s="13" t="s">
        <v>521</v>
      </c>
      <c r="B108051" s="14" t="s">
        <v>1</v>
      </c>
      <c r="C108051" s="14" t="s">
        <v>70</v>
      </c>
      <c r="D108051" s="14" t="s">
        <v>522</v>
      </c>
      <c r="E108051" s="15">
        <v>45387</v>
      </c>
      <c r="F108051" s="14" t="s">
        <v>15</v>
      </c>
      <c r="G108051" s="16">
        <v>7.6762665891587131E-2</v>
      </c>
    </row>
    <row r="108052" spans="1:7" x14ac:dyDescent="0.3">
      <c r="A108052" s="13" t="s">
        <v>521</v>
      </c>
      <c r="B108052" s="14" t="s">
        <v>1</v>
      </c>
      <c r="C108052" s="14" t="s">
        <v>70</v>
      </c>
      <c r="D108052" s="14" t="s">
        <v>522</v>
      </c>
      <c r="E108052" s="15">
        <v>45388</v>
      </c>
      <c r="F108052" s="14" t="s">
        <v>15</v>
      </c>
      <c r="G108052" s="16">
        <v>7.6762665891587131E-2</v>
      </c>
    </row>
    <row r="108053" spans="1:7" x14ac:dyDescent="0.3">
      <c r="A108053" s="13" t="s">
        <v>521</v>
      </c>
      <c r="B108053" s="14" t="s">
        <v>1</v>
      </c>
      <c r="C108053" s="14" t="s">
        <v>70</v>
      </c>
      <c r="D108053" s="14" t="s">
        <v>522</v>
      </c>
      <c r="E108053" s="15">
        <v>45389</v>
      </c>
      <c r="F108053" s="14" t="s">
        <v>15</v>
      </c>
      <c r="G108053" s="16">
        <v>7.6762665891587131E-2</v>
      </c>
    </row>
    <row r="108054" spans="1:7" x14ac:dyDescent="0.3">
      <c r="A108054" s="13" t="s">
        <v>521</v>
      </c>
      <c r="B108054" s="14" t="s">
        <v>1</v>
      </c>
      <c r="C108054" s="14" t="s">
        <v>70</v>
      </c>
      <c r="D108054" s="14" t="s">
        <v>522</v>
      </c>
      <c r="E108054" s="15">
        <v>45390</v>
      </c>
      <c r="F108054" s="14" t="s">
        <v>15</v>
      </c>
      <c r="G108054" s="16">
        <v>9.9455923872119142E-2</v>
      </c>
    </row>
    <row r="108055" spans="1:7" x14ac:dyDescent="0.3">
      <c r="A108055" s="13" t="s">
        <v>521</v>
      </c>
      <c r="B108055" s="14" t="s">
        <v>1</v>
      </c>
      <c r="C108055" s="14" t="s">
        <v>70</v>
      </c>
      <c r="D108055" s="14" t="s">
        <v>522</v>
      </c>
      <c r="E108055" s="15">
        <v>45391</v>
      </c>
      <c r="F108055" s="14" t="s">
        <v>15</v>
      </c>
      <c r="G108055" s="16">
        <v>0.12133325040231795</v>
      </c>
    </row>
    <row r="108056" spans="1:7" x14ac:dyDescent="0.3">
      <c r="A108056" s="13" t="s">
        <v>521</v>
      </c>
      <c r="B108056" s="14" t="s">
        <v>1</v>
      </c>
      <c r="C108056" s="14" t="s">
        <v>70</v>
      </c>
      <c r="D108056" s="14" t="s">
        <v>522</v>
      </c>
      <c r="E108056" s="15">
        <v>45392</v>
      </c>
      <c r="F108056" s="14" t="s">
        <v>15</v>
      </c>
      <c r="G108056" s="16">
        <v>0.14164937942907865</v>
      </c>
    </row>
    <row r="108057" spans="1:7" x14ac:dyDescent="0.3">
      <c r="A108057" s="13" t="s">
        <v>521</v>
      </c>
      <c r="B108057" s="14" t="s">
        <v>1</v>
      </c>
      <c r="C108057" s="14" t="s">
        <v>70</v>
      </c>
      <c r="D108057" s="14" t="s">
        <v>522</v>
      </c>
      <c r="E108057" s="15">
        <v>45393</v>
      </c>
      <c r="F108057" s="14" t="s">
        <v>15</v>
      </c>
      <c r="G108057" s="16">
        <v>0.14773949554988358</v>
      </c>
    </row>
    <row r="108058" spans="1:7" x14ac:dyDescent="0.3">
      <c r="A108058" s="13" t="s">
        <v>521</v>
      </c>
      <c r="B108058" s="14" t="s">
        <v>1</v>
      </c>
      <c r="C108058" s="14" t="s">
        <v>70</v>
      </c>
      <c r="D108058" s="14" t="s">
        <v>522</v>
      </c>
      <c r="E108058" s="15">
        <v>45394</v>
      </c>
      <c r="F108058" s="14" t="s">
        <v>15</v>
      </c>
      <c r="G108058" s="16">
        <v>0.15415252503152638</v>
      </c>
    </row>
    <row r="108059" spans="1:7" x14ac:dyDescent="0.3">
      <c r="A108059" s="13" t="s">
        <v>521</v>
      </c>
      <c r="B108059" s="14" t="s">
        <v>1</v>
      </c>
      <c r="C108059" s="14" t="s">
        <v>70</v>
      </c>
      <c r="D108059" s="14" t="s">
        <v>522</v>
      </c>
      <c r="E108059" s="15">
        <v>45395</v>
      </c>
      <c r="F108059" s="14" t="s">
        <v>15</v>
      </c>
      <c r="G108059" s="16">
        <v>0.15415252503152638</v>
      </c>
    </row>
    <row r="108060" spans="1:7" x14ac:dyDescent="0.3">
      <c r="A108060" s="13" t="s">
        <v>521</v>
      </c>
      <c r="B108060" s="14" t="s">
        <v>1</v>
      </c>
      <c r="C108060" s="14" t="s">
        <v>70</v>
      </c>
      <c r="D108060" s="14" t="s">
        <v>522</v>
      </c>
      <c r="E108060" s="15">
        <v>45396</v>
      </c>
      <c r="F108060" s="14" t="s">
        <v>15</v>
      </c>
      <c r="G108060" s="16">
        <v>0.15415252503152638</v>
      </c>
    </row>
    <row r="108061" spans="1:7" x14ac:dyDescent="0.3">
      <c r="A108061" s="13" t="s">
        <v>521</v>
      </c>
      <c r="B108061" s="14" t="s">
        <v>1</v>
      </c>
      <c r="C108061" s="14" t="s">
        <v>70</v>
      </c>
      <c r="D108061" s="14" t="s">
        <v>522</v>
      </c>
      <c r="E108061" s="15">
        <v>45397</v>
      </c>
      <c r="F108061" s="14" t="s">
        <v>15</v>
      </c>
      <c r="G108061" s="16">
        <v>0.18264965479879275</v>
      </c>
    </row>
    <row r="108062" spans="1:7" x14ac:dyDescent="0.3">
      <c r="A108062" s="13" t="s">
        <v>521</v>
      </c>
      <c r="B108062" s="14" t="s">
        <v>1</v>
      </c>
      <c r="C108062" s="14" t="s">
        <v>70</v>
      </c>
      <c r="D108062" s="14" t="s">
        <v>522</v>
      </c>
      <c r="E108062" s="15">
        <v>45398</v>
      </c>
      <c r="F108062" s="14" t="s">
        <v>15</v>
      </c>
      <c r="G108062" s="16">
        <v>0.20455104776292787</v>
      </c>
    </row>
    <row r="108063" spans="1:7" x14ac:dyDescent="0.3">
      <c r="A108063" s="13" t="s">
        <v>521</v>
      </c>
      <c r="B108063" s="14" t="s">
        <v>1</v>
      </c>
      <c r="C108063" s="14" t="s">
        <v>70</v>
      </c>
      <c r="D108063" s="14" t="s">
        <v>522</v>
      </c>
      <c r="E108063" s="15">
        <v>45399</v>
      </c>
      <c r="F108063" s="14" t="s">
        <v>15</v>
      </c>
      <c r="G108063" s="16">
        <v>0.25074065610842339</v>
      </c>
    </row>
    <row r="108064" spans="1:7" x14ac:dyDescent="0.3">
      <c r="A108064" s="13" t="s">
        <v>521</v>
      </c>
      <c r="B108064" s="14" t="s">
        <v>1</v>
      </c>
      <c r="C108064" s="14" t="s">
        <v>70</v>
      </c>
      <c r="D108064" s="14" t="s">
        <v>522</v>
      </c>
      <c r="E108064" s="15">
        <v>45400</v>
      </c>
      <c r="F108064" s="14" t="s">
        <v>15</v>
      </c>
      <c r="G108064" s="16">
        <v>0.25715802283750083</v>
      </c>
    </row>
    <row r="108065" spans="1:7" x14ac:dyDescent="0.3">
      <c r="A108065" s="13" t="s">
        <v>521</v>
      </c>
      <c r="B108065" s="14" t="s">
        <v>1</v>
      </c>
      <c r="C108065" s="14" t="s">
        <v>70</v>
      </c>
      <c r="D108065" s="14" t="s">
        <v>522</v>
      </c>
      <c r="E108065" s="15">
        <v>45401</v>
      </c>
      <c r="F108065" s="14" t="s">
        <v>15</v>
      </c>
      <c r="G108065" s="16">
        <v>0.26875020179550024</v>
      </c>
    </row>
    <row r="108066" spans="1:7" x14ac:dyDescent="0.3">
      <c r="A108066" s="13" t="s">
        <v>521</v>
      </c>
      <c r="B108066" s="14" t="s">
        <v>1</v>
      </c>
      <c r="C108066" s="14" t="s">
        <v>70</v>
      </c>
      <c r="D108066" s="14" t="s">
        <v>522</v>
      </c>
      <c r="E108066" s="15">
        <v>45402</v>
      </c>
      <c r="F108066" s="14" t="s">
        <v>15</v>
      </c>
      <c r="G108066" s="16">
        <v>0.26875020179550024</v>
      </c>
    </row>
    <row r="108067" spans="1:7" x14ac:dyDescent="0.3">
      <c r="A108067" s="13" t="s">
        <v>521</v>
      </c>
      <c r="B108067" s="14" t="s">
        <v>1</v>
      </c>
      <c r="C108067" s="14" t="s">
        <v>70</v>
      </c>
      <c r="D108067" s="14" t="s">
        <v>522</v>
      </c>
      <c r="E108067" s="15">
        <v>45403</v>
      </c>
      <c r="F108067" s="14" t="s">
        <v>15</v>
      </c>
      <c r="G108067" s="16">
        <v>0.26875020179550024</v>
      </c>
    </row>
    <row r="108068" spans="1:7" x14ac:dyDescent="0.3">
      <c r="A108068" s="13" t="s">
        <v>521</v>
      </c>
      <c r="B108068" s="14" t="s">
        <v>1</v>
      </c>
      <c r="C108068" s="14" t="s">
        <v>70</v>
      </c>
      <c r="D108068" s="14" t="s">
        <v>522</v>
      </c>
      <c r="E108068" s="15">
        <v>45404</v>
      </c>
      <c r="F108068" s="14" t="s">
        <v>15</v>
      </c>
      <c r="G108068" s="16">
        <v>0.27998789011560704</v>
      </c>
    </row>
    <row r="108069" spans="1:7" x14ac:dyDescent="0.3">
      <c r="A108069" s="13" t="s">
        <v>521</v>
      </c>
      <c r="B108069" s="14" t="s">
        <v>1</v>
      </c>
      <c r="C108069" s="14" t="s">
        <v>70</v>
      </c>
      <c r="D108069" s="14" t="s">
        <v>522</v>
      </c>
      <c r="E108069" s="15">
        <v>45405</v>
      </c>
      <c r="F108069" s="14" t="s">
        <v>15</v>
      </c>
      <c r="G108069" s="16">
        <v>0.31874530762221548</v>
      </c>
    </row>
    <row r="108070" spans="1:7" x14ac:dyDescent="0.3">
      <c r="A108070" s="13" t="s">
        <v>521</v>
      </c>
      <c r="B108070" s="14" t="s">
        <v>1</v>
      </c>
      <c r="C108070" s="14" t="s">
        <v>70</v>
      </c>
      <c r="D108070" s="14" t="s">
        <v>522</v>
      </c>
      <c r="E108070" s="15">
        <v>45406</v>
      </c>
      <c r="F108070" s="14" t="s">
        <v>15</v>
      </c>
      <c r="G108070" s="16">
        <v>0.32906900038535619</v>
      </c>
    </row>
    <row r="108071" spans="1:7" x14ac:dyDescent="0.3">
      <c r="A108071" s="13" t="s">
        <v>521</v>
      </c>
      <c r="B108071" s="14" t="s">
        <v>1</v>
      </c>
      <c r="C108071" s="14" t="s">
        <v>70</v>
      </c>
      <c r="D108071" s="14" t="s">
        <v>522</v>
      </c>
      <c r="E108071" s="15">
        <v>45407</v>
      </c>
      <c r="F108071" s="14" t="s">
        <v>15</v>
      </c>
      <c r="G108071" s="16">
        <v>0.38043336806651235</v>
      </c>
    </row>
    <row r="108072" spans="1:7" x14ac:dyDescent="0.3">
      <c r="A108072" s="13" t="s">
        <v>521</v>
      </c>
      <c r="B108072" s="14" t="s">
        <v>1</v>
      </c>
      <c r="C108072" s="14" t="s">
        <v>70</v>
      </c>
      <c r="D108072" s="14" t="s">
        <v>522</v>
      </c>
      <c r="E108072" s="15">
        <v>45408</v>
      </c>
      <c r="F108072" s="14" t="s">
        <v>15</v>
      </c>
      <c r="G108072" s="16">
        <v>0.387887389825739</v>
      </c>
    </row>
    <row r="108073" spans="1:7" x14ac:dyDescent="0.3">
      <c r="A108073" s="13" t="s">
        <v>521</v>
      </c>
      <c r="B108073" s="14" t="s">
        <v>1</v>
      </c>
      <c r="C108073" s="14" t="s">
        <v>70</v>
      </c>
      <c r="D108073" s="14" t="s">
        <v>522</v>
      </c>
      <c r="E108073" s="15">
        <v>45409</v>
      </c>
      <c r="F108073" s="14" t="s">
        <v>15</v>
      </c>
      <c r="G108073" s="16">
        <v>0.387887389825739</v>
      </c>
    </row>
    <row r="108074" spans="1:7" x14ac:dyDescent="0.3">
      <c r="A108074" s="13" t="s">
        <v>521</v>
      </c>
      <c r="B108074" s="14" t="s">
        <v>1</v>
      </c>
      <c r="C108074" s="14" t="s">
        <v>70</v>
      </c>
      <c r="D108074" s="14" t="s">
        <v>522</v>
      </c>
      <c r="E108074" s="15">
        <v>45410</v>
      </c>
      <c r="F108074" s="14" t="s">
        <v>15</v>
      </c>
      <c r="G108074" s="16">
        <v>0.387887389825739</v>
      </c>
    </row>
    <row r="108075" spans="1:7" x14ac:dyDescent="0.3">
      <c r="A108075" s="13" t="s">
        <v>521</v>
      </c>
      <c r="B108075" s="14" t="s">
        <v>1</v>
      </c>
      <c r="C108075" s="14" t="s">
        <v>70</v>
      </c>
      <c r="D108075" s="14" t="s">
        <v>522</v>
      </c>
      <c r="E108075" s="15">
        <v>45411</v>
      </c>
      <c r="F108075" s="14" t="s">
        <v>15</v>
      </c>
      <c r="G108075" s="16">
        <v>0.39430078956021158</v>
      </c>
    </row>
    <row r="108076" spans="1:7" x14ac:dyDescent="0.3">
      <c r="A108076" s="13" t="s">
        <v>521</v>
      </c>
      <c r="B108076" s="14" t="s">
        <v>1</v>
      </c>
      <c r="C108076" s="14" t="s">
        <v>70</v>
      </c>
      <c r="D108076" s="14" t="s">
        <v>522</v>
      </c>
      <c r="E108076" s="15">
        <v>45412</v>
      </c>
      <c r="F108076" s="14" t="s">
        <v>15</v>
      </c>
      <c r="G108076" s="16">
        <v>0.41523407716096999</v>
      </c>
    </row>
    <row r="108077" spans="1:7" x14ac:dyDescent="0.3">
      <c r="A108077" s="13" t="s">
        <v>521</v>
      </c>
      <c r="B108077" s="14" t="s">
        <v>1</v>
      </c>
      <c r="C108077" s="14" t="s">
        <v>70</v>
      </c>
      <c r="D108077" s="14" t="s">
        <v>522</v>
      </c>
      <c r="E108077" s="15">
        <v>45413</v>
      </c>
      <c r="F108077" s="14" t="s">
        <v>15</v>
      </c>
      <c r="G108077" s="16">
        <v>0.41523407716096999</v>
      </c>
    </row>
    <row r="108078" spans="1:7" x14ac:dyDescent="0.3">
      <c r="A108078" s="13" t="s">
        <v>521</v>
      </c>
      <c r="B108078" s="14" t="s">
        <v>1</v>
      </c>
      <c r="C108078" s="14" t="s">
        <v>70</v>
      </c>
      <c r="D108078" s="14" t="s">
        <v>522</v>
      </c>
      <c r="E108078" s="15">
        <v>45414</v>
      </c>
      <c r="F108078" s="14" t="s">
        <v>15</v>
      </c>
      <c r="G108078" s="16">
        <v>0.45930647403920644</v>
      </c>
    </row>
    <row r="108079" spans="1:7" x14ac:dyDescent="0.3">
      <c r="A108079" s="13" t="s">
        <v>521</v>
      </c>
      <c r="B108079" s="14" t="s">
        <v>1</v>
      </c>
      <c r="C108079" s="14" t="s">
        <v>70</v>
      </c>
      <c r="D108079" s="14" t="s">
        <v>522</v>
      </c>
      <c r="E108079" s="15">
        <v>45415</v>
      </c>
      <c r="F108079" s="14" t="s">
        <v>15</v>
      </c>
      <c r="G108079" s="16">
        <v>0.47370125534566676</v>
      </c>
    </row>
    <row r="108080" spans="1:7" x14ac:dyDescent="0.3">
      <c r="A108080" s="13" t="s">
        <v>521</v>
      </c>
      <c r="B108080" s="14" t="s">
        <v>1</v>
      </c>
      <c r="C108080" s="14" t="s">
        <v>70</v>
      </c>
      <c r="D108080" s="14" t="s">
        <v>522</v>
      </c>
      <c r="E108080" s="15">
        <v>45416</v>
      </c>
      <c r="F108080" s="14" t="s">
        <v>15</v>
      </c>
      <c r="G108080" s="16">
        <v>0.47370125534566676</v>
      </c>
    </row>
    <row r="108081" spans="1:7" x14ac:dyDescent="0.3">
      <c r="A108081" s="13" t="s">
        <v>521</v>
      </c>
      <c r="B108081" s="14" t="s">
        <v>1</v>
      </c>
      <c r="C108081" s="14" t="s">
        <v>70</v>
      </c>
      <c r="D108081" s="14" t="s">
        <v>522</v>
      </c>
      <c r="E108081" s="15">
        <v>45417</v>
      </c>
      <c r="F108081" s="14" t="s">
        <v>15</v>
      </c>
      <c r="G108081" s="16">
        <v>0.47370125534566676</v>
      </c>
    </row>
    <row r="108082" spans="1:7" x14ac:dyDescent="0.3">
      <c r="A108082" s="13" t="s">
        <v>521</v>
      </c>
      <c r="B108082" s="14" t="s">
        <v>1</v>
      </c>
      <c r="C108082" s="14" t="s">
        <v>70</v>
      </c>
      <c r="D108082" s="14" t="s">
        <v>522</v>
      </c>
      <c r="E108082" s="15">
        <v>45418</v>
      </c>
      <c r="F108082" s="14" t="s">
        <v>15</v>
      </c>
      <c r="G108082" s="16">
        <v>0.47370125534566676</v>
      </c>
    </row>
    <row r="108083" spans="1:7" x14ac:dyDescent="0.3">
      <c r="A108083" s="13" t="s">
        <v>521</v>
      </c>
      <c r="B108083" s="14" t="s">
        <v>1</v>
      </c>
      <c r="C108083" s="14" t="s">
        <v>70</v>
      </c>
      <c r="D108083" s="14" t="s">
        <v>522</v>
      </c>
      <c r="E108083" s="15">
        <v>45419</v>
      </c>
      <c r="F108083" s="14" t="s">
        <v>15</v>
      </c>
      <c r="G108083" s="16">
        <v>0.50385574256559373</v>
      </c>
    </row>
    <row r="108084" spans="1:7" x14ac:dyDescent="0.3">
      <c r="A108084" s="13" t="s">
        <v>521</v>
      </c>
      <c r="B108084" s="14" t="s">
        <v>1</v>
      </c>
      <c r="C108084" s="14" t="s">
        <v>70</v>
      </c>
      <c r="D108084" s="14" t="s">
        <v>522</v>
      </c>
      <c r="E108084" s="15">
        <v>45420</v>
      </c>
      <c r="F108084" s="14" t="s">
        <v>15</v>
      </c>
      <c r="G108084" s="16">
        <v>0.53581722227467743</v>
      </c>
    </row>
    <row r="108085" spans="1:7" x14ac:dyDescent="0.3">
      <c r="A108085" s="13" t="s">
        <v>521</v>
      </c>
      <c r="B108085" s="14" t="s">
        <v>1</v>
      </c>
      <c r="C108085" s="14" t="s">
        <v>70</v>
      </c>
      <c r="D108085" s="14" t="s">
        <v>522</v>
      </c>
      <c r="E108085" s="15">
        <v>45421</v>
      </c>
      <c r="F108085" s="14" t="s">
        <v>15</v>
      </c>
      <c r="G108085" s="16">
        <v>0.53581722227467743</v>
      </c>
    </row>
    <row r="108086" spans="1:7" x14ac:dyDescent="0.3">
      <c r="A108086" s="13" t="s">
        <v>521</v>
      </c>
      <c r="B108086" s="14" t="s">
        <v>1</v>
      </c>
      <c r="C108086" s="14" t="s">
        <v>70</v>
      </c>
      <c r="D108086" s="14" t="s">
        <v>522</v>
      </c>
      <c r="E108086" s="15">
        <v>45422</v>
      </c>
      <c r="F108086" s="14" t="s">
        <v>15</v>
      </c>
      <c r="G108086" s="16">
        <v>0.54223284352612877</v>
      </c>
    </row>
    <row r="108087" spans="1:7" x14ac:dyDescent="0.3">
      <c r="A108087" s="13" t="s">
        <v>521</v>
      </c>
      <c r="B108087" s="14" t="s">
        <v>1</v>
      </c>
      <c r="C108087" s="14" t="s">
        <v>70</v>
      </c>
      <c r="D108087" s="14" t="s">
        <v>522</v>
      </c>
      <c r="E108087" s="15">
        <v>45423</v>
      </c>
      <c r="F108087" s="14" t="s">
        <v>15</v>
      </c>
      <c r="G108087" s="16">
        <v>0.54223284352612877</v>
      </c>
    </row>
    <row r="108088" spans="1:7" x14ac:dyDescent="0.3">
      <c r="A108088" s="13" t="s">
        <v>521</v>
      </c>
      <c r="B108088" s="14" t="s">
        <v>1</v>
      </c>
      <c r="C108088" s="14" t="s">
        <v>70</v>
      </c>
      <c r="D108088" s="14" t="s">
        <v>522</v>
      </c>
      <c r="E108088" s="15">
        <v>45424</v>
      </c>
      <c r="F108088" s="14" t="s">
        <v>15</v>
      </c>
      <c r="G108088" s="16">
        <v>0.54223284352612877</v>
      </c>
    </row>
    <row r="108089" spans="1:7" x14ac:dyDescent="0.3">
      <c r="A108089" s="13" t="s">
        <v>521</v>
      </c>
      <c r="B108089" s="14" t="s">
        <v>1</v>
      </c>
      <c r="C108089" s="14" t="s">
        <v>70</v>
      </c>
      <c r="D108089" s="14" t="s">
        <v>522</v>
      </c>
      <c r="E108089" s="15">
        <v>45425</v>
      </c>
      <c r="F108089" s="14" t="s">
        <v>15</v>
      </c>
      <c r="G108089" s="16">
        <v>0.66361202132047659</v>
      </c>
    </row>
    <row r="108090" spans="1:7" x14ac:dyDescent="0.3">
      <c r="A108090" s="13" t="s">
        <v>521</v>
      </c>
      <c r="B108090" s="14" t="s">
        <v>1</v>
      </c>
      <c r="C108090" s="14" t="s">
        <v>70</v>
      </c>
      <c r="D108090" s="14" t="s">
        <v>522</v>
      </c>
      <c r="E108090" s="15">
        <v>45426</v>
      </c>
      <c r="F108090" s="14" t="s">
        <v>15</v>
      </c>
      <c r="G108090" s="16">
        <v>0.70822752620675278</v>
      </c>
    </row>
    <row r="108091" spans="1:7" x14ac:dyDescent="0.3">
      <c r="A108091" s="13" t="s">
        <v>521</v>
      </c>
      <c r="B108091" s="14" t="s">
        <v>1</v>
      </c>
      <c r="C108091" s="14" t="s">
        <v>70</v>
      </c>
      <c r="D108091" s="14" t="s">
        <v>522</v>
      </c>
      <c r="E108091" s="15">
        <v>45427</v>
      </c>
      <c r="F108091" s="14" t="s">
        <v>15</v>
      </c>
      <c r="G108091" s="16">
        <v>0.7208724397463665</v>
      </c>
    </row>
    <row r="108092" spans="1:7" x14ac:dyDescent="0.3">
      <c r="A108092" s="13" t="s">
        <v>521</v>
      </c>
      <c r="B108092" s="14" t="s">
        <v>1</v>
      </c>
      <c r="C108092" s="14" t="s">
        <v>70</v>
      </c>
      <c r="D108092" s="14" t="s">
        <v>522</v>
      </c>
      <c r="E108092" s="15">
        <v>45428</v>
      </c>
      <c r="F108092" s="14" t="s">
        <v>15</v>
      </c>
      <c r="G108092" s="16">
        <v>0.7292763186937874</v>
      </c>
    </row>
    <row r="108093" spans="1:7" x14ac:dyDescent="0.3">
      <c r="A108093" s="13" t="s">
        <v>521</v>
      </c>
      <c r="B108093" s="14" t="s">
        <v>1</v>
      </c>
      <c r="C108093" s="14" t="s">
        <v>70</v>
      </c>
      <c r="D108093" s="14" t="s">
        <v>522</v>
      </c>
      <c r="E108093" s="15">
        <v>45429</v>
      </c>
      <c r="F108093" s="14" t="s">
        <v>15</v>
      </c>
      <c r="G108093" s="16">
        <v>0.82333998818389298</v>
      </c>
    </row>
    <row r="108094" spans="1:7" x14ac:dyDescent="0.3">
      <c r="A108094" s="13" t="s">
        <v>521</v>
      </c>
      <c r="B108094" s="14" t="s">
        <v>1</v>
      </c>
      <c r="C108094" s="14" t="s">
        <v>70</v>
      </c>
      <c r="D108094" s="14" t="s">
        <v>522</v>
      </c>
      <c r="E108094" s="15">
        <v>45430</v>
      </c>
      <c r="F108094" s="14" t="s">
        <v>15</v>
      </c>
      <c r="G108094" s="16">
        <v>0.82333998818389298</v>
      </c>
    </row>
    <row r="108095" spans="1:7" x14ac:dyDescent="0.3">
      <c r="A108095" s="13" t="s">
        <v>521</v>
      </c>
      <c r="B108095" s="14" t="s">
        <v>1</v>
      </c>
      <c r="C108095" s="14" t="s">
        <v>70</v>
      </c>
      <c r="D108095" s="14" t="s">
        <v>522</v>
      </c>
      <c r="E108095" s="15">
        <v>45431</v>
      </c>
      <c r="F108095" s="14" t="s">
        <v>15</v>
      </c>
      <c r="G108095" s="16">
        <v>0.82333998818389298</v>
      </c>
    </row>
    <row r="108096" spans="1:7" x14ac:dyDescent="0.3">
      <c r="A108096" s="13" t="s">
        <v>521</v>
      </c>
      <c r="B108096" s="14" t="s">
        <v>1</v>
      </c>
      <c r="C108096" s="14" t="s">
        <v>70</v>
      </c>
      <c r="D108096" s="14" t="s">
        <v>522</v>
      </c>
      <c r="E108096" s="15">
        <v>45432</v>
      </c>
      <c r="F108096" s="14" t="s">
        <v>15</v>
      </c>
      <c r="G108096" s="16">
        <v>0.82333998818389298</v>
      </c>
    </row>
    <row r="108097" spans="1:7" x14ac:dyDescent="0.3">
      <c r="A108097" s="13" t="s">
        <v>521</v>
      </c>
      <c r="B108097" s="14" t="s">
        <v>1</v>
      </c>
      <c r="C108097" s="14" t="s">
        <v>70</v>
      </c>
      <c r="D108097" s="14" t="s">
        <v>522</v>
      </c>
      <c r="E108097" s="15">
        <v>45433</v>
      </c>
      <c r="F108097" s="14" t="s">
        <v>15</v>
      </c>
      <c r="G108097" s="16">
        <v>0.82951610874773185</v>
      </c>
    </row>
    <row r="108098" spans="1:7" x14ac:dyDescent="0.3">
      <c r="A108098" s="13" t="s">
        <v>521</v>
      </c>
      <c r="B108098" s="14" t="s">
        <v>1</v>
      </c>
      <c r="C108098" s="14" t="s">
        <v>70</v>
      </c>
      <c r="D108098" s="14" t="s">
        <v>522</v>
      </c>
      <c r="E108098" s="15">
        <v>45434</v>
      </c>
      <c r="F108098" s="14" t="s">
        <v>15</v>
      </c>
      <c r="G108098" s="16">
        <v>0.87538158718737746</v>
      </c>
    </row>
    <row r="108099" spans="1:7" x14ac:dyDescent="0.3">
      <c r="A108099" s="13" t="s">
        <v>521</v>
      </c>
      <c r="B108099" s="14" t="s">
        <v>1</v>
      </c>
      <c r="C108099" s="14" t="s">
        <v>70</v>
      </c>
      <c r="D108099" s="14" t="s">
        <v>522</v>
      </c>
      <c r="E108099" s="15">
        <v>45435</v>
      </c>
      <c r="F108099" s="14" t="s">
        <v>15</v>
      </c>
      <c r="G108099" s="16">
        <v>0.88268174244919595</v>
      </c>
    </row>
    <row r="108100" spans="1:7" x14ac:dyDescent="0.3">
      <c r="A108100" s="13" t="s">
        <v>521</v>
      </c>
      <c r="B108100" s="14" t="s">
        <v>1</v>
      </c>
      <c r="C108100" s="14" t="s">
        <v>70</v>
      </c>
      <c r="D108100" s="14" t="s">
        <v>522</v>
      </c>
      <c r="E108100" s="15">
        <v>45436</v>
      </c>
      <c r="F108100" s="14" t="s">
        <v>15</v>
      </c>
      <c r="G108100" s="16">
        <v>0.88911000519012151</v>
      </c>
    </row>
    <row r="108101" spans="1:7" x14ac:dyDescent="0.3">
      <c r="A108101" s="13" t="s">
        <v>521</v>
      </c>
      <c r="B108101" s="14" t="s">
        <v>1</v>
      </c>
      <c r="C108101" s="14" t="s">
        <v>70</v>
      </c>
      <c r="D108101" s="14" t="s">
        <v>522</v>
      </c>
      <c r="E108101" s="15">
        <v>45437</v>
      </c>
      <c r="F108101" s="14" t="s">
        <v>15</v>
      </c>
      <c r="G108101" s="16">
        <v>0.88911000519012151</v>
      </c>
    </row>
    <row r="108102" spans="1:7" x14ac:dyDescent="0.3">
      <c r="A108102" s="13" t="s">
        <v>521</v>
      </c>
      <c r="B108102" s="14" t="s">
        <v>1</v>
      </c>
      <c r="C108102" s="14" t="s">
        <v>70</v>
      </c>
      <c r="D108102" s="14" t="s">
        <v>522</v>
      </c>
      <c r="E108102" s="15">
        <v>45438</v>
      </c>
      <c r="F108102" s="14" t="s">
        <v>15</v>
      </c>
      <c r="G108102" s="16">
        <v>0.88911000519012151</v>
      </c>
    </row>
    <row r="108103" spans="1:7" x14ac:dyDescent="0.3">
      <c r="A108103" s="13" t="s">
        <v>521</v>
      </c>
      <c r="B108103" s="14" t="s">
        <v>1</v>
      </c>
      <c r="C108103" s="14" t="s">
        <v>70</v>
      </c>
      <c r="D108103" s="14" t="s">
        <v>522</v>
      </c>
      <c r="E108103" s="15">
        <v>45439</v>
      </c>
      <c r="F108103" s="14" t="s">
        <v>15</v>
      </c>
      <c r="G108103" s="16">
        <v>0.88719747664785653</v>
      </c>
    </row>
    <row r="108104" spans="1:7" x14ac:dyDescent="0.3">
      <c r="A108104" s="13" t="s">
        <v>521</v>
      </c>
      <c r="B108104" s="14" t="s">
        <v>1</v>
      </c>
      <c r="C108104" s="14" t="s">
        <v>70</v>
      </c>
      <c r="D108104" s="14" t="s">
        <v>522</v>
      </c>
      <c r="E108104" s="15">
        <v>45440</v>
      </c>
      <c r="F108104" s="14" t="s">
        <v>15</v>
      </c>
      <c r="G108104" s="16">
        <v>0.90642162429304529</v>
      </c>
    </row>
    <row r="108105" spans="1:7" x14ac:dyDescent="0.3">
      <c r="A108105" s="13" t="s">
        <v>521</v>
      </c>
      <c r="B108105" s="14" t="s">
        <v>1</v>
      </c>
      <c r="C108105" s="14" t="s">
        <v>70</v>
      </c>
      <c r="D108105" s="14" t="s">
        <v>522</v>
      </c>
      <c r="E108105" s="15">
        <v>45441</v>
      </c>
      <c r="F108105" s="14" t="s">
        <v>15</v>
      </c>
      <c r="G108105" s="16">
        <v>0.91467840708051684</v>
      </c>
    </row>
    <row r="108106" spans="1:7" x14ac:dyDescent="0.3">
      <c r="A108106" s="13" t="s">
        <v>521</v>
      </c>
      <c r="B108106" s="14" t="s">
        <v>1</v>
      </c>
      <c r="C108106" s="14" t="s">
        <v>70</v>
      </c>
      <c r="D108106" s="14" t="s">
        <v>522</v>
      </c>
      <c r="E108106" s="15">
        <v>45442</v>
      </c>
      <c r="F108106" s="14" t="s">
        <v>15</v>
      </c>
      <c r="G108106" s="16">
        <v>0.91785114247562616</v>
      </c>
    </row>
    <row r="108107" spans="1:7" x14ac:dyDescent="0.3">
      <c r="A108107" s="13" t="s">
        <v>521</v>
      </c>
      <c r="B108107" s="14" t="s">
        <v>1</v>
      </c>
      <c r="C108107" s="14" t="s">
        <v>70</v>
      </c>
      <c r="D108107" s="14" t="s">
        <v>522</v>
      </c>
      <c r="E108107" s="15">
        <v>45443</v>
      </c>
      <c r="F108107" s="14" t="s">
        <v>15</v>
      </c>
      <c r="G108107" s="16">
        <v>0.92824470723707431</v>
      </c>
    </row>
    <row r="108108" spans="1:7" x14ac:dyDescent="0.3">
      <c r="A108108" s="13" t="s">
        <v>521</v>
      </c>
      <c r="B108108" s="14" t="s">
        <v>1</v>
      </c>
      <c r="C108108" s="14" t="s">
        <v>70</v>
      </c>
      <c r="D108108" s="14" t="s">
        <v>522</v>
      </c>
      <c r="E108108" s="15">
        <v>45444</v>
      </c>
      <c r="F108108" s="14" t="s">
        <v>15</v>
      </c>
      <c r="G108108" s="16">
        <v>0.92824470723707431</v>
      </c>
    </row>
    <row r="108109" spans="1:7" x14ac:dyDescent="0.3">
      <c r="A108109" s="13" t="s">
        <v>521</v>
      </c>
      <c r="B108109" s="14" t="s">
        <v>1</v>
      </c>
      <c r="C108109" s="14" t="s">
        <v>70</v>
      </c>
      <c r="D108109" s="14" t="s">
        <v>522</v>
      </c>
      <c r="E108109" s="15">
        <v>45445</v>
      </c>
      <c r="F108109" s="14" t="s">
        <v>15</v>
      </c>
      <c r="G108109" s="16">
        <v>0.92824470723707431</v>
      </c>
    </row>
    <row r="108110" spans="1:7" x14ac:dyDescent="0.3">
      <c r="A108110" s="13" t="s">
        <v>521</v>
      </c>
      <c r="B108110" s="14" t="s">
        <v>1</v>
      </c>
      <c r="C108110" s="14" t="s">
        <v>70</v>
      </c>
      <c r="D108110" s="14" t="s">
        <v>522</v>
      </c>
      <c r="E108110" s="15">
        <v>45446</v>
      </c>
      <c r="F108110" s="14" t="s">
        <v>15</v>
      </c>
      <c r="G108110" s="16">
        <v>0.92824470723707431</v>
      </c>
    </row>
    <row r="108111" spans="1:7" x14ac:dyDescent="0.3">
      <c r="A108111" s="13" t="s">
        <v>521</v>
      </c>
      <c r="B108111" s="14" t="s">
        <v>1</v>
      </c>
      <c r="C108111" s="14" t="s">
        <v>70</v>
      </c>
      <c r="D108111" s="14" t="s">
        <v>522</v>
      </c>
      <c r="E108111" s="15">
        <v>45447</v>
      </c>
      <c r="F108111" s="14" t="s">
        <v>15</v>
      </c>
      <c r="G108111" s="16">
        <v>0.94671988630086046</v>
      </c>
    </row>
    <row r="108112" spans="1:7" x14ac:dyDescent="0.3">
      <c r="A108112" s="13" t="s">
        <v>521</v>
      </c>
      <c r="B108112" s="14" t="s">
        <v>1</v>
      </c>
      <c r="C108112" s="14" t="s">
        <v>70</v>
      </c>
      <c r="D108112" s="14" t="s">
        <v>522</v>
      </c>
      <c r="E108112" s="15">
        <v>45448</v>
      </c>
      <c r="F108112" s="14" t="s">
        <v>15</v>
      </c>
      <c r="G108112" s="16">
        <v>0.99219966707838814</v>
      </c>
    </row>
    <row r="108113" spans="1:7" x14ac:dyDescent="0.3">
      <c r="A108113" s="13" t="s">
        <v>521</v>
      </c>
      <c r="B108113" s="14" t="s">
        <v>1</v>
      </c>
      <c r="C108113" s="14" t="s">
        <v>70</v>
      </c>
      <c r="D108113" s="14" t="s">
        <v>522</v>
      </c>
      <c r="E108113" s="15">
        <v>45449</v>
      </c>
      <c r="F108113" s="14" t="s">
        <v>15</v>
      </c>
      <c r="G108113" s="16">
        <v>0.99862304728463669</v>
      </c>
    </row>
    <row r="108114" spans="1:7" x14ac:dyDescent="0.3">
      <c r="A108114" s="13" t="s">
        <v>521</v>
      </c>
      <c r="B108114" s="14" t="s">
        <v>1</v>
      </c>
      <c r="C108114" s="14" t="s">
        <v>70</v>
      </c>
      <c r="D108114" s="14" t="s">
        <v>522</v>
      </c>
      <c r="E108114" s="15">
        <v>45450</v>
      </c>
      <c r="F108114" s="14" t="s">
        <v>15</v>
      </c>
      <c r="G108114" s="16">
        <v>1.005016862710681</v>
      </c>
    </row>
    <row r="108115" spans="1:7" x14ac:dyDescent="0.3">
      <c r="A108115" s="13" t="s">
        <v>521</v>
      </c>
      <c r="B108115" s="14" t="s">
        <v>1</v>
      </c>
      <c r="C108115" s="14" t="s">
        <v>70</v>
      </c>
      <c r="D108115" s="14" t="s">
        <v>522</v>
      </c>
      <c r="E108115" s="15">
        <v>45451</v>
      </c>
      <c r="F108115" s="14" t="s">
        <v>15</v>
      </c>
      <c r="G108115" s="16">
        <v>1.005016862710681</v>
      </c>
    </row>
    <row r="108116" spans="1:7" x14ac:dyDescent="0.3">
      <c r="A108116" s="13" t="s">
        <v>521</v>
      </c>
      <c r="B108116" s="14" t="s">
        <v>1</v>
      </c>
      <c r="C108116" s="14" t="s">
        <v>70</v>
      </c>
      <c r="D108116" s="14" t="s">
        <v>522</v>
      </c>
      <c r="E108116" s="15">
        <v>45452</v>
      </c>
      <c r="F108116" s="14" t="s">
        <v>15</v>
      </c>
      <c r="G108116" s="16">
        <v>1.005016862710681</v>
      </c>
    </row>
    <row r="108117" spans="1:7" x14ac:dyDescent="0.3">
      <c r="A108117" s="13" t="s">
        <v>521</v>
      </c>
      <c r="B108117" s="14" t="s">
        <v>1</v>
      </c>
      <c r="C108117" s="14" t="s">
        <v>70</v>
      </c>
      <c r="D108117" s="14" t="s">
        <v>522</v>
      </c>
      <c r="E108117" s="15">
        <v>45453</v>
      </c>
      <c r="F108117" s="14" t="s">
        <v>15</v>
      </c>
      <c r="G108117" s="16">
        <v>1.0208121689448659</v>
      </c>
    </row>
    <row r="108118" spans="1:7" x14ac:dyDescent="0.3">
      <c r="A108118" s="13" t="s">
        <v>521</v>
      </c>
      <c r="B108118" s="14" t="s">
        <v>1</v>
      </c>
      <c r="C108118" s="14" t="s">
        <v>70</v>
      </c>
      <c r="D108118" s="14" t="s">
        <v>522</v>
      </c>
      <c r="E108118" s="15">
        <v>45454</v>
      </c>
      <c r="F108118" s="14" t="s">
        <v>15</v>
      </c>
      <c r="G108118" s="16">
        <v>1.0412831369710809</v>
      </c>
    </row>
    <row r="108119" spans="1:7" x14ac:dyDescent="0.3">
      <c r="A108119" s="13" t="s">
        <v>521</v>
      </c>
      <c r="B108119" s="14" t="s">
        <v>1</v>
      </c>
      <c r="C108119" s="14" t="s">
        <v>70</v>
      </c>
      <c r="D108119" s="14" t="s">
        <v>522</v>
      </c>
      <c r="E108119" s="15">
        <v>45455</v>
      </c>
      <c r="F108119" s="14" t="s">
        <v>15</v>
      </c>
      <c r="G108119" s="16">
        <v>1.0560849354342643</v>
      </c>
    </row>
    <row r="108120" spans="1:7" x14ac:dyDescent="0.3">
      <c r="A108120" s="13" t="s">
        <v>521</v>
      </c>
      <c r="B108120" s="14" t="s">
        <v>1</v>
      </c>
      <c r="C108120" s="14" t="s">
        <v>70</v>
      </c>
      <c r="D108120" s="14" t="s">
        <v>522</v>
      </c>
      <c r="E108120" s="15">
        <v>45456</v>
      </c>
      <c r="F108120" s="14" t="s">
        <v>15</v>
      </c>
      <c r="G108120" s="16">
        <v>1.0668190901175276</v>
      </c>
    </row>
    <row r="108121" spans="1:7" x14ac:dyDescent="0.3">
      <c r="A108121" s="13" t="s">
        <v>521</v>
      </c>
      <c r="B108121" s="14" t="s">
        <v>1</v>
      </c>
      <c r="C108121" s="14" t="s">
        <v>70</v>
      </c>
      <c r="D108121" s="14" t="s">
        <v>522</v>
      </c>
      <c r="E108121" s="15">
        <v>45457</v>
      </c>
      <c r="F108121" s="14" t="s">
        <v>15</v>
      </c>
      <c r="G108121" s="16">
        <v>1.0785483920235599</v>
      </c>
    </row>
    <row r="108122" spans="1:7" x14ac:dyDescent="0.3">
      <c r="A108122" s="13" t="s">
        <v>521</v>
      </c>
      <c r="B108122" s="14" t="s">
        <v>1</v>
      </c>
      <c r="C108122" s="14" t="s">
        <v>70</v>
      </c>
      <c r="D108122" s="14" t="s">
        <v>522</v>
      </c>
      <c r="E108122" s="15">
        <v>45458</v>
      </c>
      <c r="F108122" s="14" t="s">
        <v>15</v>
      </c>
      <c r="G108122" s="16">
        <v>1.0785483920235599</v>
      </c>
    </row>
    <row r="108123" spans="1:7" x14ac:dyDescent="0.3">
      <c r="A108123" s="13" t="s">
        <v>521</v>
      </c>
      <c r="B108123" s="14" t="s">
        <v>1</v>
      </c>
      <c r="C108123" s="14" t="s">
        <v>70</v>
      </c>
      <c r="D108123" s="14" t="s">
        <v>522</v>
      </c>
      <c r="E108123" s="15">
        <v>45459</v>
      </c>
      <c r="F108123" s="14" t="s">
        <v>15</v>
      </c>
      <c r="G108123" s="16">
        <v>1.0785483920235599</v>
      </c>
    </row>
    <row r="108124" spans="1:7" x14ac:dyDescent="0.3">
      <c r="A108124" s="13" t="s">
        <v>521</v>
      </c>
      <c r="B108124" s="14" t="s">
        <v>1</v>
      </c>
      <c r="C108124" s="14" t="s">
        <v>70</v>
      </c>
      <c r="D108124" s="14" t="s">
        <v>522</v>
      </c>
      <c r="E108124" s="15">
        <v>45460</v>
      </c>
      <c r="F108124" s="14" t="s">
        <v>15</v>
      </c>
      <c r="G108124" s="16">
        <v>1.1023959749097656</v>
      </c>
    </row>
    <row r="108125" spans="1:7" x14ac:dyDescent="0.3">
      <c r="A108125" s="13" t="s">
        <v>521</v>
      </c>
      <c r="B108125" s="14" t="s">
        <v>1</v>
      </c>
      <c r="C108125" s="14" t="s">
        <v>70</v>
      </c>
      <c r="D108125" s="14" t="s">
        <v>522</v>
      </c>
      <c r="E108125" s="15">
        <v>45461</v>
      </c>
      <c r="F108125" s="14" t="s">
        <v>15</v>
      </c>
      <c r="G108125" s="16">
        <v>1.1203474334599495</v>
      </c>
    </row>
    <row r="108126" spans="1:7" x14ac:dyDescent="0.3">
      <c r="A108126" s="13" t="s">
        <v>521</v>
      </c>
      <c r="B108126" s="14" t="s">
        <v>1</v>
      </c>
      <c r="C108126" s="14" t="s">
        <v>70</v>
      </c>
      <c r="D108126" s="14" t="s">
        <v>522</v>
      </c>
      <c r="E108126" s="15">
        <v>45462</v>
      </c>
      <c r="F108126" s="14" t="s">
        <v>15</v>
      </c>
      <c r="G108126" s="16">
        <v>1.1277391831767669</v>
      </c>
    </row>
    <row r="108127" spans="1:7" x14ac:dyDescent="0.3">
      <c r="A108127" s="13" t="s">
        <v>521</v>
      </c>
      <c r="B108127" s="14" t="s">
        <v>1</v>
      </c>
      <c r="C108127" s="14" t="s">
        <v>70</v>
      </c>
      <c r="D108127" s="14" t="s">
        <v>522</v>
      </c>
      <c r="E108127" s="15">
        <v>45463</v>
      </c>
      <c r="F108127" s="14" t="s">
        <v>15</v>
      </c>
      <c r="G108127" s="16">
        <v>1.1412416068175577</v>
      </c>
    </row>
    <row r="108128" spans="1:7" x14ac:dyDescent="0.3">
      <c r="A108128" s="13" t="s">
        <v>521</v>
      </c>
      <c r="B108128" s="14" t="s">
        <v>1</v>
      </c>
      <c r="C108128" s="14" t="s">
        <v>70</v>
      </c>
      <c r="D108128" s="14" t="s">
        <v>522</v>
      </c>
      <c r="E108128" s="15">
        <v>45464</v>
      </c>
      <c r="F108128" s="14" t="s">
        <v>15</v>
      </c>
      <c r="G108128" s="16">
        <v>1.1475468918481662</v>
      </c>
    </row>
    <row r="108129" spans="1:7" x14ac:dyDescent="0.3">
      <c r="A108129" s="13" t="s">
        <v>521</v>
      </c>
      <c r="B108129" s="14" t="s">
        <v>1</v>
      </c>
      <c r="C108129" s="14" t="s">
        <v>70</v>
      </c>
      <c r="D108129" s="14" t="s">
        <v>522</v>
      </c>
      <c r="E108129" s="15">
        <v>45465</v>
      </c>
      <c r="F108129" s="14" t="s">
        <v>15</v>
      </c>
      <c r="G108129" s="16">
        <v>1.1475468918481662</v>
      </c>
    </row>
    <row r="108130" spans="1:7" x14ac:dyDescent="0.3">
      <c r="A108130" s="13" t="s">
        <v>521</v>
      </c>
      <c r="B108130" s="14" t="s">
        <v>1</v>
      </c>
      <c r="C108130" s="14" t="s">
        <v>70</v>
      </c>
      <c r="D108130" s="14" t="s">
        <v>522</v>
      </c>
      <c r="E108130" s="15">
        <v>45466</v>
      </c>
      <c r="F108130" s="14" t="s">
        <v>15</v>
      </c>
      <c r="G108130" s="16">
        <v>1.1475468918481662</v>
      </c>
    </row>
    <row r="108131" spans="1:7" x14ac:dyDescent="0.3">
      <c r="A108131" s="13" t="s">
        <v>521</v>
      </c>
      <c r="B108131" s="14" t="s">
        <v>1</v>
      </c>
      <c r="C108131" s="14" t="s">
        <v>70</v>
      </c>
      <c r="D108131" s="14" t="s">
        <v>522</v>
      </c>
      <c r="E108131" s="15">
        <v>45467</v>
      </c>
      <c r="F108131" s="14" t="s">
        <v>15</v>
      </c>
      <c r="G108131" s="16">
        <v>1.1541487537034847</v>
      </c>
    </row>
    <row r="108132" spans="1:7" x14ac:dyDescent="0.3">
      <c r="A108132" s="13" t="s">
        <v>521</v>
      </c>
      <c r="B108132" s="14" t="s">
        <v>1</v>
      </c>
      <c r="C108132" s="14" t="s">
        <v>70</v>
      </c>
      <c r="D108132" s="14" t="s">
        <v>522</v>
      </c>
      <c r="E108132" s="15">
        <v>45468</v>
      </c>
      <c r="F108132" s="14" t="s">
        <v>15</v>
      </c>
      <c r="G108132" s="16">
        <v>1.1795975344824483</v>
      </c>
    </row>
    <row r="108133" spans="1:7" x14ac:dyDescent="0.3">
      <c r="A108133" s="13" t="s">
        <v>521</v>
      </c>
      <c r="B108133" s="14" t="s">
        <v>1</v>
      </c>
      <c r="C108133" s="14" t="s">
        <v>70</v>
      </c>
      <c r="D108133" s="14" t="s">
        <v>522</v>
      </c>
      <c r="E108133" s="15">
        <v>45469</v>
      </c>
      <c r="F108133" s="14" t="s">
        <v>15</v>
      </c>
      <c r="G108133" s="16">
        <v>1.1859991646285837</v>
      </c>
    </row>
    <row r="108134" spans="1:7" x14ac:dyDescent="0.3">
      <c r="A108134" s="13" t="s">
        <v>521</v>
      </c>
      <c r="B108134" s="14" t="s">
        <v>1</v>
      </c>
      <c r="C108134" s="14" t="s">
        <v>70</v>
      </c>
      <c r="D108134" s="14" t="s">
        <v>522</v>
      </c>
      <c r="E108134" s="15">
        <v>45470</v>
      </c>
      <c r="F108134" s="14" t="s">
        <v>15</v>
      </c>
      <c r="G108134" s="16">
        <v>1.192463476480623</v>
      </c>
    </row>
    <row r="108135" spans="1:7" x14ac:dyDescent="0.3">
      <c r="A108135" s="13" t="s">
        <v>521</v>
      </c>
      <c r="B108135" s="14" t="s">
        <v>1</v>
      </c>
      <c r="C108135" s="14" t="s">
        <v>70</v>
      </c>
      <c r="D108135" s="14" t="s">
        <v>522</v>
      </c>
      <c r="E108135" s="15">
        <v>45471</v>
      </c>
      <c r="F108135" s="14" t="s">
        <v>15</v>
      </c>
      <c r="G108135" s="16">
        <v>1.2242258953123553</v>
      </c>
    </row>
    <row r="108136" spans="1:7" x14ac:dyDescent="0.3">
      <c r="A108136" s="13" t="s">
        <v>521</v>
      </c>
      <c r="B108136" s="14" t="s">
        <v>1</v>
      </c>
      <c r="C108136" s="14" t="s">
        <v>70</v>
      </c>
      <c r="D108136" s="14" t="s">
        <v>522</v>
      </c>
      <c r="E108136" s="15">
        <v>45472</v>
      </c>
      <c r="F108136" s="14" t="s">
        <v>15</v>
      </c>
      <c r="G108136" s="16">
        <v>1.2242258953123553</v>
      </c>
    </row>
    <row r="108137" spans="1:7" x14ac:dyDescent="0.3">
      <c r="A108137" s="13" t="s">
        <v>521</v>
      </c>
      <c r="B108137" s="14" t="s">
        <v>1</v>
      </c>
      <c r="C108137" s="14" t="s">
        <v>70</v>
      </c>
      <c r="D108137" s="14" t="s">
        <v>522</v>
      </c>
      <c r="E108137" s="15">
        <v>45473</v>
      </c>
      <c r="F108137" s="14" t="s">
        <v>15</v>
      </c>
      <c r="G108137" s="16">
        <v>1.2242258953123553</v>
      </c>
    </row>
    <row r="108138" spans="1:7" x14ac:dyDescent="0.3">
      <c r="A108138" s="13" t="s">
        <v>521</v>
      </c>
      <c r="B108138" s="14" t="s">
        <v>1</v>
      </c>
      <c r="C108138" s="14" t="s">
        <v>70</v>
      </c>
      <c r="D108138" s="14" t="s">
        <v>522</v>
      </c>
      <c r="E108138" s="15">
        <v>45474</v>
      </c>
      <c r="F108138" s="14" t="s">
        <v>15</v>
      </c>
      <c r="G108138" s="16">
        <v>1.236001429758226</v>
      </c>
    </row>
    <row r="108139" spans="1:7" x14ac:dyDescent="0.3">
      <c r="A108139" s="13" t="s">
        <v>521</v>
      </c>
      <c r="B108139" s="14" t="s">
        <v>1</v>
      </c>
      <c r="C108139" s="14" t="s">
        <v>70</v>
      </c>
      <c r="D108139" s="14" t="s">
        <v>522</v>
      </c>
      <c r="E108139" s="15">
        <v>45475</v>
      </c>
      <c r="F108139" s="14" t="s">
        <v>15</v>
      </c>
      <c r="G108139" s="16">
        <v>1.2575911050220741</v>
      </c>
    </row>
    <row r="108140" spans="1:7" x14ac:dyDescent="0.3">
      <c r="A108140" s="13" t="s">
        <v>521</v>
      </c>
      <c r="B108140" s="14" t="s">
        <v>1</v>
      </c>
      <c r="C108140" s="14" t="s">
        <v>70</v>
      </c>
      <c r="D108140" s="14" t="s">
        <v>522</v>
      </c>
      <c r="E108140" s="15">
        <v>45476</v>
      </c>
      <c r="F108140" s="14" t="s">
        <v>15</v>
      </c>
      <c r="G108140" s="16">
        <v>1.2980571000445946</v>
      </c>
    </row>
    <row r="108141" spans="1:7" x14ac:dyDescent="0.3">
      <c r="A108141" s="13" t="s">
        <v>521</v>
      </c>
      <c r="B108141" s="14" t="s">
        <v>1</v>
      </c>
      <c r="C108141" s="14" t="s">
        <v>70</v>
      </c>
      <c r="D108141" s="14" t="s">
        <v>522</v>
      </c>
      <c r="E108141" s="15">
        <v>45477</v>
      </c>
      <c r="F108141" s="14" t="s">
        <v>15</v>
      </c>
      <c r="G108141" s="16">
        <v>1.304492065709999</v>
      </c>
    </row>
    <row r="108142" spans="1:7" x14ac:dyDescent="0.3">
      <c r="A108142" s="13" t="s">
        <v>521</v>
      </c>
      <c r="B108142" s="14" t="s">
        <v>1</v>
      </c>
      <c r="C108142" s="14" t="s">
        <v>70</v>
      </c>
      <c r="D108142" s="14" t="s">
        <v>522</v>
      </c>
      <c r="E108142" s="15">
        <v>45478</v>
      </c>
      <c r="F108142" s="14" t="s">
        <v>15</v>
      </c>
      <c r="G108142" s="16">
        <v>1.311000806704933</v>
      </c>
    </row>
    <row r="108143" spans="1:7" x14ac:dyDescent="0.3">
      <c r="A108143" s="13" t="s">
        <v>521</v>
      </c>
      <c r="B108143" s="14" t="s">
        <v>1</v>
      </c>
      <c r="C108143" s="14" t="s">
        <v>70</v>
      </c>
      <c r="D108143" s="14" t="s">
        <v>522</v>
      </c>
      <c r="E108143" s="15">
        <v>45479</v>
      </c>
      <c r="F108143" s="14" t="s">
        <v>15</v>
      </c>
      <c r="G108143" s="16">
        <v>1.311000806704933</v>
      </c>
    </row>
    <row r="108144" spans="1:7" x14ac:dyDescent="0.3">
      <c r="A108144" s="13" t="s">
        <v>521</v>
      </c>
      <c r="B108144" s="14" t="s">
        <v>1</v>
      </c>
      <c r="C108144" s="14" t="s">
        <v>70</v>
      </c>
      <c r="D108144" s="14" t="s">
        <v>522</v>
      </c>
      <c r="E108144" s="15">
        <v>45480</v>
      </c>
      <c r="F108144" s="14" t="s">
        <v>15</v>
      </c>
      <c r="G108144" s="16">
        <v>1.311000806704933</v>
      </c>
    </row>
    <row r="108145" spans="1:7" x14ac:dyDescent="0.3">
      <c r="A108145" s="13" t="s">
        <v>521</v>
      </c>
      <c r="B108145" s="14" t="s">
        <v>1</v>
      </c>
      <c r="C108145" s="14" t="s">
        <v>70</v>
      </c>
      <c r="D108145" s="14" t="s">
        <v>522</v>
      </c>
      <c r="E108145" s="15">
        <v>45481</v>
      </c>
      <c r="F108145" s="14" t="s">
        <v>15</v>
      </c>
      <c r="G108145" s="16">
        <v>1.3369949237901027</v>
      </c>
    </row>
    <row r="108146" spans="1:7" x14ac:dyDescent="0.3">
      <c r="A108146" s="13" t="s">
        <v>521</v>
      </c>
      <c r="B108146" s="14" t="s">
        <v>1</v>
      </c>
      <c r="C108146" s="14" t="s">
        <v>70</v>
      </c>
      <c r="D108146" s="14" t="s">
        <v>522</v>
      </c>
      <c r="E108146" s="15">
        <v>45482</v>
      </c>
      <c r="F108146" s="14" t="s">
        <v>15</v>
      </c>
      <c r="G108146" s="16">
        <v>1.3560020799816617</v>
      </c>
    </row>
    <row r="108147" spans="1:7" x14ac:dyDescent="0.3">
      <c r="A108147" s="13" t="s">
        <v>521</v>
      </c>
      <c r="B108147" s="14" t="s">
        <v>1</v>
      </c>
      <c r="C108147" s="14" t="s">
        <v>70</v>
      </c>
      <c r="D108147" s="14" t="s">
        <v>522</v>
      </c>
      <c r="E108147" s="15">
        <v>45483</v>
      </c>
      <c r="F108147" s="14" t="s">
        <v>15</v>
      </c>
      <c r="G108147" s="16">
        <v>1.365515772120933</v>
      </c>
    </row>
    <row r="108148" spans="1:7" x14ac:dyDescent="0.3">
      <c r="A108148" s="13" t="s">
        <v>521</v>
      </c>
      <c r="B108148" s="14" t="s">
        <v>1</v>
      </c>
      <c r="C108148" s="14" t="s">
        <v>70</v>
      </c>
      <c r="D108148" s="14" t="s">
        <v>522</v>
      </c>
      <c r="E108148" s="15">
        <v>45484</v>
      </c>
      <c r="F108148" s="14" t="s">
        <v>15</v>
      </c>
      <c r="G108148" s="16">
        <v>1.3854694384661632</v>
      </c>
    </row>
    <row r="108149" spans="1:7" x14ac:dyDescent="0.3">
      <c r="A108149" s="13" t="s">
        <v>521</v>
      </c>
      <c r="B108149" s="14" t="s">
        <v>1</v>
      </c>
      <c r="C108149" s="14" t="s">
        <v>70</v>
      </c>
      <c r="D108149" s="14" t="s">
        <v>522</v>
      </c>
      <c r="E108149" s="15">
        <v>45485</v>
      </c>
      <c r="F108149" s="14" t="s">
        <v>15</v>
      </c>
      <c r="G108149" s="16">
        <v>1.3945282920367854</v>
      </c>
    </row>
    <row r="108150" spans="1:7" x14ac:dyDescent="0.3">
      <c r="A108150" s="13" t="s">
        <v>521</v>
      </c>
      <c r="B108150" s="14" t="s">
        <v>1</v>
      </c>
      <c r="C108150" s="14" t="s">
        <v>70</v>
      </c>
      <c r="D108150" s="14" t="s">
        <v>522</v>
      </c>
      <c r="E108150" s="15">
        <v>45486</v>
      </c>
      <c r="F108150" s="14" t="s">
        <v>15</v>
      </c>
      <c r="G108150" s="16">
        <v>1.3945282920367854</v>
      </c>
    </row>
    <row r="108151" spans="1:7" x14ac:dyDescent="0.3">
      <c r="A108151" s="13" t="s">
        <v>521</v>
      </c>
      <c r="B108151" s="14" t="s">
        <v>1</v>
      </c>
      <c r="C108151" s="14" t="s">
        <v>70</v>
      </c>
      <c r="D108151" s="14" t="s">
        <v>522</v>
      </c>
      <c r="E108151" s="15">
        <v>45487</v>
      </c>
      <c r="F108151" s="14" t="s">
        <v>15</v>
      </c>
      <c r="G108151" s="16">
        <v>1.3945282920367854</v>
      </c>
    </row>
    <row r="108152" spans="1:7" x14ac:dyDescent="0.3">
      <c r="A108152" s="13" t="s">
        <v>521</v>
      </c>
      <c r="B108152" s="14" t="s">
        <v>1</v>
      </c>
      <c r="C108152" s="14" t="s">
        <v>70</v>
      </c>
      <c r="D108152" s="14" t="s">
        <v>522</v>
      </c>
      <c r="E108152" s="15">
        <v>45488</v>
      </c>
      <c r="F108152" s="14" t="s">
        <v>15</v>
      </c>
      <c r="G108152" s="16">
        <v>1.3997626325245824</v>
      </c>
    </row>
    <row r="108153" spans="1:7" x14ac:dyDescent="0.3">
      <c r="A108153" s="13" t="s">
        <v>521</v>
      </c>
      <c r="B108153" s="14" t="s">
        <v>1</v>
      </c>
      <c r="C108153" s="14" t="s">
        <v>70</v>
      </c>
      <c r="D108153" s="14" t="s">
        <v>522</v>
      </c>
      <c r="E108153" s="15">
        <v>45489</v>
      </c>
      <c r="F108153" s="14" t="s">
        <v>15</v>
      </c>
      <c r="G108153" s="16">
        <v>1.4185129412725934</v>
      </c>
    </row>
    <row r="108154" spans="1:7" x14ac:dyDescent="0.3">
      <c r="A108154" s="13" t="s">
        <v>521</v>
      </c>
      <c r="B108154" s="14" t="s">
        <v>1</v>
      </c>
      <c r="C108154" s="14" t="s">
        <v>70</v>
      </c>
      <c r="D108154" s="14" t="s">
        <v>522</v>
      </c>
      <c r="E108154" s="15">
        <v>45490</v>
      </c>
      <c r="F108154" s="14" t="s">
        <v>15</v>
      </c>
      <c r="G108154" s="16">
        <v>1.424663407407974</v>
      </c>
    </row>
    <row r="108155" spans="1:7" x14ac:dyDescent="0.3">
      <c r="A108155" s="13" t="s">
        <v>521</v>
      </c>
      <c r="B108155" s="14" t="s">
        <v>1</v>
      </c>
      <c r="C108155" s="14" t="s">
        <v>70</v>
      </c>
      <c r="D108155" s="14" t="s">
        <v>522</v>
      </c>
      <c r="E108155" s="15">
        <v>45491</v>
      </c>
      <c r="F108155" s="14" t="s">
        <v>15</v>
      </c>
      <c r="G108155" s="16">
        <v>1.445033713095675</v>
      </c>
    </row>
    <row r="108156" spans="1:7" x14ac:dyDescent="0.3">
      <c r="A108156" s="13" t="s">
        <v>521</v>
      </c>
      <c r="B108156" s="14" t="s">
        <v>1</v>
      </c>
      <c r="C108156" s="14" t="s">
        <v>70</v>
      </c>
      <c r="D108156" s="14" t="s">
        <v>522</v>
      </c>
      <c r="E108156" s="15">
        <v>45492</v>
      </c>
      <c r="F108156" s="14" t="s">
        <v>15</v>
      </c>
      <c r="G108156" s="16">
        <v>1.4513822250045489</v>
      </c>
    </row>
    <row r="108157" spans="1:7" x14ac:dyDescent="0.3">
      <c r="A108157" s="13" t="s">
        <v>521</v>
      </c>
      <c r="B108157" s="14" t="s">
        <v>1</v>
      </c>
      <c r="C108157" s="14" t="s">
        <v>70</v>
      </c>
      <c r="D108157" s="14" t="s">
        <v>522</v>
      </c>
      <c r="E108157" s="15">
        <v>45493</v>
      </c>
      <c r="F108157" s="14" t="s">
        <v>15</v>
      </c>
      <c r="G108157" s="16">
        <v>1.4513822250045489</v>
      </c>
    </row>
    <row r="108158" spans="1:7" x14ac:dyDescent="0.3">
      <c r="A108158" s="13" t="s">
        <v>521</v>
      </c>
      <c r="B108158" s="14" t="s">
        <v>1</v>
      </c>
      <c r="C108158" s="14" t="s">
        <v>70</v>
      </c>
      <c r="D108158" s="14" t="s">
        <v>522</v>
      </c>
      <c r="E108158" s="15">
        <v>45494</v>
      </c>
      <c r="F108158" s="14" t="s">
        <v>15</v>
      </c>
      <c r="G108158" s="16">
        <v>1.4513822250045489</v>
      </c>
    </row>
    <row r="108159" spans="1:7" x14ac:dyDescent="0.3">
      <c r="A108159" s="13" t="s">
        <v>521</v>
      </c>
      <c r="B108159" s="14" t="s">
        <v>1</v>
      </c>
      <c r="C108159" s="14" t="s">
        <v>70</v>
      </c>
      <c r="D108159" s="14" t="s">
        <v>522</v>
      </c>
      <c r="E108159" s="15">
        <v>45495</v>
      </c>
      <c r="F108159" s="14" t="s">
        <v>15</v>
      </c>
      <c r="G108159" s="16">
        <v>1.4615468887922345</v>
      </c>
    </row>
    <row r="108160" spans="1:7" x14ac:dyDescent="0.3">
      <c r="A108160" s="13" t="s">
        <v>521</v>
      </c>
      <c r="B108160" s="14" t="s">
        <v>1</v>
      </c>
      <c r="C108160" s="14" t="s">
        <v>70</v>
      </c>
      <c r="D108160" s="14" t="s">
        <v>522</v>
      </c>
      <c r="E108160" s="15">
        <v>45496</v>
      </c>
      <c r="F108160" s="14" t="s">
        <v>15</v>
      </c>
      <c r="G108160" s="16">
        <v>1.5016854306484273</v>
      </c>
    </row>
    <row r="108161" spans="1:7" x14ac:dyDescent="0.3">
      <c r="A108161" s="13" t="s">
        <v>521</v>
      </c>
      <c r="B108161" s="14" t="s">
        <v>1</v>
      </c>
      <c r="C108161" s="14" t="s">
        <v>70</v>
      </c>
      <c r="D108161" s="14" t="s">
        <v>522</v>
      </c>
      <c r="E108161" s="15">
        <v>45497</v>
      </c>
      <c r="F108161" s="14" t="s">
        <v>15</v>
      </c>
      <c r="G108161" s="16">
        <v>1.5092645150538584</v>
      </c>
    </row>
    <row r="108162" spans="1:7" x14ac:dyDescent="0.3">
      <c r="A108162" s="13" t="s">
        <v>521</v>
      </c>
      <c r="B108162" s="14" t="s">
        <v>1</v>
      </c>
      <c r="C108162" s="14" t="s">
        <v>70</v>
      </c>
      <c r="D108162" s="14" t="s">
        <v>522</v>
      </c>
      <c r="E108162" s="15">
        <v>45498</v>
      </c>
      <c r="F108162" s="14" t="s">
        <v>15</v>
      </c>
      <c r="G108162" s="16">
        <v>1.5156342851873152</v>
      </c>
    </row>
    <row r="108163" spans="1:7" x14ac:dyDescent="0.3">
      <c r="A108163" s="13" t="s">
        <v>521</v>
      </c>
      <c r="B108163" s="14" t="s">
        <v>1</v>
      </c>
      <c r="C108163" s="14" t="s">
        <v>70</v>
      </c>
      <c r="D108163" s="14" t="s">
        <v>522</v>
      </c>
      <c r="E108163" s="15">
        <v>45499</v>
      </c>
      <c r="F108163" s="14" t="s">
        <v>15</v>
      </c>
      <c r="G108163" s="16">
        <v>1.5219831249865425</v>
      </c>
    </row>
    <row r="108164" spans="1:7" x14ac:dyDescent="0.3">
      <c r="A108164" s="13" t="s">
        <v>521</v>
      </c>
      <c r="B108164" s="14" t="s">
        <v>1</v>
      </c>
      <c r="C108164" s="14" t="s">
        <v>70</v>
      </c>
      <c r="D108164" s="14" t="s">
        <v>522</v>
      </c>
      <c r="E108164" s="15">
        <v>45500</v>
      </c>
      <c r="F108164" s="14" t="s">
        <v>15</v>
      </c>
      <c r="G108164" s="16">
        <v>1.5219831249865425</v>
      </c>
    </row>
    <row r="108165" spans="1:7" x14ac:dyDescent="0.3">
      <c r="A108165" s="13" t="s">
        <v>521</v>
      </c>
      <c r="B108165" s="14" t="s">
        <v>1</v>
      </c>
      <c r="C108165" s="14" t="s">
        <v>70</v>
      </c>
      <c r="D108165" s="14" t="s">
        <v>522</v>
      </c>
      <c r="E108165" s="15">
        <v>45501</v>
      </c>
      <c r="F108165" s="14" t="s">
        <v>15</v>
      </c>
      <c r="G108165" s="16">
        <v>1.5219831249865425</v>
      </c>
    </row>
    <row r="108166" spans="1:7" x14ac:dyDescent="0.3">
      <c r="A108166" s="13" t="s">
        <v>521</v>
      </c>
      <c r="B108166" s="14" t="s">
        <v>1</v>
      </c>
      <c r="C108166" s="14" t="s">
        <v>70</v>
      </c>
      <c r="D108166" s="14" t="s">
        <v>522</v>
      </c>
      <c r="E108166" s="15">
        <v>45502</v>
      </c>
      <c r="F108166" s="14" t="s">
        <v>15</v>
      </c>
      <c r="G108166" s="16">
        <v>1.529572537938108</v>
      </c>
    </row>
    <row r="108167" spans="1:7" x14ac:dyDescent="0.3">
      <c r="A108167" s="13" t="s">
        <v>521</v>
      </c>
      <c r="B108167" s="14" t="s">
        <v>1</v>
      </c>
      <c r="C108167" s="14" t="s">
        <v>70</v>
      </c>
      <c r="D108167" s="14" t="s">
        <v>522</v>
      </c>
      <c r="E108167" s="15">
        <v>45503</v>
      </c>
      <c r="F108167" s="14" t="s">
        <v>15</v>
      </c>
      <c r="G108167" s="16">
        <v>1.5484544400146429</v>
      </c>
    </row>
    <row r="108168" spans="1:7" x14ac:dyDescent="0.3">
      <c r="A108168" s="13" t="s">
        <v>521</v>
      </c>
      <c r="B108168" s="14" t="s">
        <v>1</v>
      </c>
      <c r="C108168" s="14" t="s">
        <v>70</v>
      </c>
      <c r="D108168" s="14" t="s">
        <v>522</v>
      </c>
      <c r="E108168" s="15">
        <v>45504</v>
      </c>
      <c r="F108168" s="14" t="s">
        <v>15</v>
      </c>
      <c r="G108168" s="16">
        <v>1.5554642521180653</v>
      </c>
    </row>
    <row r="108169" spans="1:7" x14ac:dyDescent="0.3">
      <c r="A108169" s="13" t="s">
        <v>521</v>
      </c>
      <c r="B108169" s="14" t="s">
        <v>1</v>
      </c>
      <c r="C108169" s="14" t="s">
        <v>70</v>
      </c>
      <c r="D108169" s="14" t="s">
        <v>522</v>
      </c>
      <c r="E108169" s="15">
        <v>45505</v>
      </c>
      <c r="F108169" s="14" t="s">
        <v>15</v>
      </c>
      <c r="G108169" s="16">
        <v>1.5554642521180653</v>
      </c>
    </row>
    <row r="108170" spans="1:7" x14ac:dyDescent="0.3">
      <c r="A108170" s="13" t="s">
        <v>521</v>
      </c>
      <c r="B108170" s="14" t="s">
        <v>1</v>
      </c>
      <c r="C108170" s="14" t="s">
        <v>70</v>
      </c>
      <c r="D108170" s="14" t="s">
        <v>522</v>
      </c>
      <c r="E108170" s="15">
        <v>45506</v>
      </c>
      <c r="F108170" s="14" t="s">
        <v>15</v>
      </c>
      <c r="G108170" s="16">
        <v>1.5732595802116072</v>
      </c>
    </row>
    <row r="108171" spans="1:7" x14ac:dyDescent="0.3">
      <c r="A108171" s="13" t="s">
        <v>521</v>
      </c>
      <c r="B108171" s="14" t="s">
        <v>1</v>
      </c>
      <c r="C108171" s="14" t="s">
        <v>70</v>
      </c>
      <c r="D108171" s="14" t="s">
        <v>522</v>
      </c>
      <c r="E108171" s="15">
        <v>45507</v>
      </c>
      <c r="F108171" s="14" t="s">
        <v>15</v>
      </c>
      <c r="G108171" s="16">
        <v>1.5732595802116072</v>
      </c>
    </row>
    <row r="108172" spans="1:7" x14ac:dyDescent="0.3">
      <c r="A108172" s="13" t="s">
        <v>521</v>
      </c>
      <c r="B108172" s="14" t="s">
        <v>1</v>
      </c>
      <c r="C108172" s="14" t="s">
        <v>70</v>
      </c>
      <c r="D108172" s="14" t="s">
        <v>522</v>
      </c>
      <c r="E108172" s="15">
        <v>45508</v>
      </c>
      <c r="F108172" s="14" t="s">
        <v>15</v>
      </c>
      <c r="G108172" s="16">
        <v>1.5732595802116072</v>
      </c>
    </row>
    <row r="108173" spans="1:7" x14ac:dyDescent="0.3">
      <c r="A108173" s="13" t="s">
        <v>521</v>
      </c>
      <c r="B108173" s="14" t="s">
        <v>1</v>
      </c>
      <c r="C108173" s="14" t="s">
        <v>70</v>
      </c>
      <c r="D108173" s="14" t="s">
        <v>522</v>
      </c>
      <c r="E108173" s="15">
        <v>45509</v>
      </c>
      <c r="F108173" s="14" t="s">
        <v>15</v>
      </c>
      <c r="G108173" s="16">
        <v>1.5732595802116072</v>
      </c>
    </row>
    <row r="108174" spans="1:7" x14ac:dyDescent="0.3">
      <c r="A108174" s="13" t="s">
        <v>521</v>
      </c>
      <c r="B108174" s="14" t="s">
        <v>1</v>
      </c>
      <c r="C108174" s="14" t="s">
        <v>70</v>
      </c>
      <c r="D108174" s="14" t="s">
        <v>522</v>
      </c>
      <c r="E108174" s="15">
        <v>45510</v>
      </c>
      <c r="F108174" s="14" t="s">
        <v>15</v>
      </c>
      <c r="G108174" s="16">
        <v>1.5831518764123471</v>
      </c>
    </row>
    <row r="108175" spans="1:7" x14ac:dyDescent="0.3">
      <c r="A108175" s="13" t="s">
        <v>521</v>
      </c>
      <c r="B108175" s="14" t="s">
        <v>1</v>
      </c>
      <c r="C108175" s="14" t="s">
        <v>70</v>
      </c>
      <c r="D108175" s="14" t="s">
        <v>522</v>
      </c>
      <c r="E108175" s="15">
        <v>45511</v>
      </c>
      <c r="F108175" s="14" t="s">
        <v>15</v>
      </c>
      <c r="G108175" s="16">
        <v>1.6400772021013592</v>
      </c>
    </row>
    <row r="108176" spans="1:7" x14ac:dyDescent="0.3">
      <c r="A108176" s="13" t="s">
        <v>521</v>
      </c>
      <c r="B108176" s="14" t="s">
        <v>1</v>
      </c>
      <c r="C108176" s="14" t="s">
        <v>70</v>
      </c>
      <c r="D108176" s="14" t="s">
        <v>522</v>
      </c>
      <c r="E108176" s="15">
        <v>45512</v>
      </c>
      <c r="F108176" s="14" t="s">
        <v>15</v>
      </c>
      <c r="G108176" s="16">
        <v>1.6465497658606276</v>
      </c>
    </row>
    <row r="108177" spans="1:7" x14ac:dyDescent="0.3">
      <c r="A108177" s="13" t="s">
        <v>521</v>
      </c>
      <c r="B108177" s="14" t="s">
        <v>1</v>
      </c>
      <c r="C108177" s="14" t="s">
        <v>70</v>
      </c>
      <c r="D108177" s="14" t="s">
        <v>522</v>
      </c>
      <c r="E108177" s="15">
        <v>45513</v>
      </c>
      <c r="F108177" s="14" t="s">
        <v>15</v>
      </c>
      <c r="G108177" s="16">
        <v>1.6674931145894023</v>
      </c>
    </row>
    <row r="108178" spans="1:7" x14ac:dyDescent="0.3">
      <c r="A108178" s="13" t="s">
        <v>521</v>
      </c>
      <c r="B108178" s="14" t="s">
        <v>1</v>
      </c>
      <c r="C108178" s="14" t="s">
        <v>70</v>
      </c>
      <c r="D108178" s="14" t="s">
        <v>522</v>
      </c>
      <c r="E108178" s="15">
        <v>45514</v>
      </c>
      <c r="F108178" s="14" t="s">
        <v>15</v>
      </c>
      <c r="G108178" s="16">
        <v>1.6674931145894023</v>
      </c>
    </row>
    <row r="108179" spans="1:7" x14ac:dyDescent="0.3">
      <c r="A108179" s="13" t="s">
        <v>521</v>
      </c>
      <c r="B108179" s="14" t="s">
        <v>1</v>
      </c>
      <c r="C108179" s="14" t="s">
        <v>70</v>
      </c>
      <c r="D108179" s="14" t="s">
        <v>522</v>
      </c>
      <c r="E108179" s="15">
        <v>45515</v>
      </c>
      <c r="F108179" s="14" t="s">
        <v>15</v>
      </c>
      <c r="G108179" s="16">
        <v>1.6674931145894023</v>
      </c>
    </row>
    <row r="108180" spans="1:7" x14ac:dyDescent="0.3">
      <c r="A108180" s="13" t="s">
        <v>521</v>
      </c>
      <c r="B108180" s="14" t="s">
        <v>1</v>
      </c>
      <c r="C108180" s="14" t="s">
        <v>70</v>
      </c>
      <c r="D108180" s="14" t="s">
        <v>522</v>
      </c>
      <c r="E108180" s="15">
        <v>45516</v>
      </c>
      <c r="F108180" s="14" t="s">
        <v>15</v>
      </c>
      <c r="G108180" s="16">
        <v>1.6882978203470531</v>
      </c>
    </row>
    <row r="108181" spans="1:7" x14ac:dyDescent="0.3">
      <c r="A108181" s="13" t="s">
        <v>521</v>
      </c>
      <c r="B108181" s="14" t="s">
        <v>1</v>
      </c>
      <c r="C108181" s="14" t="s">
        <v>70</v>
      </c>
      <c r="D108181" s="14" t="s">
        <v>522</v>
      </c>
      <c r="E108181" s="15">
        <v>45517</v>
      </c>
      <c r="F108181" s="14" t="s">
        <v>15</v>
      </c>
      <c r="G108181" s="16">
        <v>1.7111171937331824</v>
      </c>
    </row>
    <row r="108182" spans="1:7" x14ac:dyDescent="0.3">
      <c r="A108182" s="13" t="s">
        <v>521</v>
      </c>
      <c r="B108182" s="14" t="s">
        <v>1</v>
      </c>
      <c r="C108182" s="14" t="s">
        <v>70</v>
      </c>
      <c r="D108182" s="14" t="s">
        <v>522</v>
      </c>
      <c r="E108182" s="15">
        <v>45518</v>
      </c>
      <c r="F108182" s="14" t="s">
        <v>15</v>
      </c>
      <c r="G108182" s="16">
        <v>1.7168374130764235</v>
      </c>
    </row>
    <row r="108183" spans="1:7" x14ac:dyDescent="0.3">
      <c r="A108183" s="13" t="s">
        <v>521</v>
      </c>
      <c r="B108183" s="14" t="s">
        <v>1</v>
      </c>
      <c r="C108183" s="14" t="s">
        <v>70</v>
      </c>
      <c r="D108183" s="14" t="s">
        <v>522</v>
      </c>
      <c r="E108183" s="15">
        <v>45519</v>
      </c>
      <c r="F108183" s="14" t="s">
        <v>15</v>
      </c>
      <c r="G108183" s="16">
        <v>1.7232752204582242</v>
      </c>
    </row>
    <row r="108184" spans="1:7" x14ac:dyDescent="0.3">
      <c r="A108184" s="13" t="s">
        <v>521</v>
      </c>
      <c r="B108184" s="14" t="s">
        <v>1</v>
      </c>
      <c r="C108184" s="14" t="s">
        <v>70</v>
      </c>
      <c r="D108184" s="14" t="s">
        <v>522</v>
      </c>
      <c r="E108184" s="15">
        <v>45520</v>
      </c>
      <c r="F108184" s="14" t="s">
        <v>15</v>
      </c>
      <c r="G108184" s="16">
        <v>1.7849848489430487</v>
      </c>
    </row>
    <row r="108185" spans="1:7" x14ac:dyDescent="0.3">
      <c r="A108185" s="13" t="s">
        <v>521</v>
      </c>
      <c r="B108185" s="14" t="s">
        <v>1</v>
      </c>
      <c r="C108185" s="14" t="s">
        <v>70</v>
      </c>
      <c r="D108185" s="14" t="s">
        <v>522</v>
      </c>
      <c r="E108185" s="15">
        <v>45521</v>
      </c>
      <c r="F108185" s="14" t="s">
        <v>15</v>
      </c>
      <c r="G108185" s="16">
        <v>1.7849848489430487</v>
      </c>
    </row>
    <row r="108186" spans="1:7" x14ac:dyDescent="0.3">
      <c r="A108186" s="13" t="s">
        <v>521</v>
      </c>
      <c r="B108186" s="14" t="s">
        <v>1</v>
      </c>
      <c r="C108186" s="14" t="s">
        <v>70</v>
      </c>
      <c r="D108186" s="14" t="s">
        <v>522</v>
      </c>
      <c r="E108186" s="15">
        <v>45522</v>
      </c>
      <c r="F108186" s="14" t="s">
        <v>15</v>
      </c>
      <c r="G108186" s="16">
        <v>1.7849848489430487</v>
      </c>
    </row>
    <row r="108187" spans="1:7" x14ac:dyDescent="0.3">
      <c r="A108187" s="13" t="s">
        <v>521</v>
      </c>
      <c r="B108187" s="14" t="s">
        <v>1</v>
      </c>
      <c r="C108187" s="14" t="s">
        <v>70</v>
      </c>
      <c r="D108187" s="14" t="s">
        <v>522</v>
      </c>
      <c r="E108187" s="15">
        <v>45523</v>
      </c>
      <c r="F108187" s="14" t="s">
        <v>15</v>
      </c>
      <c r="G108187" s="16">
        <v>1.8046692080112989</v>
      </c>
    </row>
    <row r="108188" spans="1:7" x14ac:dyDescent="0.3">
      <c r="A108188" s="13" t="s">
        <v>521</v>
      </c>
      <c r="B108188" s="14" t="s">
        <v>1</v>
      </c>
      <c r="C108188" s="14" t="s">
        <v>70</v>
      </c>
      <c r="D108188" s="14" t="s">
        <v>522</v>
      </c>
      <c r="E108188" s="15">
        <v>45524</v>
      </c>
      <c r="F108188" s="14" t="s">
        <v>15</v>
      </c>
      <c r="G108188" s="16">
        <v>1.8366084690403337</v>
      </c>
    </row>
    <row r="108189" spans="1:7" x14ac:dyDescent="0.3">
      <c r="A108189" s="13" t="s">
        <v>521</v>
      </c>
      <c r="B108189" s="14" t="s">
        <v>1</v>
      </c>
      <c r="C108189" s="14" t="s">
        <v>70</v>
      </c>
      <c r="D108189" s="14" t="s">
        <v>522</v>
      </c>
      <c r="E108189" s="15">
        <v>45525</v>
      </c>
      <c r="F108189" s="14" t="s">
        <v>15</v>
      </c>
      <c r="G108189" s="16">
        <v>1.8508668438910398</v>
      </c>
    </row>
    <row r="108190" spans="1:7" x14ac:dyDescent="0.3">
      <c r="A108190" s="13" t="s">
        <v>521</v>
      </c>
      <c r="B108190" s="14" t="s">
        <v>1</v>
      </c>
      <c r="C108190" s="14" t="s">
        <v>70</v>
      </c>
      <c r="D108190" s="14" t="s">
        <v>522</v>
      </c>
      <c r="E108190" s="15">
        <v>45526</v>
      </c>
      <c r="F108190" s="14" t="s">
        <v>15</v>
      </c>
      <c r="G108190" s="16">
        <v>1.8584947839591373</v>
      </c>
    </row>
    <row r="108191" spans="1:7" x14ac:dyDescent="0.3">
      <c r="A108191" s="13" t="s">
        <v>521</v>
      </c>
      <c r="B108191" s="14" t="s">
        <v>1</v>
      </c>
      <c r="C108191" s="14" t="s">
        <v>70</v>
      </c>
      <c r="D108191" s="14" t="s">
        <v>522</v>
      </c>
      <c r="E108191" s="15">
        <v>45527</v>
      </c>
      <c r="F108191" s="14" t="s">
        <v>15</v>
      </c>
      <c r="G108191" s="16">
        <v>1.8658534167502547</v>
      </c>
    </row>
    <row r="108192" spans="1:7" x14ac:dyDescent="0.3">
      <c r="A108192" s="13" t="s">
        <v>521</v>
      </c>
      <c r="B108192" s="14" t="s">
        <v>1</v>
      </c>
      <c r="C108192" s="14" t="s">
        <v>70</v>
      </c>
      <c r="D108192" s="14" t="s">
        <v>522</v>
      </c>
      <c r="E108192" s="15">
        <v>45528</v>
      </c>
      <c r="F108192" s="14" t="s">
        <v>15</v>
      </c>
      <c r="G108192" s="16">
        <v>1.8658534167502547</v>
      </c>
    </row>
    <row r="108193" spans="1:7" x14ac:dyDescent="0.3">
      <c r="A108193" s="13" t="s">
        <v>521</v>
      </c>
      <c r="B108193" s="14" t="s">
        <v>1</v>
      </c>
      <c r="C108193" s="14" t="s">
        <v>70</v>
      </c>
      <c r="D108193" s="14" t="s">
        <v>522</v>
      </c>
      <c r="E108193" s="15">
        <v>45529</v>
      </c>
      <c r="F108193" s="14" t="s">
        <v>15</v>
      </c>
      <c r="G108193" s="16">
        <v>1.8658534167502547</v>
      </c>
    </row>
    <row r="108194" spans="1:7" x14ac:dyDescent="0.3">
      <c r="A108194" s="13" t="s">
        <v>521</v>
      </c>
      <c r="B108194" s="14" t="s">
        <v>1</v>
      </c>
      <c r="C108194" s="14" t="s">
        <v>70</v>
      </c>
      <c r="D108194" s="14" t="s">
        <v>522</v>
      </c>
      <c r="E108194" s="15">
        <v>45530</v>
      </c>
      <c r="F108194" s="14" t="s">
        <v>15</v>
      </c>
      <c r="G108194" s="16">
        <v>1.8719276483784546</v>
      </c>
    </row>
    <row r="108195" spans="1:7" x14ac:dyDescent="0.3">
      <c r="A108195" s="13" t="s">
        <v>521</v>
      </c>
      <c r="B108195" s="14" t="s">
        <v>1</v>
      </c>
      <c r="C108195" s="14" t="s">
        <v>70</v>
      </c>
      <c r="D108195" s="14" t="s">
        <v>522</v>
      </c>
      <c r="E108195" s="15">
        <v>45531</v>
      </c>
      <c r="F108195" s="14" t="s">
        <v>15</v>
      </c>
      <c r="G108195" s="16">
        <v>1.891018088719794</v>
      </c>
    </row>
    <row r="108196" spans="1:7" x14ac:dyDescent="0.3">
      <c r="A108196" s="13" t="s">
        <v>521</v>
      </c>
      <c r="B108196" s="14" t="s">
        <v>1</v>
      </c>
      <c r="C108196" s="14" t="s">
        <v>70</v>
      </c>
      <c r="D108196" s="14" t="s">
        <v>522</v>
      </c>
      <c r="E108196" s="15">
        <v>45532</v>
      </c>
      <c r="F108196" s="14" t="s">
        <v>15</v>
      </c>
      <c r="G108196" s="16">
        <v>1.9067296189686684</v>
      </c>
    </row>
    <row r="108197" spans="1:7" x14ac:dyDescent="0.3">
      <c r="A108197" s="13" t="s">
        <v>521</v>
      </c>
      <c r="B108197" s="14" t="s">
        <v>1</v>
      </c>
      <c r="C108197" s="14" t="s">
        <v>70</v>
      </c>
      <c r="D108197" s="14" t="s">
        <v>522</v>
      </c>
      <c r="E108197" s="15">
        <v>45533</v>
      </c>
      <c r="F108197" s="14" t="s">
        <v>15</v>
      </c>
      <c r="G108197" s="16">
        <v>1.9136599723097674</v>
      </c>
    </row>
    <row r="108198" spans="1:7" x14ac:dyDescent="0.3">
      <c r="A108198" s="13" t="s">
        <v>521</v>
      </c>
      <c r="B108198" s="14" t="s">
        <v>1</v>
      </c>
      <c r="C108198" s="14" t="s">
        <v>70</v>
      </c>
      <c r="D108198" s="14" t="s">
        <v>522</v>
      </c>
      <c r="E108198" s="15">
        <v>45534</v>
      </c>
      <c r="F108198" s="14" t="s">
        <v>15</v>
      </c>
      <c r="G108198" s="16">
        <v>1.9240460713828267</v>
      </c>
    </row>
    <row r="108199" spans="1:7" x14ac:dyDescent="0.3">
      <c r="A108199" s="13" t="s">
        <v>521</v>
      </c>
      <c r="B108199" s="14" t="s">
        <v>1</v>
      </c>
      <c r="C108199" s="14" t="s">
        <v>70</v>
      </c>
      <c r="D108199" s="14" t="s">
        <v>522</v>
      </c>
      <c r="E108199" s="15">
        <v>45535</v>
      </c>
      <c r="F108199" s="14" t="s">
        <v>15</v>
      </c>
      <c r="G108199" s="16">
        <v>1.9240460713828267</v>
      </c>
    </row>
    <row r="108200" spans="1:7" x14ac:dyDescent="0.3">
      <c r="A108200" s="13" t="s">
        <v>521</v>
      </c>
      <c r="B108200" s="14" t="s">
        <v>1</v>
      </c>
      <c r="C108200" s="14" t="s">
        <v>70</v>
      </c>
      <c r="D108200" s="14" t="s">
        <v>522</v>
      </c>
      <c r="E108200" s="15">
        <v>45536</v>
      </c>
      <c r="F108200" s="14" t="s">
        <v>15</v>
      </c>
      <c r="G108200" s="16">
        <v>1.9240460713828267</v>
      </c>
    </row>
    <row r="108201" spans="1:7" x14ac:dyDescent="0.3">
      <c r="A108201" s="13" t="s">
        <v>521</v>
      </c>
      <c r="B108201" s="14" t="s">
        <v>1</v>
      </c>
      <c r="C108201" s="14" t="s">
        <v>70</v>
      </c>
      <c r="D108201" s="14" t="s">
        <v>522</v>
      </c>
      <c r="E108201" s="15">
        <v>45537</v>
      </c>
      <c r="F108201" s="14" t="s">
        <v>15</v>
      </c>
      <c r="G108201" s="16">
        <v>1.9364348700864631</v>
      </c>
    </row>
    <row r="108202" spans="1:7" x14ac:dyDescent="0.3">
      <c r="A108202" s="13" t="s">
        <v>521</v>
      </c>
      <c r="B108202" s="14" t="s">
        <v>1</v>
      </c>
      <c r="C108202" s="14" t="s">
        <v>70</v>
      </c>
      <c r="D108202" s="14" t="s">
        <v>522</v>
      </c>
      <c r="E108202" s="15">
        <v>45538</v>
      </c>
      <c r="F108202" s="14" t="s">
        <v>15</v>
      </c>
      <c r="G108202" s="16">
        <v>1.9500987250779436</v>
      </c>
    </row>
    <row r="108203" spans="1:7" x14ac:dyDescent="0.3">
      <c r="A108203" s="13" t="s">
        <v>521</v>
      </c>
      <c r="B108203" s="14" t="s">
        <v>1</v>
      </c>
      <c r="C108203" s="14" t="s">
        <v>70</v>
      </c>
      <c r="D108203" s="14" t="s">
        <v>522</v>
      </c>
      <c r="E108203" s="15">
        <v>45539</v>
      </c>
      <c r="F108203" s="14" t="s">
        <v>15</v>
      </c>
      <c r="G108203" s="16">
        <v>1.9564610630300552</v>
      </c>
    </row>
    <row r="108204" spans="1:7" x14ac:dyDescent="0.3">
      <c r="A108204" s="13" t="s">
        <v>521</v>
      </c>
      <c r="B108204" s="14" t="s">
        <v>1</v>
      </c>
      <c r="C108204" s="14" t="s">
        <v>70</v>
      </c>
      <c r="D108204" s="14" t="s">
        <v>522</v>
      </c>
      <c r="E108204" s="15">
        <v>45540</v>
      </c>
      <c r="F108204" s="14" t="s">
        <v>15</v>
      </c>
      <c r="G108204" s="16">
        <v>1.9715928284856097</v>
      </c>
    </row>
    <row r="108205" spans="1:7" x14ac:dyDescent="0.3">
      <c r="A108205" s="13" t="s">
        <v>521</v>
      </c>
      <c r="B108205" s="14" t="s">
        <v>1</v>
      </c>
      <c r="C108205" s="14" t="s">
        <v>70</v>
      </c>
      <c r="D108205" s="14" t="s">
        <v>522</v>
      </c>
      <c r="E108205" s="15">
        <v>45541</v>
      </c>
      <c r="F108205" s="14" t="s">
        <v>15</v>
      </c>
      <c r="G108205" s="16">
        <v>1.9779645659611873</v>
      </c>
    </row>
    <row r="108206" spans="1:7" x14ac:dyDescent="0.3">
      <c r="A108206" s="13" t="s">
        <v>521</v>
      </c>
      <c r="B108206" s="14" t="s">
        <v>1</v>
      </c>
      <c r="C108206" s="14" t="s">
        <v>70</v>
      </c>
      <c r="D108206" s="14" t="s">
        <v>522</v>
      </c>
      <c r="E108206" s="15">
        <v>45542</v>
      </c>
      <c r="F108206" s="14" t="s">
        <v>15</v>
      </c>
      <c r="G108206" s="16">
        <v>1.9779645659611873</v>
      </c>
    </row>
    <row r="108207" spans="1:7" x14ac:dyDescent="0.3">
      <c r="A108207" s="13" t="s">
        <v>521</v>
      </c>
      <c r="B108207" s="14" t="s">
        <v>1</v>
      </c>
      <c r="C108207" s="14" t="s">
        <v>70</v>
      </c>
      <c r="D108207" s="14" t="s">
        <v>522</v>
      </c>
      <c r="E108207" s="15">
        <v>45543</v>
      </c>
      <c r="F108207" s="14" t="s">
        <v>15</v>
      </c>
      <c r="G108207" s="16">
        <v>1.9779645659611873</v>
      </c>
    </row>
    <row r="108208" spans="1:7" x14ac:dyDescent="0.3">
      <c r="A108208" s="13" t="s">
        <v>521</v>
      </c>
      <c r="B108208" s="14" t="s">
        <v>1</v>
      </c>
      <c r="C108208" s="14" t="s">
        <v>70</v>
      </c>
      <c r="D108208" s="14" t="s">
        <v>522</v>
      </c>
      <c r="E108208" s="15">
        <v>45544</v>
      </c>
      <c r="F108208" s="14" t="s">
        <v>15</v>
      </c>
      <c r="G108208" s="16">
        <v>1.984201212611137</v>
      </c>
    </row>
    <row r="108209" spans="1:7" x14ac:dyDescent="0.3">
      <c r="A108209" s="13" t="s">
        <v>521</v>
      </c>
      <c r="B108209" s="14" t="s">
        <v>1</v>
      </c>
      <c r="C108209" s="14" t="s">
        <v>70</v>
      </c>
      <c r="D108209" s="14" t="s">
        <v>522</v>
      </c>
      <c r="E108209" s="15">
        <v>45545</v>
      </c>
      <c r="F108209" s="14" t="s">
        <v>15</v>
      </c>
      <c r="G108209" s="16">
        <v>2.0041896353338351</v>
      </c>
    </row>
    <row r="108210" spans="1:7" x14ac:dyDescent="0.3">
      <c r="A108210" s="13" t="s">
        <v>521</v>
      </c>
      <c r="B108210" s="14" t="s">
        <v>1</v>
      </c>
      <c r="C108210" s="14" t="s">
        <v>70</v>
      </c>
      <c r="D108210" s="14" t="s">
        <v>522</v>
      </c>
      <c r="E108210" s="15">
        <v>45546</v>
      </c>
      <c r="F108210" s="14" t="s">
        <v>15</v>
      </c>
      <c r="G108210" s="16">
        <v>2.0137587955912344</v>
      </c>
    </row>
    <row r="108211" spans="1:7" x14ac:dyDescent="0.3">
      <c r="A108211" s="13" t="s">
        <v>521</v>
      </c>
      <c r="B108211" s="14" t="s">
        <v>1</v>
      </c>
      <c r="C108211" s="14" t="s">
        <v>70</v>
      </c>
      <c r="D108211" s="14" t="s">
        <v>522</v>
      </c>
      <c r="E108211" s="15">
        <v>45547</v>
      </c>
      <c r="F108211" s="14" t="s">
        <v>15</v>
      </c>
      <c r="G108211" s="16">
        <v>2.0201262704922169</v>
      </c>
    </row>
    <row r="108212" spans="1:7" x14ac:dyDescent="0.3">
      <c r="A108212" s="13" t="s">
        <v>521</v>
      </c>
      <c r="B108212" s="14" t="s">
        <v>1</v>
      </c>
      <c r="C108212" s="14" t="s">
        <v>70</v>
      </c>
      <c r="D108212" s="14" t="s">
        <v>522</v>
      </c>
      <c r="E108212" s="15">
        <v>45548</v>
      </c>
      <c r="F108212" s="14" t="s">
        <v>15</v>
      </c>
      <c r="G108212" s="16">
        <v>2.0496436787221612</v>
      </c>
    </row>
    <row r="108213" spans="1:7" x14ac:dyDescent="0.3">
      <c r="A108213" s="13" t="s">
        <v>521</v>
      </c>
      <c r="B108213" s="14" t="s">
        <v>1</v>
      </c>
      <c r="C108213" s="14" t="s">
        <v>70</v>
      </c>
      <c r="D108213" s="14" t="s">
        <v>522</v>
      </c>
      <c r="E108213" s="15">
        <v>45549</v>
      </c>
      <c r="F108213" s="14" t="s">
        <v>15</v>
      </c>
      <c r="G108213" s="16">
        <v>2.0496436787221612</v>
      </c>
    </row>
    <row r="108214" spans="1:7" x14ac:dyDescent="0.3">
      <c r="A108214" s="13" t="s">
        <v>521</v>
      </c>
      <c r="B108214" s="14" t="s">
        <v>1</v>
      </c>
      <c r="C108214" s="14" t="s">
        <v>70</v>
      </c>
      <c r="D108214" s="14" t="s">
        <v>522</v>
      </c>
      <c r="E108214" s="15">
        <v>45550</v>
      </c>
      <c r="F108214" s="14" t="s">
        <v>15</v>
      </c>
      <c r="G108214" s="16">
        <v>2.0496436787221612</v>
      </c>
    </row>
    <row r="108215" spans="1:7" x14ac:dyDescent="0.3">
      <c r="A108215" s="13" t="s">
        <v>521</v>
      </c>
      <c r="B108215" s="14" t="s">
        <v>1</v>
      </c>
      <c r="C108215" s="14" t="s">
        <v>70</v>
      </c>
      <c r="D108215" s="14" t="s">
        <v>522</v>
      </c>
      <c r="E108215" s="15">
        <v>45551</v>
      </c>
      <c r="F108215" s="14" t="s">
        <v>15</v>
      </c>
      <c r="G108215" s="16">
        <v>2.0680324337070837</v>
      </c>
    </row>
    <row r="108216" spans="1:7" x14ac:dyDescent="0.3">
      <c r="A108216" s="13" t="s">
        <v>521</v>
      </c>
      <c r="B108216" s="14" t="s">
        <v>1</v>
      </c>
      <c r="C108216" s="14" t="s">
        <v>70</v>
      </c>
      <c r="D108216" s="14" t="s">
        <v>522</v>
      </c>
      <c r="E108216" s="15">
        <v>45552</v>
      </c>
      <c r="F108216" s="14" t="s">
        <v>15</v>
      </c>
      <c r="G108216" s="16">
        <v>2.0893935147461735</v>
      </c>
    </row>
    <row r="108217" spans="1:7" x14ac:dyDescent="0.3">
      <c r="A108217" s="13" t="s">
        <v>521</v>
      </c>
      <c r="B108217" s="14" t="s">
        <v>1</v>
      </c>
      <c r="C108217" s="14" t="s">
        <v>70</v>
      </c>
      <c r="D108217" s="14" t="s">
        <v>522</v>
      </c>
      <c r="E108217" s="15">
        <v>45553</v>
      </c>
      <c r="F108217" s="14" t="s">
        <v>15</v>
      </c>
      <c r="G108217" s="16">
        <v>2.0968755982553713</v>
      </c>
    </row>
    <row r="108218" spans="1:7" x14ac:dyDescent="0.3">
      <c r="A108218" s="13" t="s">
        <v>521</v>
      </c>
      <c r="B108218" s="14" t="s">
        <v>1</v>
      </c>
      <c r="C108218" s="14" t="s">
        <v>70</v>
      </c>
      <c r="D108218" s="14" t="s">
        <v>522</v>
      </c>
      <c r="E108218" s="15">
        <v>45554</v>
      </c>
      <c r="F108218" s="14" t="s">
        <v>15</v>
      </c>
      <c r="G108218" s="16">
        <v>2.1031503894831074</v>
      </c>
    </row>
    <row r="108219" spans="1:7" x14ac:dyDescent="0.3">
      <c r="A108219" s="13" t="s">
        <v>521</v>
      </c>
      <c r="B108219" s="14" t="s">
        <v>1</v>
      </c>
      <c r="C108219" s="14" t="s">
        <v>70</v>
      </c>
      <c r="D108219" s="14" t="s">
        <v>522</v>
      </c>
      <c r="E108219" s="15">
        <v>45555</v>
      </c>
      <c r="F108219" s="14" t="s">
        <v>15</v>
      </c>
      <c r="G108219" s="16">
        <v>2.1094433239770689</v>
      </c>
    </row>
    <row r="108220" spans="1:7" x14ac:dyDescent="0.3">
      <c r="A108220" s="13" t="s">
        <v>521</v>
      </c>
      <c r="B108220" s="14" t="s">
        <v>1</v>
      </c>
      <c r="C108220" s="14" t="s">
        <v>70</v>
      </c>
      <c r="D108220" s="14" t="s">
        <v>522</v>
      </c>
      <c r="E108220" s="15">
        <v>45556</v>
      </c>
      <c r="F108220" s="14" t="s">
        <v>15</v>
      </c>
      <c r="G108220" s="16">
        <v>2.1094433239770689</v>
      </c>
    </row>
    <row r="108221" spans="1:7" x14ac:dyDescent="0.3">
      <c r="A108221" s="13" t="s">
        <v>521</v>
      </c>
      <c r="B108221" s="14" t="s">
        <v>1</v>
      </c>
      <c r="C108221" s="14" t="s">
        <v>70</v>
      </c>
      <c r="D108221" s="14" t="s">
        <v>522</v>
      </c>
      <c r="E108221" s="15">
        <v>45557</v>
      </c>
      <c r="F108221" s="14" t="s">
        <v>15</v>
      </c>
      <c r="G108221" s="16">
        <v>2.1094433239770689</v>
      </c>
    </row>
    <row r="108222" spans="1:7" x14ac:dyDescent="0.3">
      <c r="A108222" s="13" t="s">
        <v>521</v>
      </c>
      <c r="B108222" s="14" t="s">
        <v>1</v>
      </c>
      <c r="C108222" s="14" t="s">
        <v>70</v>
      </c>
      <c r="D108222" s="14" t="s">
        <v>522</v>
      </c>
      <c r="E108222" s="15">
        <v>45558</v>
      </c>
      <c r="F108222" s="14" t="s">
        <v>15</v>
      </c>
      <c r="G108222" s="16">
        <v>2.115740029210095</v>
      </c>
    </row>
    <row r="108223" spans="1:7" x14ac:dyDescent="0.3">
      <c r="A108223" s="13" t="s">
        <v>521</v>
      </c>
      <c r="B108223" s="14" t="s">
        <v>1</v>
      </c>
      <c r="C108223" s="14" t="s">
        <v>70</v>
      </c>
      <c r="D108223" s="14" t="s">
        <v>522</v>
      </c>
      <c r="E108223" s="15">
        <v>45559</v>
      </c>
      <c r="F108223" s="14" t="s">
        <v>15</v>
      </c>
      <c r="G108223" s="16">
        <v>2.1359284650484067</v>
      </c>
    </row>
    <row r="108224" spans="1:7" x14ac:dyDescent="0.3">
      <c r="A108224" s="13" t="s">
        <v>521</v>
      </c>
      <c r="B108224" s="14" t="s">
        <v>1</v>
      </c>
      <c r="C108224" s="14" t="s">
        <v>70</v>
      </c>
      <c r="D108224" s="14" t="s">
        <v>522</v>
      </c>
      <c r="E108224" s="15">
        <v>45560</v>
      </c>
      <c r="F108224" s="14" t="s">
        <v>15</v>
      </c>
      <c r="G108224" s="16">
        <v>2.142260254549254</v>
      </c>
    </row>
    <row r="108225" spans="1:7" x14ac:dyDescent="0.3">
      <c r="A108225" s="13" t="s">
        <v>521</v>
      </c>
      <c r="B108225" s="14" t="s">
        <v>1</v>
      </c>
      <c r="C108225" s="14" t="s">
        <v>70</v>
      </c>
      <c r="D108225" s="14" t="s">
        <v>522</v>
      </c>
      <c r="E108225" s="15">
        <v>45561</v>
      </c>
      <c r="F108225" s="14" t="s">
        <v>15</v>
      </c>
      <c r="G108225" s="16">
        <v>2.1558151406465993</v>
      </c>
    </row>
    <row r="108226" spans="1:7" x14ac:dyDescent="0.3">
      <c r="A108226" s="13" t="s">
        <v>521</v>
      </c>
      <c r="B108226" s="14" t="s">
        <v>1</v>
      </c>
      <c r="C108226" s="14" t="s">
        <v>70</v>
      </c>
      <c r="D108226" s="14" t="s">
        <v>522</v>
      </c>
      <c r="E108226" s="15">
        <v>45562</v>
      </c>
      <c r="F108226" s="14" t="s">
        <v>15</v>
      </c>
      <c r="G108226" s="16">
        <v>2.166470546996639</v>
      </c>
    </row>
    <row r="108227" spans="1:7" x14ac:dyDescent="0.3">
      <c r="A108227" s="13" t="s">
        <v>521</v>
      </c>
      <c r="B108227" s="14" t="s">
        <v>1</v>
      </c>
      <c r="C108227" s="14" t="s">
        <v>70</v>
      </c>
      <c r="D108227" s="14" t="s">
        <v>522</v>
      </c>
      <c r="E108227" s="15">
        <v>45563</v>
      </c>
      <c r="F108227" s="14" t="s">
        <v>15</v>
      </c>
      <c r="G108227" s="16">
        <v>2.166470546996639</v>
      </c>
    </row>
    <row r="108228" spans="1:7" x14ac:dyDescent="0.3">
      <c r="A108228" s="13" t="s">
        <v>521</v>
      </c>
      <c r="B108228" s="14" t="s">
        <v>1</v>
      </c>
      <c r="C108228" s="14" t="s">
        <v>70</v>
      </c>
      <c r="D108228" s="14" t="s">
        <v>522</v>
      </c>
      <c r="E108228" s="15">
        <v>45564</v>
      </c>
      <c r="F108228" s="14" t="s">
        <v>15</v>
      </c>
      <c r="G108228" s="16">
        <v>2.166470546996639</v>
      </c>
    </row>
    <row r="108229" spans="1:7" x14ac:dyDescent="0.3">
      <c r="A108229" s="13" t="s">
        <v>521</v>
      </c>
      <c r="B108229" s="14" t="s">
        <v>1</v>
      </c>
      <c r="C108229" s="14" t="s">
        <v>70</v>
      </c>
      <c r="D108229" s="14" t="s">
        <v>522</v>
      </c>
      <c r="E108229" s="15">
        <v>45565</v>
      </c>
      <c r="F108229" s="14" t="s">
        <v>15</v>
      </c>
      <c r="G108229" s="16">
        <v>2.187992950089634</v>
      </c>
    </row>
    <row r="108230" spans="1:7" x14ac:dyDescent="0.3">
      <c r="A108230" s="13" t="s">
        <v>521</v>
      </c>
      <c r="B108230" s="14" t="s">
        <v>1</v>
      </c>
      <c r="C108230" s="14" t="s">
        <v>70</v>
      </c>
      <c r="D108230" s="14" t="s">
        <v>522</v>
      </c>
      <c r="E108230" s="15">
        <v>45566</v>
      </c>
      <c r="F108230" s="14" t="s">
        <v>15</v>
      </c>
      <c r="G108230" s="16">
        <v>2.2120459016338936</v>
      </c>
    </row>
    <row r="108231" spans="1:7" x14ac:dyDescent="0.3">
      <c r="A108231" s="13" t="s">
        <v>521</v>
      </c>
      <c r="B108231" s="14" t="s">
        <v>1</v>
      </c>
      <c r="C108231" s="14" t="s">
        <v>70</v>
      </c>
      <c r="D108231" s="14" t="s">
        <v>522</v>
      </c>
      <c r="E108231" s="15">
        <v>45567</v>
      </c>
      <c r="F108231" s="14" t="s">
        <v>15</v>
      </c>
      <c r="G108231" s="16">
        <v>2.2198240701322707</v>
      </c>
    </row>
    <row r="108232" spans="1:7" x14ac:dyDescent="0.3">
      <c r="A108232" s="13" t="s">
        <v>521</v>
      </c>
      <c r="B108232" s="14" t="s">
        <v>1</v>
      </c>
      <c r="C108232" s="14" t="s">
        <v>70</v>
      </c>
      <c r="D108232" s="14" t="s">
        <v>522</v>
      </c>
      <c r="E108232" s="15">
        <v>45568</v>
      </c>
      <c r="F108232" s="14" t="s">
        <v>15</v>
      </c>
      <c r="G108232" s="16">
        <v>2.2253501237378677</v>
      </c>
    </row>
    <row r="108233" spans="1:7" x14ac:dyDescent="0.3">
      <c r="A108233" s="13" t="s">
        <v>521</v>
      </c>
      <c r="B108233" s="14" t="s">
        <v>1</v>
      </c>
      <c r="C108233" s="14" t="s">
        <v>70</v>
      </c>
      <c r="D108233" s="14" t="s">
        <v>522</v>
      </c>
      <c r="E108233" s="15">
        <v>45569</v>
      </c>
      <c r="F108233" s="14" t="s">
        <v>15</v>
      </c>
      <c r="G108233" s="16">
        <v>2.2340934374916714</v>
      </c>
    </row>
    <row r="108234" spans="1:7" x14ac:dyDescent="0.3">
      <c r="A108234" s="13" t="s">
        <v>521</v>
      </c>
      <c r="B108234" s="14" t="s">
        <v>1</v>
      </c>
      <c r="C108234" s="14" t="s">
        <v>70</v>
      </c>
      <c r="D108234" s="14" t="s">
        <v>522</v>
      </c>
      <c r="E108234" s="15">
        <v>45570</v>
      </c>
      <c r="F108234" s="14" t="s">
        <v>15</v>
      </c>
      <c r="G108234" s="16">
        <v>2.2340934374916714</v>
      </c>
    </row>
    <row r="108235" spans="1:7" x14ac:dyDescent="0.3">
      <c r="A108235" s="13" t="s">
        <v>521</v>
      </c>
      <c r="B108235" s="14" t="s">
        <v>1</v>
      </c>
      <c r="C108235" s="14" t="s">
        <v>70</v>
      </c>
      <c r="D108235" s="14" t="s">
        <v>522</v>
      </c>
      <c r="E108235" s="15">
        <v>45571</v>
      </c>
      <c r="F108235" s="14" t="s">
        <v>15</v>
      </c>
      <c r="G108235" s="16">
        <v>2.2340934374916714</v>
      </c>
    </row>
    <row r="108236" spans="1:7" x14ac:dyDescent="0.3">
      <c r="A108236" s="13" t="s">
        <v>521</v>
      </c>
      <c r="B108236" s="14" t="s">
        <v>1</v>
      </c>
      <c r="C108236" s="14" t="s">
        <v>70</v>
      </c>
      <c r="D108236" s="14" t="s">
        <v>522</v>
      </c>
      <c r="E108236" s="15">
        <v>45572</v>
      </c>
      <c r="F108236" s="14" t="s">
        <v>15</v>
      </c>
      <c r="G108236" s="16">
        <v>2.2569171281007878</v>
      </c>
    </row>
    <row r="108237" spans="1:7" x14ac:dyDescent="0.3">
      <c r="A108237" s="13" t="s">
        <v>521</v>
      </c>
      <c r="B108237" s="14" t="s">
        <v>1</v>
      </c>
      <c r="C108237" s="14" t="s">
        <v>70</v>
      </c>
      <c r="D108237" s="14" t="s">
        <v>522</v>
      </c>
      <c r="E108237" s="15">
        <v>45573</v>
      </c>
      <c r="F108237" s="14" t="s">
        <v>15</v>
      </c>
      <c r="G108237" s="16">
        <v>2.2760422155228102</v>
      </c>
    </row>
    <row r="108238" spans="1:7" x14ac:dyDescent="0.3">
      <c r="A108238" s="13" t="s">
        <v>521</v>
      </c>
      <c r="B108238" s="14" t="s">
        <v>1</v>
      </c>
      <c r="C108238" s="14" t="s">
        <v>70</v>
      </c>
      <c r="D108238" s="14" t="s">
        <v>522</v>
      </c>
      <c r="E108238" s="15">
        <v>45574</v>
      </c>
      <c r="F108238" s="14" t="s">
        <v>15</v>
      </c>
      <c r="G108238" s="16">
        <v>2.2823507248085613</v>
      </c>
    </row>
    <row r="108239" spans="1:7" x14ac:dyDescent="0.3">
      <c r="A108239" s="13" t="s">
        <v>521</v>
      </c>
      <c r="B108239" s="14" t="s">
        <v>1</v>
      </c>
      <c r="C108239" s="14" t="s">
        <v>70</v>
      </c>
      <c r="D108239" s="14" t="s">
        <v>522</v>
      </c>
      <c r="E108239" s="15">
        <v>45575</v>
      </c>
      <c r="F108239" s="14" t="s">
        <v>15</v>
      </c>
      <c r="G108239" s="16">
        <v>2.2887141010801253</v>
      </c>
    </row>
    <row r="108240" spans="1:7" x14ac:dyDescent="0.3">
      <c r="A108240" s="13" t="s">
        <v>521</v>
      </c>
      <c r="B108240" s="14" t="s">
        <v>1</v>
      </c>
      <c r="C108240" s="14" t="s">
        <v>70</v>
      </c>
      <c r="D108240" s="14" t="s">
        <v>522</v>
      </c>
      <c r="E108240" s="15">
        <v>45576</v>
      </c>
      <c r="F108240" s="14" t="s">
        <v>15</v>
      </c>
      <c r="G108240" s="16">
        <v>2.3092649104074092</v>
      </c>
    </row>
    <row r="108241" spans="1:7" x14ac:dyDescent="0.3">
      <c r="A108241" s="13" t="s">
        <v>521</v>
      </c>
      <c r="B108241" s="14" t="s">
        <v>1</v>
      </c>
      <c r="C108241" s="14" t="s">
        <v>70</v>
      </c>
      <c r="D108241" s="14" t="s">
        <v>522</v>
      </c>
      <c r="E108241" s="15">
        <v>45577</v>
      </c>
      <c r="F108241" s="14" t="s">
        <v>15</v>
      </c>
      <c r="G108241" s="16">
        <v>2.3092649104074092</v>
      </c>
    </row>
    <row r="108242" spans="1:7" x14ac:dyDescent="0.3">
      <c r="A108242" s="13" t="s">
        <v>521</v>
      </c>
      <c r="B108242" s="14" t="s">
        <v>1</v>
      </c>
      <c r="C108242" s="14" t="s">
        <v>70</v>
      </c>
      <c r="D108242" s="14" t="s">
        <v>522</v>
      </c>
      <c r="E108242" s="15">
        <v>45578</v>
      </c>
      <c r="F108242" s="14" t="s">
        <v>15</v>
      </c>
      <c r="G108242" s="16">
        <v>2.3092649104074092</v>
      </c>
    </row>
    <row r="108243" spans="1:7" x14ac:dyDescent="0.3">
      <c r="A108243" s="13" t="s">
        <v>521</v>
      </c>
      <c r="B108243" s="14" t="s">
        <v>1</v>
      </c>
      <c r="C108243" s="14" t="s">
        <v>70</v>
      </c>
      <c r="D108243" s="14" t="s">
        <v>522</v>
      </c>
      <c r="E108243" s="15">
        <v>45579</v>
      </c>
      <c r="F108243" s="14" t="s">
        <v>15</v>
      </c>
      <c r="G108243" s="16">
        <v>2.3156334236278444</v>
      </c>
    </row>
    <row r="108244" spans="1:7" x14ac:dyDescent="0.3">
      <c r="A108244" s="13" t="s">
        <v>521</v>
      </c>
      <c r="B108244" s="14" t="s">
        <v>1</v>
      </c>
      <c r="C108244" s="14" t="s">
        <v>70</v>
      </c>
      <c r="D108244" s="14" t="s">
        <v>522</v>
      </c>
      <c r="E108244" s="15">
        <v>45580</v>
      </c>
      <c r="F108244" s="14" t="s">
        <v>15</v>
      </c>
      <c r="G108244" s="16">
        <v>2.3346624938246934</v>
      </c>
    </row>
    <row r="108245" spans="1:7" x14ac:dyDescent="0.3">
      <c r="A108245" s="13" t="s">
        <v>521</v>
      </c>
      <c r="B108245" s="14" t="s">
        <v>1</v>
      </c>
      <c r="C108245" s="14" t="s">
        <v>70</v>
      </c>
      <c r="D108245" s="14" t="s">
        <v>522</v>
      </c>
      <c r="E108245" s="15">
        <v>45581</v>
      </c>
      <c r="F108245" s="14" t="s">
        <v>15</v>
      </c>
      <c r="G108245" s="16">
        <v>2.3448508203662204</v>
      </c>
    </row>
    <row r="108246" spans="1:7" x14ac:dyDescent="0.3">
      <c r="A108246" s="13" t="s">
        <v>521</v>
      </c>
      <c r="B108246" s="14" t="s">
        <v>1</v>
      </c>
      <c r="C108246" s="14" t="s">
        <v>70</v>
      </c>
      <c r="D108246" s="14" t="s">
        <v>522</v>
      </c>
      <c r="E108246" s="15">
        <v>45582</v>
      </c>
      <c r="F108246" s="14" t="s">
        <v>15</v>
      </c>
      <c r="G108246" s="16">
        <v>2.3518836394427773</v>
      </c>
    </row>
    <row r="108247" spans="1:7" x14ac:dyDescent="0.3">
      <c r="A108247" s="13" t="s">
        <v>521</v>
      </c>
      <c r="B108247" s="14" t="s">
        <v>1</v>
      </c>
      <c r="C108247" s="14" t="s">
        <v>70</v>
      </c>
      <c r="D108247" s="14" t="s">
        <v>522</v>
      </c>
      <c r="E108247" s="15">
        <v>45583</v>
      </c>
      <c r="F108247" s="14" t="s">
        <v>15</v>
      </c>
      <c r="G108247" s="16">
        <v>2.3647003350576865</v>
      </c>
    </row>
    <row r="108248" spans="1:7" x14ac:dyDescent="0.3">
      <c r="A108248" s="13" t="s">
        <v>521</v>
      </c>
      <c r="B108248" s="14" t="s">
        <v>1</v>
      </c>
      <c r="C108248" s="14" t="s">
        <v>70</v>
      </c>
      <c r="D108248" s="14" t="s">
        <v>522</v>
      </c>
      <c r="E108248" s="15">
        <v>45584</v>
      </c>
      <c r="F108248" s="14" t="s">
        <v>15</v>
      </c>
      <c r="G108248" s="16">
        <v>2.3647003350576865</v>
      </c>
    </row>
    <row r="108249" spans="1:7" x14ac:dyDescent="0.3">
      <c r="A108249" s="13" t="s">
        <v>521</v>
      </c>
      <c r="B108249" s="14" t="s">
        <v>1</v>
      </c>
      <c r="C108249" s="14" t="s">
        <v>70</v>
      </c>
      <c r="D108249" s="14" t="s">
        <v>522</v>
      </c>
      <c r="E108249" s="15">
        <v>45585</v>
      </c>
      <c r="F108249" s="14" t="s">
        <v>15</v>
      </c>
      <c r="G108249" s="16">
        <v>2.3647003350576865</v>
      </c>
    </row>
    <row r="108250" spans="1:7" x14ac:dyDescent="0.3">
      <c r="A108250" s="13" t="s">
        <v>521</v>
      </c>
      <c r="B108250" s="14" t="s">
        <v>1</v>
      </c>
      <c r="C108250" s="14" t="s">
        <v>70</v>
      </c>
      <c r="D108250" s="14" t="s">
        <v>522</v>
      </c>
      <c r="E108250" s="15">
        <v>45586</v>
      </c>
      <c r="F108250" s="14" t="s">
        <v>15</v>
      </c>
      <c r="G108250" s="16">
        <v>2.3766594334531059</v>
      </c>
    </row>
    <row r="108251" spans="1:7" x14ac:dyDescent="0.3">
      <c r="A108251" s="13" t="s">
        <v>521</v>
      </c>
      <c r="B108251" s="14" t="s">
        <v>1</v>
      </c>
      <c r="C108251" s="14" t="s">
        <v>70</v>
      </c>
      <c r="D108251" s="14" t="s">
        <v>522</v>
      </c>
      <c r="E108251" s="15">
        <v>45587</v>
      </c>
      <c r="F108251" s="14" t="s">
        <v>15</v>
      </c>
      <c r="G108251" s="16">
        <v>2.3957459391102036</v>
      </c>
    </row>
    <row r="108252" spans="1:7" x14ac:dyDescent="0.3">
      <c r="A108252" s="13" t="s">
        <v>521</v>
      </c>
      <c r="B108252" s="14" t="s">
        <v>1</v>
      </c>
      <c r="C108252" s="14" t="s">
        <v>70</v>
      </c>
      <c r="D108252" s="14" t="s">
        <v>522</v>
      </c>
      <c r="E108252" s="15">
        <v>45588</v>
      </c>
      <c r="F108252" s="14" t="s">
        <v>15</v>
      </c>
      <c r="G108252" s="16">
        <v>2.4023632664605277</v>
      </c>
    </row>
    <row r="108253" spans="1:7" x14ac:dyDescent="0.3">
      <c r="A108253" s="13" t="s">
        <v>521</v>
      </c>
      <c r="B108253" s="14" t="s">
        <v>1</v>
      </c>
      <c r="C108253" s="14" t="s">
        <v>70</v>
      </c>
      <c r="D108253" s="14" t="s">
        <v>522</v>
      </c>
      <c r="E108253" s="15">
        <v>45589</v>
      </c>
      <c r="F108253" s="14" t="s">
        <v>15</v>
      </c>
      <c r="G108253" s="16">
        <v>2.4110601290809233</v>
      </c>
    </row>
    <row r="108254" spans="1:7" x14ac:dyDescent="0.3">
      <c r="A108254" s="13" t="s">
        <v>521</v>
      </c>
      <c r="B108254" s="14" t="s">
        <v>1</v>
      </c>
      <c r="C108254" s="14" t="s">
        <v>70</v>
      </c>
      <c r="D108254" s="14" t="s">
        <v>522</v>
      </c>
      <c r="E108254" s="15">
        <v>45590</v>
      </c>
      <c r="F108254" s="14" t="s">
        <v>15</v>
      </c>
      <c r="G108254" s="16">
        <v>2.4174527422423386</v>
      </c>
    </row>
    <row r="108255" spans="1:7" x14ac:dyDescent="0.3">
      <c r="A108255" s="13" t="s">
        <v>521</v>
      </c>
      <c r="B108255" s="14" t="s">
        <v>1</v>
      </c>
      <c r="C108255" s="14" t="s">
        <v>70</v>
      </c>
      <c r="D108255" s="14" t="s">
        <v>522</v>
      </c>
      <c r="E108255" s="15">
        <v>45591</v>
      </c>
      <c r="F108255" s="14" t="s">
        <v>15</v>
      </c>
      <c r="G108255" s="16">
        <v>2.4174527422423386</v>
      </c>
    </row>
    <row r="108256" spans="1:7" x14ac:dyDescent="0.3">
      <c r="A108256" s="13" t="s">
        <v>521</v>
      </c>
      <c r="B108256" s="14" t="s">
        <v>1</v>
      </c>
      <c r="C108256" s="14" t="s">
        <v>70</v>
      </c>
      <c r="D108256" s="14" t="s">
        <v>522</v>
      </c>
      <c r="E108256" s="15">
        <v>45592</v>
      </c>
      <c r="F108256" s="14" t="s">
        <v>15</v>
      </c>
      <c r="G108256" s="16">
        <v>2.4174527422423386</v>
      </c>
    </row>
    <row r="108257" spans="1:7" x14ac:dyDescent="0.3">
      <c r="A108257" s="13" t="s">
        <v>521</v>
      </c>
      <c r="B108257" s="14" t="s">
        <v>1</v>
      </c>
      <c r="C108257" s="14" t="s">
        <v>70</v>
      </c>
      <c r="D108257" s="14" t="s">
        <v>522</v>
      </c>
      <c r="E108257" s="15">
        <v>45593</v>
      </c>
      <c r="F108257" s="14" t="s">
        <v>15</v>
      </c>
      <c r="G108257" s="16">
        <v>2.4174527422423386</v>
      </c>
    </row>
    <row r="108258" spans="1:7" x14ac:dyDescent="0.3">
      <c r="A108258" s="13" t="s">
        <v>521</v>
      </c>
      <c r="B108258" s="14" t="s">
        <v>1</v>
      </c>
      <c r="C108258" s="14" t="s">
        <v>70</v>
      </c>
      <c r="D108258" s="14" t="s">
        <v>522</v>
      </c>
      <c r="E108258" s="15">
        <v>45594</v>
      </c>
      <c r="F108258" s="14" t="s">
        <v>15</v>
      </c>
      <c r="G108258" s="16">
        <v>2.4242971883108293</v>
      </c>
    </row>
    <row r="108259" spans="1:7" x14ac:dyDescent="0.3">
      <c r="A108259" s="13" t="s">
        <v>521</v>
      </c>
      <c r="B108259" s="14" t="s">
        <v>1</v>
      </c>
      <c r="C108259" s="14" t="s">
        <v>70</v>
      </c>
      <c r="D108259" s="14" t="s">
        <v>522</v>
      </c>
      <c r="E108259" s="15">
        <v>45595</v>
      </c>
      <c r="F108259" s="14" t="s">
        <v>15</v>
      </c>
      <c r="G108259" s="16">
        <v>2.4585812479058906</v>
      </c>
    </row>
    <row r="108260" spans="1:7" x14ac:dyDescent="0.3">
      <c r="A108260" s="13" t="s">
        <v>521</v>
      </c>
      <c r="B108260" s="14" t="s">
        <v>1</v>
      </c>
      <c r="C108260" s="14" t="s">
        <v>70</v>
      </c>
      <c r="D108260" s="14" t="s">
        <v>522</v>
      </c>
      <c r="E108260" s="15">
        <v>45596</v>
      </c>
      <c r="F108260" s="14" t="s">
        <v>15</v>
      </c>
      <c r="G108260" s="16">
        <v>2.4650022782312724</v>
      </c>
    </row>
    <row r="108261" spans="1:7" x14ac:dyDescent="0.3">
      <c r="A108261" s="13" t="s">
        <v>521</v>
      </c>
      <c r="B108261" s="14" t="s">
        <v>1</v>
      </c>
      <c r="C108261" s="14" t="s">
        <v>70</v>
      </c>
      <c r="D108261" s="14" t="s">
        <v>522</v>
      </c>
      <c r="E108261" s="15">
        <v>45597</v>
      </c>
      <c r="F108261" s="14" t="s">
        <v>15</v>
      </c>
      <c r="G108261" s="16">
        <v>2.473424150141895</v>
      </c>
    </row>
    <row r="108262" spans="1:7" x14ac:dyDescent="0.3">
      <c r="A108262" s="13" t="s">
        <v>521</v>
      </c>
      <c r="B108262" s="14" t="s">
        <v>1</v>
      </c>
      <c r="C108262" s="14" t="s">
        <v>70</v>
      </c>
      <c r="D108262" s="14" t="s">
        <v>522</v>
      </c>
      <c r="E108262" s="15">
        <v>45598</v>
      </c>
      <c r="F108262" s="14" t="s">
        <v>15</v>
      </c>
      <c r="G108262" s="16">
        <v>2.473424150141895</v>
      </c>
    </row>
    <row r="108263" spans="1:7" x14ac:dyDescent="0.3">
      <c r="A108263" s="13" t="s">
        <v>521</v>
      </c>
      <c r="B108263" s="14" t="s">
        <v>1</v>
      </c>
      <c r="C108263" s="14" t="s">
        <v>70</v>
      </c>
      <c r="D108263" s="14" t="s">
        <v>522</v>
      </c>
      <c r="E108263" s="15">
        <v>45599</v>
      </c>
      <c r="F108263" s="14" t="s">
        <v>15</v>
      </c>
      <c r="G108263" s="16">
        <v>2.473424150141895</v>
      </c>
    </row>
    <row r="108264" spans="1:7" x14ac:dyDescent="0.3">
      <c r="A108264" s="13" t="s">
        <v>521</v>
      </c>
      <c r="B108264" s="14" t="s">
        <v>1</v>
      </c>
      <c r="C108264" s="14" t="s">
        <v>70</v>
      </c>
      <c r="D108264" s="14" t="s">
        <v>522</v>
      </c>
      <c r="E108264" s="15">
        <v>45600</v>
      </c>
      <c r="F108264" s="14" t="s">
        <v>15</v>
      </c>
      <c r="G108264" s="16">
        <v>2.4740738184107487</v>
      </c>
    </row>
    <row r="108265" spans="1:7" x14ac:dyDescent="0.3">
      <c r="A108265" s="13" t="s">
        <v>521</v>
      </c>
      <c r="B108265" s="14" t="s">
        <v>1</v>
      </c>
      <c r="C108265" s="14" t="s">
        <v>70</v>
      </c>
      <c r="D108265" s="14" t="s">
        <v>522</v>
      </c>
      <c r="E108265" s="15">
        <v>45601</v>
      </c>
      <c r="F108265" s="14" t="s">
        <v>15</v>
      </c>
      <c r="G108265" s="16">
        <v>2.4926067358544119</v>
      </c>
    </row>
    <row r="108266" spans="1:7" x14ac:dyDescent="0.3">
      <c r="A108266" s="13" t="s">
        <v>521</v>
      </c>
      <c r="B108266" s="14" t="s">
        <v>1</v>
      </c>
      <c r="C108266" s="14" t="s">
        <v>70</v>
      </c>
      <c r="D108266" s="14" t="s">
        <v>522</v>
      </c>
      <c r="E108266" s="15">
        <v>45602</v>
      </c>
      <c r="F108266" s="14" t="s">
        <v>15</v>
      </c>
      <c r="G108266" s="16">
        <v>2.5008157522772425</v>
      </c>
    </row>
    <row r="108267" spans="1:7" x14ac:dyDescent="0.3">
      <c r="A108267" s="13" t="s">
        <v>521</v>
      </c>
      <c r="B108267" s="14" t="s">
        <v>1</v>
      </c>
      <c r="C108267" s="14" t="s">
        <v>70</v>
      </c>
      <c r="D108267" s="14" t="s">
        <v>522</v>
      </c>
      <c r="E108267" s="15">
        <v>45603</v>
      </c>
      <c r="F108267" s="14" t="s">
        <v>15</v>
      </c>
      <c r="G108267" s="16">
        <v>2.5071432792034947</v>
      </c>
    </row>
    <row r="108268" spans="1:7" x14ac:dyDescent="0.3">
      <c r="A108268" s="13" t="s">
        <v>521</v>
      </c>
      <c r="B108268" s="14" t="s">
        <v>1</v>
      </c>
      <c r="C108268" s="14" t="s">
        <v>70</v>
      </c>
      <c r="D108268" s="14" t="s">
        <v>522</v>
      </c>
      <c r="E108268" s="15">
        <v>45604</v>
      </c>
      <c r="F108268" s="14" t="s">
        <v>15</v>
      </c>
      <c r="G108268" s="16">
        <v>2.5272476111661426</v>
      </c>
    </row>
    <row r="108269" spans="1:7" x14ac:dyDescent="0.3">
      <c r="A108269" s="13" t="s">
        <v>521</v>
      </c>
      <c r="B108269" s="14" t="s">
        <v>1</v>
      </c>
      <c r="C108269" s="14" t="s">
        <v>70</v>
      </c>
      <c r="D108269" s="14" t="s">
        <v>522</v>
      </c>
      <c r="E108269" s="15">
        <v>45605</v>
      </c>
      <c r="F108269" s="14" t="s">
        <v>15</v>
      </c>
      <c r="G108269" s="16">
        <v>2.5272476111661426</v>
      </c>
    </row>
    <row r="108270" spans="1:7" x14ac:dyDescent="0.3">
      <c r="A108270" s="13" t="s">
        <v>521</v>
      </c>
      <c r="B108270" s="14" t="s">
        <v>1</v>
      </c>
      <c r="C108270" s="14" t="s">
        <v>70</v>
      </c>
      <c r="D108270" s="14" t="s">
        <v>522</v>
      </c>
      <c r="E108270" s="15">
        <v>45606</v>
      </c>
      <c r="F108270" s="14" t="s">
        <v>15</v>
      </c>
      <c r="G108270" s="16">
        <v>2.5272476111661426</v>
      </c>
    </row>
    <row r="108271" spans="1:7" x14ac:dyDescent="0.3">
      <c r="A108271" s="13" t="s">
        <v>521</v>
      </c>
      <c r="B108271" s="14" t="s">
        <v>1</v>
      </c>
      <c r="C108271" s="14" t="s">
        <v>70</v>
      </c>
      <c r="D108271" s="14" t="s">
        <v>522</v>
      </c>
      <c r="E108271" s="15">
        <v>45607</v>
      </c>
      <c r="F108271" s="14" t="s">
        <v>15</v>
      </c>
      <c r="G108271" s="16">
        <v>2.539548972442188</v>
      </c>
    </row>
    <row r="108272" spans="1:7" x14ac:dyDescent="0.3">
      <c r="A108272" s="13" t="s">
        <v>521</v>
      </c>
      <c r="B108272" s="14" t="s">
        <v>1</v>
      </c>
      <c r="C108272" s="14" t="s">
        <v>70</v>
      </c>
      <c r="D108272" s="14" t="s">
        <v>522</v>
      </c>
      <c r="E108272" s="15">
        <v>45608</v>
      </c>
      <c r="F108272" s="14" t="s">
        <v>15</v>
      </c>
      <c r="G108272" s="16">
        <v>2.558366006877129</v>
      </c>
    </row>
    <row r="108273" spans="1:7" x14ac:dyDescent="0.3">
      <c r="A108273" s="13" t="s">
        <v>521</v>
      </c>
      <c r="B108273" s="14" t="s">
        <v>1</v>
      </c>
      <c r="C108273" s="14" t="s">
        <v>70</v>
      </c>
      <c r="D108273" s="14" t="s">
        <v>522</v>
      </c>
      <c r="E108273" s="15">
        <v>45609</v>
      </c>
      <c r="F108273" s="14" t="s">
        <v>15</v>
      </c>
      <c r="G108273" s="16">
        <v>2.563736148619653</v>
      </c>
    </row>
    <row r="108274" spans="1:7" x14ac:dyDescent="0.3">
      <c r="A108274" s="13" t="s">
        <v>521</v>
      </c>
      <c r="B108274" s="14" t="s">
        <v>1</v>
      </c>
      <c r="C108274" s="14" t="s">
        <v>70</v>
      </c>
      <c r="D108274" s="14" t="s">
        <v>522</v>
      </c>
      <c r="E108274" s="15">
        <v>45610</v>
      </c>
      <c r="F108274" s="14" t="s">
        <v>15</v>
      </c>
      <c r="G108274" s="16">
        <v>2.5699176550418286</v>
      </c>
    </row>
    <row r="108275" spans="1:7" x14ac:dyDescent="0.3">
      <c r="A108275" s="13" t="s">
        <v>521</v>
      </c>
      <c r="B108275" s="14" t="s">
        <v>1</v>
      </c>
      <c r="C108275" s="14" t="s">
        <v>70</v>
      </c>
      <c r="D108275" s="14" t="s">
        <v>522</v>
      </c>
      <c r="E108275" s="15">
        <v>45611</v>
      </c>
      <c r="F108275" s="14" t="s">
        <v>15</v>
      </c>
      <c r="G108275" s="16">
        <v>2.611338794663995</v>
      </c>
    </row>
    <row r="108276" spans="1:7" x14ac:dyDescent="0.3">
      <c r="A108276" s="13" t="s">
        <v>521</v>
      </c>
      <c r="B108276" s="14" t="s">
        <v>1</v>
      </c>
      <c r="C108276" s="14" t="s">
        <v>70</v>
      </c>
      <c r="D108276" s="14" t="s">
        <v>522</v>
      </c>
      <c r="E108276" s="15">
        <v>45612</v>
      </c>
      <c r="F108276" s="14" t="s">
        <v>15</v>
      </c>
      <c r="G108276" s="16">
        <v>2.611338794663995</v>
      </c>
    </row>
    <row r="108277" spans="1:7" x14ac:dyDescent="0.3">
      <c r="A108277" s="13" t="s">
        <v>521</v>
      </c>
      <c r="B108277" s="14" t="s">
        <v>1</v>
      </c>
      <c r="C108277" s="14" t="s">
        <v>70</v>
      </c>
      <c r="D108277" s="14" t="s">
        <v>522</v>
      </c>
      <c r="E108277" s="15">
        <v>45613</v>
      </c>
      <c r="F108277" s="14" t="s">
        <v>15</v>
      </c>
      <c r="G108277" s="16">
        <v>2.611338794663995</v>
      </c>
    </row>
    <row r="108278" spans="1:7" x14ac:dyDescent="0.3">
      <c r="A108278" s="13" t="s">
        <v>521</v>
      </c>
      <c r="B108278" s="14" t="s">
        <v>1</v>
      </c>
      <c r="C108278" s="14" t="s">
        <v>70</v>
      </c>
      <c r="D108278" s="14" t="s">
        <v>522</v>
      </c>
      <c r="E108278" s="15">
        <v>45614</v>
      </c>
      <c r="F108278" s="14" t="s">
        <v>15</v>
      </c>
      <c r="G108278" s="16">
        <v>2.6236496101118987</v>
      </c>
    </row>
    <row r="108279" spans="1:7" x14ac:dyDescent="0.3">
      <c r="A108279" s="13" t="s">
        <v>521</v>
      </c>
      <c r="B108279" s="14" t="s">
        <v>1</v>
      </c>
      <c r="C108279" s="14" t="s">
        <v>70</v>
      </c>
      <c r="D108279" s="14" t="s">
        <v>522</v>
      </c>
      <c r="E108279" s="15">
        <v>45615</v>
      </c>
      <c r="F108279" s="14" t="s">
        <v>15</v>
      </c>
      <c r="G108279" s="16">
        <v>2.6646246549081751</v>
      </c>
    </row>
    <row r="108280" spans="1:7" x14ac:dyDescent="0.3">
      <c r="A108280" s="13" t="s">
        <v>521</v>
      </c>
      <c r="B108280" s="14" t="s">
        <v>1</v>
      </c>
      <c r="C108280" s="14" t="s">
        <v>70</v>
      </c>
      <c r="D108280" s="14" t="s">
        <v>522</v>
      </c>
      <c r="E108280" s="15">
        <v>45616</v>
      </c>
      <c r="F108280" s="14" t="s">
        <v>15</v>
      </c>
      <c r="G108280" s="16">
        <v>2.6707457748569201</v>
      </c>
    </row>
    <row r="108281" spans="1:7" x14ac:dyDescent="0.3">
      <c r="A108281" s="13" t="s">
        <v>521</v>
      </c>
      <c r="B108281" s="14" t="s">
        <v>1</v>
      </c>
      <c r="C108281" s="14" t="s">
        <v>70</v>
      </c>
      <c r="D108281" s="14" t="s">
        <v>522</v>
      </c>
      <c r="E108281" s="15">
        <v>45617</v>
      </c>
      <c r="F108281" s="14" t="s">
        <v>15</v>
      </c>
      <c r="G108281" s="16">
        <v>2.6798679659141538</v>
      </c>
    </row>
    <row r="108282" spans="1:7" x14ac:dyDescent="0.3">
      <c r="A108282" s="13" t="s">
        <v>521</v>
      </c>
      <c r="B108282" s="14" t="s">
        <v>1</v>
      </c>
      <c r="C108282" s="14" t="s">
        <v>70</v>
      </c>
      <c r="D108282" s="14" t="s">
        <v>522</v>
      </c>
      <c r="E108282" s="15">
        <v>45618</v>
      </c>
      <c r="F108282" s="14" t="s">
        <v>15</v>
      </c>
      <c r="G108282" s="16">
        <v>2.6892848757507606</v>
      </c>
    </row>
    <row r="108283" spans="1:7" x14ac:dyDescent="0.3">
      <c r="A108283" s="13" t="s">
        <v>521</v>
      </c>
      <c r="B108283" s="14" t="s">
        <v>1</v>
      </c>
      <c r="C108283" s="14" t="s">
        <v>70</v>
      </c>
      <c r="D108283" s="14" t="s">
        <v>522</v>
      </c>
      <c r="E108283" s="15">
        <v>45619</v>
      </c>
      <c r="F108283" s="14" t="s">
        <v>15</v>
      </c>
      <c r="G108283" s="16">
        <v>2.6892848757507606</v>
      </c>
    </row>
    <row r="108284" spans="1:7" x14ac:dyDescent="0.3">
      <c r="A108284" s="13" t="s">
        <v>521</v>
      </c>
      <c r="B108284" s="14" t="s">
        <v>1</v>
      </c>
      <c r="C108284" s="14" t="s">
        <v>70</v>
      </c>
      <c r="D108284" s="14" t="s">
        <v>522</v>
      </c>
      <c r="E108284" s="15">
        <v>45620</v>
      </c>
      <c r="F108284" s="14" t="s">
        <v>15</v>
      </c>
      <c r="G108284" s="16">
        <v>2.6892848757507606</v>
      </c>
    </row>
    <row r="108285" spans="1:7" x14ac:dyDescent="0.3">
      <c r="A108285" s="13" t="s">
        <v>521</v>
      </c>
      <c r="B108285" s="14" t="s">
        <v>1</v>
      </c>
      <c r="C108285" s="14" t="s">
        <v>70</v>
      </c>
      <c r="D108285" s="14" t="s">
        <v>522</v>
      </c>
      <c r="E108285" s="15">
        <v>45621</v>
      </c>
      <c r="F108285" s="14" t="s">
        <v>15</v>
      </c>
      <c r="G108285" s="16">
        <v>2.6955178063100376</v>
      </c>
    </row>
    <row r="108286" spans="1:7" x14ac:dyDescent="0.3">
      <c r="A108286" s="13" t="s">
        <v>521</v>
      </c>
      <c r="B108286" s="14" t="s">
        <v>1</v>
      </c>
      <c r="C108286" s="14" t="s">
        <v>70</v>
      </c>
      <c r="D108286" s="14" t="s">
        <v>522</v>
      </c>
      <c r="E108286" s="15">
        <v>45622</v>
      </c>
      <c r="F108286" s="14" t="s">
        <v>15</v>
      </c>
      <c r="G108286" s="16">
        <v>2.7243810732848175</v>
      </c>
    </row>
    <row r="108287" spans="1:7" x14ac:dyDescent="0.3">
      <c r="A108287" s="13" t="s">
        <v>521</v>
      </c>
      <c r="B108287" s="14" t="s">
        <v>1</v>
      </c>
      <c r="C108287" s="14" t="s">
        <v>70</v>
      </c>
      <c r="D108287" s="14" t="s">
        <v>522</v>
      </c>
      <c r="E108287" s="15">
        <v>45623</v>
      </c>
      <c r="F108287" s="14" t="s">
        <v>15</v>
      </c>
      <c r="G108287" s="16">
        <v>2.7366202993388811</v>
      </c>
    </row>
    <row r="108288" spans="1:7" x14ac:dyDescent="0.3">
      <c r="A108288" s="13" t="s">
        <v>521</v>
      </c>
      <c r="B108288" s="14" t="s">
        <v>1</v>
      </c>
      <c r="C108288" s="14" t="s">
        <v>70</v>
      </c>
      <c r="D108288" s="14" t="s">
        <v>522</v>
      </c>
      <c r="E108288" s="15">
        <v>45624</v>
      </c>
      <c r="F108288" s="14" t="s">
        <v>15</v>
      </c>
      <c r="G108288" s="16">
        <v>2.7476651301320536</v>
      </c>
    </row>
    <row r="108289" spans="1:7" x14ac:dyDescent="0.3">
      <c r="A108289" s="13" t="s">
        <v>521</v>
      </c>
      <c r="B108289" s="14" t="s">
        <v>1</v>
      </c>
      <c r="C108289" s="14" t="s">
        <v>70</v>
      </c>
      <c r="D108289" s="14" t="s">
        <v>522</v>
      </c>
      <c r="E108289" s="15">
        <v>45625</v>
      </c>
      <c r="F108289" s="14" t="s">
        <v>15</v>
      </c>
      <c r="G108289" s="16">
        <v>2.7538852729675458</v>
      </c>
    </row>
    <row r="108290" spans="1:7" x14ac:dyDescent="0.3">
      <c r="A108290" s="13" t="s">
        <v>521</v>
      </c>
      <c r="B108290" s="14" t="s">
        <v>1</v>
      </c>
      <c r="C108290" s="14" t="s">
        <v>70</v>
      </c>
      <c r="D108290" s="14" t="s">
        <v>522</v>
      </c>
      <c r="E108290" s="15">
        <v>45626</v>
      </c>
      <c r="F108290" s="14" t="s">
        <v>15</v>
      </c>
      <c r="G108290" s="16">
        <v>2.7538852729675458</v>
      </c>
    </row>
    <row r="108291" spans="1:7" x14ac:dyDescent="0.3">
      <c r="A108291" s="13" t="s">
        <v>521</v>
      </c>
      <c r="B108291" s="14" t="s">
        <v>1</v>
      </c>
      <c r="C108291" s="14" t="s">
        <v>70</v>
      </c>
      <c r="D108291" s="14" t="s">
        <v>522</v>
      </c>
      <c r="E108291" s="15">
        <v>45627</v>
      </c>
      <c r="F108291" s="14" t="s">
        <v>15</v>
      </c>
      <c r="G108291" s="16">
        <v>2.7538852729675458</v>
      </c>
    </row>
    <row r="108292" spans="1:7" x14ac:dyDescent="0.3">
      <c r="A108292" s="13" t="s">
        <v>521</v>
      </c>
      <c r="B108292" s="14" t="s">
        <v>1</v>
      </c>
      <c r="C108292" s="14" t="s">
        <v>70</v>
      </c>
      <c r="D108292" s="14" t="s">
        <v>522</v>
      </c>
      <c r="E108292" s="15">
        <v>45628</v>
      </c>
      <c r="F108292" s="14" t="s">
        <v>15</v>
      </c>
      <c r="G108292" s="16">
        <v>2.7684569470509883</v>
      </c>
    </row>
    <row r="108293" spans="1:7" x14ac:dyDescent="0.3">
      <c r="A108293" s="13" t="s">
        <v>521</v>
      </c>
      <c r="B108293" s="14" t="s">
        <v>1</v>
      </c>
      <c r="C108293" s="14" t="s">
        <v>70</v>
      </c>
      <c r="D108293" s="14" t="s">
        <v>522</v>
      </c>
      <c r="E108293" s="15">
        <v>45629</v>
      </c>
      <c r="F108293" s="14" t="s">
        <v>15</v>
      </c>
      <c r="G108293" s="16">
        <v>2.7941361801000468</v>
      </c>
    </row>
    <row r="108294" spans="1:7" x14ac:dyDescent="0.3">
      <c r="A108294" s="13" t="s">
        <v>521</v>
      </c>
      <c r="B108294" s="14" t="s">
        <v>1</v>
      </c>
      <c r="C108294" s="14" t="s">
        <v>70</v>
      </c>
      <c r="D108294" s="14" t="s">
        <v>522</v>
      </c>
      <c r="E108294" s="15">
        <v>45630</v>
      </c>
      <c r="F108294" s="14" t="s">
        <v>15</v>
      </c>
      <c r="G108294" s="16">
        <v>2.8033495246755433</v>
      </c>
    </row>
    <row r="108295" spans="1:7" x14ac:dyDescent="0.3">
      <c r="A108295" s="13" t="s">
        <v>521</v>
      </c>
      <c r="B108295" s="14" t="s">
        <v>1</v>
      </c>
      <c r="C108295" s="14" t="s">
        <v>70</v>
      </c>
      <c r="D108295" s="14" t="s">
        <v>522</v>
      </c>
      <c r="E108295" s="15">
        <v>45631</v>
      </c>
      <c r="F108295" s="14" t="s">
        <v>15</v>
      </c>
      <c r="G108295" s="16">
        <v>2.810711381721803</v>
      </c>
    </row>
    <row r="108296" spans="1:7" x14ac:dyDescent="0.3">
      <c r="A108296" s="13" t="s">
        <v>521</v>
      </c>
      <c r="B108296" s="14" t="s">
        <v>1</v>
      </c>
      <c r="C108296" s="14" t="s">
        <v>70</v>
      </c>
      <c r="D108296" s="14" t="s">
        <v>522</v>
      </c>
      <c r="E108296" s="15">
        <v>45632</v>
      </c>
      <c r="F108296" s="14" t="s">
        <v>15</v>
      </c>
      <c r="G108296" s="16">
        <v>2.8214881621510175</v>
      </c>
    </row>
    <row r="108297" spans="1:7" x14ac:dyDescent="0.3">
      <c r="A108297" s="13" t="s">
        <v>521</v>
      </c>
      <c r="B108297" s="14" t="s">
        <v>1</v>
      </c>
      <c r="C108297" s="14" t="s">
        <v>70</v>
      </c>
      <c r="D108297" s="14" t="s">
        <v>522</v>
      </c>
      <c r="E108297" s="15">
        <v>45633</v>
      </c>
      <c r="F108297" s="14" t="s">
        <v>15</v>
      </c>
      <c r="G108297" s="16">
        <v>2.8214881621510175</v>
      </c>
    </row>
    <row r="108298" spans="1:7" x14ac:dyDescent="0.3">
      <c r="A108298" s="13" t="s">
        <v>521</v>
      </c>
      <c r="B108298" s="14" t="s">
        <v>1</v>
      </c>
      <c r="C108298" s="14" t="s">
        <v>70</v>
      </c>
      <c r="D108298" s="14" t="s">
        <v>522</v>
      </c>
      <c r="E108298" s="15">
        <v>45634</v>
      </c>
      <c r="F108298" s="14" t="s">
        <v>15</v>
      </c>
      <c r="G108298" s="16">
        <v>2.8214881621510175</v>
      </c>
    </row>
    <row r="108299" spans="1:7" x14ac:dyDescent="0.3">
      <c r="A108299" s="13" t="s">
        <v>521</v>
      </c>
      <c r="B108299" s="14" t="s">
        <v>1</v>
      </c>
      <c r="C108299" s="14" t="s">
        <v>70</v>
      </c>
      <c r="D108299" s="14" t="s">
        <v>522</v>
      </c>
      <c r="E108299" s="15">
        <v>45635</v>
      </c>
      <c r="F108299" s="14" t="s">
        <v>15</v>
      </c>
      <c r="G108299" s="16">
        <v>2.8276521264392818</v>
      </c>
    </row>
    <row r="108300" spans="1:7" x14ac:dyDescent="0.3">
      <c r="A108300" s="13" t="s">
        <v>521</v>
      </c>
      <c r="B108300" s="14" t="s">
        <v>1</v>
      </c>
      <c r="C108300" s="14" t="s">
        <v>70</v>
      </c>
      <c r="D108300" s="14" t="s">
        <v>522</v>
      </c>
      <c r="E108300" s="15">
        <v>45636</v>
      </c>
      <c r="F108300" s="14" t="s">
        <v>15</v>
      </c>
      <c r="G108300" s="16">
        <v>2.851862683946774</v>
      </c>
    </row>
    <row r="108301" spans="1:7" x14ac:dyDescent="0.3">
      <c r="A108301" s="13" t="s">
        <v>521</v>
      </c>
      <c r="B108301" s="14" t="s">
        <v>1</v>
      </c>
      <c r="C108301" s="14" t="s">
        <v>70</v>
      </c>
      <c r="D108301" s="14" t="s">
        <v>522</v>
      </c>
      <c r="E108301" s="15">
        <v>45637</v>
      </c>
      <c r="F108301" s="14" t="s">
        <v>15</v>
      </c>
      <c r="G108301" s="16">
        <v>2.8594311665641094</v>
      </c>
    </row>
    <row r="108302" spans="1:7" x14ac:dyDescent="0.3">
      <c r="A108302" s="13" t="s">
        <v>521</v>
      </c>
      <c r="B108302" s="14" t="s">
        <v>1</v>
      </c>
      <c r="C108302" s="14" t="s">
        <v>70</v>
      </c>
      <c r="D108302" s="14" t="s">
        <v>522</v>
      </c>
      <c r="E108302" s="15">
        <v>45638</v>
      </c>
      <c r="F108302" s="14" t="s">
        <v>15</v>
      </c>
      <c r="G108302" s="16">
        <v>2.8668437919667649</v>
      </c>
    </row>
    <row r="108303" spans="1:7" x14ac:dyDescent="0.3">
      <c r="A108303" s="13" t="s">
        <v>521</v>
      </c>
      <c r="B108303" s="14" t="s">
        <v>1</v>
      </c>
      <c r="C108303" s="14" t="s">
        <v>70</v>
      </c>
      <c r="D108303" s="14" t="s">
        <v>522</v>
      </c>
      <c r="E108303" s="15">
        <v>45639</v>
      </c>
      <c r="F108303" s="14" t="s">
        <v>15</v>
      </c>
      <c r="G108303" s="16">
        <v>2.875213693256363</v>
      </c>
    </row>
    <row r="108304" spans="1:7" x14ac:dyDescent="0.3">
      <c r="A108304" s="13" t="s">
        <v>521</v>
      </c>
      <c r="B108304" s="14" t="s">
        <v>1</v>
      </c>
      <c r="C108304" s="14" t="s">
        <v>70</v>
      </c>
      <c r="D108304" s="14" t="s">
        <v>522</v>
      </c>
      <c r="E108304" s="15">
        <v>45640</v>
      </c>
      <c r="F108304" s="14" t="s">
        <v>15</v>
      </c>
      <c r="G108304" s="16">
        <v>2.875213693256363</v>
      </c>
    </row>
    <row r="108305" spans="1:7" x14ac:dyDescent="0.3">
      <c r="A108305" s="13" t="s">
        <v>521</v>
      </c>
      <c r="B108305" s="14" t="s">
        <v>1</v>
      </c>
      <c r="C108305" s="14" t="s">
        <v>70</v>
      </c>
      <c r="D108305" s="14" t="s">
        <v>522</v>
      </c>
      <c r="E108305" s="15">
        <v>45641</v>
      </c>
      <c r="F108305" s="14" t="s">
        <v>15</v>
      </c>
      <c r="G108305" s="16">
        <v>2.875213693256363</v>
      </c>
    </row>
    <row r="108306" spans="1:7" x14ac:dyDescent="0.3">
      <c r="A108306" s="13" t="s">
        <v>521</v>
      </c>
      <c r="B108306" s="14" t="s">
        <v>1</v>
      </c>
      <c r="C108306" s="14" t="s">
        <v>70</v>
      </c>
      <c r="D108306" s="14" t="s">
        <v>522</v>
      </c>
      <c r="E108306" s="15">
        <v>45642</v>
      </c>
      <c r="F108306" s="14" t="s">
        <v>15</v>
      </c>
      <c r="G108306" s="16">
        <v>2.8854273220034989</v>
      </c>
    </row>
    <row r="108307" spans="1:7" x14ac:dyDescent="0.3">
      <c r="A108307" s="13" t="s">
        <v>521</v>
      </c>
      <c r="B108307" s="14" t="s">
        <v>1</v>
      </c>
      <c r="C108307" s="14" t="s">
        <v>70</v>
      </c>
      <c r="D108307" s="14" t="s">
        <v>522</v>
      </c>
      <c r="E108307" s="15">
        <v>45643</v>
      </c>
      <c r="F108307" s="14" t="s">
        <v>15</v>
      </c>
      <c r="G108307" s="16">
        <v>2.9091799259839841</v>
      </c>
    </row>
    <row r="108308" spans="1:7" x14ac:dyDescent="0.3">
      <c r="A108308" s="13" t="s">
        <v>521</v>
      </c>
      <c r="B108308" s="14" t="s">
        <v>1</v>
      </c>
      <c r="C108308" s="14" t="s">
        <v>70</v>
      </c>
      <c r="D108308" s="14" t="s">
        <v>522</v>
      </c>
      <c r="E108308" s="15">
        <v>45644</v>
      </c>
      <c r="F108308" s="14" t="s">
        <v>15</v>
      </c>
      <c r="G108308" s="16">
        <v>2.915356240808896</v>
      </c>
    </row>
    <row r="108309" spans="1:7" x14ac:dyDescent="0.3">
      <c r="A108309" s="13" t="s">
        <v>521</v>
      </c>
      <c r="B108309" s="14" t="s">
        <v>1</v>
      </c>
      <c r="C108309" s="14" t="s">
        <v>70</v>
      </c>
      <c r="D108309" s="14" t="s">
        <v>522</v>
      </c>
      <c r="E108309" s="15">
        <v>45645</v>
      </c>
      <c r="F108309" s="14" t="s">
        <v>15</v>
      </c>
      <c r="G108309" s="16">
        <v>2.9217451925280304</v>
      </c>
    </row>
    <row r="108310" spans="1:7" x14ac:dyDescent="0.3">
      <c r="A108310" s="13" t="s">
        <v>521</v>
      </c>
      <c r="B108310" s="14" t="s">
        <v>1</v>
      </c>
      <c r="C108310" s="14" t="s">
        <v>70</v>
      </c>
      <c r="D108310" s="14" t="s">
        <v>522</v>
      </c>
      <c r="E108310" s="15">
        <v>45646</v>
      </c>
      <c r="F108310" s="14" t="s">
        <v>15</v>
      </c>
      <c r="G108310" s="16">
        <v>2.9313814610111057</v>
      </c>
    </row>
    <row r="108311" spans="1:7" x14ac:dyDescent="0.3">
      <c r="A108311" s="13" t="s">
        <v>521</v>
      </c>
      <c r="B108311" s="14" t="s">
        <v>1</v>
      </c>
      <c r="C108311" s="14" t="s">
        <v>70</v>
      </c>
      <c r="D108311" s="14" t="s">
        <v>522</v>
      </c>
      <c r="E108311" s="15">
        <v>45647</v>
      </c>
      <c r="F108311" s="14" t="s">
        <v>15</v>
      </c>
      <c r="G108311" s="16">
        <v>2.9313814610111057</v>
      </c>
    </row>
    <row r="108312" spans="1:7" x14ac:dyDescent="0.3">
      <c r="A108312" s="13" t="s">
        <v>521</v>
      </c>
      <c r="B108312" s="14" t="s">
        <v>1</v>
      </c>
      <c r="C108312" s="14" t="s">
        <v>70</v>
      </c>
      <c r="D108312" s="14" t="s">
        <v>522</v>
      </c>
      <c r="E108312" s="15">
        <v>45648</v>
      </c>
      <c r="F108312" s="14" t="s">
        <v>15</v>
      </c>
      <c r="G108312" s="16">
        <v>2.9313814610111057</v>
      </c>
    </row>
    <row r="108313" spans="1:7" x14ac:dyDescent="0.3">
      <c r="A108313" s="13" t="s">
        <v>521</v>
      </c>
      <c r="B108313" s="14" t="s">
        <v>1</v>
      </c>
      <c r="C108313" s="14" t="s">
        <v>70</v>
      </c>
      <c r="D108313" s="14" t="s">
        <v>522</v>
      </c>
      <c r="E108313" s="15">
        <v>45649</v>
      </c>
      <c r="F108313" s="14" t="s">
        <v>15</v>
      </c>
      <c r="G108313" s="16">
        <v>2.9376508966964017</v>
      </c>
    </row>
    <row r="108314" spans="1:7" x14ac:dyDescent="0.3">
      <c r="A108314" s="13" t="s">
        <v>521</v>
      </c>
      <c r="B108314" s="14" t="s">
        <v>1</v>
      </c>
      <c r="C108314" s="14" t="s">
        <v>70</v>
      </c>
      <c r="D108314" s="14" t="s">
        <v>522</v>
      </c>
      <c r="E108314" s="15">
        <v>45650</v>
      </c>
      <c r="F108314" s="14" t="s">
        <v>15</v>
      </c>
      <c r="G108314" s="16">
        <v>2.9583170141313211</v>
      </c>
    </row>
    <row r="108315" spans="1:7" x14ac:dyDescent="0.3">
      <c r="A108315" s="13" t="s">
        <v>521</v>
      </c>
      <c r="B108315" s="14" t="s">
        <v>1</v>
      </c>
      <c r="C108315" s="14" t="s">
        <v>70</v>
      </c>
      <c r="D108315" s="14" t="s">
        <v>522</v>
      </c>
      <c r="E108315" s="15">
        <v>45651</v>
      </c>
      <c r="F108315" s="14" t="s">
        <v>15</v>
      </c>
      <c r="G108315" s="16">
        <v>2.9583170141313211</v>
      </c>
    </row>
    <row r="108316" spans="1:7" x14ac:dyDescent="0.3">
      <c r="A108316" s="13" t="s">
        <v>521</v>
      </c>
      <c r="B108316" s="14" t="s">
        <v>1</v>
      </c>
      <c r="C108316" s="14" t="s">
        <v>70</v>
      </c>
      <c r="D108316" s="14" t="s">
        <v>522</v>
      </c>
      <c r="E108316" s="15">
        <v>45652</v>
      </c>
      <c r="F108316" s="14" t="s">
        <v>15</v>
      </c>
      <c r="G108316" s="16">
        <v>2.9583170141313211</v>
      </c>
    </row>
    <row r="108317" spans="1:7" x14ac:dyDescent="0.3">
      <c r="A108317" s="13" t="s">
        <v>521</v>
      </c>
      <c r="B108317" s="14" t="s">
        <v>1</v>
      </c>
      <c r="C108317" s="14" t="s">
        <v>70</v>
      </c>
      <c r="D108317" s="14" t="s">
        <v>522</v>
      </c>
      <c r="E108317" s="15">
        <v>45653</v>
      </c>
      <c r="F108317" s="14" t="s">
        <v>15</v>
      </c>
      <c r="G108317" s="16">
        <v>2.9583170141313211</v>
      </c>
    </row>
    <row r="108318" spans="1:7" x14ac:dyDescent="0.3">
      <c r="A108318" s="13" t="s">
        <v>521</v>
      </c>
      <c r="B108318" s="14" t="s">
        <v>1</v>
      </c>
      <c r="C108318" s="14" t="s">
        <v>70</v>
      </c>
      <c r="D108318" s="14" t="s">
        <v>522</v>
      </c>
      <c r="E108318" s="15">
        <v>45654</v>
      </c>
      <c r="F108318" s="14" t="s">
        <v>15</v>
      </c>
      <c r="G108318" s="16">
        <v>2.9583170141313211</v>
      </c>
    </row>
    <row r="108319" spans="1:7" x14ac:dyDescent="0.3">
      <c r="A108319" s="13" t="s">
        <v>521</v>
      </c>
      <c r="B108319" s="14" t="s">
        <v>1</v>
      </c>
      <c r="C108319" s="14" t="s">
        <v>70</v>
      </c>
      <c r="D108319" s="14" t="s">
        <v>522</v>
      </c>
      <c r="E108319" s="15">
        <v>45655</v>
      </c>
      <c r="F108319" s="14" t="s">
        <v>15</v>
      </c>
      <c r="G108319" s="16">
        <v>2.9583170141313211</v>
      </c>
    </row>
    <row r="108320" spans="1:7" x14ac:dyDescent="0.3">
      <c r="A108320" s="13" t="s">
        <v>521</v>
      </c>
      <c r="B108320" s="14" t="s">
        <v>1</v>
      </c>
      <c r="C108320" s="14" t="s">
        <v>70</v>
      </c>
      <c r="D108320" s="14" t="s">
        <v>522</v>
      </c>
      <c r="E108320" s="15">
        <v>45656</v>
      </c>
      <c r="F108320" s="14" t="s">
        <v>15</v>
      </c>
      <c r="G108320" s="16">
        <v>2.9647413780086302</v>
      </c>
    </row>
    <row r="108321" spans="1:7" x14ac:dyDescent="0.3">
      <c r="A108321" s="13" t="s">
        <v>521</v>
      </c>
      <c r="B108321" s="14" t="s">
        <v>1</v>
      </c>
      <c r="C108321" s="14" t="s">
        <v>70</v>
      </c>
      <c r="D108321" s="14" t="s">
        <v>522</v>
      </c>
      <c r="E108321" s="15">
        <v>45657</v>
      </c>
      <c r="F108321" s="14" t="s">
        <v>15</v>
      </c>
      <c r="G108321" s="16">
        <v>3.0037442169772022</v>
      </c>
    </row>
    <row r="108322" spans="1:7" x14ac:dyDescent="0.3">
      <c r="A108322" s="13" t="s">
        <v>521</v>
      </c>
      <c r="B108322" s="14" t="s">
        <v>1</v>
      </c>
      <c r="C108322" s="14" t="s">
        <v>70</v>
      </c>
      <c r="D108322" s="14" t="s">
        <v>522</v>
      </c>
      <c r="E108322" s="15">
        <v>45658</v>
      </c>
      <c r="F108322" s="14" t="s">
        <v>15</v>
      </c>
      <c r="G108322" s="16">
        <v>3.0037442169772022</v>
      </c>
    </row>
    <row r="108323" spans="1:7" x14ac:dyDescent="0.3">
      <c r="A108323" s="13" t="s">
        <v>521</v>
      </c>
      <c r="B108323" s="14" t="s">
        <v>1</v>
      </c>
      <c r="C108323" s="14" t="s">
        <v>70</v>
      </c>
      <c r="D108323" s="14" t="s">
        <v>522</v>
      </c>
      <c r="E108323" s="15">
        <v>45659</v>
      </c>
      <c r="F108323" s="14" t="s">
        <v>15</v>
      </c>
      <c r="G108323" s="16">
        <v>3.0037442169772022</v>
      </c>
    </row>
    <row r="108324" spans="1:7" x14ac:dyDescent="0.3">
      <c r="A108324" s="13" t="s">
        <v>521</v>
      </c>
      <c r="B108324" s="14" t="s">
        <v>1</v>
      </c>
      <c r="C108324" s="14" t="s">
        <v>70</v>
      </c>
      <c r="D108324" s="14" t="s">
        <v>522</v>
      </c>
      <c r="E108324" s="15">
        <v>45660</v>
      </c>
      <c r="F108324" s="14" t="s">
        <v>15</v>
      </c>
      <c r="G108324" s="16">
        <v>3.0175073680973905</v>
      </c>
    </row>
    <row r="108325" spans="1:7" x14ac:dyDescent="0.3">
      <c r="A108325" s="13" t="s">
        <v>521</v>
      </c>
      <c r="B108325" s="14" t="s">
        <v>1</v>
      </c>
      <c r="C108325" s="14" t="s">
        <v>70</v>
      </c>
      <c r="D108325" s="14" t="s">
        <v>522</v>
      </c>
      <c r="E108325" s="15">
        <v>45661</v>
      </c>
      <c r="F108325" s="14" t="s">
        <v>15</v>
      </c>
      <c r="G108325" s="16">
        <v>3.0175073680973905</v>
      </c>
    </row>
    <row r="108326" spans="1:7" x14ac:dyDescent="0.3">
      <c r="A108326" s="13" t="s">
        <v>521</v>
      </c>
      <c r="B108326" s="14" t="s">
        <v>1</v>
      </c>
      <c r="C108326" s="14" t="s">
        <v>70</v>
      </c>
      <c r="D108326" s="14" t="s">
        <v>522</v>
      </c>
      <c r="E108326" s="15">
        <v>45662</v>
      </c>
      <c r="F108326" s="14" t="s">
        <v>15</v>
      </c>
      <c r="G108326" s="16">
        <v>3.0175073680973905</v>
      </c>
    </row>
    <row r="108327" spans="1:7" x14ac:dyDescent="0.3">
      <c r="A108327" s="13" t="s">
        <v>521</v>
      </c>
      <c r="B108327" s="14" t="s">
        <v>1</v>
      </c>
      <c r="C108327" s="14" t="s">
        <v>70</v>
      </c>
      <c r="D108327" s="14" t="s">
        <v>522</v>
      </c>
      <c r="E108327" s="15">
        <v>45663</v>
      </c>
      <c r="F108327" s="14" t="s">
        <v>15</v>
      </c>
      <c r="G108327" s="16">
        <v>3.0534509900681264</v>
      </c>
    </row>
    <row r="108328" spans="1:7" x14ac:dyDescent="0.3">
      <c r="A108328" s="13" t="s">
        <v>521</v>
      </c>
      <c r="B108328" s="14" t="s">
        <v>1</v>
      </c>
      <c r="C108328" s="14" t="s">
        <v>70</v>
      </c>
      <c r="D108328" s="14" t="s">
        <v>522</v>
      </c>
      <c r="E108328" s="15">
        <v>45664</v>
      </c>
      <c r="F108328" s="14" t="s">
        <v>15</v>
      </c>
      <c r="G108328" s="16">
        <v>3.0807348092102611</v>
      </c>
    </row>
    <row r="108329" spans="1:7" x14ac:dyDescent="0.3">
      <c r="A108329" s="13" t="s">
        <v>521</v>
      </c>
      <c r="B108329" s="14" t="s">
        <v>1</v>
      </c>
      <c r="C108329" s="14" t="s">
        <v>70</v>
      </c>
      <c r="D108329" s="14" t="s">
        <v>522</v>
      </c>
      <c r="E108329" s="15">
        <v>45665</v>
      </c>
      <c r="F108329" s="14" t="s">
        <v>15</v>
      </c>
      <c r="G108329" s="16">
        <v>3.0871259468650858</v>
      </c>
    </row>
    <row r="108330" spans="1:7" x14ac:dyDescent="0.3">
      <c r="A108330" s="13" t="s">
        <v>521</v>
      </c>
      <c r="B108330" s="14" t="s">
        <v>1</v>
      </c>
      <c r="C108330" s="14" t="s">
        <v>70</v>
      </c>
      <c r="D108330" s="14" t="s">
        <v>522</v>
      </c>
      <c r="E108330" s="15">
        <v>45666</v>
      </c>
      <c r="F108330" s="14" t="s">
        <v>15</v>
      </c>
      <c r="G108330" s="16">
        <v>3.1029849184762353</v>
      </c>
    </row>
    <row r="108331" spans="1:7" x14ac:dyDescent="0.3">
      <c r="A108331" s="13" t="s">
        <v>521</v>
      </c>
      <c r="B108331" s="14" t="s">
        <v>1</v>
      </c>
      <c r="C108331" s="14" t="s">
        <v>70</v>
      </c>
      <c r="D108331" s="14" t="s">
        <v>522</v>
      </c>
      <c r="E108331" s="15">
        <v>45667</v>
      </c>
      <c r="F108331" s="14" t="s">
        <v>15</v>
      </c>
      <c r="G108331" s="16">
        <v>3.109391357680888</v>
      </c>
    </row>
    <row r="108332" spans="1:7" x14ac:dyDescent="0.3">
      <c r="A108332" s="13" t="s">
        <v>521</v>
      </c>
      <c r="B108332" s="14" t="s">
        <v>1</v>
      </c>
      <c r="C108332" s="14" t="s">
        <v>70</v>
      </c>
      <c r="D108332" s="14" t="s">
        <v>522</v>
      </c>
      <c r="E108332" s="15">
        <v>45668</v>
      </c>
      <c r="F108332" s="14" t="s">
        <v>15</v>
      </c>
      <c r="G108332" s="16">
        <v>3.109391357680888</v>
      </c>
    </row>
    <row r="108333" spans="1:7" x14ac:dyDescent="0.3">
      <c r="A108333" s="13" t="s">
        <v>521</v>
      </c>
      <c r="B108333" s="14" t="s">
        <v>1</v>
      </c>
      <c r="C108333" s="14" t="s">
        <v>70</v>
      </c>
      <c r="D108333" s="14" t="s">
        <v>522</v>
      </c>
      <c r="E108333" s="15">
        <v>45669</v>
      </c>
      <c r="F108333" s="14" t="s">
        <v>15</v>
      </c>
      <c r="G108333" s="16">
        <v>3.109391357680888</v>
      </c>
    </row>
    <row r="108334" spans="1:7" x14ac:dyDescent="0.3">
      <c r="A108334" s="13" t="s">
        <v>521</v>
      </c>
      <c r="B108334" s="14" t="s">
        <v>1</v>
      </c>
      <c r="C108334" s="14" t="s">
        <v>70</v>
      </c>
      <c r="D108334" s="14" t="s">
        <v>522</v>
      </c>
      <c r="E108334" s="15">
        <v>45670</v>
      </c>
      <c r="F108334" s="14" t="s">
        <v>15</v>
      </c>
      <c r="G108334" s="16">
        <v>3.1314599714543654</v>
      </c>
    </row>
    <row r="108335" spans="1:7" x14ac:dyDescent="0.3">
      <c r="A108335" s="13" t="s">
        <v>521</v>
      </c>
      <c r="B108335" s="14" t="s">
        <v>1</v>
      </c>
      <c r="C108335" s="14" t="s">
        <v>70</v>
      </c>
      <c r="D108335" s="14" t="s">
        <v>522</v>
      </c>
      <c r="E108335" s="15">
        <v>45671</v>
      </c>
      <c r="F108335" s="14" t="s">
        <v>15</v>
      </c>
      <c r="G108335" s="16">
        <v>3.1509469405298294</v>
      </c>
    </row>
    <row r="108336" spans="1:7" x14ac:dyDescent="0.3">
      <c r="A108336" s="13" t="s">
        <v>521</v>
      </c>
      <c r="B108336" s="14" t="s">
        <v>1</v>
      </c>
      <c r="C108336" s="14" t="s">
        <v>70</v>
      </c>
      <c r="D108336" s="14" t="s">
        <v>522</v>
      </c>
      <c r="E108336" s="15">
        <v>45672</v>
      </c>
      <c r="F108336" s="14" t="s">
        <v>15</v>
      </c>
      <c r="G108336" s="16">
        <v>3.1574254609638523</v>
      </c>
    </row>
    <row r="108337" spans="1:7" x14ac:dyDescent="0.3">
      <c r="A108337" s="13" t="s">
        <v>521</v>
      </c>
      <c r="B108337" s="14" t="s">
        <v>1</v>
      </c>
      <c r="C108337" s="14" t="s">
        <v>70</v>
      </c>
      <c r="D108337" s="14" t="s">
        <v>522</v>
      </c>
      <c r="E108337" s="15">
        <v>45673</v>
      </c>
      <c r="F108337" s="14" t="s">
        <v>15</v>
      </c>
      <c r="G108337" s="16">
        <v>3.1680302629026742</v>
      </c>
    </row>
    <row r="108338" spans="1:7" x14ac:dyDescent="0.3">
      <c r="A108338" s="13" t="s">
        <v>521</v>
      </c>
      <c r="B108338" s="14" t="s">
        <v>1</v>
      </c>
      <c r="C108338" s="14" t="s">
        <v>70</v>
      </c>
      <c r="D108338" s="14" t="s">
        <v>522</v>
      </c>
      <c r="E108338" s="15">
        <v>45674</v>
      </c>
      <c r="F108338" s="14" t="s">
        <v>15</v>
      </c>
      <c r="G108338" s="16">
        <v>3.1740881546615927</v>
      </c>
    </row>
    <row r="108339" spans="1:7" x14ac:dyDescent="0.3">
      <c r="A108339" s="13" t="s">
        <v>521</v>
      </c>
      <c r="B108339" s="14" t="s">
        <v>1</v>
      </c>
      <c r="C108339" s="14" t="s">
        <v>70</v>
      </c>
      <c r="D108339" s="14" t="s">
        <v>522</v>
      </c>
      <c r="E108339" s="15">
        <v>45675</v>
      </c>
      <c r="F108339" s="14" t="s">
        <v>15</v>
      </c>
      <c r="G108339" s="16">
        <v>3.1740881546615927</v>
      </c>
    </row>
    <row r="108340" spans="1:7" x14ac:dyDescent="0.3">
      <c r="A108340" s="13" t="s">
        <v>521</v>
      </c>
      <c r="B108340" s="14" t="s">
        <v>1</v>
      </c>
      <c r="C108340" s="14" t="s">
        <v>70</v>
      </c>
      <c r="D108340" s="14" t="s">
        <v>522</v>
      </c>
      <c r="E108340" s="15">
        <v>45676</v>
      </c>
      <c r="F108340" s="14" t="s">
        <v>15</v>
      </c>
      <c r="G108340" s="16">
        <v>3.1740881546615927</v>
      </c>
    </row>
    <row r="108341" spans="1:7" x14ac:dyDescent="0.3">
      <c r="A108341" s="13" t="s">
        <v>521</v>
      </c>
      <c r="B108341" s="14" t="s">
        <v>1</v>
      </c>
      <c r="C108341" s="14" t="s">
        <v>70</v>
      </c>
      <c r="D108341" s="14" t="s">
        <v>522</v>
      </c>
      <c r="E108341" s="15">
        <v>45677</v>
      </c>
      <c r="F108341" s="14" t="s">
        <v>15</v>
      </c>
      <c r="G108341" s="16">
        <v>3.1858827067479649</v>
      </c>
    </row>
    <row r="108342" spans="1:7" x14ac:dyDescent="0.3">
      <c r="A108342" s="13" t="s">
        <v>521</v>
      </c>
      <c r="B108342" s="14" t="s">
        <v>1</v>
      </c>
      <c r="C108342" s="14" t="s">
        <v>70</v>
      </c>
      <c r="D108342" s="14" t="s">
        <v>522</v>
      </c>
      <c r="E108342" s="15">
        <v>45678</v>
      </c>
      <c r="F108342" s="14" t="s">
        <v>15</v>
      </c>
      <c r="G108342" s="16">
        <v>3.2241223262704528</v>
      </c>
    </row>
    <row r="108343" spans="1:7" x14ac:dyDescent="0.3">
      <c r="A108343" s="13" t="s">
        <v>521</v>
      </c>
      <c r="B108343" s="14" t="s">
        <v>1</v>
      </c>
      <c r="C108343" s="14" t="s">
        <v>70</v>
      </c>
      <c r="D108343" s="14" t="s">
        <v>522</v>
      </c>
      <c r="E108343" s="15">
        <v>45679</v>
      </c>
      <c r="F108343" s="14" t="s">
        <v>15</v>
      </c>
      <c r="G108343" s="16">
        <v>3.2304951567138755</v>
      </c>
    </row>
    <row r="108344" spans="1:7" x14ac:dyDescent="0.3">
      <c r="A108344" s="13" t="s">
        <v>521</v>
      </c>
      <c r="B108344" s="14" t="s">
        <v>1</v>
      </c>
      <c r="C108344" s="14" t="s">
        <v>70</v>
      </c>
      <c r="D108344" s="14" t="s">
        <v>522</v>
      </c>
      <c r="E108344" s="15">
        <v>45680</v>
      </c>
      <c r="F108344" s="14" t="s">
        <v>15</v>
      </c>
      <c r="G108344" s="16">
        <v>3.2367957419827507</v>
      </c>
    </row>
    <row r="108345" spans="1:7" x14ac:dyDescent="0.3">
      <c r="A108345" s="13" t="s">
        <v>521</v>
      </c>
      <c r="B108345" s="14" t="s">
        <v>1</v>
      </c>
      <c r="C108345" s="14" t="s">
        <v>70</v>
      </c>
      <c r="D108345" s="14" t="s">
        <v>522</v>
      </c>
      <c r="E108345" s="15">
        <v>45681</v>
      </c>
      <c r="F108345" s="14" t="s">
        <v>15</v>
      </c>
      <c r="G108345" s="16">
        <v>3.2428539069836306</v>
      </c>
    </row>
    <row r="108346" spans="1:7" x14ac:dyDescent="0.3">
      <c r="A108346" s="13" t="s">
        <v>521</v>
      </c>
      <c r="B108346" s="14" t="s">
        <v>1</v>
      </c>
      <c r="C108346" s="14" t="s">
        <v>70</v>
      </c>
      <c r="D108346" s="14" t="s">
        <v>522</v>
      </c>
      <c r="E108346" s="15">
        <v>45682</v>
      </c>
      <c r="F108346" s="14" t="s">
        <v>15</v>
      </c>
      <c r="G108346" s="16">
        <v>3.2428539069836306</v>
      </c>
    </row>
    <row r="108347" spans="1:7" x14ac:dyDescent="0.3">
      <c r="A108347" s="13" t="s">
        <v>521</v>
      </c>
      <c r="B108347" s="14" t="s">
        <v>1</v>
      </c>
      <c r="C108347" s="14" t="s">
        <v>70</v>
      </c>
      <c r="D108347" s="14" t="s">
        <v>522</v>
      </c>
      <c r="E108347" s="15">
        <v>45683</v>
      </c>
      <c r="F108347" s="14" t="s">
        <v>15</v>
      </c>
      <c r="G108347" s="16">
        <v>3.2428539069836306</v>
      </c>
    </row>
    <row r="108348" spans="1:7" x14ac:dyDescent="0.3">
      <c r="A108348" s="13" t="s">
        <v>521</v>
      </c>
      <c r="B108348" s="14" t="s">
        <v>1</v>
      </c>
      <c r="C108348" s="14" t="s">
        <v>70</v>
      </c>
      <c r="D108348" s="14" t="s">
        <v>522</v>
      </c>
      <c r="E108348" s="15">
        <v>45684</v>
      </c>
      <c r="F108348" s="14" t="s">
        <v>15</v>
      </c>
      <c r="G108348" s="16">
        <v>3.2562657235900798</v>
      </c>
    </row>
    <row r="108349" spans="1:7" x14ac:dyDescent="0.3">
      <c r="A108349" s="13" t="s">
        <v>521</v>
      </c>
      <c r="B108349" s="14" t="s">
        <v>1</v>
      </c>
      <c r="C108349" s="14" t="s">
        <v>70</v>
      </c>
      <c r="D108349" s="14" t="s">
        <v>522</v>
      </c>
      <c r="E108349" s="15">
        <v>45685</v>
      </c>
      <c r="F108349" s="14" t="s">
        <v>15</v>
      </c>
      <c r="G108349" s="16">
        <v>3.2726184980735487</v>
      </c>
    </row>
    <row r="108350" spans="1:7" x14ac:dyDescent="0.3">
      <c r="A108350" s="13" t="s">
        <v>521</v>
      </c>
      <c r="B108350" s="14" t="s">
        <v>1</v>
      </c>
      <c r="C108350" s="14" t="s">
        <v>70</v>
      </c>
      <c r="D108350" s="14" t="s">
        <v>522</v>
      </c>
      <c r="E108350" s="15">
        <v>45686</v>
      </c>
      <c r="F108350" s="14" t="s">
        <v>15</v>
      </c>
      <c r="G108350" s="16">
        <v>3.2791750564116966</v>
      </c>
    </row>
    <row r="108351" spans="1:7" x14ac:dyDescent="0.3">
      <c r="A108351" s="13" t="s">
        <v>521</v>
      </c>
      <c r="B108351" s="14" t="s">
        <v>1</v>
      </c>
      <c r="C108351" s="14" t="s">
        <v>70</v>
      </c>
      <c r="D108351" s="14" t="s">
        <v>522</v>
      </c>
      <c r="E108351" s="15">
        <v>45687</v>
      </c>
      <c r="F108351" s="14" t="s">
        <v>15</v>
      </c>
      <c r="G108351" s="16">
        <v>3.2867626659663176</v>
      </c>
    </row>
    <row r="108352" spans="1:7" x14ac:dyDescent="0.3">
      <c r="A108352" s="13" t="s">
        <v>521</v>
      </c>
      <c r="B108352" s="14" t="s">
        <v>1</v>
      </c>
      <c r="C108352" s="14" t="s">
        <v>70</v>
      </c>
      <c r="D108352" s="14" t="s">
        <v>522</v>
      </c>
      <c r="E108352" s="15">
        <v>45688</v>
      </c>
      <c r="F108352" s="14" t="s">
        <v>15</v>
      </c>
      <c r="G108352" s="16">
        <v>3.2933347990962551</v>
      </c>
    </row>
    <row r="108353" spans="1:7" x14ac:dyDescent="0.3">
      <c r="A108353" s="13" t="s">
        <v>521</v>
      </c>
      <c r="B108353" s="14" t="s">
        <v>1</v>
      </c>
      <c r="C108353" s="14" t="s">
        <v>70</v>
      </c>
      <c r="D108353" s="14" t="s">
        <v>522</v>
      </c>
      <c r="E108353" s="15">
        <v>45689</v>
      </c>
      <c r="F108353" s="14" t="s">
        <v>15</v>
      </c>
      <c r="G108353" s="16">
        <v>3.2933347990962551</v>
      </c>
    </row>
    <row r="108354" spans="1:7" x14ac:dyDescent="0.3">
      <c r="A108354" s="13" t="s">
        <v>521</v>
      </c>
      <c r="B108354" s="14" t="s">
        <v>1</v>
      </c>
      <c r="C108354" s="14" t="s">
        <v>70</v>
      </c>
      <c r="D108354" s="14" t="s">
        <v>522</v>
      </c>
      <c r="E108354" s="15">
        <v>45690</v>
      </c>
      <c r="F108354" s="14" t="s">
        <v>15</v>
      </c>
      <c r="G108354" s="16">
        <v>3.2933347990962551</v>
      </c>
    </row>
    <row r="108355" spans="1:7" x14ac:dyDescent="0.3">
      <c r="A108355" s="13" t="s">
        <v>521</v>
      </c>
      <c r="B108355" s="14" t="s">
        <v>1</v>
      </c>
      <c r="C108355" s="14" t="s">
        <v>70</v>
      </c>
      <c r="D108355" s="14" t="s">
        <v>522</v>
      </c>
      <c r="E108355" s="15">
        <v>45691</v>
      </c>
      <c r="F108355" s="14" t="s">
        <v>15</v>
      </c>
      <c r="G108355" s="16">
        <v>3.2933347990962551</v>
      </c>
    </row>
    <row r="108356" spans="1:7" x14ac:dyDescent="0.3">
      <c r="A108356" s="13" t="s">
        <v>521</v>
      </c>
      <c r="B108356" s="14" t="s">
        <v>1</v>
      </c>
      <c r="C108356" s="14" t="s">
        <v>70</v>
      </c>
      <c r="D108356" s="14" t="s">
        <v>522</v>
      </c>
      <c r="E108356" s="15">
        <v>45692</v>
      </c>
      <c r="F108356" s="14" t="s">
        <v>15</v>
      </c>
      <c r="G108356" s="16">
        <v>3.3018578251809219</v>
      </c>
    </row>
    <row r="108357" spans="1:7" x14ac:dyDescent="0.3">
      <c r="A108357" s="13" t="s">
        <v>521</v>
      </c>
      <c r="B108357" s="14" t="s">
        <v>1</v>
      </c>
      <c r="C108357" s="14" t="s">
        <v>70</v>
      </c>
      <c r="D108357" s="14" t="s">
        <v>522</v>
      </c>
      <c r="E108357" s="15">
        <v>45693</v>
      </c>
      <c r="F108357" s="14" t="s">
        <v>15</v>
      </c>
      <c r="G108357" s="16">
        <v>3.3226731873750603</v>
      </c>
    </row>
    <row r="108358" spans="1:7" x14ac:dyDescent="0.3">
      <c r="A108358" s="13" t="s">
        <v>521</v>
      </c>
      <c r="B108358" s="14" t="s">
        <v>1</v>
      </c>
      <c r="C108358" s="14" t="s">
        <v>70</v>
      </c>
      <c r="D108358" s="14" t="s">
        <v>522</v>
      </c>
      <c r="E108358" s="15">
        <v>45694</v>
      </c>
      <c r="F108358" s="14" t="s">
        <v>15</v>
      </c>
      <c r="G108358" s="16">
        <v>3.329193677774327</v>
      </c>
    </row>
    <row r="108359" spans="1:7" x14ac:dyDescent="0.3">
      <c r="A108359" s="13" t="s">
        <v>521</v>
      </c>
      <c r="B108359" s="14" t="s">
        <v>1</v>
      </c>
      <c r="C108359" s="14" t="s">
        <v>70</v>
      </c>
      <c r="D108359" s="14" t="s">
        <v>522</v>
      </c>
      <c r="E108359" s="15">
        <v>45695</v>
      </c>
      <c r="F108359" s="14" t="s">
        <v>15</v>
      </c>
      <c r="G108359" s="16">
        <v>3.3380354132825629</v>
      </c>
    </row>
    <row r="108360" spans="1:7" x14ac:dyDescent="0.3">
      <c r="A108360" s="13" t="s">
        <v>521</v>
      </c>
      <c r="B108360" s="14" t="s">
        <v>1</v>
      </c>
      <c r="C108360" s="14" t="s">
        <v>70</v>
      </c>
      <c r="D108360" s="14" t="s">
        <v>522</v>
      </c>
      <c r="E108360" s="15">
        <v>45696</v>
      </c>
      <c r="F108360" s="14" t="s">
        <v>15</v>
      </c>
      <c r="G108360" s="16">
        <v>3.3380354132825629</v>
      </c>
    </row>
    <row r="108361" spans="1:7" x14ac:dyDescent="0.3">
      <c r="A108361" s="13" t="s">
        <v>521</v>
      </c>
      <c r="B108361" s="14" t="s">
        <v>1</v>
      </c>
      <c r="C108361" s="14" t="s">
        <v>70</v>
      </c>
      <c r="D108361" s="14" t="s">
        <v>522</v>
      </c>
      <c r="E108361" s="15">
        <v>45697</v>
      </c>
      <c r="F108361" s="14" t="s">
        <v>15</v>
      </c>
      <c r="G108361" s="16">
        <v>3.3380354132825629</v>
      </c>
    </row>
    <row r="108362" spans="1:7" x14ac:dyDescent="0.3">
      <c r="A108362" s="13" t="s">
        <v>521</v>
      </c>
      <c r="B108362" s="14" t="s">
        <v>1</v>
      </c>
      <c r="C108362" s="14" t="s">
        <v>70</v>
      </c>
      <c r="D108362" s="14" t="s">
        <v>522</v>
      </c>
      <c r="E108362" s="15">
        <v>45698</v>
      </c>
      <c r="F108362" s="14" t="s">
        <v>15</v>
      </c>
      <c r="G108362" s="16">
        <v>3.3445506574361743</v>
      </c>
    </row>
    <row r="108363" spans="1:7" x14ac:dyDescent="0.3">
      <c r="A108363" s="13" t="s">
        <v>521</v>
      </c>
      <c r="B108363" s="14" t="s">
        <v>1</v>
      </c>
      <c r="C108363" s="14" t="s">
        <v>70</v>
      </c>
      <c r="D108363" s="14" t="s">
        <v>522</v>
      </c>
      <c r="E108363" s="15">
        <v>45699</v>
      </c>
      <c r="F108363" s="14" t="s">
        <v>15</v>
      </c>
      <c r="G108363" s="16">
        <v>3.3646952106155137</v>
      </c>
    </row>
    <row r="108364" spans="1:7" x14ac:dyDescent="0.3">
      <c r="A108364" s="13" t="s">
        <v>521</v>
      </c>
      <c r="B108364" s="14" t="s">
        <v>1</v>
      </c>
      <c r="C108364" s="14" t="s">
        <v>70</v>
      </c>
      <c r="D108364" s="14" t="s">
        <v>522</v>
      </c>
      <c r="E108364" s="15">
        <v>45700</v>
      </c>
      <c r="F108364" s="14" t="s">
        <v>15</v>
      </c>
      <c r="G108364" s="16">
        <v>3.3711847153763776</v>
      </c>
    </row>
    <row r="108365" spans="1:7" x14ac:dyDescent="0.3">
      <c r="A108365" s="13" t="s">
        <v>521</v>
      </c>
      <c r="B108365" s="14" t="s">
        <v>1</v>
      </c>
      <c r="C108365" s="14" t="s">
        <v>70</v>
      </c>
      <c r="D108365" s="14" t="s">
        <v>522</v>
      </c>
      <c r="E108365" s="15">
        <v>45701</v>
      </c>
      <c r="F108365" s="14" t="s">
        <v>15</v>
      </c>
      <c r="G108365" s="16">
        <v>3.3849625122656879</v>
      </c>
    </row>
    <row r="108366" spans="1:7" x14ac:dyDescent="0.3">
      <c r="A108366" s="13" t="s">
        <v>521</v>
      </c>
      <c r="B108366" s="14" t="s">
        <v>1</v>
      </c>
      <c r="C108366" s="14" t="s">
        <v>70</v>
      </c>
      <c r="D108366" s="14" t="s">
        <v>522</v>
      </c>
      <c r="E108366" s="15">
        <v>45702</v>
      </c>
      <c r="F108366" s="14" t="s">
        <v>15</v>
      </c>
      <c r="G108366" s="16">
        <v>3.4022604306930218</v>
      </c>
    </row>
    <row r="108367" spans="1:7" x14ac:dyDescent="0.3">
      <c r="A108367" s="13" t="s">
        <v>521</v>
      </c>
      <c r="B108367" s="14" t="s">
        <v>1</v>
      </c>
      <c r="C108367" s="14" t="s">
        <v>70</v>
      </c>
      <c r="D108367" s="14" t="s">
        <v>522</v>
      </c>
      <c r="E108367" s="15">
        <v>45703</v>
      </c>
      <c r="F108367" s="14" t="s">
        <v>15</v>
      </c>
      <c r="G108367" s="16">
        <v>3.4022604306930218</v>
      </c>
    </row>
    <row r="108368" spans="1:7" x14ac:dyDescent="0.3">
      <c r="A108368" s="13" t="s">
        <v>521</v>
      </c>
      <c r="B108368" s="14" t="s">
        <v>1</v>
      </c>
      <c r="C108368" s="14" t="s">
        <v>70</v>
      </c>
      <c r="D108368" s="14" t="s">
        <v>522</v>
      </c>
      <c r="E108368" s="15">
        <v>45704</v>
      </c>
      <c r="F108368" s="14" t="s">
        <v>15</v>
      </c>
      <c r="G108368" s="16">
        <v>3.4022604306930218</v>
      </c>
    </row>
    <row r="108369" spans="1:7" x14ac:dyDescent="0.3">
      <c r="A108369" s="13" t="s">
        <v>521</v>
      </c>
      <c r="B108369" s="14" t="s">
        <v>1</v>
      </c>
      <c r="C108369" s="14" t="s">
        <v>70</v>
      </c>
      <c r="D108369" s="14" t="s">
        <v>522</v>
      </c>
      <c r="E108369" s="15">
        <v>45705</v>
      </c>
      <c r="F108369" s="14" t="s">
        <v>15</v>
      </c>
      <c r="G108369" s="16">
        <v>3.4540663496449802</v>
      </c>
    </row>
    <row r="108370" spans="1:7" x14ac:dyDescent="0.3">
      <c r="A108370" s="13" t="s">
        <v>521</v>
      </c>
      <c r="B108370" s="14" t="s">
        <v>1</v>
      </c>
      <c r="C108370" s="14" t="s">
        <v>70</v>
      </c>
      <c r="D108370" s="14" t="s">
        <v>522</v>
      </c>
      <c r="E108370" s="15">
        <v>45706</v>
      </c>
      <c r="F108370" s="14" t="s">
        <v>15</v>
      </c>
      <c r="G108370" s="16">
        <v>3.4733900293244182</v>
      </c>
    </row>
    <row r="108371" spans="1:7" x14ac:dyDescent="0.3">
      <c r="A108371" s="13" t="s">
        <v>521</v>
      </c>
      <c r="B108371" s="14" t="s">
        <v>1</v>
      </c>
      <c r="C108371" s="14" t="s">
        <v>70</v>
      </c>
      <c r="D108371" s="14" t="s">
        <v>522</v>
      </c>
      <c r="E108371" s="15">
        <v>45707</v>
      </c>
      <c r="F108371" s="14" t="s">
        <v>15</v>
      </c>
      <c r="G108371" s="16">
        <v>3.4933486686733426</v>
      </c>
    </row>
    <row r="108372" spans="1:7" x14ac:dyDescent="0.3">
      <c r="A108372" s="13" t="s">
        <v>521</v>
      </c>
      <c r="B108372" s="14" t="s">
        <v>1</v>
      </c>
      <c r="C108372" s="14" t="s">
        <v>70</v>
      </c>
      <c r="D108372" s="14" t="s">
        <v>522</v>
      </c>
      <c r="E108372" s="15">
        <v>45708</v>
      </c>
      <c r="F108372" s="14" t="s">
        <v>15</v>
      </c>
      <c r="G108372" s="16">
        <v>3.4994794067391228</v>
      </c>
    </row>
    <row r="108373" spans="1:7" x14ac:dyDescent="0.3">
      <c r="A108373" s="13" t="s">
        <v>521</v>
      </c>
      <c r="B108373" s="14" t="s">
        <v>1</v>
      </c>
      <c r="C108373" s="14" t="s">
        <v>70</v>
      </c>
      <c r="D108373" s="14" t="s">
        <v>522</v>
      </c>
      <c r="E108373" s="15">
        <v>45709</v>
      </c>
      <c r="F108373" s="14" t="s">
        <v>15</v>
      </c>
      <c r="G108373" s="16">
        <v>3.5064339146695938</v>
      </c>
    </row>
    <row r="108374" spans="1:7" x14ac:dyDescent="0.3">
      <c r="A108374" s="13" t="s">
        <v>521</v>
      </c>
      <c r="B108374" s="14" t="s">
        <v>1</v>
      </c>
      <c r="C108374" s="14" t="s">
        <v>70</v>
      </c>
      <c r="D108374" s="14" t="s">
        <v>522</v>
      </c>
      <c r="E108374" s="15">
        <v>45710</v>
      </c>
      <c r="F108374" s="14" t="s">
        <v>15</v>
      </c>
      <c r="G108374" s="16">
        <v>3.5064339146695938</v>
      </c>
    </row>
    <row r="108375" spans="1:7" x14ac:dyDescent="0.3">
      <c r="A108375" s="13" t="s">
        <v>521</v>
      </c>
      <c r="B108375" s="14" t="s">
        <v>1</v>
      </c>
      <c r="C108375" s="14" t="s">
        <v>70</v>
      </c>
      <c r="D108375" s="14" t="s">
        <v>522</v>
      </c>
      <c r="E108375" s="15">
        <v>45711</v>
      </c>
      <c r="F108375" s="14" t="s">
        <v>15</v>
      </c>
      <c r="G108375" s="16">
        <v>3.5064339146695938</v>
      </c>
    </row>
    <row r="108376" spans="1:7" x14ac:dyDescent="0.3">
      <c r="A108376" s="13" t="s">
        <v>521</v>
      </c>
      <c r="B108376" s="14" t="s">
        <v>1</v>
      </c>
      <c r="C108376" s="14" t="s">
        <v>70</v>
      </c>
      <c r="D108376" s="14" t="s">
        <v>522</v>
      </c>
      <c r="E108376" s="15">
        <v>45712</v>
      </c>
      <c r="F108376" s="14" t="s">
        <v>15</v>
      </c>
      <c r="G108376" s="16">
        <v>3.512829424195798</v>
      </c>
    </row>
    <row r="108377" spans="1:7" x14ac:dyDescent="0.3">
      <c r="A108377" s="13" t="s">
        <v>521</v>
      </c>
      <c r="B108377" s="14" t="s">
        <v>1</v>
      </c>
      <c r="C108377" s="14" t="s">
        <v>70</v>
      </c>
      <c r="D108377" s="14" t="s">
        <v>522</v>
      </c>
      <c r="E108377" s="15">
        <v>45713</v>
      </c>
      <c r="F108377" s="14" t="s">
        <v>15</v>
      </c>
      <c r="G108377" s="16">
        <v>3.5319728188292219</v>
      </c>
    </row>
    <row r="108378" spans="1:7" x14ac:dyDescent="0.3">
      <c r="A108378" s="13" t="s">
        <v>521</v>
      </c>
      <c r="B108378" s="14" t="s">
        <v>1</v>
      </c>
      <c r="C108378" s="14" t="s">
        <v>70</v>
      </c>
      <c r="D108378" s="14" t="s">
        <v>522</v>
      </c>
      <c r="E108378" s="15">
        <v>45714</v>
      </c>
      <c r="F108378" s="14" t="s">
        <v>15</v>
      </c>
      <c r="G108378" s="16">
        <v>3.5382840605345853</v>
      </c>
    </row>
    <row r="108379" spans="1:7" x14ac:dyDescent="0.3">
      <c r="A108379" s="13" t="s">
        <v>521</v>
      </c>
      <c r="B108379" s="14" t="s">
        <v>1</v>
      </c>
      <c r="C108379" s="14" t="s">
        <v>70</v>
      </c>
      <c r="D108379" s="14" t="s">
        <v>522</v>
      </c>
      <c r="E108379" s="15">
        <v>45715</v>
      </c>
      <c r="F108379" s="14" t="s">
        <v>15</v>
      </c>
      <c r="G108379" s="16">
        <v>3.5463467832113786</v>
      </c>
    </row>
    <row r="108380" spans="1:7" x14ac:dyDescent="0.3">
      <c r="A108380" s="13" t="s">
        <v>521</v>
      </c>
      <c r="B108380" s="14" t="s">
        <v>1</v>
      </c>
      <c r="C108380" s="14" t="s">
        <v>70</v>
      </c>
      <c r="D108380" s="14" t="s">
        <v>522</v>
      </c>
      <c r="E108380" s="15">
        <v>45716</v>
      </c>
      <c r="F108380" s="14" t="s">
        <v>15</v>
      </c>
      <c r="G108380" s="16">
        <v>3.5574053853993961</v>
      </c>
    </row>
    <row r="108381" spans="1:7" x14ac:dyDescent="0.3">
      <c r="A108381" s="13" t="s">
        <v>521</v>
      </c>
      <c r="B108381" s="14" t="s">
        <v>1</v>
      </c>
      <c r="C108381" s="14" t="s">
        <v>70</v>
      </c>
      <c r="D108381" s="14" t="s">
        <v>522</v>
      </c>
      <c r="E108381" s="15">
        <v>45717</v>
      </c>
      <c r="F108381" s="14" t="s">
        <v>15</v>
      </c>
      <c r="G108381" s="16">
        <v>3.5574053853993961</v>
      </c>
    </row>
    <row r="108382" spans="1:7" x14ac:dyDescent="0.3">
      <c r="A108382" s="13" t="s">
        <v>521</v>
      </c>
      <c r="B108382" s="14" t="s">
        <v>1</v>
      </c>
      <c r="C108382" s="14" t="s">
        <v>70</v>
      </c>
      <c r="D108382" s="14" t="s">
        <v>522</v>
      </c>
      <c r="E108382" s="15">
        <v>45718</v>
      </c>
      <c r="F108382" s="14" t="s">
        <v>15</v>
      </c>
      <c r="G108382" s="16">
        <v>3.5574053853993961</v>
      </c>
    </row>
    <row r="108383" spans="1:7" x14ac:dyDescent="0.3">
      <c r="A108383" s="13" t="s">
        <v>521</v>
      </c>
      <c r="B108383" s="14" t="s">
        <v>1</v>
      </c>
      <c r="C108383" s="14" t="s">
        <v>70</v>
      </c>
      <c r="D108383" s="14" t="s">
        <v>522</v>
      </c>
      <c r="E108383" s="15">
        <v>45719</v>
      </c>
      <c r="F108383" s="14" t="s">
        <v>15</v>
      </c>
      <c r="G108383" s="16">
        <v>3.5886059094620721</v>
      </c>
    </row>
    <row r="108384" spans="1:7" x14ac:dyDescent="0.3">
      <c r="A108384" s="13" t="s">
        <v>521</v>
      </c>
      <c r="B108384" s="14" t="s">
        <v>1</v>
      </c>
      <c r="C108384" s="14" t="s">
        <v>70</v>
      </c>
      <c r="D108384" s="14" t="s">
        <v>522</v>
      </c>
      <c r="E108384" s="15">
        <v>45720</v>
      </c>
      <c r="F108384" s="14" t="s">
        <v>15</v>
      </c>
      <c r="G108384" s="16">
        <v>3.6091091200397112</v>
      </c>
    </row>
    <row r="108385" spans="1:7" x14ac:dyDescent="0.3">
      <c r="A108385" s="13" t="s">
        <v>521</v>
      </c>
      <c r="B108385" s="14" t="s">
        <v>1</v>
      </c>
      <c r="C108385" s="14" t="s">
        <v>70</v>
      </c>
      <c r="D108385" s="14" t="s">
        <v>522</v>
      </c>
      <c r="E108385" s="15">
        <v>45721</v>
      </c>
      <c r="F108385" s="14" t="s">
        <v>15</v>
      </c>
      <c r="G108385" s="16">
        <v>3.6154655559654607</v>
      </c>
    </row>
    <row r="108386" spans="1:7" x14ac:dyDescent="0.3">
      <c r="A108386" s="13" t="s">
        <v>521</v>
      </c>
      <c r="B108386" s="14" t="s">
        <v>1</v>
      </c>
      <c r="C108386" s="14" t="s">
        <v>70</v>
      </c>
      <c r="D108386" s="14" t="s">
        <v>522</v>
      </c>
      <c r="E108386" s="15">
        <v>45722</v>
      </c>
      <c r="F108386" s="14" t="s">
        <v>15</v>
      </c>
      <c r="G108386" s="16">
        <v>3.6248411516175305</v>
      </c>
    </row>
    <row r="108387" spans="1:7" x14ac:dyDescent="0.3">
      <c r="A108387" s="13" t="s">
        <v>521</v>
      </c>
      <c r="B108387" s="14" t="s">
        <v>1</v>
      </c>
      <c r="C108387" s="14" t="s">
        <v>70</v>
      </c>
      <c r="D108387" s="14" t="s">
        <v>522</v>
      </c>
      <c r="E108387" s="15">
        <v>45723</v>
      </c>
      <c r="F108387" s="14" t="s">
        <v>15</v>
      </c>
      <c r="G108387" s="16">
        <v>3.6746515298782962</v>
      </c>
    </row>
    <row r="108388" spans="1:7" x14ac:dyDescent="0.3">
      <c r="A108388" s="13" t="s">
        <v>521</v>
      </c>
      <c r="B108388" s="14" t="s">
        <v>1</v>
      </c>
      <c r="C108388" s="14" t="s">
        <v>70</v>
      </c>
      <c r="D108388" s="14" t="s">
        <v>522</v>
      </c>
      <c r="E108388" s="15">
        <v>45724</v>
      </c>
      <c r="F108388" s="14" t="s">
        <v>15</v>
      </c>
      <c r="G108388" s="16">
        <v>3.6746515298782962</v>
      </c>
    </row>
    <row r="108389" spans="1:7" x14ac:dyDescent="0.3">
      <c r="A108389" s="13" t="s">
        <v>521</v>
      </c>
      <c r="B108389" s="14" t="s">
        <v>1</v>
      </c>
      <c r="C108389" s="14" t="s">
        <v>70</v>
      </c>
      <c r="D108389" s="14" t="s">
        <v>522</v>
      </c>
      <c r="E108389" s="15">
        <v>45725</v>
      </c>
      <c r="F108389" s="14" t="s">
        <v>15</v>
      </c>
      <c r="G108389" s="16">
        <v>3.6746515298782962</v>
      </c>
    </row>
    <row r="108390" spans="1:7" x14ac:dyDescent="0.3">
      <c r="A108390" s="13" t="s">
        <v>521</v>
      </c>
      <c r="B108390" s="14" t="s">
        <v>1</v>
      </c>
      <c r="C108390" s="14" t="s">
        <v>70</v>
      </c>
      <c r="D108390" s="14" t="s">
        <v>522</v>
      </c>
      <c r="E108390" s="15">
        <v>45726</v>
      </c>
      <c r="F108390" s="14" t="s">
        <v>15</v>
      </c>
      <c r="G108390" s="16">
        <v>3.6855438370087148</v>
      </c>
    </row>
    <row r="108391" spans="1:7" x14ac:dyDescent="0.3">
      <c r="A108391" s="13" t="s">
        <v>521</v>
      </c>
      <c r="B108391" s="14" t="s">
        <v>1</v>
      </c>
      <c r="C108391" s="14" t="s">
        <v>70</v>
      </c>
      <c r="D108391" s="14" t="s">
        <v>522</v>
      </c>
      <c r="E108391" s="15">
        <v>45727</v>
      </c>
      <c r="F108391" s="14" t="s">
        <v>15</v>
      </c>
      <c r="G108391" s="16">
        <v>3.7079585925169063</v>
      </c>
    </row>
    <row r="108392" spans="1:7" x14ac:dyDescent="0.3">
      <c r="A108392" s="13" t="s">
        <v>521</v>
      </c>
      <c r="B108392" s="14" t="s">
        <v>1</v>
      </c>
      <c r="C108392" s="14" t="s">
        <v>70</v>
      </c>
      <c r="D108392" s="14" t="s">
        <v>522</v>
      </c>
      <c r="E108392" s="15">
        <v>45728</v>
      </c>
      <c r="F108392" s="14" t="s">
        <v>15</v>
      </c>
      <c r="G108392" s="16">
        <v>3.7258288575419831</v>
      </c>
    </row>
    <row r="108393" spans="1:7" x14ac:dyDescent="0.3">
      <c r="A108393" s="13" t="s">
        <v>521</v>
      </c>
      <c r="B108393" s="14" t="s">
        <v>1</v>
      </c>
      <c r="C108393" s="14" t="s">
        <v>70</v>
      </c>
      <c r="D108393" s="14" t="s">
        <v>522</v>
      </c>
      <c r="E108393" s="15">
        <v>45729</v>
      </c>
      <c r="F108393" s="14" t="s">
        <v>15</v>
      </c>
      <c r="G108393" s="16">
        <v>3.7324078654198298</v>
      </c>
    </row>
    <row r="108394" spans="1:7" x14ac:dyDescent="0.3">
      <c r="A108394" s="13" t="s">
        <v>521</v>
      </c>
      <c r="B108394" s="14" t="s">
        <v>1</v>
      </c>
      <c r="C108394" s="14" t="s">
        <v>70</v>
      </c>
      <c r="D108394" s="14" t="s">
        <v>522</v>
      </c>
      <c r="E108394" s="15">
        <v>45730</v>
      </c>
      <c r="F108394" s="14" t="s">
        <v>15</v>
      </c>
      <c r="G108394" s="16">
        <v>3.7485271000411631</v>
      </c>
    </row>
    <row r="108395" spans="1:7" x14ac:dyDescent="0.3">
      <c r="A108395" s="13" t="s">
        <v>521</v>
      </c>
      <c r="B108395" s="14" t="s">
        <v>1</v>
      </c>
      <c r="C108395" s="14" t="s">
        <v>70</v>
      </c>
      <c r="D108395" s="14" t="s">
        <v>522</v>
      </c>
      <c r="E108395" s="15">
        <v>45731</v>
      </c>
      <c r="F108395" s="14" t="s">
        <v>15</v>
      </c>
      <c r="G108395" s="16">
        <v>3.7485271000411631</v>
      </c>
    </row>
    <row r="108396" spans="1:7" x14ac:dyDescent="0.3">
      <c r="A108396" s="13" t="s">
        <v>521</v>
      </c>
      <c r="B108396" s="14" t="s">
        <v>1</v>
      </c>
      <c r="C108396" s="14" t="s">
        <v>70</v>
      </c>
      <c r="D108396" s="14" t="s">
        <v>522</v>
      </c>
      <c r="E108396" s="15">
        <v>45732</v>
      </c>
      <c r="F108396" s="14" t="s">
        <v>15</v>
      </c>
      <c r="G108396" s="16">
        <v>3.7485271000411631</v>
      </c>
    </row>
    <row r="108397" spans="1:7" x14ac:dyDescent="0.3">
      <c r="A108397" s="13" t="s">
        <v>521</v>
      </c>
      <c r="B108397" s="14" t="s">
        <v>1</v>
      </c>
      <c r="C108397" s="14" t="s">
        <v>70</v>
      </c>
      <c r="D108397" s="14" t="s">
        <v>522</v>
      </c>
      <c r="E108397" s="15">
        <v>45733</v>
      </c>
      <c r="F108397" s="14" t="s">
        <v>15</v>
      </c>
      <c r="G108397" s="16">
        <v>3.7485271000411631</v>
      </c>
    </row>
    <row r="108398" spans="1:7" x14ac:dyDescent="0.3">
      <c r="A108398" s="13" t="s">
        <v>521</v>
      </c>
      <c r="B108398" s="14" t="s">
        <v>1</v>
      </c>
      <c r="C108398" s="14" t="s">
        <v>70</v>
      </c>
      <c r="D108398" s="14" t="s">
        <v>522</v>
      </c>
      <c r="E108398" s="15">
        <v>45734</v>
      </c>
      <c r="F108398" s="14" t="s">
        <v>15</v>
      </c>
      <c r="G108398" s="16">
        <v>3.7610824496304089</v>
      </c>
    </row>
    <row r="108399" spans="1:7" x14ac:dyDescent="0.3">
      <c r="A108399" s="13" t="s">
        <v>521</v>
      </c>
      <c r="B108399" s="14" t="s">
        <v>1</v>
      </c>
      <c r="C108399" s="14" t="s">
        <v>70</v>
      </c>
      <c r="D108399" s="14" t="s">
        <v>522</v>
      </c>
      <c r="E108399" s="15">
        <v>45735</v>
      </c>
      <c r="F108399" s="14" t="s">
        <v>15</v>
      </c>
      <c r="G108399" s="16">
        <v>3.7952541391818282</v>
      </c>
    </row>
    <row r="108400" spans="1:7" x14ac:dyDescent="0.3">
      <c r="A108400" s="13" t="s">
        <v>521</v>
      </c>
      <c r="B108400" s="14" t="s">
        <v>1</v>
      </c>
      <c r="C108400" s="14" t="s">
        <v>70</v>
      </c>
      <c r="D108400" s="14" t="s">
        <v>522</v>
      </c>
      <c r="E108400" s="15">
        <v>45736</v>
      </c>
      <c r="F108400" s="14" t="s">
        <v>15</v>
      </c>
      <c r="G108400" s="16">
        <v>3.8017184087330285</v>
      </c>
    </row>
    <row r="108401" spans="1:7" x14ac:dyDescent="0.3">
      <c r="A108401" s="13" t="s">
        <v>521</v>
      </c>
      <c r="B108401" s="14" t="s">
        <v>1</v>
      </c>
      <c r="C108401" s="14" t="s">
        <v>70</v>
      </c>
      <c r="D108401" s="14" t="s">
        <v>522</v>
      </c>
      <c r="E108401" s="15">
        <v>45737</v>
      </c>
      <c r="F108401" s="14" t="s">
        <v>15</v>
      </c>
      <c r="G108401" s="16">
        <v>3.8078492319800166</v>
      </c>
    </row>
    <row r="108402" spans="1:7" x14ac:dyDescent="0.3">
      <c r="A108402" s="13" t="s">
        <v>521</v>
      </c>
      <c r="B108402" s="14" t="s">
        <v>1</v>
      </c>
      <c r="C108402" s="14" t="s">
        <v>70</v>
      </c>
      <c r="D108402" s="14" t="s">
        <v>522</v>
      </c>
      <c r="E108402" s="15">
        <v>45738</v>
      </c>
      <c r="F108402" s="14" t="s">
        <v>15</v>
      </c>
      <c r="G108402" s="16">
        <v>3.8078492319800166</v>
      </c>
    </row>
    <row r="108403" spans="1:7" x14ac:dyDescent="0.3">
      <c r="A108403" s="13" t="s">
        <v>521</v>
      </c>
      <c r="B108403" s="14" t="s">
        <v>1</v>
      </c>
      <c r="C108403" s="14" t="s">
        <v>70</v>
      </c>
      <c r="D108403" s="14" t="s">
        <v>522</v>
      </c>
      <c r="E108403" s="15">
        <v>45739</v>
      </c>
      <c r="F108403" s="14" t="s">
        <v>15</v>
      </c>
      <c r="G108403" s="16">
        <v>3.8078492319800166</v>
      </c>
    </row>
    <row r="108404" spans="1:7" x14ac:dyDescent="0.3">
      <c r="A108404" s="13" t="s">
        <v>521</v>
      </c>
      <c r="B108404" s="14" t="s">
        <v>1</v>
      </c>
      <c r="C108404" s="14" t="s">
        <v>70</v>
      </c>
      <c r="D108404" s="14" t="s">
        <v>522</v>
      </c>
      <c r="E108404" s="15">
        <v>45740</v>
      </c>
      <c r="F108404" s="14" t="s">
        <v>15</v>
      </c>
      <c r="G108404" s="16">
        <v>3.8143729752326898</v>
      </c>
    </row>
    <row r="108405" spans="1:7" x14ac:dyDescent="0.3">
      <c r="A108405" s="13" t="s">
        <v>521</v>
      </c>
      <c r="B108405" s="14" t="s">
        <v>1</v>
      </c>
      <c r="C108405" s="14" t="s">
        <v>70</v>
      </c>
      <c r="D108405" s="14" t="s">
        <v>522</v>
      </c>
      <c r="E108405" s="15">
        <v>45741</v>
      </c>
      <c r="F108405" s="14" t="s">
        <v>15</v>
      </c>
      <c r="G108405" s="16">
        <v>3.833952671868476</v>
      </c>
    </row>
    <row r="108406" spans="1:7" x14ac:dyDescent="0.3">
      <c r="A108406" s="13" t="s">
        <v>521</v>
      </c>
      <c r="B108406" s="14" t="s">
        <v>1</v>
      </c>
      <c r="C108406" s="14" t="s">
        <v>70</v>
      </c>
      <c r="D108406" s="14" t="s">
        <v>522</v>
      </c>
      <c r="E108406" s="15">
        <v>45742</v>
      </c>
      <c r="F108406" s="14" t="s">
        <v>15</v>
      </c>
      <c r="G108406" s="16">
        <v>3.8404109831168629</v>
      </c>
    </row>
    <row r="108407" spans="1:7" x14ac:dyDescent="0.3">
      <c r="A108407" s="13" t="s">
        <v>521</v>
      </c>
      <c r="B108407" s="14" t="s">
        <v>1</v>
      </c>
      <c r="C108407" s="14" t="s">
        <v>70</v>
      </c>
      <c r="D108407" s="14" t="s">
        <v>522</v>
      </c>
      <c r="E108407" s="15">
        <v>45743</v>
      </c>
      <c r="F108407" s="14" t="s">
        <v>15</v>
      </c>
      <c r="G108407" s="16">
        <v>3.8545729231129675</v>
      </c>
    </row>
    <row r="108408" spans="1:7" x14ac:dyDescent="0.3">
      <c r="A108408" s="13" t="s">
        <v>521</v>
      </c>
      <c r="B108408" s="14" t="s">
        <v>1</v>
      </c>
      <c r="C108408" s="14" t="s">
        <v>70</v>
      </c>
      <c r="D108408" s="14" t="s">
        <v>522</v>
      </c>
      <c r="E108408" s="15">
        <v>45744</v>
      </c>
      <c r="F108408" s="14" t="s">
        <v>15</v>
      </c>
      <c r="G108408" s="16">
        <v>3.9632908244839662</v>
      </c>
    </row>
    <row r="108409" spans="1:7" x14ac:dyDescent="0.3">
      <c r="A108409" s="13" t="s">
        <v>521</v>
      </c>
      <c r="B108409" s="14" t="s">
        <v>1</v>
      </c>
      <c r="C108409" s="14" t="s">
        <v>70</v>
      </c>
      <c r="D108409" s="14" t="s">
        <v>522</v>
      </c>
      <c r="E108409" s="15">
        <v>45745</v>
      </c>
      <c r="F108409" s="14" t="s">
        <v>15</v>
      </c>
      <c r="G108409" s="16">
        <v>3.9632908244839662</v>
      </c>
    </row>
    <row r="108410" spans="1:7" x14ac:dyDescent="0.3">
      <c r="A108410" s="13" t="s">
        <v>521</v>
      </c>
      <c r="B108410" s="14" t="s">
        <v>1</v>
      </c>
      <c r="C108410" s="14" t="s">
        <v>70</v>
      </c>
      <c r="D108410" s="14" t="s">
        <v>522</v>
      </c>
      <c r="E108410" s="15">
        <v>45746</v>
      </c>
      <c r="F108410" s="14" t="s">
        <v>15</v>
      </c>
      <c r="G108410" s="16">
        <v>3.9632908244839662</v>
      </c>
    </row>
    <row r="108411" spans="1:7" x14ac:dyDescent="0.3">
      <c r="A108411" s="13" t="s">
        <v>521</v>
      </c>
      <c r="B108411" s="14" t="s">
        <v>1</v>
      </c>
      <c r="C108411" s="14" t="s">
        <v>70</v>
      </c>
      <c r="D108411" s="14" t="s">
        <v>522</v>
      </c>
      <c r="E108411" s="15">
        <v>45747</v>
      </c>
      <c r="F108411" s="14" t="s">
        <v>15</v>
      </c>
      <c r="G108411" s="16">
        <v>4.0162988477675414</v>
      </c>
    </row>
    <row r="108412" spans="1:7" x14ac:dyDescent="0.3">
      <c r="A108412" s="13" t="s">
        <v>523</v>
      </c>
      <c r="B108412" s="14" t="s">
        <v>1</v>
      </c>
      <c r="C108412" s="14" t="s">
        <v>47</v>
      </c>
      <c r="D108412" s="14" t="s">
        <v>281</v>
      </c>
      <c r="E108412" s="15">
        <v>45383</v>
      </c>
      <c r="F108412" s="14" t="s">
        <v>61</v>
      </c>
      <c r="G108412" s="16">
        <v>0</v>
      </c>
    </row>
    <row r="108413" spans="1:7" x14ac:dyDescent="0.3">
      <c r="A108413" s="13" t="s">
        <v>523</v>
      </c>
      <c r="B108413" s="14" t="s">
        <v>1</v>
      </c>
      <c r="C108413" s="14" t="s">
        <v>47</v>
      </c>
      <c r="D108413" s="14" t="s">
        <v>281</v>
      </c>
      <c r="E108413" s="15">
        <v>45384</v>
      </c>
      <c r="F108413" s="14" t="s">
        <v>61</v>
      </c>
      <c r="G108413" s="16">
        <v>0</v>
      </c>
    </row>
    <row r="108414" spans="1:7" x14ac:dyDescent="0.3">
      <c r="A108414" s="13" t="s">
        <v>523</v>
      </c>
      <c r="B108414" s="14" t="s">
        <v>1</v>
      </c>
      <c r="C108414" s="14" t="s">
        <v>47</v>
      </c>
      <c r="D108414" s="14" t="s">
        <v>281</v>
      </c>
      <c r="E108414" s="15">
        <v>45385</v>
      </c>
      <c r="F108414" s="14" t="s">
        <v>61</v>
      </c>
      <c r="G108414" s="16">
        <v>0</v>
      </c>
    </row>
    <row r="108415" spans="1:7" x14ac:dyDescent="0.3">
      <c r="A108415" s="13" t="s">
        <v>523</v>
      </c>
      <c r="B108415" s="14" t="s">
        <v>1</v>
      </c>
      <c r="C108415" s="14" t="s">
        <v>47</v>
      </c>
      <c r="D108415" s="14" t="s">
        <v>281</v>
      </c>
      <c r="E108415" s="15">
        <v>45386</v>
      </c>
      <c r="F108415" s="14" t="s">
        <v>61</v>
      </c>
      <c r="G108415" s="16">
        <v>0</v>
      </c>
    </row>
    <row r="108416" spans="1:7" x14ac:dyDescent="0.3">
      <c r="A108416" s="13" t="s">
        <v>523</v>
      </c>
      <c r="B108416" s="14" t="s">
        <v>1</v>
      </c>
      <c r="C108416" s="14" t="s">
        <v>47</v>
      </c>
      <c r="D108416" s="14" t="s">
        <v>281</v>
      </c>
      <c r="E108416" s="15">
        <v>45387</v>
      </c>
      <c r="F108416" s="14" t="s">
        <v>61</v>
      </c>
      <c r="G108416" s="16">
        <v>0</v>
      </c>
    </row>
    <row r="108417" spans="1:7" x14ac:dyDescent="0.3">
      <c r="A108417" s="13" t="s">
        <v>523</v>
      </c>
      <c r="B108417" s="14" t="s">
        <v>1</v>
      </c>
      <c r="C108417" s="14" t="s">
        <v>47</v>
      </c>
      <c r="D108417" s="14" t="s">
        <v>281</v>
      </c>
      <c r="E108417" s="15">
        <v>45388</v>
      </c>
      <c r="F108417" s="14" t="s">
        <v>61</v>
      </c>
      <c r="G108417" s="16">
        <v>0</v>
      </c>
    </row>
    <row r="108418" spans="1:7" x14ac:dyDescent="0.3">
      <c r="A108418" s="13" t="s">
        <v>523</v>
      </c>
      <c r="B108418" s="14" t="s">
        <v>1</v>
      </c>
      <c r="C108418" s="14" t="s">
        <v>47</v>
      </c>
      <c r="D108418" s="14" t="s">
        <v>281</v>
      </c>
      <c r="E108418" s="15">
        <v>45389</v>
      </c>
      <c r="F108418" s="14" t="s">
        <v>61</v>
      </c>
      <c r="G108418" s="16">
        <v>0</v>
      </c>
    </row>
    <row r="108419" spans="1:7" x14ac:dyDescent="0.3">
      <c r="A108419" s="13" t="s">
        <v>523</v>
      </c>
      <c r="B108419" s="14" t="s">
        <v>1</v>
      </c>
      <c r="C108419" s="14" t="s">
        <v>47</v>
      </c>
      <c r="D108419" s="14" t="s">
        <v>281</v>
      </c>
      <c r="E108419" s="15">
        <v>45390</v>
      </c>
      <c r="F108419" s="14" t="s">
        <v>61</v>
      </c>
      <c r="G108419" s="16">
        <v>0</v>
      </c>
    </row>
    <row r="108420" spans="1:7" x14ac:dyDescent="0.3">
      <c r="A108420" s="13" t="s">
        <v>523</v>
      </c>
      <c r="B108420" s="14" t="s">
        <v>1</v>
      </c>
      <c r="C108420" s="14" t="s">
        <v>47</v>
      </c>
      <c r="D108420" s="14" t="s">
        <v>281</v>
      </c>
      <c r="E108420" s="15">
        <v>45391</v>
      </c>
      <c r="F108420" s="14" t="s">
        <v>61</v>
      </c>
      <c r="G108420" s="16">
        <v>0</v>
      </c>
    </row>
    <row r="108421" spans="1:7" x14ac:dyDescent="0.3">
      <c r="A108421" s="13" t="s">
        <v>523</v>
      </c>
      <c r="B108421" s="14" t="s">
        <v>1</v>
      </c>
      <c r="C108421" s="14" t="s">
        <v>47</v>
      </c>
      <c r="D108421" s="14" t="s">
        <v>281</v>
      </c>
      <c r="E108421" s="15">
        <v>45392</v>
      </c>
      <c r="F108421" s="14" t="s">
        <v>61</v>
      </c>
      <c r="G108421" s="16">
        <v>0</v>
      </c>
    </row>
    <row r="108422" spans="1:7" x14ac:dyDescent="0.3">
      <c r="A108422" s="13" t="s">
        <v>523</v>
      </c>
      <c r="B108422" s="14" t="s">
        <v>1</v>
      </c>
      <c r="C108422" s="14" t="s">
        <v>47</v>
      </c>
      <c r="D108422" s="14" t="s">
        <v>281</v>
      </c>
      <c r="E108422" s="15">
        <v>45393</v>
      </c>
      <c r="F108422" s="14" t="s">
        <v>61</v>
      </c>
      <c r="G108422" s="16">
        <v>0</v>
      </c>
    </row>
    <row r="108423" spans="1:7" x14ac:dyDescent="0.3">
      <c r="A108423" s="13" t="s">
        <v>523</v>
      </c>
      <c r="B108423" s="14" t="s">
        <v>1</v>
      </c>
      <c r="C108423" s="14" t="s">
        <v>47</v>
      </c>
      <c r="D108423" s="14" t="s">
        <v>281</v>
      </c>
      <c r="E108423" s="15">
        <v>45394</v>
      </c>
      <c r="F108423" s="14" t="s">
        <v>61</v>
      </c>
      <c r="G108423" s="16">
        <v>0</v>
      </c>
    </row>
    <row r="108424" spans="1:7" x14ac:dyDescent="0.3">
      <c r="A108424" s="13" t="s">
        <v>523</v>
      </c>
      <c r="B108424" s="14" t="s">
        <v>1</v>
      </c>
      <c r="C108424" s="14" t="s">
        <v>47</v>
      </c>
      <c r="D108424" s="14" t="s">
        <v>281</v>
      </c>
      <c r="E108424" s="15">
        <v>45395</v>
      </c>
      <c r="F108424" s="14" t="s">
        <v>61</v>
      </c>
      <c r="G108424" s="16">
        <v>0</v>
      </c>
    </row>
    <row r="108425" spans="1:7" x14ac:dyDescent="0.3">
      <c r="A108425" s="13" t="s">
        <v>523</v>
      </c>
      <c r="B108425" s="14" t="s">
        <v>1</v>
      </c>
      <c r="C108425" s="14" t="s">
        <v>47</v>
      </c>
      <c r="D108425" s="14" t="s">
        <v>281</v>
      </c>
      <c r="E108425" s="15">
        <v>45396</v>
      </c>
      <c r="F108425" s="14" t="s">
        <v>61</v>
      </c>
      <c r="G108425" s="16">
        <v>0</v>
      </c>
    </row>
    <row r="108426" spans="1:7" x14ac:dyDescent="0.3">
      <c r="A108426" s="13" t="s">
        <v>523</v>
      </c>
      <c r="B108426" s="14" t="s">
        <v>1</v>
      </c>
      <c r="C108426" s="14" t="s">
        <v>47</v>
      </c>
      <c r="D108426" s="14" t="s">
        <v>281</v>
      </c>
      <c r="E108426" s="15">
        <v>45397</v>
      </c>
      <c r="F108426" s="14" t="s">
        <v>61</v>
      </c>
      <c r="G108426" s="16">
        <v>0</v>
      </c>
    </row>
    <row r="108427" spans="1:7" x14ac:dyDescent="0.3">
      <c r="A108427" s="13" t="s">
        <v>523</v>
      </c>
      <c r="B108427" s="14" t="s">
        <v>1</v>
      </c>
      <c r="C108427" s="14" t="s">
        <v>47</v>
      </c>
      <c r="D108427" s="14" t="s">
        <v>281</v>
      </c>
      <c r="E108427" s="15">
        <v>45398</v>
      </c>
      <c r="F108427" s="14" t="s">
        <v>61</v>
      </c>
      <c r="G108427" s="16">
        <v>0</v>
      </c>
    </row>
    <row r="108428" spans="1:7" x14ac:dyDescent="0.3">
      <c r="A108428" s="13" t="s">
        <v>523</v>
      </c>
      <c r="B108428" s="14" t="s">
        <v>1</v>
      </c>
      <c r="C108428" s="14" t="s">
        <v>47</v>
      </c>
      <c r="D108428" s="14" t="s">
        <v>281</v>
      </c>
      <c r="E108428" s="15">
        <v>45399</v>
      </c>
      <c r="F108428" s="14" t="s">
        <v>61</v>
      </c>
      <c r="G108428" s="16">
        <v>0</v>
      </c>
    </row>
    <row r="108429" spans="1:7" x14ac:dyDescent="0.3">
      <c r="A108429" s="13" t="s">
        <v>523</v>
      </c>
      <c r="B108429" s="14" t="s">
        <v>1</v>
      </c>
      <c r="C108429" s="14" t="s">
        <v>47</v>
      </c>
      <c r="D108429" s="14" t="s">
        <v>281</v>
      </c>
      <c r="E108429" s="15">
        <v>45400</v>
      </c>
      <c r="F108429" s="14" t="s">
        <v>61</v>
      </c>
      <c r="G108429" s="16">
        <v>0</v>
      </c>
    </row>
    <row r="108430" spans="1:7" x14ac:dyDescent="0.3">
      <c r="A108430" s="13" t="s">
        <v>523</v>
      </c>
      <c r="B108430" s="14" t="s">
        <v>1</v>
      </c>
      <c r="C108430" s="14" t="s">
        <v>47</v>
      </c>
      <c r="D108430" s="14" t="s">
        <v>281</v>
      </c>
      <c r="E108430" s="15">
        <v>45401</v>
      </c>
      <c r="F108430" s="14" t="s">
        <v>61</v>
      </c>
      <c r="G108430" s="16">
        <v>0</v>
      </c>
    </row>
    <row r="108431" spans="1:7" x14ac:dyDescent="0.3">
      <c r="A108431" s="13" t="s">
        <v>523</v>
      </c>
      <c r="B108431" s="14" t="s">
        <v>1</v>
      </c>
      <c r="C108431" s="14" t="s">
        <v>47</v>
      </c>
      <c r="D108431" s="14" t="s">
        <v>281</v>
      </c>
      <c r="E108431" s="15">
        <v>45402</v>
      </c>
      <c r="F108431" s="14" t="s">
        <v>61</v>
      </c>
      <c r="G108431" s="16">
        <v>0</v>
      </c>
    </row>
    <row r="108432" spans="1:7" x14ac:dyDescent="0.3">
      <c r="A108432" s="13" t="s">
        <v>523</v>
      </c>
      <c r="B108432" s="14" t="s">
        <v>1</v>
      </c>
      <c r="C108432" s="14" t="s">
        <v>47</v>
      </c>
      <c r="D108432" s="14" t="s">
        <v>281</v>
      </c>
      <c r="E108432" s="15">
        <v>45403</v>
      </c>
      <c r="F108432" s="14" t="s">
        <v>61</v>
      </c>
      <c r="G108432" s="16">
        <v>0</v>
      </c>
    </row>
    <row r="108433" spans="1:7" x14ac:dyDescent="0.3">
      <c r="A108433" s="13" t="s">
        <v>523</v>
      </c>
      <c r="B108433" s="14" t="s">
        <v>1</v>
      </c>
      <c r="C108433" s="14" t="s">
        <v>47</v>
      </c>
      <c r="D108433" s="14" t="s">
        <v>281</v>
      </c>
      <c r="E108433" s="15">
        <v>45404</v>
      </c>
      <c r="F108433" s="14" t="s">
        <v>61</v>
      </c>
      <c r="G108433" s="16">
        <v>0</v>
      </c>
    </row>
    <row r="108434" spans="1:7" x14ac:dyDescent="0.3">
      <c r="A108434" s="13" t="s">
        <v>523</v>
      </c>
      <c r="B108434" s="14" t="s">
        <v>1</v>
      </c>
      <c r="C108434" s="14" t="s">
        <v>47</v>
      </c>
      <c r="D108434" s="14" t="s">
        <v>281</v>
      </c>
      <c r="E108434" s="15">
        <v>45405</v>
      </c>
      <c r="F108434" s="14" t="s">
        <v>61</v>
      </c>
      <c r="G108434" s="16">
        <v>0</v>
      </c>
    </row>
    <row r="108435" spans="1:7" x14ac:dyDescent="0.3">
      <c r="A108435" s="13" t="s">
        <v>523</v>
      </c>
      <c r="B108435" s="14" t="s">
        <v>1</v>
      </c>
      <c r="C108435" s="14" t="s">
        <v>47</v>
      </c>
      <c r="D108435" s="14" t="s">
        <v>281</v>
      </c>
      <c r="E108435" s="15">
        <v>45406</v>
      </c>
      <c r="F108435" s="14" t="s">
        <v>61</v>
      </c>
      <c r="G108435" s="16">
        <v>0</v>
      </c>
    </row>
    <row r="108436" spans="1:7" x14ac:dyDescent="0.3">
      <c r="A108436" s="13" t="s">
        <v>523</v>
      </c>
      <c r="B108436" s="14" t="s">
        <v>1</v>
      </c>
      <c r="C108436" s="14" t="s">
        <v>47</v>
      </c>
      <c r="D108436" s="14" t="s">
        <v>281</v>
      </c>
      <c r="E108436" s="15">
        <v>45407</v>
      </c>
      <c r="F108436" s="14" t="s">
        <v>61</v>
      </c>
      <c r="G108436" s="16">
        <v>0</v>
      </c>
    </row>
    <row r="108437" spans="1:7" x14ac:dyDescent="0.3">
      <c r="A108437" s="13" t="s">
        <v>523</v>
      </c>
      <c r="B108437" s="14" t="s">
        <v>1</v>
      </c>
      <c r="C108437" s="14" t="s">
        <v>47</v>
      </c>
      <c r="D108437" s="14" t="s">
        <v>281</v>
      </c>
      <c r="E108437" s="15">
        <v>45408</v>
      </c>
      <c r="F108437" s="14" t="s">
        <v>61</v>
      </c>
      <c r="G108437" s="16">
        <v>0</v>
      </c>
    </row>
    <row r="108438" spans="1:7" x14ac:dyDescent="0.3">
      <c r="A108438" s="13" t="s">
        <v>523</v>
      </c>
      <c r="B108438" s="14" t="s">
        <v>1</v>
      </c>
      <c r="C108438" s="14" t="s">
        <v>47</v>
      </c>
      <c r="D108438" s="14" t="s">
        <v>281</v>
      </c>
      <c r="E108438" s="15">
        <v>45409</v>
      </c>
      <c r="F108438" s="14" t="s">
        <v>61</v>
      </c>
      <c r="G108438" s="16">
        <v>0</v>
      </c>
    </row>
    <row r="108439" spans="1:7" x14ac:dyDescent="0.3">
      <c r="A108439" s="13" t="s">
        <v>523</v>
      </c>
      <c r="B108439" s="14" t="s">
        <v>1</v>
      </c>
      <c r="C108439" s="14" t="s">
        <v>47</v>
      </c>
      <c r="D108439" s="14" t="s">
        <v>281</v>
      </c>
      <c r="E108439" s="15">
        <v>45410</v>
      </c>
      <c r="F108439" s="14" t="s">
        <v>61</v>
      </c>
      <c r="G108439" s="16">
        <v>0</v>
      </c>
    </row>
    <row r="108440" spans="1:7" x14ac:dyDescent="0.3">
      <c r="A108440" s="13" t="s">
        <v>523</v>
      </c>
      <c r="B108440" s="14" t="s">
        <v>1</v>
      </c>
      <c r="C108440" s="14" t="s">
        <v>47</v>
      </c>
      <c r="D108440" s="14" t="s">
        <v>281</v>
      </c>
      <c r="E108440" s="15">
        <v>45411</v>
      </c>
      <c r="F108440" s="14" t="s">
        <v>61</v>
      </c>
      <c r="G108440" s="16">
        <v>0</v>
      </c>
    </row>
    <row r="108441" spans="1:7" x14ac:dyDescent="0.3">
      <c r="A108441" s="13" t="s">
        <v>523</v>
      </c>
      <c r="B108441" s="14" t="s">
        <v>1</v>
      </c>
      <c r="C108441" s="14" t="s">
        <v>47</v>
      </c>
      <c r="D108441" s="14" t="s">
        <v>281</v>
      </c>
      <c r="E108441" s="15">
        <v>45412</v>
      </c>
      <c r="F108441" s="14" t="s">
        <v>61</v>
      </c>
      <c r="G108441" s="16">
        <v>0</v>
      </c>
    </row>
    <row r="108442" spans="1:7" x14ac:dyDescent="0.3">
      <c r="A108442" s="13" t="s">
        <v>523</v>
      </c>
      <c r="B108442" s="14" t="s">
        <v>1</v>
      </c>
      <c r="C108442" s="14" t="s">
        <v>47</v>
      </c>
      <c r="D108442" s="14" t="s">
        <v>281</v>
      </c>
      <c r="E108442" s="15">
        <v>45413</v>
      </c>
      <c r="F108442" s="14" t="s">
        <v>61</v>
      </c>
      <c r="G108442" s="16">
        <v>0</v>
      </c>
    </row>
    <row r="108443" spans="1:7" x14ac:dyDescent="0.3">
      <c r="A108443" s="13" t="s">
        <v>523</v>
      </c>
      <c r="B108443" s="14" t="s">
        <v>1</v>
      </c>
      <c r="C108443" s="14" t="s">
        <v>47</v>
      </c>
      <c r="D108443" s="14" t="s">
        <v>281</v>
      </c>
      <c r="E108443" s="15">
        <v>45414</v>
      </c>
      <c r="F108443" s="14" t="s">
        <v>61</v>
      </c>
      <c r="G108443" s="16">
        <v>0</v>
      </c>
    </row>
    <row r="108444" spans="1:7" x14ac:dyDescent="0.3">
      <c r="A108444" s="13" t="s">
        <v>523</v>
      </c>
      <c r="B108444" s="14" t="s">
        <v>1</v>
      </c>
      <c r="C108444" s="14" t="s">
        <v>47</v>
      </c>
      <c r="D108444" s="14" t="s">
        <v>281</v>
      </c>
      <c r="E108444" s="15">
        <v>45415</v>
      </c>
      <c r="F108444" s="14" t="s">
        <v>61</v>
      </c>
      <c r="G108444" s="16">
        <v>0</v>
      </c>
    </row>
    <row r="108445" spans="1:7" x14ac:dyDescent="0.3">
      <c r="A108445" s="13" t="s">
        <v>523</v>
      </c>
      <c r="B108445" s="14" t="s">
        <v>1</v>
      </c>
      <c r="C108445" s="14" t="s">
        <v>47</v>
      </c>
      <c r="D108445" s="14" t="s">
        <v>281</v>
      </c>
      <c r="E108445" s="15">
        <v>45416</v>
      </c>
      <c r="F108445" s="14" t="s">
        <v>61</v>
      </c>
      <c r="G108445" s="16">
        <v>0</v>
      </c>
    </row>
    <row r="108446" spans="1:7" x14ac:dyDescent="0.3">
      <c r="A108446" s="13" t="s">
        <v>523</v>
      </c>
      <c r="B108446" s="14" t="s">
        <v>1</v>
      </c>
      <c r="C108446" s="14" t="s">
        <v>47</v>
      </c>
      <c r="D108446" s="14" t="s">
        <v>281</v>
      </c>
      <c r="E108446" s="15">
        <v>45417</v>
      </c>
      <c r="F108446" s="14" t="s">
        <v>61</v>
      </c>
      <c r="G108446" s="16">
        <v>0</v>
      </c>
    </row>
    <row r="108447" spans="1:7" x14ac:dyDescent="0.3">
      <c r="A108447" s="13" t="s">
        <v>523</v>
      </c>
      <c r="B108447" s="14" t="s">
        <v>1</v>
      </c>
      <c r="C108447" s="14" t="s">
        <v>47</v>
      </c>
      <c r="D108447" s="14" t="s">
        <v>281</v>
      </c>
      <c r="E108447" s="15">
        <v>45418</v>
      </c>
      <c r="F108447" s="14" t="s">
        <v>61</v>
      </c>
      <c r="G108447" s="16">
        <v>0</v>
      </c>
    </row>
    <row r="108448" spans="1:7" x14ac:dyDescent="0.3">
      <c r="A108448" s="13" t="s">
        <v>523</v>
      </c>
      <c r="B108448" s="14" t="s">
        <v>1</v>
      </c>
      <c r="C108448" s="14" t="s">
        <v>47</v>
      </c>
      <c r="D108448" s="14" t="s">
        <v>281</v>
      </c>
      <c r="E108448" s="15">
        <v>45419</v>
      </c>
      <c r="F108448" s="14" t="s">
        <v>61</v>
      </c>
      <c r="G108448" s="16">
        <v>0</v>
      </c>
    </row>
    <row r="108449" spans="1:7" x14ac:dyDescent="0.3">
      <c r="A108449" s="13" t="s">
        <v>523</v>
      </c>
      <c r="B108449" s="14" t="s">
        <v>1</v>
      </c>
      <c r="C108449" s="14" t="s">
        <v>47</v>
      </c>
      <c r="D108449" s="14" t="s">
        <v>281</v>
      </c>
      <c r="E108449" s="15">
        <v>45420</v>
      </c>
      <c r="F108449" s="14" t="s">
        <v>61</v>
      </c>
      <c r="G108449" s="16">
        <v>0</v>
      </c>
    </row>
    <row r="108450" spans="1:7" x14ac:dyDescent="0.3">
      <c r="A108450" s="13" t="s">
        <v>523</v>
      </c>
      <c r="B108450" s="14" t="s">
        <v>1</v>
      </c>
      <c r="C108450" s="14" t="s">
        <v>47</v>
      </c>
      <c r="D108450" s="14" t="s">
        <v>281</v>
      </c>
      <c r="E108450" s="15">
        <v>45421</v>
      </c>
      <c r="F108450" s="14" t="s">
        <v>61</v>
      </c>
      <c r="G108450" s="16">
        <v>0</v>
      </c>
    </row>
    <row r="108451" spans="1:7" x14ac:dyDescent="0.3">
      <c r="A108451" s="13" t="s">
        <v>523</v>
      </c>
      <c r="B108451" s="14" t="s">
        <v>1</v>
      </c>
      <c r="C108451" s="14" t="s">
        <v>47</v>
      </c>
      <c r="D108451" s="14" t="s">
        <v>281</v>
      </c>
      <c r="E108451" s="15">
        <v>45422</v>
      </c>
      <c r="F108451" s="14" t="s">
        <v>61</v>
      </c>
      <c r="G108451" s="16">
        <v>0</v>
      </c>
    </row>
    <row r="108452" spans="1:7" x14ac:dyDescent="0.3">
      <c r="A108452" s="13" t="s">
        <v>523</v>
      </c>
      <c r="B108452" s="14" t="s">
        <v>1</v>
      </c>
      <c r="C108452" s="14" t="s">
        <v>47</v>
      </c>
      <c r="D108452" s="14" t="s">
        <v>281</v>
      </c>
      <c r="E108452" s="15">
        <v>45423</v>
      </c>
      <c r="F108452" s="14" t="s">
        <v>61</v>
      </c>
      <c r="G108452" s="16">
        <v>0</v>
      </c>
    </row>
    <row r="108453" spans="1:7" x14ac:dyDescent="0.3">
      <c r="A108453" s="13" t="s">
        <v>523</v>
      </c>
      <c r="B108453" s="14" t="s">
        <v>1</v>
      </c>
      <c r="C108453" s="14" t="s">
        <v>47</v>
      </c>
      <c r="D108453" s="14" t="s">
        <v>281</v>
      </c>
      <c r="E108453" s="15">
        <v>45424</v>
      </c>
      <c r="F108453" s="14" t="s">
        <v>61</v>
      </c>
      <c r="G108453" s="16">
        <v>0</v>
      </c>
    </row>
    <row r="108454" spans="1:7" x14ac:dyDescent="0.3">
      <c r="A108454" s="13" t="s">
        <v>523</v>
      </c>
      <c r="B108454" s="14" t="s">
        <v>1</v>
      </c>
      <c r="C108454" s="14" t="s">
        <v>47</v>
      </c>
      <c r="D108454" s="14" t="s">
        <v>281</v>
      </c>
      <c r="E108454" s="15">
        <v>45425</v>
      </c>
      <c r="F108454" s="14" t="s">
        <v>61</v>
      </c>
      <c r="G108454" s="16">
        <v>0</v>
      </c>
    </row>
    <row r="108455" spans="1:7" x14ac:dyDescent="0.3">
      <c r="A108455" s="13" t="s">
        <v>523</v>
      </c>
      <c r="B108455" s="14" t="s">
        <v>1</v>
      </c>
      <c r="C108455" s="14" t="s">
        <v>47</v>
      </c>
      <c r="D108455" s="14" t="s">
        <v>281</v>
      </c>
      <c r="E108455" s="15">
        <v>45426</v>
      </c>
      <c r="F108455" s="14" t="s">
        <v>61</v>
      </c>
      <c r="G108455" s="16">
        <v>0</v>
      </c>
    </row>
    <row r="108456" spans="1:7" x14ac:dyDescent="0.3">
      <c r="A108456" s="13" t="s">
        <v>523</v>
      </c>
      <c r="B108456" s="14" t="s">
        <v>1</v>
      </c>
      <c r="C108456" s="14" t="s">
        <v>47</v>
      </c>
      <c r="D108456" s="14" t="s">
        <v>281</v>
      </c>
      <c r="E108456" s="15">
        <v>45427</v>
      </c>
      <c r="F108456" s="14" t="s">
        <v>61</v>
      </c>
      <c r="G108456" s="16">
        <v>0</v>
      </c>
    </row>
    <row r="108457" spans="1:7" x14ac:dyDescent="0.3">
      <c r="A108457" s="13" t="s">
        <v>523</v>
      </c>
      <c r="B108457" s="14" t="s">
        <v>1</v>
      </c>
      <c r="C108457" s="14" t="s">
        <v>47</v>
      </c>
      <c r="D108457" s="14" t="s">
        <v>281</v>
      </c>
      <c r="E108457" s="15">
        <v>45428</v>
      </c>
      <c r="F108457" s="14" t="s">
        <v>61</v>
      </c>
      <c r="G108457" s="16">
        <v>0</v>
      </c>
    </row>
    <row r="108458" spans="1:7" x14ac:dyDescent="0.3">
      <c r="A108458" s="13" t="s">
        <v>523</v>
      </c>
      <c r="B108458" s="14" t="s">
        <v>1</v>
      </c>
      <c r="C108458" s="14" t="s">
        <v>47</v>
      </c>
      <c r="D108458" s="14" t="s">
        <v>281</v>
      </c>
      <c r="E108458" s="15">
        <v>45429</v>
      </c>
      <c r="F108458" s="14" t="s">
        <v>61</v>
      </c>
      <c r="G108458" s="16">
        <v>0</v>
      </c>
    </row>
    <row r="108459" spans="1:7" x14ac:dyDescent="0.3">
      <c r="A108459" s="13" t="s">
        <v>523</v>
      </c>
      <c r="B108459" s="14" t="s">
        <v>1</v>
      </c>
      <c r="C108459" s="14" t="s">
        <v>47</v>
      </c>
      <c r="D108459" s="14" t="s">
        <v>281</v>
      </c>
      <c r="E108459" s="15">
        <v>45430</v>
      </c>
      <c r="F108459" s="14" t="s">
        <v>61</v>
      </c>
      <c r="G108459" s="16">
        <v>0</v>
      </c>
    </row>
    <row r="108460" spans="1:7" x14ac:dyDescent="0.3">
      <c r="A108460" s="13" t="s">
        <v>523</v>
      </c>
      <c r="B108460" s="14" t="s">
        <v>1</v>
      </c>
      <c r="C108460" s="14" t="s">
        <v>47</v>
      </c>
      <c r="D108460" s="14" t="s">
        <v>281</v>
      </c>
      <c r="E108460" s="15">
        <v>45431</v>
      </c>
      <c r="F108460" s="14" t="s">
        <v>61</v>
      </c>
      <c r="G108460" s="16">
        <v>0</v>
      </c>
    </row>
    <row r="108461" spans="1:7" x14ac:dyDescent="0.3">
      <c r="A108461" s="13" t="s">
        <v>523</v>
      </c>
      <c r="B108461" s="14" t="s">
        <v>1</v>
      </c>
      <c r="C108461" s="14" t="s">
        <v>47</v>
      </c>
      <c r="D108461" s="14" t="s">
        <v>281</v>
      </c>
      <c r="E108461" s="15">
        <v>45432</v>
      </c>
      <c r="F108461" s="14" t="s">
        <v>61</v>
      </c>
      <c r="G108461" s="16">
        <v>0</v>
      </c>
    </row>
    <row r="108462" spans="1:7" x14ac:dyDescent="0.3">
      <c r="A108462" s="13" t="s">
        <v>523</v>
      </c>
      <c r="B108462" s="14" t="s">
        <v>1</v>
      </c>
      <c r="C108462" s="14" t="s">
        <v>47</v>
      </c>
      <c r="D108462" s="14" t="s">
        <v>281</v>
      </c>
      <c r="E108462" s="15">
        <v>45433</v>
      </c>
      <c r="F108462" s="14" t="s">
        <v>61</v>
      </c>
      <c r="G108462" s="16">
        <v>0</v>
      </c>
    </row>
    <row r="108463" spans="1:7" x14ac:dyDescent="0.3">
      <c r="A108463" s="13" t="s">
        <v>523</v>
      </c>
      <c r="B108463" s="14" t="s">
        <v>1</v>
      </c>
      <c r="C108463" s="14" t="s">
        <v>47</v>
      </c>
      <c r="D108463" s="14" t="s">
        <v>281</v>
      </c>
      <c r="E108463" s="15">
        <v>45434</v>
      </c>
      <c r="F108463" s="14" t="s">
        <v>61</v>
      </c>
      <c r="G108463" s="16">
        <v>0</v>
      </c>
    </row>
    <row r="108464" spans="1:7" x14ac:dyDescent="0.3">
      <c r="A108464" s="13" t="s">
        <v>523</v>
      </c>
      <c r="B108464" s="14" t="s">
        <v>1</v>
      </c>
      <c r="C108464" s="14" t="s">
        <v>47</v>
      </c>
      <c r="D108464" s="14" t="s">
        <v>281</v>
      </c>
      <c r="E108464" s="15">
        <v>45435</v>
      </c>
      <c r="F108464" s="14" t="s">
        <v>61</v>
      </c>
      <c r="G108464" s="16">
        <v>0</v>
      </c>
    </row>
    <row r="108465" spans="1:7" x14ac:dyDescent="0.3">
      <c r="A108465" s="13" t="s">
        <v>523</v>
      </c>
      <c r="B108465" s="14" t="s">
        <v>1</v>
      </c>
      <c r="C108465" s="14" t="s">
        <v>47</v>
      </c>
      <c r="D108465" s="14" t="s">
        <v>281</v>
      </c>
      <c r="E108465" s="15">
        <v>45436</v>
      </c>
      <c r="F108465" s="14" t="s">
        <v>61</v>
      </c>
      <c r="G108465" s="16">
        <v>0</v>
      </c>
    </row>
    <row r="108466" spans="1:7" x14ac:dyDescent="0.3">
      <c r="A108466" s="13" t="s">
        <v>523</v>
      </c>
      <c r="B108466" s="14" t="s">
        <v>1</v>
      </c>
      <c r="C108466" s="14" t="s">
        <v>47</v>
      </c>
      <c r="D108466" s="14" t="s">
        <v>281</v>
      </c>
      <c r="E108466" s="15">
        <v>45437</v>
      </c>
      <c r="F108466" s="14" t="s">
        <v>61</v>
      </c>
      <c r="G108466" s="16">
        <v>0</v>
      </c>
    </row>
    <row r="108467" spans="1:7" x14ac:dyDescent="0.3">
      <c r="A108467" s="13" t="s">
        <v>523</v>
      </c>
      <c r="B108467" s="14" t="s">
        <v>1</v>
      </c>
      <c r="C108467" s="14" t="s">
        <v>47</v>
      </c>
      <c r="D108467" s="14" t="s">
        <v>281</v>
      </c>
      <c r="E108467" s="15">
        <v>45438</v>
      </c>
      <c r="F108467" s="14" t="s">
        <v>61</v>
      </c>
      <c r="G108467" s="16">
        <v>0</v>
      </c>
    </row>
    <row r="108468" spans="1:7" x14ac:dyDescent="0.3">
      <c r="A108468" s="13" t="s">
        <v>523</v>
      </c>
      <c r="B108468" s="14" t="s">
        <v>1</v>
      </c>
      <c r="C108468" s="14" t="s">
        <v>47</v>
      </c>
      <c r="D108468" s="14" t="s">
        <v>281</v>
      </c>
      <c r="E108468" s="15">
        <v>45439</v>
      </c>
      <c r="F108468" s="14" t="s">
        <v>61</v>
      </c>
      <c r="G108468" s="16">
        <v>0</v>
      </c>
    </row>
    <row r="108469" spans="1:7" x14ac:dyDescent="0.3">
      <c r="A108469" s="13" t="s">
        <v>523</v>
      </c>
      <c r="B108469" s="14" t="s">
        <v>1</v>
      </c>
      <c r="C108469" s="14" t="s">
        <v>47</v>
      </c>
      <c r="D108469" s="14" t="s">
        <v>281</v>
      </c>
      <c r="E108469" s="15">
        <v>45440</v>
      </c>
      <c r="F108469" s="14" t="s">
        <v>61</v>
      </c>
      <c r="G108469" s="16">
        <v>0</v>
      </c>
    </row>
    <row r="108470" spans="1:7" x14ac:dyDescent="0.3">
      <c r="A108470" s="13" t="s">
        <v>523</v>
      </c>
      <c r="B108470" s="14" t="s">
        <v>1</v>
      </c>
      <c r="C108470" s="14" t="s">
        <v>47</v>
      </c>
      <c r="D108470" s="14" t="s">
        <v>281</v>
      </c>
      <c r="E108470" s="15">
        <v>45441</v>
      </c>
      <c r="F108470" s="14" t="s">
        <v>61</v>
      </c>
      <c r="G108470" s="16">
        <v>0</v>
      </c>
    </row>
    <row r="108471" spans="1:7" x14ac:dyDescent="0.3">
      <c r="A108471" s="13" t="s">
        <v>523</v>
      </c>
      <c r="B108471" s="14" t="s">
        <v>1</v>
      </c>
      <c r="C108471" s="14" t="s">
        <v>47</v>
      </c>
      <c r="D108471" s="14" t="s">
        <v>281</v>
      </c>
      <c r="E108471" s="15">
        <v>45442</v>
      </c>
      <c r="F108471" s="14" t="s">
        <v>61</v>
      </c>
      <c r="G108471" s="16">
        <v>0</v>
      </c>
    </row>
    <row r="108472" spans="1:7" x14ac:dyDescent="0.3">
      <c r="A108472" s="13" t="s">
        <v>523</v>
      </c>
      <c r="B108472" s="14" t="s">
        <v>1</v>
      </c>
      <c r="C108472" s="14" t="s">
        <v>47</v>
      </c>
      <c r="D108472" s="14" t="s">
        <v>281</v>
      </c>
      <c r="E108472" s="15">
        <v>45443</v>
      </c>
      <c r="F108472" s="14" t="s">
        <v>61</v>
      </c>
      <c r="G108472" s="16">
        <v>0</v>
      </c>
    </row>
    <row r="108473" spans="1:7" x14ac:dyDescent="0.3">
      <c r="A108473" s="13" t="s">
        <v>523</v>
      </c>
      <c r="B108473" s="14" t="s">
        <v>1</v>
      </c>
      <c r="C108473" s="14" t="s">
        <v>47</v>
      </c>
      <c r="D108473" s="14" t="s">
        <v>281</v>
      </c>
      <c r="E108473" s="15">
        <v>45444</v>
      </c>
      <c r="F108473" s="14" t="s">
        <v>61</v>
      </c>
      <c r="G108473" s="16">
        <v>0</v>
      </c>
    </row>
    <row r="108474" spans="1:7" x14ac:dyDescent="0.3">
      <c r="A108474" s="13" t="s">
        <v>523</v>
      </c>
      <c r="B108474" s="14" t="s">
        <v>1</v>
      </c>
      <c r="C108474" s="14" t="s">
        <v>47</v>
      </c>
      <c r="D108474" s="14" t="s">
        <v>281</v>
      </c>
      <c r="E108474" s="15">
        <v>45445</v>
      </c>
      <c r="F108474" s="14" t="s">
        <v>61</v>
      </c>
      <c r="G108474" s="16">
        <v>0</v>
      </c>
    </row>
    <row r="108475" spans="1:7" x14ac:dyDescent="0.3">
      <c r="A108475" s="13" t="s">
        <v>523</v>
      </c>
      <c r="B108475" s="14" t="s">
        <v>1</v>
      </c>
      <c r="C108475" s="14" t="s">
        <v>47</v>
      </c>
      <c r="D108475" s="14" t="s">
        <v>281</v>
      </c>
      <c r="E108475" s="15">
        <v>45446</v>
      </c>
      <c r="F108475" s="14" t="s">
        <v>61</v>
      </c>
      <c r="G108475" s="16">
        <v>0</v>
      </c>
    </row>
    <row r="108476" spans="1:7" x14ac:dyDescent="0.3">
      <c r="A108476" s="13" t="s">
        <v>523</v>
      </c>
      <c r="B108476" s="14" t="s">
        <v>1</v>
      </c>
      <c r="C108476" s="14" t="s">
        <v>47</v>
      </c>
      <c r="D108476" s="14" t="s">
        <v>281</v>
      </c>
      <c r="E108476" s="15">
        <v>45447</v>
      </c>
      <c r="F108476" s="14" t="s">
        <v>61</v>
      </c>
      <c r="G108476" s="16">
        <v>1.5064529506641987E-2</v>
      </c>
    </row>
    <row r="108477" spans="1:7" x14ac:dyDescent="0.3">
      <c r="A108477" s="13" t="s">
        <v>523</v>
      </c>
      <c r="B108477" s="14" t="s">
        <v>1</v>
      </c>
      <c r="C108477" s="14" t="s">
        <v>47</v>
      </c>
      <c r="D108477" s="14" t="s">
        <v>281</v>
      </c>
      <c r="E108477" s="15">
        <v>45448</v>
      </c>
      <c r="F108477" s="14" t="s">
        <v>61</v>
      </c>
      <c r="G108477" s="16">
        <v>2.6144511554983162E-2</v>
      </c>
    </row>
    <row r="108478" spans="1:7" x14ac:dyDescent="0.3">
      <c r="A108478" s="13" t="s">
        <v>523</v>
      </c>
      <c r="B108478" s="14" t="s">
        <v>1</v>
      </c>
      <c r="C108478" s="14" t="s">
        <v>47</v>
      </c>
      <c r="D108478" s="14" t="s">
        <v>281</v>
      </c>
      <c r="E108478" s="15">
        <v>45449</v>
      </c>
      <c r="F108478" s="14" t="s">
        <v>61</v>
      </c>
      <c r="G108478" s="16">
        <v>2.2360646152556771E-2</v>
      </c>
    </row>
    <row r="108479" spans="1:7" x14ac:dyDescent="0.3">
      <c r="A108479" s="13" t="s">
        <v>523</v>
      </c>
      <c r="B108479" s="14" t="s">
        <v>1</v>
      </c>
      <c r="C108479" s="14" t="s">
        <v>47</v>
      </c>
      <c r="D108479" s="14" t="s">
        <v>281</v>
      </c>
      <c r="E108479" s="15">
        <v>45450</v>
      </c>
      <c r="F108479" s="14" t="s">
        <v>61</v>
      </c>
      <c r="G108479" s="16">
        <v>1.8707396175034311E-2</v>
      </c>
    </row>
    <row r="108480" spans="1:7" x14ac:dyDescent="0.3">
      <c r="A108480" s="13" t="s">
        <v>523</v>
      </c>
      <c r="B108480" s="14" t="s">
        <v>1</v>
      </c>
      <c r="C108480" s="14" t="s">
        <v>47</v>
      </c>
      <c r="D108480" s="14" t="s">
        <v>281</v>
      </c>
      <c r="E108480" s="15">
        <v>45451</v>
      </c>
      <c r="F108480" s="14" t="s">
        <v>61</v>
      </c>
      <c r="G108480" s="16">
        <v>1.8707396175034311E-2</v>
      </c>
    </row>
    <row r="108481" spans="1:7" x14ac:dyDescent="0.3">
      <c r="A108481" s="13" t="s">
        <v>523</v>
      </c>
      <c r="B108481" s="14" t="s">
        <v>1</v>
      </c>
      <c r="C108481" s="14" t="s">
        <v>47</v>
      </c>
      <c r="D108481" s="14" t="s">
        <v>281</v>
      </c>
      <c r="E108481" s="15">
        <v>45452</v>
      </c>
      <c r="F108481" s="14" t="s">
        <v>61</v>
      </c>
      <c r="G108481" s="16">
        <v>1.8707396175034311E-2</v>
      </c>
    </row>
    <row r="108482" spans="1:7" x14ac:dyDescent="0.3">
      <c r="A108482" s="13" t="s">
        <v>523</v>
      </c>
      <c r="B108482" s="14" t="s">
        <v>1</v>
      </c>
      <c r="C108482" s="14" t="s">
        <v>47</v>
      </c>
      <c r="D108482" s="14" t="s">
        <v>281</v>
      </c>
      <c r="E108482" s="15">
        <v>45453</v>
      </c>
      <c r="F108482" s="14" t="s">
        <v>61</v>
      </c>
      <c r="G108482" s="16">
        <v>1.494030143214416E-2</v>
      </c>
    </row>
    <row r="108483" spans="1:7" x14ac:dyDescent="0.3">
      <c r="A108483" s="13" t="s">
        <v>523</v>
      </c>
      <c r="B108483" s="14" t="s">
        <v>1</v>
      </c>
      <c r="C108483" s="14" t="s">
        <v>47</v>
      </c>
      <c r="D108483" s="14" t="s">
        <v>281</v>
      </c>
      <c r="E108483" s="15">
        <v>45454</v>
      </c>
      <c r="F108483" s="14" t="s">
        <v>61</v>
      </c>
      <c r="G108483" s="16">
        <v>3.6115587838849044E-3</v>
      </c>
    </row>
    <row r="108484" spans="1:7" x14ac:dyDescent="0.3">
      <c r="A108484" s="13" t="s">
        <v>523</v>
      </c>
      <c r="B108484" s="14" t="s">
        <v>1</v>
      </c>
      <c r="C108484" s="14" t="s">
        <v>47</v>
      </c>
      <c r="D108484" s="14" t="s">
        <v>281</v>
      </c>
      <c r="E108484" s="15">
        <v>45455</v>
      </c>
      <c r="F108484" s="14" t="s">
        <v>61</v>
      </c>
      <c r="G108484" s="16">
        <v>0</v>
      </c>
    </row>
    <row r="108485" spans="1:7" x14ac:dyDescent="0.3">
      <c r="A108485" s="13" t="s">
        <v>523</v>
      </c>
      <c r="B108485" s="14" t="s">
        <v>1</v>
      </c>
      <c r="C108485" s="14" t="s">
        <v>47</v>
      </c>
      <c r="D108485" s="14" t="s">
        <v>281</v>
      </c>
      <c r="E108485" s="15">
        <v>45456</v>
      </c>
      <c r="F108485" s="14" t="s">
        <v>61</v>
      </c>
      <c r="G108485" s="16">
        <v>2.5261262076913964E-2</v>
      </c>
    </row>
    <row r="108486" spans="1:7" x14ac:dyDescent="0.3">
      <c r="A108486" s="13" t="s">
        <v>523</v>
      </c>
      <c r="B108486" s="14" t="s">
        <v>1</v>
      </c>
      <c r="C108486" s="14" t="s">
        <v>47</v>
      </c>
      <c r="D108486" s="14" t="s">
        <v>281</v>
      </c>
      <c r="E108486" s="15">
        <v>45457</v>
      </c>
      <c r="F108486" s="14" t="s">
        <v>61</v>
      </c>
      <c r="G108486" s="16">
        <v>2.7424033144981826E-2</v>
      </c>
    </row>
    <row r="108487" spans="1:7" x14ac:dyDescent="0.3">
      <c r="A108487" s="13" t="s">
        <v>523</v>
      </c>
      <c r="B108487" s="14" t="s">
        <v>1</v>
      </c>
      <c r="C108487" s="14" t="s">
        <v>47</v>
      </c>
      <c r="D108487" s="14" t="s">
        <v>281</v>
      </c>
      <c r="E108487" s="15">
        <v>45458</v>
      </c>
      <c r="F108487" s="14" t="s">
        <v>61</v>
      </c>
      <c r="G108487" s="16">
        <v>2.7424033144981826E-2</v>
      </c>
    </row>
    <row r="108488" spans="1:7" x14ac:dyDescent="0.3">
      <c r="A108488" s="13" t="s">
        <v>523</v>
      </c>
      <c r="B108488" s="14" t="s">
        <v>1</v>
      </c>
      <c r="C108488" s="14" t="s">
        <v>47</v>
      </c>
      <c r="D108488" s="14" t="s">
        <v>281</v>
      </c>
      <c r="E108488" s="15">
        <v>45459</v>
      </c>
      <c r="F108488" s="14" t="s">
        <v>61</v>
      </c>
      <c r="G108488" s="16">
        <v>2.7424033144981826E-2</v>
      </c>
    </row>
    <row r="108489" spans="1:7" x14ac:dyDescent="0.3">
      <c r="A108489" s="13" t="s">
        <v>523</v>
      </c>
      <c r="B108489" s="14" t="s">
        <v>1</v>
      </c>
      <c r="C108489" s="14" t="s">
        <v>47</v>
      </c>
      <c r="D108489" s="14" t="s">
        <v>281</v>
      </c>
      <c r="E108489" s="15">
        <v>45460</v>
      </c>
      <c r="F108489" s="14" t="s">
        <v>61</v>
      </c>
      <c r="G108489" s="16">
        <v>2.45579252066545E-2</v>
      </c>
    </row>
    <row r="108490" spans="1:7" x14ac:dyDescent="0.3">
      <c r="A108490" s="13" t="s">
        <v>523</v>
      </c>
      <c r="B108490" s="14" t="s">
        <v>1</v>
      </c>
      <c r="C108490" s="14" t="s">
        <v>47</v>
      </c>
      <c r="D108490" s="14" t="s">
        <v>281</v>
      </c>
      <c r="E108490" s="15">
        <v>45461</v>
      </c>
      <c r="F108490" s="14" t="s">
        <v>61</v>
      </c>
      <c r="G108490" s="16">
        <v>2.0326148387537556E-2</v>
      </c>
    </row>
    <row r="108491" spans="1:7" x14ac:dyDescent="0.3">
      <c r="A108491" s="13" t="s">
        <v>523</v>
      </c>
      <c r="B108491" s="14" t="s">
        <v>1</v>
      </c>
      <c r="C108491" s="14" t="s">
        <v>47</v>
      </c>
      <c r="D108491" s="14" t="s">
        <v>281</v>
      </c>
      <c r="E108491" s="15">
        <v>45462</v>
      </c>
      <c r="F108491" s="14" t="s">
        <v>61</v>
      </c>
      <c r="G108491" s="16">
        <v>2.0326148387537556E-2</v>
      </c>
    </row>
    <row r="108492" spans="1:7" x14ac:dyDescent="0.3">
      <c r="A108492" s="13" t="s">
        <v>523</v>
      </c>
      <c r="B108492" s="14" t="s">
        <v>1</v>
      </c>
      <c r="C108492" s="14" t="s">
        <v>47</v>
      </c>
      <c r="D108492" s="14" t="s">
        <v>281</v>
      </c>
      <c r="E108492" s="15">
        <v>45463</v>
      </c>
      <c r="F108492" s="14" t="s">
        <v>61</v>
      </c>
      <c r="G108492" s="16">
        <v>5.3196088395477528E-2</v>
      </c>
    </row>
    <row r="108493" spans="1:7" x14ac:dyDescent="0.3">
      <c r="A108493" s="13" t="s">
        <v>523</v>
      </c>
      <c r="B108493" s="14" t="s">
        <v>1</v>
      </c>
      <c r="C108493" s="14" t="s">
        <v>47</v>
      </c>
      <c r="D108493" s="14" t="s">
        <v>281</v>
      </c>
      <c r="E108493" s="15">
        <v>45464</v>
      </c>
      <c r="F108493" s="14" t="s">
        <v>61</v>
      </c>
      <c r="G108493" s="16">
        <v>4.565197830582788E-2</v>
      </c>
    </row>
    <row r="108494" spans="1:7" x14ac:dyDescent="0.3">
      <c r="A108494" s="13" t="s">
        <v>523</v>
      </c>
      <c r="B108494" s="14" t="s">
        <v>1</v>
      </c>
      <c r="C108494" s="14" t="s">
        <v>47</v>
      </c>
      <c r="D108494" s="14" t="s">
        <v>281</v>
      </c>
      <c r="E108494" s="15">
        <v>45465</v>
      </c>
      <c r="F108494" s="14" t="s">
        <v>61</v>
      </c>
      <c r="G108494" s="16">
        <v>4.565197830582788E-2</v>
      </c>
    </row>
    <row r="108495" spans="1:7" x14ac:dyDescent="0.3">
      <c r="A108495" s="13" t="s">
        <v>523</v>
      </c>
      <c r="B108495" s="14" t="s">
        <v>1</v>
      </c>
      <c r="C108495" s="14" t="s">
        <v>47</v>
      </c>
      <c r="D108495" s="14" t="s">
        <v>281</v>
      </c>
      <c r="E108495" s="15">
        <v>45466</v>
      </c>
      <c r="F108495" s="14" t="s">
        <v>61</v>
      </c>
      <c r="G108495" s="16">
        <v>4.565197830582788E-2</v>
      </c>
    </row>
    <row r="108496" spans="1:7" x14ac:dyDescent="0.3">
      <c r="A108496" s="13" t="s">
        <v>523</v>
      </c>
      <c r="B108496" s="14" t="s">
        <v>1</v>
      </c>
      <c r="C108496" s="14" t="s">
        <v>47</v>
      </c>
      <c r="D108496" s="14" t="s">
        <v>281</v>
      </c>
      <c r="E108496" s="15">
        <v>45467</v>
      </c>
      <c r="F108496" s="14" t="s">
        <v>61</v>
      </c>
      <c r="G108496" s="16">
        <v>4.454399981941809E-2</v>
      </c>
    </row>
    <row r="108497" spans="1:7" x14ac:dyDescent="0.3">
      <c r="A108497" s="13" t="s">
        <v>523</v>
      </c>
      <c r="B108497" s="14" t="s">
        <v>1</v>
      </c>
      <c r="C108497" s="14" t="s">
        <v>47</v>
      </c>
      <c r="D108497" s="14" t="s">
        <v>281</v>
      </c>
      <c r="E108497" s="15">
        <v>45468</v>
      </c>
      <c r="F108497" s="14" t="s">
        <v>61</v>
      </c>
      <c r="G108497" s="16">
        <v>3.640807731221838E-2</v>
      </c>
    </row>
    <row r="108498" spans="1:7" x14ac:dyDescent="0.3">
      <c r="A108498" s="13" t="s">
        <v>523</v>
      </c>
      <c r="B108498" s="14" t="s">
        <v>1</v>
      </c>
      <c r="C108498" s="14" t="s">
        <v>47</v>
      </c>
      <c r="D108498" s="14" t="s">
        <v>281</v>
      </c>
      <c r="E108498" s="15">
        <v>45469</v>
      </c>
      <c r="F108498" s="14" t="s">
        <v>61</v>
      </c>
      <c r="G108498" s="16">
        <v>3.2838980865359649E-2</v>
      </c>
    </row>
    <row r="108499" spans="1:7" x14ac:dyDescent="0.3">
      <c r="A108499" s="13" t="s">
        <v>523</v>
      </c>
      <c r="B108499" s="14" t="s">
        <v>1</v>
      </c>
      <c r="C108499" s="14" t="s">
        <v>47</v>
      </c>
      <c r="D108499" s="14" t="s">
        <v>281</v>
      </c>
      <c r="E108499" s="15">
        <v>45470</v>
      </c>
      <c r="F108499" s="14" t="s">
        <v>61</v>
      </c>
      <c r="G108499" s="16">
        <v>2.9106369040817637E-2</v>
      </c>
    </row>
    <row r="108500" spans="1:7" x14ac:dyDescent="0.3">
      <c r="A108500" s="13" t="s">
        <v>523</v>
      </c>
      <c r="B108500" s="14" t="s">
        <v>1</v>
      </c>
      <c r="C108500" s="14" t="s">
        <v>47</v>
      </c>
      <c r="D108500" s="14" t="s">
        <v>281</v>
      </c>
      <c r="E108500" s="15">
        <v>45471</v>
      </c>
      <c r="F108500" s="14" t="s">
        <v>61</v>
      </c>
      <c r="G108500" s="16">
        <v>2.5434130238941741E-2</v>
      </c>
    </row>
    <row r="108501" spans="1:7" x14ac:dyDescent="0.3">
      <c r="A108501" s="13" t="s">
        <v>523</v>
      </c>
      <c r="B108501" s="14" t="s">
        <v>1</v>
      </c>
      <c r="C108501" s="14" t="s">
        <v>47</v>
      </c>
      <c r="D108501" s="14" t="s">
        <v>281</v>
      </c>
      <c r="E108501" s="15">
        <v>45472</v>
      </c>
      <c r="F108501" s="14" t="s">
        <v>61</v>
      </c>
      <c r="G108501" s="16">
        <v>2.5434130238941741E-2</v>
      </c>
    </row>
    <row r="108502" spans="1:7" x14ac:dyDescent="0.3">
      <c r="A108502" s="13" t="s">
        <v>523</v>
      </c>
      <c r="B108502" s="14" t="s">
        <v>1</v>
      </c>
      <c r="C108502" s="14" t="s">
        <v>47</v>
      </c>
      <c r="D108502" s="14" t="s">
        <v>281</v>
      </c>
      <c r="E108502" s="15">
        <v>45473</v>
      </c>
      <c r="F108502" s="14" t="s">
        <v>61</v>
      </c>
      <c r="G108502" s="16">
        <v>2.5434130238941741E-2</v>
      </c>
    </row>
    <row r="108503" spans="1:7" x14ac:dyDescent="0.3">
      <c r="A108503" s="13" t="s">
        <v>523</v>
      </c>
      <c r="B108503" s="14" t="s">
        <v>1</v>
      </c>
      <c r="C108503" s="14" t="s">
        <v>47</v>
      </c>
      <c r="D108503" s="14" t="s">
        <v>281</v>
      </c>
      <c r="E108503" s="15">
        <v>45474</v>
      </c>
      <c r="F108503" s="14" t="s">
        <v>61</v>
      </c>
      <c r="G108503" s="16">
        <v>3.0163219642136019E-2</v>
      </c>
    </row>
    <row r="108504" spans="1:7" x14ac:dyDescent="0.3">
      <c r="A108504" s="13" t="s">
        <v>523</v>
      </c>
      <c r="B108504" s="14" t="s">
        <v>1</v>
      </c>
      <c r="C108504" s="14" t="s">
        <v>47</v>
      </c>
      <c r="D108504" s="14" t="s">
        <v>281</v>
      </c>
      <c r="E108504" s="15">
        <v>45475</v>
      </c>
      <c r="F108504" s="14" t="s">
        <v>61</v>
      </c>
      <c r="G108504" s="16">
        <v>2.0445520561785595E-2</v>
      </c>
    </row>
    <row r="108505" spans="1:7" x14ac:dyDescent="0.3">
      <c r="A108505" s="13" t="s">
        <v>523</v>
      </c>
      <c r="B108505" s="14" t="s">
        <v>1</v>
      </c>
      <c r="C108505" s="14" t="s">
        <v>47</v>
      </c>
      <c r="D108505" s="14" t="s">
        <v>281</v>
      </c>
      <c r="E108505" s="15">
        <v>45476</v>
      </c>
      <c r="F108505" s="14" t="s">
        <v>61</v>
      </c>
      <c r="G108505" s="16">
        <v>2.7003680927791492E-2</v>
      </c>
    </row>
    <row r="108506" spans="1:7" x14ac:dyDescent="0.3">
      <c r="A108506" s="13" t="s">
        <v>523</v>
      </c>
      <c r="B108506" s="14" t="s">
        <v>1</v>
      </c>
      <c r="C108506" s="14" t="s">
        <v>47</v>
      </c>
      <c r="D108506" s="14" t="s">
        <v>281</v>
      </c>
      <c r="E108506" s="15">
        <v>45477</v>
      </c>
      <c r="F108506" s="14" t="s">
        <v>61</v>
      </c>
      <c r="G108506" s="16">
        <v>2.7003680927791492E-2</v>
      </c>
    </row>
    <row r="108507" spans="1:7" x14ac:dyDescent="0.3">
      <c r="A108507" s="13" t="s">
        <v>523</v>
      </c>
      <c r="B108507" s="14" t="s">
        <v>1</v>
      </c>
      <c r="C108507" s="14" t="s">
        <v>47</v>
      </c>
      <c r="D108507" s="14" t="s">
        <v>281</v>
      </c>
      <c r="E108507" s="15">
        <v>45478</v>
      </c>
      <c r="F108507" s="14" t="s">
        <v>61</v>
      </c>
      <c r="G108507" s="16">
        <v>2.3252272373744363E-2</v>
      </c>
    </row>
    <row r="108508" spans="1:7" x14ac:dyDescent="0.3">
      <c r="A108508" s="13" t="s">
        <v>523</v>
      </c>
      <c r="B108508" s="14" t="s">
        <v>1</v>
      </c>
      <c r="C108508" s="14" t="s">
        <v>47</v>
      </c>
      <c r="D108508" s="14" t="s">
        <v>281</v>
      </c>
      <c r="E108508" s="15">
        <v>45479</v>
      </c>
      <c r="F108508" s="14" t="s">
        <v>61</v>
      </c>
      <c r="G108508" s="16">
        <v>2.3252272373744363E-2</v>
      </c>
    </row>
    <row r="108509" spans="1:7" x14ac:dyDescent="0.3">
      <c r="A108509" s="13" t="s">
        <v>523</v>
      </c>
      <c r="B108509" s="14" t="s">
        <v>1</v>
      </c>
      <c r="C108509" s="14" t="s">
        <v>47</v>
      </c>
      <c r="D108509" s="14" t="s">
        <v>281</v>
      </c>
      <c r="E108509" s="15">
        <v>45480</v>
      </c>
      <c r="F108509" s="14" t="s">
        <v>61</v>
      </c>
      <c r="G108509" s="16">
        <v>2.3252272373744363E-2</v>
      </c>
    </row>
    <row r="108510" spans="1:7" x14ac:dyDescent="0.3">
      <c r="A108510" s="13" t="s">
        <v>523</v>
      </c>
      <c r="B108510" s="14" t="s">
        <v>1</v>
      </c>
      <c r="C108510" s="14" t="s">
        <v>47</v>
      </c>
      <c r="D108510" s="14" t="s">
        <v>281</v>
      </c>
      <c r="E108510" s="15">
        <v>45481</v>
      </c>
      <c r="F108510" s="14" t="s">
        <v>61</v>
      </c>
      <c r="G108510" s="16">
        <v>1.587550577558915E-2</v>
      </c>
    </row>
    <row r="108511" spans="1:7" x14ac:dyDescent="0.3">
      <c r="A108511" s="13" t="s">
        <v>523</v>
      </c>
      <c r="B108511" s="14" t="s">
        <v>1</v>
      </c>
      <c r="C108511" s="14" t="s">
        <v>47</v>
      </c>
      <c r="D108511" s="14" t="s">
        <v>281</v>
      </c>
      <c r="E108511" s="15">
        <v>45482</v>
      </c>
      <c r="F108511" s="14" t="s">
        <v>61</v>
      </c>
      <c r="G108511" s="16">
        <v>4.7077048128733095E-3</v>
      </c>
    </row>
    <row r="108512" spans="1:7" x14ac:dyDescent="0.3">
      <c r="A108512" s="13" t="s">
        <v>523</v>
      </c>
      <c r="B108512" s="14" t="s">
        <v>1</v>
      </c>
      <c r="C108512" s="14" t="s">
        <v>47</v>
      </c>
      <c r="D108512" s="14" t="s">
        <v>281</v>
      </c>
      <c r="E108512" s="15">
        <v>45483</v>
      </c>
      <c r="F108512" s="14" t="s">
        <v>61</v>
      </c>
      <c r="G108512" s="16">
        <v>9.369245124473092E-4</v>
      </c>
    </row>
    <row r="108513" spans="1:7" x14ac:dyDescent="0.3">
      <c r="A108513" s="13" t="s">
        <v>523</v>
      </c>
      <c r="B108513" s="14" t="s">
        <v>1</v>
      </c>
      <c r="C108513" s="14" t="s">
        <v>47</v>
      </c>
      <c r="D108513" s="14" t="s">
        <v>281</v>
      </c>
      <c r="E108513" s="15">
        <v>45484</v>
      </c>
      <c r="F108513" s="14" t="s">
        <v>61</v>
      </c>
      <c r="G108513" s="16">
        <v>0</v>
      </c>
    </row>
    <row r="108514" spans="1:7" x14ac:dyDescent="0.3">
      <c r="A108514" s="13" t="s">
        <v>523</v>
      </c>
      <c r="B108514" s="14" t="s">
        <v>1</v>
      </c>
      <c r="C108514" s="14" t="s">
        <v>47</v>
      </c>
      <c r="D108514" s="14" t="s">
        <v>281</v>
      </c>
      <c r="E108514" s="15">
        <v>45485</v>
      </c>
      <c r="F108514" s="14" t="s">
        <v>61</v>
      </c>
      <c r="G108514" s="16">
        <v>0</v>
      </c>
    </row>
    <row r="108515" spans="1:7" x14ac:dyDescent="0.3">
      <c r="A108515" s="13" t="s">
        <v>523</v>
      </c>
      <c r="B108515" s="14" t="s">
        <v>1</v>
      </c>
      <c r="C108515" s="14" t="s">
        <v>47</v>
      </c>
      <c r="D108515" s="14" t="s">
        <v>281</v>
      </c>
      <c r="E108515" s="15">
        <v>45486</v>
      </c>
      <c r="F108515" s="14" t="s">
        <v>61</v>
      </c>
      <c r="G108515" s="16">
        <v>0</v>
      </c>
    </row>
    <row r="108516" spans="1:7" x14ac:dyDescent="0.3">
      <c r="A108516" s="13" t="s">
        <v>523</v>
      </c>
      <c r="B108516" s="14" t="s">
        <v>1</v>
      </c>
      <c r="C108516" s="14" t="s">
        <v>47</v>
      </c>
      <c r="D108516" s="14" t="s">
        <v>281</v>
      </c>
      <c r="E108516" s="15">
        <v>45487</v>
      </c>
      <c r="F108516" s="14" t="s">
        <v>61</v>
      </c>
      <c r="G108516" s="16">
        <v>0</v>
      </c>
    </row>
    <row r="108517" spans="1:7" x14ac:dyDescent="0.3">
      <c r="A108517" s="13" t="s">
        <v>523</v>
      </c>
      <c r="B108517" s="14" t="s">
        <v>1</v>
      </c>
      <c r="C108517" s="14" t="s">
        <v>47</v>
      </c>
      <c r="D108517" s="14" t="s">
        <v>281</v>
      </c>
      <c r="E108517" s="15">
        <v>45488</v>
      </c>
      <c r="F108517" s="14" t="s">
        <v>61</v>
      </c>
      <c r="G108517" s="16">
        <v>0</v>
      </c>
    </row>
    <row r="108518" spans="1:7" x14ac:dyDescent="0.3">
      <c r="A108518" s="13" t="s">
        <v>523</v>
      </c>
      <c r="B108518" s="14" t="s">
        <v>1</v>
      </c>
      <c r="C108518" s="14" t="s">
        <v>47</v>
      </c>
      <c r="D108518" s="14" t="s">
        <v>281</v>
      </c>
      <c r="E108518" s="15">
        <v>45489</v>
      </c>
      <c r="F108518" s="14" t="s">
        <v>61</v>
      </c>
      <c r="G108518" s="16">
        <v>0</v>
      </c>
    </row>
    <row r="108519" spans="1:7" x14ac:dyDescent="0.3">
      <c r="A108519" s="13" t="s">
        <v>523</v>
      </c>
      <c r="B108519" s="14" t="s">
        <v>1</v>
      </c>
      <c r="C108519" s="14" t="s">
        <v>47</v>
      </c>
      <c r="D108519" s="14" t="s">
        <v>281</v>
      </c>
      <c r="E108519" s="15">
        <v>45490</v>
      </c>
      <c r="F108519" s="14" t="s">
        <v>61</v>
      </c>
      <c r="G108519" s="16">
        <v>0</v>
      </c>
    </row>
    <row r="108520" spans="1:7" x14ac:dyDescent="0.3">
      <c r="A108520" s="13" t="s">
        <v>523</v>
      </c>
      <c r="B108520" s="14" t="s">
        <v>1</v>
      </c>
      <c r="C108520" s="14" t="s">
        <v>47</v>
      </c>
      <c r="D108520" s="14" t="s">
        <v>281</v>
      </c>
      <c r="E108520" s="15">
        <v>45491</v>
      </c>
      <c r="F108520" s="14" t="s">
        <v>61</v>
      </c>
      <c r="G108520" s="16">
        <v>0</v>
      </c>
    </row>
    <row r="108521" spans="1:7" x14ac:dyDescent="0.3">
      <c r="A108521" s="13" t="s">
        <v>523</v>
      </c>
      <c r="B108521" s="14" t="s">
        <v>1</v>
      </c>
      <c r="C108521" s="14" t="s">
        <v>47</v>
      </c>
      <c r="D108521" s="14" t="s">
        <v>281</v>
      </c>
      <c r="E108521" s="15">
        <v>45492</v>
      </c>
      <c r="F108521" s="14" t="s">
        <v>61</v>
      </c>
      <c r="G108521" s="16">
        <v>0</v>
      </c>
    </row>
    <row r="108522" spans="1:7" x14ac:dyDescent="0.3">
      <c r="A108522" s="13" t="s">
        <v>523</v>
      </c>
      <c r="B108522" s="14" t="s">
        <v>1</v>
      </c>
      <c r="C108522" s="14" t="s">
        <v>47</v>
      </c>
      <c r="D108522" s="14" t="s">
        <v>281</v>
      </c>
      <c r="E108522" s="15">
        <v>45493</v>
      </c>
      <c r="F108522" s="14" t="s">
        <v>61</v>
      </c>
      <c r="G108522" s="16">
        <v>0</v>
      </c>
    </row>
    <row r="108523" spans="1:7" x14ac:dyDescent="0.3">
      <c r="A108523" s="13" t="s">
        <v>523</v>
      </c>
      <c r="B108523" s="14" t="s">
        <v>1</v>
      </c>
      <c r="C108523" s="14" t="s">
        <v>47</v>
      </c>
      <c r="D108523" s="14" t="s">
        <v>281</v>
      </c>
      <c r="E108523" s="15">
        <v>45494</v>
      </c>
      <c r="F108523" s="14" t="s">
        <v>61</v>
      </c>
      <c r="G108523" s="16">
        <v>0</v>
      </c>
    </row>
    <row r="108524" spans="1:7" x14ac:dyDescent="0.3">
      <c r="A108524" s="13" t="s">
        <v>523</v>
      </c>
      <c r="B108524" s="14" t="s">
        <v>1</v>
      </c>
      <c r="C108524" s="14" t="s">
        <v>47</v>
      </c>
      <c r="D108524" s="14" t="s">
        <v>281</v>
      </c>
      <c r="E108524" s="15">
        <v>45495</v>
      </c>
      <c r="F108524" s="14" t="s">
        <v>61</v>
      </c>
      <c r="G108524" s="16">
        <v>0</v>
      </c>
    </row>
    <row r="108525" spans="1:7" x14ac:dyDescent="0.3">
      <c r="A108525" s="13" t="s">
        <v>523</v>
      </c>
      <c r="B108525" s="14" t="s">
        <v>1</v>
      </c>
      <c r="C108525" s="14" t="s">
        <v>47</v>
      </c>
      <c r="D108525" s="14" t="s">
        <v>281</v>
      </c>
      <c r="E108525" s="15">
        <v>45496</v>
      </c>
      <c r="F108525" s="14" t="s">
        <v>61</v>
      </c>
      <c r="G108525" s="16">
        <v>0</v>
      </c>
    </row>
    <row r="108526" spans="1:7" x14ac:dyDescent="0.3">
      <c r="A108526" s="13" t="s">
        <v>523</v>
      </c>
      <c r="B108526" s="14" t="s">
        <v>1</v>
      </c>
      <c r="C108526" s="14" t="s">
        <v>47</v>
      </c>
      <c r="D108526" s="14" t="s">
        <v>281</v>
      </c>
      <c r="E108526" s="15">
        <v>45497</v>
      </c>
      <c r="F108526" s="14" t="s">
        <v>61</v>
      </c>
      <c r="G108526" s="16">
        <v>0</v>
      </c>
    </row>
    <row r="108527" spans="1:7" x14ac:dyDescent="0.3">
      <c r="A108527" s="13" t="s">
        <v>523</v>
      </c>
      <c r="B108527" s="14" t="s">
        <v>1</v>
      </c>
      <c r="C108527" s="14" t="s">
        <v>47</v>
      </c>
      <c r="D108527" s="14" t="s">
        <v>281</v>
      </c>
      <c r="E108527" s="15">
        <v>45498</v>
      </c>
      <c r="F108527" s="14" t="s">
        <v>61</v>
      </c>
      <c r="G108527" s="16">
        <v>0</v>
      </c>
    </row>
    <row r="108528" spans="1:7" x14ac:dyDescent="0.3">
      <c r="A108528" s="13" t="s">
        <v>523</v>
      </c>
      <c r="B108528" s="14" t="s">
        <v>1</v>
      </c>
      <c r="C108528" s="14" t="s">
        <v>47</v>
      </c>
      <c r="D108528" s="14" t="s">
        <v>281</v>
      </c>
      <c r="E108528" s="15">
        <v>45499</v>
      </c>
      <c r="F108528" s="14" t="s">
        <v>61</v>
      </c>
      <c r="G108528" s="16">
        <v>0</v>
      </c>
    </row>
    <row r="108529" spans="1:7" x14ac:dyDescent="0.3">
      <c r="A108529" s="13" t="s">
        <v>523</v>
      </c>
      <c r="B108529" s="14" t="s">
        <v>1</v>
      </c>
      <c r="C108529" s="14" t="s">
        <v>47</v>
      </c>
      <c r="D108529" s="14" t="s">
        <v>281</v>
      </c>
      <c r="E108529" s="15">
        <v>45500</v>
      </c>
      <c r="F108529" s="14" t="s">
        <v>61</v>
      </c>
      <c r="G108529" s="16">
        <v>0</v>
      </c>
    </row>
    <row r="108530" spans="1:7" x14ac:dyDescent="0.3">
      <c r="A108530" s="13" t="s">
        <v>523</v>
      </c>
      <c r="B108530" s="14" t="s">
        <v>1</v>
      </c>
      <c r="C108530" s="14" t="s">
        <v>47</v>
      </c>
      <c r="D108530" s="14" t="s">
        <v>281</v>
      </c>
      <c r="E108530" s="15">
        <v>45501</v>
      </c>
      <c r="F108530" s="14" t="s">
        <v>61</v>
      </c>
      <c r="G108530" s="16">
        <v>0</v>
      </c>
    </row>
    <row r="108531" spans="1:7" x14ac:dyDescent="0.3">
      <c r="A108531" s="13" t="s">
        <v>523</v>
      </c>
      <c r="B108531" s="14" t="s">
        <v>1</v>
      </c>
      <c r="C108531" s="14" t="s">
        <v>47</v>
      </c>
      <c r="D108531" s="14" t="s">
        <v>281</v>
      </c>
      <c r="E108531" s="15">
        <v>45502</v>
      </c>
      <c r="F108531" s="14" t="s">
        <v>61</v>
      </c>
      <c r="G108531" s="16">
        <v>0</v>
      </c>
    </row>
    <row r="108532" spans="1:7" x14ac:dyDescent="0.3">
      <c r="A108532" s="13" t="s">
        <v>523</v>
      </c>
      <c r="B108532" s="14" t="s">
        <v>1</v>
      </c>
      <c r="C108532" s="14" t="s">
        <v>47</v>
      </c>
      <c r="D108532" s="14" t="s">
        <v>281</v>
      </c>
      <c r="E108532" s="15">
        <v>45503</v>
      </c>
      <c r="F108532" s="14" t="s">
        <v>61</v>
      </c>
      <c r="G108532" s="16">
        <v>0</v>
      </c>
    </row>
    <row r="108533" spans="1:7" x14ac:dyDescent="0.3">
      <c r="A108533" s="13" t="s">
        <v>523</v>
      </c>
      <c r="B108533" s="14" t="s">
        <v>1</v>
      </c>
      <c r="C108533" s="14" t="s">
        <v>47</v>
      </c>
      <c r="D108533" s="14" t="s">
        <v>281</v>
      </c>
      <c r="E108533" s="15">
        <v>45504</v>
      </c>
      <c r="F108533" s="14" t="s">
        <v>61</v>
      </c>
      <c r="G108533" s="16">
        <v>0</v>
      </c>
    </row>
    <row r="108534" spans="1:7" x14ac:dyDescent="0.3">
      <c r="A108534" s="13" t="s">
        <v>523</v>
      </c>
      <c r="B108534" s="14" t="s">
        <v>1</v>
      </c>
      <c r="C108534" s="14" t="s">
        <v>47</v>
      </c>
      <c r="D108534" s="14" t="s">
        <v>281</v>
      </c>
      <c r="E108534" s="15">
        <v>45505</v>
      </c>
      <c r="F108534" s="14" t="s">
        <v>61</v>
      </c>
      <c r="G108534" s="16">
        <v>0</v>
      </c>
    </row>
    <row r="108535" spans="1:7" x14ac:dyDescent="0.3">
      <c r="A108535" s="13" t="s">
        <v>523</v>
      </c>
      <c r="B108535" s="14" t="s">
        <v>1</v>
      </c>
      <c r="C108535" s="14" t="s">
        <v>47</v>
      </c>
      <c r="D108535" s="14" t="s">
        <v>281</v>
      </c>
      <c r="E108535" s="15">
        <v>45506</v>
      </c>
      <c r="F108535" s="14" t="s">
        <v>61</v>
      </c>
      <c r="G108535" s="16">
        <v>0</v>
      </c>
    </row>
    <row r="108536" spans="1:7" x14ac:dyDescent="0.3">
      <c r="A108536" s="13" t="s">
        <v>523</v>
      </c>
      <c r="B108536" s="14" t="s">
        <v>1</v>
      </c>
      <c r="C108536" s="14" t="s">
        <v>47</v>
      </c>
      <c r="D108536" s="14" t="s">
        <v>281</v>
      </c>
      <c r="E108536" s="15">
        <v>45507</v>
      </c>
      <c r="F108536" s="14" t="s">
        <v>61</v>
      </c>
      <c r="G108536" s="16">
        <v>0</v>
      </c>
    </row>
    <row r="108537" spans="1:7" x14ac:dyDescent="0.3">
      <c r="A108537" s="13" t="s">
        <v>523</v>
      </c>
      <c r="B108537" s="14" t="s">
        <v>1</v>
      </c>
      <c r="C108537" s="14" t="s">
        <v>47</v>
      </c>
      <c r="D108537" s="14" t="s">
        <v>281</v>
      </c>
      <c r="E108537" s="15">
        <v>45508</v>
      </c>
      <c r="F108537" s="14" t="s">
        <v>61</v>
      </c>
      <c r="G108537" s="16">
        <v>0</v>
      </c>
    </row>
    <row r="108538" spans="1:7" x14ac:dyDescent="0.3">
      <c r="A108538" s="13" t="s">
        <v>523</v>
      </c>
      <c r="B108538" s="14" t="s">
        <v>1</v>
      </c>
      <c r="C108538" s="14" t="s">
        <v>47</v>
      </c>
      <c r="D108538" s="14" t="s">
        <v>281</v>
      </c>
      <c r="E108538" s="15">
        <v>45509</v>
      </c>
      <c r="F108538" s="14" t="s">
        <v>61</v>
      </c>
      <c r="G108538" s="16">
        <v>0</v>
      </c>
    </row>
    <row r="108539" spans="1:7" x14ac:dyDescent="0.3">
      <c r="A108539" s="13" t="s">
        <v>523</v>
      </c>
      <c r="B108539" s="14" t="s">
        <v>1</v>
      </c>
      <c r="C108539" s="14" t="s">
        <v>47</v>
      </c>
      <c r="D108539" s="14" t="s">
        <v>281</v>
      </c>
      <c r="E108539" s="15">
        <v>45510</v>
      </c>
      <c r="F108539" s="14" t="s">
        <v>61</v>
      </c>
      <c r="G108539" s="16">
        <v>0</v>
      </c>
    </row>
    <row r="108540" spans="1:7" x14ac:dyDescent="0.3">
      <c r="A108540" s="13" t="s">
        <v>523</v>
      </c>
      <c r="B108540" s="14" t="s">
        <v>1</v>
      </c>
      <c r="C108540" s="14" t="s">
        <v>47</v>
      </c>
      <c r="D108540" s="14" t="s">
        <v>281</v>
      </c>
      <c r="E108540" s="15">
        <v>45511</v>
      </c>
      <c r="F108540" s="14" t="s">
        <v>61</v>
      </c>
      <c r="G108540" s="16">
        <v>0</v>
      </c>
    </row>
    <row r="108541" spans="1:7" x14ac:dyDescent="0.3">
      <c r="A108541" s="13" t="s">
        <v>523</v>
      </c>
      <c r="B108541" s="14" t="s">
        <v>1</v>
      </c>
      <c r="C108541" s="14" t="s">
        <v>47</v>
      </c>
      <c r="D108541" s="14" t="s">
        <v>281</v>
      </c>
      <c r="E108541" s="15">
        <v>45512</v>
      </c>
      <c r="F108541" s="14" t="s">
        <v>61</v>
      </c>
      <c r="G108541" s="16">
        <v>0</v>
      </c>
    </row>
    <row r="108542" spans="1:7" x14ac:dyDescent="0.3">
      <c r="A108542" s="13" t="s">
        <v>523</v>
      </c>
      <c r="B108542" s="14" t="s">
        <v>1</v>
      </c>
      <c r="C108542" s="14" t="s">
        <v>47</v>
      </c>
      <c r="D108542" s="14" t="s">
        <v>281</v>
      </c>
      <c r="E108542" s="15">
        <v>45513</v>
      </c>
      <c r="F108542" s="14" t="s">
        <v>61</v>
      </c>
      <c r="G108542" s="16">
        <v>0</v>
      </c>
    </row>
    <row r="108543" spans="1:7" x14ac:dyDescent="0.3">
      <c r="A108543" s="13" t="s">
        <v>523</v>
      </c>
      <c r="B108543" s="14" t="s">
        <v>1</v>
      </c>
      <c r="C108543" s="14" t="s">
        <v>47</v>
      </c>
      <c r="D108543" s="14" t="s">
        <v>281</v>
      </c>
      <c r="E108543" s="15">
        <v>45514</v>
      </c>
      <c r="F108543" s="14" t="s">
        <v>61</v>
      </c>
      <c r="G108543" s="16">
        <v>0</v>
      </c>
    </row>
    <row r="108544" spans="1:7" x14ac:dyDescent="0.3">
      <c r="A108544" s="13" t="s">
        <v>523</v>
      </c>
      <c r="B108544" s="14" t="s">
        <v>1</v>
      </c>
      <c r="C108544" s="14" t="s">
        <v>47</v>
      </c>
      <c r="D108544" s="14" t="s">
        <v>281</v>
      </c>
      <c r="E108544" s="15">
        <v>45515</v>
      </c>
      <c r="F108544" s="14" t="s">
        <v>61</v>
      </c>
      <c r="G108544" s="16">
        <v>0</v>
      </c>
    </row>
    <row r="108545" spans="1:7" x14ac:dyDescent="0.3">
      <c r="A108545" s="13" t="s">
        <v>523</v>
      </c>
      <c r="B108545" s="14" t="s">
        <v>1</v>
      </c>
      <c r="C108545" s="14" t="s">
        <v>47</v>
      </c>
      <c r="D108545" s="14" t="s">
        <v>281</v>
      </c>
      <c r="E108545" s="15">
        <v>45516</v>
      </c>
      <c r="F108545" s="14" t="s">
        <v>61</v>
      </c>
      <c r="G108545" s="16">
        <v>0</v>
      </c>
    </row>
    <row r="108546" spans="1:7" x14ac:dyDescent="0.3">
      <c r="A108546" s="13" t="s">
        <v>523</v>
      </c>
      <c r="B108546" s="14" t="s">
        <v>1</v>
      </c>
      <c r="C108546" s="14" t="s">
        <v>47</v>
      </c>
      <c r="D108546" s="14" t="s">
        <v>281</v>
      </c>
      <c r="E108546" s="15">
        <v>45517</v>
      </c>
      <c r="F108546" s="14" t="s">
        <v>61</v>
      </c>
      <c r="G108546" s="16">
        <v>0</v>
      </c>
    </row>
    <row r="108547" spans="1:7" x14ac:dyDescent="0.3">
      <c r="A108547" s="13" t="s">
        <v>523</v>
      </c>
      <c r="B108547" s="14" t="s">
        <v>1</v>
      </c>
      <c r="C108547" s="14" t="s">
        <v>47</v>
      </c>
      <c r="D108547" s="14" t="s">
        <v>281</v>
      </c>
      <c r="E108547" s="15">
        <v>45518</v>
      </c>
      <c r="F108547" s="14" t="s">
        <v>61</v>
      </c>
      <c r="G108547" s="16">
        <v>0</v>
      </c>
    </row>
    <row r="108548" spans="1:7" x14ac:dyDescent="0.3">
      <c r="A108548" s="13" t="s">
        <v>523</v>
      </c>
      <c r="B108548" s="14" t="s">
        <v>1</v>
      </c>
      <c r="C108548" s="14" t="s">
        <v>47</v>
      </c>
      <c r="D108548" s="14" t="s">
        <v>281</v>
      </c>
      <c r="E108548" s="15">
        <v>45519</v>
      </c>
      <c r="F108548" s="14" t="s">
        <v>61</v>
      </c>
      <c r="G108548" s="16">
        <v>0</v>
      </c>
    </row>
    <row r="108549" spans="1:7" x14ac:dyDescent="0.3">
      <c r="A108549" s="13" t="s">
        <v>523</v>
      </c>
      <c r="B108549" s="14" t="s">
        <v>1</v>
      </c>
      <c r="C108549" s="14" t="s">
        <v>47</v>
      </c>
      <c r="D108549" s="14" t="s">
        <v>281</v>
      </c>
      <c r="E108549" s="15">
        <v>45520</v>
      </c>
      <c r="F108549" s="14" t="s">
        <v>61</v>
      </c>
      <c r="G108549" s="16">
        <v>0</v>
      </c>
    </row>
    <row r="108550" spans="1:7" x14ac:dyDescent="0.3">
      <c r="A108550" s="13" t="s">
        <v>523</v>
      </c>
      <c r="B108550" s="14" t="s">
        <v>1</v>
      </c>
      <c r="C108550" s="14" t="s">
        <v>47</v>
      </c>
      <c r="D108550" s="14" t="s">
        <v>281</v>
      </c>
      <c r="E108550" s="15">
        <v>45521</v>
      </c>
      <c r="F108550" s="14" t="s">
        <v>61</v>
      </c>
      <c r="G108550" s="16">
        <v>0</v>
      </c>
    </row>
    <row r="108551" spans="1:7" x14ac:dyDescent="0.3">
      <c r="A108551" s="13" t="s">
        <v>523</v>
      </c>
      <c r="B108551" s="14" t="s">
        <v>1</v>
      </c>
      <c r="C108551" s="14" t="s">
        <v>47</v>
      </c>
      <c r="D108551" s="14" t="s">
        <v>281</v>
      </c>
      <c r="E108551" s="15">
        <v>45522</v>
      </c>
      <c r="F108551" s="14" t="s">
        <v>61</v>
      </c>
      <c r="G108551" s="16">
        <v>0</v>
      </c>
    </row>
    <row r="108552" spans="1:7" x14ac:dyDescent="0.3">
      <c r="A108552" s="13" t="s">
        <v>523</v>
      </c>
      <c r="B108552" s="14" t="s">
        <v>1</v>
      </c>
      <c r="C108552" s="14" t="s">
        <v>47</v>
      </c>
      <c r="D108552" s="14" t="s">
        <v>281</v>
      </c>
      <c r="E108552" s="15">
        <v>45523</v>
      </c>
      <c r="F108552" s="14" t="s">
        <v>61</v>
      </c>
      <c r="G108552" s="16">
        <v>0</v>
      </c>
    </row>
    <row r="108553" spans="1:7" x14ac:dyDescent="0.3">
      <c r="A108553" s="13" t="s">
        <v>523</v>
      </c>
      <c r="B108553" s="14" t="s">
        <v>1</v>
      </c>
      <c r="C108553" s="14" t="s">
        <v>47</v>
      </c>
      <c r="D108553" s="14" t="s">
        <v>281</v>
      </c>
      <c r="E108553" s="15">
        <v>45524</v>
      </c>
      <c r="F108553" s="14" t="s">
        <v>61</v>
      </c>
      <c r="G108553" s="16">
        <v>0</v>
      </c>
    </row>
    <row r="108554" spans="1:7" x14ac:dyDescent="0.3">
      <c r="A108554" s="13" t="s">
        <v>523</v>
      </c>
      <c r="B108554" s="14" t="s">
        <v>1</v>
      </c>
      <c r="C108554" s="14" t="s">
        <v>47</v>
      </c>
      <c r="D108554" s="14" t="s">
        <v>281</v>
      </c>
      <c r="E108554" s="15">
        <v>45525</v>
      </c>
      <c r="F108554" s="14" t="s">
        <v>61</v>
      </c>
      <c r="G108554" s="16">
        <v>0</v>
      </c>
    </row>
    <row r="108555" spans="1:7" x14ac:dyDescent="0.3">
      <c r="A108555" s="13" t="s">
        <v>523</v>
      </c>
      <c r="B108555" s="14" t="s">
        <v>1</v>
      </c>
      <c r="C108555" s="14" t="s">
        <v>47</v>
      </c>
      <c r="D108555" s="14" t="s">
        <v>281</v>
      </c>
      <c r="E108555" s="15">
        <v>45526</v>
      </c>
      <c r="F108555" s="14" t="s">
        <v>61</v>
      </c>
      <c r="G108555" s="16">
        <v>0</v>
      </c>
    </row>
    <row r="108556" spans="1:7" x14ac:dyDescent="0.3">
      <c r="A108556" s="13" t="s">
        <v>523</v>
      </c>
      <c r="B108556" s="14" t="s">
        <v>1</v>
      </c>
      <c r="C108556" s="14" t="s">
        <v>47</v>
      </c>
      <c r="D108556" s="14" t="s">
        <v>281</v>
      </c>
      <c r="E108556" s="15">
        <v>45527</v>
      </c>
      <c r="F108556" s="14" t="s">
        <v>61</v>
      </c>
      <c r="G108556" s="16">
        <v>0</v>
      </c>
    </row>
    <row r="108557" spans="1:7" x14ac:dyDescent="0.3">
      <c r="A108557" s="13" t="s">
        <v>523</v>
      </c>
      <c r="B108557" s="14" t="s">
        <v>1</v>
      </c>
      <c r="C108557" s="14" t="s">
        <v>47</v>
      </c>
      <c r="D108557" s="14" t="s">
        <v>281</v>
      </c>
      <c r="E108557" s="15">
        <v>45528</v>
      </c>
      <c r="F108557" s="14" t="s">
        <v>61</v>
      </c>
      <c r="G108557" s="16">
        <v>0</v>
      </c>
    </row>
    <row r="108558" spans="1:7" x14ac:dyDescent="0.3">
      <c r="A108558" s="13" t="s">
        <v>523</v>
      </c>
      <c r="B108558" s="14" t="s">
        <v>1</v>
      </c>
      <c r="C108558" s="14" t="s">
        <v>47</v>
      </c>
      <c r="D108558" s="14" t="s">
        <v>281</v>
      </c>
      <c r="E108558" s="15">
        <v>45529</v>
      </c>
      <c r="F108558" s="14" t="s">
        <v>61</v>
      </c>
      <c r="G108558" s="16">
        <v>0</v>
      </c>
    </row>
    <row r="108559" spans="1:7" x14ac:dyDescent="0.3">
      <c r="A108559" s="13" t="s">
        <v>523</v>
      </c>
      <c r="B108559" s="14" t="s">
        <v>1</v>
      </c>
      <c r="C108559" s="14" t="s">
        <v>47</v>
      </c>
      <c r="D108559" s="14" t="s">
        <v>281</v>
      </c>
      <c r="E108559" s="15">
        <v>45530</v>
      </c>
      <c r="F108559" s="14" t="s">
        <v>61</v>
      </c>
      <c r="G108559" s="16">
        <v>0</v>
      </c>
    </row>
    <row r="108560" spans="1:7" x14ac:dyDescent="0.3">
      <c r="A108560" s="13" t="s">
        <v>523</v>
      </c>
      <c r="B108560" s="14" t="s">
        <v>1</v>
      </c>
      <c r="C108560" s="14" t="s">
        <v>47</v>
      </c>
      <c r="D108560" s="14" t="s">
        <v>281</v>
      </c>
      <c r="E108560" s="15">
        <v>45531</v>
      </c>
      <c r="F108560" s="14" t="s">
        <v>61</v>
      </c>
      <c r="G108560" s="16">
        <v>0</v>
      </c>
    </row>
    <row r="108561" spans="1:7" x14ac:dyDescent="0.3">
      <c r="A108561" s="13" t="s">
        <v>523</v>
      </c>
      <c r="B108561" s="14" t="s">
        <v>1</v>
      </c>
      <c r="C108561" s="14" t="s">
        <v>47</v>
      </c>
      <c r="D108561" s="14" t="s">
        <v>281</v>
      </c>
      <c r="E108561" s="15">
        <v>45532</v>
      </c>
      <c r="F108561" s="14" t="s">
        <v>61</v>
      </c>
      <c r="G108561" s="16">
        <v>0</v>
      </c>
    </row>
    <row r="108562" spans="1:7" x14ac:dyDescent="0.3">
      <c r="A108562" s="13" t="s">
        <v>523</v>
      </c>
      <c r="B108562" s="14" t="s">
        <v>1</v>
      </c>
      <c r="C108562" s="14" t="s">
        <v>47</v>
      </c>
      <c r="D108562" s="14" t="s">
        <v>281</v>
      </c>
      <c r="E108562" s="15">
        <v>45533</v>
      </c>
      <c r="F108562" s="14" t="s">
        <v>61</v>
      </c>
      <c r="G108562" s="16">
        <v>0</v>
      </c>
    </row>
    <row r="108563" spans="1:7" x14ac:dyDescent="0.3">
      <c r="A108563" s="13" t="s">
        <v>523</v>
      </c>
      <c r="B108563" s="14" t="s">
        <v>1</v>
      </c>
      <c r="C108563" s="14" t="s">
        <v>47</v>
      </c>
      <c r="D108563" s="14" t="s">
        <v>281</v>
      </c>
      <c r="E108563" s="15">
        <v>45534</v>
      </c>
      <c r="F108563" s="14" t="s">
        <v>61</v>
      </c>
      <c r="G108563" s="16">
        <v>0</v>
      </c>
    </row>
    <row r="108564" spans="1:7" x14ac:dyDescent="0.3">
      <c r="A108564" s="13" t="s">
        <v>523</v>
      </c>
      <c r="B108564" s="14" t="s">
        <v>1</v>
      </c>
      <c r="C108564" s="14" t="s">
        <v>47</v>
      </c>
      <c r="D108564" s="14" t="s">
        <v>281</v>
      </c>
      <c r="E108564" s="15">
        <v>45535</v>
      </c>
      <c r="F108564" s="14" t="s">
        <v>61</v>
      </c>
      <c r="G108564" s="16">
        <v>0</v>
      </c>
    </row>
    <row r="108565" spans="1:7" x14ac:dyDescent="0.3">
      <c r="A108565" s="13" t="s">
        <v>523</v>
      </c>
      <c r="B108565" s="14" t="s">
        <v>1</v>
      </c>
      <c r="C108565" s="14" t="s">
        <v>47</v>
      </c>
      <c r="D108565" s="14" t="s">
        <v>281</v>
      </c>
      <c r="E108565" s="15">
        <v>45536</v>
      </c>
      <c r="F108565" s="14" t="s">
        <v>61</v>
      </c>
      <c r="G108565" s="16">
        <v>0</v>
      </c>
    </row>
    <row r="108566" spans="1:7" x14ac:dyDescent="0.3">
      <c r="A108566" s="13" t="s">
        <v>523</v>
      </c>
      <c r="B108566" s="14" t="s">
        <v>1</v>
      </c>
      <c r="C108566" s="14" t="s">
        <v>47</v>
      </c>
      <c r="D108566" s="14" t="s">
        <v>281</v>
      </c>
      <c r="E108566" s="15">
        <v>45537</v>
      </c>
      <c r="F108566" s="14" t="s">
        <v>61</v>
      </c>
      <c r="G108566" s="16">
        <v>0</v>
      </c>
    </row>
    <row r="108567" spans="1:7" x14ac:dyDescent="0.3">
      <c r="A108567" s="13" t="s">
        <v>523</v>
      </c>
      <c r="B108567" s="14" t="s">
        <v>1</v>
      </c>
      <c r="C108567" s="14" t="s">
        <v>47</v>
      </c>
      <c r="D108567" s="14" t="s">
        <v>281</v>
      </c>
      <c r="E108567" s="15">
        <v>45538</v>
      </c>
      <c r="F108567" s="14" t="s">
        <v>61</v>
      </c>
      <c r="G108567" s="16">
        <v>0</v>
      </c>
    </row>
    <row r="108568" spans="1:7" x14ac:dyDescent="0.3">
      <c r="A108568" s="13" t="s">
        <v>523</v>
      </c>
      <c r="B108568" s="14" t="s">
        <v>1</v>
      </c>
      <c r="C108568" s="14" t="s">
        <v>47</v>
      </c>
      <c r="D108568" s="14" t="s">
        <v>281</v>
      </c>
      <c r="E108568" s="15">
        <v>45539</v>
      </c>
      <c r="F108568" s="14" t="s">
        <v>61</v>
      </c>
      <c r="G108568" s="16">
        <v>0</v>
      </c>
    </row>
    <row r="108569" spans="1:7" x14ac:dyDescent="0.3">
      <c r="A108569" s="13" t="s">
        <v>523</v>
      </c>
      <c r="B108569" s="14" t="s">
        <v>1</v>
      </c>
      <c r="C108569" s="14" t="s">
        <v>47</v>
      </c>
      <c r="D108569" s="14" t="s">
        <v>281</v>
      </c>
      <c r="E108569" s="15">
        <v>45540</v>
      </c>
      <c r="F108569" s="14" t="s">
        <v>61</v>
      </c>
      <c r="G108569" s="16">
        <v>0</v>
      </c>
    </row>
    <row r="108570" spans="1:7" x14ac:dyDescent="0.3">
      <c r="A108570" s="13" t="s">
        <v>523</v>
      </c>
      <c r="B108570" s="14" t="s">
        <v>1</v>
      </c>
      <c r="C108570" s="14" t="s">
        <v>47</v>
      </c>
      <c r="D108570" s="14" t="s">
        <v>281</v>
      </c>
      <c r="E108570" s="15">
        <v>45541</v>
      </c>
      <c r="F108570" s="14" t="s">
        <v>61</v>
      </c>
      <c r="G108570" s="16">
        <v>0</v>
      </c>
    </row>
    <row r="108571" spans="1:7" x14ac:dyDescent="0.3">
      <c r="A108571" s="13" t="s">
        <v>523</v>
      </c>
      <c r="B108571" s="14" t="s">
        <v>1</v>
      </c>
      <c r="C108571" s="14" t="s">
        <v>47</v>
      </c>
      <c r="D108571" s="14" t="s">
        <v>281</v>
      </c>
      <c r="E108571" s="15">
        <v>45542</v>
      </c>
      <c r="F108571" s="14" t="s">
        <v>61</v>
      </c>
      <c r="G108571" s="16">
        <v>0</v>
      </c>
    </row>
    <row r="108572" spans="1:7" x14ac:dyDescent="0.3">
      <c r="A108572" s="13" t="s">
        <v>523</v>
      </c>
      <c r="B108572" s="14" t="s">
        <v>1</v>
      </c>
      <c r="C108572" s="14" t="s">
        <v>47</v>
      </c>
      <c r="D108572" s="14" t="s">
        <v>281</v>
      </c>
      <c r="E108572" s="15">
        <v>45543</v>
      </c>
      <c r="F108572" s="14" t="s">
        <v>61</v>
      </c>
      <c r="G108572" s="16">
        <v>0</v>
      </c>
    </row>
    <row r="108573" spans="1:7" x14ac:dyDescent="0.3">
      <c r="A108573" s="13" t="s">
        <v>523</v>
      </c>
      <c r="B108573" s="14" t="s">
        <v>1</v>
      </c>
      <c r="C108573" s="14" t="s">
        <v>47</v>
      </c>
      <c r="D108573" s="14" t="s">
        <v>281</v>
      </c>
      <c r="E108573" s="15">
        <v>45544</v>
      </c>
      <c r="F108573" s="14" t="s">
        <v>61</v>
      </c>
      <c r="G108573" s="16">
        <v>0</v>
      </c>
    </row>
    <row r="108574" spans="1:7" x14ac:dyDescent="0.3">
      <c r="A108574" s="13" t="s">
        <v>523</v>
      </c>
      <c r="B108574" s="14" t="s">
        <v>1</v>
      </c>
      <c r="C108574" s="14" t="s">
        <v>47</v>
      </c>
      <c r="D108574" s="14" t="s">
        <v>281</v>
      </c>
      <c r="E108574" s="15">
        <v>45545</v>
      </c>
      <c r="F108574" s="14" t="s">
        <v>61</v>
      </c>
      <c r="G108574" s="16">
        <v>0</v>
      </c>
    </row>
    <row r="108575" spans="1:7" x14ac:dyDescent="0.3">
      <c r="A108575" s="13" t="s">
        <v>523</v>
      </c>
      <c r="B108575" s="14" t="s">
        <v>1</v>
      </c>
      <c r="C108575" s="14" t="s">
        <v>47</v>
      </c>
      <c r="D108575" s="14" t="s">
        <v>281</v>
      </c>
      <c r="E108575" s="15">
        <v>45546</v>
      </c>
      <c r="F108575" s="14" t="s">
        <v>61</v>
      </c>
      <c r="G108575" s="16">
        <v>0</v>
      </c>
    </row>
    <row r="108576" spans="1:7" x14ac:dyDescent="0.3">
      <c r="A108576" s="13" t="s">
        <v>523</v>
      </c>
      <c r="B108576" s="14" t="s">
        <v>1</v>
      </c>
      <c r="C108576" s="14" t="s">
        <v>47</v>
      </c>
      <c r="D108576" s="14" t="s">
        <v>281</v>
      </c>
      <c r="E108576" s="15">
        <v>45547</v>
      </c>
      <c r="F108576" s="14" t="s">
        <v>61</v>
      </c>
      <c r="G108576" s="16">
        <v>0</v>
      </c>
    </row>
    <row r="108577" spans="1:7" x14ac:dyDescent="0.3">
      <c r="A108577" s="13" t="s">
        <v>523</v>
      </c>
      <c r="B108577" s="14" t="s">
        <v>1</v>
      </c>
      <c r="C108577" s="14" t="s">
        <v>47</v>
      </c>
      <c r="D108577" s="14" t="s">
        <v>281</v>
      </c>
      <c r="E108577" s="15">
        <v>45548</v>
      </c>
      <c r="F108577" s="14" t="s">
        <v>61</v>
      </c>
      <c r="G108577" s="16">
        <v>0</v>
      </c>
    </row>
    <row r="108578" spans="1:7" x14ac:dyDescent="0.3">
      <c r="A108578" s="13" t="s">
        <v>523</v>
      </c>
      <c r="B108578" s="14" t="s">
        <v>1</v>
      </c>
      <c r="C108578" s="14" t="s">
        <v>47</v>
      </c>
      <c r="D108578" s="14" t="s">
        <v>281</v>
      </c>
      <c r="E108578" s="15">
        <v>45549</v>
      </c>
      <c r="F108578" s="14" t="s">
        <v>61</v>
      </c>
      <c r="G108578" s="16">
        <v>0</v>
      </c>
    </row>
    <row r="108579" spans="1:7" x14ac:dyDescent="0.3">
      <c r="A108579" s="13" t="s">
        <v>523</v>
      </c>
      <c r="B108579" s="14" t="s">
        <v>1</v>
      </c>
      <c r="C108579" s="14" t="s">
        <v>47</v>
      </c>
      <c r="D108579" s="14" t="s">
        <v>281</v>
      </c>
      <c r="E108579" s="15">
        <v>45550</v>
      </c>
      <c r="F108579" s="14" t="s">
        <v>61</v>
      </c>
      <c r="G108579" s="16">
        <v>0</v>
      </c>
    </row>
    <row r="108580" spans="1:7" x14ac:dyDescent="0.3">
      <c r="A108580" s="13" t="s">
        <v>523</v>
      </c>
      <c r="B108580" s="14" t="s">
        <v>1</v>
      </c>
      <c r="C108580" s="14" t="s">
        <v>47</v>
      </c>
      <c r="D108580" s="14" t="s">
        <v>281</v>
      </c>
      <c r="E108580" s="15">
        <v>45551</v>
      </c>
      <c r="F108580" s="14" t="s">
        <v>61</v>
      </c>
      <c r="G108580" s="16">
        <v>0</v>
      </c>
    </row>
    <row r="108581" spans="1:7" x14ac:dyDescent="0.3">
      <c r="A108581" s="13" t="s">
        <v>523</v>
      </c>
      <c r="B108581" s="14" t="s">
        <v>1</v>
      </c>
      <c r="C108581" s="14" t="s">
        <v>47</v>
      </c>
      <c r="D108581" s="14" t="s">
        <v>281</v>
      </c>
      <c r="E108581" s="15">
        <v>45552</v>
      </c>
      <c r="F108581" s="14" t="s">
        <v>61</v>
      </c>
      <c r="G108581" s="16">
        <v>0</v>
      </c>
    </row>
    <row r="108582" spans="1:7" x14ac:dyDescent="0.3">
      <c r="A108582" s="13" t="s">
        <v>523</v>
      </c>
      <c r="B108582" s="14" t="s">
        <v>1</v>
      </c>
      <c r="C108582" s="14" t="s">
        <v>47</v>
      </c>
      <c r="D108582" s="14" t="s">
        <v>281</v>
      </c>
      <c r="E108582" s="15">
        <v>45553</v>
      </c>
      <c r="F108582" s="14" t="s">
        <v>61</v>
      </c>
      <c r="G108582" s="16">
        <v>0</v>
      </c>
    </row>
    <row r="108583" spans="1:7" x14ac:dyDescent="0.3">
      <c r="A108583" s="13" t="s">
        <v>523</v>
      </c>
      <c r="B108583" s="14" t="s">
        <v>1</v>
      </c>
      <c r="C108583" s="14" t="s">
        <v>47</v>
      </c>
      <c r="D108583" s="14" t="s">
        <v>281</v>
      </c>
      <c r="E108583" s="15">
        <v>45554</v>
      </c>
      <c r="F108583" s="14" t="s">
        <v>61</v>
      </c>
      <c r="G108583" s="16">
        <v>0</v>
      </c>
    </row>
    <row r="108584" spans="1:7" x14ac:dyDescent="0.3">
      <c r="A108584" s="13" t="s">
        <v>523</v>
      </c>
      <c r="B108584" s="14" t="s">
        <v>1</v>
      </c>
      <c r="C108584" s="14" t="s">
        <v>47</v>
      </c>
      <c r="D108584" s="14" t="s">
        <v>281</v>
      </c>
      <c r="E108584" s="15">
        <v>45555</v>
      </c>
      <c r="F108584" s="14" t="s">
        <v>61</v>
      </c>
      <c r="G108584" s="16">
        <v>0</v>
      </c>
    </row>
    <row r="108585" spans="1:7" x14ac:dyDescent="0.3">
      <c r="A108585" s="13" t="s">
        <v>523</v>
      </c>
      <c r="B108585" s="14" t="s">
        <v>1</v>
      </c>
      <c r="C108585" s="14" t="s">
        <v>47</v>
      </c>
      <c r="D108585" s="14" t="s">
        <v>281</v>
      </c>
      <c r="E108585" s="15">
        <v>45556</v>
      </c>
      <c r="F108585" s="14" t="s">
        <v>61</v>
      </c>
      <c r="G108585" s="16">
        <v>0</v>
      </c>
    </row>
    <row r="108586" spans="1:7" x14ac:dyDescent="0.3">
      <c r="A108586" s="13" t="s">
        <v>523</v>
      </c>
      <c r="B108586" s="14" t="s">
        <v>1</v>
      </c>
      <c r="C108586" s="14" t="s">
        <v>47</v>
      </c>
      <c r="D108586" s="14" t="s">
        <v>281</v>
      </c>
      <c r="E108586" s="15">
        <v>45557</v>
      </c>
      <c r="F108586" s="14" t="s">
        <v>61</v>
      </c>
      <c r="G108586" s="16">
        <v>0</v>
      </c>
    </row>
    <row r="108587" spans="1:7" x14ac:dyDescent="0.3">
      <c r="A108587" s="13" t="s">
        <v>523</v>
      </c>
      <c r="B108587" s="14" t="s">
        <v>1</v>
      </c>
      <c r="C108587" s="14" t="s">
        <v>47</v>
      </c>
      <c r="D108587" s="14" t="s">
        <v>281</v>
      </c>
      <c r="E108587" s="15">
        <v>45558</v>
      </c>
      <c r="F108587" s="14" t="s">
        <v>61</v>
      </c>
      <c r="G108587" s="16">
        <v>0</v>
      </c>
    </row>
    <row r="108588" spans="1:7" x14ac:dyDescent="0.3">
      <c r="A108588" s="13" t="s">
        <v>523</v>
      </c>
      <c r="B108588" s="14" t="s">
        <v>1</v>
      </c>
      <c r="C108588" s="14" t="s">
        <v>47</v>
      </c>
      <c r="D108588" s="14" t="s">
        <v>281</v>
      </c>
      <c r="E108588" s="15">
        <v>45559</v>
      </c>
      <c r="F108588" s="14" t="s">
        <v>61</v>
      </c>
      <c r="G108588" s="16">
        <v>0</v>
      </c>
    </row>
    <row r="108589" spans="1:7" x14ac:dyDescent="0.3">
      <c r="A108589" s="13" t="s">
        <v>523</v>
      </c>
      <c r="B108589" s="14" t="s">
        <v>1</v>
      </c>
      <c r="C108589" s="14" t="s">
        <v>47</v>
      </c>
      <c r="D108589" s="14" t="s">
        <v>281</v>
      </c>
      <c r="E108589" s="15">
        <v>45560</v>
      </c>
      <c r="F108589" s="14" t="s">
        <v>61</v>
      </c>
      <c r="G108589" s="16">
        <v>0</v>
      </c>
    </row>
    <row r="108590" spans="1:7" x14ac:dyDescent="0.3">
      <c r="A108590" s="13" t="s">
        <v>523</v>
      </c>
      <c r="B108590" s="14" t="s">
        <v>1</v>
      </c>
      <c r="C108590" s="14" t="s">
        <v>47</v>
      </c>
      <c r="D108590" s="14" t="s">
        <v>281</v>
      </c>
      <c r="E108590" s="15">
        <v>45561</v>
      </c>
      <c r="F108590" s="14" t="s">
        <v>61</v>
      </c>
      <c r="G108590" s="16">
        <v>0</v>
      </c>
    </row>
    <row r="108591" spans="1:7" x14ac:dyDescent="0.3">
      <c r="A108591" s="13" t="s">
        <v>523</v>
      </c>
      <c r="B108591" s="14" t="s">
        <v>1</v>
      </c>
      <c r="C108591" s="14" t="s">
        <v>47</v>
      </c>
      <c r="D108591" s="14" t="s">
        <v>281</v>
      </c>
      <c r="E108591" s="15">
        <v>45562</v>
      </c>
      <c r="F108591" s="14" t="s">
        <v>61</v>
      </c>
      <c r="G108591" s="16">
        <v>0</v>
      </c>
    </row>
    <row r="108592" spans="1:7" x14ac:dyDescent="0.3">
      <c r="A108592" s="13" t="s">
        <v>523</v>
      </c>
      <c r="B108592" s="14" t="s">
        <v>1</v>
      </c>
      <c r="C108592" s="14" t="s">
        <v>47</v>
      </c>
      <c r="D108592" s="14" t="s">
        <v>281</v>
      </c>
      <c r="E108592" s="15">
        <v>45563</v>
      </c>
      <c r="F108592" s="14" t="s">
        <v>61</v>
      </c>
      <c r="G108592" s="16">
        <v>0</v>
      </c>
    </row>
    <row r="108593" spans="1:7" x14ac:dyDescent="0.3">
      <c r="A108593" s="13" t="s">
        <v>523</v>
      </c>
      <c r="B108593" s="14" t="s">
        <v>1</v>
      </c>
      <c r="C108593" s="14" t="s">
        <v>47</v>
      </c>
      <c r="D108593" s="14" t="s">
        <v>281</v>
      </c>
      <c r="E108593" s="15">
        <v>45564</v>
      </c>
      <c r="F108593" s="14" t="s">
        <v>61</v>
      </c>
      <c r="G108593" s="16">
        <v>0</v>
      </c>
    </row>
    <row r="108594" spans="1:7" x14ac:dyDescent="0.3">
      <c r="A108594" s="13" t="s">
        <v>523</v>
      </c>
      <c r="B108594" s="14" t="s">
        <v>1</v>
      </c>
      <c r="C108594" s="14" t="s">
        <v>47</v>
      </c>
      <c r="D108594" s="14" t="s">
        <v>281</v>
      </c>
      <c r="E108594" s="15">
        <v>45565</v>
      </c>
      <c r="F108594" s="14" t="s">
        <v>61</v>
      </c>
      <c r="G108594" s="16">
        <v>0</v>
      </c>
    </row>
    <row r="108595" spans="1:7" x14ac:dyDescent="0.3">
      <c r="A108595" s="13" t="s">
        <v>523</v>
      </c>
      <c r="B108595" s="14" t="s">
        <v>1</v>
      </c>
      <c r="C108595" s="14" t="s">
        <v>47</v>
      </c>
      <c r="D108595" s="14" t="s">
        <v>281</v>
      </c>
      <c r="E108595" s="15">
        <v>45566</v>
      </c>
      <c r="F108595" s="14" t="s">
        <v>61</v>
      </c>
      <c r="G108595" s="16">
        <v>0</v>
      </c>
    </row>
    <row r="108596" spans="1:7" x14ac:dyDescent="0.3">
      <c r="A108596" s="13" t="s">
        <v>523</v>
      </c>
      <c r="B108596" s="14" t="s">
        <v>1</v>
      </c>
      <c r="C108596" s="14" t="s">
        <v>47</v>
      </c>
      <c r="D108596" s="14" t="s">
        <v>281</v>
      </c>
      <c r="E108596" s="15">
        <v>45567</v>
      </c>
      <c r="F108596" s="14" t="s">
        <v>61</v>
      </c>
      <c r="G108596" s="16">
        <v>0</v>
      </c>
    </row>
    <row r="108597" spans="1:7" x14ac:dyDescent="0.3">
      <c r="A108597" s="13" t="s">
        <v>523</v>
      </c>
      <c r="B108597" s="14" t="s">
        <v>1</v>
      </c>
      <c r="C108597" s="14" t="s">
        <v>47</v>
      </c>
      <c r="D108597" s="14" t="s">
        <v>281</v>
      </c>
      <c r="E108597" s="15">
        <v>45568</v>
      </c>
      <c r="F108597" s="14" t="s">
        <v>61</v>
      </c>
      <c r="G108597" s="16">
        <v>0</v>
      </c>
    </row>
    <row r="108598" spans="1:7" x14ac:dyDescent="0.3">
      <c r="A108598" s="13" t="s">
        <v>523</v>
      </c>
      <c r="B108598" s="14" t="s">
        <v>1</v>
      </c>
      <c r="C108598" s="14" t="s">
        <v>47</v>
      </c>
      <c r="D108598" s="14" t="s">
        <v>281</v>
      </c>
      <c r="E108598" s="15">
        <v>45569</v>
      </c>
      <c r="F108598" s="14" t="s">
        <v>61</v>
      </c>
      <c r="G108598" s="16">
        <v>0</v>
      </c>
    </row>
    <row r="108599" spans="1:7" x14ac:dyDescent="0.3">
      <c r="A108599" s="13" t="s">
        <v>523</v>
      </c>
      <c r="B108599" s="14" t="s">
        <v>1</v>
      </c>
      <c r="C108599" s="14" t="s">
        <v>47</v>
      </c>
      <c r="D108599" s="14" t="s">
        <v>281</v>
      </c>
      <c r="E108599" s="15">
        <v>45570</v>
      </c>
      <c r="F108599" s="14" t="s">
        <v>61</v>
      </c>
      <c r="G108599" s="16">
        <v>0</v>
      </c>
    </row>
    <row r="108600" spans="1:7" x14ac:dyDescent="0.3">
      <c r="A108600" s="13" t="s">
        <v>523</v>
      </c>
      <c r="B108600" s="14" t="s">
        <v>1</v>
      </c>
      <c r="C108600" s="14" t="s">
        <v>47</v>
      </c>
      <c r="D108600" s="14" t="s">
        <v>281</v>
      </c>
      <c r="E108600" s="15">
        <v>45571</v>
      </c>
      <c r="F108600" s="14" t="s">
        <v>61</v>
      </c>
      <c r="G108600" s="16">
        <v>0</v>
      </c>
    </row>
    <row r="108601" spans="1:7" x14ac:dyDescent="0.3">
      <c r="A108601" s="13" t="s">
        <v>523</v>
      </c>
      <c r="B108601" s="14" t="s">
        <v>1</v>
      </c>
      <c r="C108601" s="14" t="s">
        <v>47</v>
      </c>
      <c r="D108601" s="14" t="s">
        <v>281</v>
      </c>
      <c r="E108601" s="15">
        <v>45572</v>
      </c>
      <c r="F108601" s="14" t="s">
        <v>61</v>
      </c>
      <c r="G108601" s="16">
        <v>0</v>
      </c>
    </row>
    <row r="108602" spans="1:7" x14ac:dyDescent="0.3">
      <c r="A108602" s="13" t="s">
        <v>523</v>
      </c>
      <c r="B108602" s="14" t="s">
        <v>1</v>
      </c>
      <c r="C108602" s="14" t="s">
        <v>47</v>
      </c>
      <c r="D108602" s="14" t="s">
        <v>281</v>
      </c>
      <c r="E108602" s="15">
        <v>45573</v>
      </c>
      <c r="F108602" s="14" t="s">
        <v>61</v>
      </c>
      <c r="G108602" s="16">
        <v>0</v>
      </c>
    </row>
    <row r="108603" spans="1:7" x14ac:dyDescent="0.3">
      <c r="A108603" s="13" t="s">
        <v>523</v>
      </c>
      <c r="B108603" s="14" t="s">
        <v>1</v>
      </c>
      <c r="C108603" s="14" t="s">
        <v>47</v>
      </c>
      <c r="D108603" s="14" t="s">
        <v>281</v>
      </c>
      <c r="E108603" s="15">
        <v>45574</v>
      </c>
      <c r="F108603" s="14" t="s">
        <v>61</v>
      </c>
      <c r="G108603" s="16">
        <v>0</v>
      </c>
    </row>
    <row r="108604" spans="1:7" x14ac:dyDescent="0.3">
      <c r="A108604" s="13" t="s">
        <v>523</v>
      </c>
      <c r="B108604" s="14" t="s">
        <v>1</v>
      </c>
      <c r="C108604" s="14" t="s">
        <v>47</v>
      </c>
      <c r="D108604" s="14" t="s">
        <v>281</v>
      </c>
      <c r="E108604" s="15">
        <v>45575</v>
      </c>
      <c r="F108604" s="14" t="s">
        <v>61</v>
      </c>
      <c r="G108604" s="16">
        <v>0</v>
      </c>
    </row>
    <row r="108605" spans="1:7" x14ac:dyDescent="0.3">
      <c r="A108605" s="13" t="s">
        <v>523</v>
      </c>
      <c r="B108605" s="14" t="s">
        <v>1</v>
      </c>
      <c r="C108605" s="14" t="s">
        <v>47</v>
      </c>
      <c r="D108605" s="14" t="s">
        <v>281</v>
      </c>
      <c r="E108605" s="15">
        <v>45576</v>
      </c>
      <c r="F108605" s="14" t="s">
        <v>61</v>
      </c>
      <c r="G108605" s="16">
        <v>0</v>
      </c>
    </row>
    <row r="108606" spans="1:7" x14ac:dyDescent="0.3">
      <c r="A108606" s="13" t="s">
        <v>523</v>
      </c>
      <c r="B108606" s="14" t="s">
        <v>1</v>
      </c>
      <c r="C108606" s="14" t="s">
        <v>47</v>
      </c>
      <c r="D108606" s="14" t="s">
        <v>281</v>
      </c>
      <c r="E108606" s="15">
        <v>45577</v>
      </c>
      <c r="F108606" s="14" t="s">
        <v>61</v>
      </c>
      <c r="G108606" s="16">
        <v>0</v>
      </c>
    </row>
    <row r="108607" spans="1:7" x14ac:dyDescent="0.3">
      <c r="A108607" s="13" t="s">
        <v>523</v>
      </c>
      <c r="B108607" s="14" t="s">
        <v>1</v>
      </c>
      <c r="C108607" s="14" t="s">
        <v>47</v>
      </c>
      <c r="D108607" s="14" t="s">
        <v>281</v>
      </c>
      <c r="E108607" s="15">
        <v>45578</v>
      </c>
      <c r="F108607" s="14" t="s">
        <v>61</v>
      </c>
      <c r="G108607" s="16">
        <v>0</v>
      </c>
    </row>
    <row r="108608" spans="1:7" x14ac:dyDescent="0.3">
      <c r="A108608" s="13" t="s">
        <v>523</v>
      </c>
      <c r="B108608" s="14" t="s">
        <v>1</v>
      </c>
      <c r="C108608" s="14" t="s">
        <v>47</v>
      </c>
      <c r="D108608" s="14" t="s">
        <v>281</v>
      </c>
      <c r="E108608" s="15">
        <v>45579</v>
      </c>
      <c r="F108608" s="14" t="s">
        <v>61</v>
      </c>
      <c r="G108608" s="16">
        <v>0</v>
      </c>
    </row>
    <row r="108609" spans="1:7" x14ac:dyDescent="0.3">
      <c r="A108609" s="13" t="s">
        <v>523</v>
      </c>
      <c r="B108609" s="14" t="s">
        <v>1</v>
      </c>
      <c r="C108609" s="14" t="s">
        <v>47</v>
      </c>
      <c r="D108609" s="14" t="s">
        <v>281</v>
      </c>
      <c r="E108609" s="15">
        <v>45580</v>
      </c>
      <c r="F108609" s="14" t="s">
        <v>61</v>
      </c>
      <c r="G108609" s="16">
        <v>0</v>
      </c>
    </row>
    <row r="108610" spans="1:7" x14ac:dyDescent="0.3">
      <c r="A108610" s="13" t="s">
        <v>523</v>
      </c>
      <c r="B108610" s="14" t="s">
        <v>1</v>
      </c>
      <c r="C108610" s="14" t="s">
        <v>47</v>
      </c>
      <c r="D108610" s="14" t="s">
        <v>281</v>
      </c>
      <c r="E108610" s="15">
        <v>45581</v>
      </c>
      <c r="F108610" s="14" t="s">
        <v>61</v>
      </c>
      <c r="G108610" s="16">
        <v>0</v>
      </c>
    </row>
    <row r="108611" spans="1:7" x14ac:dyDescent="0.3">
      <c r="A108611" s="13" t="s">
        <v>523</v>
      </c>
      <c r="B108611" s="14" t="s">
        <v>1</v>
      </c>
      <c r="C108611" s="14" t="s">
        <v>47</v>
      </c>
      <c r="D108611" s="14" t="s">
        <v>281</v>
      </c>
      <c r="E108611" s="15">
        <v>45582</v>
      </c>
      <c r="F108611" s="14" t="s">
        <v>61</v>
      </c>
      <c r="G108611" s="16">
        <v>0</v>
      </c>
    </row>
    <row r="108612" spans="1:7" x14ac:dyDescent="0.3">
      <c r="A108612" s="13" t="s">
        <v>523</v>
      </c>
      <c r="B108612" s="14" t="s">
        <v>1</v>
      </c>
      <c r="C108612" s="14" t="s">
        <v>47</v>
      </c>
      <c r="D108612" s="14" t="s">
        <v>281</v>
      </c>
      <c r="E108612" s="15">
        <v>45583</v>
      </c>
      <c r="F108612" s="14" t="s">
        <v>61</v>
      </c>
      <c r="G108612" s="16">
        <v>0</v>
      </c>
    </row>
    <row r="108613" spans="1:7" x14ac:dyDescent="0.3">
      <c r="A108613" s="13" t="s">
        <v>523</v>
      </c>
      <c r="B108613" s="14" t="s">
        <v>1</v>
      </c>
      <c r="C108613" s="14" t="s">
        <v>47</v>
      </c>
      <c r="D108613" s="14" t="s">
        <v>281</v>
      </c>
      <c r="E108613" s="15">
        <v>45584</v>
      </c>
      <c r="F108613" s="14" t="s">
        <v>61</v>
      </c>
      <c r="G108613" s="16">
        <v>0</v>
      </c>
    </row>
    <row r="108614" spans="1:7" x14ac:dyDescent="0.3">
      <c r="A108614" s="13" t="s">
        <v>523</v>
      </c>
      <c r="B108614" s="14" t="s">
        <v>1</v>
      </c>
      <c r="C108614" s="14" t="s">
        <v>47</v>
      </c>
      <c r="D108614" s="14" t="s">
        <v>281</v>
      </c>
      <c r="E108614" s="15">
        <v>45585</v>
      </c>
      <c r="F108614" s="14" t="s">
        <v>61</v>
      </c>
      <c r="G108614" s="16">
        <v>0</v>
      </c>
    </row>
    <row r="108615" spans="1:7" x14ac:dyDescent="0.3">
      <c r="A108615" s="13" t="s">
        <v>523</v>
      </c>
      <c r="B108615" s="14" t="s">
        <v>1</v>
      </c>
      <c r="C108615" s="14" t="s">
        <v>47</v>
      </c>
      <c r="D108615" s="14" t="s">
        <v>281</v>
      </c>
      <c r="E108615" s="15">
        <v>45586</v>
      </c>
      <c r="F108615" s="14" t="s">
        <v>61</v>
      </c>
      <c r="G108615" s="16">
        <v>0</v>
      </c>
    </row>
    <row r="108616" spans="1:7" x14ac:dyDescent="0.3">
      <c r="A108616" s="13" t="s">
        <v>523</v>
      </c>
      <c r="B108616" s="14" t="s">
        <v>1</v>
      </c>
      <c r="C108616" s="14" t="s">
        <v>47</v>
      </c>
      <c r="D108616" s="14" t="s">
        <v>281</v>
      </c>
      <c r="E108616" s="15">
        <v>45587</v>
      </c>
      <c r="F108616" s="14" t="s">
        <v>61</v>
      </c>
      <c r="G108616" s="16">
        <v>0</v>
      </c>
    </row>
    <row r="108617" spans="1:7" x14ac:dyDescent="0.3">
      <c r="A108617" s="13" t="s">
        <v>523</v>
      </c>
      <c r="B108617" s="14" t="s">
        <v>1</v>
      </c>
      <c r="C108617" s="14" t="s">
        <v>47</v>
      </c>
      <c r="D108617" s="14" t="s">
        <v>281</v>
      </c>
      <c r="E108617" s="15">
        <v>45588</v>
      </c>
      <c r="F108617" s="14" t="s">
        <v>61</v>
      </c>
      <c r="G108617" s="16">
        <v>0</v>
      </c>
    </row>
    <row r="108618" spans="1:7" x14ac:dyDescent="0.3">
      <c r="A108618" s="13" t="s">
        <v>523</v>
      </c>
      <c r="B108618" s="14" t="s">
        <v>1</v>
      </c>
      <c r="C108618" s="14" t="s">
        <v>47</v>
      </c>
      <c r="D108618" s="14" t="s">
        <v>281</v>
      </c>
      <c r="E108618" s="15">
        <v>45589</v>
      </c>
      <c r="F108618" s="14" t="s">
        <v>61</v>
      </c>
      <c r="G108618" s="16">
        <v>0</v>
      </c>
    </row>
    <row r="108619" spans="1:7" x14ac:dyDescent="0.3">
      <c r="A108619" s="13" t="s">
        <v>523</v>
      </c>
      <c r="B108619" s="14" t="s">
        <v>1</v>
      </c>
      <c r="C108619" s="14" t="s">
        <v>47</v>
      </c>
      <c r="D108619" s="14" t="s">
        <v>281</v>
      </c>
      <c r="E108619" s="15">
        <v>45590</v>
      </c>
      <c r="F108619" s="14" t="s">
        <v>61</v>
      </c>
      <c r="G108619" s="16">
        <v>0</v>
      </c>
    </row>
    <row r="108620" spans="1:7" x14ac:dyDescent="0.3">
      <c r="A108620" s="13" t="s">
        <v>523</v>
      </c>
      <c r="B108620" s="14" t="s">
        <v>1</v>
      </c>
      <c r="C108620" s="14" t="s">
        <v>47</v>
      </c>
      <c r="D108620" s="14" t="s">
        <v>281</v>
      </c>
      <c r="E108620" s="15">
        <v>45591</v>
      </c>
      <c r="F108620" s="14" t="s">
        <v>61</v>
      </c>
      <c r="G108620" s="16">
        <v>0</v>
      </c>
    </row>
    <row r="108621" spans="1:7" x14ac:dyDescent="0.3">
      <c r="A108621" s="13" t="s">
        <v>523</v>
      </c>
      <c r="B108621" s="14" t="s">
        <v>1</v>
      </c>
      <c r="C108621" s="14" t="s">
        <v>47</v>
      </c>
      <c r="D108621" s="14" t="s">
        <v>281</v>
      </c>
      <c r="E108621" s="15">
        <v>45592</v>
      </c>
      <c r="F108621" s="14" t="s">
        <v>61</v>
      </c>
      <c r="G108621" s="16">
        <v>0</v>
      </c>
    </row>
    <row r="108622" spans="1:7" x14ac:dyDescent="0.3">
      <c r="A108622" s="13" t="s">
        <v>523</v>
      </c>
      <c r="B108622" s="14" t="s">
        <v>1</v>
      </c>
      <c r="C108622" s="14" t="s">
        <v>47</v>
      </c>
      <c r="D108622" s="14" t="s">
        <v>281</v>
      </c>
      <c r="E108622" s="15">
        <v>45593</v>
      </c>
      <c r="F108622" s="14" t="s">
        <v>61</v>
      </c>
      <c r="G108622" s="16">
        <v>0</v>
      </c>
    </row>
    <row r="108623" spans="1:7" x14ac:dyDescent="0.3">
      <c r="A108623" s="13" t="s">
        <v>523</v>
      </c>
      <c r="B108623" s="14" t="s">
        <v>1</v>
      </c>
      <c r="C108623" s="14" t="s">
        <v>47</v>
      </c>
      <c r="D108623" s="14" t="s">
        <v>281</v>
      </c>
      <c r="E108623" s="15">
        <v>45594</v>
      </c>
      <c r="F108623" s="14" t="s">
        <v>61</v>
      </c>
      <c r="G108623" s="16">
        <v>0</v>
      </c>
    </row>
    <row r="108624" spans="1:7" x14ac:dyDescent="0.3">
      <c r="A108624" s="13" t="s">
        <v>523</v>
      </c>
      <c r="B108624" s="14" t="s">
        <v>1</v>
      </c>
      <c r="C108624" s="14" t="s">
        <v>47</v>
      </c>
      <c r="D108624" s="14" t="s">
        <v>281</v>
      </c>
      <c r="E108624" s="15">
        <v>45595</v>
      </c>
      <c r="F108624" s="14" t="s">
        <v>61</v>
      </c>
      <c r="G108624" s="16">
        <v>0</v>
      </c>
    </row>
    <row r="108625" spans="1:7" x14ac:dyDescent="0.3">
      <c r="A108625" s="13" t="s">
        <v>523</v>
      </c>
      <c r="B108625" s="14" t="s">
        <v>1</v>
      </c>
      <c r="C108625" s="14" t="s">
        <v>47</v>
      </c>
      <c r="D108625" s="14" t="s">
        <v>281</v>
      </c>
      <c r="E108625" s="15">
        <v>45596</v>
      </c>
      <c r="F108625" s="14" t="s">
        <v>61</v>
      </c>
      <c r="G108625" s="16">
        <v>0</v>
      </c>
    </row>
    <row r="108626" spans="1:7" x14ac:dyDescent="0.3">
      <c r="A108626" s="13" t="s">
        <v>523</v>
      </c>
      <c r="B108626" s="14" t="s">
        <v>1</v>
      </c>
      <c r="C108626" s="14" t="s">
        <v>47</v>
      </c>
      <c r="D108626" s="14" t="s">
        <v>281</v>
      </c>
      <c r="E108626" s="15">
        <v>45597</v>
      </c>
      <c r="F108626" s="14" t="s">
        <v>61</v>
      </c>
      <c r="G108626" s="16">
        <v>0</v>
      </c>
    </row>
    <row r="108627" spans="1:7" x14ac:dyDescent="0.3">
      <c r="A108627" s="13" t="s">
        <v>523</v>
      </c>
      <c r="B108627" s="14" t="s">
        <v>1</v>
      </c>
      <c r="C108627" s="14" t="s">
        <v>47</v>
      </c>
      <c r="D108627" s="14" t="s">
        <v>281</v>
      </c>
      <c r="E108627" s="15">
        <v>45598</v>
      </c>
      <c r="F108627" s="14" t="s">
        <v>61</v>
      </c>
      <c r="G108627" s="16">
        <v>0</v>
      </c>
    </row>
    <row r="108628" spans="1:7" x14ac:dyDescent="0.3">
      <c r="A108628" s="13" t="s">
        <v>523</v>
      </c>
      <c r="B108628" s="14" t="s">
        <v>1</v>
      </c>
      <c r="C108628" s="14" t="s">
        <v>47</v>
      </c>
      <c r="D108628" s="14" t="s">
        <v>281</v>
      </c>
      <c r="E108628" s="15">
        <v>45599</v>
      </c>
      <c r="F108628" s="14" t="s">
        <v>61</v>
      </c>
      <c r="G108628" s="16">
        <v>0</v>
      </c>
    </row>
    <row r="108629" spans="1:7" x14ac:dyDescent="0.3">
      <c r="A108629" s="13" t="s">
        <v>523</v>
      </c>
      <c r="B108629" s="14" t="s">
        <v>1</v>
      </c>
      <c r="C108629" s="14" t="s">
        <v>47</v>
      </c>
      <c r="D108629" s="14" t="s">
        <v>281</v>
      </c>
      <c r="E108629" s="15">
        <v>45600</v>
      </c>
      <c r="F108629" s="14" t="s">
        <v>61</v>
      </c>
      <c r="G108629" s="16">
        <v>0</v>
      </c>
    </row>
    <row r="108630" spans="1:7" x14ac:dyDescent="0.3">
      <c r="A108630" s="13" t="s">
        <v>523</v>
      </c>
      <c r="B108630" s="14" t="s">
        <v>1</v>
      </c>
      <c r="C108630" s="14" t="s">
        <v>47</v>
      </c>
      <c r="D108630" s="14" t="s">
        <v>281</v>
      </c>
      <c r="E108630" s="15">
        <v>45601</v>
      </c>
      <c r="F108630" s="14" t="s">
        <v>61</v>
      </c>
      <c r="G108630" s="16">
        <v>0</v>
      </c>
    </row>
    <row r="108631" spans="1:7" x14ac:dyDescent="0.3">
      <c r="A108631" s="13" t="s">
        <v>523</v>
      </c>
      <c r="B108631" s="14" t="s">
        <v>1</v>
      </c>
      <c r="C108631" s="14" t="s">
        <v>47</v>
      </c>
      <c r="D108631" s="14" t="s">
        <v>281</v>
      </c>
      <c r="E108631" s="15">
        <v>45602</v>
      </c>
      <c r="F108631" s="14" t="s">
        <v>61</v>
      </c>
      <c r="G108631" s="16">
        <v>0</v>
      </c>
    </row>
    <row r="108632" spans="1:7" x14ac:dyDescent="0.3">
      <c r="A108632" s="13" t="s">
        <v>523</v>
      </c>
      <c r="B108632" s="14" t="s">
        <v>1</v>
      </c>
      <c r="C108632" s="14" t="s">
        <v>47</v>
      </c>
      <c r="D108632" s="14" t="s">
        <v>281</v>
      </c>
      <c r="E108632" s="15">
        <v>45603</v>
      </c>
      <c r="F108632" s="14" t="s">
        <v>61</v>
      </c>
      <c r="G108632" s="16">
        <v>0</v>
      </c>
    </row>
    <row r="108633" spans="1:7" x14ac:dyDescent="0.3">
      <c r="A108633" s="13" t="s">
        <v>523</v>
      </c>
      <c r="B108633" s="14" t="s">
        <v>1</v>
      </c>
      <c r="C108633" s="14" t="s">
        <v>47</v>
      </c>
      <c r="D108633" s="14" t="s">
        <v>281</v>
      </c>
      <c r="E108633" s="15">
        <v>45604</v>
      </c>
      <c r="F108633" s="14" t="s">
        <v>61</v>
      </c>
      <c r="G108633" s="16">
        <v>0</v>
      </c>
    </row>
    <row r="108634" spans="1:7" x14ac:dyDescent="0.3">
      <c r="A108634" s="13" t="s">
        <v>523</v>
      </c>
      <c r="B108634" s="14" t="s">
        <v>1</v>
      </c>
      <c r="C108634" s="14" t="s">
        <v>47</v>
      </c>
      <c r="D108634" s="14" t="s">
        <v>281</v>
      </c>
      <c r="E108634" s="15">
        <v>45605</v>
      </c>
      <c r="F108634" s="14" t="s">
        <v>61</v>
      </c>
      <c r="G108634" s="16">
        <v>0</v>
      </c>
    </row>
    <row r="108635" spans="1:7" x14ac:dyDescent="0.3">
      <c r="A108635" s="13" t="s">
        <v>523</v>
      </c>
      <c r="B108635" s="14" t="s">
        <v>1</v>
      </c>
      <c r="C108635" s="14" t="s">
        <v>47</v>
      </c>
      <c r="D108635" s="14" t="s">
        <v>281</v>
      </c>
      <c r="E108635" s="15">
        <v>45606</v>
      </c>
      <c r="F108635" s="14" t="s">
        <v>61</v>
      </c>
      <c r="G108635" s="16">
        <v>0</v>
      </c>
    </row>
    <row r="108636" spans="1:7" x14ac:dyDescent="0.3">
      <c r="A108636" s="13" t="s">
        <v>523</v>
      </c>
      <c r="B108636" s="14" t="s">
        <v>1</v>
      </c>
      <c r="C108636" s="14" t="s">
        <v>47</v>
      </c>
      <c r="D108636" s="14" t="s">
        <v>281</v>
      </c>
      <c r="E108636" s="15">
        <v>45607</v>
      </c>
      <c r="F108636" s="14" t="s">
        <v>61</v>
      </c>
      <c r="G108636" s="16">
        <v>0</v>
      </c>
    </row>
    <row r="108637" spans="1:7" x14ac:dyDescent="0.3">
      <c r="A108637" s="13" t="s">
        <v>523</v>
      </c>
      <c r="B108637" s="14" t="s">
        <v>1</v>
      </c>
      <c r="C108637" s="14" t="s">
        <v>47</v>
      </c>
      <c r="D108637" s="14" t="s">
        <v>281</v>
      </c>
      <c r="E108637" s="15">
        <v>45608</v>
      </c>
      <c r="F108637" s="14" t="s">
        <v>61</v>
      </c>
      <c r="G108637" s="16">
        <v>0</v>
      </c>
    </row>
    <row r="108638" spans="1:7" x14ac:dyDescent="0.3">
      <c r="A108638" s="13" t="s">
        <v>523</v>
      </c>
      <c r="B108638" s="14" t="s">
        <v>1</v>
      </c>
      <c r="C108638" s="14" t="s">
        <v>47</v>
      </c>
      <c r="D108638" s="14" t="s">
        <v>281</v>
      </c>
      <c r="E108638" s="15">
        <v>45609</v>
      </c>
      <c r="F108638" s="14" t="s">
        <v>61</v>
      </c>
      <c r="G108638" s="16">
        <v>0</v>
      </c>
    </row>
    <row r="108639" spans="1:7" x14ac:dyDescent="0.3">
      <c r="A108639" s="13" t="s">
        <v>523</v>
      </c>
      <c r="B108639" s="14" t="s">
        <v>1</v>
      </c>
      <c r="C108639" s="14" t="s">
        <v>47</v>
      </c>
      <c r="D108639" s="14" t="s">
        <v>281</v>
      </c>
      <c r="E108639" s="15">
        <v>45610</v>
      </c>
      <c r="F108639" s="14" t="s">
        <v>61</v>
      </c>
      <c r="G108639" s="16">
        <v>0</v>
      </c>
    </row>
    <row r="108640" spans="1:7" x14ac:dyDescent="0.3">
      <c r="A108640" s="13" t="s">
        <v>523</v>
      </c>
      <c r="B108640" s="14" t="s">
        <v>1</v>
      </c>
      <c r="C108640" s="14" t="s">
        <v>47</v>
      </c>
      <c r="D108640" s="14" t="s">
        <v>281</v>
      </c>
      <c r="E108640" s="15">
        <v>45611</v>
      </c>
      <c r="F108640" s="14" t="s">
        <v>61</v>
      </c>
      <c r="G108640" s="16">
        <v>0</v>
      </c>
    </row>
    <row r="108641" spans="1:7" x14ac:dyDescent="0.3">
      <c r="A108641" s="13" t="s">
        <v>523</v>
      </c>
      <c r="B108641" s="14" t="s">
        <v>1</v>
      </c>
      <c r="C108641" s="14" t="s">
        <v>47</v>
      </c>
      <c r="D108641" s="14" t="s">
        <v>281</v>
      </c>
      <c r="E108641" s="15">
        <v>45612</v>
      </c>
      <c r="F108641" s="14" t="s">
        <v>61</v>
      </c>
      <c r="G108641" s="16">
        <v>0</v>
      </c>
    </row>
    <row r="108642" spans="1:7" x14ac:dyDescent="0.3">
      <c r="A108642" s="13" t="s">
        <v>523</v>
      </c>
      <c r="B108642" s="14" t="s">
        <v>1</v>
      </c>
      <c r="C108642" s="14" t="s">
        <v>47</v>
      </c>
      <c r="D108642" s="14" t="s">
        <v>281</v>
      </c>
      <c r="E108642" s="15">
        <v>45613</v>
      </c>
      <c r="F108642" s="14" t="s">
        <v>61</v>
      </c>
      <c r="G108642" s="16">
        <v>0</v>
      </c>
    </row>
    <row r="108643" spans="1:7" x14ac:dyDescent="0.3">
      <c r="A108643" s="13" t="s">
        <v>523</v>
      </c>
      <c r="B108643" s="14" t="s">
        <v>1</v>
      </c>
      <c r="C108643" s="14" t="s">
        <v>47</v>
      </c>
      <c r="D108643" s="14" t="s">
        <v>281</v>
      </c>
      <c r="E108643" s="15">
        <v>45614</v>
      </c>
      <c r="F108643" s="14" t="s">
        <v>61</v>
      </c>
      <c r="G108643" s="16">
        <v>0</v>
      </c>
    </row>
    <row r="108644" spans="1:7" x14ac:dyDescent="0.3">
      <c r="A108644" s="13" t="s">
        <v>523</v>
      </c>
      <c r="B108644" s="14" t="s">
        <v>1</v>
      </c>
      <c r="C108644" s="14" t="s">
        <v>47</v>
      </c>
      <c r="D108644" s="14" t="s">
        <v>281</v>
      </c>
      <c r="E108644" s="15">
        <v>45615</v>
      </c>
      <c r="F108644" s="14" t="s">
        <v>61</v>
      </c>
      <c r="G108644" s="16">
        <v>0</v>
      </c>
    </row>
    <row r="108645" spans="1:7" x14ac:dyDescent="0.3">
      <c r="A108645" s="13" t="s">
        <v>523</v>
      </c>
      <c r="B108645" s="14" t="s">
        <v>1</v>
      </c>
      <c r="C108645" s="14" t="s">
        <v>47</v>
      </c>
      <c r="D108645" s="14" t="s">
        <v>281</v>
      </c>
      <c r="E108645" s="15">
        <v>45616</v>
      </c>
      <c r="F108645" s="14" t="s">
        <v>61</v>
      </c>
      <c r="G108645" s="16">
        <v>0</v>
      </c>
    </row>
    <row r="108646" spans="1:7" x14ac:dyDescent="0.3">
      <c r="A108646" s="13" t="s">
        <v>523</v>
      </c>
      <c r="B108646" s="14" t="s">
        <v>1</v>
      </c>
      <c r="C108646" s="14" t="s">
        <v>47</v>
      </c>
      <c r="D108646" s="14" t="s">
        <v>281</v>
      </c>
      <c r="E108646" s="15">
        <v>45617</v>
      </c>
      <c r="F108646" s="14" t="s">
        <v>61</v>
      </c>
      <c r="G108646" s="16">
        <v>0</v>
      </c>
    </row>
    <row r="108647" spans="1:7" x14ac:dyDescent="0.3">
      <c r="A108647" s="13" t="s">
        <v>523</v>
      </c>
      <c r="B108647" s="14" t="s">
        <v>1</v>
      </c>
      <c r="C108647" s="14" t="s">
        <v>47</v>
      </c>
      <c r="D108647" s="14" t="s">
        <v>281</v>
      </c>
      <c r="E108647" s="15">
        <v>45618</v>
      </c>
      <c r="F108647" s="14" t="s">
        <v>61</v>
      </c>
      <c r="G108647" s="16">
        <v>0</v>
      </c>
    </row>
    <row r="108648" spans="1:7" x14ac:dyDescent="0.3">
      <c r="A108648" s="13" t="s">
        <v>523</v>
      </c>
      <c r="B108648" s="14" t="s">
        <v>1</v>
      </c>
      <c r="C108648" s="14" t="s">
        <v>47</v>
      </c>
      <c r="D108648" s="14" t="s">
        <v>281</v>
      </c>
      <c r="E108648" s="15">
        <v>45619</v>
      </c>
      <c r="F108648" s="14" t="s">
        <v>61</v>
      </c>
      <c r="G108648" s="16">
        <v>0</v>
      </c>
    </row>
    <row r="108649" spans="1:7" x14ac:dyDescent="0.3">
      <c r="A108649" s="13" t="s">
        <v>523</v>
      </c>
      <c r="B108649" s="14" t="s">
        <v>1</v>
      </c>
      <c r="C108649" s="14" t="s">
        <v>47</v>
      </c>
      <c r="D108649" s="14" t="s">
        <v>281</v>
      </c>
      <c r="E108649" s="15">
        <v>45620</v>
      </c>
      <c r="F108649" s="14" t="s">
        <v>61</v>
      </c>
      <c r="G108649" s="16">
        <v>0</v>
      </c>
    </row>
    <row r="108650" spans="1:7" x14ac:dyDescent="0.3">
      <c r="A108650" s="13" t="s">
        <v>523</v>
      </c>
      <c r="B108650" s="14" t="s">
        <v>1</v>
      </c>
      <c r="C108650" s="14" t="s">
        <v>47</v>
      </c>
      <c r="D108650" s="14" t="s">
        <v>281</v>
      </c>
      <c r="E108650" s="15">
        <v>45621</v>
      </c>
      <c r="F108650" s="14" t="s">
        <v>61</v>
      </c>
      <c r="G108650" s="16">
        <v>0</v>
      </c>
    </row>
    <row r="108651" spans="1:7" x14ac:dyDescent="0.3">
      <c r="A108651" s="13" t="s">
        <v>523</v>
      </c>
      <c r="B108651" s="14" t="s">
        <v>1</v>
      </c>
      <c r="C108651" s="14" t="s">
        <v>47</v>
      </c>
      <c r="D108651" s="14" t="s">
        <v>281</v>
      </c>
      <c r="E108651" s="15">
        <v>45622</v>
      </c>
      <c r="F108651" s="14" t="s">
        <v>61</v>
      </c>
      <c r="G108651" s="16">
        <v>0</v>
      </c>
    </row>
    <row r="108652" spans="1:7" x14ac:dyDescent="0.3">
      <c r="A108652" s="13" t="s">
        <v>523</v>
      </c>
      <c r="B108652" s="14" t="s">
        <v>1</v>
      </c>
      <c r="C108652" s="14" t="s">
        <v>47</v>
      </c>
      <c r="D108652" s="14" t="s">
        <v>281</v>
      </c>
      <c r="E108652" s="15">
        <v>45623</v>
      </c>
      <c r="F108652" s="14" t="s">
        <v>61</v>
      </c>
      <c r="G108652" s="16">
        <v>0</v>
      </c>
    </row>
    <row r="108653" spans="1:7" x14ac:dyDescent="0.3">
      <c r="A108653" s="13" t="s">
        <v>523</v>
      </c>
      <c r="B108653" s="14" t="s">
        <v>1</v>
      </c>
      <c r="C108653" s="14" t="s">
        <v>47</v>
      </c>
      <c r="D108653" s="14" t="s">
        <v>281</v>
      </c>
      <c r="E108653" s="15">
        <v>45624</v>
      </c>
      <c r="F108653" s="14" t="s">
        <v>61</v>
      </c>
      <c r="G108653" s="16">
        <v>0</v>
      </c>
    </row>
    <row r="108654" spans="1:7" x14ac:dyDescent="0.3">
      <c r="A108654" s="13" t="s">
        <v>523</v>
      </c>
      <c r="B108654" s="14" t="s">
        <v>1</v>
      </c>
      <c r="C108654" s="14" t="s">
        <v>47</v>
      </c>
      <c r="D108654" s="14" t="s">
        <v>281</v>
      </c>
      <c r="E108654" s="15">
        <v>45625</v>
      </c>
      <c r="F108654" s="14" t="s">
        <v>61</v>
      </c>
      <c r="G108654" s="16">
        <v>0</v>
      </c>
    </row>
    <row r="108655" spans="1:7" x14ac:dyDescent="0.3">
      <c r="A108655" s="13" t="s">
        <v>523</v>
      </c>
      <c r="B108655" s="14" t="s">
        <v>1</v>
      </c>
      <c r="C108655" s="14" t="s">
        <v>47</v>
      </c>
      <c r="D108655" s="14" t="s">
        <v>281</v>
      </c>
      <c r="E108655" s="15">
        <v>45626</v>
      </c>
      <c r="F108655" s="14" t="s">
        <v>61</v>
      </c>
      <c r="G108655" s="16">
        <v>0</v>
      </c>
    </row>
    <row r="108656" spans="1:7" x14ac:dyDescent="0.3">
      <c r="A108656" s="13" t="s">
        <v>523</v>
      </c>
      <c r="B108656" s="14" t="s">
        <v>1</v>
      </c>
      <c r="C108656" s="14" t="s">
        <v>47</v>
      </c>
      <c r="D108656" s="14" t="s">
        <v>281</v>
      </c>
      <c r="E108656" s="15">
        <v>45627</v>
      </c>
      <c r="F108656" s="14" t="s">
        <v>61</v>
      </c>
      <c r="G108656" s="16">
        <v>0</v>
      </c>
    </row>
    <row r="108657" spans="1:7" x14ac:dyDescent="0.3">
      <c r="A108657" s="13" t="s">
        <v>523</v>
      </c>
      <c r="B108657" s="14" t="s">
        <v>1</v>
      </c>
      <c r="C108657" s="14" t="s">
        <v>47</v>
      </c>
      <c r="D108657" s="14" t="s">
        <v>281</v>
      </c>
      <c r="E108657" s="15">
        <v>45628</v>
      </c>
      <c r="F108657" s="14" t="s">
        <v>61</v>
      </c>
      <c r="G108657" s="16">
        <v>0</v>
      </c>
    </row>
    <row r="108658" spans="1:7" x14ac:dyDescent="0.3">
      <c r="A108658" s="13" t="s">
        <v>523</v>
      </c>
      <c r="B108658" s="14" t="s">
        <v>1</v>
      </c>
      <c r="C108658" s="14" t="s">
        <v>47</v>
      </c>
      <c r="D108658" s="14" t="s">
        <v>281</v>
      </c>
      <c r="E108658" s="15">
        <v>45629</v>
      </c>
      <c r="F108658" s="14" t="s">
        <v>61</v>
      </c>
      <c r="G108658" s="16">
        <v>0</v>
      </c>
    </row>
    <row r="108659" spans="1:7" x14ac:dyDescent="0.3">
      <c r="A108659" s="13" t="s">
        <v>523</v>
      </c>
      <c r="B108659" s="14" t="s">
        <v>1</v>
      </c>
      <c r="C108659" s="14" t="s">
        <v>47</v>
      </c>
      <c r="D108659" s="14" t="s">
        <v>281</v>
      </c>
      <c r="E108659" s="15">
        <v>45630</v>
      </c>
      <c r="F108659" s="14" t="s">
        <v>61</v>
      </c>
      <c r="G108659" s="16">
        <v>0</v>
      </c>
    </row>
    <row r="108660" spans="1:7" x14ac:dyDescent="0.3">
      <c r="A108660" s="13" t="s">
        <v>523</v>
      </c>
      <c r="B108660" s="14" t="s">
        <v>1</v>
      </c>
      <c r="C108660" s="14" t="s">
        <v>47</v>
      </c>
      <c r="D108660" s="14" t="s">
        <v>281</v>
      </c>
      <c r="E108660" s="15">
        <v>45631</v>
      </c>
      <c r="F108660" s="14" t="s">
        <v>61</v>
      </c>
      <c r="G108660" s="16">
        <v>0</v>
      </c>
    </row>
    <row r="108661" spans="1:7" x14ac:dyDescent="0.3">
      <c r="A108661" s="13" t="s">
        <v>523</v>
      </c>
      <c r="B108661" s="14" t="s">
        <v>1</v>
      </c>
      <c r="C108661" s="14" t="s">
        <v>47</v>
      </c>
      <c r="D108661" s="14" t="s">
        <v>281</v>
      </c>
      <c r="E108661" s="15">
        <v>45632</v>
      </c>
      <c r="F108661" s="14" t="s">
        <v>61</v>
      </c>
      <c r="G108661" s="16">
        <v>0</v>
      </c>
    </row>
    <row r="108662" spans="1:7" x14ac:dyDescent="0.3">
      <c r="A108662" s="13" t="s">
        <v>523</v>
      </c>
      <c r="B108662" s="14" t="s">
        <v>1</v>
      </c>
      <c r="C108662" s="14" t="s">
        <v>47</v>
      </c>
      <c r="D108662" s="14" t="s">
        <v>281</v>
      </c>
      <c r="E108662" s="15">
        <v>45633</v>
      </c>
      <c r="F108662" s="14" t="s">
        <v>61</v>
      </c>
      <c r="G108662" s="16">
        <v>0</v>
      </c>
    </row>
    <row r="108663" spans="1:7" x14ac:dyDescent="0.3">
      <c r="A108663" s="13" t="s">
        <v>523</v>
      </c>
      <c r="B108663" s="14" t="s">
        <v>1</v>
      </c>
      <c r="C108663" s="14" t="s">
        <v>47</v>
      </c>
      <c r="D108663" s="14" t="s">
        <v>281</v>
      </c>
      <c r="E108663" s="15">
        <v>45634</v>
      </c>
      <c r="F108663" s="14" t="s">
        <v>61</v>
      </c>
      <c r="G108663" s="16">
        <v>0</v>
      </c>
    </row>
    <row r="108664" spans="1:7" x14ac:dyDescent="0.3">
      <c r="A108664" s="13" t="s">
        <v>523</v>
      </c>
      <c r="B108664" s="14" t="s">
        <v>1</v>
      </c>
      <c r="C108664" s="14" t="s">
        <v>47</v>
      </c>
      <c r="D108664" s="14" t="s">
        <v>281</v>
      </c>
      <c r="E108664" s="15">
        <v>45635</v>
      </c>
      <c r="F108664" s="14" t="s">
        <v>61</v>
      </c>
      <c r="G108664" s="16">
        <v>0</v>
      </c>
    </row>
    <row r="108665" spans="1:7" x14ac:dyDescent="0.3">
      <c r="A108665" s="13" t="s">
        <v>523</v>
      </c>
      <c r="B108665" s="14" t="s">
        <v>1</v>
      </c>
      <c r="C108665" s="14" t="s">
        <v>47</v>
      </c>
      <c r="D108665" s="14" t="s">
        <v>281</v>
      </c>
      <c r="E108665" s="15">
        <v>45636</v>
      </c>
      <c r="F108665" s="14" t="s">
        <v>61</v>
      </c>
      <c r="G108665" s="16">
        <v>0</v>
      </c>
    </row>
    <row r="108666" spans="1:7" x14ac:dyDescent="0.3">
      <c r="A108666" s="13" t="s">
        <v>523</v>
      </c>
      <c r="B108666" s="14" t="s">
        <v>1</v>
      </c>
      <c r="C108666" s="14" t="s">
        <v>47</v>
      </c>
      <c r="D108666" s="14" t="s">
        <v>281</v>
      </c>
      <c r="E108666" s="15">
        <v>45637</v>
      </c>
      <c r="F108666" s="14" t="s">
        <v>61</v>
      </c>
      <c r="G108666" s="16">
        <v>0</v>
      </c>
    </row>
    <row r="108667" spans="1:7" x14ac:dyDescent="0.3">
      <c r="A108667" s="13" t="s">
        <v>523</v>
      </c>
      <c r="B108667" s="14" t="s">
        <v>1</v>
      </c>
      <c r="C108667" s="14" t="s">
        <v>47</v>
      </c>
      <c r="D108667" s="14" t="s">
        <v>281</v>
      </c>
      <c r="E108667" s="15">
        <v>45638</v>
      </c>
      <c r="F108667" s="14" t="s">
        <v>61</v>
      </c>
      <c r="G108667" s="16">
        <v>0</v>
      </c>
    </row>
    <row r="108668" spans="1:7" x14ac:dyDescent="0.3">
      <c r="A108668" s="13" t="s">
        <v>523</v>
      </c>
      <c r="B108668" s="14" t="s">
        <v>1</v>
      </c>
      <c r="C108668" s="14" t="s">
        <v>47</v>
      </c>
      <c r="D108668" s="14" t="s">
        <v>281</v>
      </c>
      <c r="E108668" s="15">
        <v>45639</v>
      </c>
      <c r="F108668" s="14" t="s">
        <v>61</v>
      </c>
      <c r="G108668" s="16">
        <v>0</v>
      </c>
    </row>
    <row r="108669" spans="1:7" x14ac:dyDescent="0.3">
      <c r="A108669" s="13" t="s">
        <v>523</v>
      </c>
      <c r="B108669" s="14" t="s">
        <v>1</v>
      </c>
      <c r="C108669" s="14" t="s">
        <v>47</v>
      </c>
      <c r="D108669" s="14" t="s">
        <v>281</v>
      </c>
      <c r="E108669" s="15">
        <v>45640</v>
      </c>
      <c r="F108669" s="14" t="s">
        <v>61</v>
      </c>
      <c r="G108669" s="16">
        <v>0</v>
      </c>
    </row>
    <row r="108670" spans="1:7" x14ac:dyDescent="0.3">
      <c r="A108670" s="13" t="s">
        <v>523</v>
      </c>
      <c r="B108670" s="14" t="s">
        <v>1</v>
      </c>
      <c r="C108670" s="14" t="s">
        <v>47</v>
      </c>
      <c r="D108670" s="14" t="s">
        <v>281</v>
      </c>
      <c r="E108670" s="15">
        <v>45641</v>
      </c>
      <c r="F108670" s="14" t="s">
        <v>61</v>
      </c>
      <c r="G108670" s="16">
        <v>0</v>
      </c>
    </row>
    <row r="108671" spans="1:7" x14ac:dyDescent="0.3">
      <c r="A108671" s="13" t="s">
        <v>523</v>
      </c>
      <c r="B108671" s="14" t="s">
        <v>1</v>
      </c>
      <c r="C108671" s="14" t="s">
        <v>47</v>
      </c>
      <c r="D108671" s="14" t="s">
        <v>281</v>
      </c>
      <c r="E108671" s="15">
        <v>45642</v>
      </c>
      <c r="F108671" s="14" t="s">
        <v>61</v>
      </c>
      <c r="G108671" s="16">
        <v>0</v>
      </c>
    </row>
    <row r="108672" spans="1:7" x14ac:dyDescent="0.3">
      <c r="A108672" s="13" t="s">
        <v>523</v>
      </c>
      <c r="B108672" s="14" t="s">
        <v>1</v>
      </c>
      <c r="C108672" s="14" t="s">
        <v>47</v>
      </c>
      <c r="D108672" s="14" t="s">
        <v>281</v>
      </c>
      <c r="E108672" s="15">
        <v>45643</v>
      </c>
      <c r="F108672" s="14" t="s">
        <v>61</v>
      </c>
      <c r="G108672" s="16">
        <v>0</v>
      </c>
    </row>
    <row r="108673" spans="1:7" x14ac:dyDescent="0.3">
      <c r="A108673" s="13" t="s">
        <v>523</v>
      </c>
      <c r="B108673" s="14" t="s">
        <v>1</v>
      </c>
      <c r="C108673" s="14" t="s">
        <v>47</v>
      </c>
      <c r="D108673" s="14" t="s">
        <v>281</v>
      </c>
      <c r="E108673" s="15">
        <v>45644</v>
      </c>
      <c r="F108673" s="14" t="s">
        <v>61</v>
      </c>
      <c r="G108673" s="16">
        <v>0</v>
      </c>
    </row>
    <row r="108674" spans="1:7" x14ac:dyDescent="0.3">
      <c r="A108674" s="13" t="s">
        <v>523</v>
      </c>
      <c r="B108674" s="14" t="s">
        <v>1</v>
      </c>
      <c r="C108674" s="14" t="s">
        <v>47</v>
      </c>
      <c r="D108674" s="14" t="s">
        <v>281</v>
      </c>
      <c r="E108674" s="15">
        <v>45645</v>
      </c>
      <c r="F108674" s="14" t="s">
        <v>61</v>
      </c>
      <c r="G108674" s="16">
        <v>0</v>
      </c>
    </row>
    <row r="108675" spans="1:7" x14ac:dyDescent="0.3">
      <c r="A108675" s="13" t="s">
        <v>523</v>
      </c>
      <c r="B108675" s="14" t="s">
        <v>1</v>
      </c>
      <c r="C108675" s="14" t="s">
        <v>47</v>
      </c>
      <c r="D108675" s="14" t="s">
        <v>281</v>
      </c>
      <c r="E108675" s="15">
        <v>45646</v>
      </c>
      <c r="F108675" s="14" t="s">
        <v>61</v>
      </c>
      <c r="G108675" s="16">
        <v>0</v>
      </c>
    </row>
    <row r="108676" spans="1:7" x14ac:dyDescent="0.3">
      <c r="A108676" s="13" t="s">
        <v>523</v>
      </c>
      <c r="B108676" s="14" t="s">
        <v>1</v>
      </c>
      <c r="C108676" s="14" t="s">
        <v>47</v>
      </c>
      <c r="D108676" s="14" t="s">
        <v>281</v>
      </c>
      <c r="E108676" s="15">
        <v>45647</v>
      </c>
      <c r="F108676" s="14" t="s">
        <v>61</v>
      </c>
      <c r="G108676" s="16">
        <v>0</v>
      </c>
    </row>
    <row r="108677" spans="1:7" x14ac:dyDescent="0.3">
      <c r="A108677" s="13" t="s">
        <v>523</v>
      </c>
      <c r="B108677" s="14" t="s">
        <v>1</v>
      </c>
      <c r="C108677" s="14" t="s">
        <v>47</v>
      </c>
      <c r="D108677" s="14" t="s">
        <v>281</v>
      </c>
      <c r="E108677" s="15">
        <v>45648</v>
      </c>
      <c r="F108677" s="14" t="s">
        <v>61</v>
      </c>
      <c r="G108677" s="16">
        <v>0</v>
      </c>
    </row>
    <row r="108678" spans="1:7" x14ac:dyDescent="0.3">
      <c r="A108678" s="13" t="s">
        <v>523</v>
      </c>
      <c r="B108678" s="14" t="s">
        <v>1</v>
      </c>
      <c r="C108678" s="14" t="s">
        <v>47</v>
      </c>
      <c r="D108678" s="14" t="s">
        <v>281</v>
      </c>
      <c r="E108678" s="15">
        <v>45649</v>
      </c>
      <c r="F108678" s="14" t="s">
        <v>61</v>
      </c>
      <c r="G108678" s="16">
        <v>0</v>
      </c>
    </row>
    <row r="108679" spans="1:7" x14ac:dyDescent="0.3">
      <c r="A108679" s="13" t="s">
        <v>523</v>
      </c>
      <c r="B108679" s="14" t="s">
        <v>1</v>
      </c>
      <c r="C108679" s="14" t="s">
        <v>47</v>
      </c>
      <c r="D108679" s="14" t="s">
        <v>281</v>
      </c>
      <c r="E108679" s="15">
        <v>45650</v>
      </c>
      <c r="F108679" s="14" t="s">
        <v>61</v>
      </c>
      <c r="G108679" s="16">
        <v>0</v>
      </c>
    </row>
    <row r="108680" spans="1:7" x14ac:dyDescent="0.3">
      <c r="A108680" s="13" t="s">
        <v>523</v>
      </c>
      <c r="B108680" s="14" t="s">
        <v>1</v>
      </c>
      <c r="C108680" s="14" t="s">
        <v>47</v>
      </c>
      <c r="D108680" s="14" t="s">
        <v>281</v>
      </c>
      <c r="E108680" s="15">
        <v>45651</v>
      </c>
      <c r="F108680" s="14" t="s">
        <v>61</v>
      </c>
      <c r="G108680" s="16">
        <v>0</v>
      </c>
    </row>
    <row r="108681" spans="1:7" x14ac:dyDescent="0.3">
      <c r="A108681" s="13" t="s">
        <v>523</v>
      </c>
      <c r="B108681" s="14" t="s">
        <v>1</v>
      </c>
      <c r="C108681" s="14" t="s">
        <v>47</v>
      </c>
      <c r="D108681" s="14" t="s">
        <v>281</v>
      </c>
      <c r="E108681" s="15">
        <v>45652</v>
      </c>
      <c r="F108681" s="14" t="s">
        <v>61</v>
      </c>
      <c r="G108681" s="16">
        <v>0</v>
      </c>
    </row>
    <row r="108682" spans="1:7" x14ac:dyDescent="0.3">
      <c r="A108682" s="13" t="s">
        <v>523</v>
      </c>
      <c r="B108682" s="14" t="s">
        <v>1</v>
      </c>
      <c r="C108682" s="14" t="s">
        <v>47</v>
      </c>
      <c r="D108682" s="14" t="s">
        <v>281</v>
      </c>
      <c r="E108682" s="15">
        <v>45653</v>
      </c>
      <c r="F108682" s="14" t="s">
        <v>61</v>
      </c>
      <c r="G108682" s="16">
        <v>0</v>
      </c>
    </row>
    <row r="108683" spans="1:7" x14ac:dyDescent="0.3">
      <c r="A108683" s="13" t="s">
        <v>523</v>
      </c>
      <c r="B108683" s="14" t="s">
        <v>1</v>
      </c>
      <c r="C108683" s="14" t="s">
        <v>47</v>
      </c>
      <c r="D108683" s="14" t="s">
        <v>281</v>
      </c>
      <c r="E108683" s="15">
        <v>45654</v>
      </c>
      <c r="F108683" s="14" t="s">
        <v>61</v>
      </c>
      <c r="G108683" s="16">
        <v>0</v>
      </c>
    </row>
    <row r="108684" spans="1:7" x14ac:dyDescent="0.3">
      <c r="A108684" s="13" t="s">
        <v>523</v>
      </c>
      <c r="B108684" s="14" t="s">
        <v>1</v>
      </c>
      <c r="C108684" s="14" t="s">
        <v>47</v>
      </c>
      <c r="D108684" s="14" t="s">
        <v>281</v>
      </c>
      <c r="E108684" s="15">
        <v>45655</v>
      </c>
      <c r="F108684" s="14" t="s">
        <v>61</v>
      </c>
      <c r="G108684" s="16">
        <v>0</v>
      </c>
    </row>
    <row r="108685" spans="1:7" x14ac:dyDescent="0.3">
      <c r="A108685" s="13" t="s">
        <v>523</v>
      </c>
      <c r="B108685" s="14" t="s">
        <v>1</v>
      </c>
      <c r="C108685" s="14" t="s">
        <v>47</v>
      </c>
      <c r="D108685" s="14" t="s">
        <v>281</v>
      </c>
      <c r="E108685" s="15">
        <v>45656</v>
      </c>
      <c r="F108685" s="14" t="s">
        <v>61</v>
      </c>
      <c r="G108685" s="16">
        <v>0</v>
      </c>
    </row>
    <row r="108686" spans="1:7" x14ac:dyDescent="0.3">
      <c r="A108686" s="13" t="s">
        <v>523</v>
      </c>
      <c r="B108686" s="14" t="s">
        <v>1</v>
      </c>
      <c r="C108686" s="14" t="s">
        <v>47</v>
      </c>
      <c r="D108686" s="14" t="s">
        <v>281</v>
      </c>
      <c r="E108686" s="15">
        <v>45657</v>
      </c>
      <c r="F108686" s="14" t="s">
        <v>61</v>
      </c>
      <c r="G108686" s="16">
        <v>0</v>
      </c>
    </row>
    <row r="108687" spans="1:7" x14ac:dyDescent="0.3">
      <c r="A108687" s="13" t="s">
        <v>523</v>
      </c>
      <c r="B108687" s="14" t="s">
        <v>1</v>
      </c>
      <c r="C108687" s="14" t="s">
        <v>47</v>
      </c>
      <c r="D108687" s="14" t="s">
        <v>281</v>
      </c>
      <c r="E108687" s="15">
        <v>45658</v>
      </c>
      <c r="F108687" s="14" t="s">
        <v>61</v>
      </c>
      <c r="G108687" s="16">
        <v>0</v>
      </c>
    </row>
    <row r="108688" spans="1:7" x14ac:dyDescent="0.3">
      <c r="A108688" s="13" t="s">
        <v>523</v>
      </c>
      <c r="B108688" s="14" t="s">
        <v>1</v>
      </c>
      <c r="C108688" s="14" t="s">
        <v>47</v>
      </c>
      <c r="D108688" s="14" t="s">
        <v>281</v>
      </c>
      <c r="E108688" s="15">
        <v>45659</v>
      </c>
      <c r="F108688" s="14" t="s">
        <v>61</v>
      </c>
      <c r="G108688" s="16">
        <v>0</v>
      </c>
    </row>
    <row r="108689" spans="1:7" x14ac:dyDescent="0.3">
      <c r="A108689" s="13" t="s">
        <v>523</v>
      </c>
      <c r="B108689" s="14" t="s">
        <v>1</v>
      </c>
      <c r="C108689" s="14" t="s">
        <v>47</v>
      </c>
      <c r="D108689" s="14" t="s">
        <v>281</v>
      </c>
      <c r="E108689" s="15">
        <v>45660</v>
      </c>
      <c r="F108689" s="14" t="s">
        <v>61</v>
      </c>
      <c r="G108689" s="16">
        <v>0</v>
      </c>
    </row>
    <row r="108690" spans="1:7" x14ac:dyDescent="0.3">
      <c r="A108690" s="13" t="s">
        <v>523</v>
      </c>
      <c r="B108690" s="14" t="s">
        <v>1</v>
      </c>
      <c r="C108690" s="14" t="s">
        <v>47</v>
      </c>
      <c r="D108690" s="14" t="s">
        <v>281</v>
      </c>
      <c r="E108690" s="15">
        <v>45661</v>
      </c>
      <c r="F108690" s="14" t="s">
        <v>61</v>
      </c>
      <c r="G108690" s="16">
        <v>0</v>
      </c>
    </row>
    <row r="108691" spans="1:7" x14ac:dyDescent="0.3">
      <c r="A108691" s="13" t="s">
        <v>523</v>
      </c>
      <c r="B108691" s="14" t="s">
        <v>1</v>
      </c>
      <c r="C108691" s="14" t="s">
        <v>47</v>
      </c>
      <c r="D108691" s="14" t="s">
        <v>281</v>
      </c>
      <c r="E108691" s="15">
        <v>45662</v>
      </c>
      <c r="F108691" s="14" t="s">
        <v>61</v>
      </c>
      <c r="G108691" s="16">
        <v>0</v>
      </c>
    </row>
    <row r="108692" spans="1:7" x14ac:dyDescent="0.3">
      <c r="A108692" s="13" t="s">
        <v>523</v>
      </c>
      <c r="B108692" s="14" t="s">
        <v>1</v>
      </c>
      <c r="C108692" s="14" t="s">
        <v>47</v>
      </c>
      <c r="D108692" s="14" t="s">
        <v>281</v>
      </c>
      <c r="E108692" s="15">
        <v>45663</v>
      </c>
      <c r="F108692" s="14" t="s">
        <v>61</v>
      </c>
      <c r="G108692" s="16">
        <v>0</v>
      </c>
    </row>
    <row r="108693" spans="1:7" x14ac:dyDescent="0.3">
      <c r="A108693" s="13" t="s">
        <v>523</v>
      </c>
      <c r="B108693" s="14" t="s">
        <v>1</v>
      </c>
      <c r="C108693" s="14" t="s">
        <v>47</v>
      </c>
      <c r="D108693" s="14" t="s">
        <v>281</v>
      </c>
      <c r="E108693" s="15">
        <v>45664</v>
      </c>
      <c r="F108693" s="14" t="s">
        <v>61</v>
      </c>
      <c r="G108693" s="16">
        <v>0</v>
      </c>
    </row>
    <row r="108694" spans="1:7" x14ac:dyDescent="0.3">
      <c r="A108694" s="13" t="s">
        <v>523</v>
      </c>
      <c r="B108694" s="14" t="s">
        <v>1</v>
      </c>
      <c r="C108694" s="14" t="s">
        <v>47</v>
      </c>
      <c r="D108694" s="14" t="s">
        <v>281</v>
      </c>
      <c r="E108694" s="15">
        <v>45665</v>
      </c>
      <c r="F108694" s="14" t="s">
        <v>61</v>
      </c>
      <c r="G108694" s="16">
        <v>0</v>
      </c>
    </row>
    <row r="108695" spans="1:7" x14ac:dyDescent="0.3">
      <c r="A108695" s="13" t="s">
        <v>523</v>
      </c>
      <c r="B108695" s="14" t="s">
        <v>1</v>
      </c>
      <c r="C108695" s="14" t="s">
        <v>47</v>
      </c>
      <c r="D108695" s="14" t="s">
        <v>281</v>
      </c>
      <c r="E108695" s="15">
        <v>45666</v>
      </c>
      <c r="F108695" s="14" t="s">
        <v>61</v>
      </c>
      <c r="G108695" s="16">
        <v>0</v>
      </c>
    </row>
    <row r="108696" spans="1:7" x14ac:dyDescent="0.3">
      <c r="A108696" s="13" t="s">
        <v>523</v>
      </c>
      <c r="B108696" s="14" t="s">
        <v>1</v>
      </c>
      <c r="C108696" s="14" t="s">
        <v>47</v>
      </c>
      <c r="D108696" s="14" t="s">
        <v>281</v>
      </c>
      <c r="E108696" s="15">
        <v>45667</v>
      </c>
      <c r="F108696" s="14" t="s">
        <v>61</v>
      </c>
      <c r="G108696" s="16">
        <v>0</v>
      </c>
    </row>
    <row r="108697" spans="1:7" x14ac:dyDescent="0.3">
      <c r="A108697" s="13" t="s">
        <v>523</v>
      </c>
      <c r="B108697" s="14" t="s">
        <v>1</v>
      </c>
      <c r="C108697" s="14" t="s">
        <v>47</v>
      </c>
      <c r="D108697" s="14" t="s">
        <v>281</v>
      </c>
      <c r="E108697" s="15">
        <v>45668</v>
      </c>
      <c r="F108697" s="14" t="s">
        <v>61</v>
      </c>
      <c r="G108697" s="16">
        <v>0</v>
      </c>
    </row>
    <row r="108698" spans="1:7" x14ac:dyDescent="0.3">
      <c r="A108698" s="13" t="s">
        <v>523</v>
      </c>
      <c r="B108698" s="14" t="s">
        <v>1</v>
      </c>
      <c r="C108698" s="14" t="s">
        <v>47</v>
      </c>
      <c r="D108698" s="14" t="s">
        <v>281</v>
      </c>
      <c r="E108698" s="15">
        <v>45669</v>
      </c>
      <c r="F108698" s="14" t="s">
        <v>61</v>
      </c>
      <c r="G108698" s="16">
        <v>0</v>
      </c>
    </row>
    <row r="108699" spans="1:7" x14ac:dyDescent="0.3">
      <c r="A108699" s="13" t="s">
        <v>523</v>
      </c>
      <c r="B108699" s="14" t="s">
        <v>1</v>
      </c>
      <c r="C108699" s="14" t="s">
        <v>47</v>
      </c>
      <c r="D108699" s="14" t="s">
        <v>281</v>
      </c>
      <c r="E108699" s="15">
        <v>45670</v>
      </c>
      <c r="F108699" s="14" t="s">
        <v>61</v>
      </c>
      <c r="G108699" s="16">
        <v>0</v>
      </c>
    </row>
    <row r="108700" spans="1:7" x14ac:dyDescent="0.3">
      <c r="A108700" s="13" t="s">
        <v>523</v>
      </c>
      <c r="B108700" s="14" t="s">
        <v>1</v>
      </c>
      <c r="C108700" s="14" t="s">
        <v>47</v>
      </c>
      <c r="D108700" s="14" t="s">
        <v>281</v>
      </c>
      <c r="E108700" s="15">
        <v>45671</v>
      </c>
      <c r="F108700" s="14" t="s">
        <v>61</v>
      </c>
      <c r="G108700" s="16">
        <v>0</v>
      </c>
    </row>
    <row r="108701" spans="1:7" x14ac:dyDescent="0.3">
      <c r="A108701" s="13" t="s">
        <v>523</v>
      </c>
      <c r="B108701" s="14" t="s">
        <v>1</v>
      </c>
      <c r="C108701" s="14" t="s">
        <v>47</v>
      </c>
      <c r="D108701" s="14" t="s">
        <v>281</v>
      </c>
      <c r="E108701" s="15">
        <v>45672</v>
      </c>
      <c r="F108701" s="14" t="s">
        <v>61</v>
      </c>
      <c r="G108701" s="16">
        <v>0</v>
      </c>
    </row>
    <row r="108702" spans="1:7" x14ac:dyDescent="0.3">
      <c r="A108702" s="13" t="s">
        <v>523</v>
      </c>
      <c r="B108702" s="14" t="s">
        <v>1</v>
      </c>
      <c r="C108702" s="14" t="s">
        <v>47</v>
      </c>
      <c r="D108702" s="14" t="s">
        <v>281</v>
      </c>
      <c r="E108702" s="15">
        <v>45673</v>
      </c>
      <c r="F108702" s="14" t="s">
        <v>61</v>
      </c>
      <c r="G108702" s="16">
        <v>0</v>
      </c>
    </row>
    <row r="108703" spans="1:7" x14ac:dyDescent="0.3">
      <c r="A108703" s="13" t="s">
        <v>523</v>
      </c>
      <c r="B108703" s="14" t="s">
        <v>1</v>
      </c>
      <c r="C108703" s="14" t="s">
        <v>47</v>
      </c>
      <c r="D108703" s="14" t="s">
        <v>281</v>
      </c>
      <c r="E108703" s="15">
        <v>45674</v>
      </c>
      <c r="F108703" s="14" t="s">
        <v>61</v>
      </c>
      <c r="G108703" s="16">
        <v>0</v>
      </c>
    </row>
    <row r="108704" spans="1:7" x14ac:dyDescent="0.3">
      <c r="A108704" s="13" t="s">
        <v>523</v>
      </c>
      <c r="B108704" s="14" t="s">
        <v>1</v>
      </c>
      <c r="C108704" s="14" t="s">
        <v>47</v>
      </c>
      <c r="D108704" s="14" t="s">
        <v>281</v>
      </c>
      <c r="E108704" s="15">
        <v>45675</v>
      </c>
      <c r="F108704" s="14" t="s">
        <v>61</v>
      </c>
      <c r="G108704" s="16">
        <v>0</v>
      </c>
    </row>
    <row r="108705" spans="1:7" x14ac:dyDescent="0.3">
      <c r="A108705" s="13" t="s">
        <v>523</v>
      </c>
      <c r="B108705" s="14" t="s">
        <v>1</v>
      </c>
      <c r="C108705" s="14" t="s">
        <v>47</v>
      </c>
      <c r="D108705" s="14" t="s">
        <v>281</v>
      </c>
      <c r="E108705" s="15">
        <v>45676</v>
      </c>
      <c r="F108705" s="14" t="s">
        <v>61</v>
      </c>
      <c r="G108705" s="16">
        <v>0</v>
      </c>
    </row>
    <row r="108706" spans="1:7" x14ac:dyDescent="0.3">
      <c r="A108706" s="13" t="s">
        <v>523</v>
      </c>
      <c r="B108706" s="14" t="s">
        <v>1</v>
      </c>
      <c r="C108706" s="14" t="s">
        <v>47</v>
      </c>
      <c r="D108706" s="14" t="s">
        <v>281</v>
      </c>
      <c r="E108706" s="15">
        <v>45677</v>
      </c>
      <c r="F108706" s="14" t="s">
        <v>61</v>
      </c>
      <c r="G108706" s="16">
        <v>0</v>
      </c>
    </row>
    <row r="108707" spans="1:7" x14ac:dyDescent="0.3">
      <c r="A108707" s="13" t="s">
        <v>523</v>
      </c>
      <c r="B108707" s="14" t="s">
        <v>1</v>
      </c>
      <c r="C108707" s="14" t="s">
        <v>47</v>
      </c>
      <c r="D108707" s="14" t="s">
        <v>281</v>
      </c>
      <c r="E108707" s="15">
        <v>45678</v>
      </c>
      <c r="F108707" s="14" t="s">
        <v>61</v>
      </c>
      <c r="G108707" s="16">
        <v>0</v>
      </c>
    </row>
    <row r="108708" spans="1:7" x14ac:dyDescent="0.3">
      <c r="A108708" s="13" t="s">
        <v>523</v>
      </c>
      <c r="B108708" s="14" t="s">
        <v>1</v>
      </c>
      <c r="C108708" s="14" t="s">
        <v>47</v>
      </c>
      <c r="D108708" s="14" t="s">
        <v>281</v>
      </c>
      <c r="E108708" s="15">
        <v>45679</v>
      </c>
      <c r="F108708" s="14" t="s">
        <v>61</v>
      </c>
      <c r="G108708" s="16">
        <v>0</v>
      </c>
    </row>
    <row r="108709" spans="1:7" x14ac:dyDescent="0.3">
      <c r="A108709" s="13" t="s">
        <v>523</v>
      </c>
      <c r="B108709" s="14" t="s">
        <v>1</v>
      </c>
      <c r="C108709" s="14" t="s">
        <v>47</v>
      </c>
      <c r="D108709" s="14" t="s">
        <v>281</v>
      </c>
      <c r="E108709" s="15">
        <v>45680</v>
      </c>
      <c r="F108709" s="14" t="s">
        <v>61</v>
      </c>
      <c r="G108709" s="16">
        <v>0</v>
      </c>
    </row>
    <row r="108710" spans="1:7" x14ac:dyDescent="0.3">
      <c r="A108710" s="13" t="s">
        <v>523</v>
      </c>
      <c r="B108710" s="14" t="s">
        <v>1</v>
      </c>
      <c r="C108710" s="14" t="s">
        <v>47</v>
      </c>
      <c r="D108710" s="14" t="s">
        <v>281</v>
      </c>
      <c r="E108710" s="15">
        <v>45681</v>
      </c>
      <c r="F108710" s="14" t="s">
        <v>61</v>
      </c>
      <c r="G108710" s="16">
        <v>0</v>
      </c>
    </row>
    <row r="108711" spans="1:7" x14ac:dyDescent="0.3">
      <c r="A108711" s="13" t="s">
        <v>523</v>
      </c>
      <c r="B108711" s="14" t="s">
        <v>1</v>
      </c>
      <c r="C108711" s="14" t="s">
        <v>47</v>
      </c>
      <c r="D108711" s="14" t="s">
        <v>281</v>
      </c>
      <c r="E108711" s="15">
        <v>45682</v>
      </c>
      <c r="F108711" s="14" t="s">
        <v>61</v>
      </c>
      <c r="G108711" s="16">
        <v>0</v>
      </c>
    </row>
    <row r="108712" spans="1:7" x14ac:dyDescent="0.3">
      <c r="A108712" s="13" t="s">
        <v>523</v>
      </c>
      <c r="B108712" s="14" t="s">
        <v>1</v>
      </c>
      <c r="C108712" s="14" t="s">
        <v>47</v>
      </c>
      <c r="D108712" s="14" t="s">
        <v>281</v>
      </c>
      <c r="E108712" s="15">
        <v>45683</v>
      </c>
      <c r="F108712" s="14" t="s">
        <v>61</v>
      </c>
      <c r="G108712" s="16">
        <v>0</v>
      </c>
    </row>
    <row r="108713" spans="1:7" x14ac:dyDescent="0.3">
      <c r="A108713" s="13" t="s">
        <v>523</v>
      </c>
      <c r="B108713" s="14" t="s">
        <v>1</v>
      </c>
      <c r="C108713" s="14" t="s">
        <v>47</v>
      </c>
      <c r="D108713" s="14" t="s">
        <v>281</v>
      </c>
      <c r="E108713" s="15">
        <v>45684</v>
      </c>
      <c r="F108713" s="14" t="s">
        <v>61</v>
      </c>
      <c r="G108713" s="16">
        <v>0</v>
      </c>
    </row>
    <row r="108714" spans="1:7" x14ac:dyDescent="0.3">
      <c r="A108714" s="13" t="s">
        <v>523</v>
      </c>
      <c r="B108714" s="14" t="s">
        <v>1</v>
      </c>
      <c r="C108714" s="14" t="s">
        <v>47</v>
      </c>
      <c r="D108714" s="14" t="s">
        <v>281</v>
      </c>
      <c r="E108714" s="15">
        <v>45685</v>
      </c>
      <c r="F108714" s="14" t="s">
        <v>61</v>
      </c>
      <c r="G108714" s="16">
        <v>0</v>
      </c>
    </row>
    <row r="108715" spans="1:7" x14ac:dyDescent="0.3">
      <c r="A108715" s="13" t="s">
        <v>523</v>
      </c>
      <c r="B108715" s="14" t="s">
        <v>1</v>
      </c>
      <c r="C108715" s="14" t="s">
        <v>47</v>
      </c>
      <c r="D108715" s="14" t="s">
        <v>281</v>
      </c>
      <c r="E108715" s="15">
        <v>45686</v>
      </c>
      <c r="F108715" s="14" t="s">
        <v>61</v>
      </c>
      <c r="G108715" s="16">
        <v>0</v>
      </c>
    </row>
    <row r="108716" spans="1:7" x14ac:dyDescent="0.3">
      <c r="A108716" s="13" t="s">
        <v>523</v>
      </c>
      <c r="B108716" s="14" t="s">
        <v>1</v>
      </c>
      <c r="C108716" s="14" t="s">
        <v>47</v>
      </c>
      <c r="D108716" s="14" t="s">
        <v>281</v>
      </c>
      <c r="E108716" s="15">
        <v>45687</v>
      </c>
      <c r="F108716" s="14" t="s">
        <v>61</v>
      </c>
      <c r="G108716" s="16">
        <v>0</v>
      </c>
    </row>
    <row r="108717" spans="1:7" x14ac:dyDescent="0.3">
      <c r="A108717" s="13" t="s">
        <v>523</v>
      </c>
      <c r="B108717" s="14" t="s">
        <v>1</v>
      </c>
      <c r="C108717" s="14" t="s">
        <v>47</v>
      </c>
      <c r="D108717" s="14" t="s">
        <v>281</v>
      </c>
      <c r="E108717" s="15">
        <v>45688</v>
      </c>
      <c r="F108717" s="14" t="s">
        <v>61</v>
      </c>
      <c r="G108717" s="16">
        <v>0</v>
      </c>
    </row>
    <row r="108718" spans="1:7" x14ac:dyDescent="0.3">
      <c r="A108718" s="13" t="s">
        <v>523</v>
      </c>
      <c r="B108718" s="14" t="s">
        <v>1</v>
      </c>
      <c r="C108718" s="14" t="s">
        <v>47</v>
      </c>
      <c r="D108718" s="14" t="s">
        <v>281</v>
      </c>
      <c r="E108718" s="15">
        <v>45689</v>
      </c>
      <c r="F108718" s="14" t="s">
        <v>61</v>
      </c>
      <c r="G108718" s="16">
        <v>0</v>
      </c>
    </row>
    <row r="108719" spans="1:7" x14ac:dyDescent="0.3">
      <c r="A108719" s="13" t="s">
        <v>523</v>
      </c>
      <c r="B108719" s="14" t="s">
        <v>1</v>
      </c>
      <c r="C108719" s="14" t="s">
        <v>47</v>
      </c>
      <c r="D108719" s="14" t="s">
        <v>281</v>
      </c>
      <c r="E108719" s="15">
        <v>45690</v>
      </c>
      <c r="F108719" s="14" t="s">
        <v>61</v>
      </c>
      <c r="G108719" s="16">
        <v>0</v>
      </c>
    </row>
    <row r="108720" spans="1:7" x14ac:dyDescent="0.3">
      <c r="A108720" s="13" t="s">
        <v>523</v>
      </c>
      <c r="B108720" s="14" t="s">
        <v>1</v>
      </c>
      <c r="C108720" s="14" t="s">
        <v>47</v>
      </c>
      <c r="D108720" s="14" t="s">
        <v>281</v>
      </c>
      <c r="E108720" s="15">
        <v>45691</v>
      </c>
      <c r="F108720" s="14" t="s">
        <v>61</v>
      </c>
      <c r="G108720" s="16">
        <v>0</v>
      </c>
    </row>
    <row r="108721" spans="1:7" x14ac:dyDescent="0.3">
      <c r="A108721" s="13" t="s">
        <v>523</v>
      </c>
      <c r="B108721" s="14" t="s">
        <v>1</v>
      </c>
      <c r="C108721" s="14" t="s">
        <v>47</v>
      </c>
      <c r="D108721" s="14" t="s">
        <v>281</v>
      </c>
      <c r="E108721" s="15">
        <v>45692</v>
      </c>
      <c r="F108721" s="14" t="s">
        <v>61</v>
      </c>
      <c r="G108721" s="16">
        <v>0</v>
      </c>
    </row>
    <row r="108722" spans="1:7" x14ac:dyDescent="0.3">
      <c r="A108722" s="13" t="s">
        <v>523</v>
      </c>
      <c r="B108722" s="14" t="s">
        <v>1</v>
      </c>
      <c r="C108722" s="14" t="s">
        <v>47</v>
      </c>
      <c r="D108722" s="14" t="s">
        <v>281</v>
      </c>
      <c r="E108722" s="15">
        <v>45693</v>
      </c>
      <c r="F108722" s="14" t="s">
        <v>61</v>
      </c>
      <c r="G108722" s="16">
        <v>0</v>
      </c>
    </row>
    <row r="108723" spans="1:7" x14ac:dyDescent="0.3">
      <c r="A108723" s="13" t="s">
        <v>523</v>
      </c>
      <c r="B108723" s="14" t="s">
        <v>1</v>
      </c>
      <c r="C108723" s="14" t="s">
        <v>47</v>
      </c>
      <c r="D108723" s="14" t="s">
        <v>281</v>
      </c>
      <c r="E108723" s="15">
        <v>45694</v>
      </c>
      <c r="F108723" s="14" t="s">
        <v>61</v>
      </c>
      <c r="G108723" s="16">
        <v>0</v>
      </c>
    </row>
    <row r="108724" spans="1:7" x14ac:dyDescent="0.3">
      <c r="A108724" s="13" t="s">
        <v>523</v>
      </c>
      <c r="B108724" s="14" t="s">
        <v>1</v>
      </c>
      <c r="C108724" s="14" t="s">
        <v>47</v>
      </c>
      <c r="D108724" s="14" t="s">
        <v>281</v>
      </c>
      <c r="E108724" s="15">
        <v>45695</v>
      </c>
      <c r="F108724" s="14" t="s">
        <v>61</v>
      </c>
      <c r="G108724" s="16">
        <v>0</v>
      </c>
    </row>
    <row r="108725" spans="1:7" x14ac:dyDescent="0.3">
      <c r="A108725" s="13" t="s">
        <v>523</v>
      </c>
      <c r="B108725" s="14" t="s">
        <v>1</v>
      </c>
      <c r="C108725" s="14" t="s">
        <v>47</v>
      </c>
      <c r="D108725" s="14" t="s">
        <v>281</v>
      </c>
      <c r="E108725" s="15">
        <v>45696</v>
      </c>
      <c r="F108725" s="14" t="s">
        <v>61</v>
      </c>
      <c r="G108725" s="16">
        <v>0</v>
      </c>
    </row>
    <row r="108726" spans="1:7" x14ac:dyDescent="0.3">
      <c r="A108726" s="13" t="s">
        <v>523</v>
      </c>
      <c r="B108726" s="14" t="s">
        <v>1</v>
      </c>
      <c r="C108726" s="14" t="s">
        <v>47</v>
      </c>
      <c r="D108726" s="14" t="s">
        <v>281</v>
      </c>
      <c r="E108726" s="15">
        <v>45697</v>
      </c>
      <c r="F108726" s="14" t="s">
        <v>61</v>
      </c>
      <c r="G108726" s="16">
        <v>0</v>
      </c>
    </row>
    <row r="108727" spans="1:7" x14ac:dyDescent="0.3">
      <c r="A108727" s="13" t="s">
        <v>523</v>
      </c>
      <c r="B108727" s="14" t="s">
        <v>1</v>
      </c>
      <c r="C108727" s="14" t="s">
        <v>47</v>
      </c>
      <c r="D108727" s="14" t="s">
        <v>281</v>
      </c>
      <c r="E108727" s="15">
        <v>45698</v>
      </c>
      <c r="F108727" s="14" t="s">
        <v>61</v>
      </c>
      <c r="G108727" s="16">
        <v>0</v>
      </c>
    </row>
    <row r="108728" spans="1:7" x14ac:dyDescent="0.3">
      <c r="A108728" s="13" t="s">
        <v>523</v>
      </c>
      <c r="B108728" s="14" t="s">
        <v>1</v>
      </c>
      <c r="C108728" s="14" t="s">
        <v>47</v>
      </c>
      <c r="D108728" s="14" t="s">
        <v>281</v>
      </c>
      <c r="E108728" s="15">
        <v>45699</v>
      </c>
      <c r="F108728" s="14" t="s">
        <v>61</v>
      </c>
      <c r="G108728" s="16">
        <v>0</v>
      </c>
    </row>
    <row r="108729" spans="1:7" x14ac:dyDescent="0.3">
      <c r="A108729" s="13" t="s">
        <v>523</v>
      </c>
      <c r="B108729" s="14" t="s">
        <v>1</v>
      </c>
      <c r="C108729" s="14" t="s">
        <v>47</v>
      </c>
      <c r="D108729" s="14" t="s">
        <v>281</v>
      </c>
      <c r="E108729" s="15">
        <v>45700</v>
      </c>
      <c r="F108729" s="14" t="s">
        <v>61</v>
      </c>
      <c r="G108729" s="16">
        <v>0</v>
      </c>
    </row>
    <row r="108730" spans="1:7" x14ac:dyDescent="0.3">
      <c r="A108730" s="13" t="s">
        <v>523</v>
      </c>
      <c r="B108730" s="14" t="s">
        <v>1</v>
      </c>
      <c r="C108730" s="14" t="s">
        <v>47</v>
      </c>
      <c r="D108730" s="14" t="s">
        <v>281</v>
      </c>
      <c r="E108730" s="15">
        <v>45701</v>
      </c>
      <c r="F108730" s="14" t="s">
        <v>61</v>
      </c>
      <c r="G108730" s="16">
        <v>0</v>
      </c>
    </row>
    <row r="108731" spans="1:7" x14ac:dyDescent="0.3">
      <c r="A108731" s="13" t="s">
        <v>523</v>
      </c>
      <c r="B108731" s="14" t="s">
        <v>1</v>
      </c>
      <c r="C108731" s="14" t="s">
        <v>47</v>
      </c>
      <c r="D108731" s="14" t="s">
        <v>281</v>
      </c>
      <c r="E108731" s="15">
        <v>45702</v>
      </c>
      <c r="F108731" s="14" t="s">
        <v>61</v>
      </c>
      <c r="G108731" s="16">
        <v>0</v>
      </c>
    </row>
    <row r="108732" spans="1:7" x14ac:dyDescent="0.3">
      <c r="A108732" s="13" t="s">
        <v>523</v>
      </c>
      <c r="B108732" s="14" t="s">
        <v>1</v>
      </c>
      <c r="C108732" s="14" t="s">
        <v>47</v>
      </c>
      <c r="D108732" s="14" t="s">
        <v>281</v>
      </c>
      <c r="E108732" s="15">
        <v>45703</v>
      </c>
      <c r="F108732" s="14" t="s">
        <v>61</v>
      </c>
      <c r="G108732" s="16">
        <v>0</v>
      </c>
    </row>
    <row r="108733" spans="1:7" x14ac:dyDescent="0.3">
      <c r="A108733" s="13" t="s">
        <v>523</v>
      </c>
      <c r="B108733" s="14" t="s">
        <v>1</v>
      </c>
      <c r="C108733" s="14" t="s">
        <v>47</v>
      </c>
      <c r="D108733" s="14" t="s">
        <v>281</v>
      </c>
      <c r="E108733" s="15">
        <v>45704</v>
      </c>
      <c r="F108733" s="14" t="s">
        <v>61</v>
      </c>
      <c r="G108733" s="16">
        <v>0</v>
      </c>
    </row>
    <row r="108734" spans="1:7" x14ac:dyDescent="0.3">
      <c r="A108734" s="13" t="s">
        <v>523</v>
      </c>
      <c r="B108734" s="14" t="s">
        <v>1</v>
      </c>
      <c r="C108734" s="14" t="s">
        <v>47</v>
      </c>
      <c r="D108734" s="14" t="s">
        <v>281</v>
      </c>
      <c r="E108734" s="15">
        <v>45705</v>
      </c>
      <c r="F108734" s="14" t="s">
        <v>61</v>
      </c>
      <c r="G108734" s="16">
        <v>0</v>
      </c>
    </row>
    <row r="108735" spans="1:7" x14ac:dyDescent="0.3">
      <c r="A108735" s="13" t="s">
        <v>523</v>
      </c>
      <c r="B108735" s="14" t="s">
        <v>1</v>
      </c>
      <c r="C108735" s="14" t="s">
        <v>47</v>
      </c>
      <c r="D108735" s="14" t="s">
        <v>281</v>
      </c>
      <c r="E108735" s="15">
        <v>45706</v>
      </c>
      <c r="F108735" s="14" t="s">
        <v>61</v>
      </c>
      <c r="G108735" s="16">
        <v>0</v>
      </c>
    </row>
    <row r="108736" spans="1:7" x14ac:dyDescent="0.3">
      <c r="A108736" s="13" t="s">
        <v>523</v>
      </c>
      <c r="B108736" s="14" t="s">
        <v>1</v>
      </c>
      <c r="C108736" s="14" t="s">
        <v>47</v>
      </c>
      <c r="D108736" s="14" t="s">
        <v>281</v>
      </c>
      <c r="E108736" s="15">
        <v>45707</v>
      </c>
      <c r="F108736" s="14" t="s">
        <v>61</v>
      </c>
      <c r="G108736" s="16">
        <v>0</v>
      </c>
    </row>
    <row r="108737" spans="1:7" x14ac:dyDescent="0.3">
      <c r="A108737" s="13" t="s">
        <v>523</v>
      </c>
      <c r="B108737" s="14" t="s">
        <v>1</v>
      </c>
      <c r="C108737" s="14" t="s">
        <v>47</v>
      </c>
      <c r="D108737" s="14" t="s">
        <v>281</v>
      </c>
      <c r="E108737" s="15">
        <v>45708</v>
      </c>
      <c r="F108737" s="14" t="s">
        <v>61</v>
      </c>
      <c r="G108737" s="16">
        <v>0</v>
      </c>
    </row>
    <row r="108738" spans="1:7" x14ac:dyDescent="0.3">
      <c r="A108738" s="13" t="s">
        <v>523</v>
      </c>
      <c r="B108738" s="14" t="s">
        <v>1</v>
      </c>
      <c r="C108738" s="14" t="s">
        <v>47</v>
      </c>
      <c r="D108738" s="14" t="s">
        <v>281</v>
      </c>
      <c r="E108738" s="15">
        <v>45709</v>
      </c>
      <c r="F108738" s="14" t="s">
        <v>61</v>
      </c>
      <c r="G108738" s="16">
        <v>0</v>
      </c>
    </row>
    <row r="108739" spans="1:7" x14ac:dyDescent="0.3">
      <c r="A108739" s="13" t="s">
        <v>523</v>
      </c>
      <c r="B108739" s="14" t="s">
        <v>1</v>
      </c>
      <c r="C108739" s="14" t="s">
        <v>47</v>
      </c>
      <c r="D108739" s="14" t="s">
        <v>281</v>
      </c>
      <c r="E108739" s="15">
        <v>45710</v>
      </c>
      <c r="F108739" s="14" t="s">
        <v>61</v>
      </c>
      <c r="G108739" s="16">
        <v>0</v>
      </c>
    </row>
    <row r="108740" spans="1:7" x14ac:dyDescent="0.3">
      <c r="A108740" s="13" t="s">
        <v>523</v>
      </c>
      <c r="B108740" s="14" t="s">
        <v>1</v>
      </c>
      <c r="C108740" s="14" t="s">
        <v>47</v>
      </c>
      <c r="D108740" s="14" t="s">
        <v>281</v>
      </c>
      <c r="E108740" s="15">
        <v>45711</v>
      </c>
      <c r="F108740" s="14" t="s">
        <v>61</v>
      </c>
      <c r="G108740" s="16">
        <v>0</v>
      </c>
    </row>
    <row r="108741" spans="1:7" x14ac:dyDescent="0.3">
      <c r="A108741" s="13" t="s">
        <v>523</v>
      </c>
      <c r="B108741" s="14" t="s">
        <v>1</v>
      </c>
      <c r="C108741" s="14" t="s">
        <v>47</v>
      </c>
      <c r="D108741" s="14" t="s">
        <v>281</v>
      </c>
      <c r="E108741" s="15">
        <v>45712</v>
      </c>
      <c r="F108741" s="14" t="s">
        <v>61</v>
      </c>
      <c r="G108741" s="16">
        <v>0</v>
      </c>
    </row>
    <row r="108742" spans="1:7" x14ac:dyDescent="0.3">
      <c r="A108742" s="13" t="s">
        <v>523</v>
      </c>
      <c r="B108742" s="14" t="s">
        <v>1</v>
      </c>
      <c r="C108742" s="14" t="s">
        <v>47</v>
      </c>
      <c r="D108742" s="14" t="s">
        <v>281</v>
      </c>
      <c r="E108742" s="15">
        <v>45713</v>
      </c>
      <c r="F108742" s="14" t="s">
        <v>61</v>
      </c>
      <c r="G108742" s="16">
        <v>0</v>
      </c>
    </row>
    <row r="108743" spans="1:7" x14ac:dyDescent="0.3">
      <c r="A108743" s="13" t="s">
        <v>523</v>
      </c>
      <c r="B108743" s="14" t="s">
        <v>1</v>
      </c>
      <c r="C108743" s="14" t="s">
        <v>47</v>
      </c>
      <c r="D108743" s="14" t="s">
        <v>281</v>
      </c>
      <c r="E108743" s="15">
        <v>45714</v>
      </c>
      <c r="F108743" s="14" t="s">
        <v>61</v>
      </c>
      <c r="G108743" s="16">
        <v>0</v>
      </c>
    </row>
    <row r="108744" spans="1:7" x14ac:dyDescent="0.3">
      <c r="A108744" s="13" t="s">
        <v>523</v>
      </c>
      <c r="B108744" s="14" t="s">
        <v>1</v>
      </c>
      <c r="C108744" s="14" t="s">
        <v>47</v>
      </c>
      <c r="D108744" s="14" t="s">
        <v>281</v>
      </c>
      <c r="E108744" s="15">
        <v>45715</v>
      </c>
      <c r="F108744" s="14" t="s">
        <v>61</v>
      </c>
      <c r="G108744" s="16">
        <v>0</v>
      </c>
    </row>
    <row r="108745" spans="1:7" x14ac:dyDescent="0.3">
      <c r="A108745" s="13" t="s">
        <v>523</v>
      </c>
      <c r="B108745" s="14" t="s">
        <v>1</v>
      </c>
      <c r="C108745" s="14" t="s">
        <v>47</v>
      </c>
      <c r="D108745" s="14" t="s">
        <v>281</v>
      </c>
      <c r="E108745" s="15">
        <v>45716</v>
      </c>
      <c r="F108745" s="14" t="s">
        <v>61</v>
      </c>
      <c r="G108745" s="16">
        <v>0</v>
      </c>
    </row>
    <row r="108746" spans="1:7" x14ac:dyDescent="0.3">
      <c r="A108746" s="13" t="s">
        <v>523</v>
      </c>
      <c r="B108746" s="14" t="s">
        <v>1</v>
      </c>
      <c r="C108746" s="14" t="s">
        <v>47</v>
      </c>
      <c r="D108746" s="14" t="s">
        <v>281</v>
      </c>
      <c r="E108746" s="15">
        <v>45717</v>
      </c>
      <c r="F108746" s="14" t="s">
        <v>61</v>
      </c>
      <c r="G108746" s="16">
        <v>0</v>
      </c>
    </row>
    <row r="108747" spans="1:7" x14ac:dyDescent="0.3">
      <c r="A108747" s="13" t="s">
        <v>523</v>
      </c>
      <c r="B108747" s="14" t="s">
        <v>1</v>
      </c>
      <c r="C108747" s="14" t="s">
        <v>47</v>
      </c>
      <c r="D108747" s="14" t="s">
        <v>281</v>
      </c>
      <c r="E108747" s="15">
        <v>45718</v>
      </c>
      <c r="F108747" s="14" t="s">
        <v>61</v>
      </c>
      <c r="G108747" s="16">
        <v>0</v>
      </c>
    </row>
    <row r="108748" spans="1:7" x14ac:dyDescent="0.3">
      <c r="A108748" s="13" t="s">
        <v>523</v>
      </c>
      <c r="B108748" s="14" t="s">
        <v>1</v>
      </c>
      <c r="C108748" s="14" t="s">
        <v>47</v>
      </c>
      <c r="D108748" s="14" t="s">
        <v>281</v>
      </c>
      <c r="E108748" s="15">
        <v>45719</v>
      </c>
      <c r="F108748" s="14" t="s">
        <v>61</v>
      </c>
      <c r="G108748" s="16">
        <v>0</v>
      </c>
    </row>
    <row r="108749" spans="1:7" x14ac:dyDescent="0.3">
      <c r="A108749" s="13" t="s">
        <v>523</v>
      </c>
      <c r="B108749" s="14" t="s">
        <v>1</v>
      </c>
      <c r="C108749" s="14" t="s">
        <v>47</v>
      </c>
      <c r="D108749" s="14" t="s">
        <v>281</v>
      </c>
      <c r="E108749" s="15">
        <v>45720</v>
      </c>
      <c r="F108749" s="14" t="s">
        <v>61</v>
      </c>
      <c r="G108749" s="16">
        <v>0</v>
      </c>
    </row>
    <row r="108750" spans="1:7" x14ac:dyDescent="0.3">
      <c r="A108750" s="13" t="s">
        <v>523</v>
      </c>
      <c r="B108750" s="14" t="s">
        <v>1</v>
      </c>
      <c r="C108750" s="14" t="s">
        <v>47</v>
      </c>
      <c r="D108750" s="14" t="s">
        <v>281</v>
      </c>
      <c r="E108750" s="15">
        <v>45721</v>
      </c>
      <c r="F108750" s="14" t="s">
        <v>61</v>
      </c>
      <c r="G108750" s="16">
        <v>0</v>
      </c>
    </row>
    <row r="108751" spans="1:7" x14ac:dyDescent="0.3">
      <c r="A108751" s="13" t="s">
        <v>523</v>
      </c>
      <c r="B108751" s="14" t="s">
        <v>1</v>
      </c>
      <c r="C108751" s="14" t="s">
        <v>47</v>
      </c>
      <c r="D108751" s="14" t="s">
        <v>281</v>
      </c>
      <c r="E108751" s="15">
        <v>45722</v>
      </c>
      <c r="F108751" s="14" t="s">
        <v>61</v>
      </c>
      <c r="G108751" s="16">
        <v>0</v>
      </c>
    </row>
    <row r="108752" spans="1:7" x14ac:dyDescent="0.3">
      <c r="A108752" s="13" t="s">
        <v>523</v>
      </c>
      <c r="B108752" s="14" t="s">
        <v>1</v>
      </c>
      <c r="C108752" s="14" t="s">
        <v>47</v>
      </c>
      <c r="D108752" s="14" t="s">
        <v>281</v>
      </c>
      <c r="E108752" s="15">
        <v>45723</v>
      </c>
      <c r="F108752" s="14" t="s">
        <v>61</v>
      </c>
      <c r="G108752" s="16">
        <v>0</v>
      </c>
    </row>
    <row r="108753" spans="1:7" x14ac:dyDescent="0.3">
      <c r="A108753" s="13" t="s">
        <v>523</v>
      </c>
      <c r="B108753" s="14" t="s">
        <v>1</v>
      </c>
      <c r="C108753" s="14" t="s">
        <v>47</v>
      </c>
      <c r="D108753" s="14" t="s">
        <v>281</v>
      </c>
      <c r="E108753" s="15">
        <v>45724</v>
      </c>
      <c r="F108753" s="14" t="s">
        <v>61</v>
      </c>
      <c r="G108753" s="16">
        <v>0</v>
      </c>
    </row>
    <row r="108754" spans="1:7" x14ac:dyDescent="0.3">
      <c r="A108754" s="13" t="s">
        <v>523</v>
      </c>
      <c r="B108754" s="14" t="s">
        <v>1</v>
      </c>
      <c r="C108754" s="14" t="s">
        <v>47</v>
      </c>
      <c r="D108754" s="14" t="s">
        <v>281</v>
      </c>
      <c r="E108754" s="15">
        <v>45725</v>
      </c>
      <c r="F108754" s="14" t="s">
        <v>61</v>
      </c>
      <c r="G108754" s="16">
        <v>0</v>
      </c>
    </row>
    <row r="108755" spans="1:7" x14ac:dyDescent="0.3">
      <c r="A108755" s="13" t="s">
        <v>523</v>
      </c>
      <c r="B108755" s="14" t="s">
        <v>1</v>
      </c>
      <c r="C108755" s="14" t="s">
        <v>47</v>
      </c>
      <c r="D108755" s="14" t="s">
        <v>281</v>
      </c>
      <c r="E108755" s="15">
        <v>45726</v>
      </c>
      <c r="F108755" s="14" t="s">
        <v>61</v>
      </c>
      <c r="G108755" s="16">
        <v>0</v>
      </c>
    </row>
    <row r="108756" spans="1:7" x14ac:dyDescent="0.3">
      <c r="A108756" s="13" t="s">
        <v>523</v>
      </c>
      <c r="B108756" s="14" t="s">
        <v>1</v>
      </c>
      <c r="C108756" s="14" t="s">
        <v>47</v>
      </c>
      <c r="D108756" s="14" t="s">
        <v>281</v>
      </c>
      <c r="E108756" s="15">
        <v>45727</v>
      </c>
      <c r="F108756" s="14" t="s">
        <v>61</v>
      </c>
      <c r="G108756" s="16">
        <v>0</v>
      </c>
    </row>
    <row r="108757" spans="1:7" x14ac:dyDescent="0.3">
      <c r="A108757" s="13" t="s">
        <v>523</v>
      </c>
      <c r="B108757" s="14" t="s">
        <v>1</v>
      </c>
      <c r="C108757" s="14" t="s">
        <v>47</v>
      </c>
      <c r="D108757" s="14" t="s">
        <v>281</v>
      </c>
      <c r="E108757" s="15">
        <v>45728</v>
      </c>
      <c r="F108757" s="14" t="s">
        <v>61</v>
      </c>
      <c r="G108757" s="16">
        <v>0</v>
      </c>
    </row>
    <row r="108758" spans="1:7" x14ac:dyDescent="0.3">
      <c r="A108758" s="13" t="s">
        <v>523</v>
      </c>
      <c r="B108758" s="14" t="s">
        <v>1</v>
      </c>
      <c r="C108758" s="14" t="s">
        <v>47</v>
      </c>
      <c r="D108758" s="14" t="s">
        <v>281</v>
      </c>
      <c r="E108758" s="15">
        <v>45729</v>
      </c>
      <c r="F108758" s="14" t="s">
        <v>61</v>
      </c>
      <c r="G108758" s="16">
        <v>0</v>
      </c>
    </row>
    <row r="108759" spans="1:7" x14ac:dyDescent="0.3">
      <c r="A108759" s="13" t="s">
        <v>523</v>
      </c>
      <c r="B108759" s="14" t="s">
        <v>1</v>
      </c>
      <c r="C108759" s="14" t="s">
        <v>47</v>
      </c>
      <c r="D108759" s="14" t="s">
        <v>281</v>
      </c>
      <c r="E108759" s="15">
        <v>45730</v>
      </c>
      <c r="F108759" s="14" t="s">
        <v>61</v>
      </c>
      <c r="G108759" s="16">
        <v>0</v>
      </c>
    </row>
    <row r="108760" spans="1:7" x14ac:dyDescent="0.3">
      <c r="A108760" s="13" t="s">
        <v>523</v>
      </c>
      <c r="B108760" s="14" t="s">
        <v>1</v>
      </c>
      <c r="C108760" s="14" t="s">
        <v>47</v>
      </c>
      <c r="D108760" s="14" t="s">
        <v>281</v>
      </c>
      <c r="E108760" s="15">
        <v>45731</v>
      </c>
      <c r="F108760" s="14" t="s">
        <v>61</v>
      </c>
      <c r="G108760" s="16">
        <v>0</v>
      </c>
    </row>
    <row r="108761" spans="1:7" x14ac:dyDescent="0.3">
      <c r="A108761" s="13" t="s">
        <v>523</v>
      </c>
      <c r="B108761" s="14" t="s">
        <v>1</v>
      </c>
      <c r="C108761" s="14" t="s">
        <v>47</v>
      </c>
      <c r="D108761" s="14" t="s">
        <v>281</v>
      </c>
      <c r="E108761" s="15">
        <v>45732</v>
      </c>
      <c r="F108761" s="14" t="s">
        <v>61</v>
      </c>
      <c r="G108761" s="16">
        <v>0</v>
      </c>
    </row>
    <row r="108762" spans="1:7" x14ac:dyDescent="0.3">
      <c r="A108762" s="13" t="s">
        <v>523</v>
      </c>
      <c r="B108762" s="14" t="s">
        <v>1</v>
      </c>
      <c r="C108762" s="14" t="s">
        <v>47</v>
      </c>
      <c r="D108762" s="14" t="s">
        <v>281</v>
      </c>
      <c r="E108762" s="15">
        <v>45733</v>
      </c>
      <c r="F108762" s="14" t="s">
        <v>61</v>
      </c>
      <c r="G108762" s="16">
        <v>0</v>
      </c>
    </row>
    <row r="108763" spans="1:7" x14ac:dyDescent="0.3">
      <c r="A108763" s="13" t="s">
        <v>523</v>
      </c>
      <c r="B108763" s="14" t="s">
        <v>1</v>
      </c>
      <c r="C108763" s="14" t="s">
        <v>47</v>
      </c>
      <c r="D108763" s="14" t="s">
        <v>281</v>
      </c>
      <c r="E108763" s="15">
        <v>45734</v>
      </c>
      <c r="F108763" s="14" t="s">
        <v>61</v>
      </c>
      <c r="G108763" s="16">
        <v>0</v>
      </c>
    </row>
    <row r="108764" spans="1:7" x14ac:dyDescent="0.3">
      <c r="A108764" s="13" t="s">
        <v>523</v>
      </c>
      <c r="B108764" s="14" t="s">
        <v>1</v>
      </c>
      <c r="C108764" s="14" t="s">
        <v>47</v>
      </c>
      <c r="D108764" s="14" t="s">
        <v>281</v>
      </c>
      <c r="E108764" s="15">
        <v>45735</v>
      </c>
      <c r="F108764" s="14" t="s">
        <v>61</v>
      </c>
      <c r="G108764" s="16">
        <v>0</v>
      </c>
    </row>
    <row r="108765" spans="1:7" x14ac:dyDescent="0.3">
      <c r="A108765" s="13" t="s">
        <v>523</v>
      </c>
      <c r="B108765" s="14" t="s">
        <v>1</v>
      </c>
      <c r="C108765" s="14" t="s">
        <v>47</v>
      </c>
      <c r="D108765" s="14" t="s">
        <v>281</v>
      </c>
      <c r="E108765" s="15">
        <v>45736</v>
      </c>
      <c r="F108765" s="14" t="s">
        <v>61</v>
      </c>
      <c r="G108765" s="16">
        <v>0</v>
      </c>
    </row>
    <row r="108766" spans="1:7" x14ac:dyDescent="0.3">
      <c r="A108766" s="13" t="s">
        <v>523</v>
      </c>
      <c r="B108766" s="14" t="s">
        <v>1</v>
      </c>
      <c r="C108766" s="14" t="s">
        <v>47</v>
      </c>
      <c r="D108766" s="14" t="s">
        <v>281</v>
      </c>
      <c r="E108766" s="15">
        <v>45737</v>
      </c>
      <c r="F108766" s="14" t="s">
        <v>61</v>
      </c>
      <c r="G108766" s="16">
        <v>0</v>
      </c>
    </row>
    <row r="108767" spans="1:7" x14ac:dyDescent="0.3">
      <c r="A108767" s="13" t="s">
        <v>523</v>
      </c>
      <c r="B108767" s="14" t="s">
        <v>1</v>
      </c>
      <c r="C108767" s="14" t="s">
        <v>47</v>
      </c>
      <c r="D108767" s="14" t="s">
        <v>281</v>
      </c>
      <c r="E108767" s="15">
        <v>45738</v>
      </c>
      <c r="F108767" s="14" t="s">
        <v>61</v>
      </c>
      <c r="G108767" s="16">
        <v>0</v>
      </c>
    </row>
    <row r="108768" spans="1:7" x14ac:dyDescent="0.3">
      <c r="A108768" s="13" t="s">
        <v>523</v>
      </c>
      <c r="B108768" s="14" t="s">
        <v>1</v>
      </c>
      <c r="C108768" s="14" t="s">
        <v>47</v>
      </c>
      <c r="D108768" s="14" t="s">
        <v>281</v>
      </c>
      <c r="E108768" s="15">
        <v>45739</v>
      </c>
      <c r="F108768" s="14" t="s">
        <v>61</v>
      </c>
      <c r="G108768" s="16">
        <v>0</v>
      </c>
    </row>
    <row r="108769" spans="1:7" x14ac:dyDescent="0.3">
      <c r="A108769" s="13" t="s">
        <v>523</v>
      </c>
      <c r="B108769" s="14" t="s">
        <v>1</v>
      </c>
      <c r="C108769" s="14" t="s">
        <v>47</v>
      </c>
      <c r="D108769" s="14" t="s">
        <v>281</v>
      </c>
      <c r="E108769" s="15">
        <v>45740</v>
      </c>
      <c r="F108769" s="14" t="s">
        <v>61</v>
      </c>
      <c r="G108769" s="16">
        <v>0</v>
      </c>
    </row>
    <row r="108770" spans="1:7" x14ac:dyDescent="0.3">
      <c r="A108770" s="13" t="s">
        <v>523</v>
      </c>
      <c r="B108770" s="14" t="s">
        <v>1</v>
      </c>
      <c r="C108770" s="14" t="s">
        <v>47</v>
      </c>
      <c r="D108770" s="14" t="s">
        <v>281</v>
      </c>
      <c r="E108770" s="15">
        <v>45741</v>
      </c>
      <c r="F108770" s="14" t="s">
        <v>61</v>
      </c>
      <c r="G108770" s="16">
        <v>0</v>
      </c>
    </row>
    <row r="108771" spans="1:7" x14ac:dyDescent="0.3">
      <c r="A108771" s="13" t="s">
        <v>523</v>
      </c>
      <c r="B108771" s="14" t="s">
        <v>1</v>
      </c>
      <c r="C108771" s="14" t="s">
        <v>47</v>
      </c>
      <c r="D108771" s="14" t="s">
        <v>281</v>
      </c>
      <c r="E108771" s="15">
        <v>45742</v>
      </c>
      <c r="F108771" s="14" t="s">
        <v>61</v>
      </c>
      <c r="G108771" s="16">
        <v>0</v>
      </c>
    </row>
    <row r="108772" spans="1:7" x14ac:dyDescent="0.3">
      <c r="A108772" s="13" t="s">
        <v>523</v>
      </c>
      <c r="B108772" s="14" t="s">
        <v>1</v>
      </c>
      <c r="C108772" s="14" t="s">
        <v>47</v>
      </c>
      <c r="D108772" s="14" t="s">
        <v>281</v>
      </c>
      <c r="E108772" s="15">
        <v>45743</v>
      </c>
      <c r="F108772" s="14" t="s">
        <v>61</v>
      </c>
      <c r="G108772" s="16">
        <v>0</v>
      </c>
    </row>
    <row r="108773" spans="1:7" x14ac:dyDescent="0.3">
      <c r="A108773" s="13" t="s">
        <v>523</v>
      </c>
      <c r="B108773" s="14" t="s">
        <v>1</v>
      </c>
      <c r="C108773" s="14" t="s">
        <v>47</v>
      </c>
      <c r="D108773" s="14" t="s">
        <v>281</v>
      </c>
      <c r="E108773" s="15">
        <v>45744</v>
      </c>
      <c r="F108773" s="14" t="s">
        <v>61</v>
      </c>
      <c r="G108773" s="16">
        <v>0</v>
      </c>
    </row>
    <row r="108774" spans="1:7" x14ac:dyDescent="0.3">
      <c r="A108774" s="13" t="s">
        <v>523</v>
      </c>
      <c r="B108774" s="14" t="s">
        <v>1</v>
      </c>
      <c r="C108774" s="14" t="s">
        <v>47</v>
      </c>
      <c r="D108774" s="14" t="s">
        <v>281</v>
      </c>
      <c r="E108774" s="15">
        <v>45745</v>
      </c>
      <c r="F108774" s="14" t="s">
        <v>61</v>
      </c>
      <c r="G108774" s="16">
        <v>0</v>
      </c>
    </row>
    <row r="108775" spans="1:7" x14ac:dyDescent="0.3">
      <c r="A108775" s="13" t="s">
        <v>523</v>
      </c>
      <c r="B108775" s="14" t="s">
        <v>1</v>
      </c>
      <c r="C108775" s="14" t="s">
        <v>47</v>
      </c>
      <c r="D108775" s="14" t="s">
        <v>281</v>
      </c>
      <c r="E108775" s="15">
        <v>45746</v>
      </c>
      <c r="F108775" s="14" t="s">
        <v>61</v>
      </c>
      <c r="G108775" s="16">
        <v>0</v>
      </c>
    </row>
    <row r="108776" spans="1:7" x14ac:dyDescent="0.3">
      <c r="A108776" s="13" t="s">
        <v>523</v>
      </c>
      <c r="B108776" s="14" t="s">
        <v>1</v>
      </c>
      <c r="C108776" s="14" t="s">
        <v>47</v>
      </c>
      <c r="D108776" s="14" t="s">
        <v>281</v>
      </c>
      <c r="E108776" s="15">
        <v>45747</v>
      </c>
      <c r="F108776" s="14" t="s">
        <v>61</v>
      </c>
      <c r="G108776" s="16">
        <v>0</v>
      </c>
    </row>
    <row r="108777" spans="1:7" x14ac:dyDescent="0.3">
      <c r="A108777" s="13" t="s">
        <v>524</v>
      </c>
      <c r="B108777" s="14" t="s">
        <v>1</v>
      </c>
      <c r="C108777" s="14" t="s">
        <v>96</v>
      </c>
      <c r="D108777" s="14" t="s">
        <v>391</v>
      </c>
      <c r="E108777" s="15">
        <v>45383</v>
      </c>
      <c r="F108777" s="14" t="s">
        <v>15</v>
      </c>
      <c r="G108777" s="16">
        <v>0</v>
      </c>
    </row>
    <row r="108778" spans="1:7" x14ac:dyDescent="0.3">
      <c r="A108778" s="13" t="s">
        <v>524</v>
      </c>
      <c r="B108778" s="14" t="s">
        <v>1</v>
      </c>
      <c r="C108778" s="14" t="s">
        <v>96</v>
      </c>
      <c r="D108778" s="14" t="s">
        <v>391</v>
      </c>
      <c r="E108778" s="15">
        <v>45384</v>
      </c>
      <c r="F108778" s="14" t="s">
        <v>15</v>
      </c>
      <c r="G108778" s="16">
        <v>0</v>
      </c>
    </row>
    <row r="108779" spans="1:7" x14ac:dyDescent="0.3">
      <c r="A108779" s="13" t="s">
        <v>524</v>
      </c>
      <c r="B108779" s="14" t="s">
        <v>1</v>
      </c>
      <c r="C108779" s="14" t="s">
        <v>96</v>
      </c>
      <c r="D108779" s="14" t="s">
        <v>391</v>
      </c>
      <c r="E108779" s="15">
        <v>45385</v>
      </c>
      <c r="F108779" s="14" t="s">
        <v>15</v>
      </c>
      <c r="G108779" s="16">
        <v>0</v>
      </c>
    </row>
    <row r="108780" spans="1:7" x14ac:dyDescent="0.3">
      <c r="A108780" s="13" t="s">
        <v>524</v>
      </c>
      <c r="B108780" s="14" t="s">
        <v>1</v>
      </c>
      <c r="C108780" s="14" t="s">
        <v>96</v>
      </c>
      <c r="D108780" s="14" t="s">
        <v>391</v>
      </c>
      <c r="E108780" s="15">
        <v>45386</v>
      </c>
      <c r="F108780" s="14" t="s">
        <v>15</v>
      </c>
      <c r="G108780" s="16">
        <v>0</v>
      </c>
    </row>
    <row r="108781" spans="1:7" x14ac:dyDescent="0.3">
      <c r="A108781" s="13" t="s">
        <v>524</v>
      </c>
      <c r="B108781" s="14" t="s">
        <v>1</v>
      </c>
      <c r="C108781" s="14" t="s">
        <v>96</v>
      </c>
      <c r="D108781" s="14" t="s">
        <v>391</v>
      </c>
      <c r="E108781" s="15">
        <v>45387</v>
      </c>
      <c r="F108781" s="14" t="s">
        <v>15</v>
      </c>
      <c r="G108781" s="16">
        <v>0</v>
      </c>
    </row>
    <row r="108782" spans="1:7" x14ac:dyDescent="0.3">
      <c r="A108782" s="13" t="s">
        <v>524</v>
      </c>
      <c r="B108782" s="14" t="s">
        <v>1</v>
      </c>
      <c r="C108782" s="14" t="s">
        <v>96</v>
      </c>
      <c r="D108782" s="14" t="s">
        <v>391</v>
      </c>
      <c r="E108782" s="15">
        <v>45388</v>
      </c>
      <c r="F108782" s="14" t="s">
        <v>15</v>
      </c>
      <c r="G108782" s="16">
        <v>0</v>
      </c>
    </row>
    <row r="108783" spans="1:7" x14ac:dyDescent="0.3">
      <c r="A108783" s="13" t="s">
        <v>524</v>
      </c>
      <c r="B108783" s="14" t="s">
        <v>1</v>
      </c>
      <c r="C108783" s="14" t="s">
        <v>96</v>
      </c>
      <c r="D108783" s="14" t="s">
        <v>391</v>
      </c>
      <c r="E108783" s="15">
        <v>45389</v>
      </c>
      <c r="F108783" s="14" t="s">
        <v>15</v>
      </c>
      <c r="G108783" s="16">
        <v>0</v>
      </c>
    </row>
    <row r="108784" spans="1:7" x14ac:dyDescent="0.3">
      <c r="A108784" s="13" t="s">
        <v>524</v>
      </c>
      <c r="B108784" s="14" t="s">
        <v>1</v>
      </c>
      <c r="C108784" s="14" t="s">
        <v>96</v>
      </c>
      <c r="D108784" s="14" t="s">
        <v>391</v>
      </c>
      <c r="E108784" s="15">
        <v>45390</v>
      </c>
      <c r="F108784" s="14" t="s">
        <v>15</v>
      </c>
      <c r="G108784" s="16">
        <v>0</v>
      </c>
    </row>
    <row r="108785" spans="1:7" x14ac:dyDescent="0.3">
      <c r="A108785" s="13" t="s">
        <v>524</v>
      </c>
      <c r="B108785" s="14" t="s">
        <v>1</v>
      </c>
      <c r="C108785" s="14" t="s">
        <v>96</v>
      </c>
      <c r="D108785" s="14" t="s">
        <v>391</v>
      </c>
      <c r="E108785" s="15">
        <v>45391</v>
      </c>
      <c r="F108785" s="14" t="s">
        <v>15</v>
      </c>
      <c r="G108785" s="16">
        <v>0</v>
      </c>
    </row>
    <row r="108786" spans="1:7" x14ac:dyDescent="0.3">
      <c r="A108786" s="13" t="s">
        <v>524</v>
      </c>
      <c r="B108786" s="14" t="s">
        <v>1</v>
      </c>
      <c r="C108786" s="14" t="s">
        <v>96</v>
      </c>
      <c r="D108786" s="14" t="s">
        <v>391</v>
      </c>
      <c r="E108786" s="15">
        <v>45392</v>
      </c>
      <c r="F108786" s="14" t="s">
        <v>15</v>
      </c>
      <c r="G108786" s="16">
        <v>0</v>
      </c>
    </row>
    <row r="108787" spans="1:7" x14ac:dyDescent="0.3">
      <c r="A108787" s="13" t="s">
        <v>524</v>
      </c>
      <c r="B108787" s="14" t="s">
        <v>1</v>
      </c>
      <c r="C108787" s="14" t="s">
        <v>96</v>
      </c>
      <c r="D108787" s="14" t="s">
        <v>391</v>
      </c>
      <c r="E108787" s="15">
        <v>45393</v>
      </c>
      <c r="F108787" s="14" t="s">
        <v>15</v>
      </c>
      <c r="G108787" s="16">
        <v>0</v>
      </c>
    </row>
    <row r="108788" spans="1:7" x14ac:dyDescent="0.3">
      <c r="A108788" s="13" t="s">
        <v>524</v>
      </c>
      <c r="B108788" s="14" t="s">
        <v>1</v>
      </c>
      <c r="C108788" s="14" t="s">
        <v>96</v>
      </c>
      <c r="D108788" s="14" t="s">
        <v>391</v>
      </c>
      <c r="E108788" s="15">
        <v>45394</v>
      </c>
      <c r="F108788" s="14" t="s">
        <v>15</v>
      </c>
      <c r="G108788" s="16">
        <v>0</v>
      </c>
    </row>
    <row r="108789" spans="1:7" x14ac:dyDescent="0.3">
      <c r="A108789" s="13" t="s">
        <v>524</v>
      </c>
      <c r="B108789" s="14" t="s">
        <v>1</v>
      </c>
      <c r="C108789" s="14" t="s">
        <v>96</v>
      </c>
      <c r="D108789" s="14" t="s">
        <v>391</v>
      </c>
      <c r="E108789" s="15">
        <v>45395</v>
      </c>
      <c r="F108789" s="14" t="s">
        <v>15</v>
      </c>
      <c r="G108789" s="16">
        <v>0</v>
      </c>
    </row>
    <row r="108790" spans="1:7" x14ac:dyDescent="0.3">
      <c r="A108790" s="13" t="s">
        <v>524</v>
      </c>
      <c r="B108790" s="14" t="s">
        <v>1</v>
      </c>
      <c r="C108790" s="14" t="s">
        <v>96</v>
      </c>
      <c r="D108790" s="14" t="s">
        <v>391</v>
      </c>
      <c r="E108790" s="15">
        <v>45396</v>
      </c>
      <c r="F108790" s="14" t="s">
        <v>15</v>
      </c>
      <c r="G108790" s="16">
        <v>0</v>
      </c>
    </row>
    <row r="108791" spans="1:7" x14ac:dyDescent="0.3">
      <c r="A108791" s="13" t="s">
        <v>524</v>
      </c>
      <c r="B108791" s="14" t="s">
        <v>1</v>
      </c>
      <c r="C108791" s="14" t="s">
        <v>96</v>
      </c>
      <c r="D108791" s="14" t="s">
        <v>391</v>
      </c>
      <c r="E108791" s="15">
        <v>45397</v>
      </c>
      <c r="F108791" s="14" t="s">
        <v>15</v>
      </c>
      <c r="G108791" s="16">
        <v>0</v>
      </c>
    </row>
    <row r="108792" spans="1:7" x14ac:dyDescent="0.3">
      <c r="A108792" s="13" t="s">
        <v>524</v>
      </c>
      <c r="B108792" s="14" t="s">
        <v>1</v>
      </c>
      <c r="C108792" s="14" t="s">
        <v>96</v>
      </c>
      <c r="D108792" s="14" t="s">
        <v>391</v>
      </c>
      <c r="E108792" s="15">
        <v>45398</v>
      </c>
      <c r="F108792" s="14" t="s">
        <v>15</v>
      </c>
      <c r="G108792" s="16">
        <v>0</v>
      </c>
    </row>
    <row r="108793" spans="1:7" x14ac:dyDescent="0.3">
      <c r="A108793" s="13" t="s">
        <v>524</v>
      </c>
      <c r="B108793" s="14" t="s">
        <v>1</v>
      </c>
      <c r="C108793" s="14" t="s">
        <v>96</v>
      </c>
      <c r="D108793" s="14" t="s">
        <v>391</v>
      </c>
      <c r="E108793" s="15">
        <v>45399</v>
      </c>
      <c r="F108793" s="14" t="s">
        <v>15</v>
      </c>
      <c r="G108793" s="16">
        <v>0</v>
      </c>
    </row>
    <row r="108794" spans="1:7" x14ac:dyDescent="0.3">
      <c r="A108794" s="13" t="s">
        <v>524</v>
      </c>
      <c r="B108794" s="14" t="s">
        <v>1</v>
      </c>
      <c r="C108794" s="14" t="s">
        <v>96</v>
      </c>
      <c r="D108794" s="14" t="s">
        <v>391</v>
      </c>
      <c r="E108794" s="15">
        <v>45400</v>
      </c>
      <c r="F108794" s="14" t="s">
        <v>15</v>
      </c>
      <c r="G108794" s="16">
        <v>0</v>
      </c>
    </row>
    <row r="108795" spans="1:7" x14ac:dyDescent="0.3">
      <c r="A108795" s="13" t="s">
        <v>524</v>
      </c>
      <c r="B108795" s="14" t="s">
        <v>1</v>
      </c>
      <c r="C108795" s="14" t="s">
        <v>96</v>
      </c>
      <c r="D108795" s="14" t="s">
        <v>391</v>
      </c>
      <c r="E108795" s="15">
        <v>45401</v>
      </c>
      <c r="F108795" s="14" t="s">
        <v>15</v>
      </c>
      <c r="G108795" s="16">
        <v>0</v>
      </c>
    </row>
    <row r="108796" spans="1:7" x14ac:dyDescent="0.3">
      <c r="A108796" s="13" t="s">
        <v>524</v>
      </c>
      <c r="B108796" s="14" t="s">
        <v>1</v>
      </c>
      <c r="C108796" s="14" t="s">
        <v>96</v>
      </c>
      <c r="D108796" s="14" t="s">
        <v>391</v>
      </c>
      <c r="E108796" s="15">
        <v>45402</v>
      </c>
      <c r="F108796" s="14" t="s">
        <v>15</v>
      </c>
      <c r="G108796" s="16">
        <v>0</v>
      </c>
    </row>
    <row r="108797" spans="1:7" x14ac:dyDescent="0.3">
      <c r="A108797" s="13" t="s">
        <v>524</v>
      </c>
      <c r="B108797" s="14" t="s">
        <v>1</v>
      </c>
      <c r="C108797" s="14" t="s">
        <v>96</v>
      </c>
      <c r="D108797" s="14" t="s">
        <v>391</v>
      </c>
      <c r="E108797" s="15">
        <v>45403</v>
      </c>
      <c r="F108797" s="14" t="s">
        <v>15</v>
      </c>
      <c r="G108797" s="16">
        <v>0</v>
      </c>
    </row>
    <row r="108798" spans="1:7" x14ac:dyDescent="0.3">
      <c r="A108798" s="13" t="s">
        <v>524</v>
      </c>
      <c r="B108798" s="14" t="s">
        <v>1</v>
      </c>
      <c r="C108798" s="14" t="s">
        <v>96</v>
      </c>
      <c r="D108798" s="14" t="s">
        <v>391</v>
      </c>
      <c r="E108798" s="15">
        <v>45404</v>
      </c>
      <c r="F108798" s="14" t="s">
        <v>15</v>
      </c>
      <c r="G108798" s="16">
        <v>0</v>
      </c>
    </row>
    <row r="108799" spans="1:7" x14ac:dyDescent="0.3">
      <c r="A108799" s="13" t="s">
        <v>524</v>
      </c>
      <c r="B108799" s="14" t="s">
        <v>1</v>
      </c>
      <c r="C108799" s="14" t="s">
        <v>96</v>
      </c>
      <c r="D108799" s="14" t="s">
        <v>391</v>
      </c>
      <c r="E108799" s="15">
        <v>45405</v>
      </c>
      <c r="F108799" s="14" t="s">
        <v>15</v>
      </c>
      <c r="G108799" s="16">
        <v>0</v>
      </c>
    </row>
    <row r="108800" spans="1:7" x14ac:dyDescent="0.3">
      <c r="A108800" s="13" t="s">
        <v>524</v>
      </c>
      <c r="B108800" s="14" t="s">
        <v>1</v>
      </c>
      <c r="C108800" s="14" t="s">
        <v>96</v>
      </c>
      <c r="D108800" s="14" t="s">
        <v>391</v>
      </c>
      <c r="E108800" s="15">
        <v>45406</v>
      </c>
      <c r="F108800" s="14" t="s">
        <v>15</v>
      </c>
      <c r="G108800" s="16">
        <v>0</v>
      </c>
    </row>
    <row r="108801" spans="1:7" x14ac:dyDescent="0.3">
      <c r="A108801" s="13" t="s">
        <v>524</v>
      </c>
      <c r="B108801" s="14" t="s">
        <v>1</v>
      </c>
      <c r="C108801" s="14" t="s">
        <v>96</v>
      </c>
      <c r="D108801" s="14" t="s">
        <v>391</v>
      </c>
      <c r="E108801" s="15">
        <v>45407</v>
      </c>
      <c r="F108801" s="14" t="s">
        <v>15</v>
      </c>
      <c r="G108801" s="16">
        <v>0</v>
      </c>
    </row>
    <row r="108802" spans="1:7" x14ac:dyDescent="0.3">
      <c r="A108802" s="13" t="s">
        <v>524</v>
      </c>
      <c r="B108802" s="14" t="s">
        <v>1</v>
      </c>
      <c r="C108802" s="14" t="s">
        <v>96</v>
      </c>
      <c r="D108802" s="14" t="s">
        <v>391</v>
      </c>
      <c r="E108802" s="15">
        <v>45408</v>
      </c>
      <c r="F108802" s="14" t="s">
        <v>15</v>
      </c>
      <c r="G108802" s="16">
        <v>0</v>
      </c>
    </row>
    <row r="108803" spans="1:7" x14ac:dyDescent="0.3">
      <c r="A108803" s="13" t="s">
        <v>524</v>
      </c>
      <c r="B108803" s="14" t="s">
        <v>1</v>
      </c>
      <c r="C108803" s="14" t="s">
        <v>96</v>
      </c>
      <c r="D108803" s="14" t="s">
        <v>391</v>
      </c>
      <c r="E108803" s="15">
        <v>45409</v>
      </c>
      <c r="F108803" s="14" t="s">
        <v>15</v>
      </c>
      <c r="G108803" s="16">
        <v>0</v>
      </c>
    </row>
    <row r="108804" spans="1:7" x14ac:dyDescent="0.3">
      <c r="A108804" s="13" t="s">
        <v>524</v>
      </c>
      <c r="B108804" s="14" t="s">
        <v>1</v>
      </c>
      <c r="C108804" s="14" t="s">
        <v>96</v>
      </c>
      <c r="D108804" s="14" t="s">
        <v>391</v>
      </c>
      <c r="E108804" s="15">
        <v>45410</v>
      </c>
      <c r="F108804" s="14" t="s">
        <v>15</v>
      </c>
      <c r="G108804" s="16">
        <v>0</v>
      </c>
    </row>
    <row r="108805" spans="1:7" x14ac:dyDescent="0.3">
      <c r="A108805" s="13" t="s">
        <v>524</v>
      </c>
      <c r="B108805" s="14" t="s">
        <v>1</v>
      </c>
      <c r="C108805" s="14" t="s">
        <v>96</v>
      </c>
      <c r="D108805" s="14" t="s">
        <v>391</v>
      </c>
      <c r="E108805" s="15">
        <v>45411</v>
      </c>
      <c r="F108805" s="14" t="s">
        <v>15</v>
      </c>
      <c r="G108805" s="16">
        <v>0</v>
      </c>
    </row>
    <row r="108806" spans="1:7" x14ac:dyDescent="0.3">
      <c r="A108806" s="13" t="s">
        <v>524</v>
      </c>
      <c r="B108806" s="14" t="s">
        <v>1</v>
      </c>
      <c r="C108806" s="14" t="s">
        <v>96</v>
      </c>
      <c r="D108806" s="14" t="s">
        <v>391</v>
      </c>
      <c r="E108806" s="15">
        <v>45412</v>
      </c>
      <c r="F108806" s="14" t="s">
        <v>15</v>
      </c>
      <c r="G108806" s="16">
        <v>0</v>
      </c>
    </row>
    <row r="108807" spans="1:7" x14ac:dyDescent="0.3">
      <c r="A108807" s="13" t="s">
        <v>524</v>
      </c>
      <c r="B108807" s="14" t="s">
        <v>1</v>
      </c>
      <c r="C108807" s="14" t="s">
        <v>96</v>
      </c>
      <c r="D108807" s="14" t="s">
        <v>391</v>
      </c>
      <c r="E108807" s="15">
        <v>45413</v>
      </c>
      <c r="F108807" s="14" t="s">
        <v>15</v>
      </c>
      <c r="G108807" s="16">
        <v>0</v>
      </c>
    </row>
    <row r="108808" spans="1:7" x14ac:dyDescent="0.3">
      <c r="A108808" s="13" t="s">
        <v>524</v>
      </c>
      <c r="B108808" s="14" t="s">
        <v>1</v>
      </c>
      <c r="C108808" s="14" t="s">
        <v>96</v>
      </c>
      <c r="D108808" s="14" t="s">
        <v>391</v>
      </c>
      <c r="E108808" s="15">
        <v>45414</v>
      </c>
      <c r="F108808" s="14" t="s">
        <v>15</v>
      </c>
      <c r="G108808" s="16">
        <v>0</v>
      </c>
    </row>
    <row r="108809" spans="1:7" x14ac:dyDescent="0.3">
      <c r="A108809" s="13" t="s">
        <v>524</v>
      </c>
      <c r="B108809" s="14" t="s">
        <v>1</v>
      </c>
      <c r="C108809" s="14" t="s">
        <v>96</v>
      </c>
      <c r="D108809" s="14" t="s">
        <v>391</v>
      </c>
      <c r="E108809" s="15">
        <v>45415</v>
      </c>
      <c r="F108809" s="14" t="s">
        <v>15</v>
      </c>
      <c r="G108809" s="16">
        <v>0</v>
      </c>
    </row>
    <row r="108810" spans="1:7" x14ac:dyDescent="0.3">
      <c r="A108810" s="13" t="s">
        <v>524</v>
      </c>
      <c r="B108810" s="14" t="s">
        <v>1</v>
      </c>
      <c r="C108810" s="14" t="s">
        <v>96</v>
      </c>
      <c r="D108810" s="14" t="s">
        <v>391</v>
      </c>
      <c r="E108810" s="15">
        <v>45416</v>
      </c>
      <c r="F108810" s="14" t="s">
        <v>15</v>
      </c>
      <c r="G108810" s="16">
        <v>0</v>
      </c>
    </row>
    <row r="108811" spans="1:7" x14ac:dyDescent="0.3">
      <c r="A108811" s="13" t="s">
        <v>524</v>
      </c>
      <c r="B108811" s="14" t="s">
        <v>1</v>
      </c>
      <c r="C108811" s="14" t="s">
        <v>96</v>
      </c>
      <c r="D108811" s="14" t="s">
        <v>391</v>
      </c>
      <c r="E108811" s="15">
        <v>45417</v>
      </c>
      <c r="F108811" s="14" t="s">
        <v>15</v>
      </c>
      <c r="G108811" s="16">
        <v>0</v>
      </c>
    </row>
    <row r="108812" spans="1:7" x14ac:dyDescent="0.3">
      <c r="A108812" s="13" t="s">
        <v>524</v>
      </c>
      <c r="B108812" s="14" t="s">
        <v>1</v>
      </c>
      <c r="C108812" s="14" t="s">
        <v>96</v>
      </c>
      <c r="D108812" s="14" t="s">
        <v>391</v>
      </c>
      <c r="E108812" s="15">
        <v>45418</v>
      </c>
      <c r="F108812" s="14" t="s">
        <v>15</v>
      </c>
      <c r="G108812" s="16">
        <v>0</v>
      </c>
    </row>
    <row r="108813" spans="1:7" x14ac:dyDescent="0.3">
      <c r="A108813" s="13" t="s">
        <v>524</v>
      </c>
      <c r="B108813" s="14" t="s">
        <v>1</v>
      </c>
      <c r="C108813" s="14" t="s">
        <v>96</v>
      </c>
      <c r="D108813" s="14" t="s">
        <v>391</v>
      </c>
      <c r="E108813" s="15">
        <v>45419</v>
      </c>
      <c r="F108813" s="14" t="s">
        <v>15</v>
      </c>
      <c r="G108813" s="16">
        <v>0</v>
      </c>
    </row>
    <row r="108814" spans="1:7" x14ac:dyDescent="0.3">
      <c r="A108814" s="13" t="s">
        <v>524</v>
      </c>
      <c r="B108814" s="14" t="s">
        <v>1</v>
      </c>
      <c r="C108814" s="14" t="s">
        <v>96</v>
      </c>
      <c r="D108814" s="14" t="s">
        <v>391</v>
      </c>
      <c r="E108814" s="15">
        <v>45420</v>
      </c>
      <c r="F108814" s="14" t="s">
        <v>15</v>
      </c>
      <c r="G108814" s="16">
        <v>0</v>
      </c>
    </row>
    <row r="108815" spans="1:7" x14ac:dyDescent="0.3">
      <c r="A108815" s="13" t="s">
        <v>524</v>
      </c>
      <c r="B108815" s="14" t="s">
        <v>1</v>
      </c>
      <c r="C108815" s="14" t="s">
        <v>96</v>
      </c>
      <c r="D108815" s="14" t="s">
        <v>391</v>
      </c>
      <c r="E108815" s="15">
        <v>45421</v>
      </c>
      <c r="F108815" s="14" t="s">
        <v>15</v>
      </c>
      <c r="G108815" s="16">
        <v>0</v>
      </c>
    </row>
    <row r="108816" spans="1:7" x14ac:dyDescent="0.3">
      <c r="A108816" s="13" t="s">
        <v>524</v>
      </c>
      <c r="B108816" s="14" t="s">
        <v>1</v>
      </c>
      <c r="C108816" s="14" t="s">
        <v>96</v>
      </c>
      <c r="D108816" s="14" t="s">
        <v>391</v>
      </c>
      <c r="E108816" s="15">
        <v>45422</v>
      </c>
      <c r="F108816" s="14" t="s">
        <v>15</v>
      </c>
      <c r="G108816" s="16">
        <v>0</v>
      </c>
    </row>
    <row r="108817" spans="1:7" x14ac:dyDescent="0.3">
      <c r="A108817" s="13" t="s">
        <v>524</v>
      </c>
      <c r="B108817" s="14" t="s">
        <v>1</v>
      </c>
      <c r="C108817" s="14" t="s">
        <v>96</v>
      </c>
      <c r="D108817" s="14" t="s">
        <v>391</v>
      </c>
      <c r="E108817" s="15">
        <v>45423</v>
      </c>
      <c r="F108817" s="14" t="s">
        <v>15</v>
      </c>
      <c r="G108817" s="16">
        <v>0</v>
      </c>
    </row>
    <row r="108818" spans="1:7" x14ac:dyDescent="0.3">
      <c r="A108818" s="13" t="s">
        <v>524</v>
      </c>
      <c r="B108818" s="14" t="s">
        <v>1</v>
      </c>
      <c r="C108818" s="14" t="s">
        <v>96</v>
      </c>
      <c r="D108818" s="14" t="s">
        <v>391</v>
      </c>
      <c r="E108818" s="15">
        <v>45424</v>
      </c>
      <c r="F108818" s="14" t="s">
        <v>15</v>
      </c>
      <c r="G108818" s="16">
        <v>0</v>
      </c>
    </row>
    <row r="108819" spans="1:7" x14ac:dyDescent="0.3">
      <c r="A108819" s="13" t="s">
        <v>524</v>
      </c>
      <c r="B108819" s="14" t="s">
        <v>1</v>
      </c>
      <c r="C108819" s="14" t="s">
        <v>96</v>
      </c>
      <c r="D108819" s="14" t="s">
        <v>391</v>
      </c>
      <c r="E108819" s="15">
        <v>45425</v>
      </c>
      <c r="F108819" s="14" t="s">
        <v>15</v>
      </c>
      <c r="G108819" s="16">
        <v>0</v>
      </c>
    </row>
    <row r="108820" spans="1:7" x14ac:dyDescent="0.3">
      <c r="A108820" s="13" t="s">
        <v>524</v>
      </c>
      <c r="B108820" s="14" t="s">
        <v>1</v>
      </c>
      <c r="C108820" s="14" t="s">
        <v>96</v>
      </c>
      <c r="D108820" s="14" t="s">
        <v>391</v>
      </c>
      <c r="E108820" s="15">
        <v>45426</v>
      </c>
      <c r="F108820" s="14" t="s">
        <v>15</v>
      </c>
      <c r="G108820" s="16">
        <v>0</v>
      </c>
    </row>
    <row r="108821" spans="1:7" x14ac:dyDescent="0.3">
      <c r="A108821" s="13" t="s">
        <v>524</v>
      </c>
      <c r="B108821" s="14" t="s">
        <v>1</v>
      </c>
      <c r="C108821" s="14" t="s">
        <v>96</v>
      </c>
      <c r="D108821" s="14" t="s">
        <v>391</v>
      </c>
      <c r="E108821" s="15">
        <v>45427</v>
      </c>
      <c r="F108821" s="14" t="s">
        <v>15</v>
      </c>
      <c r="G108821" s="16">
        <v>0</v>
      </c>
    </row>
    <row r="108822" spans="1:7" x14ac:dyDescent="0.3">
      <c r="A108822" s="13" t="s">
        <v>524</v>
      </c>
      <c r="B108822" s="14" t="s">
        <v>1</v>
      </c>
      <c r="C108822" s="14" t="s">
        <v>96</v>
      </c>
      <c r="D108822" s="14" t="s">
        <v>391</v>
      </c>
      <c r="E108822" s="15">
        <v>45428</v>
      </c>
      <c r="F108822" s="14" t="s">
        <v>15</v>
      </c>
      <c r="G108822" s="16">
        <v>0</v>
      </c>
    </row>
    <row r="108823" spans="1:7" x14ac:dyDescent="0.3">
      <c r="A108823" s="13" t="s">
        <v>524</v>
      </c>
      <c r="B108823" s="14" t="s">
        <v>1</v>
      </c>
      <c r="C108823" s="14" t="s">
        <v>96</v>
      </c>
      <c r="D108823" s="14" t="s">
        <v>391</v>
      </c>
      <c r="E108823" s="15">
        <v>45429</v>
      </c>
      <c r="F108823" s="14" t="s">
        <v>15</v>
      </c>
      <c r="G108823" s="16">
        <v>0</v>
      </c>
    </row>
    <row r="108824" spans="1:7" x14ac:dyDescent="0.3">
      <c r="A108824" s="13" t="s">
        <v>524</v>
      </c>
      <c r="B108824" s="14" t="s">
        <v>1</v>
      </c>
      <c r="C108824" s="14" t="s">
        <v>96</v>
      </c>
      <c r="D108824" s="14" t="s">
        <v>391</v>
      </c>
      <c r="E108824" s="15">
        <v>45430</v>
      </c>
      <c r="F108824" s="14" t="s">
        <v>15</v>
      </c>
      <c r="G108824" s="16">
        <v>0</v>
      </c>
    </row>
    <row r="108825" spans="1:7" x14ac:dyDescent="0.3">
      <c r="A108825" s="13" t="s">
        <v>524</v>
      </c>
      <c r="B108825" s="14" t="s">
        <v>1</v>
      </c>
      <c r="C108825" s="14" t="s">
        <v>96</v>
      </c>
      <c r="D108825" s="14" t="s">
        <v>391</v>
      </c>
      <c r="E108825" s="15">
        <v>45431</v>
      </c>
      <c r="F108825" s="14" t="s">
        <v>15</v>
      </c>
      <c r="G108825" s="16">
        <v>0</v>
      </c>
    </row>
    <row r="108826" spans="1:7" x14ac:dyDescent="0.3">
      <c r="A108826" s="13" t="s">
        <v>524</v>
      </c>
      <c r="B108826" s="14" t="s">
        <v>1</v>
      </c>
      <c r="C108826" s="14" t="s">
        <v>96</v>
      </c>
      <c r="D108826" s="14" t="s">
        <v>391</v>
      </c>
      <c r="E108826" s="15">
        <v>45432</v>
      </c>
      <c r="F108826" s="14" t="s">
        <v>15</v>
      </c>
      <c r="G108826" s="16">
        <v>0</v>
      </c>
    </row>
    <row r="108827" spans="1:7" x14ac:dyDescent="0.3">
      <c r="A108827" s="13" t="s">
        <v>524</v>
      </c>
      <c r="B108827" s="14" t="s">
        <v>1</v>
      </c>
      <c r="C108827" s="14" t="s">
        <v>96</v>
      </c>
      <c r="D108827" s="14" t="s">
        <v>391</v>
      </c>
      <c r="E108827" s="15">
        <v>45433</v>
      </c>
      <c r="F108827" s="14" t="s">
        <v>15</v>
      </c>
      <c r="G108827" s="16">
        <v>0</v>
      </c>
    </row>
    <row r="108828" spans="1:7" x14ac:dyDescent="0.3">
      <c r="A108828" s="13" t="s">
        <v>524</v>
      </c>
      <c r="B108828" s="14" t="s">
        <v>1</v>
      </c>
      <c r="C108828" s="14" t="s">
        <v>96</v>
      </c>
      <c r="D108828" s="14" t="s">
        <v>391</v>
      </c>
      <c r="E108828" s="15">
        <v>45434</v>
      </c>
      <c r="F108828" s="14" t="s">
        <v>15</v>
      </c>
      <c r="G108828" s="16">
        <v>0</v>
      </c>
    </row>
    <row r="108829" spans="1:7" x14ac:dyDescent="0.3">
      <c r="A108829" s="13" t="s">
        <v>524</v>
      </c>
      <c r="B108829" s="14" t="s">
        <v>1</v>
      </c>
      <c r="C108829" s="14" t="s">
        <v>96</v>
      </c>
      <c r="D108829" s="14" t="s">
        <v>391</v>
      </c>
      <c r="E108829" s="15">
        <v>45435</v>
      </c>
      <c r="F108829" s="14" t="s">
        <v>15</v>
      </c>
      <c r="G108829" s="16">
        <v>0</v>
      </c>
    </row>
    <row r="108830" spans="1:7" x14ac:dyDescent="0.3">
      <c r="A108830" s="13" t="s">
        <v>524</v>
      </c>
      <c r="B108830" s="14" t="s">
        <v>1</v>
      </c>
      <c r="C108830" s="14" t="s">
        <v>96</v>
      </c>
      <c r="D108830" s="14" t="s">
        <v>391</v>
      </c>
      <c r="E108830" s="15">
        <v>45436</v>
      </c>
      <c r="F108830" s="14" t="s">
        <v>15</v>
      </c>
      <c r="G108830" s="16">
        <v>0</v>
      </c>
    </row>
    <row r="108831" spans="1:7" x14ac:dyDescent="0.3">
      <c r="A108831" s="13" t="s">
        <v>524</v>
      </c>
      <c r="B108831" s="14" t="s">
        <v>1</v>
      </c>
      <c r="C108831" s="14" t="s">
        <v>96</v>
      </c>
      <c r="D108831" s="14" t="s">
        <v>391</v>
      </c>
      <c r="E108831" s="15">
        <v>45437</v>
      </c>
      <c r="F108831" s="14" t="s">
        <v>15</v>
      </c>
      <c r="G108831" s="16">
        <v>0</v>
      </c>
    </row>
    <row r="108832" spans="1:7" x14ac:dyDescent="0.3">
      <c r="A108832" s="13" t="s">
        <v>524</v>
      </c>
      <c r="B108832" s="14" t="s">
        <v>1</v>
      </c>
      <c r="C108832" s="14" t="s">
        <v>96</v>
      </c>
      <c r="D108832" s="14" t="s">
        <v>391</v>
      </c>
      <c r="E108832" s="15">
        <v>45438</v>
      </c>
      <c r="F108832" s="14" t="s">
        <v>15</v>
      </c>
      <c r="G108832" s="16">
        <v>0</v>
      </c>
    </row>
    <row r="108833" spans="1:7" x14ac:dyDescent="0.3">
      <c r="A108833" s="13" t="s">
        <v>524</v>
      </c>
      <c r="B108833" s="14" t="s">
        <v>1</v>
      </c>
      <c r="C108833" s="14" t="s">
        <v>96</v>
      </c>
      <c r="D108833" s="14" t="s">
        <v>391</v>
      </c>
      <c r="E108833" s="15">
        <v>45439</v>
      </c>
      <c r="F108833" s="14" t="s">
        <v>15</v>
      </c>
      <c r="G108833" s="16">
        <v>0</v>
      </c>
    </row>
    <row r="108834" spans="1:7" x14ac:dyDescent="0.3">
      <c r="A108834" s="13" t="s">
        <v>524</v>
      </c>
      <c r="B108834" s="14" t="s">
        <v>1</v>
      </c>
      <c r="C108834" s="14" t="s">
        <v>96</v>
      </c>
      <c r="D108834" s="14" t="s">
        <v>391</v>
      </c>
      <c r="E108834" s="15">
        <v>45440</v>
      </c>
      <c r="F108834" s="14" t="s">
        <v>15</v>
      </c>
      <c r="G108834" s="16">
        <v>0</v>
      </c>
    </row>
    <row r="108835" spans="1:7" x14ac:dyDescent="0.3">
      <c r="A108835" s="13" t="s">
        <v>524</v>
      </c>
      <c r="B108835" s="14" t="s">
        <v>1</v>
      </c>
      <c r="C108835" s="14" t="s">
        <v>96</v>
      </c>
      <c r="D108835" s="14" t="s">
        <v>391</v>
      </c>
      <c r="E108835" s="15">
        <v>45441</v>
      </c>
      <c r="F108835" s="14" t="s">
        <v>15</v>
      </c>
      <c r="G108835" s="16">
        <v>0</v>
      </c>
    </row>
    <row r="108836" spans="1:7" x14ac:dyDescent="0.3">
      <c r="A108836" s="13" t="s">
        <v>524</v>
      </c>
      <c r="B108836" s="14" t="s">
        <v>1</v>
      </c>
      <c r="C108836" s="14" t="s">
        <v>96</v>
      </c>
      <c r="D108836" s="14" t="s">
        <v>391</v>
      </c>
      <c r="E108836" s="15">
        <v>45442</v>
      </c>
      <c r="F108836" s="14" t="s">
        <v>15</v>
      </c>
      <c r="G108836" s="16">
        <v>0</v>
      </c>
    </row>
    <row r="108837" spans="1:7" x14ac:dyDescent="0.3">
      <c r="A108837" s="13" t="s">
        <v>524</v>
      </c>
      <c r="B108837" s="14" t="s">
        <v>1</v>
      </c>
      <c r="C108837" s="14" t="s">
        <v>96</v>
      </c>
      <c r="D108837" s="14" t="s">
        <v>391</v>
      </c>
      <c r="E108837" s="15">
        <v>45443</v>
      </c>
      <c r="F108837" s="14" t="s">
        <v>15</v>
      </c>
      <c r="G108837" s="16">
        <v>0</v>
      </c>
    </row>
    <row r="108838" spans="1:7" x14ac:dyDescent="0.3">
      <c r="A108838" s="13" t="s">
        <v>524</v>
      </c>
      <c r="B108838" s="14" t="s">
        <v>1</v>
      </c>
      <c r="C108838" s="14" t="s">
        <v>96</v>
      </c>
      <c r="D108838" s="14" t="s">
        <v>391</v>
      </c>
      <c r="E108838" s="15">
        <v>45444</v>
      </c>
      <c r="F108838" s="14" t="s">
        <v>15</v>
      </c>
      <c r="G108838" s="16">
        <v>0</v>
      </c>
    </row>
    <row r="108839" spans="1:7" x14ac:dyDescent="0.3">
      <c r="A108839" s="13" t="s">
        <v>524</v>
      </c>
      <c r="B108839" s="14" t="s">
        <v>1</v>
      </c>
      <c r="C108839" s="14" t="s">
        <v>96</v>
      </c>
      <c r="D108839" s="14" t="s">
        <v>391</v>
      </c>
      <c r="E108839" s="15">
        <v>45445</v>
      </c>
      <c r="F108839" s="14" t="s">
        <v>15</v>
      </c>
      <c r="G108839" s="16">
        <v>0</v>
      </c>
    </row>
    <row r="108840" spans="1:7" x14ac:dyDescent="0.3">
      <c r="A108840" s="13" t="s">
        <v>524</v>
      </c>
      <c r="B108840" s="14" t="s">
        <v>1</v>
      </c>
      <c r="C108840" s="14" t="s">
        <v>96</v>
      </c>
      <c r="D108840" s="14" t="s">
        <v>391</v>
      </c>
      <c r="E108840" s="15">
        <v>45446</v>
      </c>
      <c r="F108840" s="14" t="s">
        <v>15</v>
      </c>
      <c r="G108840" s="16">
        <v>0</v>
      </c>
    </row>
    <row r="108841" spans="1:7" x14ac:dyDescent="0.3">
      <c r="A108841" s="13" t="s">
        <v>524</v>
      </c>
      <c r="B108841" s="14" t="s">
        <v>1</v>
      </c>
      <c r="C108841" s="14" t="s">
        <v>96</v>
      </c>
      <c r="D108841" s="14" t="s">
        <v>391</v>
      </c>
      <c r="E108841" s="15">
        <v>45447</v>
      </c>
      <c r="F108841" s="14" t="s">
        <v>15</v>
      </c>
      <c r="G108841" s="16">
        <v>0</v>
      </c>
    </row>
    <row r="108842" spans="1:7" x14ac:dyDescent="0.3">
      <c r="A108842" s="13" t="s">
        <v>524</v>
      </c>
      <c r="B108842" s="14" t="s">
        <v>1</v>
      </c>
      <c r="C108842" s="14" t="s">
        <v>96</v>
      </c>
      <c r="D108842" s="14" t="s">
        <v>391</v>
      </c>
      <c r="E108842" s="15">
        <v>45448</v>
      </c>
      <c r="F108842" s="14" t="s">
        <v>15</v>
      </c>
      <c r="G108842" s="16">
        <v>0</v>
      </c>
    </row>
    <row r="108843" spans="1:7" x14ac:dyDescent="0.3">
      <c r="A108843" s="13" t="s">
        <v>524</v>
      </c>
      <c r="B108843" s="14" t="s">
        <v>1</v>
      </c>
      <c r="C108843" s="14" t="s">
        <v>96</v>
      </c>
      <c r="D108843" s="14" t="s">
        <v>391</v>
      </c>
      <c r="E108843" s="15">
        <v>45449</v>
      </c>
      <c r="F108843" s="14" t="s">
        <v>15</v>
      </c>
      <c r="G108843" s="16">
        <v>0</v>
      </c>
    </row>
    <row r="108844" spans="1:7" x14ac:dyDescent="0.3">
      <c r="A108844" s="13" t="s">
        <v>524</v>
      </c>
      <c r="B108844" s="14" t="s">
        <v>1</v>
      </c>
      <c r="C108844" s="14" t="s">
        <v>96</v>
      </c>
      <c r="D108844" s="14" t="s">
        <v>391</v>
      </c>
      <c r="E108844" s="15">
        <v>45450</v>
      </c>
      <c r="F108844" s="14" t="s">
        <v>15</v>
      </c>
      <c r="G108844" s="16">
        <v>0</v>
      </c>
    </row>
    <row r="108845" spans="1:7" x14ac:dyDescent="0.3">
      <c r="A108845" s="13" t="s">
        <v>524</v>
      </c>
      <c r="B108845" s="14" t="s">
        <v>1</v>
      </c>
      <c r="C108845" s="14" t="s">
        <v>96</v>
      </c>
      <c r="D108845" s="14" t="s">
        <v>391</v>
      </c>
      <c r="E108845" s="15">
        <v>45451</v>
      </c>
      <c r="F108845" s="14" t="s">
        <v>15</v>
      </c>
      <c r="G108845" s="16">
        <v>0</v>
      </c>
    </row>
    <row r="108846" spans="1:7" x14ac:dyDescent="0.3">
      <c r="A108846" s="13" t="s">
        <v>524</v>
      </c>
      <c r="B108846" s="14" t="s">
        <v>1</v>
      </c>
      <c r="C108846" s="14" t="s">
        <v>96</v>
      </c>
      <c r="D108846" s="14" t="s">
        <v>391</v>
      </c>
      <c r="E108846" s="15">
        <v>45452</v>
      </c>
      <c r="F108846" s="14" t="s">
        <v>15</v>
      </c>
      <c r="G108846" s="16">
        <v>0</v>
      </c>
    </row>
    <row r="108847" spans="1:7" x14ac:dyDescent="0.3">
      <c r="A108847" s="13" t="s">
        <v>524</v>
      </c>
      <c r="B108847" s="14" t="s">
        <v>1</v>
      </c>
      <c r="C108847" s="14" t="s">
        <v>96</v>
      </c>
      <c r="D108847" s="14" t="s">
        <v>391</v>
      </c>
      <c r="E108847" s="15">
        <v>45453</v>
      </c>
      <c r="F108847" s="14" t="s">
        <v>15</v>
      </c>
      <c r="G108847" s="16">
        <v>0</v>
      </c>
    </row>
    <row r="108848" spans="1:7" x14ac:dyDescent="0.3">
      <c r="A108848" s="13" t="s">
        <v>524</v>
      </c>
      <c r="B108848" s="14" t="s">
        <v>1</v>
      </c>
      <c r="C108848" s="14" t="s">
        <v>96</v>
      </c>
      <c r="D108848" s="14" t="s">
        <v>391</v>
      </c>
      <c r="E108848" s="15">
        <v>45454</v>
      </c>
      <c r="F108848" s="14" t="s">
        <v>15</v>
      </c>
      <c r="G108848" s="16">
        <v>0</v>
      </c>
    </row>
    <row r="108849" spans="1:7" x14ac:dyDescent="0.3">
      <c r="A108849" s="13" t="s">
        <v>524</v>
      </c>
      <c r="B108849" s="14" t="s">
        <v>1</v>
      </c>
      <c r="C108849" s="14" t="s">
        <v>96</v>
      </c>
      <c r="D108849" s="14" t="s">
        <v>391</v>
      </c>
      <c r="E108849" s="15">
        <v>45455</v>
      </c>
      <c r="F108849" s="14" t="s">
        <v>15</v>
      </c>
      <c r="G108849" s="16">
        <v>0</v>
      </c>
    </row>
    <row r="108850" spans="1:7" x14ac:dyDescent="0.3">
      <c r="A108850" s="13" t="s">
        <v>524</v>
      </c>
      <c r="B108850" s="14" t="s">
        <v>1</v>
      </c>
      <c r="C108850" s="14" t="s">
        <v>96</v>
      </c>
      <c r="D108850" s="14" t="s">
        <v>391</v>
      </c>
      <c r="E108850" s="15">
        <v>45456</v>
      </c>
      <c r="F108850" s="14" t="s">
        <v>15</v>
      </c>
      <c r="G108850" s="16">
        <v>0</v>
      </c>
    </row>
    <row r="108851" spans="1:7" x14ac:dyDescent="0.3">
      <c r="A108851" s="13" t="s">
        <v>524</v>
      </c>
      <c r="B108851" s="14" t="s">
        <v>1</v>
      </c>
      <c r="C108851" s="14" t="s">
        <v>96</v>
      </c>
      <c r="D108851" s="14" t="s">
        <v>391</v>
      </c>
      <c r="E108851" s="15">
        <v>45457</v>
      </c>
      <c r="F108851" s="14" t="s">
        <v>15</v>
      </c>
      <c r="G108851" s="16">
        <v>0</v>
      </c>
    </row>
    <row r="108852" spans="1:7" x14ac:dyDescent="0.3">
      <c r="A108852" s="13" t="s">
        <v>524</v>
      </c>
      <c r="B108852" s="14" t="s">
        <v>1</v>
      </c>
      <c r="C108852" s="14" t="s">
        <v>96</v>
      </c>
      <c r="D108852" s="14" t="s">
        <v>391</v>
      </c>
      <c r="E108852" s="15">
        <v>45458</v>
      </c>
      <c r="F108852" s="14" t="s">
        <v>15</v>
      </c>
      <c r="G108852" s="16">
        <v>0</v>
      </c>
    </row>
    <row r="108853" spans="1:7" x14ac:dyDescent="0.3">
      <c r="A108853" s="13" t="s">
        <v>524</v>
      </c>
      <c r="B108853" s="14" t="s">
        <v>1</v>
      </c>
      <c r="C108853" s="14" t="s">
        <v>96</v>
      </c>
      <c r="D108853" s="14" t="s">
        <v>391</v>
      </c>
      <c r="E108853" s="15">
        <v>45459</v>
      </c>
      <c r="F108853" s="14" t="s">
        <v>15</v>
      </c>
      <c r="G108853" s="16">
        <v>0</v>
      </c>
    </row>
    <row r="108854" spans="1:7" x14ac:dyDescent="0.3">
      <c r="A108854" s="13" t="s">
        <v>524</v>
      </c>
      <c r="B108854" s="14" t="s">
        <v>1</v>
      </c>
      <c r="C108854" s="14" t="s">
        <v>96</v>
      </c>
      <c r="D108854" s="14" t="s">
        <v>391</v>
      </c>
      <c r="E108854" s="15">
        <v>45460</v>
      </c>
      <c r="F108854" s="14" t="s">
        <v>15</v>
      </c>
      <c r="G108854" s="16">
        <v>0</v>
      </c>
    </row>
    <row r="108855" spans="1:7" x14ac:dyDescent="0.3">
      <c r="A108855" s="13" t="s">
        <v>524</v>
      </c>
      <c r="B108855" s="14" t="s">
        <v>1</v>
      </c>
      <c r="C108855" s="14" t="s">
        <v>96</v>
      </c>
      <c r="D108855" s="14" t="s">
        <v>391</v>
      </c>
      <c r="E108855" s="15">
        <v>45461</v>
      </c>
      <c r="F108855" s="14" t="s">
        <v>15</v>
      </c>
      <c r="G108855" s="16">
        <v>0</v>
      </c>
    </row>
    <row r="108856" spans="1:7" x14ac:dyDescent="0.3">
      <c r="A108856" s="13" t="s">
        <v>524</v>
      </c>
      <c r="B108856" s="14" t="s">
        <v>1</v>
      </c>
      <c r="C108856" s="14" t="s">
        <v>96</v>
      </c>
      <c r="D108856" s="14" t="s">
        <v>391</v>
      </c>
      <c r="E108856" s="15">
        <v>45462</v>
      </c>
      <c r="F108856" s="14" t="s">
        <v>15</v>
      </c>
      <c r="G108856" s="16">
        <v>0</v>
      </c>
    </row>
    <row r="108857" spans="1:7" x14ac:dyDescent="0.3">
      <c r="A108857" s="13" t="s">
        <v>524</v>
      </c>
      <c r="B108857" s="14" t="s">
        <v>1</v>
      </c>
      <c r="C108857" s="14" t="s">
        <v>96</v>
      </c>
      <c r="D108857" s="14" t="s">
        <v>391</v>
      </c>
      <c r="E108857" s="15">
        <v>45463</v>
      </c>
      <c r="F108857" s="14" t="s">
        <v>15</v>
      </c>
      <c r="G108857" s="16">
        <v>0</v>
      </c>
    </row>
    <row r="108858" spans="1:7" x14ac:dyDescent="0.3">
      <c r="A108858" s="13" t="s">
        <v>524</v>
      </c>
      <c r="B108858" s="14" t="s">
        <v>1</v>
      </c>
      <c r="C108858" s="14" t="s">
        <v>96</v>
      </c>
      <c r="D108858" s="14" t="s">
        <v>391</v>
      </c>
      <c r="E108858" s="15">
        <v>45464</v>
      </c>
      <c r="F108858" s="14" t="s">
        <v>15</v>
      </c>
      <c r="G108858" s="16">
        <v>0</v>
      </c>
    </row>
    <row r="108859" spans="1:7" x14ac:dyDescent="0.3">
      <c r="A108859" s="13" t="s">
        <v>524</v>
      </c>
      <c r="B108859" s="14" t="s">
        <v>1</v>
      </c>
      <c r="C108859" s="14" t="s">
        <v>96</v>
      </c>
      <c r="D108859" s="14" t="s">
        <v>391</v>
      </c>
      <c r="E108859" s="15">
        <v>45465</v>
      </c>
      <c r="F108859" s="14" t="s">
        <v>15</v>
      </c>
      <c r="G108859" s="16">
        <v>0</v>
      </c>
    </row>
    <row r="108860" spans="1:7" x14ac:dyDescent="0.3">
      <c r="A108860" s="13" t="s">
        <v>524</v>
      </c>
      <c r="B108860" s="14" t="s">
        <v>1</v>
      </c>
      <c r="C108860" s="14" t="s">
        <v>96</v>
      </c>
      <c r="D108860" s="14" t="s">
        <v>391</v>
      </c>
      <c r="E108860" s="15">
        <v>45466</v>
      </c>
      <c r="F108860" s="14" t="s">
        <v>15</v>
      </c>
      <c r="G108860" s="16">
        <v>0</v>
      </c>
    </row>
    <row r="108861" spans="1:7" x14ac:dyDescent="0.3">
      <c r="A108861" s="13" t="s">
        <v>524</v>
      </c>
      <c r="B108861" s="14" t="s">
        <v>1</v>
      </c>
      <c r="C108861" s="14" t="s">
        <v>96</v>
      </c>
      <c r="D108861" s="14" t="s">
        <v>391</v>
      </c>
      <c r="E108861" s="15">
        <v>45467</v>
      </c>
      <c r="F108861" s="14" t="s">
        <v>15</v>
      </c>
      <c r="G108861" s="16">
        <v>0</v>
      </c>
    </row>
    <row r="108862" spans="1:7" x14ac:dyDescent="0.3">
      <c r="A108862" s="13" t="s">
        <v>524</v>
      </c>
      <c r="B108862" s="14" t="s">
        <v>1</v>
      </c>
      <c r="C108862" s="14" t="s">
        <v>96</v>
      </c>
      <c r="D108862" s="14" t="s">
        <v>391</v>
      </c>
      <c r="E108862" s="15">
        <v>45468</v>
      </c>
      <c r="F108862" s="14" t="s">
        <v>15</v>
      </c>
      <c r="G108862" s="16">
        <v>0</v>
      </c>
    </row>
    <row r="108863" spans="1:7" x14ac:dyDescent="0.3">
      <c r="A108863" s="13" t="s">
        <v>524</v>
      </c>
      <c r="B108863" s="14" t="s">
        <v>1</v>
      </c>
      <c r="C108863" s="14" t="s">
        <v>96</v>
      </c>
      <c r="D108863" s="14" t="s">
        <v>391</v>
      </c>
      <c r="E108863" s="15">
        <v>45469</v>
      </c>
      <c r="F108863" s="14" t="s">
        <v>15</v>
      </c>
      <c r="G108863" s="16">
        <v>0</v>
      </c>
    </row>
    <row r="108864" spans="1:7" x14ac:dyDescent="0.3">
      <c r="A108864" s="13" t="s">
        <v>524</v>
      </c>
      <c r="B108864" s="14" t="s">
        <v>1</v>
      </c>
      <c r="C108864" s="14" t="s">
        <v>96</v>
      </c>
      <c r="D108864" s="14" t="s">
        <v>391</v>
      </c>
      <c r="E108864" s="15">
        <v>45470</v>
      </c>
      <c r="F108864" s="14" t="s">
        <v>15</v>
      </c>
      <c r="G108864" s="16">
        <v>0</v>
      </c>
    </row>
    <row r="108865" spans="1:7" x14ac:dyDescent="0.3">
      <c r="A108865" s="13" t="s">
        <v>524</v>
      </c>
      <c r="B108865" s="14" t="s">
        <v>1</v>
      </c>
      <c r="C108865" s="14" t="s">
        <v>96</v>
      </c>
      <c r="D108865" s="14" t="s">
        <v>391</v>
      </c>
      <c r="E108865" s="15">
        <v>45471</v>
      </c>
      <c r="F108865" s="14" t="s">
        <v>15</v>
      </c>
      <c r="G108865" s="16">
        <v>0</v>
      </c>
    </row>
    <row r="108866" spans="1:7" x14ac:dyDescent="0.3">
      <c r="A108866" s="13" t="s">
        <v>524</v>
      </c>
      <c r="B108866" s="14" t="s">
        <v>1</v>
      </c>
      <c r="C108866" s="14" t="s">
        <v>96</v>
      </c>
      <c r="D108866" s="14" t="s">
        <v>391</v>
      </c>
      <c r="E108866" s="15">
        <v>45472</v>
      </c>
      <c r="F108866" s="14" t="s">
        <v>15</v>
      </c>
      <c r="G108866" s="16">
        <v>0</v>
      </c>
    </row>
    <row r="108867" spans="1:7" x14ac:dyDescent="0.3">
      <c r="A108867" s="13" t="s">
        <v>524</v>
      </c>
      <c r="B108867" s="14" t="s">
        <v>1</v>
      </c>
      <c r="C108867" s="14" t="s">
        <v>96</v>
      </c>
      <c r="D108867" s="14" t="s">
        <v>391</v>
      </c>
      <c r="E108867" s="15">
        <v>45473</v>
      </c>
      <c r="F108867" s="14" t="s">
        <v>15</v>
      </c>
      <c r="G108867" s="16">
        <v>0</v>
      </c>
    </row>
    <row r="108868" spans="1:7" x14ac:dyDescent="0.3">
      <c r="A108868" s="13" t="s">
        <v>524</v>
      </c>
      <c r="B108868" s="14" t="s">
        <v>1</v>
      </c>
      <c r="C108868" s="14" t="s">
        <v>96</v>
      </c>
      <c r="D108868" s="14" t="s">
        <v>391</v>
      </c>
      <c r="E108868" s="15">
        <v>45474</v>
      </c>
      <c r="F108868" s="14" t="s">
        <v>15</v>
      </c>
      <c r="G108868" s="16">
        <v>0</v>
      </c>
    </row>
    <row r="108869" spans="1:7" x14ac:dyDescent="0.3">
      <c r="A108869" s="13" t="s">
        <v>524</v>
      </c>
      <c r="B108869" s="14" t="s">
        <v>1</v>
      </c>
      <c r="C108869" s="14" t="s">
        <v>96</v>
      </c>
      <c r="D108869" s="14" t="s">
        <v>391</v>
      </c>
      <c r="E108869" s="15">
        <v>45475</v>
      </c>
      <c r="F108869" s="14" t="s">
        <v>15</v>
      </c>
      <c r="G108869" s="16">
        <v>0</v>
      </c>
    </row>
    <row r="108870" spans="1:7" x14ac:dyDescent="0.3">
      <c r="A108870" s="13" t="s">
        <v>524</v>
      </c>
      <c r="B108870" s="14" t="s">
        <v>1</v>
      </c>
      <c r="C108870" s="14" t="s">
        <v>96</v>
      </c>
      <c r="D108870" s="14" t="s">
        <v>391</v>
      </c>
      <c r="E108870" s="15">
        <v>45476</v>
      </c>
      <c r="F108870" s="14" t="s">
        <v>15</v>
      </c>
      <c r="G108870" s="16">
        <v>0</v>
      </c>
    </row>
    <row r="108871" spans="1:7" x14ac:dyDescent="0.3">
      <c r="A108871" s="13" t="s">
        <v>524</v>
      </c>
      <c r="B108871" s="14" t="s">
        <v>1</v>
      </c>
      <c r="C108871" s="14" t="s">
        <v>96</v>
      </c>
      <c r="D108871" s="14" t="s">
        <v>391</v>
      </c>
      <c r="E108871" s="15">
        <v>45477</v>
      </c>
      <c r="F108871" s="14" t="s">
        <v>15</v>
      </c>
      <c r="G108871" s="16">
        <v>0</v>
      </c>
    </row>
    <row r="108872" spans="1:7" x14ac:dyDescent="0.3">
      <c r="A108872" s="13" t="s">
        <v>524</v>
      </c>
      <c r="B108872" s="14" t="s">
        <v>1</v>
      </c>
      <c r="C108872" s="14" t="s">
        <v>96</v>
      </c>
      <c r="D108872" s="14" t="s">
        <v>391</v>
      </c>
      <c r="E108872" s="15">
        <v>45478</v>
      </c>
      <c r="F108872" s="14" t="s">
        <v>15</v>
      </c>
      <c r="G108872" s="16">
        <v>0</v>
      </c>
    </row>
    <row r="108873" spans="1:7" x14ac:dyDescent="0.3">
      <c r="A108873" s="13" t="s">
        <v>524</v>
      </c>
      <c r="B108873" s="14" t="s">
        <v>1</v>
      </c>
      <c r="C108873" s="14" t="s">
        <v>96</v>
      </c>
      <c r="D108873" s="14" t="s">
        <v>391</v>
      </c>
      <c r="E108873" s="15">
        <v>45479</v>
      </c>
      <c r="F108873" s="14" t="s">
        <v>15</v>
      </c>
      <c r="G108873" s="16">
        <v>0</v>
      </c>
    </row>
    <row r="108874" spans="1:7" x14ac:dyDescent="0.3">
      <c r="A108874" s="13" t="s">
        <v>524</v>
      </c>
      <c r="B108874" s="14" t="s">
        <v>1</v>
      </c>
      <c r="C108874" s="14" t="s">
        <v>96</v>
      </c>
      <c r="D108874" s="14" t="s">
        <v>391</v>
      </c>
      <c r="E108874" s="15">
        <v>45480</v>
      </c>
      <c r="F108874" s="14" t="s">
        <v>15</v>
      </c>
      <c r="G108874" s="16">
        <v>0</v>
      </c>
    </row>
    <row r="108875" spans="1:7" x14ac:dyDescent="0.3">
      <c r="A108875" s="13" t="s">
        <v>524</v>
      </c>
      <c r="B108875" s="14" t="s">
        <v>1</v>
      </c>
      <c r="C108875" s="14" t="s">
        <v>96</v>
      </c>
      <c r="D108875" s="14" t="s">
        <v>391</v>
      </c>
      <c r="E108875" s="15">
        <v>45481</v>
      </c>
      <c r="F108875" s="14" t="s">
        <v>15</v>
      </c>
      <c r="G108875" s="16">
        <v>0</v>
      </c>
    </row>
    <row r="108876" spans="1:7" x14ac:dyDescent="0.3">
      <c r="A108876" s="13" t="s">
        <v>524</v>
      </c>
      <c r="B108876" s="14" t="s">
        <v>1</v>
      </c>
      <c r="C108876" s="14" t="s">
        <v>96</v>
      </c>
      <c r="D108876" s="14" t="s">
        <v>391</v>
      </c>
      <c r="E108876" s="15">
        <v>45482</v>
      </c>
      <c r="F108876" s="14" t="s">
        <v>15</v>
      </c>
      <c r="G108876" s="16">
        <v>0</v>
      </c>
    </row>
    <row r="108877" spans="1:7" x14ac:dyDescent="0.3">
      <c r="A108877" s="13" t="s">
        <v>524</v>
      </c>
      <c r="B108877" s="14" t="s">
        <v>1</v>
      </c>
      <c r="C108877" s="14" t="s">
        <v>96</v>
      </c>
      <c r="D108877" s="14" t="s">
        <v>391</v>
      </c>
      <c r="E108877" s="15">
        <v>45483</v>
      </c>
      <c r="F108877" s="14" t="s">
        <v>15</v>
      </c>
      <c r="G108877" s="16">
        <v>0</v>
      </c>
    </row>
    <row r="108878" spans="1:7" x14ac:dyDescent="0.3">
      <c r="A108878" s="13" t="s">
        <v>524</v>
      </c>
      <c r="B108878" s="14" t="s">
        <v>1</v>
      </c>
      <c r="C108878" s="14" t="s">
        <v>96</v>
      </c>
      <c r="D108878" s="14" t="s">
        <v>391</v>
      </c>
      <c r="E108878" s="15">
        <v>45484</v>
      </c>
      <c r="F108878" s="14" t="s">
        <v>15</v>
      </c>
      <c r="G108878" s="16">
        <v>0</v>
      </c>
    </row>
    <row r="108879" spans="1:7" x14ac:dyDescent="0.3">
      <c r="A108879" s="13" t="s">
        <v>524</v>
      </c>
      <c r="B108879" s="14" t="s">
        <v>1</v>
      </c>
      <c r="C108879" s="14" t="s">
        <v>96</v>
      </c>
      <c r="D108879" s="14" t="s">
        <v>391</v>
      </c>
      <c r="E108879" s="15">
        <v>45485</v>
      </c>
      <c r="F108879" s="14" t="s">
        <v>15</v>
      </c>
      <c r="G108879" s="16">
        <v>0</v>
      </c>
    </row>
    <row r="108880" spans="1:7" x14ac:dyDescent="0.3">
      <c r="A108880" s="13" t="s">
        <v>524</v>
      </c>
      <c r="B108880" s="14" t="s">
        <v>1</v>
      </c>
      <c r="C108880" s="14" t="s">
        <v>96</v>
      </c>
      <c r="D108880" s="14" t="s">
        <v>391</v>
      </c>
      <c r="E108880" s="15">
        <v>45486</v>
      </c>
      <c r="F108880" s="14" t="s">
        <v>15</v>
      </c>
      <c r="G108880" s="16">
        <v>0</v>
      </c>
    </row>
    <row r="108881" spans="1:7" x14ac:dyDescent="0.3">
      <c r="A108881" s="13" t="s">
        <v>524</v>
      </c>
      <c r="B108881" s="14" t="s">
        <v>1</v>
      </c>
      <c r="C108881" s="14" t="s">
        <v>96</v>
      </c>
      <c r="D108881" s="14" t="s">
        <v>391</v>
      </c>
      <c r="E108881" s="15">
        <v>45487</v>
      </c>
      <c r="F108881" s="14" t="s">
        <v>15</v>
      </c>
      <c r="G108881" s="16">
        <v>0</v>
      </c>
    </row>
    <row r="108882" spans="1:7" x14ac:dyDescent="0.3">
      <c r="A108882" s="13" t="s">
        <v>524</v>
      </c>
      <c r="B108882" s="14" t="s">
        <v>1</v>
      </c>
      <c r="C108882" s="14" t="s">
        <v>96</v>
      </c>
      <c r="D108882" s="14" t="s">
        <v>391</v>
      </c>
      <c r="E108882" s="15">
        <v>45488</v>
      </c>
      <c r="F108882" s="14" t="s">
        <v>15</v>
      </c>
      <c r="G108882" s="16">
        <v>0</v>
      </c>
    </row>
    <row r="108883" spans="1:7" x14ac:dyDescent="0.3">
      <c r="A108883" s="13" t="s">
        <v>524</v>
      </c>
      <c r="B108883" s="14" t="s">
        <v>1</v>
      </c>
      <c r="C108883" s="14" t="s">
        <v>96</v>
      </c>
      <c r="D108883" s="14" t="s">
        <v>391</v>
      </c>
      <c r="E108883" s="15">
        <v>45489</v>
      </c>
      <c r="F108883" s="14" t="s">
        <v>15</v>
      </c>
      <c r="G108883" s="16">
        <v>0</v>
      </c>
    </row>
    <row r="108884" spans="1:7" x14ac:dyDescent="0.3">
      <c r="A108884" s="13" t="s">
        <v>524</v>
      </c>
      <c r="B108884" s="14" t="s">
        <v>1</v>
      </c>
      <c r="C108884" s="14" t="s">
        <v>96</v>
      </c>
      <c r="D108884" s="14" t="s">
        <v>391</v>
      </c>
      <c r="E108884" s="15">
        <v>45490</v>
      </c>
      <c r="F108884" s="14" t="s">
        <v>15</v>
      </c>
      <c r="G108884" s="16">
        <v>0</v>
      </c>
    </row>
    <row r="108885" spans="1:7" x14ac:dyDescent="0.3">
      <c r="A108885" s="13" t="s">
        <v>524</v>
      </c>
      <c r="B108885" s="14" t="s">
        <v>1</v>
      </c>
      <c r="C108885" s="14" t="s">
        <v>96</v>
      </c>
      <c r="D108885" s="14" t="s">
        <v>391</v>
      </c>
      <c r="E108885" s="15">
        <v>45491</v>
      </c>
      <c r="F108885" s="14" t="s">
        <v>15</v>
      </c>
      <c r="G108885" s="16">
        <v>0</v>
      </c>
    </row>
    <row r="108886" spans="1:7" x14ac:dyDescent="0.3">
      <c r="A108886" s="13" t="s">
        <v>524</v>
      </c>
      <c r="B108886" s="14" t="s">
        <v>1</v>
      </c>
      <c r="C108886" s="14" t="s">
        <v>96</v>
      </c>
      <c r="D108886" s="14" t="s">
        <v>391</v>
      </c>
      <c r="E108886" s="15">
        <v>45492</v>
      </c>
      <c r="F108886" s="14" t="s">
        <v>15</v>
      </c>
      <c r="G108886" s="16">
        <v>0</v>
      </c>
    </row>
    <row r="108887" spans="1:7" x14ac:dyDescent="0.3">
      <c r="A108887" s="13" t="s">
        <v>524</v>
      </c>
      <c r="B108887" s="14" t="s">
        <v>1</v>
      </c>
      <c r="C108887" s="14" t="s">
        <v>96</v>
      </c>
      <c r="D108887" s="14" t="s">
        <v>391</v>
      </c>
      <c r="E108887" s="15">
        <v>45493</v>
      </c>
      <c r="F108887" s="14" t="s">
        <v>15</v>
      </c>
      <c r="G108887" s="16">
        <v>0</v>
      </c>
    </row>
    <row r="108888" spans="1:7" x14ac:dyDescent="0.3">
      <c r="A108888" s="13" t="s">
        <v>524</v>
      </c>
      <c r="B108888" s="14" t="s">
        <v>1</v>
      </c>
      <c r="C108888" s="14" t="s">
        <v>96</v>
      </c>
      <c r="D108888" s="14" t="s">
        <v>391</v>
      </c>
      <c r="E108888" s="15">
        <v>45494</v>
      </c>
      <c r="F108888" s="14" t="s">
        <v>15</v>
      </c>
      <c r="G108888" s="16">
        <v>0</v>
      </c>
    </row>
    <row r="108889" spans="1:7" x14ac:dyDescent="0.3">
      <c r="A108889" s="13" t="s">
        <v>524</v>
      </c>
      <c r="B108889" s="14" t="s">
        <v>1</v>
      </c>
      <c r="C108889" s="14" t="s">
        <v>96</v>
      </c>
      <c r="D108889" s="14" t="s">
        <v>391</v>
      </c>
      <c r="E108889" s="15">
        <v>45495</v>
      </c>
      <c r="F108889" s="14" t="s">
        <v>15</v>
      </c>
      <c r="G108889" s="16">
        <v>0</v>
      </c>
    </row>
    <row r="108890" spans="1:7" x14ac:dyDescent="0.3">
      <c r="A108890" s="13" t="s">
        <v>524</v>
      </c>
      <c r="B108890" s="14" t="s">
        <v>1</v>
      </c>
      <c r="C108890" s="14" t="s">
        <v>96</v>
      </c>
      <c r="D108890" s="14" t="s">
        <v>391</v>
      </c>
      <c r="E108890" s="15">
        <v>45496</v>
      </c>
      <c r="F108890" s="14" t="s">
        <v>15</v>
      </c>
      <c r="G108890" s="16">
        <v>0</v>
      </c>
    </row>
    <row r="108891" spans="1:7" x14ac:dyDescent="0.3">
      <c r="A108891" s="13" t="s">
        <v>524</v>
      </c>
      <c r="B108891" s="14" t="s">
        <v>1</v>
      </c>
      <c r="C108891" s="14" t="s">
        <v>96</v>
      </c>
      <c r="D108891" s="14" t="s">
        <v>391</v>
      </c>
      <c r="E108891" s="15">
        <v>45497</v>
      </c>
      <c r="F108891" s="14" t="s">
        <v>15</v>
      </c>
      <c r="G108891" s="16">
        <v>0</v>
      </c>
    </row>
    <row r="108892" spans="1:7" x14ac:dyDescent="0.3">
      <c r="A108892" s="13" t="s">
        <v>524</v>
      </c>
      <c r="B108892" s="14" t="s">
        <v>1</v>
      </c>
      <c r="C108892" s="14" t="s">
        <v>96</v>
      </c>
      <c r="D108892" s="14" t="s">
        <v>391</v>
      </c>
      <c r="E108892" s="15">
        <v>45498</v>
      </c>
      <c r="F108892" s="14" t="s">
        <v>15</v>
      </c>
      <c r="G108892" s="16">
        <v>0</v>
      </c>
    </row>
    <row r="108893" spans="1:7" x14ac:dyDescent="0.3">
      <c r="A108893" s="13" t="s">
        <v>524</v>
      </c>
      <c r="B108893" s="14" t="s">
        <v>1</v>
      </c>
      <c r="C108893" s="14" t="s">
        <v>96</v>
      </c>
      <c r="D108893" s="14" t="s">
        <v>391</v>
      </c>
      <c r="E108893" s="15">
        <v>45499</v>
      </c>
      <c r="F108893" s="14" t="s">
        <v>15</v>
      </c>
      <c r="G108893" s="16">
        <v>0</v>
      </c>
    </row>
    <row r="108894" spans="1:7" x14ac:dyDescent="0.3">
      <c r="A108894" s="13" t="s">
        <v>524</v>
      </c>
      <c r="B108894" s="14" t="s">
        <v>1</v>
      </c>
      <c r="C108894" s="14" t="s">
        <v>96</v>
      </c>
      <c r="D108894" s="14" t="s">
        <v>391</v>
      </c>
      <c r="E108894" s="15">
        <v>45500</v>
      </c>
      <c r="F108894" s="14" t="s">
        <v>15</v>
      </c>
      <c r="G108894" s="16">
        <v>0</v>
      </c>
    </row>
    <row r="108895" spans="1:7" x14ac:dyDescent="0.3">
      <c r="A108895" s="13" t="s">
        <v>524</v>
      </c>
      <c r="B108895" s="14" t="s">
        <v>1</v>
      </c>
      <c r="C108895" s="14" t="s">
        <v>96</v>
      </c>
      <c r="D108895" s="14" t="s">
        <v>391</v>
      </c>
      <c r="E108895" s="15">
        <v>45501</v>
      </c>
      <c r="F108895" s="14" t="s">
        <v>15</v>
      </c>
      <c r="G108895" s="16">
        <v>0</v>
      </c>
    </row>
    <row r="108896" spans="1:7" x14ac:dyDescent="0.3">
      <c r="A108896" s="13" t="s">
        <v>524</v>
      </c>
      <c r="B108896" s="14" t="s">
        <v>1</v>
      </c>
      <c r="C108896" s="14" t="s">
        <v>96</v>
      </c>
      <c r="D108896" s="14" t="s">
        <v>391</v>
      </c>
      <c r="E108896" s="15">
        <v>45502</v>
      </c>
      <c r="F108896" s="14" t="s">
        <v>15</v>
      </c>
      <c r="G108896" s="16">
        <v>0</v>
      </c>
    </row>
    <row r="108897" spans="1:7" x14ac:dyDescent="0.3">
      <c r="A108897" s="13" t="s">
        <v>524</v>
      </c>
      <c r="B108897" s="14" t="s">
        <v>1</v>
      </c>
      <c r="C108897" s="14" t="s">
        <v>96</v>
      </c>
      <c r="D108897" s="14" t="s">
        <v>391</v>
      </c>
      <c r="E108897" s="15">
        <v>45503</v>
      </c>
      <c r="F108897" s="14" t="s">
        <v>15</v>
      </c>
      <c r="G108897" s="16">
        <v>0</v>
      </c>
    </row>
    <row r="108898" spans="1:7" x14ac:dyDescent="0.3">
      <c r="A108898" s="13" t="s">
        <v>524</v>
      </c>
      <c r="B108898" s="14" t="s">
        <v>1</v>
      </c>
      <c r="C108898" s="14" t="s">
        <v>96</v>
      </c>
      <c r="D108898" s="14" t="s">
        <v>391</v>
      </c>
      <c r="E108898" s="15">
        <v>45504</v>
      </c>
      <c r="F108898" s="14" t="s">
        <v>15</v>
      </c>
      <c r="G108898" s="16">
        <v>0</v>
      </c>
    </row>
    <row r="108899" spans="1:7" x14ac:dyDescent="0.3">
      <c r="A108899" s="13" t="s">
        <v>524</v>
      </c>
      <c r="B108899" s="14" t="s">
        <v>1</v>
      </c>
      <c r="C108899" s="14" t="s">
        <v>96</v>
      </c>
      <c r="D108899" s="14" t="s">
        <v>391</v>
      </c>
      <c r="E108899" s="15">
        <v>45505</v>
      </c>
      <c r="F108899" s="14" t="s">
        <v>15</v>
      </c>
      <c r="G108899" s="16">
        <v>0</v>
      </c>
    </row>
    <row r="108900" spans="1:7" x14ac:dyDescent="0.3">
      <c r="A108900" s="13" t="s">
        <v>524</v>
      </c>
      <c r="B108900" s="14" t="s">
        <v>1</v>
      </c>
      <c r="C108900" s="14" t="s">
        <v>96</v>
      </c>
      <c r="D108900" s="14" t="s">
        <v>391</v>
      </c>
      <c r="E108900" s="15">
        <v>45506</v>
      </c>
      <c r="F108900" s="14" t="s">
        <v>15</v>
      </c>
      <c r="G108900" s="16">
        <v>0</v>
      </c>
    </row>
    <row r="108901" spans="1:7" x14ac:dyDescent="0.3">
      <c r="A108901" s="13" t="s">
        <v>524</v>
      </c>
      <c r="B108901" s="14" t="s">
        <v>1</v>
      </c>
      <c r="C108901" s="14" t="s">
        <v>96</v>
      </c>
      <c r="D108901" s="14" t="s">
        <v>391</v>
      </c>
      <c r="E108901" s="15">
        <v>45507</v>
      </c>
      <c r="F108901" s="14" t="s">
        <v>15</v>
      </c>
      <c r="G108901" s="16">
        <v>0</v>
      </c>
    </row>
    <row r="108902" spans="1:7" x14ac:dyDescent="0.3">
      <c r="A108902" s="13" t="s">
        <v>524</v>
      </c>
      <c r="B108902" s="14" t="s">
        <v>1</v>
      </c>
      <c r="C108902" s="14" t="s">
        <v>96</v>
      </c>
      <c r="D108902" s="14" t="s">
        <v>391</v>
      </c>
      <c r="E108902" s="15">
        <v>45508</v>
      </c>
      <c r="F108902" s="14" t="s">
        <v>15</v>
      </c>
      <c r="G108902" s="16">
        <v>0</v>
      </c>
    </row>
    <row r="108903" spans="1:7" x14ac:dyDescent="0.3">
      <c r="A108903" s="13" t="s">
        <v>524</v>
      </c>
      <c r="B108903" s="14" t="s">
        <v>1</v>
      </c>
      <c r="C108903" s="14" t="s">
        <v>96</v>
      </c>
      <c r="D108903" s="14" t="s">
        <v>391</v>
      </c>
      <c r="E108903" s="15">
        <v>45509</v>
      </c>
      <c r="F108903" s="14" t="s">
        <v>15</v>
      </c>
      <c r="G108903" s="16">
        <v>0</v>
      </c>
    </row>
    <row r="108904" spans="1:7" x14ac:dyDescent="0.3">
      <c r="A108904" s="13" t="s">
        <v>524</v>
      </c>
      <c r="B108904" s="14" t="s">
        <v>1</v>
      </c>
      <c r="C108904" s="14" t="s">
        <v>96</v>
      </c>
      <c r="D108904" s="14" t="s">
        <v>391</v>
      </c>
      <c r="E108904" s="15">
        <v>45510</v>
      </c>
      <c r="F108904" s="14" t="s">
        <v>15</v>
      </c>
      <c r="G108904" s="16">
        <v>0</v>
      </c>
    </row>
    <row r="108905" spans="1:7" x14ac:dyDescent="0.3">
      <c r="A108905" s="13" t="s">
        <v>524</v>
      </c>
      <c r="B108905" s="14" t="s">
        <v>1</v>
      </c>
      <c r="C108905" s="14" t="s">
        <v>96</v>
      </c>
      <c r="D108905" s="14" t="s">
        <v>391</v>
      </c>
      <c r="E108905" s="15">
        <v>45511</v>
      </c>
      <c r="F108905" s="14" t="s">
        <v>15</v>
      </c>
      <c r="G108905" s="16">
        <v>0</v>
      </c>
    </row>
    <row r="108906" spans="1:7" x14ac:dyDescent="0.3">
      <c r="A108906" s="13" t="s">
        <v>524</v>
      </c>
      <c r="B108906" s="14" t="s">
        <v>1</v>
      </c>
      <c r="C108906" s="14" t="s">
        <v>96</v>
      </c>
      <c r="D108906" s="14" t="s">
        <v>391</v>
      </c>
      <c r="E108906" s="15">
        <v>45512</v>
      </c>
      <c r="F108906" s="14" t="s">
        <v>15</v>
      </c>
      <c r="G108906" s="16">
        <v>0</v>
      </c>
    </row>
    <row r="108907" spans="1:7" x14ac:dyDescent="0.3">
      <c r="A108907" s="13" t="s">
        <v>524</v>
      </c>
      <c r="B108907" s="14" t="s">
        <v>1</v>
      </c>
      <c r="C108907" s="14" t="s">
        <v>96</v>
      </c>
      <c r="D108907" s="14" t="s">
        <v>391</v>
      </c>
      <c r="E108907" s="15">
        <v>45513</v>
      </c>
      <c r="F108907" s="14" t="s">
        <v>15</v>
      </c>
      <c r="G108907" s="16">
        <v>0</v>
      </c>
    </row>
    <row r="108908" spans="1:7" x14ac:dyDescent="0.3">
      <c r="A108908" s="13" t="s">
        <v>524</v>
      </c>
      <c r="B108908" s="14" t="s">
        <v>1</v>
      </c>
      <c r="C108908" s="14" t="s">
        <v>96</v>
      </c>
      <c r="D108908" s="14" t="s">
        <v>391</v>
      </c>
      <c r="E108908" s="15">
        <v>45514</v>
      </c>
      <c r="F108908" s="14" t="s">
        <v>15</v>
      </c>
      <c r="G108908" s="16">
        <v>0</v>
      </c>
    </row>
    <row r="108909" spans="1:7" x14ac:dyDescent="0.3">
      <c r="A108909" s="13" t="s">
        <v>524</v>
      </c>
      <c r="B108909" s="14" t="s">
        <v>1</v>
      </c>
      <c r="C108909" s="14" t="s">
        <v>96</v>
      </c>
      <c r="D108909" s="14" t="s">
        <v>391</v>
      </c>
      <c r="E108909" s="15">
        <v>45515</v>
      </c>
      <c r="F108909" s="14" t="s">
        <v>15</v>
      </c>
      <c r="G108909" s="16">
        <v>0</v>
      </c>
    </row>
    <row r="108910" spans="1:7" x14ac:dyDescent="0.3">
      <c r="A108910" s="13" t="s">
        <v>524</v>
      </c>
      <c r="B108910" s="14" t="s">
        <v>1</v>
      </c>
      <c r="C108910" s="14" t="s">
        <v>96</v>
      </c>
      <c r="D108910" s="14" t="s">
        <v>391</v>
      </c>
      <c r="E108910" s="15">
        <v>45516</v>
      </c>
      <c r="F108910" s="14" t="s">
        <v>15</v>
      </c>
      <c r="G108910" s="16">
        <v>0</v>
      </c>
    </row>
    <row r="108911" spans="1:7" x14ac:dyDescent="0.3">
      <c r="A108911" s="13" t="s">
        <v>524</v>
      </c>
      <c r="B108911" s="14" t="s">
        <v>1</v>
      </c>
      <c r="C108911" s="14" t="s">
        <v>96</v>
      </c>
      <c r="D108911" s="14" t="s">
        <v>391</v>
      </c>
      <c r="E108911" s="15">
        <v>45517</v>
      </c>
      <c r="F108911" s="14" t="s">
        <v>15</v>
      </c>
      <c r="G108911" s="16">
        <v>0</v>
      </c>
    </row>
    <row r="108912" spans="1:7" x14ac:dyDescent="0.3">
      <c r="A108912" s="13" t="s">
        <v>524</v>
      </c>
      <c r="B108912" s="14" t="s">
        <v>1</v>
      </c>
      <c r="C108912" s="14" t="s">
        <v>96</v>
      </c>
      <c r="D108912" s="14" t="s">
        <v>391</v>
      </c>
      <c r="E108912" s="15">
        <v>45518</v>
      </c>
      <c r="F108912" s="14" t="s">
        <v>15</v>
      </c>
      <c r="G108912" s="16">
        <v>0</v>
      </c>
    </row>
    <row r="108913" spans="1:7" x14ac:dyDescent="0.3">
      <c r="A108913" s="13" t="s">
        <v>524</v>
      </c>
      <c r="B108913" s="14" t="s">
        <v>1</v>
      </c>
      <c r="C108913" s="14" t="s">
        <v>96</v>
      </c>
      <c r="D108913" s="14" t="s">
        <v>391</v>
      </c>
      <c r="E108913" s="15">
        <v>45519</v>
      </c>
      <c r="F108913" s="14" t="s">
        <v>15</v>
      </c>
      <c r="G108913" s="16">
        <v>0</v>
      </c>
    </row>
    <row r="108914" spans="1:7" x14ac:dyDescent="0.3">
      <c r="A108914" s="13" t="s">
        <v>524</v>
      </c>
      <c r="B108914" s="14" t="s">
        <v>1</v>
      </c>
      <c r="C108914" s="14" t="s">
        <v>96</v>
      </c>
      <c r="D108914" s="14" t="s">
        <v>391</v>
      </c>
      <c r="E108914" s="15">
        <v>45520</v>
      </c>
      <c r="F108914" s="14" t="s">
        <v>15</v>
      </c>
      <c r="G108914" s="16">
        <v>0</v>
      </c>
    </row>
    <row r="108915" spans="1:7" x14ac:dyDescent="0.3">
      <c r="A108915" s="13" t="s">
        <v>524</v>
      </c>
      <c r="B108915" s="14" t="s">
        <v>1</v>
      </c>
      <c r="C108915" s="14" t="s">
        <v>96</v>
      </c>
      <c r="D108915" s="14" t="s">
        <v>391</v>
      </c>
      <c r="E108915" s="15">
        <v>45521</v>
      </c>
      <c r="F108915" s="14" t="s">
        <v>15</v>
      </c>
      <c r="G108915" s="16">
        <v>0</v>
      </c>
    </row>
    <row r="108916" spans="1:7" x14ac:dyDescent="0.3">
      <c r="A108916" s="13" t="s">
        <v>524</v>
      </c>
      <c r="B108916" s="14" t="s">
        <v>1</v>
      </c>
      <c r="C108916" s="14" t="s">
        <v>96</v>
      </c>
      <c r="D108916" s="14" t="s">
        <v>391</v>
      </c>
      <c r="E108916" s="15">
        <v>45522</v>
      </c>
      <c r="F108916" s="14" t="s">
        <v>15</v>
      </c>
      <c r="G108916" s="16">
        <v>0</v>
      </c>
    </row>
    <row r="108917" spans="1:7" x14ac:dyDescent="0.3">
      <c r="A108917" s="13" t="s">
        <v>524</v>
      </c>
      <c r="B108917" s="14" t="s">
        <v>1</v>
      </c>
      <c r="C108917" s="14" t="s">
        <v>96</v>
      </c>
      <c r="D108917" s="14" t="s">
        <v>391</v>
      </c>
      <c r="E108917" s="15">
        <v>45523</v>
      </c>
      <c r="F108917" s="14" t="s">
        <v>15</v>
      </c>
      <c r="G108917" s="16">
        <v>0</v>
      </c>
    </row>
    <row r="108918" spans="1:7" x14ac:dyDescent="0.3">
      <c r="A108918" s="13" t="s">
        <v>524</v>
      </c>
      <c r="B108918" s="14" t="s">
        <v>1</v>
      </c>
      <c r="C108918" s="14" t="s">
        <v>96</v>
      </c>
      <c r="D108918" s="14" t="s">
        <v>391</v>
      </c>
      <c r="E108918" s="15">
        <v>45524</v>
      </c>
      <c r="F108918" s="14" t="s">
        <v>15</v>
      </c>
      <c r="G108918" s="16">
        <v>0</v>
      </c>
    </row>
    <row r="108919" spans="1:7" x14ac:dyDescent="0.3">
      <c r="A108919" s="13" t="s">
        <v>524</v>
      </c>
      <c r="B108919" s="14" t="s">
        <v>1</v>
      </c>
      <c r="C108919" s="14" t="s">
        <v>96</v>
      </c>
      <c r="D108919" s="14" t="s">
        <v>391</v>
      </c>
      <c r="E108919" s="15">
        <v>45525</v>
      </c>
      <c r="F108919" s="14" t="s">
        <v>15</v>
      </c>
      <c r="G108919" s="16">
        <v>0</v>
      </c>
    </row>
    <row r="108920" spans="1:7" x14ac:dyDescent="0.3">
      <c r="A108920" s="13" t="s">
        <v>524</v>
      </c>
      <c r="B108920" s="14" t="s">
        <v>1</v>
      </c>
      <c r="C108920" s="14" t="s">
        <v>96</v>
      </c>
      <c r="D108920" s="14" t="s">
        <v>391</v>
      </c>
      <c r="E108920" s="15">
        <v>45526</v>
      </c>
      <c r="F108920" s="14" t="s">
        <v>15</v>
      </c>
      <c r="G108920" s="16">
        <v>0</v>
      </c>
    </row>
    <row r="108921" spans="1:7" x14ac:dyDescent="0.3">
      <c r="A108921" s="13" t="s">
        <v>524</v>
      </c>
      <c r="B108921" s="14" t="s">
        <v>1</v>
      </c>
      <c r="C108921" s="14" t="s">
        <v>96</v>
      </c>
      <c r="D108921" s="14" t="s">
        <v>391</v>
      </c>
      <c r="E108921" s="15">
        <v>45527</v>
      </c>
      <c r="F108921" s="14" t="s">
        <v>15</v>
      </c>
      <c r="G108921" s="16">
        <v>0</v>
      </c>
    </row>
    <row r="108922" spans="1:7" x14ac:dyDescent="0.3">
      <c r="A108922" s="13" t="s">
        <v>524</v>
      </c>
      <c r="B108922" s="14" t="s">
        <v>1</v>
      </c>
      <c r="C108922" s="14" t="s">
        <v>96</v>
      </c>
      <c r="D108922" s="14" t="s">
        <v>391</v>
      </c>
      <c r="E108922" s="15">
        <v>45528</v>
      </c>
      <c r="F108922" s="14" t="s">
        <v>15</v>
      </c>
      <c r="G108922" s="16">
        <v>0</v>
      </c>
    </row>
    <row r="108923" spans="1:7" x14ac:dyDescent="0.3">
      <c r="A108923" s="13" t="s">
        <v>524</v>
      </c>
      <c r="B108923" s="14" t="s">
        <v>1</v>
      </c>
      <c r="C108923" s="14" t="s">
        <v>96</v>
      </c>
      <c r="D108923" s="14" t="s">
        <v>391</v>
      </c>
      <c r="E108923" s="15">
        <v>45529</v>
      </c>
      <c r="F108923" s="14" t="s">
        <v>15</v>
      </c>
      <c r="G108923" s="16">
        <v>0</v>
      </c>
    </row>
    <row r="108924" spans="1:7" x14ac:dyDescent="0.3">
      <c r="A108924" s="13" t="s">
        <v>524</v>
      </c>
      <c r="B108924" s="14" t="s">
        <v>1</v>
      </c>
      <c r="C108924" s="14" t="s">
        <v>96</v>
      </c>
      <c r="D108924" s="14" t="s">
        <v>391</v>
      </c>
      <c r="E108924" s="15">
        <v>45530</v>
      </c>
      <c r="F108924" s="14" t="s">
        <v>15</v>
      </c>
      <c r="G108924" s="16">
        <v>0</v>
      </c>
    </row>
    <row r="108925" spans="1:7" x14ac:dyDescent="0.3">
      <c r="A108925" s="13" t="s">
        <v>524</v>
      </c>
      <c r="B108925" s="14" t="s">
        <v>1</v>
      </c>
      <c r="C108925" s="14" t="s">
        <v>96</v>
      </c>
      <c r="D108925" s="14" t="s">
        <v>391</v>
      </c>
      <c r="E108925" s="15">
        <v>45531</v>
      </c>
      <c r="F108925" s="14" t="s">
        <v>15</v>
      </c>
      <c r="G108925" s="16">
        <v>0</v>
      </c>
    </row>
    <row r="108926" spans="1:7" x14ac:dyDescent="0.3">
      <c r="A108926" s="13" t="s">
        <v>524</v>
      </c>
      <c r="B108926" s="14" t="s">
        <v>1</v>
      </c>
      <c r="C108926" s="14" t="s">
        <v>96</v>
      </c>
      <c r="D108926" s="14" t="s">
        <v>391</v>
      </c>
      <c r="E108926" s="15">
        <v>45532</v>
      </c>
      <c r="F108926" s="14" t="s">
        <v>15</v>
      </c>
      <c r="G108926" s="16">
        <v>0</v>
      </c>
    </row>
    <row r="108927" spans="1:7" x14ac:dyDescent="0.3">
      <c r="A108927" s="13" t="s">
        <v>524</v>
      </c>
      <c r="B108927" s="14" t="s">
        <v>1</v>
      </c>
      <c r="C108927" s="14" t="s">
        <v>96</v>
      </c>
      <c r="D108927" s="14" t="s">
        <v>391</v>
      </c>
      <c r="E108927" s="15">
        <v>45533</v>
      </c>
      <c r="F108927" s="14" t="s">
        <v>15</v>
      </c>
      <c r="G108927" s="16">
        <v>0</v>
      </c>
    </row>
    <row r="108928" spans="1:7" x14ac:dyDescent="0.3">
      <c r="A108928" s="13" t="s">
        <v>524</v>
      </c>
      <c r="B108928" s="14" t="s">
        <v>1</v>
      </c>
      <c r="C108928" s="14" t="s">
        <v>96</v>
      </c>
      <c r="D108928" s="14" t="s">
        <v>391</v>
      </c>
      <c r="E108928" s="15">
        <v>45534</v>
      </c>
      <c r="F108928" s="14" t="s">
        <v>15</v>
      </c>
      <c r="G108928" s="16">
        <v>0</v>
      </c>
    </row>
    <row r="108929" spans="1:7" x14ac:dyDescent="0.3">
      <c r="A108929" s="13" t="s">
        <v>524</v>
      </c>
      <c r="B108929" s="14" t="s">
        <v>1</v>
      </c>
      <c r="C108929" s="14" t="s">
        <v>96</v>
      </c>
      <c r="D108929" s="14" t="s">
        <v>391</v>
      </c>
      <c r="E108929" s="15">
        <v>45535</v>
      </c>
      <c r="F108929" s="14" t="s">
        <v>15</v>
      </c>
      <c r="G108929" s="16">
        <v>0</v>
      </c>
    </row>
    <row r="108930" spans="1:7" x14ac:dyDescent="0.3">
      <c r="A108930" s="13" t="s">
        <v>524</v>
      </c>
      <c r="B108930" s="14" t="s">
        <v>1</v>
      </c>
      <c r="C108930" s="14" t="s">
        <v>96</v>
      </c>
      <c r="D108930" s="14" t="s">
        <v>391</v>
      </c>
      <c r="E108930" s="15">
        <v>45536</v>
      </c>
      <c r="F108930" s="14" t="s">
        <v>15</v>
      </c>
      <c r="G108930" s="16">
        <v>0</v>
      </c>
    </row>
    <row r="108931" spans="1:7" x14ac:dyDescent="0.3">
      <c r="A108931" s="13" t="s">
        <v>524</v>
      </c>
      <c r="B108931" s="14" t="s">
        <v>1</v>
      </c>
      <c r="C108931" s="14" t="s">
        <v>96</v>
      </c>
      <c r="D108931" s="14" t="s">
        <v>391</v>
      </c>
      <c r="E108931" s="15">
        <v>45537</v>
      </c>
      <c r="F108931" s="14" t="s">
        <v>15</v>
      </c>
      <c r="G108931" s="16">
        <v>0</v>
      </c>
    </row>
    <row r="108932" spans="1:7" x14ac:dyDescent="0.3">
      <c r="A108932" s="13" t="s">
        <v>524</v>
      </c>
      <c r="B108932" s="14" t="s">
        <v>1</v>
      </c>
      <c r="C108932" s="14" t="s">
        <v>96</v>
      </c>
      <c r="D108932" s="14" t="s">
        <v>391</v>
      </c>
      <c r="E108932" s="15">
        <v>45538</v>
      </c>
      <c r="F108932" s="14" t="s">
        <v>15</v>
      </c>
      <c r="G108932" s="16">
        <v>0</v>
      </c>
    </row>
    <row r="108933" spans="1:7" x14ac:dyDescent="0.3">
      <c r="A108933" s="13" t="s">
        <v>524</v>
      </c>
      <c r="B108933" s="14" t="s">
        <v>1</v>
      </c>
      <c r="C108933" s="14" t="s">
        <v>96</v>
      </c>
      <c r="D108933" s="14" t="s">
        <v>391</v>
      </c>
      <c r="E108933" s="15">
        <v>45539</v>
      </c>
      <c r="F108933" s="14" t="s">
        <v>15</v>
      </c>
      <c r="G108933" s="16">
        <v>0</v>
      </c>
    </row>
    <row r="108934" spans="1:7" x14ac:dyDescent="0.3">
      <c r="A108934" s="13" t="s">
        <v>524</v>
      </c>
      <c r="B108934" s="14" t="s">
        <v>1</v>
      </c>
      <c r="C108934" s="14" t="s">
        <v>96</v>
      </c>
      <c r="D108934" s="14" t="s">
        <v>391</v>
      </c>
      <c r="E108934" s="15">
        <v>45540</v>
      </c>
      <c r="F108934" s="14" t="s">
        <v>15</v>
      </c>
      <c r="G108934" s="16">
        <v>0</v>
      </c>
    </row>
    <row r="108935" spans="1:7" x14ac:dyDescent="0.3">
      <c r="A108935" s="13" t="s">
        <v>524</v>
      </c>
      <c r="B108935" s="14" t="s">
        <v>1</v>
      </c>
      <c r="C108935" s="14" t="s">
        <v>96</v>
      </c>
      <c r="D108935" s="14" t="s">
        <v>391</v>
      </c>
      <c r="E108935" s="15">
        <v>45541</v>
      </c>
      <c r="F108935" s="14" t="s">
        <v>15</v>
      </c>
      <c r="G108935" s="16">
        <v>0</v>
      </c>
    </row>
    <row r="108936" spans="1:7" x14ac:dyDescent="0.3">
      <c r="A108936" s="13" t="s">
        <v>524</v>
      </c>
      <c r="B108936" s="14" t="s">
        <v>1</v>
      </c>
      <c r="C108936" s="14" t="s">
        <v>96</v>
      </c>
      <c r="D108936" s="14" t="s">
        <v>391</v>
      </c>
      <c r="E108936" s="15">
        <v>45542</v>
      </c>
      <c r="F108936" s="14" t="s">
        <v>15</v>
      </c>
      <c r="G108936" s="16">
        <v>0</v>
      </c>
    </row>
    <row r="108937" spans="1:7" x14ac:dyDescent="0.3">
      <c r="A108937" s="13" t="s">
        <v>524</v>
      </c>
      <c r="B108937" s="14" t="s">
        <v>1</v>
      </c>
      <c r="C108937" s="14" t="s">
        <v>96</v>
      </c>
      <c r="D108937" s="14" t="s">
        <v>391</v>
      </c>
      <c r="E108937" s="15">
        <v>45543</v>
      </c>
      <c r="F108937" s="14" t="s">
        <v>15</v>
      </c>
      <c r="G108937" s="16">
        <v>0</v>
      </c>
    </row>
    <row r="108938" spans="1:7" x14ac:dyDescent="0.3">
      <c r="A108938" s="13" t="s">
        <v>524</v>
      </c>
      <c r="B108938" s="14" t="s">
        <v>1</v>
      </c>
      <c r="C108938" s="14" t="s">
        <v>96</v>
      </c>
      <c r="D108938" s="14" t="s">
        <v>391</v>
      </c>
      <c r="E108938" s="15">
        <v>45544</v>
      </c>
      <c r="F108938" s="14" t="s">
        <v>15</v>
      </c>
      <c r="G108938" s="16">
        <v>0</v>
      </c>
    </row>
    <row r="108939" spans="1:7" x14ac:dyDescent="0.3">
      <c r="A108939" s="13" t="s">
        <v>524</v>
      </c>
      <c r="B108939" s="14" t="s">
        <v>1</v>
      </c>
      <c r="C108939" s="14" t="s">
        <v>96</v>
      </c>
      <c r="D108939" s="14" t="s">
        <v>391</v>
      </c>
      <c r="E108939" s="15">
        <v>45545</v>
      </c>
      <c r="F108939" s="14" t="s">
        <v>15</v>
      </c>
      <c r="G108939" s="16">
        <v>0</v>
      </c>
    </row>
    <row r="108940" spans="1:7" x14ac:dyDescent="0.3">
      <c r="A108940" s="13" t="s">
        <v>524</v>
      </c>
      <c r="B108940" s="14" t="s">
        <v>1</v>
      </c>
      <c r="C108940" s="14" t="s">
        <v>96</v>
      </c>
      <c r="D108940" s="14" t="s">
        <v>391</v>
      </c>
      <c r="E108940" s="15">
        <v>45546</v>
      </c>
      <c r="F108940" s="14" t="s">
        <v>15</v>
      </c>
      <c r="G108940" s="16">
        <v>0</v>
      </c>
    </row>
    <row r="108941" spans="1:7" x14ac:dyDescent="0.3">
      <c r="A108941" s="13" t="s">
        <v>524</v>
      </c>
      <c r="B108941" s="14" t="s">
        <v>1</v>
      </c>
      <c r="C108941" s="14" t="s">
        <v>96</v>
      </c>
      <c r="D108941" s="14" t="s">
        <v>391</v>
      </c>
      <c r="E108941" s="15">
        <v>45547</v>
      </c>
      <c r="F108941" s="14" t="s">
        <v>15</v>
      </c>
      <c r="G108941" s="16">
        <v>0</v>
      </c>
    </row>
    <row r="108942" spans="1:7" x14ac:dyDescent="0.3">
      <c r="A108942" s="13" t="s">
        <v>524</v>
      </c>
      <c r="B108942" s="14" t="s">
        <v>1</v>
      </c>
      <c r="C108942" s="14" t="s">
        <v>96</v>
      </c>
      <c r="D108942" s="14" t="s">
        <v>391</v>
      </c>
      <c r="E108942" s="15">
        <v>45548</v>
      </c>
      <c r="F108942" s="14" t="s">
        <v>15</v>
      </c>
      <c r="G108942" s="16">
        <v>0</v>
      </c>
    </row>
    <row r="108943" spans="1:7" x14ac:dyDescent="0.3">
      <c r="A108943" s="13" t="s">
        <v>524</v>
      </c>
      <c r="B108943" s="14" t="s">
        <v>1</v>
      </c>
      <c r="C108943" s="14" t="s">
        <v>96</v>
      </c>
      <c r="D108943" s="14" t="s">
        <v>391</v>
      </c>
      <c r="E108943" s="15">
        <v>45549</v>
      </c>
      <c r="F108943" s="14" t="s">
        <v>15</v>
      </c>
      <c r="G108943" s="16">
        <v>0</v>
      </c>
    </row>
    <row r="108944" spans="1:7" x14ac:dyDescent="0.3">
      <c r="A108944" s="13" t="s">
        <v>524</v>
      </c>
      <c r="B108944" s="14" t="s">
        <v>1</v>
      </c>
      <c r="C108944" s="14" t="s">
        <v>96</v>
      </c>
      <c r="D108944" s="14" t="s">
        <v>391</v>
      </c>
      <c r="E108944" s="15">
        <v>45550</v>
      </c>
      <c r="F108944" s="14" t="s">
        <v>15</v>
      </c>
      <c r="G108944" s="16">
        <v>0</v>
      </c>
    </row>
    <row r="108945" spans="1:7" x14ac:dyDescent="0.3">
      <c r="A108945" s="13" t="s">
        <v>524</v>
      </c>
      <c r="B108945" s="14" t="s">
        <v>1</v>
      </c>
      <c r="C108945" s="14" t="s">
        <v>96</v>
      </c>
      <c r="D108945" s="14" t="s">
        <v>391</v>
      </c>
      <c r="E108945" s="15">
        <v>45551</v>
      </c>
      <c r="F108945" s="14" t="s">
        <v>15</v>
      </c>
      <c r="G108945" s="16">
        <v>0</v>
      </c>
    </row>
    <row r="108946" spans="1:7" x14ac:dyDescent="0.3">
      <c r="A108946" s="13" t="s">
        <v>524</v>
      </c>
      <c r="B108946" s="14" t="s">
        <v>1</v>
      </c>
      <c r="C108946" s="14" t="s">
        <v>96</v>
      </c>
      <c r="D108946" s="14" t="s">
        <v>391</v>
      </c>
      <c r="E108946" s="15">
        <v>45552</v>
      </c>
      <c r="F108946" s="14" t="s">
        <v>15</v>
      </c>
      <c r="G108946" s="16">
        <v>0</v>
      </c>
    </row>
    <row r="108947" spans="1:7" x14ac:dyDescent="0.3">
      <c r="A108947" s="13" t="s">
        <v>524</v>
      </c>
      <c r="B108947" s="14" t="s">
        <v>1</v>
      </c>
      <c r="C108947" s="14" t="s">
        <v>96</v>
      </c>
      <c r="D108947" s="14" t="s">
        <v>391</v>
      </c>
      <c r="E108947" s="15">
        <v>45553</v>
      </c>
      <c r="F108947" s="14" t="s">
        <v>15</v>
      </c>
      <c r="G108947" s="16">
        <v>0</v>
      </c>
    </row>
    <row r="108948" spans="1:7" x14ac:dyDescent="0.3">
      <c r="A108948" s="13" t="s">
        <v>524</v>
      </c>
      <c r="B108948" s="14" t="s">
        <v>1</v>
      </c>
      <c r="C108948" s="14" t="s">
        <v>96</v>
      </c>
      <c r="D108948" s="14" t="s">
        <v>391</v>
      </c>
      <c r="E108948" s="15">
        <v>45554</v>
      </c>
      <c r="F108948" s="14" t="s">
        <v>15</v>
      </c>
      <c r="G108948" s="16">
        <v>0</v>
      </c>
    </row>
    <row r="108949" spans="1:7" x14ac:dyDescent="0.3">
      <c r="A108949" s="13" t="s">
        <v>524</v>
      </c>
      <c r="B108949" s="14" t="s">
        <v>1</v>
      </c>
      <c r="C108949" s="14" t="s">
        <v>96</v>
      </c>
      <c r="D108949" s="14" t="s">
        <v>391</v>
      </c>
      <c r="E108949" s="15">
        <v>45555</v>
      </c>
      <c r="F108949" s="14" t="s">
        <v>15</v>
      </c>
      <c r="G108949" s="16">
        <v>0</v>
      </c>
    </row>
    <row r="108950" spans="1:7" x14ac:dyDescent="0.3">
      <c r="A108950" s="13" t="s">
        <v>524</v>
      </c>
      <c r="B108950" s="14" t="s">
        <v>1</v>
      </c>
      <c r="C108950" s="14" t="s">
        <v>96</v>
      </c>
      <c r="D108950" s="14" t="s">
        <v>391</v>
      </c>
      <c r="E108950" s="15">
        <v>45556</v>
      </c>
      <c r="F108950" s="14" t="s">
        <v>15</v>
      </c>
      <c r="G108950" s="16">
        <v>0</v>
      </c>
    </row>
    <row r="108951" spans="1:7" x14ac:dyDescent="0.3">
      <c r="A108951" s="13" t="s">
        <v>524</v>
      </c>
      <c r="B108951" s="14" t="s">
        <v>1</v>
      </c>
      <c r="C108951" s="14" t="s">
        <v>96</v>
      </c>
      <c r="D108951" s="14" t="s">
        <v>391</v>
      </c>
      <c r="E108951" s="15">
        <v>45557</v>
      </c>
      <c r="F108951" s="14" t="s">
        <v>15</v>
      </c>
      <c r="G108951" s="16">
        <v>0</v>
      </c>
    </row>
    <row r="108952" spans="1:7" x14ac:dyDescent="0.3">
      <c r="A108952" s="13" t="s">
        <v>524</v>
      </c>
      <c r="B108952" s="14" t="s">
        <v>1</v>
      </c>
      <c r="C108952" s="14" t="s">
        <v>96</v>
      </c>
      <c r="D108952" s="14" t="s">
        <v>391</v>
      </c>
      <c r="E108952" s="15">
        <v>45558</v>
      </c>
      <c r="F108952" s="14" t="s">
        <v>15</v>
      </c>
      <c r="G108952" s="16">
        <v>0</v>
      </c>
    </row>
    <row r="108953" spans="1:7" x14ac:dyDescent="0.3">
      <c r="A108953" s="13" t="s">
        <v>524</v>
      </c>
      <c r="B108953" s="14" t="s">
        <v>1</v>
      </c>
      <c r="C108953" s="14" t="s">
        <v>96</v>
      </c>
      <c r="D108953" s="14" t="s">
        <v>391</v>
      </c>
      <c r="E108953" s="15">
        <v>45559</v>
      </c>
      <c r="F108953" s="14" t="s">
        <v>15</v>
      </c>
      <c r="G108953" s="16">
        <v>0</v>
      </c>
    </row>
    <row r="108954" spans="1:7" x14ac:dyDescent="0.3">
      <c r="A108954" s="13" t="s">
        <v>524</v>
      </c>
      <c r="B108954" s="14" t="s">
        <v>1</v>
      </c>
      <c r="C108954" s="14" t="s">
        <v>96</v>
      </c>
      <c r="D108954" s="14" t="s">
        <v>391</v>
      </c>
      <c r="E108954" s="15">
        <v>45560</v>
      </c>
      <c r="F108954" s="14" t="s">
        <v>15</v>
      </c>
      <c r="G108954" s="16">
        <v>0</v>
      </c>
    </row>
    <row r="108955" spans="1:7" x14ac:dyDescent="0.3">
      <c r="A108955" s="13" t="s">
        <v>524</v>
      </c>
      <c r="B108955" s="14" t="s">
        <v>1</v>
      </c>
      <c r="C108955" s="14" t="s">
        <v>96</v>
      </c>
      <c r="D108955" s="14" t="s">
        <v>391</v>
      </c>
      <c r="E108955" s="15">
        <v>45561</v>
      </c>
      <c r="F108955" s="14" t="s">
        <v>15</v>
      </c>
      <c r="G108955" s="16">
        <v>0</v>
      </c>
    </row>
    <row r="108956" spans="1:7" x14ac:dyDescent="0.3">
      <c r="A108956" s="13" t="s">
        <v>524</v>
      </c>
      <c r="B108956" s="14" t="s">
        <v>1</v>
      </c>
      <c r="C108956" s="14" t="s">
        <v>96</v>
      </c>
      <c r="D108956" s="14" t="s">
        <v>391</v>
      </c>
      <c r="E108956" s="15">
        <v>45562</v>
      </c>
      <c r="F108956" s="14" t="s">
        <v>15</v>
      </c>
      <c r="G108956" s="16">
        <v>0</v>
      </c>
    </row>
    <row r="108957" spans="1:7" x14ac:dyDescent="0.3">
      <c r="A108957" s="13" t="s">
        <v>524</v>
      </c>
      <c r="B108957" s="14" t="s">
        <v>1</v>
      </c>
      <c r="C108957" s="14" t="s">
        <v>96</v>
      </c>
      <c r="D108957" s="14" t="s">
        <v>391</v>
      </c>
      <c r="E108957" s="15">
        <v>45563</v>
      </c>
      <c r="F108957" s="14" t="s">
        <v>15</v>
      </c>
      <c r="G108957" s="16">
        <v>0</v>
      </c>
    </row>
    <row r="108958" spans="1:7" x14ac:dyDescent="0.3">
      <c r="A108958" s="13" t="s">
        <v>524</v>
      </c>
      <c r="B108958" s="14" t="s">
        <v>1</v>
      </c>
      <c r="C108958" s="14" t="s">
        <v>96</v>
      </c>
      <c r="D108958" s="14" t="s">
        <v>391</v>
      </c>
      <c r="E108958" s="15">
        <v>45564</v>
      </c>
      <c r="F108958" s="14" t="s">
        <v>15</v>
      </c>
      <c r="G108958" s="16">
        <v>0</v>
      </c>
    </row>
    <row r="108959" spans="1:7" x14ac:dyDescent="0.3">
      <c r="A108959" s="13" t="s">
        <v>524</v>
      </c>
      <c r="B108959" s="14" t="s">
        <v>1</v>
      </c>
      <c r="C108959" s="14" t="s">
        <v>96</v>
      </c>
      <c r="D108959" s="14" t="s">
        <v>391</v>
      </c>
      <c r="E108959" s="15">
        <v>45565</v>
      </c>
      <c r="F108959" s="14" t="s">
        <v>15</v>
      </c>
      <c r="G108959" s="16">
        <v>0</v>
      </c>
    </row>
    <row r="108960" spans="1:7" x14ac:dyDescent="0.3">
      <c r="A108960" s="13" t="s">
        <v>524</v>
      </c>
      <c r="B108960" s="14" t="s">
        <v>1</v>
      </c>
      <c r="C108960" s="14" t="s">
        <v>96</v>
      </c>
      <c r="D108960" s="14" t="s">
        <v>391</v>
      </c>
      <c r="E108960" s="15">
        <v>45566</v>
      </c>
      <c r="F108960" s="14" t="s">
        <v>15</v>
      </c>
      <c r="G108960" s="16">
        <v>0</v>
      </c>
    </row>
    <row r="108961" spans="1:7" x14ac:dyDescent="0.3">
      <c r="A108961" s="13" t="s">
        <v>524</v>
      </c>
      <c r="B108961" s="14" t="s">
        <v>1</v>
      </c>
      <c r="C108961" s="14" t="s">
        <v>96</v>
      </c>
      <c r="D108961" s="14" t="s">
        <v>391</v>
      </c>
      <c r="E108961" s="15">
        <v>45567</v>
      </c>
      <c r="F108961" s="14" t="s">
        <v>15</v>
      </c>
      <c r="G108961" s="16">
        <v>0</v>
      </c>
    </row>
    <row r="108962" spans="1:7" x14ac:dyDescent="0.3">
      <c r="A108962" s="13" t="s">
        <v>524</v>
      </c>
      <c r="B108962" s="14" t="s">
        <v>1</v>
      </c>
      <c r="C108962" s="14" t="s">
        <v>96</v>
      </c>
      <c r="D108962" s="14" t="s">
        <v>391</v>
      </c>
      <c r="E108962" s="15">
        <v>45568</v>
      </c>
      <c r="F108962" s="14" t="s">
        <v>15</v>
      </c>
      <c r="G108962" s="16">
        <v>0</v>
      </c>
    </row>
    <row r="108963" spans="1:7" x14ac:dyDescent="0.3">
      <c r="A108963" s="13" t="s">
        <v>524</v>
      </c>
      <c r="B108963" s="14" t="s">
        <v>1</v>
      </c>
      <c r="C108963" s="14" t="s">
        <v>96</v>
      </c>
      <c r="D108963" s="14" t="s">
        <v>391</v>
      </c>
      <c r="E108963" s="15">
        <v>45569</v>
      </c>
      <c r="F108963" s="14" t="s">
        <v>15</v>
      </c>
      <c r="G108963" s="16">
        <v>0</v>
      </c>
    </row>
    <row r="108964" spans="1:7" x14ac:dyDescent="0.3">
      <c r="A108964" s="13" t="s">
        <v>524</v>
      </c>
      <c r="B108964" s="14" t="s">
        <v>1</v>
      </c>
      <c r="C108964" s="14" t="s">
        <v>96</v>
      </c>
      <c r="D108964" s="14" t="s">
        <v>391</v>
      </c>
      <c r="E108964" s="15">
        <v>45570</v>
      </c>
      <c r="F108964" s="14" t="s">
        <v>15</v>
      </c>
      <c r="G108964" s="16">
        <v>0</v>
      </c>
    </row>
    <row r="108965" spans="1:7" x14ac:dyDescent="0.3">
      <c r="A108965" s="13" t="s">
        <v>524</v>
      </c>
      <c r="B108965" s="14" t="s">
        <v>1</v>
      </c>
      <c r="C108965" s="14" t="s">
        <v>96</v>
      </c>
      <c r="D108965" s="14" t="s">
        <v>391</v>
      </c>
      <c r="E108965" s="15">
        <v>45571</v>
      </c>
      <c r="F108965" s="14" t="s">
        <v>15</v>
      </c>
      <c r="G108965" s="16">
        <v>0</v>
      </c>
    </row>
    <row r="108966" spans="1:7" x14ac:dyDescent="0.3">
      <c r="A108966" s="13" t="s">
        <v>524</v>
      </c>
      <c r="B108966" s="14" t="s">
        <v>1</v>
      </c>
      <c r="C108966" s="14" t="s">
        <v>96</v>
      </c>
      <c r="D108966" s="14" t="s">
        <v>391</v>
      </c>
      <c r="E108966" s="15">
        <v>45572</v>
      </c>
      <c r="F108966" s="14" t="s">
        <v>15</v>
      </c>
      <c r="G108966" s="16">
        <v>0</v>
      </c>
    </row>
    <row r="108967" spans="1:7" x14ac:dyDescent="0.3">
      <c r="A108967" s="13" t="s">
        <v>524</v>
      </c>
      <c r="B108967" s="14" t="s">
        <v>1</v>
      </c>
      <c r="C108967" s="14" t="s">
        <v>96</v>
      </c>
      <c r="D108967" s="14" t="s">
        <v>391</v>
      </c>
      <c r="E108967" s="15">
        <v>45573</v>
      </c>
      <c r="F108967" s="14" t="s">
        <v>15</v>
      </c>
      <c r="G108967" s="16">
        <v>0</v>
      </c>
    </row>
    <row r="108968" spans="1:7" x14ac:dyDescent="0.3">
      <c r="A108968" s="13" t="s">
        <v>524</v>
      </c>
      <c r="B108968" s="14" t="s">
        <v>1</v>
      </c>
      <c r="C108968" s="14" t="s">
        <v>96</v>
      </c>
      <c r="D108968" s="14" t="s">
        <v>391</v>
      </c>
      <c r="E108968" s="15">
        <v>45574</v>
      </c>
      <c r="F108968" s="14" t="s">
        <v>15</v>
      </c>
      <c r="G108968" s="16">
        <v>0</v>
      </c>
    </row>
    <row r="108969" spans="1:7" x14ac:dyDescent="0.3">
      <c r="A108969" s="13" t="s">
        <v>524</v>
      </c>
      <c r="B108969" s="14" t="s">
        <v>1</v>
      </c>
      <c r="C108969" s="14" t="s">
        <v>96</v>
      </c>
      <c r="D108969" s="14" t="s">
        <v>391</v>
      </c>
      <c r="E108969" s="15">
        <v>45575</v>
      </c>
      <c r="F108969" s="14" t="s">
        <v>15</v>
      </c>
      <c r="G108969" s="16">
        <v>0</v>
      </c>
    </row>
    <row r="108970" spans="1:7" x14ac:dyDescent="0.3">
      <c r="A108970" s="13" t="s">
        <v>524</v>
      </c>
      <c r="B108970" s="14" t="s">
        <v>1</v>
      </c>
      <c r="C108970" s="14" t="s">
        <v>96</v>
      </c>
      <c r="D108970" s="14" t="s">
        <v>391</v>
      </c>
      <c r="E108970" s="15">
        <v>45576</v>
      </c>
      <c r="F108970" s="14" t="s">
        <v>15</v>
      </c>
      <c r="G108970" s="16">
        <v>0</v>
      </c>
    </row>
    <row r="108971" spans="1:7" x14ac:dyDescent="0.3">
      <c r="A108971" s="13" t="s">
        <v>524</v>
      </c>
      <c r="B108971" s="14" t="s">
        <v>1</v>
      </c>
      <c r="C108971" s="14" t="s">
        <v>96</v>
      </c>
      <c r="D108971" s="14" t="s">
        <v>391</v>
      </c>
      <c r="E108971" s="15">
        <v>45577</v>
      </c>
      <c r="F108971" s="14" t="s">
        <v>15</v>
      </c>
      <c r="G108971" s="16">
        <v>0</v>
      </c>
    </row>
    <row r="108972" spans="1:7" x14ac:dyDescent="0.3">
      <c r="A108972" s="13" t="s">
        <v>524</v>
      </c>
      <c r="B108972" s="14" t="s">
        <v>1</v>
      </c>
      <c r="C108972" s="14" t="s">
        <v>96</v>
      </c>
      <c r="D108972" s="14" t="s">
        <v>391</v>
      </c>
      <c r="E108972" s="15">
        <v>45578</v>
      </c>
      <c r="F108972" s="14" t="s">
        <v>15</v>
      </c>
      <c r="G108972" s="16">
        <v>0</v>
      </c>
    </row>
    <row r="108973" spans="1:7" x14ac:dyDescent="0.3">
      <c r="A108973" s="13" t="s">
        <v>524</v>
      </c>
      <c r="B108973" s="14" t="s">
        <v>1</v>
      </c>
      <c r="C108973" s="14" t="s">
        <v>96</v>
      </c>
      <c r="D108973" s="14" t="s">
        <v>391</v>
      </c>
      <c r="E108973" s="15">
        <v>45579</v>
      </c>
      <c r="F108973" s="14" t="s">
        <v>15</v>
      </c>
      <c r="G108973" s="16">
        <v>0</v>
      </c>
    </row>
    <row r="108974" spans="1:7" x14ac:dyDescent="0.3">
      <c r="A108974" s="13" t="s">
        <v>524</v>
      </c>
      <c r="B108974" s="14" t="s">
        <v>1</v>
      </c>
      <c r="C108974" s="14" t="s">
        <v>96</v>
      </c>
      <c r="D108974" s="14" t="s">
        <v>391</v>
      </c>
      <c r="E108974" s="15">
        <v>45580</v>
      </c>
      <c r="F108974" s="14" t="s">
        <v>15</v>
      </c>
      <c r="G108974" s="16">
        <v>0</v>
      </c>
    </row>
    <row r="108975" spans="1:7" x14ac:dyDescent="0.3">
      <c r="A108975" s="13" t="s">
        <v>524</v>
      </c>
      <c r="B108975" s="14" t="s">
        <v>1</v>
      </c>
      <c r="C108975" s="14" t="s">
        <v>96</v>
      </c>
      <c r="D108975" s="14" t="s">
        <v>391</v>
      </c>
      <c r="E108975" s="15">
        <v>45581</v>
      </c>
      <c r="F108975" s="14" t="s">
        <v>15</v>
      </c>
      <c r="G108975" s="16">
        <v>0</v>
      </c>
    </row>
    <row r="108976" spans="1:7" x14ac:dyDescent="0.3">
      <c r="A108976" s="13" t="s">
        <v>524</v>
      </c>
      <c r="B108976" s="14" t="s">
        <v>1</v>
      </c>
      <c r="C108976" s="14" t="s">
        <v>96</v>
      </c>
      <c r="D108976" s="14" t="s">
        <v>391</v>
      </c>
      <c r="E108976" s="15">
        <v>45582</v>
      </c>
      <c r="F108976" s="14" t="s">
        <v>15</v>
      </c>
      <c r="G108976" s="16">
        <v>0</v>
      </c>
    </row>
    <row r="108977" spans="1:7" x14ac:dyDescent="0.3">
      <c r="A108977" s="13" t="s">
        <v>524</v>
      </c>
      <c r="B108977" s="14" t="s">
        <v>1</v>
      </c>
      <c r="C108977" s="14" t="s">
        <v>96</v>
      </c>
      <c r="D108977" s="14" t="s">
        <v>391</v>
      </c>
      <c r="E108977" s="15">
        <v>45583</v>
      </c>
      <c r="F108977" s="14" t="s">
        <v>15</v>
      </c>
      <c r="G108977" s="16">
        <v>0</v>
      </c>
    </row>
    <row r="108978" spans="1:7" x14ac:dyDescent="0.3">
      <c r="A108978" s="13" t="s">
        <v>524</v>
      </c>
      <c r="B108978" s="14" t="s">
        <v>1</v>
      </c>
      <c r="C108978" s="14" t="s">
        <v>96</v>
      </c>
      <c r="D108978" s="14" t="s">
        <v>391</v>
      </c>
      <c r="E108978" s="15">
        <v>45584</v>
      </c>
      <c r="F108978" s="14" t="s">
        <v>15</v>
      </c>
      <c r="G108978" s="16">
        <v>0</v>
      </c>
    </row>
    <row r="108979" spans="1:7" x14ac:dyDescent="0.3">
      <c r="A108979" s="13" t="s">
        <v>524</v>
      </c>
      <c r="B108979" s="14" t="s">
        <v>1</v>
      </c>
      <c r="C108979" s="14" t="s">
        <v>96</v>
      </c>
      <c r="D108979" s="14" t="s">
        <v>391</v>
      </c>
      <c r="E108979" s="15">
        <v>45585</v>
      </c>
      <c r="F108979" s="14" t="s">
        <v>15</v>
      </c>
      <c r="G108979" s="16">
        <v>0</v>
      </c>
    </row>
    <row r="108980" spans="1:7" x14ac:dyDescent="0.3">
      <c r="A108980" s="13" t="s">
        <v>524</v>
      </c>
      <c r="B108980" s="14" t="s">
        <v>1</v>
      </c>
      <c r="C108980" s="14" t="s">
        <v>96</v>
      </c>
      <c r="D108980" s="14" t="s">
        <v>391</v>
      </c>
      <c r="E108980" s="15">
        <v>45586</v>
      </c>
      <c r="F108980" s="14" t="s">
        <v>15</v>
      </c>
      <c r="G108980" s="16">
        <v>0</v>
      </c>
    </row>
    <row r="108981" spans="1:7" x14ac:dyDescent="0.3">
      <c r="A108981" s="13" t="s">
        <v>524</v>
      </c>
      <c r="B108981" s="14" t="s">
        <v>1</v>
      </c>
      <c r="C108981" s="14" t="s">
        <v>96</v>
      </c>
      <c r="D108981" s="14" t="s">
        <v>391</v>
      </c>
      <c r="E108981" s="15">
        <v>45587</v>
      </c>
      <c r="F108981" s="14" t="s">
        <v>15</v>
      </c>
      <c r="G108981" s="16">
        <v>0</v>
      </c>
    </row>
    <row r="108982" spans="1:7" x14ac:dyDescent="0.3">
      <c r="A108982" s="13" t="s">
        <v>524</v>
      </c>
      <c r="B108982" s="14" t="s">
        <v>1</v>
      </c>
      <c r="C108982" s="14" t="s">
        <v>96</v>
      </c>
      <c r="D108982" s="14" t="s">
        <v>391</v>
      </c>
      <c r="E108982" s="15">
        <v>45588</v>
      </c>
      <c r="F108982" s="14" t="s">
        <v>15</v>
      </c>
      <c r="G108982" s="16">
        <v>0</v>
      </c>
    </row>
    <row r="108983" spans="1:7" x14ac:dyDescent="0.3">
      <c r="A108983" s="13" t="s">
        <v>524</v>
      </c>
      <c r="B108983" s="14" t="s">
        <v>1</v>
      </c>
      <c r="C108983" s="14" t="s">
        <v>96</v>
      </c>
      <c r="D108983" s="14" t="s">
        <v>391</v>
      </c>
      <c r="E108983" s="15">
        <v>45589</v>
      </c>
      <c r="F108983" s="14" t="s">
        <v>15</v>
      </c>
      <c r="G108983" s="16">
        <v>0</v>
      </c>
    </row>
    <row r="108984" spans="1:7" x14ac:dyDescent="0.3">
      <c r="A108984" s="13" t="s">
        <v>524</v>
      </c>
      <c r="B108984" s="14" t="s">
        <v>1</v>
      </c>
      <c r="C108984" s="14" t="s">
        <v>96</v>
      </c>
      <c r="D108984" s="14" t="s">
        <v>391</v>
      </c>
      <c r="E108984" s="15">
        <v>45590</v>
      </c>
      <c r="F108984" s="14" t="s">
        <v>15</v>
      </c>
      <c r="G108984" s="16">
        <v>0</v>
      </c>
    </row>
    <row r="108985" spans="1:7" x14ac:dyDescent="0.3">
      <c r="A108985" s="13" t="s">
        <v>524</v>
      </c>
      <c r="B108985" s="14" t="s">
        <v>1</v>
      </c>
      <c r="C108985" s="14" t="s">
        <v>96</v>
      </c>
      <c r="D108985" s="14" t="s">
        <v>391</v>
      </c>
      <c r="E108985" s="15">
        <v>45591</v>
      </c>
      <c r="F108985" s="14" t="s">
        <v>15</v>
      </c>
      <c r="G108985" s="16">
        <v>0</v>
      </c>
    </row>
    <row r="108986" spans="1:7" x14ac:dyDescent="0.3">
      <c r="A108986" s="13" t="s">
        <v>524</v>
      </c>
      <c r="B108986" s="14" t="s">
        <v>1</v>
      </c>
      <c r="C108986" s="14" t="s">
        <v>96</v>
      </c>
      <c r="D108986" s="14" t="s">
        <v>391</v>
      </c>
      <c r="E108986" s="15">
        <v>45592</v>
      </c>
      <c r="F108986" s="14" t="s">
        <v>15</v>
      </c>
      <c r="G108986" s="16">
        <v>0</v>
      </c>
    </row>
    <row r="108987" spans="1:7" x14ac:dyDescent="0.3">
      <c r="A108987" s="13" t="s">
        <v>524</v>
      </c>
      <c r="B108987" s="14" t="s">
        <v>1</v>
      </c>
      <c r="C108987" s="14" t="s">
        <v>96</v>
      </c>
      <c r="D108987" s="14" t="s">
        <v>391</v>
      </c>
      <c r="E108987" s="15">
        <v>45593</v>
      </c>
      <c r="F108987" s="14" t="s">
        <v>15</v>
      </c>
      <c r="G108987" s="16">
        <v>0</v>
      </c>
    </row>
    <row r="108988" spans="1:7" x14ac:dyDescent="0.3">
      <c r="A108988" s="13" t="s">
        <v>524</v>
      </c>
      <c r="B108988" s="14" t="s">
        <v>1</v>
      </c>
      <c r="C108988" s="14" t="s">
        <v>96</v>
      </c>
      <c r="D108988" s="14" t="s">
        <v>391</v>
      </c>
      <c r="E108988" s="15">
        <v>45594</v>
      </c>
      <c r="F108988" s="14" t="s">
        <v>15</v>
      </c>
      <c r="G108988" s="16">
        <v>0</v>
      </c>
    </row>
    <row r="108989" spans="1:7" x14ac:dyDescent="0.3">
      <c r="A108989" s="13" t="s">
        <v>524</v>
      </c>
      <c r="B108989" s="14" t="s">
        <v>1</v>
      </c>
      <c r="C108989" s="14" t="s">
        <v>96</v>
      </c>
      <c r="D108989" s="14" t="s">
        <v>391</v>
      </c>
      <c r="E108989" s="15">
        <v>45595</v>
      </c>
      <c r="F108989" s="14" t="s">
        <v>15</v>
      </c>
      <c r="G108989" s="16">
        <v>0</v>
      </c>
    </row>
    <row r="108990" spans="1:7" x14ac:dyDescent="0.3">
      <c r="A108990" s="13" t="s">
        <v>524</v>
      </c>
      <c r="B108990" s="14" t="s">
        <v>1</v>
      </c>
      <c r="C108990" s="14" t="s">
        <v>96</v>
      </c>
      <c r="D108990" s="14" t="s">
        <v>391</v>
      </c>
      <c r="E108990" s="15">
        <v>45596</v>
      </c>
      <c r="F108990" s="14" t="s">
        <v>15</v>
      </c>
      <c r="G108990" s="16">
        <v>0</v>
      </c>
    </row>
    <row r="108991" spans="1:7" x14ac:dyDescent="0.3">
      <c r="A108991" s="13" t="s">
        <v>524</v>
      </c>
      <c r="B108991" s="14" t="s">
        <v>1</v>
      </c>
      <c r="C108991" s="14" t="s">
        <v>96</v>
      </c>
      <c r="D108991" s="14" t="s">
        <v>391</v>
      </c>
      <c r="E108991" s="15">
        <v>45597</v>
      </c>
      <c r="F108991" s="14" t="s">
        <v>15</v>
      </c>
      <c r="G108991" s="16">
        <v>0</v>
      </c>
    </row>
    <row r="108992" spans="1:7" x14ac:dyDescent="0.3">
      <c r="A108992" s="13" t="s">
        <v>524</v>
      </c>
      <c r="B108992" s="14" t="s">
        <v>1</v>
      </c>
      <c r="C108992" s="14" t="s">
        <v>96</v>
      </c>
      <c r="D108992" s="14" t="s">
        <v>391</v>
      </c>
      <c r="E108992" s="15">
        <v>45598</v>
      </c>
      <c r="F108992" s="14" t="s">
        <v>15</v>
      </c>
      <c r="G108992" s="16">
        <v>0</v>
      </c>
    </row>
    <row r="108993" spans="1:7" x14ac:dyDescent="0.3">
      <c r="A108993" s="13" t="s">
        <v>524</v>
      </c>
      <c r="B108993" s="14" t="s">
        <v>1</v>
      </c>
      <c r="C108993" s="14" t="s">
        <v>96</v>
      </c>
      <c r="D108993" s="14" t="s">
        <v>391</v>
      </c>
      <c r="E108993" s="15">
        <v>45599</v>
      </c>
      <c r="F108993" s="14" t="s">
        <v>15</v>
      </c>
      <c r="G108993" s="16">
        <v>0</v>
      </c>
    </row>
    <row r="108994" spans="1:7" x14ac:dyDescent="0.3">
      <c r="A108994" s="13" t="s">
        <v>524</v>
      </c>
      <c r="B108994" s="14" t="s">
        <v>1</v>
      </c>
      <c r="C108994" s="14" t="s">
        <v>96</v>
      </c>
      <c r="D108994" s="14" t="s">
        <v>391</v>
      </c>
      <c r="E108994" s="15">
        <v>45600</v>
      </c>
      <c r="F108994" s="14" t="s">
        <v>15</v>
      </c>
      <c r="G108994" s="16">
        <v>0</v>
      </c>
    </row>
    <row r="108995" spans="1:7" x14ac:dyDescent="0.3">
      <c r="A108995" s="13" t="s">
        <v>524</v>
      </c>
      <c r="B108995" s="14" t="s">
        <v>1</v>
      </c>
      <c r="C108995" s="14" t="s">
        <v>96</v>
      </c>
      <c r="D108995" s="14" t="s">
        <v>391</v>
      </c>
      <c r="E108995" s="15">
        <v>45601</v>
      </c>
      <c r="F108995" s="14" t="s">
        <v>15</v>
      </c>
      <c r="G108995" s="16">
        <v>0</v>
      </c>
    </row>
    <row r="108996" spans="1:7" x14ac:dyDescent="0.3">
      <c r="A108996" s="13" t="s">
        <v>524</v>
      </c>
      <c r="B108996" s="14" t="s">
        <v>1</v>
      </c>
      <c r="C108996" s="14" t="s">
        <v>96</v>
      </c>
      <c r="D108996" s="14" t="s">
        <v>391</v>
      </c>
      <c r="E108996" s="15">
        <v>45602</v>
      </c>
      <c r="F108996" s="14" t="s">
        <v>15</v>
      </c>
      <c r="G108996" s="16">
        <v>0</v>
      </c>
    </row>
    <row r="108997" spans="1:7" x14ac:dyDescent="0.3">
      <c r="A108997" s="13" t="s">
        <v>524</v>
      </c>
      <c r="B108997" s="14" t="s">
        <v>1</v>
      </c>
      <c r="C108997" s="14" t="s">
        <v>96</v>
      </c>
      <c r="D108997" s="14" t="s">
        <v>391</v>
      </c>
      <c r="E108997" s="15">
        <v>45603</v>
      </c>
      <c r="F108997" s="14" t="s">
        <v>15</v>
      </c>
      <c r="G108997" s="16">
        <v>0</v>
      </c>
    </row>
    <row r="108998" spans="1:7" x14ac:dyDescent="0.3">
      <c r="A108998" s="13" t="s">
        <v>524</v>
      </c>
      <c r="B108998" s="14" t="s">
        <v>1</v>
      </c>
      <c r="C108998" s="14" t="s">
        <v>96</v>
      </c>
      <c r="D108998" s="14" t="s">
        <v>391</v>
      </c>
      <c r="E108998" s="15">
        <v>45604</v>
      </c>
      <c r="F108998" s="14" t="s">
        <v>15</v>
      </c>
      <c r="G108998" s="16">
        <v>0</v>
      </c>
    </row>
    <row r="108999" spans="1:7" x14ac:dyDescent="0.3">
      <c r="A108999" s="13" t="s">
        <v>524</v>
      </c>
      <c r="B108999" s="14" t="s">
        <v>1</v>
      </c>
      <c r="C108999" s="14" t="s">
        <v>96</v>
      </c>
      <c r="D108999" s="14" t="s">
        <v>391</v>
      </c>
      <c r="E108999" s="15">
        <v>45605</v>
      </c>
      <c r="F108999" s="14" t="s">
        <v>15</v>
      </c>
      <c r="G108999" s="16">
        <v>0</v>
      </c>
    </row>
    <row r="109000" spans="1:7" x14ac:dyDescent="0.3">
      <c r="A109000" s="13" t="s">
        <v>524</v>
      </c>
      <c r="B109000" s="14" t="s">
        <v>1</v>
      </c>
      <c r="C109000" s="14" t="s">
        <v>96</v>
      </c>
      <c r="D109000" s="14" t="s">
        <v>391</v>
      </c>
      <c r="E109000" s="15">
        <v>45606</v>
      </c>
      <c r="F109000" s="14" t="s">
        <v>15</v>
      </c>
      <c r="G109000" s="16">
        <v>0</v>
      </c>
    </row>
    <row r="109001" spans="1:7" x14ac:dyDescent="0.3">
      <c r="A109001" s="13" t="s">
        <v>524</v>
      </c>
      <c r="B109001" s="14" t="s">
        <v>1</v>
      </c>
      <c r="C109001" s="14" t="s">
        <v>96</v>
      </c>
      <c r="D109001" s="14" t="s">
        <v>391</v>
      </c>
      <c r="E109001" s="15">
        <v>45607</v>
      </c>
      <c r="F109001" s="14" t="s">
        <v>15</v>
      </c>
      <c r="G109001" s="16">
        <v>0</v>
      </c>
    </row>
    <row r="109002" spans="1:7" x14ac:dyDescent="0.3">
      <c r="A109002" s="13" t="s">
        <v>524</v>
      </c>
      <c r="B109002" s="14" t="s">
        <v>1</v>
      </c>
      <c r="C109002" s="14" t="s">
        <v>96</v>
      </c>
      <c r="D109002" s="14" t="s">
        <v>391</v>
      </c>
      <c r="E109002" s="15">
        <v>45608</v>
      </c>
      <c r="F109002" s="14" t="s">
        <v>15</v>
      </c>
      <c r="G109002" s="16">
        <v>0</v>
      </c>
    </row>
    <row r="109003" spans="1:7" x14ac:dyDescent="0.3">
      <c r="A109003" s="13" t="s">
        <v>524</v>
      </c>
      <c r="B109003" s="14" t="s">
        <v>1</v>
      </c>
      <c r="C109003" s="14" t="s">
        <v>96</v>
      </c>
      <c r="D109003" s="14" t="s">
        <v>391</v>
      </c>
      <c r="E109003" s="15">
        <v>45609</v>
      </c>
      <c r="F109003" s="14" t="s">
        <v>15</v>
      </c>
      <c r="G109003" s="16">
        <v>0</v>
      </c>
    </row>
    <row r="109004" spans="1:7" x14ac:dyDescent="0.3">
      <c r="A109004" s="13" t="s">
        <v>524</v>
      </c>
      <c r="B109004" s="14" t="s">
        <v>1</v>
      </c>
      <c r="C109004" s="14" t="s">
        <v>96</v>
      </c>
      <c r="D109004" s="14" t="s">
        <v>391</v>
      </c>
      <c r="E109004" s="15">
        <v>45610</v>
      </c>
      <c r="F109004" s="14" t="s">
        <v>15</v>
      </c>
      <c r="G109004" s="16">
        <v>0</v>
      </c>
    </row>
    <row r="109005" spans="1:7" x14ac:dyDescent="0.3">
      <c r="A109005" s="13" t="s">
        <v>524</v>
      </c>
      <c r="B109005" s="14" t="s">
        <v>1</v>
      </c>
      <c r="C109005" s="14" t="s">
        <v>96</v>
      </c>
      <c r="D109005" s="14" t="s">
        <v>391</v>
      </c>
      <c r="E109005" s="15">
        <v>45611</v>
      </c>
      <c r="F109005" s="14" t="s">
        <v>15</v>
      </c>
      <c r="G109005" s="16">
        <v>0</v>
      </c>
    </row>
    <row r="109006" spans="1:7" x14ac:dyDescent="0.3">
      <c r="A109006" s="13" t="s">
        <v>524</v>
      </c>
      <c r="B109006" s="14" t="s">
        <v>1</v>
      </c>
      <c r="C109006" s="14" t="s">
        <v>96</v>
      </c>
      <c r="D109006" s="14" t="s">
        <v>391</v>
      </c>
      <c r="E109006" s="15">
        <v>45612</v>
      </c>
      <c r="F109006" s="14" t="s">
        <v>15</v>
      </c>
      <c r="G109006" s="16">
        <v>0</v>
      </c>
    </row>
    <row r="109007" spans="1:7" x14ac:dyDescent="0.3">
      <c r="A109007" s="13" t="s">
        <v>524</v>
      </c>
      <c r="B109007" s="14" t="s">
        <v>1</v>
      </c>
      <c r="C109007" s="14" t="s">
        <v>96</v>
      </c>
      <c r="D109007" s="14" t="s">
        <v>391</v>
      </c>
      <c r="E109007" s="15">
        <v>45613</v>
      </c>
      <c r="F109007" s="14" t="s">
        <v>15</v>
      </c>
      <c r="G109007" s="16">
        <v>0</v>
      </c>
    </row>
    <row r="109008" spans="1:7" x14ac:dyDescent="0.3">
      <c r="A109008" s="13" t="s">
        <v>524</v>
      </c>
      <c r="B109008" s="14" t="s">
        <v>1</v>
      </c>
      <c r="C109008" s="14" t="s">
        <v>96</v>
      </c>
      <c r="D109008" s="14" t="s">
        <v>391</v>
      </c>
      <c r="E109008" s="15">
        <v>45614</v>
      </c>
      <c r="F109008" s="14" t="s">
        <v>15</v>
      </c>
      <c r="G109008" s="16">
        <v>0</v>
      </c>
    </row>
    <row r="109009" spans="1:7" x14ac:dyDescent="0.3">
      <c r="A109009" s="13" t="s">
        <v>524</v>
      </c>
      <c r="B109009" s="14" t="s">
        <v>1</v>
      </c>
      <c r="C109009" s="14" t="s">
        <v>96</v>
      </c>
      <c r="D109009" s="14" t="s">
        <v>391</v>
      </c>
      <c r="E109009" s="15">
        <v>45615</v>
      </c>
      <c r="F109009" s="14" t="s">
        <v>15</v>
      </c>
      <c r="G109009" s="16">
        <v>0</v>
      </c>
    </row>
    <row r="109010" spans="1:7" x14ac:dyDescent="0.3">
      <c r="A109010" s="13" t="s">
        <v>524</v>
      </c>
      <c r="B109010" s="14" t="s">
        <v>1</v>
      </c>
      <c r="C109010" s="14" t="s">
        <v>96</v>
      </c>
      <c r="D109010" s="14" t="s">
        <v>391</v>
      </c>
      <c r="E109010" s="15">
        <v>45616</v>
      </c>
      <c r="F109010" s="14" t="s">
        <v>15</v>
      </c>
      <c r="G109010" s="16">
        <v>0</v>
      </c>
    </row>
    <row r="109011" spans="1:7" x14ac:dyDescent="0.3">
      <c r="A109011" s="13" t="s">
        <v>524</v>
      </c>
      <c r="B109011" s="14" t="s">
        <v>1</v>
      </c>
      <c r="C109011" s="14" t="s">
        <v>96</v>
      </c>
      <c r="D109011" s="14" t="s">
        <v>391</v>
      </c>
      <c r="E109011" s="15">
        <v>45617</v>
      </c>
      <c r="F109011" s="14" t="s">
        <v>15</v>
      </c>
      <c r="G109011" s="16">
        <v>0</v>
      </c>
    </row>
    <row r="109012" spans="1:7" x14ac:dyDescent="0.3">
      <c r="A109012" s="13" t="s">
        <v>524</v>
      </c>
      <c r="B109012" s="14" t="s">
        <v>1</v>
      </c>
      <c r="C109012" s="14" t="s">
        <v>96</v>
      </c>
      <c r="D109012" s="14" t="s">
        <v>391</v>
      </c>
      <c r="E109012" s="15">
        <v>45618</v>
      </c>
      <c r="F109012" s="14" t="s">
        <v>15</v>
      </c>
      <c r="G109012" s="16">
        <v>0</v>
      </c>
    </row>
    <row r="109013" spans="1:7" x14ac:dyDescent="0.3">
      <c r="A109013" s="13" t="s">
        <v>524</v>
      </c>
      <c r="B109013" s="14" t="s">
        <v>1</v>
      </c>
      <c r="C109013" s="14" t="s">
        <v>96</v>
      </c>
      <c r="D109013" s="14" t="s">
        <v>391</v>
      </c>
      <c r="E109013" s="15">
        <v>45619</v>
      </c>
      <c r="F109013" s="14" t="s">
        <v>15</v>
      </c>
      <c r="G109013" s="16">
        <v>0</v>
      </c>
    </row>
    <row r="109014" spans="1:7" x14ac:dyDescent="0.3">
      <c r="A109014" s="13" t="s">
        <v>524</v>
      </c>
      <c r="B109014" s="14" t="s">
        <v>1</v>
      </c>
      <c r="C109014" s="14" t="s">
        <v>96</v>
      </c>
      <c r="D109014" s="14" t="s">
        <v>391</v>
      </c>
      <c r="E109014" s="15">
        <v>45620</v>
      </c>
      <c r="F109014" s="14" t="s">
        <v>15</v>
      </c>
      <c r="G109014" s="16">
        <v>0</v>
      </c>
    </row>
    <row r="109015" spans="1:7" x14ac:dyDescent="0.3">
      <c r="A109015" s="13" t="s">
        <v>524</v>
      </c>
      <c r="B109015" s="14" t="s">
        <v>1</v>
      </c>
      <c r="C109015" s="14" t="s">
        <v>96</v>
      </c>
      <c r="D109015" s="14" t="s">
        <v>391</v>
      </c>
      <c r="E109015" s="15">
        <v>45621</v>
      </c>
      <c r="F109015" s="14" t="s">
        <v>15</v>
      </c>
      <c r="G109015" s="16">
        <v>0</v>
      </c>
    </row>
    <row r="109016" spans="1:7" x14ac:dyDescent="0.3">
      <c r="A109016" s="13" t="s">
        <v>524</v>
      </c>
      <c r="B109016" s="14" t="s">
        <v>1</v>
      </c>
      <c r="C109016" s="14" t="s">
        <v>96</v>
      </c>
      <c r="D109016" s="14" t="s">
        <v>391</v>
      </c>
      <c r="E109016" s="15">
        <v>45622</v>
      </c>
      <c r="F109016" s="14" t="s">
        <v>15</v>
      </c>
      <c r="G109016" s="16">
        <v>0</v>
      </c>
    </row>
    <row r="109017" spans="1:7" x14ac:dyDescent="0.3">
      <c r="A109017" s="13" t="s">
        <v>524</v>
      </c>
      <c r="B109017" s="14" t="s">
        <v>1</v>
      </c>
      <c r="C109017" s="14" t="s">
        <v>96</v>
      </c>
      <c r="D109017" s="14" t="s">
        <v>391</v>
      </c>
      <c r="E109017" s="15">
        <v>45623</v>
      </c>
      <c r="F109017" s="14" t="s">
        <v>15</v>
      </c>
      <c r="G109017" s="16">
        <v>0</v>
      </c>
    </row>
    <row r="109018" spans="1:7" x14ac:dyDescent="0.3">
      <c r="A109018" s="13" t="s">
        <v>524</v>
      </c>
      <c r="B109018" s="14" t="s">
        <v>1</v>
      </c>
      <c r="C109018" s="14" t="s">
        <v>96</v>
      </c>
      <c r="D109018" s="14" t="s">
        <v>391</v>
      </c>
      <c r="E109018" s="15">
        <v>45624</v>
      </c>
      <c r="F109018" s="14" t="s">
        <v>15</v>
      </c>
      <c r="G109018" s="16">
        <v>0</v>
      </c>
    </row>
    <row r="109019" spans="1:7" x14ac:dyDescent="0.3">
      <c r="A109019" s="13" t="s">
        <v>524</v>
      </c>
      <c r="B109019" s="14" t="s">
        <v>1</v>
      </c>
      <c r="C109019" s="14" t="s">
        <v>96</v>
      </c>
      <c r="D109019" s="14" t="s">
        <v>391</v>
      </c>
      <c r="E109019" s="15">
        <v>45625</v>
      </c>
      <c r="F109019" s="14" t="s">
        <v>15</v>
      </c>
      <c r="G109019" s="16">
        <v>0</v>
      </c>
    </row>
    <row r="109020" spans="1:7" x14ac:dyDescent="0.3">
      <c r="A109020" s="13" t="s">
        <v>524</v>
      </c>
      <c r="B109020" s="14" t="s">
        <v>1</v>
      </c>
      <c r="C109020" s="14" t="s">
        <v>96</v>
      </c>
      <c r="D109020" s="14" t="s">
        <v>391</v>
      </c>
      <c r="E109020" s="15">
        <v>45626</v>
      </c>
      <c r="F109020" s="14" t="s">
        <v>15</v>
      </c>
      <c r="G109020" s="16">
        <v>0</v>
      </c>
    </row>
    <row r="109021" spans="1:7" x14ac:dyDescent="0.3">
      <c r="A109021" s="13" t="s">
        <v>524</v>
      </c>
      <c r="B109021" s="14" t="s">
        <v>1</v>
      </c>
      <c r="C109021" s="14" t="s">
        <v>96</v>
      </c>
      <c r="D109021" s="14" t="s">
        <v>391</v>
      </c>
      <c r="E109021" s="15">
        <v>45627</v>
      </c>
      <c r="F109021" s="14" t="s">
        <v>15</v>
      </c>
      <c r="G109021" s="16">
        <v>0</v>
      </c>
    </row>
    <row r="109022" spans="1:7" x14ac:dyDescent="0.3">
      <c r="A109022" s="13" t="s">
        <v>524</v>
      </c>
      <c r="B109022" s="14" t="s">
        <v>1</v>
      </c>
      <c r="C109022" s="14" t="s">
        <v>96</v>
      </c>
      <c r="D109022" s="14" t="s">
        <v>391</v>
      </c>
      <c r="E109022" s="15">
        <v>45628</v>
      </c>
      <c r="F109022" s="14" t="s">
        <v>15</v>
      </c>
      <c r="G109022" s="16">
        <v>0</v>
      </c>
    </row>
    <row r="109023" spans="1:7" x14ac:dyDescent="0.3">
      <c r="A109023" s="13" t="s">
        <v>524</v>
      </c>
      <c r="B109023" s="14" t="s">
        <v>1</v>
      </c>
      <c r="C109023" s="14" t="s">
        <v>96</v>
      </c>
      <c r="D109023" s="14" t="s">
        <v>391</v>
      </c>
      <c r="E109023" s="15">
        <v>45629</v>
      </c>
      <c r="F109023" s="14" t="s">
        <v>15</v>
      </c>
      <c r="G109023" s="16">
        <v>0</v>
      </c>
    </row>
    <row r="109024" spans="1:7" x14ac:dyDescent="0.3">
      <c r="A109024" s="13" t="s">
        <v>524</v>
      </c>
      <c r="B109024" s="14" t="s">
        <v>1</v>
      </c>
      <c r="C109024" s="14" t="s">
        <v>96</v>
      </c>
      <c r="D109024" s="14" t="s">
        <v>391</v>
      </c>
      <c r="E109024" s="15">
        <v>45630</v>
      </c>
      <c r="F109024" s="14" t="s">
        <v>15</v>
      </c>
      <c r="G109024" s="16">
        <v>0</v>
      </c>
    </row>
    <row r="109025" spans="1:7" x14ac:dyDescent="0.3">
      <c r="A109025" s="13" t="s">
        <v>524</v>
      </c>
      <c r="B109025" s="14" t="s">
        <v>1</v>
      </c>
      <c r="C109025" s="14" t="s">
        <v>96</v>
      </c>
      <c r="D109025" s="14" t="s">
        <v>391</v>
      </c>
      <c r="E109025" s="15">
        <v>45631</v>
      </c>
      <c r="F109025" s="14" t="s">
        <v>15</v>
      </c>
      <c r="G109025" s="16">
        <v>0</v>
      </c>
    </row>
    <row r="109026" spans="1:7" x14ac:dyDescent="0.3">
      <c r="A109026" s="13" t="s">
        <v>524</v>
      </c>
      <c r="B109026" s="14" t="s">
        <v>1</v>
      </c>
      <c r="C109026" s="14" t="s">
        <v>96</v>
      </c>
      <c r="D109026" s="14" t="s">
        <v>391</v>
      </c>
      <c r="E109026" s="15">
        <v>45632</v>
      </c>
      <c r="F109026" s="14" t="s">
        <v>15</v>
      </c>
      <c r="G109026" s="16">
        <v>0</v>
      </c>
    </row>
    <row r="109027" spans="1:7" x14ac:dyDescent="0.3">
      <c r="A109027" s="13" t="s">
        <v>524</v>
      </c>
      <c r="B109027" s="14" t="s">
        <v>1</v>
      </c>
      <c r="C109027" s="14" t="s">
        <v>96</v>
      </c>
      <c r="D109027" s="14" t="s">
        <v>391</v>
      </c>
      <c r="E109027" s="15">
        <v>45633</v>
      </c>
      <c r="F109027" s="14" t="s">
        <v>15</v>
      </c>
      <c r="G109027" s="16">
        <v>0</v>
      </c>
    </row>
    <row r="109028" spans="1:7" x14ac:dyDescent="0.3">
      <c r="A109028" s="13" t="s">
        <v>524</v>
      </c>
      <c r="B109028" s="14" t="s">
        <v>1</v>
      </c>
      <c r="C109028" s="14" t="s">
        <v>96</v>
      </c>
      <c r="D109028" s="14" t="s">
        <v>391</v>
      </c>
      <c r="E109028" s="15">
        <v>45634</v>
      </c>
      <c r="F109028" s="14" t="s">
        <v>15</v>
      </c>
      <c r="G109028" s="16">
        <v>0</v>
      </c>
    </row>
    <row r="109029" spans="1:7" x14ac:dyDescent="0.3">
      <c r="A109029" s="13" t="s">
        <v>524</v>
      </c>
      <c r="B109029" s="14" t="s">
        <v>1</v>
      </c>
      <c r="C109029" s="14" t="s">
        <v>96</v>
      </c>
      <c r="D109029" s="14" t="s">
        <v>391</v>
      </c>
      <c r="E109029" s="15">
        <v>45635</v>
      </c>
      <c r="F109029" s="14" t="s">
        <v>15</v>
      </c>
      <c r="G109029" s="16">
        <v>0</v>
      </c>
    </row>
    <row r="109030" spans="1:7" x14ac:dyDescent="0.3">
      <c r="A109030" s="13" t="s">
        <v>524</v>
      </c>
      <c r="B109030" s="14" t="s">
        <v>1</v>
      </c>
      <c r="C109030" s="14" t="s">
        <v>96</v>
      </c>
      <c r="D109030" s="14" t="s">
        <v>391</v>
      </c>
      <c r="E109030" s="15">
        <v>45636</v>
      </c>
      <c r="F109030" s="14" t="s">
        <v>15</v>
      </c>
      <c r="G109030" s="16">
        <v>0</v>
      </c>
    </row>
    <row r="109031" spans="1:7" x14ac:dyDescent="0.3">
      <c r="A109031" s="13" t="s">
        <v>524</v>
      </c>
      <c r="B109031" s="14" t="s">
        <v>1</v>
      </c>
      <c r="C109031" s="14" t="s">
        <v>96</v>
      </c>
      <c r="D109031" s="14" t="s">
        <v>391</v>
      </c>
      <c r="E109031" s="15">
        <v>45637</v>
      </c>
      <c r="F109031" s="14" t="s">
        <v>15</v>
      </c>
      <c r="G109031" s="16">
        <v>0</v>
      </c>
    </row>
    <row r="109032" spans="1:7" x14ac:dyDescent="0.3">
      <c r="A109032" s="13" t="s">
        <v>524</v>
      </c>
      <c r="B109032" s="14" t="s">
        <v>1</v>
      </c>
      <c r="C109032" s="14" t="s">
        <v>96</v>
      </c>
      <c r="D109032" s="14" t="s">
        <v>391</v>
      </c>
      <c r="E109032" s="15">
        <v>45638</v>
      </c>
      <c r="F109032" s="14" t="s">
        <v>15</v>
      </c>
      <c r="G109032" s="16">
        <v>0</v>
      </c>
    </row>
    <row r="109033" spans="1:7" x14ac:dyDescent="0.3">
      <c r="A109033" s="13" t="s">
        <v>524</v>
      </c>
      <c r="B109033" s="14" t="s">
        <v>1</v>
      </c>
      <c r="C109033" s="14" t="s">
        <v>96</v>
      </c>
      <c r="D109033" s="14" t="s">
        <v>391</v>
      </c>
      <c r="E109033" s="15">
        <v>45639</v>
      </c>
      <c r="F109033" s="14" t="s">
        <v>15</v>
      </c>
      <c r="G109033" s="16">
        <v>0</v>
      </c>
    </row>
    <row r="109034" spans="1:7" x14ac:dyDescent="0.3">
      <c r="A109034" s="13" t="s">
        <v>524</v>
      </c>
      <c r="B109034" s="14" t="s">
        <v>1</v>
      </c>
      <c r="C109034" s="14" t="s">
        <v>96</v>
      </c>
      <c r="D109034" s="14" t="s">
        <v>391</v>
      </c>
      <c r="E109034" s="15">
        <v>45640</v>
      </c>
      <c r="F109034" s="14" t="s">
        <v>15</v>
      </c>
      <c r="G109034" s="16">
        <v>0</v>
      </c>
    </row>
    <row r="109035" spans="1:7" x14ac:dyDescent="0.3">
      <c r="A109035" s="13" t="s">
        <v>524</v>
      </c>
      <c r="B109035" s="14" t="s">
        <v>1</v>
      </c>
      <c r="C109035" s="14" t="s">
        <v>96</v>
      </c>
      <c r="D109035" s="14" t="s">
        <v>391</v>
      </c>
      <c r="E109035" s="15">
        <v>45641</v>
      </c>
      <c r="F109035" s="14" t="s">
        <v>15</v>
      </c>
      <c r="G109035" s="16">
        <v>0</v>
      </c>
    </row>
    <row r="109036" spans="1:7" x14ac:dyDescent="0.3">
      <c r="A109036" s="13" t="s">
        <v>524</v>
      </c>
      <c r="B109036" s="14" t="s">
        <v>1</v>
      </c>
      <c r="C109036" s="14" t="s">
        <v>96</v>
      </c>
      <c r="D109036" s="14" t="s">
        <v>391</v>
      </c>
      <c r="E109036" s="15">
        <v>45642</v>
      </c>
      <c r="F109036" s="14" t="s">
        <v>15</v>
      </c>
      <c r="G109036" s="16">
        <v>0</v>
      </c>
    </row>
    <row r="109037" spans="1:7" x14ac:dyDescent="0.3">
      <c r="A109037" s="13" t="s">
        <v>524</v>
      </c>
      <c r="B109037" s="14" t="s">
        <v>1</v>
      </c>
      <c r="C109037" s="14" t="s">
        <v>96</v>
      </c>
      <c r="D109037" s="14" t="s">
        <v>391</v>
      </c>
      <c r="E109037" s="15">
        <v>45643</v>
      </c>
      <c r="F109037" s="14" t="s">
        <v>15</v>
      </c>
      <c r="G109037" s="16">
        <v>0</v>
      </c>
    </row>
    <row r="109038" spans="1:7" x14ac:dyDescent="0.3">
      <c r="A109038" s="13" t="s">
        <v>524</v>
      </c>
      <c r="B109038" s="14" t="s">
        <v>1</v>
      </c>
      <c r="C109038" s="14" t="s">
        <v>96</v>
      </c>
      <c r="D109038" s="14" t="s">
        <v>391</v>
      </c>
      <c r="E109038" s="15">
        <v>45644</v>
      </c>
      <c r="F109038" s="14" t="s">
        <v>15</v>
      </c>
      <c r="G109038" s="16">
        <v>0</v>
      </c>
    </row>
    <row r="109039" spans="1:7" x14ac:dyDescent="0.3">
      <c r="A109039" s="13" t="s">
        <v>524</v>
      </c>
      <c r="B109039" s="14" t="s">
        <v>1</v>
      </c>
      <c r="C109039" s="14" t="s">
        <v>96</v>
      </c>
      <c r="D109039" s="14" t="s">
        <v>391</v>
      </c>
      <c r="E109039" s="15">
        <v>45645</v>
      </c>
      <c r="F109039" s="14" t="s">
        <v>15</v>
      </c>
      <c r="G109039" s="16">
        <v>0</v>
      </c>
    </row>
    <row r="109040" spans="1:7" x14ac:dyDescent="0.3">
      <c r="A109040" s="13" t="s">
        <v>524</v>
      </c>
      <c r="B109040" s="14" t="s">
        <v>1</v>
      </c>
      <c r="C109040" s="14" t="s">
        <v>96</v>
      </c>
      <c r="D109040" s="14" t="s">
        <v>391</v>
      </c>
      <c r="E109040" s="15">
        <v>45646</v>
      </c>
      <c r="F109040" s="14" t="s">
        <v>15</v>
      </c>
      <c r="G109040" s="16">
        <v>0</v>
      </c>
    </row>
    <row r="109041" spans="1:7" x14ac:dyDescent="0.3">
      <c r="A109041" s="13" t="s">
        <v>524</v>
      </c>
      <c r="B109041" s="14" t="s">
        <v>1</v>
      </c>
      <c r="C109041" s="14" t="s">
        <v>96</v>
      </c>
      <c r="D109041" s="14" t="s">
        <v>391</v>
      </c>
      <c r="E109041" s="15">
        <v>45647</v>
      </c>
      <c r="F109041" s="14" t="s">
        <v>15</v>
      </c>
      <c r="G109041" s="16">
        <v>0</v>
      </c>
    </row>
    <row r="109042" spans="1:7" x14ac:dyDescent="0.3">
      <c r="A109042" s="13" t="s">
        <v>524</v>
      </c>
      <c r="B109042" s="14" t="s">
        <v>1</v>
      </c>
      <c r="C109042" s="14" t="s">
        <v>96</v>
      </c>
      <c r="D109042" s="14" t="s">
        <v>391</v>
      </c>
      <c r="E109042" s="15">
        <v>45648</v>
      </c>
      <c r="F109042" s="14" t="s">
        <v>15</v>
      </c>
      <c r="G109042" s="16">
        <v>0</v>
      </c>
    </row>
    <row r="109043" spans="1:7" x14ac:dyDescent="0.3">
      <c r="A109043" s="13" t="s">
        <v>524</v>
      </c>
      <c r="B109043" s="14" t="s">
        <v>1</v>
      </c>
      <c r="C109043" s="14" t="s">
        <v>96</v>
      </c>
      <c r="D109043" s="14" t="s">
        <v>391</v>
      </c>
      <c r="E109043" s="15">
        <v>45649</v>
      </c>
      <c r="F109043" s="14" t="s">
        <v>15</v>
      </c>
      <c r="G109043" s="16">
        <v>0</v>
      </c>
    </row>
    <row r="109044" spans="1:7" x14ac:dyDescent="0.3">
      <c r="A109044" s="13" t="s">
        <v>524</v>
      </c>
      <c r="B109044" s="14" t="s">
        <v>1</v>
      </c>
      <c r="C109044" s="14" t="s">
        <v>96</v>
      </c>
      <c r="D109044" s="14" t="s">
        <v>391</v>
      </c>
      <c r="E109044" s="15">
        <v>45650</v>
      </c>
      <c r="F109044" s="14" t="s">
        <v>15</v>
      </c>
      <c r="G109044" s="16">
        <v>0</v>
      </c>
    </row>
    <row r="109045" spans="1:7" x14ac:dyDescent="0.3">
      <c r="A109045" s="13" t="s">
        <v>524</v>
      </c>
      <c r="B109045" s="14" t="s">
        <v>1</v>
      </c>
      <c r="C109045" s="14" t="s">
        <v>96</v>
      </c>
      <c r="D109045" s="14" t="s">
        <v>391</v>
      </c>
      <c r="E109045" s="15">
        <v>45651</v>
      </c>
      <c r="F109045" s="14" t="s">
        <v>15</v>
      </c>
      <c r="G109045" s="16">
        <v>0</v>
      </c>
    </row>
    <row r="109046" spans="1:7" x14ac:dyDescent="0.3">
      <c r="A109046" s="13" t="s">
        <v>524</v>
      </c>
      <c r="B109046" s="14" t="s">
        <v>1</v>
      </c>
      <c r="C109046" s="14" t="s">
        <v>96</v>
      </c>
      <c r="D109046" s="14" t="s">
        <v>391</v>
      </c>
      <c r="E109046" s="15">
        <v>45652</v>
      </c>
      <c r="F109046" s="14" t="s">
        <v>15</v>
      </c>
      <c r="G109046" s="16">
        <v>0</v>
      </c>
    </row>
    <row r="109047" spans="1:7" x14ac:dyDescent="0.3">
      <c r="A109047" s="13" t="s">
        <v>524</v>
      </c>
      <c r="B109047" s="14" t="s">
        <v>1</v>
      </c>
      <c r="C109047" s="14" t="s">
        <v>96</v>
      </c>
      <c r="D109047" s="14" t="s">
        <v>391</v>
      </c>
      <c r="E109047" s="15">
        <v>45653</v>
      </c>
      <c r="F109047" s="14" t="s">
        <v>15</v>
      </c>
      <c r="G109047" s="16">
        <v>0</v>
      </c>
    </row>
    <row r="109048" spans="1:7" x14ac:dyDescent="0.3">
      <c r="A109048" s="13" t="s">
        <v>524</v>
      </c>
      <c r="B109048" s="14" t="s">
        <v>1</v>
      </c>
      <c r="C109048" s="14" t="s">
        <v>96</v>
      </c>
      <c r="D109048" s="14" t="s">
        <v>391</v>
      </c>
      <c r="E109048" s="15">
        <v>45654</v>
      </c>
      <c r="F109048" s="14" t="s">
        <v>15</v>
      </c>
      <c r="G109048" s="16">
        <v>0</v>
      </c>
    </row>
    <row r="109049" spans="1:7" x14ac:dyDescent="0.3">
      <c r="A109049" s="13" t="s">
        <v>524</v>
      </c>
      <c r="B109049" s="14" t="s">
        <v>1</v>
      </c>
      <c r="C109049" s="14" t="s">
        <v>96</v>
      </c>
      <c r="D109049" s="14" t="s">
        <v>391</v>
      </c>
      <c r="E109049" s="15">
        <v>45655</v>
      </c>
      <c r="F109049" s="14" t="s">
        <v>15</v>
      </c>
      <c r="G109049" s="16">
        <v>0</v>
      </c>
    </row>
    <row r="109050" spans="1:7" x14ac:dyDescent="0.3">
      <c r="A109050" s="13" t="s">
        <v>524</v>
      </c>
      <c r="B109050" s="14" t="s">
        <v>1</v>
      </c>
      <c r="C109050" s="14" t="s">
        <v>96</v>
      </c>
      <c r="D109050" s="14" t="s">
        <v>391</v>
      </c>
      <c r="E109050" s="15">
        <v>45656</v>
      </c>
      <c r="F109050" s="14" t="s">
        <v>15</v>
      </c>
      <c r="G109050" s="16">
        <v>0</v>
      </c>
    </row>
    <row r="109051" spans="1:7" x14ac:dyDescent="0.3">
      <c r="A109051" s="13" t="s">
        <v>524</v>
      </c>
      <c r="B109051" s="14" t="s">
        <v>1</v>
      </c>
      <c r="C109051" s="14" t="s">
        <v>96</v>
      </c>
      <c r="D109051" s="14" t="s">
        <v>391</v>
      </c>
      <c r="E109051" s="15">
        <v>45657</v>
      </c>
      <c r="F109051" s="14" t="s">
        <v>15</v>
      </c>
      <c r="G109051" s="16">
        <v>0</v>
      </c>
    </row>
    <row r="109052" spans="1:7" x14ac:dyDescent="0.3">
      <c r="A109052" s="13" t="s">
        <v>524</v>
      </c>
      <c r="B109052" s="14" t="s">
        <v>1</v>
      </c>
      <c r="C109052" s="14" t="s">
        <v>96</v>
      </c>
      <c r="D109052" s="14" t="s">
        <v>391</v>
      </c>
      <c r="E109052" s="15">
        <v>45658</v>
      </c>
      <c r="F109052" s="14" t="s">
        <v>15</v>
      </c>
      <c r="G109052" s="16">
        <v>0</v>
      </c>
    </row>
    <row r="109053" spans="1:7" x14ac:dyDescent="0.3">
      <c r="A109053" s="13" t="s">
        <v>524</v>
      </c>
      <c r="B109053" s="14" t="s">
        <v>1</v>
      </c>
      <c r="C109053" s="14" t="s">
        <v>96</v>
      </c>
      <c r="D109053" s="14" t="s">
        <v>391</v>
      </c>
      <c r="E109053" s="15">
        <v>45659</v>
      </c>
      <c r="F109053" s="14" t="s">
        <v>15</v>
      </c>
      <c r="G109053" s="16">
        <v>0</v>
      </c>
    </row>
    <row r="109054" spans="1:7" x14ac:dyDescent="0.3">
      <c r="A109054" s="13" t="s">
        <v>524</v>
      </c>
      <c r="B109054" s="14" t="s">
        <v>1</v>
      </c>
      <c r="C109054" s="14" t="s">
        <v>96</v>
      </c>
      <c r="D109054" s="14" t="s">
        <v>391</v>
      </c>
      <c r="E109054" s="15">
        <v>45660</v>
      </c>
      <c r="F109054" s="14" t="s">
        <v>15</v>
      </c>
      <c r="G109054" s="16">
        <v>0</v>
      </c>
    </row>
    <row r="109055" spans="1:7" x14ac:dyDescent="0.3">
      <c r="A109055" s="13" t="s">
        <v>524</v>
      </c>
      <c r="B109055" s="14" t="s">
        <v>1</v>
      </c>
      <c r="C109055" s="14" t="s">
        <v>96</v>
      </c>
      <c r="D109055" s="14" t="s">
        <v>391</v>
      </c>
      <c r="E109055" s="15">
        <v>45661</v>
      </c>
      <c r="F109055" s="14" t="s">
        <v>15</v>
      </c>
      <c r="G109055" s="16">
        <v>0</v>
      </c>
    </row>
    <row r="109056" spans="1:7" x14ac:dyDescent="0.3">
      <c r="A109056" s="13" t="s">
        <v>524</v>
      </c>
      <c r="B109056" s="14" t="s">
        <v>1</v>
      </c>
      <c r="C109056" s="14" t="s">
        <v>96</v>
      </c>
      <c r="D109056" s="14" t="s">
        <v>391</v>
      </c>
      <c r="E109056" s="15">
        <v>45662</v>
      </c>
      <c r="F109056" s="14" t="s">
        <v>15</v>
      </c>
      <c r="G109056" s="16">
        <v>0</v>
      </c>
    </row>
    <row r="109057" spans="1:7" x14ac:dyDescent="0.3">
      <c r="A109057" s="13" t="s">
        <v>524</v>
      </c>
      <c r="B109057" s="14" t="s">
        <v>1</v>
      </c>
      <c r="C109057" s="14" t="s">
        <v>96</v>
      </c>
      <c r="D109057" s="14" t="s">
        <v>391</v>
      </c>
      <c r="E109057" s="15">
        <v>45663</v>
      </c>
      <c r="F109057" s="14" t="s">
        <v>15</v>
      </c>
      <c r="G109057" s="16">
        <v>0</v>
      </c>
    </row>
    <row r="109058" spans="1:7" x14ac:dyDescent="0.3">
      <c r="A109058" s="13" t="s">
        <v>524</v>
      </c>
      <c r="B109058" s="14" t="s">
        <v>1</v>
      </c>
      <c r="C109058" s="14" t="s">
        <v>96</v>
      </c>
      <c r="D109058" s="14" t="s">
        <v>391</v>
      </c>
      <c r="E109058" s="15">
        <v>45664</v>
      </c>
      <c r="F109058" s="14" t="s">
        <v>15</v>
      </c>
      <c r="G109058" s="16">
        <v>0</v>
      </c>
    </row>
    <row r="109059" spans="1:7" x14ac:dyDescent="0.3">
      <c r="A109059" s="13" t="s">
        <v>524</v>
      </c>
      <c r="B109059" s="14" t="s">
        <v>1</v>
      </c>
      <c r="C109059" s="14" t="s">
        <v>96</v>
      </c>
      <c r="D109059" s="14" t="s">
        <v>391</v>
      </c>
      <c r="E109059" s="15">
        <v>45665</v>
      </c>
      <c r="F109059" s="14" t="s">
        <v>15</v>
      </c>
      <c r="G109059" s="16">
        <v>0</v>
      </c>
    </row>
    <row r="109060" spans="1:7" x14ac:dyDescent="0.3">
      <c r="A109060" s="13" t="s">
        <v>524</v>
      </c>
      <c r="B109060" s="14" t="s">
        <v>1</v>
      </c>
      <c r="C109060" s="14" t="s">
        <v>96</v>
      </c>
      <c r="D109060" s="14" t="s">
        <v>391</v>
      </c>
      <c r="E109060" s="15">
        <v>45666</v>
      </c>
      <c r="F109060" s="14" t="s">
        <v>15</v>
      </c>
      <c r="G109060" s="16">
        <v>0</v>
      </c>
    </row>
    <row r="109061" spans="1:7" x14ac:dyDescent="0.3">
      <c r="A109061" s="13" t="s">
        <v>524</v>
      </c>
      <c r="B109061" s="14" t="s">
        <v>1</v>
      </c>
      <c r="C109061" s="14" t="s">
        <v>96</v>
      </c>
      <c r="D109061" s="14" t="s">
        <v>391</v>
      </c>
      <c r="E109061" s="15">
        <v>45667</v>
      </c>
      <c r="F109061" s="14" t="s">
        <v>15</v>
      </c>
      <c r="G109061" s="16">
        <v>0</v>
      </c>
    </row>
    <row r="109062" spans="1:7" x14ac:dyDescent="0.3">
      <c r="A109062" s="13" t="s">
        <v>524</v>
      </c>
      <c r="B109062" s="14" t="s">
        <v>1</v>
      </c>
      <c r="C109062" s="14" t="s">
        <v>96</v>
      </c>
      <c r="D109062" s="14" t="s">
        <v>391</v>
      </c>
      <c r="E109062" s="15">
        <v>45668</v>
      </c>
      <c r="F109062" s="14" t="s">
        <v>15</v>
      </c>
      <c r="G109062" s="16">
        <v>0</v>
      </c>
    </row>
    <row r="109063" spans="1:7" x14ac:dyDescent="0.3">
      <c r="A109063" s="13" t="s">
        <v>524</v>
      </c>
      <c r="B109063" s="14" t="s">
        <v>1</v>
      </c>
      <c r="C109063" s="14" t="s">
        <v>96</v>
      </c>
      <c r="D109063" s="14" t="s">
        <v>391</v>
      </c>
      <c r="E109063" s="15">
        <v>45669</v>
      </c>
      <c r="F109063" s="14" t="s">
        <v>15</v>
      </c>
      <c r="G109063" s="16">
        <v>0</v>
      </c>
    </row>
    <row r="109064" spans="1:7" x14ac:dyDescent="0.3">
      <c r="A109064" s="13" t="s">
        <v>524</v>
      </c>
      <c r="B109064" s="14" t="s">
        <v>1</v>
      </c>
      <c r="C109064" s="14" t="s">
        <v>96</v>
      </c>
      <c r="D109064" s="14" t="s">
        <v>391</v>
      </c>
      <c r="E109064" s="15">
        <v>45670</v>
      </c>
      <c r="F109064" s="14" t="s">
        <v>15</v>
      </c>
      <c r="G109064" s="16">
        <v>0</v>
      </c>
    </row>
    <row r="109065" spans="1:7" x14ac:dyDescent="0.3">
      <c r="A109065" s="13" t="s">
        <v>524</v>
      </c>
      <c r="B109065" s="14" t="s">
        <v>1</v>
      </c>
      <c r="C109065" s="14" t="s">
        <v>96</v>
      </c>
      <c r="D109065" s="14" t="s">
        <v>391</v>
      </c>
      <c r="E109065" s="15">
        <v>45671</v>
      </c>
      <c r="F109065" s="14" t="s">
        <v>15</v>
      </c>
      <c r="G109065" s="16">
        <v>0</v>
      </c>
    </row>
    <row r="109066" spans="1:7" x14ac:dyDescent="0.3">
      <c r="A109066" s="13" t="s">
        <v>524</v>
      </c>
      <c r="B109066" s="14" t="s">
        <v>1</v>
      </c>
      <c r="C109066" s="14" t="s">
        <v>96</v>
      </c>
      <c r="D109066" s="14" t="s">
        <v>391</v>
      </c>
      <c r="E109066" s="15">
        <v>45672</v>
      </c>
      <c r="F109066" s="14" t="s">
        <v>15</v>
      </c>
      <c r="G109066" s="16">
        <v>0</v>
      </c>
    </row>
    <row r="109067" spans="1:7" x14ac:dyDescent="0.3">
      <c r="A109067" s="13" t="s">
        <v>524</v>
      </c>
      <c r="B109067" s="14" t="s">
        <v>1</v>
      </c>
      <c r="C109067" s="14" t="s">
        <v>96</v>
      </c>
      <c r="D109067" s="14" t="s">
        <v>391</v>
      </c>
      <c r="E109067" s="15">
        <v>45673</v>
      </c>
      <c r="F109067" s="14" t="s">
        <v>15</v>
      </c>
      <c r="G109067" s="16">
        <v>0</v>
      </c>
    </row>
    <row r="109068" spans="1:7" x14ac:dyDescent="0.3">
      <c r="A109068" s="13" t="s">
        <v>524</v>
      </c>
      <c r="B109068" s="14" t="s">
        <v>1</v>
      </c>
      <c r="C109068" s="14" t="s">
        <v>96</v>
      </c>
      <c r="D109068" s="14" t="s">
        <v>391</v>
      </c>
      <c r="E109068" s="15">
        <v>45674</v>
      </c>
      <c r="F109068" s="14" t="s">
        <v>15</v>
      </c>
      <c r="G109068" s="16">
        <v>0</v>
      </c>
    </row>
    <row r="109069" spans="1:7" x14ac:dyDescent="0.3">
      <c r="A109069" s="13" t="s">
        <v>524</v>
      </c>
      <c r="B109069" s="14" t="s">
        <v>1</v>
      </c>
      <c r="C109069" s="14" t="s">
        <v>96</v>
      </c>
      <c r="D109069" s="14" t="s">
        <v>391</v>
      </c>
      <c r="E109069" s="15">
        <v>45675</v>
      </c>
      <c r="F109069" s="14" t="s">
        <v>15</v>
      </c>
      <c r="G109069" s="16">
        <v>0</v>
      </c>
    </row>
    <row r="109070" spans="1:7" x14ac:dyDescent="0.3">
      <c r="A109070" s="13" t="s">
        <v>524</v>
      </c>
      <c r="B109070" s="14" t="s">
        <v>1</v>
      </c>
      <c r="C109070" s="14" t="s">
        <v>96</v>
      </c>
      <c r="D109070" s="14" t="s">
        <v>391</v>
      </c>
      <c r="E109070" s="15">
        <v>45676</v>
      </c>
      <c r="F109070" s="14" t="s">
        <v>15</v>
      </c>
      <c r="G109070" s="16">
        <v>0</v>
      </c>
    </row>
    <row r="109071" spans="1:7" x14ac:dyDescent="0.3">
      <c r="A109071" s="13" t="s">
        <v>524</v>
      </c>
      <c r="B109071" s="14" t="s">
        <v>1</v>
      </c>
      <c r="C109071" s="14" t="s">
        <v>96</v>
      </c>
      <c r="D109071" s="14" t="s">
        <v>391</v>
      </c>
      <c r="E109071" s="15">
        <v>45677</v>
      </c>
      <c r="F109071" s="14" t="s">
        <v>15</v>
      </c>
      <c r="G109071" s="16">
        <v>0</v>
      </c>
    </row>
    <row r="109072" spans="1:7" x14ac:dyDescent="0.3">
      <c r="A109072" s="13" t="s">
        <v>524</v>
      </c>
      <c r="B109072" s="14" t="s">
        <v>1</v>
      </c>
      <c r="C109072" s="14" t="s">
        <v>96</v>
      </c>
      <c r="D109072" s="14" t="s">
        <v>391</v>
      </c>
      <c r="E109072" s="15">
        <v>45678</v>
      </c>
      <c r="F109072" s="14" t="s">
        <v>15</v>
      </c>
      <c r="G109072" s="16">
        <v>0</v>
      </c>
    </row>
    <row r="109073" spans="1:7" x14ac:dyDescent="0.3">
      <c r="A109073" s="13" t="s">
        <v>524</v>
      </c>
      <c r="B109073" s="14" t="s">
        <v>1</v>
      </c>
      <c r="C109073" s="14" t="s">
        <v>96</v>
      </c>
      <c r="D109073" s="14" t="s">
        <v>391</v>
      </c>
      <c r="E109073" s="15">
        <v>45679</v>
      </c>
      <c r="F109073" s="14" t="s">
        <v>15</v>
      </c>
      <c r="G109073" s="16">
        <v>0</v>
      </c>
    </row>
    <row r="109074" spans="1:7" x14ac:dyDescent="0.3">
      <c r="A109074" s="13" t="s">
        <v>524</v>
      </c>
      <c r="B109074" s="14" t="s">
        <v>1</v>
      </c>
      <c r="C109074" s="14" t="s">
        <v>96</v>
      </c>
      <c r="D109074" s="14" t="s">
        <v>391</v>
      </c>
      <c r="E109074" s="15">
        <v>45680</v>
      </c>
      <c r="F109074" s="14" t="s">
        <v>15</v>
      </c>
      <c r="G109074" s="16">
        <v>0</v>
      </c>
    </row>
    <row r="109075" spans="1:7" x14ac:dyDescent="0.3">
      <c r="A109075" s="13" t="s">
        <v>524</v>
      </c>
      <c r="B109075" s="14" t="s">
        <v>1</v>
      </c>
      <c r="C109075" s="14" t="s">
        <v>96</v>
      </c>
      <c r="D109075" s="14" t="s">
        <v>391</v>
      </c>
      <c r="E109075" s="15">
        <v>45681</v>
      </c>
      <c r="F109075" s="14" t="s">
        <v>15</v>
      </c>
      <c r="G109075" s="16">
        <v>0</v>
      </c>
    </row>
    <row r="109076" spans="1:7" x14ac:dyDescent="0.3">
      <c r="A109076" s="13" t="s">
        <v>524</v>
      </c>
      <c r="B109076" s="14" t="s">
        <v>1</v>
      </c>
      <c r="C109076" s="14" t="s">
        <v>96</v>
      </c>
      <c r="D109076" s="14" t="s">
        <v>391</v>
      </c>
      <c r="E109076" s="15">
        <v>45682</v>
      </c>
      <c r="F109076" s="14" t="s">
        <v>15</v>
      </c>
      <c r="G109076" s="16">
        <v>0</v>
      </c>
    </row>
    <row r="109077" spans="1:7" x14ac:dyDescent="0.3">
      <c r="A109077" s="13" t="s">
        <v>524</v>
      </c>
      <c r="B109077" s="14" t="s">
        <v>1</v>
      </c>
      <c r="C109077" s="14" t="s">
        <v>96</v>
      </c>
      <c r="D109077" s="14" t="s">
        <v>391</v>
      </c>
      <c r="E109077" s="15">
        <v>45683</v>
      </c>
      <c r="F109077" s="14" t="s">
        <v>15</v>
      </c>
      <c r="G109077" s="16">
        <v>0</v>
      </c>
    </row>
    <row r="109078" spans="1:7" x14ac:dyDescent="0.3">
      <c r="A109078" s="13" t="s">
        <v>524</v>
      </c>
      <c r="B109078" s="14" t="s">
        <v>1</v>
      </c>
      <c r="C109078" s="14" t="s">
        <v>96</v>
      </c>
      <c r="D109078" s="14" t="s">
        <v>391</v>
      </c>
      <c r="E109078" s="15">
        <v>45684</v>
      </c>
      <c r="F109078" s="14" t="s">
        <v>15</v>
      </c>
      <c r="G109078" s="16">
        <v>0</v>
      </c>
    </row>
    <row r="109079" spans="1:7" x14ac:dyDescent="0.3">
      <c r="A109079" s="13" t="s">
        <v>524</v>
      </c>
      <c r="B109079" s="14" t="s">
        <v>1</v>
      </c>
      <c r="C109079" s="14" t="s">
        <v>96</v>
      </c>
      <c r="D109079" s="14" t="s">
        <v>391</v>
      </c>
      <c r="E109079" s="15">
        <v>45685</v>
      </c>
      <c r="F109079" s="14" t="s">
        <v>15</v>
      </c>
      <c r="G109079" s="16">
        <v>0</v>
      </c>
    </row>
    <row r="109080" spans="1:7" x14ac:dyDescent="0.3">
      <c r="A109080" s="13" t="s">
        <v>524</v>
      </c>
      <c r="B109080" s="14" t="s">
        <v>1</v>
      </c>
      <c r="C109080" s="14" t="s">
        <v>96</v>
      </c>
      <c r="D109080" s="14" t="s">
        <v>391</v>
      </c>
      <c r="E109080" s="15">
        <v>45686</v>
      </c>
      <c r="F109080" s="14" t="s">
        <v>15</v>
      </c>
      <c r="G109080" s="16">
        <v>0</v>
      </c>
    </row>
    <row r="109081" spans="1:7" x14ac:dyDescent="0.3">
      <c r="A109081" s="13" t="s">
        <v>524</v>
      </c>
      <c r="B109081" s="14" t="s">
        <v>1</v>
      </c>
      <c r="C109081" s="14" t="s">
        <v>96</v>
      </c>
      <c r="D109081" s="14" t="s">
        <v>391</v>
      </c>
      <c r="E109081" s="15">
        <v>45687</v>
      </c>
      <c r="F109081" s="14" t="s">
        <v>15</v>
      </c>
      <c r="G109081" s="16">
        <v>0</v>
      </c>
    </row>
    <row r="109082" spans="1:7" x14ac:dyDescent="0.3">
      <c r="A109082" s="13" t="s">
        <v>524</v>
      </c>
      <c r="B109082" s="14" t="s">
        <v>1</v>
      </c>
      <c r="C109082" s="14" t="s">
        <v>96</v>
      </c>
      <c r="D109082" s="14" t="s">
        <v>391</v>
      </c>
      <c r="E109082" s="15">
        <v>45688</v>
      </c>
      <c r="F109082" s="14" t="s">
        <v>15</v>
      </c>
      <c r="G109082" s="16">
        <v>0</v>
      </c>
    </row>
    <row r="109083" spans="1:7" x14ac:dyDescent="0.3">
      <c r="A109083" s="13" t="s">
        <v>524</v>
      </c>
      <c r="B109083" s="14" t="s">
        <v>1</v>
      </c>
      <c r="C109083" s="14" t="s">
        <v>96</v>
      </c>
      <c r="D109083" s="14" t="s">
        <v>391</v>
      </c>
      <c r="E109083" s="15">
        <v>45689</v>
      </c>
      <c r="F109083" s="14" t="s">
        <v>15</v>
      </c>
      <c r="G109083" s="16">
        <v>0</v>
      </c>
    </row>
    <row r="109084" spans="1:7" x14ac:dyDescent="0.3">
      <c r="A109084" s="13" t="s">
        <v>524</v>
      </c>
      <c r="B109084" s="14" t="s">
        <v>1</v>
      </c>
      <c r="C109084" s="14" t="s">
        <v>96</v>
      </c>
      <c r="D109084" s="14" t="s">
        <v>391</v>
      </c>
      <c r="E109084" s="15">
        <v>45690</v>
      </c>
      <c r="F109084" s="14" t="s">
        <v>15</v>
      </c>
      <c r="G109084" s="16">
        <v>0</v>
      </c>
    </row>
    <row r="109085" spans="1:7" x14ac:dyDescent="0.3">
      <c r="A109085" s="13" t="s">
        <v>524</v>
      </c>
      <c r="B109085" s="14" t="s">
        <v>1</v>
      </c>
      <c r="C109085" s="14" t="s">
        <v>96</v>
      </c>
      <c r="D109085" s="14" t="s">
        <v>391</v>
      </c>
      <c r="E109085" s="15">
        <v>45691</v>
      </c>
      <c r="F109085" s="14" t="s">
        <v>15</v>
      </c>
      <c r="G109085" s="16">
        <v>0</v>
      </c>
    </row>
    <row r="109086" spans="1:7" x14ac:dyDescent="0.3">
      <c r="A109086" s="13" t="s">
        <v>524</v>
      </c>
      <c r="B109086" s="14" t="s">
        <v>1</v>
      </c>
      <c r="C109086" s="14" t="s">
        <v>96</v>
      </c>
      <c r="D109086" s="14" t="s">
        <v>391</v>
      </c>
      <c r="E109086" s="15">
        <v>45692</v>
      </c>
      <c r="F109086" s="14" t="s">
        <v>15</v>
      </c>
      <c r="G109086" s="16">
        <v>0</v>
      </c>
    </row>
    <row r="109087" spans="1:7" x14ac:dyDescent="0.3">
      <c r="A109087" s="13" t="s">
        <v>524</v>
      </c>
      <c r="B109087" s="14" t="s">
        <v>1</v>
      </c>
      <c r="C109087" s="14" t="s">
        <v>96</v>
      </c>
      <c r="D109087" s="14" t="s">
        <v>391</v>
      </c>
      <c r="E109087" s="15">
        <v>45693</v>
      </c>
      <c r="F109087" s="14" t="s">
        <v>15</v>
      </c>
      <c r="G109087" s="16">
        <v>0</v>
      </c>
    </row>
    <row r="109088" spans="1:7" x14ac:dyDescent="0.3">
      <c r="A109088" s="13" t="s">
        <v>524</v>
      </c>
      <c r="B109088" s="14" t="s">
        <v>1</v>
      </c>
      <c r="C109088" s="14" t="s">
        <v>96</v>
      </c>
      <c r="D109088" s="14" t="s">
        <v>391</v>
      </c>
      <c r="E109088" s="15">
        <v>45694</v>
      </c>
      <c r="F109088" s="14" t="s">
        <v>15</v>
      </c>
      <c r="G109088" s="16">
        <v>0</v>
      </c>
    </row>
    <row r="109089" spans="1:7" x14ac:dyDescent="0.3">
      <c r="A109089" s="13" t="s">
        <v>524</v>
      </c>
      <c r="B109089" s="14" t="s">
        <v>1</v>
      </c>
      <c r="C109089" s="14" t="s">
        <v>96</v>
      </c>
      <c r="D109089" s="14" t="s">
        <v>391</v>
      </c>
      <c r="E109089" s="15">
        <v>45695</v>
      </c>
      <c r="F109089" s="14" t="s">
        <v>15</v>
      </c>
      <c r="G109089" s="16">
        <v>0</v>
      </c>
    </row>
    <row r="109090" spans="1:7" x14ac:dyDescent="0.3">
      <c r="A109090" s="13" t="s">
        <v>524</v>
      </c>
      <c r="B109090" s="14" t="s">
        <v>1</v>
      </c>
      <c r="C109090" s="14" t="s">
        <v>96</v>
      </c>
      <c r="D109090" s="14" t="s">
        <v>391</v>
      </c>
      <c r="E109090" s="15">
        <v>45696</v>
      </c>
      <c r="F109090" s="14" t="s">
        <v>15</v>
      </c>
      <c r="G109090" s="16">
        <v>0</v>
      </c>
    </row>
    <row r="109091" spans="1:7" x14ac:dyDescent="0.3">
      <c r="A109091" s="13" t="s">
        <v>524</v>
      </c>
      <c r="B109091" s="14" t="s">
        <v>1</v>
      </c>
      <c r="C109091" s="14" t="s">
        <v>96</v>
      </c>
      <c r="D109091" s="14" t="s">
        <v>391</v>
      </c>
      <c r="E109091" s="15">
        <v>45697</v>
      </c>
      <c r="F109091" s="14" t="s">
        <v>15</v>
      </c>
      <c r="G109091" s="16">
        <v>0</v>
      </c>
    </row>
    <row r="109092" spans="1:7" x14ac:dyDescent="0.3">
      <c r="A109092" s="13" t="s">
        <v>524</v>
      </c>
      <c r="B109092" s="14" t="s">
        <v>1</v>
      </c>
      <c r="C109092" s="14" t="s">
        <v>96</v>
      </c>
      <c r="D109092" s="14" t="s">
        <v>391</v>
      </c>
      <c r="E109092" s="15">
        <v>45698</v>
      </c>
      <c r="F109092" s="14" t="s">
        <v>15</v>
      </c>
      <c r="G109092" s="16">
        <v>0</v>
      </c>
    </row>
    <row r="109093" spans="1:7" x14ac:dyDescent="0.3">
      <c r="A109093" s="13" t="s">
        <v>524</v>
      </c>
      <c r="B109093" s="14" t="s">
        <v>1</v>
      </c>
      <c r="C109093" s="14" t="s">
        <v>96</v>
      </c>
      <c r="D109093" s="14" t="s">
        <v>391</v>
      </c>
      <c r="E109093" s="15">
        <v>45699</v>
      </c>
      <c r="F109093" s="14" t="s">
        <v>15</v>
      </c>
      <c r="G109093" s="16">
        <v>0</v>
      </c>
    </row>
    <row r="109094" spans="1:7" x14ac:dyDescent="0.3">
      <c r="A109094" s="13" t="s">
        <v>524</v>
      </c>
      <c r="B109094" s="14" t="s">
        <v>1</v>
      </c>
      <c r="C109094" s="14" t="s">
        <v>96</v>
      </c>
      <c r="D109094" s="14" t="s">
        <v>391</v>
      </c>
      <c r="E109094" s="15">
        <v>45700</v>
      </c>
      <c r="F109094" s="14" t="s">
        <v>15</v>
      </c>
      <c r="G109094" s="16">
        <v>0</v>
      </c>
    </row>
    <row r="109095" spans="1:7" x14ac:dyDescent="0.3">
      <c r="A109095" s="13" t="s">
        <v>524</v>
      </c>
      <c r="B109095" s="14" t="s">
        <v>1</v>
      </c>
      <c r="C109095" s="14" t="s">
        <v>96</v>
      </c>
      <c r="D109095" s="14" t="s">
        <v>391</v>
      </c>
      <c r="E109095" s="15">
        <v>45701</v>
      </c>
      <c r="F109095" s="14" t="s">
        <v>15</v>
      </c>
      <c r="G109095" s="16">
        <v>0</v>
      </c>
    </row>
    <row r="109096" spans="1:7" x14ac:dyDescent="0.3">
      <c r="A109096" s="13" t="s">
        <v>524</v>
      </c>
      <c r="B109096" s="14" t="s">
        <v>1</v>
      </c>
      <c r="C109096" s="14" t="s">
        <v>96</v>
      </c>
      <c r="D109096" s="14" t="s">
        <v>391</v>
      </c>
      <c r="E109096" s="15">
        <v>45702</v>
      </c>
      <c r="F109096" s="14" t="s">
        <v>15</v>
      </c>
      <c r="G109096" s="16">
        <v>0</v>
      </c>
    </row>
    <row r="109097" spans="1:7" x14ac:dyDescent="0.3">
      <c r="A109097" s="13" t="s">
        <v>524</v>
      </c>
      <c r="B109097" s="14" t="s">
        <v>1</v>
      </c>
      <c r="C109097" s="14" t="s">
        <v>96</v>
      </c>
      <c r="D109097" s="14" t="s">
        <v>391</v>
      </c>
      <c r="E109097" s="15">
        <v>45703</v>
      </c>
      <c r="F109097" s="14" t="s">
        <v>15</v>
      </c>
      <c r="G109097" s="16">
        <v>0</v>
      </c>
    </row>
    <row r="109098" spans="1:7" x14ac:dyDescent="0.3">
      <c r="A109098" s="13" t="s">
        <v>524</v>
      </c>
      <c r="B109098" s="14" t="s">
        <v>1</v>
      </c>
      <c r="C109098" s="14" t="s">
        <v>96</v>
      </c>
      <c r="D109098" s="14" t="s">
        <v>391</v>
      </c>
      <c r="E109098" s="15">
        <v>45704</v>
      </c>
      <c r="F109098" s="14" t="s">
        <v>15</v>
      </c>
      <c r="G109098" s="16">
        <v>0</v>
      </c>
    </row>
    <row r="109099" spans="1:7" x14ac:dyDescent="0.3">
      <c r="A109099" s="13" t="s">
        <v>524</v>
      </c>
      <c r="B109099" s="14" t="s">
        <v>1</v>
      </c>
      <c r="C109099" s="14" t="s">
        <v>96</v>
      </c>
      <c r="D109099" s="14" t="s">
        <v>391</v>
      </c>
      <c r="E109099" s="15">
        <v>45705</v>
      </c>
      <c r="F109099" s="14" t="s">
        <v>15</v>
      </c>
      <c r="G109099" s="16">
        <v>0</v>
      </c>
    </row>
    <row r="109100" spans="1:7" x14ac:dyDescent="0.3">
      <c r="A109100" s="13" t="s">
        <v>524</v>
      </c>
      <c r="B109100" s="14" t="s">
        <v>1</v>
      </c>
      <c r="C109100" s="14" t="s">
        <v>96</v>
      </c>
      <c r="D109100" s="14" t="s">
        <v>391</v>
      </c>
      <c r="E109100" s="15">
        <v>45706</v>
      </c>
      <c r="F109100" s="14" t="s">
        <v>15</v>
      </c>
      <c r="G109100" s="16">
        <v>0</v>
      </c>
    </row>
    <row r="109101" spans="1:7" x14ac:dyDescent="0.3">
      <c r="A109101" s="13" t="s">
        <v>524</v>
      </c>
      <c r="B109101" s="14" t="s">
        <v>1</v>
      </c>
      <c r="C109101" s="14" t="s">
        <v>96</v>
      </c>
      <c r="D109101" s="14" t="s">
        <v>391</v>
      </c>
      <c r="E109101" s="15">
        <v>45707</v>
      </c>
      <c r="F109101" s="14" t="s">
        <v>15</v>
      </c>
      <c r="G109101" s="16">
        <v>0</v>
      </c>
    </row>
    <row r="109102" spans="1:7" x14ac:dyDescent="0.3">
      <c r="A109102" s="13" t="s">
        <v>524</v>
      </c>
      <c r="B109102" s="14" t="s">
        <v>1</v>
      </c>
      <c r="C109102" s="14" t="s">
        <v>96</v>
      </c>
      <c r="D109102" s="14" t="s">
        <v>391</v>
      </c>
      <c r="E109102" s="15">
        <v>45708</v>
      </c>
      <c r="F109102" s="14" t="s">
        <v>15</v>
      </c>
      <c r="G109102" s="16">
        <v>0</v>
      </c>
    </row>
    <row r="109103" spans="1:7" x14ac:dyDescent="0.3">
      <c r="A109103" s="13" t="s">
        <v>524</v>
      </c>
      <c r="B109103" s="14" t="s">
        <v>1</v>
      </c>
      <c r="C109103" s="14" t="s">
        <v>96</v>
      </c>
      <c r="D109103" s="14" t="s">
        <v>391</v>
      </c>
      <c r="E109103" s="15">
        <v>45709</v>
      </c>
      <c r="F109103" s="14" t="s">
        <v>15</v>
      </c>
      <c r="G109103" s="16">
        <v>0</v>
      </c>
    </row>
    <row r="109104" spans="1:7" x14ac:dyDescent="0.3">
      <c r="A109104" s="13" t="s">
        <v>524</v>
      </c>
      <c r="B109104" s="14" t="s">
        <v>1</v>
      </c>
      <c r="C109104" s="14" t="s">
        <v>96</v>
      </c>
      <c r="D109104" s="14" t="s">
        <v>391</v>
      </c>
      <c r="E109104" s="15">
        <v>45710</v>
      </c>
      <c r="F109104" s="14" t="s">
        <v>15</v>
      </c>
      <c r="G109104" s="16">
        <v>0</v>
      </c>
    </row>
    <row r="109105" spans="1:7" x14ac:dyDescent="0.3">
      <c r="A109105" s="13" t="s">
        <v>524</v>
      </c>
      <c r="B109105" s="14" t="s">
        <v>1</v>
      </c>
      <c r="C109105" s="14" t="s">
        <v>96</v>
      </c>
      <c r="D109105" s="14" t="s">
        <v>391</v>
      </c>
      <c r="E109105" s="15">
        <v>45711</v>
      </c>
      <c r="F109105" s="14" t="s">
        <v>15</v>
      </c>
      <c r="G109105" s="16">
        <v>0</v>
      </c>
    </row>
    <row r="109106" spans="1:7" x14ac:dyDescent="0.3">
      <c r="A109106" s="13" t="s">
        <v>524</v>
      </c>
      <c r="B109106" s="14" t="s">
        <v>1</v>
      </c>
      <c r="C109106" s="14" t="s">
        <v>96</v>
      </c>
      <c r="D109106" s="14" t="s">
        <v>391</v>
      </c>
      <c r="E109106" s="15">
        <v>45712</v>
      </c>
      <c r="F109106" s="14" t="s">
        <v>15</v>
      </c>
      <c r="G109106" s="16">
        <v>0</v>
      </c>
    </row>
    <row r="109107" spans="1:7" x14ac:dyDescent="0.3">
      <c r="A109107" s="13" t="s">
        <v>524</v>
      </c>
      <c r="B109107" s="14" t="s">
        <v>1</v>
      </c>
      <c r="C109107" s="14" t="s">
        <v>96</v>
      </c>
      <c r="D109107" s="14" t="s">
        <v>391</v>
      </c>
      <c r="E109107" s="15">
        <v>45713</v>
      </c>
      <c r="F109107" s="14" t="s">
        <v>15</v>
      </c>
      <c r="G109107" s="16">
        <v>0</v>
      </c>
    </row>
    <row r="109108" spans="1:7" x14ac:dyDescent="0.3">
      <c r="A109108" s="13" t="s">
        <v>524</v>
      </c>
      <c r="B109108" s="14" t="s">
        <v>1</v>
      </c>
      <c r="C109108" s="14" t="s">
        <v>96</v>
      </c>
      <c r="D109108" s="14" t="s">
        <v>391</v>
      </c>
      <c r="E109108" s="15">
        <v>45714</v>
      </c>
      <c r="F109108" s="14" t="s">
        <v>15</v>
      </c>
      <c r="G109108" s="16">
        <v>0</v>
      </c>
    </row>
    <row r="109109" spans="1:7" x14ac:dyDescent="0.3">
      <c r="A109109" s="13" t="s">
        <v>524</v>
      </c>
      <c r="B109109" s="14" t="s">
        <v>1</v>
      </c>
      <c r="C109109" s="14" t="s">
        <v>96</v>
      </c>
      <c r="D109109" s="14" t="s">
        <v>391</v>
      </c>
      <c r="E109109" s="15">
        <v>45715</v>
      </c>
      <c r="F109109" s="14" t="s">
        <v>15</v>
      </c>
      <c r="G109109" s="16">
        <v>0</v>
      </c>
    </row>
    <row r="109110" spans="1:7" x14ac:dyDescent="0.3">
      <c r="A109110" s="13" t="s">
        <v>524</v>
      </c>
      <c r="B109110" s="14" t="s">
        <v>1</v>
      </c>
      <c r="C109110" s="14" t="s">
        <v>96</v>
      </c>
      <c r="D109110" s="14" t="s">
        <v>391</v>
      </c>
      <c r="E109110" s="15">
        <v>45716</v>
      </c>
      <c r="F109110" s="14" t="s">
        <v>15</v>
      </c>
      <c r="G109110" s="16">
        <v>0</v>
      </c>
    </row>
    <row r="109111" spans="1:7" x14ac:dyDescent="0.3">
      <c r="A109111" s="13" t="s">
        <v>524</v>
      </c>
      <c r="B109111" s="14" t="s">
        <v>1</v>
      </c>
      <c r="C109111" s="14" t="s">
        <v>96</v>
      </c>
      <c r="D109111" s="14" t="s">
        <v>391</v>
      </c>
      <c r="E109111" s="15">
        <v>45717</v>
      </c>
      <c r="F109111" s="14" t="s">
        <v>15</v>
      </c>
      <c r="G109111" s="16">
        <v>0</v>
      </c>
    </row>
    <row r="109112" spans="1:7" x14ac:dyDescent="0.3">
      <c r="A109112" s="13" t="s">
        <v>524</v>
      </c>
      <c r="B109112" s="14" t="s">
        <v>1</v>
      </c>
      <c r="C109112" s="14" t="s">
        <v>96</v>
      </c>
      <c r="D109112" s="14" t="s">
        <v>391</v>
      </c>
      <c r="E109112" s="15">
        <v>45718</v>
      </c>
      <c r="F109112" s="14" t="s">
        <v>15</v>
      </c>
      <c r="G109112" s="16">
        <v>0</v>
      </c>
    </row>
    <row r="109113" spans="1:7" x14ac:dyDescent="0.3">
      <c r="A109113" s="13" t="s">
        <v>524</v>
      </c>
      <c r="B109113" s="14" t="s">
        <v>1</v>
      </c>
      <c r="C109113" s="14" t="s">
        <v>96</v>
      </c>
      <c r="D109113" s="14" t="s">
        <v>391</v>
      </c>
      <c r="E109113" s="15">
        <v>45719</v>
      </c>
      <c r="F109113" s="14" t="s">
        <v>15</v>
      </c>
      <c r="G109113" s="16">
        <v>0</v>
      </c>
    </row>
    <row r="109114" spans="1:7" x14ac:dyDescent="0.3">
      <c r="A109114" s="13" t="s">
        <v>524</v>
      </c>
      <c r="B109114" s="14" t="s">
        <v>1</v>
      </c>
      <c r="C109114" s="14" t="s">
        <v>96</v>
      </c>
      <c r="D109114" s="14" t="s">
        <v>391</v>
      </c>
      <c r="E109114" s="15">
        <v>45720</v>
      </c>
      <c r="F109114" s="14" t="s">
        <v>15</v>
      </c>
      <c r="G109114" s="16">
        <v>0</v>
      </c>
    </row>
    <row r="109115" spans="1:7" x14ac:dyDescent="0.3">
      <c r="A109115" s="13" t="s">
        <v>524</v>
      </c>
      <c r="B109115" s="14" t="s">
        <v>1</v>
      </c>
      <c r="C109115" s="14" t="s">
        <v>96</v>
      </c>
      <c r="D109115" s="14" t="s">
        <v>391</v>
      </c>
      <c r="E109115" s="15">
        <v>45721</v>
      </c>
      <c r="F109115" s="14" t="s">
        <v>15</v>
      </c>
      <c r="G109115" s="16">
        <v>0</v>
      </c>
    </row>
    <row r="109116" spans="1:7" x14ac:dyDescent="0.3">
      <c r="A109116" s="13" t="s">
        <v>524</v>
      </c>
      <c r="B109116" s="14" t="s">
        <v>1</v>
      </c>
      <c r="C109116" s="14" t="s">
        <v>96</v>
      </c>
      <c r="D109116" s="14" t="s">
        <v>391</v>
      </c>
      <c r="E109116" s="15">
        <v>45722</v>
      </c>
      <c r="F109116" s="14" t="s">
        <v>15</v>
      </c>
      <c r="G109116" s="16">
        <v>0</v>
      </c>
    </row>
    <row r="109117" spans="1:7" x14ac:dyDescent="0.3">
      <c r="A109117" s="13" t="s">
        <v>524</v>
      </c>
      <c r="B109117" s="14" t="s">
        <v>1</v>
      </c>
      <c r="C109117" s="14" t="s">
        <v>96</v>
      </c>
      <c r="D109117" s="14" t="s">
        <v>391</v>
      </c>
      <c r="E109117" s="15">
        <v>45723</v>
      </c>
      <c r="F109117" s="14" t="s">
        <v>15</v>
      </c>
      <c r="G109117" s="16">
        <v>0</v>
      </c>
    </row>
    <row r="109118" spans="1:7" x14ac:dyDescent="0.3">
      <c r="A109118" s="13" t="s">
        <v>524</v>
      </c>
      <c r="B109118" s="14" t="s">
        <v>1</v>
      </c>
      <c r="C109118" s="14" t="s">
        <v>96</v>
      </c>
      <c r="D109118" s="14" t="s">
        <v>391</v>
      </c>
      <c r="E109118" s="15">
        <v>45724</v>
      </c>
      <c r="F109118" s="14" t="s">
        <v>15</v>
      </c>
      <c r="G109118" s="16">
        <v>0</v>
      </c>
    </row>
    <row r="109119" spans="1:7" x14ac:dyDescent="0.3">
      <c r="A109119" s="13" t="s">
        <v>524</v>
      </c>
      <c r="B109119" s="14" t="s">
        <v>1</v>
      </c>
      <c r="C109119" s="14" t="s">
        <v>96</v>
      </c>
      <c r="D109119" s="14" t="s">
        <v>391</v>
      </c>
      <c r="E109119" s="15">
        <v>45725</v>
      </c>
      <c r="F109119" s="14" t="s">
        <v>15</v>
      </c>
      <c r="G109119" s="16">
        <v>0</v>
      </c>
    </row>
    <row r="109120" spans="1:7" x14ac:dyDescent="0.3">
      <c r="A109120" s="13" t="s">
        <v>524</v>
      </c>
      <c r="B109120" s="14" t="s">
        <v>1</v>
      </c>
      <c r="C109120" s="14" t="s">
        <v>96</v>
      </c>
      <c r="D109120" s="14" t="s">
        <v>391</v>
      </c>
      <c r="E109120" s="15">
        <v>45726</v>
      </c>
      <c r="F109120" s="14" t="s">
        <v>15</v>
      </c>
      <c r="G109120" s="16">
        <v>0</v>
      </c>
    </row>
    <row r="109121" spans="1:7" x14ac:dyDescent="0.3">
      <c r="A109121" s="13" t="s">
        <v>524</v>
      </c>
      <c r="B109121" s="14" t="s">
        <v>1</v>
      </c>
      <c r="C109121" s="14" t="s">
        <v>96</v>
      </c>
      <c r="D109121" s="14" t="s">
        <v>391</v>
      </c>
      <c r="E109121" s="15">
        <v>45727</v>
      </c>
      <c r="F109121" s="14" t="s">
        <v>15</v>
      </c>
      <c r="G109121" s="16">
        <v>0</v>
      </c>
    </row>
    <row r="109122" spans="1:7" x14ac:dyDescent="0.3">
      <c r="A109122" s="13" t="s">
        <v>524</v>
      </c>
      <c r="B109122" s="14" t="s">
        <v>1</v>
      </c>
      <c r="C109122" s="14" t="s">
        <v>96</v>
      </c>
      <c r="D109122" s="14" t="s">
        <v>391</v>
      </c>
      <c r="E109122" s="15">
        <v>45728</v>
      </c>
      <c r="F109122" s="14" t="s">
        <v>15</v>
      </c>
      <c r="G109122" s="16">
        <v>0</v>
      </c>
    </row>
    <row r="109123" spans="1:7" x14ac:dyDescent="0.3">
      <c r="A109123" s="13" t="s">
        <v>524</v>
      </c>
      <c r="B109123" s="14" t="s">
        <v>1</v>
      </c>
      <c r="C109123" s="14" t="s">
        <v>96</v>
      </c>
      <c r="D109123" s="14" t="s">
        <v>391</v>
      </c>
      <c r="E109123" s="15">
        <v>45729</v>
      </c>
      <c r="F109123" s="14" t="s">
        <v>15</v>
      </c>
      <c r="G109123" s="16">
        <v>0</v>
      </c>
    </row>
    <row r="109124" spans="1:7" x14ac:dyDescent="0.3">
      <c r="A109124" s="13" t="s">
        <v>524</v>
      </c>
      <c r="B109124" s="14" t="s">
        <v>1</v>
      </c>
      <c r="C109124" s="14" t="s">
        <v>96</v>
      </c>
      <c r="D109124" s="14" t="s">
        <v>391</v>
      </c>
      <c r="E109124" s="15">
        <v>45730</v>
      </c>
      <c r="F109124" s="14" t="s">
        <v>15</v>
      </c>
      <c r="G109124" s="16">
        <v>0</v>
      </c>
    </row>
    <row r="109125" spans="1:7" x14ac:dyDescent="0.3">
      <c r="A109125" s="13" t="s">
        <v>524</v>
      </c>
      <c r="B109125" s="14" t="s">
        <v>1</v>
      </c>
      <c r="C109125" s="14" t="s">
        <v>96</v>
      </c>
      <c r="D109125" s="14" t="s">
        <v>391</v>
      </c>
      <c r="E109125" s="15">
        <v>45731</v>
      </c>
      <c r="F109125" s="14" t="s">
        <v>15</v>
      </c>
      <c r="G109125" s="16">
        <v>0</v>
      </c>
    </row>
    <row r="109126" spans="1:7" x14ac:dyDescent="0.3">
      <c r="A109126" s="13" t="s">
        <v>524</v>
      </c>
      <c r="B109126" s="14" t="s">
        <v>1</v>
      </c>
      <c r="C109126" s="14" t="s">
        <v>96</v>
      </c>
      <c r="D109126" s="14" t="s">
        <v>391</v>
      </c>
      <c r="E109126" s="15">
        <v>45732</v>
      </c>
      <c r="F109126" s="14" t="s">
        <v>15</v>
      </c>
      <c r="G109126" s="16">
        <v>0</v>
      </c>
    </row>
    <row r="109127" spans="1:7" x14ac:dyDescent="0.3">
      <c r="A109127" s="13" t="s">
        <v>524</v>
      </c>
      <c r="B109127" s="14" t="s">
        <v>1</v>
      </c>
      <c r="C109127" s="14" t="s">
        <v>96</v>
      </c>
      <c r="D109127" s="14" t="s">
        <v>391</v>
      </c>
      <c r="E109127" s="15">
        <v>45733</v>
      </c>
      <c r="F109127" s="14" t="s">
        <v>15</v>
      </c>
      <c r="G109127" s="16">
        <v>0</v>
      </c>
    </row>
    <row r="109128" spans="1:7" x14ac:dyDescent="0.3">
      <c r="A109128" s="13" t="s">
        <v>524</v>
      </c>
      <c r="B109128" s="14" t="s">
        <v>1</v>
      </c>
      <c r="C109128" s="14" t="s">
        <v>96</v>
      </c>
      <c r="D109128" s="14" t="s">
        <v>391</v>
      </c>
      <c r="E109128" s="15">
        <v>45734</v>
      </c>
      <c r="F109128" s="14" t="s">
        <v>15</v>
      </c>
      <c r="G109128" s="16">
        <v>0</v>
      </c>
    </row>
    <row r="109129" spans="1:7" x14ac:dyDescent="0.3">
      <c r="A109129" s="13" t="s">
        <v>524</v>
      </c>
      <c r="B109129" s="14" t="s">
        <v>1</v>
      </c>
      <c r="C109129" s="14" t="s">
        <v>96</v>
      </c>
      <c r="D109129" s="14" t="s">
        <v>391</v>
      </c>
      <c r="E109129" s="15">
        <v>45735</v>
      </c>
      <c r="F109129" s="14" t="s">
        <v>15</v>
      </c>
      <c r="G109129" s="16">
        <v>0</v>
      </c>
    </row>
    <row r="109130" spans="1:7" x14ac:dyDescent="0.3">
      <c r="A109130" s="13" t="s">
        <v>524</v>
      </c>
      <c r="B109130" s="14" t="s">
        <v>1</v>
      </c>
      <c r="C109130" s="14" t="s">
        <v>96</v>
      </c>
      <c r="D109130" s="14" t="s">
        <v>391</v>
      </c>
      <c r="E109130" s="15">
        <v>45736</v>
      </c>
      <c r="F109130" s="14" t="s">
        <v>15</v>
      </c>
      <c r="G109130" s="16">
        <v>0</v>
      </c>
    </row>
    <row r="109131" spans="1:7" x14ac:dyDescent="0.3">
      <c r="A109131" s="13" t="s">
        <v>524</v>
      </c>
      <c r="B109131" s="14" t="s">
        <v>1</v>
      </c>
      <c r="C109131" s="14" t="s">
        <v>96</v>
      </c>
      <c r="D109131" s="14" t="s">
        <v>391</v>
      </c>
      <c r="E109131" s="15">
        <v>45737</v>
      </c>
      <c r="F109131" s="14" t="s">
        <v>15</v>
      </c>
      <c r="G109131" s="16">
        <v>0</v>
      </c>
    </row>
    <row r="109132" spans="1:7" x14ac:dyDescent="0.3">
      <c r="A109132" s="13" t="s">
        <v>524</v>
      </c>
      <c r="B109132" s="14" t="s">
        <v>1</v>
      </c>
      <c r="C109132" s="14" t="s">
        <v>96</v>
      </c>
      <c r="D109132" s="14" t="s">
        <v>391</v>
      </c>
      <c r="E109132" s="15">
        <v>45738</v>
      </c>
      <c r="F109132" s="14" t="s">
        <v>15</v>
      </c>
      <c r="G109132" s="16">
        <v>0</v>
      </c>
    </row>
    <row r="109133" spans="1:7" x14ac:dyDescent="0.3">
      <c r="A109133" s="13" t="s">
        <v>524</v>
      </c>
      <c r="B109133" s="14" t="s">
        <v>1</v>
      </c>
      <c r="C109133" s="14" t="s">
        <v>96</v>
      </c>
      <c r="D109133" s="14" t="s">
        <v>391</v>
      </c>
      <c r="E109133" s="15">
        <v>45739</v>
      </c>
      <c r="F109133" s="14" t="s">
        <v>15</v>
      </c>
      <c r="G109133" s="16">
        <v>0</v>
      </c>
    </row>
    <row r="109134" spans="1:7" x14ac:dyDescent="0.3">
      <c r="A109134" s="13" t="s">
        <v>524</v>
      </c>
      <c r="B109134" s="14" t="s">
        <v>1</v>
      </c>
      <c r="C109134" s="14" t="s">
        <v>96</v>
      </c>
      <c r="D109134" s="14" t="s">
        <v>391</v>
      </c>
      <c r="E109134" s="15">
        <v>45740</v>
      </c>
      <c r="F109134" s="14" t="s">
        <v>15</v>
      </c>
      <c r="G109134" s="16">
        <v>0</v>
      </c>
    </row>
    <row r="109135" spans="1:7" x14ac:dyDescent="0.3">
      <c r="A109135" s="13" t="s">
        <v>524</v>
      </c>
      <c r="B109135" s="14" t="s">
        <v>1</v>
      </c>
      <c r="C109135" s="14" t="s">
        <v>96</v>
      </c>
      <c r="D109135" s="14" t="s">
        <v>391</v>
      </c>
      <c r="E109135" s="15">
        <v>45741</v>
      </c>
      <c r="F109135" s="14" t="s">
        <v>15</v>
      </c>
      <c r="G109135" s="16">
        <v>0</v>
      </c>
    </row>
    <row r="109136" spans="1:7" x14ac:dyDescent="0.3">
      <c r="A109136" s="13" t="s">
        <v>524</v>
      </c>
      <c r="B109136" s="14" t="s">
        <v>1</v>
      </c>
      <c r="C109136" s="14" t="s">
        <v>96</v>
      </c>
      <c r="D109136" s="14" t="s">
        <v>391</v>
      </c>
      <c r="E109136" s="15">
        <v>45742</v>
      </c>
      <c r="F109136" s="14" t="s">
        <v>15</v>
      </c>
      <c r="G109136" s="16">
        <v>1.2666666666666672E-2</v>
      </c>
    </row>
    <row r="109137" spans="1:7" x14ac:dyDescent="0.3">
      <c r="A109137" s="13" t="s">
        <v>524</v>
      </c>
      <c r="B109137" s="14" t="s">
        <v>1</v>
      </c>
      <c r="C109137" s="14" t="s">
        <v>96</v>
      </c>
      <c r="D109137" s="14" t="s">
        <v>391</v>
      </c>
      <c r="E109137" s="15">
        <v>45743</v>
      </c>
      <c r="F109137" s="14" t="s">
        <v>15</v>
      </c>
      <c r="G109137" s="16">
        <v>2.3333333333333341E-2</v>
      </c>
    </row>
    <row r="109138" spans="1:7" x14ac:dyDescent="0.3">
      <c r="A109138" s="13" t="s">
        <v>524</v>
      </c>
      <c r="B109138" s="14" t="s">
        <v>1</v>
      </c>
      <c r="C109138" s="14" t="s">
        <v>96</v>
      </c>
      <c r="D109138" s="14" t="s">
        <v>391</v>
      </c>
      <c r="E109138" s="15">
        <v>45744</v>
      </c>
      <c r="F109138" s="14" t="s">
        <v>15</v>
      </c>
      <c r="G109138" s="16">
        <v>1.6000000000000014E-2</v>
      </c>
    </row>
    <row r="109139" spans="1:7" x14ac:dyDescent="0.3">
      <c r="A109139" s="13" t="s">
        <v>524</v>
      </c>
      <c r="B109139" s="14" t="s">
        <v>1</v>
      </c>
      <c r="C109139" s="14" t="s">
        <v>96</v>
      </c>
      <c r="D109139" s="14" t="s">
        <v>391</v>
      </c>
      <c r="E109139" s="15">
        <v>45745</v>
      </c>
      <c r="F109139" s="14" t="s">
        <v>15</v>
      </c>
      <c r="G109139" s="16">
        <v>1.6000000000000014E-2</v>
      </c>
    </row>
    <row r="109140" spans="1:7" x14ac:dyDescent="0.3">
      <c r="A109140" s="13" t="s">
        <v>524</v>
      </c>
      <c r="B109140" s="14" t="s">
        <v>1</v>
      </c>
      <c r="C109140" s="14" t="s">
        <v>96</v>
      </c>
      <c r="D109140" s="14" t="s">
        <v>391</v>
      </c>
      <c r="E109140" s="15">
        <v>45746</v>
      </c>
      <c r="F109140" s="14" t="s">
        <v>15</v>
      </c>
      <c r="G109140" s="16">
        <v>1.6000000000000014E-2</v>
      </c>
    </row>
    <row r="109141" spans="1:7" x14ac:dyDescent="0.3">
      <c r="A109141" s="13" t="s">
        <v>524</v>
      </c>
      <c r="B109141" s="14" t="s">
        <v>1</v>
      </c>
      <c r="C109141" s="14" t="s">
        <v>96</v>
      </c>
      <c r="D109141" s="14" t="s">
        <v>391</v>
      </c>
      <c r="E109141" s="15">
        <v>45747</v>
      </c>
      <c r="F109141" s="14" t="s">
        <v>15</v>
      </c>
      <c r="G109141" s="16">
        <v>1.6000000000000014E-2</v>
      </c>
    </row>
    <row r="109142" spans="1:7" x14ac:dyDescent="0.3">
      <c r="A109142" s="13" t="s">
        <v>525</v>
      </c>
      <c r="B109142" s="14" t="s">
        <v>1</v>
      </c>
      <c r="C109142" s="14" t="s">
        <v>109</v>
      </c>
      <c r="D109142" s="14" t="s">
        <v>330</v>
      </c>
      <c r="E109142" s="15">
        <v>45383</v>
      </c>
      <c r="F109142" s="14" t="s">
        <v>15</v>
      </c>
      <c r="G109142" s="16">
        <v>0</v>
      </c>
    </row>
    <row r="109143" spans="1:7" x14ac:dyDescent="0.3">
      <c r="A109143" s="13" t="s">
        <v>525</v>
      </c>
      <c r="B109143" s="14" t="s">
        <v>1</v>
      </c>
      <c r="C109143" s="14" t="s">
        <v>109</v>
      </c>
      <c r="D109143" s="14" t="s">
        <v>330</v>
      </c>
      <c r="E109143" s="15">
        <v>45384</v>
      </c>
      <c r="F109143" s="14" t="s">
        <v>15</v>
      </c>
      <c r="G109143" s="16">
        <v>0</v>
      </c>
    </row>
    <row r="109144" spans="1:7" x14ac:dyDescent="0.3">
      <c r="A109144" s="13" t="s">
        <v>525</v>
      </c>
      <c r="B109144" s="14" t="s">
        <v>1</v>
      </c>
      <c r="C109144" s="14" t="s">
        <v>109</v>
      </c>
      <c r="D109144" s="14" t="s">
        <v>330</v>
      </c>
      <c r="E109144" s="15">
        <v>45385</v>
      </c>
      <c r="F109144" s="14" t="s">
        <v>15</v>
      </c>
      <c r="G109144" s="16">
        <v>0</v>
      </c>
    </row>
    <row r="109145" spans="1:7" x14ac:dyDescent="0.3">
      <c r="A109145" s="13" t="s">
        <v>525</v>
      </c>
      <c r="B109145" s="14" t="s">
        <v>1</v>
      </c>
      <c r="C109145" s="14" t="s">
        <v>109</v>
      </c>
      <c r="D109145" s="14" t="s">
        <v>330</v>
      </c>
      <c r="E109145" s="15">
        <v>45386</v>
      </c>
      <c r="F109145" s="14" t="s">
        <v>15</v>
      </c>
      <c r="G109145" s="16">
        <v>0</v>
      </c>
    </row>
    <row r="109146" spans="1:7" x14ac:dyDescent="0.3">
      <c r="A109146" s="13" t="s">
        <v>525</v>
      </c>
      <c r="B109146" s="14" t="s">
        <v>1</v>
      </c>
      <c r="C109146" s="14" t="s">
        <v>109</v>
      </c>
      <c r="D109146" s="14" t="s">
        <v>330</v>
      </c>
      <c r="E109146" s="15">
        <v>45387</v>
      </c>
      <c r="F109146" s="14" t="s">
        <v>15</v>
      </c>
      <c r="G109146" s="16">
        <v>0</v>
      </c>
    </row>
    <row r="109147" spans="1:7" x14ac:dyDescent="0.3">
      <c r="A109147" s="13" t="s">
        <v>525</v>
      </c>
      <c r="B109147" s="14" t="s">
        <v>1</v>
      </c>
      <c r="C109147" s="14" t="s">
        <v>109</v>
      </c>
      <c r="D109147" s="14" t="s">
        <v>330</v>
      </c>
      <c r="E109147" s="15">
        <v>45388</v>
      </c>
      <c r="F109147" s="14" t="s">
        <v>15</v>
      </c>
      <c r="G109147" s="16">
        <v>0</v>
      </c>
    </row>
    <row r="109148" spans="1:7" x14ac:dyDescent="0.3">
      <c r="A109148" s="13" t="s">
        <v>525</v>
      </c>
      <c r="B109148" s="14" t="s">
        <v>1</v>
      </c>
      <c r="C109148" s="14" t="s">
        <v>109</v>
      </c>
      <c r="D109148" s="14" t="s">
        <v>330</v>
      </c>
      <c r="E109148" s="15">
        <v>45389</v>
      </c>
      <c r="F109148" s="14" t="s">
        <v>15</v>
      </c>
      <c r="G109148" s="16">
        <v>0</v>
      </c>
    </row>
    <row r="109149" spans="1:7" x14ac:dyDescent="0.3">
      <c r="A109149" s="13" t="s">
        <v>525</v>
      </c>
      <c r="B109149" s="14" t="s">
        <v>1</v>
      </c>
      <c r="C109149" s="14" t="s">
        <v>109</v>
      </c>
      <c r="D109149" s="14" t="s">
        <v>330</v>
      </c>
      <c r="E109149" s="15">
        <v>45390</v>
      </c>
      <c r="F109149" s="14" t="s">
        <v>15</v>
      </c>
      <c r="G109149" s="16">
        <v>0</v>
      </c>
    </row>
    <row r="109150" spans="1:7" x14ac:dyDescent="0.3">
      <c r="A109150" s="13" t="s">
        <v>525</v>
      </c>
      <c r="B109150" s="14" t="s">
        <v>1</v>
      </c>
      <c r="C109150" s="14" t="s">
        <v>109</v>
      </c>
      <c r="D109150" s="14" t="s">
        <v>330</v>
      </c>
      <c r="E109150" s="15">
        <v>45391</v>
      </c>
      <c r="F109150" s="14" t="s">
        <v>15</v>
      </c>
      <c r="G109150" s="16">
        <v>0</v>
      </c>
    </row>
    <row r="109151" spans="1:7" x14ac:dyDescent="0.3">
      <c r="A109151" s="13" t="s">
        <v>525</v>
      </c>
      <c r="B109151" s="14" t="s">
        <v>1</v>
      </c>
      <c r="C109151" s="14" t="s">
        <v>109</v>
      </c>
      <c r="D109151" s="14" t="s">
        <v>330</v>
      </c>
      <c r="E109151" s="15">
        <v>45392</v>
      </c>
      <c r="F109151" s="14" t="s">
        <v>15</v>
      </c>
      <c r="G109151" s="16">
        <v>0</v>
      </c>
    </row>
    <row r="109152" spans="1:7" x14ac:dyDescent="0.3">
      <c r="A109152" s="13" t="s">
        <v>525</v>
      </c>
      <c r="B109152" s="14" t="s">
        <v>1</v>
      </c>
      <c r="C109152" s="14" t="s">
        <v>109</v>
      </c>
      <c r="D109152" s="14" t="s">
        <v>330</v>
      </c>
      <c r="E109152" s="15">
        <v>45393</v>
      </c>
      <c r="F109152" s="14" t="s">
        <v>15</v>
      </c>
      <c r="G109152" s="16">
        <v>0</v>
      </c>
    </row>
    <row r="109153" spans="1:7" x14ac:dyDescent="0.3">
      <c r="A109153" s="13" t="s">
        <v>525</v>
      </c>
      <c r="B109153" s="14" t="s">
        <v>1</v>
      </c>
      <c r="C109153" s="14" t="s">
        <v>109</v>
      </c>
      <c r="D109153" s="14" t="s">
        <v>330</v>
      </c>
      <c r="E109153" s="15">
        <v>45394</v>
      </c>
      <c r="F109153" s="14" t="s">
        <v>15</v>
      </c>
      <c r="G109153" s="16">
        <v>0</v>
      </c>
    </row>
    <row r="109154" spans="1:7" x14ac:dyDescent="0.3">
      <c r="A109154" s="13" t="s">
        <v>525</v>
      </c>
      <c r="B109154" s="14" t="s">
        <v>1</v>
      </c>
      <c r="C109154" s="14" t="s">
        <v>109</v>
      </c>
      <c r="D109154" s="14" t="s">
        <v>330</v>
      </c>
      <c r="E109154" s="15">
        <v>45395</v>
      </c>
      <c r="F109154" s="14" t="s">
        <v>15</v>
      </c>
      <c r="G109154" s="16">
        <v>0</v>
      </c>
    </row>
    <row r="109155" spans="1:7" x14ac:dyDescent="0.3">
      <c r="A109155" s="13" t="s">
        <v>525</v>
      </c>
      <c r="B109155" s="14" t="s">
        <v>1</v>
      </c>
      <c r="C109155" s="14" t="s">
        <v>109</v>
      </c>
      <c r="D109155" s="14" t="s">
        <v>330</v>
      </c>
      <c r="E109155" s="15">
        <v>45396</v>
      </c>
      <c r="F109155" s="14" t="s">
        <v>15</v>
      </c>
      <c r="G109155" s="16">
        <v>0</v>
      </c>
    </row>
    <row r="109156" spans="1:7" x14ac:dyDescent="0.3">
      <c r="A109156" s="13" t="s">
        <v>525</v>
      </c>
      <c r="B109156" s="14" t="s">
        <v>1</v>
      </c>
      <c r="C109156" s="14" t="s">
        <v>109</v>
      </c>
      <c r="D109156" s="14" t="s">
        <v>330</v>
      </c>
      <c r="E109156" s="15">
        <v>45397</v>
      </c>
      <c r="F109156" s="14" t="s">
        <v>15</v>
      </c>
      <c r="G109156" s="16">
        <v>2.3256798209986621E-3</v>
      </c>
    </row>
    <row r="109157" spans="1:7" x14ac:dyDescent="0.3">
      <c r="A109157" s="13" t="s">
        <v>525</v>
      </c>
      <c r="B109157" s="14" t="s">
        <v>1</v>
      </c>
      <c r="C109157" s="14" t="s">
        <v>109</v>
      </c>
      <c r="D109157" s="14" t="s">
        <v>330</v>
      </c>
      <c r="E109157" s="15">
        <v>45398</v>
      </c>
      <c r="F109157" s="14" t="s">
        <v>15</v>
      </c>
      <c r="G109157" s="16">
        <v>0</v>
      </c>
    </row>
    <row r="109158" spans="1:7" x14ac:dyDescent="0.3">
      <c r="A109158" s="13" t="s">
        <v>525</v>
      </c>
      <c r="B109158" s="14" t="s">
        <v>1</v>
      </c>
      <c r="C109158" s="14" t="s">
        <v>109</v>
      </c>
      <c r="D109158" s="14" t="s">
        <v>330</v>
      </c>
      <c r="E109158" s="15">
        <v>45399</v>
      </c>
      <c r="F109158" s="14" t="s">
        <v>15</v>
      </c>
      <c r="G109158" s="16">
        <v>0</v>
      </c>
    </row>
    <row r="109159" spans="1:7" x14ac:dyDescent="0.3">
      <c r="A109159" s="13" t="s">
        <v>525</v>
      </c>
      <c r="B109159" s="14" t="s">
        <v>1</v>
      </c>
      <c r="C109159" s="14" t="s">
        <v>109</v>
      </c>
      <c r="D109159" s="14" t="s">
        <v>330</v>
      </c>
      <c r="E109159" s="15">
        <v>45400</v>
      </c>
      <c r="F109159" s="14" t="s">
        <v>15</v>
      </c>
      <c r="G109159" s="16">
        <v>0</v>
      </c>
    </row>
    <row r="109160" spans="1:7" x14ac:dyDescent="0.3">
      <c r="A109160" s="13" t="s">
        <v>525</v>
      </c>
      <c r="B109160" s="14" t="s">
        <v>1</v>
      </c>
      <c r="C109160" s="14" t="s">
        <v>109</v>
      </c>
      <c r="D109160" s="14" t="s">
        <v>330</v>
      </c>
      <c r="E109160" s="15">
        <v>45401</v>
      </c>
      <c r="F109160" s="14" t="s">
        <v>15</v>
      </c>
      <c r="G109160" s="16">
        <v>0</v>
      </c>
    </row>
    <row r="109161" spans="1:7" x14ac:dyDescent="0.3">
      <c r="A109161" s="13" t="s">
        <v>525</v>
      </c>
      <c r="B109161" s="14" t="s">
        <v>1</v>
      </c>
      <c r="C109161" s="14" t="s">
        <v>109</v>
      </c>
      <c r="D109161" s="14" t="s">
        <v>330</v>
      </c>
      <c r="E109161" s="15">
        <v>45402</v>
      </c>
      <c r="F109161" s="14" t="s">
        <v>15</v>
      </c>
      <c r="G109161" s="16">
        <v>0</v>
      </c>
    </row>
    <row r="109162" spans="1:7" x14ac:dyDescent="0.3">
      <c r="A109162" s="13" t="s">
        <v>525</v>
      </c>
      <c r="B109162" s="14" t="s">
        <v>1</v>
      </c>
      <c r="C109162" s="14" t="s">
        <v>109</v>
      </c>
      <c r="D109162" s="14" t="s">
        <v>330</v>
      </c>
      <c r="E109162" s="15">
        <v>45403</v>
      </c>
      <c r="F109162" s="14" t="s">
        <v>15</v>
      </c>
      <c r="G109162" s="16">
        <v>0</v>
      </c>
    </row>
    <row r="109163" spans="1:7" x14ac:dyDescent="0.3">
      <c r="A109163" s="13" t="s">
        <v>525</v>
      </c>
      <c r="B109163" s="14" t="s">
        <v>1</v>
      </c>
      <c r="C109163" s="14" t="s">
        <v>109</v>
      </c>
      <c r="D109163" s="14" t="s">
        <v>330</v>
      </c>
      <c r="E109163" s="15">
        <v>45404</v>
      </c>
      <c r="F109163" s="14" t="s">
        <v>15</v>
      </c>
      <c r="G109163" s="16">
        <v>0</v>
      </c>
    </row>
    <row r="109164" spans="1:7" x14ac:dyDescent="0.3">
      <c r="A109164" s="13" t="s">
        <v>525</v>
      </c>
      <c r="B109164" s="14" t="s">
        <v>1</v>
      </c>
      <c r="C109164" s="14" t="s">
        <v>109</v>
      </c>
      <c r="D109164" s="14" t="s">
        <v>330</v>
      </c>
      <c r="E109164" s="15">
        <v>45405</v>
      </c>
      <c r="F109164" s="14" t="s">
        <v>15</v>
      </c>
      <c r="G109164" s="16">
        <v>0</v>
      </c>
    </row>
    <row r="109165" spans="1:7" x14ac:dyDescent="0.3">
      <c r="A109165" s="13" t="s">
        <v>525</v>
      </c>
      <c r="B109165" s="14" t="s">
        <v>1</v>
      </c>
      <c r="C109165" s="14" t="s">
        <v>109</v>
      </c>
      <c r="D109165" s="14" t="s">
        <v>330</v>
      </c>
      <c r="E109165" s="15">
        <v>45406</v>
      </c>
      <c r="F109165" s="14" t="s">
        <v>15</v>
      </c>
      <c r="G109165" s="16">
        <v>0</v>
      </c>
    </row>
    <row r="109166" spans="1:7" x14ac:dyDescent="0.3">
      <c r="A109166" s="13" t="s">
        <v>525</v>
      </c>
      <c r="B109166" s="14" t="s">
        <v>1</v>
      </c>
      <c r="C109166" s="14" t="s">
        <v>109</v>
      </c>
      <c r="D109166" s="14" t="s">
        <v>330</v>
      </c>
      <c r="E109166" s="15">
        <v>45407</v>
      </c>
      <c r="F109166" s="14" t="s">
        <v>15</v>
      </c>
      <c r="G109166" s="16">
        <v>0</v>
      </c>
    </row>
    <row r="109167" spans="1:7" x14ac:dyDescent="0.3">
      <c r="A109167" s="13" t="s">
        <v>525</v>
      </c>
      <c r="B109167" s="14" t="s">
        <v>1</v>
      </c>
      <c r="C109167" s="14" t="s">
        <v>109</v>
      </c>
      <c r="D109167" s="14" t="s">
        <v>330</v>
      </c>
      <c r="E109167" s="15">
        <v>45408</v>
      </c>
      <c r="F109167" s="14" t="s">
        <v>15</v>
      </c>
      <c r="G109167" s="16">
        <v>0</v>
      </c>
    </row>
    <row r="109168" spans="1:7" x14ac:dyDescent="0.3">
      <c r="A109168" s="13" t="s">
        <v>525</v>
      </c>
      <c r="B109168" s="14" t="s">
        <v>1</v>
      </c>
      <c r="C109168" s="14" t="s">
        <v>109</v>
      </c>
      <c r="D109168" s="14" t="s">
        <v>330</v>
      </c>
      <c r="E109168" s="15">
        <v>45409</v>
      </c>
      <c r="F109168" s="14" t="s">
        <v>15</v>
      </c>
      <c r="G109168" s="16">
        <v>0</v>
      </c>
    </row>
    <row r="109169" spans="1:7" x14ac:dyDescent="0.3">
      <c r="A109169" s="13" t="s">
        <v>525</v>
      </c>
      <c r="B109169" s="14" t="s">
        <v>1</v>
      </c>
      <c r="C109169" s="14" t="s">
        <v>109</v>
      </c>
      <c r="D109169" s="14" t="s">
        <v>330</v>
      </c>
      <c r="E109169" s="15">
        <v>45410</v>
      </c>
      <c r="F109169" s="14" t="s">
        <v>15</v>
      </c>
      <c r="G109169" s="16">
        <v>0</v>
      </c>
    </row>
    <row r="109170" spans="1:7" x14ac:dyDescent="0.3">
      <c r="A109170" s="13" t="s">
        <v>525</v>
      </c>
      <c r="B109170" s="14" t="s">
        <v>1</v>
      </c>
      <c r="C109170" s="14" t="s">
        <v>109</v>
      </c>
      <c r="D109170" s="14" t="s">
        <v>330</v>
      </c>
      <c r="E109170" s="15">
        <v>45411</v>
      </c>
      <c r="F109170" s="14" t="s">
        <v>15</v>
      </c>
      <c r="G109170" s="16">
        <v>0</v>
      </c>
    </row>
    <row r="109171" spans="1:7" x14ac:dyDescent="0.3">
      <c r="A109171" s="13" t="s">
        <v>525</v>
      </c>
      <c r="B109171" s="14" t="s">
        <v>1</v>
      </c>
      <c r="C109171" s="14" t="s">
        <v>109</v>
      </c>
      <c r="D109171" s="14" t="s">
        <v>330</v>
      </c>
      <c r="E109171" s="15">
        <v>45412</v>
      </c>
      <c r="F109171" s="14" t="s">
        <v>15</v>
      </c>
      <c r="G109171" s="16">
        <v>0</v>
      </c>
    </row>
    <row r="109172" spans="1:7" x14ac:dyDescent="0.3">
      <c r="A109172" s="13" t="s">
        <v>525</v>
      </c>
      <c r="B109172" s="14" t="s">
        <v>1</v>
      </c>
      <c r="C109172" s="14" t="s">
        <v>109</v>
      </c>
      <c r="D109172" s="14" t="s">
        <v>330</v>
      </c>
      <c r="E109172" s="15">
        <v>45413</v>
      </c>
      <c r="F109172" s="14" t="s">
        <v>15</v>
      </c>
      <c r="G109172" s="16">
        <v>0</v>
      </c>
    </row>
    <row r="109173" spans="1:7" x14ac:dyDescent="0.3">
      <c r="A109173" s="13" t="s">
        <v>525</v>
      </c>
      <c r="B109173" s="14" t="s">
        <v>1</v>
      </c>
      <c r="C109173" s="14" t="s">
        <v>109</v>
      </c>
      <c r="D109173" s="14" t="s">
        <v>330</v>
      </c>
      <c r="E109173" s="15">
        <v>45414</v>
      </c>
      <c r="F109173" s="14" t="s">
        <v>15</v>
      </c>
      <c r="G109173" s="16">
        <v>0</v>
      </c>
    </row>
    <row r="109174" spans="1:7" x14ac:dyDescent="0.3">
      <c r="A109174" s="13" t="s">
        <v>525</v>
      </c>
      <c r="B109174" s="14" t="s">
        <v>1</v>
      </c>
      <c r="C109174" s="14" t="s">
        <v>109</v>
      </c>
      <c r="D109174" s="14" t="s">
        <v>330</v>
      </c>
      <c r="E109174" s="15">
        <v>45415</v>
      </c>
      <c r="F109174" s="14" t="s">
        <v>15</v>
      </c>
      <c r="G109174" s="16">
        <v>0</v>
      </c>
    </row>
    <row r="109175" spans="1:7" x14ac:dyDescent="0.3">
      <c r="A109175" s="13" t="s">
        <v>525</v>
      </c>
      <c r="B109175" s="14" t="s">
        <v>1</v>
      </c>
      <c r="C109175" s="14" t="s">
        <v>109</v>
      </c>
      <c r="D109175" s="14" t="s">
        <v>330</v>
      </c>
      <c r="E109175" s="15">
        <v>45416</v>
      </c>
      <c r="F109175" s="14" t="s">
        <v>15</v>
      </c>
      <c r="G109175" s="16">
        <v>0</v>
      </c>
    </row>
    <row r="109176" spans="1:7" x14ac:dyDescent="0.3">
      <c r="A109176" s="13" t="s">
        <v>525</v>
      </c>
      <c r="B109176" s="14" t="s">
        <v>1</v>
      </c>
      <c r="C109176" s="14" t="s">
        <v>109</v>
      </c>
      <c r="D109176" s="14" t="s">
        <v>330</v>
      </c>
      <c r="E109176" s="15">
        <v>45417</v>
      </c>
      <c r="F109176" s="14" t="s">
        <v>15</v>
      </c>
      <c r="G109176" s="16">
        <v>0</v>
      </c>
    </row>
    <row r="109177" spans="1:7" x14ac:dyDescent="0.3">
      <c r="A109177" s="13" t="s">
        <v>525</v>
      </c>
      <c r="B109177" s="14" t="s">
        <v>1</v>
      </c>
      <c r="C109177" s="14" t="s">
        <v>109</v>
      </c>
      <c r="D109177" s="14" t="s">
        <v>330</v>
      </c>
      <c r="E109177" s="15">
        <v>45418</v>
      </c>
      <c r="F109177" s="14" t="s">
        <v>15</v>
      </c>
      <c r="G109177" s="16">
        <v>0</v>
      </c>
    </row>
    <row r="109178" spans="1:7" x14ac:dyDescent="0.3">
      <c r="A109178" s="13" t="s">
        <v>525</v>
      </c>
      <c r="B109178" s="14" t="s">
        <v>1</v>
      </c>
      <c r="C109178" s="14" t="s">
        <v>109</v>
      </c>
      <c r="D109178" s="14" t="s">
        <v>330</v>
      </c>
      <c r="E109178" s="15">
        <v>45419</v>
      </c>
      <c r="F109178" s="14" t="s">
        <v>15</v>
      </c>
      <c r="G109178" s="16">
        <v>0</v>
      </c>
    </row>
    <row r="109179" spans="1:7" x14ac:dyDescent="0.3">
      <c r="A109179" s="13" t="s">
        <v>525</v>
      </c>
      <c r="B109179" s="14" t="s">
        <v>1</v>
      </c>
      <c r="C109179" s="14" t="s">
        <v>109</v>
      </c>
      <c r="D109179" s="14" t="s">
        <v>330</v>
      </c>
      <c r="E109179" s="15">
        <v>45420</v>
      </c>
      <c r="F109179" s="14" t="s">
        <v>15</v>
      </c>
      <c r="G109179" s="16">
        <v>1.9088638706849762E-3</v>
      </c>
    </row>
    <row r="109180" spans="1:7" x14ac:dyDescent="0.3">
      <c r="A109180" s="13" t="s">
        <v>525</v>
      </c>
      <c r="B109180" s="14" t="s">
        <v>1</v>
      </c>
      <c r="C109180" s="14" t="s">
        <v>109</v>
      </c>
      <c r="D109180" s="14" t="s">
        <v>330</v>
      </c>
      <c r="E109180" s="15">
        <v>45421</v>
      </c>
      <c r="F109180" s="14" t="s">
        <v>15</v>
      </c>
      <c r="G109180" s="16">
        <v>0</v>
      </c>
    </row>
    <row r="109181" spans="1:7" x14ac:dyDescent="0.3">
      <c r="A109181" s="13" t="s">
        <v>525</v>
      </c>
      <c r="B109181" s="14" t="s">
        <v>1</v>
      </c>
      <c r="C109181" s="14" t="s">
        <v>109</v>
      </c>
      <c r="D109181" s="14" t="s">
        <v>330</v>
      </c>
      <c r="E109181" s="15">
        <v>45422</v>
      </c>
      <c r="F109181" s="14" t="s">
        <v>15</v>
      </c>
      <c r="G109181" s="16">
        <v>0</v>
      </c>
    </row>
    <row r="109182" spans="1:7" x14ac:dyDescent="0.3">
      <c r="A109182" s="13" t="s">
        <v>525</v>
      </c>
      <c r="B109182" s="14" t="s">
        <v>1</v>
      </c>
      <c r="C109182" s="14" t="s">
        <v>109</v>
      </c>
      <c r="D109182" s="14" t="s">
        <v>330</v>
      </c>
      <c r="E109182" s="15">
        <v>45423</v>
      </c>
      <c r="F109182" s="14" t="s">
        <v>15</v>
      </c>
      <c r="G109182" s="16">
        <v>0</v>
      </c>
    </row>
    <row r="109183" spans="1:7" x14ac:dyDescent="0.3">
      <c r="A109183" s="13" t="s">
        <v>525</v>
      </c>
      <c r="B109183" s="14" t="s">
        <v>1</v>
      </c>
      <c r="C109183" s="14" t="s">
        <v>109</v>
      </c>
      <c r="D109183" s="14" t="s">
        <v>330</v>
      </c>
      <c r="E109183" s="15">
        <v>45424</v>
      </c>
      <c r="F109183" s="14" t="s">
        <v>15</v>
      </c>
      <c r="G109183" s="16">
        <v>0</v>
      </c>
    </row>
    <row r="109184" spans="1:7" x14ac:dyDescent="0.3">
      <c r="A109184" s="13" t="s">
        <v>525</v>
      </c>
      <c r="B109184" s="14" t="s">
        <v>1</v>
      </c>
      <c r="C109184" s="14" t="s">
        <v>109</v>
      </c>
      <c r="D109184" s="14" t="s">
        <v>330</v>
      </c>
      <c r="E109184" s="15">
        <v>45425</v>
      </c>
      <c r="F109184" s="14" t="s">
        <v>15</v>
      </c>
      <c r="G109184" s="16">
        <v>9.5605402606763097E-3</v>
      </c>
    </row>
    <row r="109185" spans="1:7" x14ac:dyDescent="0.3">
      <c r="A109185" s="13" t="s">
        <v>525</v>
      </c>
      <c r="B109185" s="14" t="s">
        <v>1</v>
      </c>
      <c r="C109185" s="14" t="s">
        <v>109</v>
      </c>
      <c r="D109185" s="14" t="s">
        <v>330</v>
      </c>
      <c r="E109185" s="15">
        <v>45426</v>
      </c>
      <c r="F109185" s="14" t="s">
        <v>15</v>
      </c>
      <c r="G109185" s="16">
        <v>1.0769728532296094E-2</v>
      </c>
    </row>
    <row r="109186" spans="1:7" x14ac:dyDescent="0.3">
      <c r="A109186" s="13" t="s">
        <v>525</v>
      </c>
      <c r="B109186" s="14" t="s">
        <v>1</v>
      </c>
      <c r="C109186" s="14" t="s">
        <v>109</v>
      </c>
      <c r="D109186" s="14" t="s">
        <v>330</v>
      </c>
      <c r="E109186" s="15">
        <v>45427</v>
      </c>
      <c r="F109186" s="14" t="s">
        <v>15</v>
      </c>
      <c r="G109186" s="16">
        <v>1.1089047342617843E-2</v>
      </c>
    </row>
    <row r="109187" spans="1:7" x14ac:dyDescent="0.3">
      <c r="A109187" s="13" t="s">
        <v>525</v>
      </c>
      <c r="B109187" s="14" t="s">
        <v>1</v>
      </c>
      <c r="C109187" s="14" t="s">
        <v>109</v>
      </c>
      <c r="D109187" s="14" t="s">
        <v>330</v>
      </c>
      <c r="E109187" s="15">
        <v>45428</v>
      </c>
      <c r="F109187" s="14" t="s">
        <v>15</v>
      </c>
      <c r="G109187" s="16">
        <v>2.0599919222043683E-2</v>
      </c>
    </row>
    <row r="109188" spans="1:7" x14ac:dyDescent="0.3">
      <c r="A109188" s="13" t="s">
        <v>525</v>
      </c>
      <c r="B109188" s="14" t="s">
        <v>1</v>
      </c>
      <c r="C109188" s="14" t="s">
        <v>109</v>
      </c>
      <c r="D109188" s="14" t="s">
        <v>330</v>
      </c>
      <c r="E109188" s="15">
        <v>45429</v>
      </c>
      <c r="F109188" s="14" t="s">
        <v>15</v>
      </c>
      <c r="G109188" s="16">
        <v>1.7934708313141839E-2</v>
      </c>
    </row>
    <row r="109189" spans="1:7" x14ac:dyDescent="0.3">
      <c r="A109189" s="13" t="s">
        <v>525</v>
      </c>
      <c r="B109189" s="14" t="s">
        <v>1</v>
      </c>
      <c r="C109189" s="14" t="s">
        <v>109</v>
      </c>
      <c r="D109189" s="14" t="s">
        <v>330</v>
      </c>
      <c r="E109189" s="15">
        <v>45430</v>
      </c>
      <c r="F109189" s="14" t="s">
        <v>15</v>
      </c>
      <c r="G109189" s="16">
        <v>1.7934708313141839E-2</v>
      </c>
    </row>
    <row r="109190" spans="1:7" x14ac:dyDescent="0.3">
      <c r="A109190" s="13" t="s">
        <v>525</v>
      </c>
      <c r="B109190" s="14" t="s">
        <v>1</v>
      </c>
      <c r="C109190" s="14" t="s">
        <v>109</v>
      </c>
      <c r="D109190" s="14" t="s">
        <v>330</v>
      </c>
      <c r="E109190" s="15">
        <v>45431</v>
      </c>
      <c r="F109190" s="14" t="s">
        <v>15</v>
      </c>
      <c r="G109190" s="16">
        <v>1.7934708313141839E-2</v>
      </c>
    </row>
    <row r="109191" spans="1:7" x14ac:dyDescent="0.3">
      <c r="A109191" s="13" t="s">
        <v>525</v>
      </c>
      <c r="B109191" s="14" t="s">
        <v>1</v>
      </c>
      <c r="C109191" s="14" t="s">
        <v>109</v>
      </c>
      <c r="D109191" s="14" t="s">
        <v>330</v>
      </c>
      <c r="E109191" s="15">
        <v>45432</v>
      </c>
      <c r="F109191" s="14" t="s">
        <v>15</v>
      </c>
      <c r="G109191" s="16">
        <v>1.5666891883267125E-2</v>
      </c>
    </row>
    <row r="109192" spans="1:7" x14ac:dyDescent="0.3">
      <c r="A109192" s="13" t="s">
        <v>525</v>
      </c>
      <c r="B109192" s="14" t="s">
        <v>1</v>
      </c>
      <c r="C109192" s="14" t="s">
        <v>109</v>
      </c>
      <c r="D109192" s="14" t="s">
        <v>330</v>
      </c>
      <c r="E109192" s="15">
        <v>45433</v>
      </c>
      <c r="F109192" s="14" t="s">
        <v>15</v>
      </c>
      <c r="G109192" s="16">
        <v>8.842565590760099E-3</v>
      </c>
    </row>
    <row r="109193" spans="1:7" x14ac:dyDescent="0.3">
      <c r="A109193" s="13" t="s">
        <v>525</v>
      </c>
      <c r="B109193" s="14" t="s">
        <v>1</v>
      </c>
      <c r="C109193" s="14" t="s">
        <v>109</v>
      </c>
      <c r="D109193" s="14" t="s">
        <v>330</v>
      </c>
      <c r="E109193" s="15">
        <v>45434</v>
      </c>
      <c r="F109193" s="14" t="s">
        <v>15</v>
      </c>
      <c r="G109193" s="16">
        <v>6.5571513881855703E-3</v>
      </c>
    </row>
    <row r="109194" spans="1:7" x14ac:dyDescent="0.3">
      <c r="A109194" s="13" t="s">
        <v>525</v>
      </c>
      <c r="B109194" s="14" t="s">
        <v>1</v>
      </c>
      <c r="C109194" s="14" t="s">
        <v>109</v>
      </c>
      <c r="D109194" s="14" t="s">
        <v>330</v>
      </c>
      <c r="E109194" s="15">
        <v>45435</v>
      </c>
      <c r="F109194" s="14" t="s">
        <v>15</v>
      </c>
      <c r="G109194" s="16">
        <v>4.2769902520885979E-3</v>
      </c>
    </row>
    <row r="109195" spans="1:7" x14ac:dyDescent="0.3">
      <c r="A109195" s="13" t="s">
        <v>525</v>
      </c>
      <c r="B109195" s="14" t="s">
        <v>1</v>
      </c>
      <c r="C109195" s="14" t="s">
        <v>109</v>
      </c>
      <c r="D109195" s="14" t="s">
        <v>330</v>
      </c>
      <c r="E109195" s="15">
        <v>45436</v>
      </c>
      <c r="F109195" s="14" t="s">
        <v>15</v>
      </c>
      <c r="G109195" s="16">
        <v>2.9927383577158326E-2</v>
      </c>
    </row>
    <row r="109196" spans="1:7" x14ac:dyDescent="0.3">
      <c r="A109196" s="13" t="s">
        <v>525</v>
      </c>
      <c r="B109196" s="14" t="s">
        <v>1</v>
      </c>
      <c r="C109196" s="14" t="s">
        <v>109</v>
      </c>
      <c r="D109196" s="14" t="s">
        <v>330</v>
      </c>
      <c r="E109196" s="15">
        <v>45437</v>
      </c>
      <c r="F109196" s="14" t="s">
        <v>15</v>
      </c>
      <c r="G109196" s="16">
        <v>2.9927383577158326E-2</v>
      </c>
    </row>
    <row r="109197" spans="1:7" x14ac:dyDescent="0.3">
      <c r="A109197" s="13" t="s">
        <v>525</v>
      </c>
      <c r="B109197" s="14" t="s">
        <v>1</v>
      </c>
      <c r="C109197" s="14" t="s">
        <v>109</v>
      </c>
      <c r="D109197" s="14" t="s">
        <v>330</v>
      </c>
      <c r="E109197" s="15">
        <v>45438</v>
      </c>
      <c r="F109197" s="14" t="s">
        <v>15</v>
      </c>
      <c r="G109197" s="16">
        <v>2.9927383577158326E-2</v>
      </c>
    </row>
    <row r="109198" spans="1:7" x14ac:dyDescent="0.3">
      <c r="A109198" s="13" t="s">
        <v>525</v>
      </c>
      <c r="B109198" s="14" t="s">
        <v>1</v>
      </c>
      <c r="C109198" s="14" t="s">
        <v>109</v>
      </c>
      <c r="D109198" s="14" t="s">
        <v>330</v>
      </c>
      <c r="E109198" s="15">
        <v>45439</v>
      </c>
      <c r="F109198" s="14" t="s">
        <v>15</v>
      </c>
      <c r="G109198" s="16">
        <v>3.1135783888806477E-2</v>
      </c>
    </row>
    <row r="109199" spans="1:7" x14ac:dyDescent="0.3">
      <c r="A109199" s="13" t="s">
        <v>525</v>
      </c>
      <c r="B109199" s="14" t="s">
        <v>1</v>
      </c>
      <c r="C109199" s="14" t="s">
        <v>109</v>
      </c>
      <c r="D109199" s="14" t="s">
        <v>330</v>
      </c>
      <c r="E109199" s="15">
        <v>45440</v>
      </c>
      <c r="F109199" s="14" t="s">
        <v>15</v>
      </c>
      <c r="G109199" s="16">
        <v>2.4157805401830931E-2</v>
      </c>
    </row>
    <row r="109200" spans="1:7" x14ac:dyDescent="0.3">
      <c r="A109200" s="13" t="s">
        <v>525</v>
      </c>
      <c r="B109200" s="14" t="s">
        <v>1</v>
      </c>
      <c r="C109200" s="14" t="s">
        <v>109</v>
      </c>
      <c r="D109200" s="14" t="s">
        <v>330</v>
      </c>
      <c r="E109200" s="15">
        <v>45441</v>
      </c>
      <c r="F109200" s="14" t="s">
        <v>15</v>
      </c>
      <c r="G109200" s="16">
        <v>2.2708942035807238E-2</v>
      </c>
    </row>
    <row r="109201" spans="1:7" x14ac:dyDescent="0.3">
      <c r="A109201" s="13" t="s">
        <v>525</v>
      </c>
      <c r="B109201" s="14" t="s">
        <v>1</v>
      </c>
      <c r="C109201" s="14" t="s">
        <v>109</v>
      </c>
      <c r="D109201" s="14" t="s">
        <v>330</v>
      </c>
      <c r="E109201" s="15">
        <v>45442</v>
      </c>
      <c r="F109201" s="14" t="s">
        <v>15</v>
      </c>
      <c r="G109201" s="16">
        <v>2.7200246242604181E-2</v>
      </c>
    </row>
    <row r="109202" spans="1:7" x14ac:dyDescent="0.3">
      <c r="A109202" s="13" t="s">
        <v>525</v>
      </c>
      <c r="B109202" s="14" t="s">
        <v>1</v>
      </c>
      <c r="C109202" s="14" t="s">
        <v>109</v>
      </c>
      <c r="D109202" s="14" t="s">
        <v>330</v>
      </c>
      <c r="E109202" s="15">
        <v>45443</v>
      </c>
      <c r="F109202" s="14" t="s">
        <v>15</v>
      </c>
      <c r="G109202" s="16">
        <v>2.4927130102632526E-2</v>
      </c>
    </row>
    <row r="109203" spans="1:7" x14ac:dyDescent="0.3">
      <c r="A109203" s="13" t="s">
        <v>525</v>
      </c>
      <c r="B109203" s="14" t="s">
        <v>1</v>
      </c>
      <c r="C109203" s="14" t="s">
        <v>109</v>
      </c>
      <c r="D109203" s="14" t="s">
        <v>330</v>
      </c>
      <c r="E109203" s="15">
        <v>45444</v>
      </c>
      <c r="F109203" s="14" t="s">
        <v>15</v>
      </c>
      <c r="G109203" s="16">
        <v>2.4927130102632526E-2</v>
      </c>
    </row>
    <row r="109204" spans="1:7" x14ac:dyDescent="0.3">
      <c r="A109204" s="13" t="s">
        <v>525</v>
      </c>
      <c r="B109204" s="14" t="s">
        <v>1</v>
      </c>
      <c r="C109204" s="14" t="s">
        <v>109</v>
      </c>
      <c r="D109204" s="14" t="s">
        <v>330</v>
      </c>
      <c r="E109204" s="15">
        <v>45445</v>
      </c>
      <c r="F109204" s="14" t="s">
        <v>15</v>
      </c>
      <c r="G109204" s="16">
        <v>2.4927130102632526E-2</v>
      </c>
    </row>
    <row r="109205" spans="1:7" x14ac:dyDescent="0.3">
      <c r="A109205" s="13" t="s">
        <v>525</v>
      </c>
      <c r="B109205" s="14" t="s">
        <v>1</v>
      </c>
      <c r="C109205" s="14" t="s">
        <v>109</v>
      </c>
      <c r="D109205" s="14" t="s">
        <v>330</v>
      </c>
      <c r="E109205" s="15">
        <v>45446</v>
      </c>
      <c r="F109205" s="14" t="s">
        <v>15</v>
      </c>
      <c r="G109205" s="16">
        <v>2.4927130102632526E-2</v>
      </c>
    </row>
    <row r="109206" spans="1:7" x14ac:dyDescent="0.3">
      <c r="A109206" s="13" t="s">
        <v>525</v>
      </c>
      <c r="B109206" s="14" t="s">
        <v>1</v>
      </c>
      <c r="C109206" s="14" t="s">
        <v>109</v>
      </c>
      <c r="D109206" s="14" t="s">
        <v>330</v>
      </c>
      <c r="E109206" s="15">
        <v>45447</v>
      </c>
      <c r="F109206" s="14" t="s">
        <v>15</v>
      </c>
      <c r="G109206" s="16">
        <v>2.2186144118759368E-2</v>
      </c>
    </row>
    <row r="109207" spans="1:7" x14ac:dyDescent="0.3">
      <c r="A109207" s="13" t="s">
        <v>525</v>
      </c>
      <c r="B109207" s="14" t="s">
        <v>1</v>
      </c>
      <c r="C109207" s="14" t="s">
        <v>109</v>
      </c>
      <c r="D109207" s="14" t="s">
        <v>330</v>
      </c>
      <c r="E109207" s="15">
        <v>45448</v>
      </c>
      <c r="F109207" s="14" t="s">
        <v>15</v>
      </c>
      <c r="G109207" s="16">
        <v>1.746284844970054E-2</v>
      </c>
    </row>
    <row r="109208" spans="1:7" x14ac:dyDescent="0.3">
      <c r="A109208" s="13" t="s">
        <v>525</v>
      </c>
      <c r="B109208" s="14" t="s">
        <v>1</v>
      </c>
      <c r="C109208" s="14" t="s">
        <v>109</v>
      </c>
      <c r="D109208" s="14" t="s">
        <v>330</v>
      </c>
      <c r="E109208" s="15">
        <v>45449</v>
      </c>
      <c r="F109208" s="14" t="s">
        <v>15</v>
      </c>
      <c r="G109208" s="16">
        <v>1.5210439651601858E-2</v>
      </c>
    </row>
    <row r="109209" spans="1:7" x14ac:dyDescent="0.3">
      <c r="A109209" s="13" t="s">
        <v>525</v>
      </c>
      <c r="B109209" s="14" t="s">
        <v>1</v>
      </c>
      <c r="C109209" s="14" t="s">
        <v>109</v>
      </c>
      <c r="D109209" s="14" t="s">
        <v>330</v>
      </c>
      <c r="E109209" s="15">
        <v>45450</v>
      </c>
      <c r="F109209" s="14" t="s">
        <v>15</v>
      </c>
      <c r="G109209" s="16">
        <v>4.5236836495562163E-2</v>
      </c>
    </row>
    <row r="109210" spans="1:7" x14ac:dyDescent="0.3">
      <c r="A109210" s="13" t="s">
        <v>525</v>
      </c>
      <c r="B109210" s="14" t="s">
        <v>1</v>
      </c>
      <c r="C109210" s="14" t="s">
        <v>109</v>
      </c>
      <c r="D109210" s="14" t="s">
        <v>330</v>
      </c>
      <c r="E109210" s="15">
        <v>45451</v>
      </c>
      <c r="F109210" s="14" t="s">
        <v>15</v>
      </c>
      <c r="G109210" s="16">
        <v>4.5236836495562163E-2</v>
      </c>
    </row>
    <row r="109211" spans="1:7" x14ac:dyDescent="0.3">
      <c r="A109211" s="13" t="s">
        <v>525</v>
      </c>
      <c r="B109211" s="14" t="s">
        <v>1</v>
      </c>
      <c r="C109211" s="14" t="s">
        <v>109</v>
      </c>
      <c r="D109211" s="14" t="s">
        <v>330</v>
      </c>
      <c r="E109211" s="15">
        <v>45452</v>
      </c>
      <c r="F109211" s="14" t="s">
        <v>15</v>
      </c>
      <c r="G109211" s="16">
        <v>4.5236836495562163E-2</v>
      </c>
    </row>
    <row r="109212" spans="1:7" x14ac:dyDescent="0.3">
      <c r="A109212" s="13" t="s">
        <v>525</v>
      </c>
      <c r="B109212" s="14" t="s">
        <v>1</v>
      </c>
      <c r="C109212" s="14" t="s">
        <v>109</v>
      </c>
      <c r="D109212" s="14" t="s">
        <v>330</v>
      </c>
      <c r="E109212" s="15">
        <v>45453</v>
      </c>
      <c r="F109212" s="14" t="s">
        <v>15</v>
      </c>
      <c r="G109212" s="16">
        <v>4.2937584999952164E-2</v>
      </c>
    </row>
    <row r="109213" spans="1:7" x14ac:dyDescent="0.3">
      <c r="A109213" s="13" t="s">
        <v>525</v>
      </c>
      <c r="B109213" s="14" t="s">
        <v>1</v>
      </c>
      <c r="C109213" s="14" t="s">
        <v>109</v>
      </c>
      <c r="D109213" s="14" t="s">
        <v>330</v>
      </c>
      <c r="E109213" s="15">
        <v>45454</v>
      </c>
      <c r="F109213" s="14" t="s">
        <v>15</v>
      </c>
      <c r="G109213" s="16">
        <v>3.7968299746197032E-2</v>
      </c>
    </row>
    <row r="109214" spans="1:7" x14ac:dyDescent="0.3">
      <c r="A109214" s="13" t="s">
        <v>525</v>
      </c>
      <c r="B109214" s="14" t="s">
        <v>1</v>
      </c>
      <c r="C109214" s="14" t="s">
        <v>109</v>
      </c>
      <c r="D109214" s="14" t="s">
        <v>330</v>
      </c>
      <c r="E109214" s="15">
        <v>45455</v>
      </c>
      <c r="F109214" s="14" t="s">
        <v>15</v>
      </c>
      <c r="G109214" s="16">
        <v>5.2892506236089348E-2</v>
      </c>
    </row>
    <row r="109215" spans="1:7" x14ac:dyDescent="0.3">
      <c r="A109215" s="13" t="s">
        <v>525</v>
      </c>
      <c r="B109215" s="14" t="s">
        <v>1</v>
      </c>
      <c r="C109215" s="14" t="s">
        <v>109</v>
      </c>
      <c r="D109215" s="14" t="s">
        <v>330</v>
      </c>
      <c r="E109215" s="15">
        <v>45456</v>
      </c>
      <c r="F109215" s="14" t="s">
        <v>15</v>
      </c>
      <c r="G109215" s="16">
        <v>5.057650651343619E-2</v>
      </c>
    </row>
    <row r="109216" spans="1:7" x14ac:dyDescent="0.3">
      <c r="A109216" s="13" t="s">
        <v>525</v>
      </c>
      <c r="B109216" s="14" t="s">
        <v>1</v>
      </c>
      <c r="C109216" s="14" t="s">
        <v>109</v>
      </c>
      <c r="D109216" s="14" t="s">
        <v>330</v>
      </c>
      <c r="E109216" s="15">
        <v>45457</v>
      </c>
      <c r="F109216" s="14" t="s">
        <v>15</v>
      </c>
      <c r="G109216" s="16">
        <v>4.8207645199178084E-2</v>
      </c>
    </row>
    <row r="109217" spans="1:7" x14ac:dyDescent="0.3">
      <c r="A109217" s="13" t="s">
        <v>525</v>
      </c>
      <c r="B109217" s="14" t="s">
        <v>1</v>
      </c>
      <c r="C109217" s="14" t="s">
        <v>109</v>
      </c>
      <c r="D109217" s="14" t="s">
        <v>330</v>
      </c>
      <c r="E109217" s="15">
        <v>45458</v>
      </c>
      <c r="F109217" s="14" t="s">
        <v>15</v>
      </c>
      <c r="G109217" s="16">
        <v>4.8207645199178084E-2</v>
      </c>
    </row>
    <row r="109218" spans="1:7" x14ac:dyDescent="0.3">
      <c r="A109218" s="13" t="s">
        <v>525</v>
      </c>
      <c r="B109218" s="14" t="s">
        <v>1</v>
      </c>
      <c r="C109218" s="14" t="s">
        <v>109</v>
      </c>
      <c r="D109218" s="14" t="s">
        <v>330</v>
      </c>
      <c r="E109218" s="15">
        <v>45459</v>
      </c>
      <c r="F109218" s="14" t="s">
        <v>15</v>
      </c>
      <c r="G109218" s="16">
        <v>4.8207645199178084E-2</v>
      </c>
    </row>
    <row r="109219" spans="1:7" x14ac:dyDescent="0.3">
      <c r="A109219" s="13" t="s">
        <v>525</v>
      </c>
      <c r="B109219" s="14" t="s">
        <v>1</v>
      </c>
      <c r="C109219" s="14" t="s">
        <v>109</v>
      </c>
      <c r="D109219" s="14" t="s">
        <v>330</v>
      </c>
      <c r="E109219" s="15">
        <v>45460</v>
      </c>
      <c r="F109219" s="14" t="s">
        <v>15</v>
      </c>
      <c r="G109219" s="16">
        <v>4.5828876971530409E-2</v>
      </c>
    </row>
    <row r="109220" spans="1:7" x14ac:dyDescent="0.3">
      <c r="A109220" s="13" t="s">
        <v>525</v>
      </c>
      <c r="B109220" s="14" t="s">
        <v>1</v>
      </c>
      <c r="C109220" s="14" t="s">
        <v>109</v>
      </c>
      <c r="D109220" s="14" t="s">
        <v>330</v>
      </c>
      <c r="E109220" s="15">
        <v>45461</v>
      </c>
      <c r="F109220" s="14" t="s">
        <v>15</v>
      </c>
      <c r="G109220" s="16">
        <v>3.8897808501751979E-2</v>
      </c>
    </row>
    <row r="109221" spans="1:7" x14ac:dyDescent="0.3">
      <c r="A109221" s="13" t="s">
        <v>525</v>
      </c>
      <c r="B109221" s="14" t="s">
        <v>1</v>
      </c>
      <c r="C109221" s="14" t="s">
        <v>109</v>
      </c>
      <c r="D109221" s="14" t="s">
        <v>330</v>
      </c>
      <c r="E109221" s="15">
        <v>45462</v>
      </c>
      <c r="F109221" s="14" t="s">
        <v>15</v>
      </c>
      <c r="G109221" s="16">
        <v>3.6518556012603086E-2</v>
      </c>
    </row>
    <row r="109222" spans="1:7" x14ac:dyDescent="0.3">
      <c r="A109222" s="13" t="s">
        <v>525</v>
      </c>
      <c r="B109222" s="14" t="s">
        <v>1</v>
      </c>
      <c r="C109222" s="14" t="s">
        <v>109</v>
      </c>
      <c r="D109222" s="14" t="s">
        <v>330</v>
      </c>
      <c r="E109222" s="15">
        <v>45463</v>
      </c>
      <c r="F109222" s="14" t="s">
        <v>15</v>
      </c>
      <c r="G109222" s="16">
        <v>3.4106131610621267E-2</v>
      </c>
    </row>
    <row r="109223" spans="1:7" x14ac:dyDescent="0.3">
      <c r="A109223" s="13" t="s">
        <v>525</v>
      </c>
      <c r="B109223" s="14" t="s">
        <v>1</v>
      </c>
      <c r="C109223" s="14" t="s">
        <v>109</v>
      </c>
      <c r="D109223" s="14" t="s">
        <v>330</v>
      </c>
      <c r="E109223" s="15">
        <v>45464</v>
      </c>
      <c r="F109223" s="14" t="s">
        <v>15</v>
      </c>
      <c r="G109223" s="16">
        <v>3.1692738685637024E-2</v>
      </c>
    </row>
    <row r="109224" spans="1:7" x14ac:dyDescent="0.3">
      <c r="A109224" s="13" t="s">
        <v>525</v>
      </c>
      <c r="B109224" s="14" t="s">
        <v>1</v>
      </c>
      <c r="C109224" s="14" t="s">
        <v>109</v>
      </c>
      <c r="D109224" s="14" t="s">
        <v>330</v>
      </c>
      <c r="E109224" s="15">
        <v>45465</v>
      </c>
      <c r="F109224" s="14" t="s">
        <v>15</v>
      </c>
      <c r="G109224" s="16">
        <v>3.1692738685637024E-2</v>
      </c>
    </row>
    <row r="109225" spans="1:7" x14ac:dyDescent="0.3">
      <c r="A109225" s="13" t="s">
        <v>525</v>
      </c>
      <c r="B109225" s="14" t="s">
        <v>1</v>
      </c>
      <c r="C109225" s="14" t="s">
        <v>109</v>
      </c>
      <c r="D109225" s="14" t="s">
        <v>330</v>
      </c>
      <c r="E109225" s="15">
        <v>45466</v>
      </c>
      <c r="F109225" s="14" t="s">
        <v>15</v>
      </c>
      <c r="G109225" s="16">
        <v>3.1692738685637024E-2</v>
      </c>
    </row>
    <row r="109226" spans="1:7" x14ac:dyDescent="0.3">
      <c r="A109226" s="13" t="s">
        <v>525</v>
      </c>
      <c r="B109226" s="14" t="s">
        <v>1</v>
      </c>
      <c r="C109226" s="14" t="s">
        <v>109</v>
      </c>
      <c r="D109226" s="14" t="s">
        <v>330</v>
      </c>
      <c r="E109226" s="15">
        <v>45467</v>
      </c>
      <c r="F109226" s="14" t="s">
        <v>15</v>
      </c>
      <c r="G109226" s="16">
        <v>2.9305011620216946E-2</v>
      </c>
    </row>
    <row r="109227" spans="1:7" x14ac:dyDescent="0.3">
      <c r="A109227" s="13" t="s">
        <v>525</v>
      </c>
      <c r="B109227" s="14" t="s">
        <v>1</v>
      </c>
      <c r="C109227" s="14" t="s">
        <v>109</v>
      </c>
      <c r="D109227" s="14" t="s">
        <v>330</v>
      </c>
      <c r="E109227" s="15">
        <v>45468</v>
      </c>
      <c r="F109227" s="14" t="s">
        <v>15</v>
      </c>
      <c r="G109227" s="16">
        <v>2.2496461310244808E-2</v>
      </c>
    </row>
    <row r="109228" spans="1:7" x14ac:dyDescent="0.3">
      <c r="A109228" s="13" t="s">
        <v>525</v>
      </c>
      <c r="B109228" s="14" t="s">
        <v>1</v>
      </c>
      <c r="C109228" s="14" t="s">
        <v>109</v>
      </c>
      <c r="D109228" s="14" t="s">
        <v>330</v>
      </c>
      <c r="E109228" s="15">
        <v>45469</v>
      </c>
      <c r="F109228" s="14" t="s">
        <v>15</v>
      </c>
      <c r="G109228" s="16">
        <v>2.1393964269037804E-2</v>
      </c>
    </row>
    <row r="109229" spans="1:7" x14ac:dyDescent="0.3">
      <c r="A109229" s="13" t="s">
        <v>525</v>
      </c>
      <c r="B109229" s="14" t="s">
        <v>1</v>
      </c>
      <c r="C109229" s="14" t="s">
        <v>109</v>
      </c>
      <c r="D109229" s="14" t="s">
        <v>330</v>
      </c>
      <c r="E109229" s="15">
        <v>45470</v>
      </c>
      <c r="F109229" s="14" t="s">
        <v>15</v>
      </c>
      <c r="G109229" s="16">
        <v>2.5273791683036614E-2</v>
      </c>
    </row>
    <row r="109230" spans="1:7" x14ac:dyDescent="0.3">
      <c r="A109230" s="13" t="s">
        <v>525</v>
      </c>
      <c r="B109230" s="14" t="s">
        <v>1</v>
      </c>
      <c r="C109230" s="14" t="s">
        <v>109</v>
      </c>
      <c r="D109230" s="14" t="s">
        <v>330</v>
      </c>
      <c r="E109230" s="15">
        <v>45471</v>
      </c>
      <c r="F109230" s="14" t="s">
        <v>15</v>
      </c>
      <c r="G109230" s="16">
        <v>5.8493086409384082E-2</v>
      </c>
    </row>
    <row r="109231" spans="1:7" x14ac:dyDescent="0.3">
      <c r="A109231" s="13" t="s">
        <v>525</v>
      </c>
      <c r="B109231" s="14" t="s">
        <v>1</v>
      </c>
      <c r="C109231" s="14" t="s">
        <v>109</v>
      </c>
      <c r="D109231" s="14" t="s">
        <v>330</v>
      </c>
      <c r="E109231" s="15">
        <v>45472</v>
      </c>
      <c r="F109231" s="14" t="s">
        <v>15</v>
      </c>
      <c r="G109231" s="16">
        <v>5.8493086409384082E-2</v>
      </c>
    </row>
    <row r="109232" spans="1:7" x14ac:dyDescent="0.3">
      <c r="A109232" s="13" t="s">
        <v>525</v>
      </c>
      <c r="B109232" s="14" t="s">
        <v>1</v>
      </c>
      <c r="C109232" s="14" t="s">
        <v>109</v>
      </c>
      <c r="D109232" s="14" t="s">
        <v>330</v>
      </c>
      <c r="E109232" s="15">
        <v>45473</v>
      </c>
      <c r="F109232" s="14" t="s">
        <v>15</v>
      </c>
      <c r="G109232" s="16">
        <v>5.8493086409384082E-2</v>
      </c>
    </row>
    <row r="109233" spans="1:7" x14ac:dyDescent="0.3">
      <c r="A109233" s="13" t="s">
        <v>525</v>
      </c>
      <c r="B109233" s="14" t="s">
        <v>1</v>
      </c>
      <c r="C109233" s="14" t="s">
        <v>109</v>
      </c>
      <c r="D109233" s="14" t="s">
        <v>330</v>
      </c>
      <c r="E109233" s="15">
        <v>45474</v>
      </c>
      <c r="F109233" s="14" t="s">
        <v>15</v>
      </c>
      <c r="G109233" s="16">
        <v>5.8017950142995489E-2</v>
      </c>
    </row>
    <row r="109234" spans="1:7" x14ac:dyDescent="0.3">
      <c r="A109234" s="13" t="s">
        <v>525</v>
      </c>
      <c r="B109234" s="14" t="s">
        <v>1</v>
      </c>
      <c r="C109234" s="14" t="s">
        <v>109</v>
      </c>
      <c r="D109234" s="14" t="s">
        <v>330</v>
      </c>
      <c r="E109234" s="15">
        <v>45475</v>
      </c>
      <c r="F109234" s="14" t="s">
        <v>15</v>
      </c>
      <c r="G109234" s="16">
        <v>5.3028286031570566E-2</v>
      </c>
    </row>
    <row r="109235" spans="1:7" x14ac:dyDescent="0.3">
      <c r="A109235" s="13" t="s">
        <v>525</v>
      </c>
      <c r="B109235" s="14" t="s">
        <v>1</v>
      </c>
      <c r="C109235" s="14" t="s">
        <v>109</v>
      </c>
      <c r="D109235" s="14" t="s">
        <v>330</v>
      </c>
      <c r="E109235" s="15">
        <v>45476</v>
      </c>
      <c r="F109235" s="14" t="s">
        <v>15</v>
      </c>
      <c r="G109235" s="16">
        <v>5.0628936690121432E-2</v>
      </c>
    </row>
    <row r="109236" spans="1:7" x14ac:dyDescent="0.3">
      <c r="A109236" s="13" t="s">
        <v>525</v>
      </c>
      <c r="B109236" s="14" t="s">
        <v>1</v>
      </c>
      <c r="C109236" s="14" t="s">
        <v>109</v>
      </c>
      <c r="D109236" s="14" t="s">
        <v>330</v>
      </c>
      <c r="E109236" s="15">
        <v>45477</v>
      </c>
      <c r="F109236" s="14" t="s">
        <v>15</v>
      </c>
      <c r="G109236" s="16">
        <v>4.8211185411626292E-2</v>
      </c>
    </row>
    <row r="109237" spans="1:7" x14ac:dyDescent="0.3">
      <c r="A109237" s="13" t="s">
        <v>525</v>
      </c>
      <c r="B109237" s="14" t="s">
        <v>1</v>
      </c>
      <c r="C109237" s="14" t="s">
        <v>109</v>
      </c>
      <c r="D109237" s="14" t="s">
        <v>330</v>
      </c>
      <c r="E109237" s="15">
        <v>45478</v>
      </c>
      <c r="F109237" s="14" t="s">
        <v>15</v>
      </c>
      <c r="G109237" s="16">
        <v>4.9894160525382966E-2</v>
      </c>
    </row>
    <row r="109238" spans="1:7" x14ac:dyDescent="0.3">
      <c r="A109238" s="13" t="s">
        <v>525</v>
      </c>
      <c r="B109238" s="14" t="s">
        <v>1</v>
      </c>
      <c r="C109238" s="14" t="s">
        <v>109</v>
      </c>
      <c r="D109238" s="14" t="s">
        <v>330</v>
      </c>
      <c r="E109238" s="15">
        <v>45479</v>
      </c>
      <c r="F109238" s="14" t="s">
        <v>15</v>
      </c>
      <c r="G109238" s="16">
        <v>4.9894160525382966E-2</v>
      </c>
    </row>
    <row r="109239" spans="1:7" x14ac:dyDescent="0.3">
      <c r="A109239" s="13" t="s">
        <v>525</v>
      </c>
      <c r="B109239" s="14" t="s">
        <v>1</v>
      </c>
      <c r="C109239" s="14" t="s">
        <v>109</v>
      </c>
      <c r="D109239" s="14" t="s">
        <v>330</v>
      </c>
      <c r="E109239" s="15">
        <v>45480</v>
      </c>
      <c r="F109239" s="14" t="s">
        <v>15</v>
      </c>
      <c r="G109239" s="16">
        <v>4.9894160525382966E-2</v>
      </c>
    </row>
    <row r="109240" spans="1:7" x14ac:dyDescent="0.3">
      <c r="A109240" s="13" t="s">
        <v>525</v>
      </c>
      <c r="B109240" s="14" t="s">
        <v>1</v>
      </c>
      <c r="C109240" s="14" t="s">
        <v>109</v>
      </c>
      <c r="D109240" s="14" t="s">
        <v>330</v>
      </c>
      <c r="E109240" s="15">
        <v>45481</v>
      </c>
      <c r="F109240" s="14" t="s">
        <v>15</v>
      </c>
      <c r="G109240" s="16">
        <v>5.5661155009599693E-2</v>
      </c>
    </row>
    <row r="109241" spans="1:7" x14ac:dyDescent="0.3">
      <c r="A109241" s="13" t="s">
        <v>525</v>
      </c>
      <c r="B109241" s="14" t="s">
        <v>1</v>
      </c>
      <c r="C109241" s="14" t="s">
        <v>109</v>
      </c>
      <c r="D109241" s="14" t="s">
        <v>330</v>
      </c>
      <c r="E109241" s="15">
        <v>45482</v>
      </c>
      <c r="F109241" s="14" t="s">
        <v>15</v>
      </c>
      <c r="G109241" s="16">
        <v>4.8263984844906016E-2</v>
      </c>
    </row>
    <row r="109242" spans="1:7" x14ac:dyDescent="0.3">
      <c r="A109242" s="13" t="s">
        <v>525</v>
      </c>
      <c r="B109242" s="14" t="s">
        <v>1</v>
      </c>
      <c r="C109242" s="14" t="s">
        <v>109</v>
      </c>
      <c r="D109242" s="14" t="s">
        <v>330</v>
      </c>
      <c r="E109242" s="15">
        <v>45483</v>
      </c>
      <c r="F109242" s="14" t="s">
        <v>15</v>
      </c>
      <c r="G109242" s="16">
        <v>4.5792964801277702E-2</v>
      </c>
    </row>
    <row r="109243" spans="1:7" x14ac:dyDescent="0.3">
      <c r="A109243" s="13" t="s">
        <v>525</v>
      </c>
      <c r="B109243" s="14" t="s">
        <v>1</v>
      </c>
      <c r="C109243" s="14" t="s">
        <v>109</v>
      </c>
      <c r="D109243" s="14" t="s">
        <v>330</v>
      </c>
      <c r="E109243" s="15">
        <v>45484</v>
      </c>
      <c r="F109243" s="14" t="s">
        <v>15</v>
      </c>
      <c r="G109243" s="16">
        <v>4.3325576718908472E-2</v>
      </c>
    </row>
    <row r="109244" spans="1:7" x14ac:dyDescent="0.3">
      <c r="A109244" s="13" t="s">
        <v>525</v>
      </c>
      <c r="B109244" s="14" t="s">
        <v>1</v>
      </c>
      <c r="C109244" s="14" t="s">
        <v>109</v>
      </c>
      <c r="D109244" s="14" t="s">
        <v>330</v>
      </c>
      <c r="E109244" s="15">
        <v>45485</v>
      </c>
      <c r="F109244" s="14" t="s">
        <v>15</v>
      </c>
      <c r="G109244" s="16">
        <v>4.0843902922253525E-2</v>
      </c>
    </row>
    <row r="109245" spans="1:7" x14ac:dyDescent="0.3">
      <c r="A109245" s="13" t="s">
        <v>525</v>
      </c>
      <c r="B109245" s="14" t="s">
        <v>1</v>
      </c>
      <c r="C109245" s="14" t="s">
        <v>109</v>
      </c>
      <c r="D109245" s="14" t="s">
        <v>330</v>
      </c>
      <c r="E109245" s="15">
        <v>45486</v>
      </c>
      <c r="F109245" s="14" t="s">
        <v>15</v>
      </c>
      <c r="G109245" s="16">
        <v>4.0843902922253525E-2</v>
      </c>
    </row>
    <row r="109246" spans="1:7" x14ac:dyDescent="0.3">
      <c r="A109246" s="13" t="s">
        <v>525</v>
      </c>
      <c r="B109246" s="14" t="s">
        <v>1</v>
      </c>
      <c r="C109246" s="14" t="s">
        <v>109</v>
      </c>
      <c r="D109246" s="14" t="s">
        <v>330</v>
      </c>
      <c r="E109246" s="15">
        <v>45487</v>
      </c>
      <c r="F109246" s="14" t="s">
        <v>15</v>
      </c>
      <c r="G109246" s="16">
        <v>4.0843902922253525E-2</v>
      </c>
    </row>
    <row r="109247" spans="1:7" x14ac:dyDescent="0.3">
      <c r="A109247" s="13" t="s">
        <v>525</v>
      </c>
      <c r="B109247" s="14" t="s">
        <v>1</v>
      </c>
      <c r="C109247" s="14" t="s">
        <v>109</v>
      </c>
      <c r="D109247" s="14" t="s">
        <v>330</v>
      </c>
      <c r="E109247" s="15">
        <v>45488</v>
      </c>
      <c r="F109247" s="14" t="s">
        <v>15</v>
      </c>
      <c r="G109247" s="16">
        <v>3.933511048153078E-2</v>
      </c>
    </row>
    <row r="109248" spans="1:7" x14ac:dyDescent="0.3">
      <c r="A109248" s="13" t="s">
        <v>525</v>
      </c>
      <c r="B109248" s="14" t="s">
        <v>1</v>
      </c>
      <c r="C109248" s="14" t="s">
        <v>109</v>
      </c>
      <c r="D109248" s="14" t="s">
        <v>330</v>
      </c>
      <c r="E109248" s="15">
        <v>45489</v>
      </c>
      <c r="F109248" s="14" t="s">
        <v>15</v>
      </c>
      <c r="G109248" s="16">
        <v>3.1904526273253561E-2</v>
      </c>
    </row>
    <row r="109249" spans="1:7" x14ac:dyDescent="0.3">
      <c r="A109249" s="13" t="s">
        <v>525</v>
      </c>
      <c r="B109249" s="14" t="s">
        <v>1</v>
      </c>
      <c r="C109249" s="14" t="s">
        <v>109</v>
      </c>
      <c r="D109249" s="14" t="s">
        <v>330</v>
      </c>
      <c r="E109249" s="15">
        <v>45490</v>
      </c>
      <c r="F109249" s="14" t="s">
        <v>15</v>
      </c>
      <c r="G109249" s="16">
        <v>2.9431084922119193E-2</v>
      </c>
    </row>
    <row r="109250" spans="1:7" x14ac:dyDescent="0.3">
      <c r="A109250" s="13" t="s">
        <v>525</v>
      </c>
      <c r="B109250" s="14" t="s">
        <v>1</v>
      </c>
      <c r="C109250" s="14" t="s">
        <v>109</v>
      </c>
      <c r="D109250" s="14" t="s">
        <v>330</v>
      </c>
      <c r="E109250" s="15">
        <v>45491</v>
      </c>
      <c r="F109250" s="14" t="s">
        <v>15</v>
      </c>
      <c r="G109250" s="16">
        <v>2.6951590302219698E-2</v>
      </c>
    </row>
    <row r="109251" spans="1:7" x14ac:dyDescent="0.3">
      <c r="A109251" s="13" t="s">
        <v>525</v>
      </c>
      <c r="B109251" s="14" t="s">
        <v>1</v>
      </c>
      <c r="C109251" s="14" t="s">
        <v>109</v>
      </c>
      <c r="D109251" s="14" t="s">
        <v>330</v>
      </c>
      <c r="E109251" s="15">
        <v>45492</v>
      </c>
      <c r="F109251" s="14" t="s">
        <v>15</v>
      </c>
      <c r="G109251" s="16">
        <v>2.4573790597574433E-2</v>
      </c>
    </row>
    <row r="109252" spans="1:7" x14ac:dyDescent="0.3">
      <c r="A109252" s="13" t="s">
        <v>525</v>
      </c>
      <c r="B109252" s="14" t="s">
        <v>1</v>
      </c>
      <c r="C109252" s="14" t="s">
        <v>109</v>
      </c>
      <c r="D109252" s="14" t="s">
        <v>330</v>
      </c>
      <c r="E109252" s="15">
        <v>45493</v>
      </c>
      <c r="F109252" s="14" t="s">
        <v>15</v>
      </c>
      <c r="G109252" s="16">
        <v>2.4573790597574433E-2</v>
      </c>
    </row>
    <row r="109253" spans="1:7" x14ac:dyDescent="0.3">
      <c r="A109253" s="13" t="s">
        <v>525</v>
      </c>
      <c r="B109253" s="14" t="s">
        <v>1</v>
      </c>
      <c r="C109253" s="14" t="s">
        <v>109</v>
      </c>
      <c r="D109253" s="14" t="s">
        <v>330</v>
      </c>
      <c r="E109253" s="15">
        <v>45494</v>
      </c>
      <c r="F109253" s="14" t="s">
        <v>15</v>
      </c>
      <c r="G109253" s="16">
        <v>2.4573790597574433E-2</v>
      </c>
    </row>
    <row r="109254" spans="1:7" x14ac:dyDescent="0.3">
      <c r="A109254" s="13" t="s">
        <v>525</v>
      </c>
      <c r="B109254" s="14" t="s">
        <v>1</v>
      </c>
      <c r="C109254" s="14" t="s">
        <v>109</v>
      </c>
      <c r="D109254" s="14" t="s">
        <v>330</v>
      </c>
      <c r="E109254" s="15">
        <v>45495</v>
      </c>
      <c r="F109254" s="14" t="s">
        <v>15</v>
      </c>
      <c r="G109254" s="16">
        <v>2.2218751183486075E-2</v>
      </c>
    </row>
    <row r="109255" spans="1:7" x14ac:dyDescent="0.3">
      <c r="A109255" s="13" t="s">
        <v>525</v>
      </c>
      <c r="B109255" s="14" t="s">
        <v>1</v>
      </c>
      <c r="C109255" s="14" t="s">
        <v>109</v>
      </c>
      <c r="D109255" s="14" t="s">
        <v>330</v>
      </c>
      <c r="E109255" s="15">
        <v>45496</v>
      </c>
      <c r="F109255" s="14" t="s">
        <v>15</v>
      </c>
      <c r="G109255" s="16">
        <v>1.5243857047848079E-2</v>
      </c>
    </row>
    <row r="109256" spans="1:7" x14ac:dyDescent="0.3">
      <c r="A109256" s="13" t="s">
        <v>525</v>
      </c>
      <c r="B109256" s="14" t="s">
        <v>1</v>
      </c>
      <c r="C109256" s="14" t="s">
        <v>109</v>
      </c>
      <c r="D109256" s="14" t="s">
        <v>330</v>
      </c>
      <c r="E109256" s="15">
        <v>45497</v>
      </c>
      <c r="F109256" s="14" t="s">
        <v>15</v>
      </c>
      <c r="G109256" s="16">
        <v>1.2894628771774245E-2</v>
      </c>
    </row>
    <row r="109257" spans="1:7" x14ac:dyDescent="0.3">
      <c r="A109257" s="13" t="s">
        <v>525</v>
      </c>
      <c r="B109257" s="14" t="s">
        <v>1</v>
      </c>
      <c r="C109257" s="14" t="s">
        <v>109</v>
      </c>
      <c r="D109257" s="14" t="s">
        <v>330</v>
      </c>
      <c r="E109257" s="15">
        <v>45498</v>
      </c>
      <c r="F109257" s="14" t="s">
        <v>15</v>
      </c>
      <c r="G109257" s="16">
        <v>1.0528935604659253E-2</v>
      </c>
    </row>
    <row r="109258" spans="1:7" x14ac:dyDescent="0.3">
      <c r="A109258" s="13" t="s">
        <v>525</v>
      </c>
      <c r="B109258" s="14" t="s">
        <v>1</v>
      </c>
      <c r="C109258" s="14" t="s">
        <v>109</v>
      </c>
      <c r="D109258" s="14" t="s">
        <v>330</v>
      </c>
      <c r="E109258" s="15">
        <v>45499</v>
      </c>
      <c r="F109258" s="14" t="s">
        <v>15</v>
      </c>
      <c r="G109258" s="16">
        <v>8.2533150767694404E-3</v>
      </c>
    </row>
    <row r="109259" spans="1:7" x14ac:dyDescent="0.3">
      <c r="A109259" s="13" t="s">
        <v>525</v>
      </c>
      <c r="B109259" s="14" t="s">
        <v>1</v>
      </c>
      <c r="C109259" s="14" t="s">
        <v>109</v>
      </c>
      <c r="D109259" s="14" t="s">
        <v>330</v>
      </c>
      <c r="E109259" s="15">
        <v>45500</v>
      </c>
      <c r="F109259" s="14" t="s">
        <v>15</v>
      </c>
      <c r="G109259" s="16">
        <v>8.2533150767694404E-3</v>
      </c>
    </row>
    <row r="109260" spans="1:7" x14ac:dyDescent="0.3">
      <c r="A109260" s="13" t="s">
        <v>525</v>
      </c>
      <c r="B109260" s="14" t="s">
        <v>1</v>
      </c>
      <c r="C109260" s="14" t="s">
        <v>109</v>
      </c>
      <c r="D109260" s="14" t="s">
        <v>330</v>
      </c>
      <c r="E109260" s="15">
        <v>45501</v>
      </c>
      <c r="F109260" s="14" t="s">
        <v>15</v>
      </c>
      <c r="G109260" s="16">
        <v>8.2533150767694404E-3</v>
      </c>
    </row>
    <row r="109261" spans="1:7" x14ac:dyDescent="0.3">
      <c r="A109261" s="13" t="s">
        <v>525</v>
      </c>
      <c r="B109261" s="14" t="s">
        <v>1</v>
      </c>
      <c r="C109261" s="14" t="s">
        <v>109</v>
      </c>
      <c r="D109261" s="14" t="s">
        <v>330</v>
      </c>
      <c r="E109261" s="15">
        <v>45502</v>
      </c>
      <c r="F109261" s="14" t="s">
        <v>15</v>
      </c>
      <c r="G109261" s="16">
        <v>1.9091011740162915E-2</v>
      </c>
    </row>
    <row r="109262" spans="1:7" x14ac:dyDescent="0.3">
      <c r="A109262" s="13" t="s">
        <v>525</v>
      </c>
      <c r="B109262" s="14" t="s">
        <v>1</v>
      </c>
      <c r="C109262" s="14" t="s">
        <v>109</v>
      </c>
      <c r="D109262" s="14" t="s">
        <v>330</v>
      </c>
      <c r="E109262" s="15">
        <v>45503</v>
      </c>
      <c r="F109262" s="14" t="s">
        <v>15</v>
      </c>
      <c r="G109262" s="16">
        <v>1.2349531648108456E-2</v>
      </c>
    </row>
    <row r="109263" spans="1:7" x14ac:dyDescent="0.3">
      <c r="A109263" s="13" t="s">
        <v>525</v>
      </c>
      <c r="B109263" s="14" t="s">
        <v>1</v>
      </c>
      <c r="C109263" s="14" t="s">
        <v>109</v>
      </c>
      <c r="D109263" s="14" t="s">
        <v>330</v>
      </c>
      <c r="E109263" s="15">
        <v>45504</v>
      </c>
      <c r="F109263" s="14" t="s">
        <v>15</v>
      </c>
      <c r="G109263" s="16">
        <v>1.174509756089661E-2</v>
      </c>
    </row>
    <row r="109264" spans="1:7" x14ac:dyDescent="0.3">
      <c r="A109264" s="13" t="s">
        <v>525</v>
      </c>
      <c r="B109264" s="14" t="s">
        <v>1</v>
      </c>
      <c r="C109264" s="14" t="s">
        <v>109</v>
      </c>
      <c r="D109264" s="14" t="s">
        <v>330</v>
      </c>
      <c r="E109264" s="15">
        <v>45505</v>
      </c>
      <c r="F109264" s="14" t="s">
        <v>15</v>
      </c>
      <c r="G109264" s="16">
        <v>2.6916450398624232E-2</v>
      </c>
    </row>
    <row r="109265" spans="1:7" x14ac:dyDescent="0.3">
      <c r="A109265" s="13" t="s">
        <v>525</v>
      </c>
      <c r="B109265" s="14" t="s">
        <v>1</v>
      </c>
      <c r="C109265" s="14" t="s">
        <v>109</v>
      </c>
      <c r="D109265" s="14" t="s">
        <v>330</v>
      </c>
      <c r="E109265" s="15">
        <v>45506</v>
      </c>
      <c r="F109265" s="14" t="s">
        <v>15</v>
      </c>
      <c r="G109265" s="16">
        <v>2.4655357715770741E-2</v>
      </c>
    </row>
    <row r="109266" spans="1:7" x14ac:dyDescent="0.3">
      <c r="A109266" s="13" t="s">
        <v>525</v>
      </c>
      <c r="B109266" s="14" t="s">
        <v>1</v>
      </c>
      <c r="C109266" s="14" t="s">
        <v>109</v>
      </c>
      <c r="D109266" s="14" t="s">
        <v>330</v>
      </c>
      <c r="E109266" s="15">
        <v>45507</v>
      </c>
      <c r="F109266" s="14" t="s">
        <v>15</v>
      </c>
      <c r="G109266" s="16">
        <v>2.4655357715770741E-2</v>
      </c>
    </row>
    <row r="109267" spans="1:7" x14ac:dyDescent="0.3">
      <c r="A109267" s="13" t="s">
        <v>525</v>
      </c>
      <c r="B109267" s="14" t="s">
        <v>1</v>
      </c>
      <c r="C109267" s="14" t="s">
        <v>109</v>
      </c>
      <c r="D109267" s="14" t="s">
        <v>330</v>
      </c>
      <c r="E109267" s="15">
        <v>45508</v>
      </c>
      <c r="F109267" s="14" t="s">
        <v>15</v>
      </c>
      <c r="G109267" s="16">
        <v>2.4655357715770741E-2</v>
      </c>
    </row>
    <row r="109268" spans="1:7" x14ac:dyDescent="0.3">
      <c r="A109268" s="13" t="s">
        <v>525</v>
      </c>
      <c r="B109268" s="14" t="s">
        <v>1</v>
      </c>
      <c r="C109268" s="14" t="s">
        <v>109</v>
      </c>
      <c r="D109268" s="14" t="s">
        <v>330</v>
      </c>
      <c r="E109268" s="15">
        <v>45509</v>
      </c>
      <c r="F109268" s="14" t="s">
        <v>15</v>
      </c>
      <c r="G109268" s="16">
        <v>2.4655357715770741E-2</v>
      </c>
    </row>
    <row r="109269" spans="1:7" x14ac:dyDescent="0.3">
      <c r="A109269" s="13" t="s">
        <v>525</v>
      </c>
      <c r="B109269" s="14" t="s">
        <v>1</v>
      </c>
      <c r="C109269" s="14" t="s">
        <v>109</v>
      </c>
      <c r="D109269" s="14" t="s">
        <v>330</v>
      </c>
      <c r="E109269" s="15">
        <v>45510</v>
      </c>
      <c r="F109269" s="14" t="s">
        <v>15</v>
      </c>
      <c r="G109269" s="16">
        <v>2.246714638884945E-2</v>
      </c>
    </row>
    <row r="109270" spans="1:7" x14ac:dyDescent="0.3">
      <c r="A109270" s="13" t="s">
        <v>525</v>
      </c>
      <c r="B109270" s="14" t="s">
        <v>1</v>
      </c>
      <c r="C109270" s="14" t="s">
        <v>109</v>
      </c>
      <c r="D109270" s="14" t="s">
        <v>330</v>
      </c>
      <c r="E109270" s="15">
        <v>45511</v>
      </c>
      <c r="F109270" s="14" t="s">
        <v>15</v>
      </c>
      <c r="G109270" s="16">
        <v>1.8190073076456006E-2</v>
      </c>
    </row>
    <row r="109271" spans="1:7" x14ac:dyDescent="0.3">
      <c r="A109271" s="13" t="s">
        <v>525</v>
      </c>
      <c r="B109271" s="14" t="s">
        <v>1</v>
      </c>
      <c r="C109271" s="14" t="s">
        <v>109</v>
      </c>
      <c r="D109271" s="14" t="s">
        <v>330</v>
      </c>
      <c r="E109271" s="15">
        <v>45512</v>
      </c>
      <c r="F109271" s="14" t="s">
        <v>15</v>
      </c>
      <c r="G109271" s="16">
        <v>1.7141329061883388E-2</v>
      </c>
    </row>
    <row r="109272" spans="1:7" x14ac:dyDescent="0.3">
      <c r="A109272" s="13" t="s">
        <v>525</v>
      </c>
      <c r="B109272" s="14" t="s">
        <v>1</v>
      </c>
      <c r="C109272" s="14" t="s">
        <v>109</v>
      </c>
      <c r="D109272" s="14" t="s">
        <v>330</v>
      </c>
      <c r="E109272" s="15">
        <v>45513</v>
      </c>
      <c r="F109272" s="14" t="s">
        <v>15</v>
      </c>
      <c r="G109272" s="16">
        <v>2.9987742432298663E-2</v>
      </c>
    </row>
    <row r="109273" spans="1:7" x14ac:dyDescent="0.3">
      <c r="A109273" s="13" t="s">
        <v>525</v>
      </c>
      <c r="B109273" s="14" t="s">
        <v>1</v>
      </c>
      <c r="C109273" s="14" t="s">
        <v>109</v>
      </c>
      <c r="D109273" s="14" t="s">
        <v>330</v>
      </c>
      <c r="E109273" s="15">
        <v>45514</v>
      </c>
      <c r="F109273" s="14" t="s">
        <v>15</v>
      </c>
      <c r="G109273" s="16">
        <v>2.9987742432298663E-2</v>
      </c>
    </row>
    <row r="109274" spans="1:7" x14ac:dyDescent="0.3">
      <c r="A109274" s="13" t="s">
        <v>525</v>
      </c>
      <c r="B109274" s="14" t="s">
        <v>1</v>
      </c>
      <c r="C109274" s="14" t="s">
        <v>109</v>
      </c>
      <c r="D109274" s="14" t="s">
        <v>330</v>
      </c>
      <c r="E109274" s="15">
        <v>45515</v>
      </c>
      <c r="F109274" s="14" t="s">
        <v>15</v>
      </c>
      <c r="G109274" s="16">
        <v>2.9987742432298663E-2</v>
      </c>
    </row>
    <row r="109275" spans="1:7" x14ac:dyDescent="0.3">
      <c r="A109275" s="13" t="s">
        <v>525</v>
      </c>
      <c r="B109275" s="14" t="s">
        <v>1</v>
      </c>
      <c r="C109275" s="14" t="s">
        <v>109</v>
      </c>
      <c r="D109275" s="14" t="s">
        <v>330</v>
      </c>
      <c r="E109275" s="15">
        <v>45516</v>
      </c>
      <c r="F109275" s="14" t="s">
        <v>15</v>
      </c>
      <c r="G109275" s="16">
        <v>2.9370233284554126E-2</v>
      </c>
    </row>
    <row r="109276" spans="1:7" x14ac:dyDescent="0.3">
      <c r="A109276" s="13" t="s">
        <v>525</v>
      </c>
      <c r="B109276" s="14" t="s">
        <v>1</v>
      </c>
      <c r="C109276" s="14" t="s">
        <v>109</v>
      </c>
      <c r="D109276" s="14" t="s">
        <v>330</v>
      </c>
      <c r="E109276" s="15">
        <v>45517</v>
      </c>
      <c r="F109276" s="14" t="s">
        <v>15</v>
      </c>
      <c r="G109276" s="16">
        <v>2.7117130916470607E-2</v>
      </c>
    </row>
    <row r="109277" spans="1:7" x14ac:dyDescent="0.3">
      <c r="A109277" s="13" t="s">
        <v>525</v>
      </c>
      <c r="B109277" s="14" t="s">
        <v>1</v>
      </c>
      <c r="C109277" s="14" t="s">
        <v>109</v>
      </c>
      <c r="D109277" s="14" t="s">
        <v>330</v>
      </c>
      <c r="E109277" s="15">
        <v>45518</v>
      </c>
      <c r="F109277" s="14" t="s">
        <v>15</v>
      </c>
      <c r="G109277" s="16">
        <v>2.498315687768491E-2</v>
      </c>
    </row>
    <row r="109278" spans="1:7" x14ac:dyDescent="0.3">
      <c r="A109278" s="13" t="s">
        <v>525</v>
      </c>
      <c r="B109278" s="14" t="s">
        <v>1</v>
      </c>
      <c r="C109278" s="14" t="s">
        <v>109</v>
      </c>
      <c r="D109278" s="14" t="s">
        <v>330</v>
      </c>
      <c r="E109278" s="15">
        <v>45519</v>
      </c>
      <c r="F109278" s="14" t="s">
        <v>15</v>
      </c>
      <c r="G109278" s="16">
        <v>2.2790587197252722E-2</v>
      </c>
    </row>
    <row r="109279" spans="1:7" x14ac:dyDescent="0.3">
      <c r="A109279" s="13" t="s">
        <v>525</v>
      </c>
      <c r="B109279" s="14" t="s">
        <v>1</v>
      </c>
      <c r="C109279" s="14" t="s">
        <v>109</v>
      </c>
      <c r="D109279" s="14" t="s">
        <v>330</v>
      </c>
      <c r="E109279" s="15">
        <v>45520</v>
      </c>
      <c r="F109279" s="14" t="s">
        <v>15</v>
      </c>
      <c r="G109279" s="16">
        <v>3.2461213642728533E-2</v>
      </c>
    </row>
    <row r="109280" spans="1:7" x14ac:dyDescent="0.3">
      <c r="A109280" s="13" t="s">
        <v>525</v>
      </c>
      <c r="B109280" s="14" t="s">
        <v>1</v>
      </c>
      <c r="C109280" s="14" t="s">
        <v>109</v>
      </c>
      <c r="D109280" s="14" t="s">
        <v>330</v>
      </c>
      <c r="E109280" s="15">
        <v>45521</v>
      </c>
      <c r="F109280" s="14" t="s">
        <v>15</v>
      </c>
      <c r="G109280" s="16">
        <v>3.2461213642728533E-2</v>
      </c>
    </row>
    <row r="109281" spans="1:7" x14ac:dyDescent="0.3">
      <c r="A109281" s="13" t="s">
        <v>525</v>
      </c>
      <c r="B109281" s="14" t="s">
        <v>1</v>
      </c>
      <c r="C109281" s="14" t="s">
        <v>109</v>
      </c>
      <c r="D109281" s="14" t="s">
        <v>330</v>
      </c>
      <c r="E109281" s="15">
        <v>45522</v>
      </c>
      <c r="F109281" s="14" t="s">
        <v>15</v>
      </c>
      <c r="G109281" s="16">
        <v>3.2461213642728533E-2</v>
      </c>
    </row>
    <row r="109282" spans="1:7" x14ac:dyDescent="0.3">
      <c r="A109282" s="13" t="s">
        <v>525</v>
      </c>
      <c r="B109282" s="14" t="s">
        <v>1</v>
      </c>
      <c r="C109282" s="14" t="s">
        <v>109</v>
      </c>
      <c r="D109282" s="14" t="s">
        <v>330</v>
      </c>
      <c r="E109282" s="15">
        <v>45523</v>
      </c>
      <c r="F109282" s="14" t="s">
        <v>15</v>
      </c>
      <c r="G109282" s="16">
        <v>2.9879297715322981E-2</v>
      </c>
    </row>
    <row r="109283" spans="1:7" x14ac:dyDescent="0.3">
      <c r="A109283" s="13" t="s">
        <v>525</v>
      </c>
      <c r="B109283" s="14" t="s">
        <v>1</v>
      </c>
      <c r="C109283" s="14" t="s">
        <v>109</v>
      </c>
      <c r="D109283" s="14" t="s">
        <v>330</v>
      </c>
      <c r="E109283" s="15">
        <v>45524</v>
      </c>
      <c r="F109283" s="14" t="s">
        <v>15</v>
      </c>
      <c r="G109283" s="16">
        <v>2.2997866049418638E-2</v>
      </c>
    </row>
    <row r="109284" spans="1:7" x14ac:dyDescent="0.3">
      <c r="A109284" s="13" t="s">
        <v>525</v>
      </c>
      <c r="B109284" s="14" t="s">
        <v>1</v>
      </c>
      <c r="C109284" s="14" t="s">
        <v>109</v>
      </c>
      <c r="D109284" s="14" t="s">
        <v>330</v>
      </c>
      <c r="E109284" s="15">
        <v>45525</v>
      </c>
      <c r="F109284" s="14" t="s">
        <v>15</v>
      </c>
      <c r="G109284" s="16">
        <v>2.0671155933151102E-2</v>
      </c>
    </row>
    <row r="109285" spans="1:7" x14ac:dyDescent="0.3">
      <c r="A109285" s="13" t="s">
        <v>525</v>
      </c>
      <c r="B109285" s="14" t="s">
        <v>1</v>
      </c>
      <c r="C109285" s="14" t="s">
        <v>109</v>
      </c>
      <c r="D109285" s="14" t="s">
        <v>330</v>
      </c>
      <c r="E109285" s="15">
        <v>45526</v>
      </c>
      <c r="F109285" s="14" t="s">
        <v>15</v>
      </c>
      <c r="G109285" s="16">
        <v>1.8354373177658385E-2</v>
      </c>
    </row>
    <row r="109286" spans="1:7" x14ac:dyDescent="0.3">
      <c r="A109286" s="13" t="s">
        <v>525</v>
      </c>
      <c r="B109286" s="14" t="s">
        <v>1</v>
      </c>
      <c r="C109286" s="14" t="s">
        <v>109</v>
      </c>
      <c r="D109286" s="14" t="s">
        <v>330</v>
      </c>
      <c r="E109286" s="15">
        <v>45527</v>
      </c>
      <c r="F109286" s="14" t="s">
        <v>15</v>
      </c>
      <c r="G109286" s="16">
        <v>4.2202239332577288E-2</v>
      </c>
    </row>
    <row r="109287" spans="1:7" x14ac:dyDescent="0.3">
      <c r="A109287" s="13" t="s">
        <v>525</v>
      </c>
      <c r="B109287" s="14" t="s">
        <v>1</v>
      </c>
      <c r="C109287" s="14" t="s">
        <v>109</v>
      </c>
      <c r="D109287" s="14" t="s">
        <v>330</v>
      </c>
      <c r="E109287" s="15">
        <v>45528</v>
      </c>
      <c r="F109287" s="14" t="s">
        <v>15</v>
      </c>
      <c r="G109287" s="16">
        <v>4.2202239332577288E-2</v>
      </c>
    </row>
    <row r="109288" spans="1:7" x14ac:dyDescent="0.3">
      <c r="A109288" s="13" t="s">
        <v>525</v>
      </c>
      <c r="B109288" s="14" t="s">
        <v>1</v>
      </c>
      <c r="C109288" s="14" t="s">
        <v>109</v>
      </c>
      <c r="D109288" s="14" t="s">
        <v>330</v>
      </c>
      <c r="E109288" s="15">
        <v>45529</v>
      </c>
      <c r="F109288" s="14" t="s">
        <v>15</v>
      </c>
      <c r="G109288" s="16">
        <v>4.2202239332577288E-2</v>
      </c>
    </row>
    <row r="109289" spans="1:7" x14ac:dyDescent="0.3">
      <c r="A109289" s="13" t="s">
        <v>525</v>
      </c>
      <c r="B109289" s="14" t="s">
        <v>1</v>
      </c>
      <c r="C109289" s="14" t="s">
        <v>109</v>
      </c>
      <c r="D109289" s="14" t="s">
        <v>330</v>
      </c>
      <c r="E109289" s="15">
        <v>45530</v>
      </c>
      <c r="F109289" s="14" t="s">
        <v>15</v>
      </c>
      <c r="G109289" s="16">
        <v>3.9903616383379976E-2</v>
      </c>
    </row>
    <row r="109290" spans="1:7" x14ac:dyDescent="0.3">
      <c r="A109290" s="13" t="s">
        <v>525</v>
      </c>
      <c r="B109290" s="14" t="s">
        <v>1</v>
      </c>
      <c r="C109290" s="14" t="s">
        <v>109</v>
      </c>
      <c r="D109290" s="14" t="s">
        <v>330</v>
      </c>
      <c r="E109290" s="15">
        <v>45531</v>
      </c>
      <c r="F109290" s="14" t="s">
        <v>15</v>
      </c>
      <c r="G109290" s="16">
        <v>3.2886107235635439E-2</v>
      </c>
    </row>
    <row r="109291" spans="1:7" x14ac:dyDescent="0.3">
      <c r="A109291" s="13" t="s">
        <v>525</v>
      </c>
      <c r="B109291" s="14" t="s">
        <v>1</v>
      </c>
      <c r="C109291" s="14" t="s">
        <v>109</v>
      </c>
      <c r="D109291" s="14" t="s">
        <v>330</v>
      </c>
      <c r="E109291" s="15">
        <v>45532</v>
      </c>
      <c r="F109291" s="14" t="s">
        <v>15</v>
      </c>
      <c r="G109291" s="16">
        <v>4.3484094455929642E-2</v>
      </c>
    </row>
    <row r="109292" spans="1:7" x14ac:dyDescent="0.3">
      <c r="A109292" s="13" t="s">
        <v>525</v>
      </c>
      <c r="B109292" s="14" t="s">
        <v>1</v>
      </c>
      <c r="C109292" s="14" t="s">
        <v>109</v>
      </c>
      <c r="D109292" s="14" t="s">
        <v>330</v>
      </c>
      <c r="E109292" s="15">
        <v>45533</v>
      </c>
      <c r="F109292" s="14" t="s">
        <v>15</v>
      </c>
      <c r="G109292" s="16">
        <v>5.5732929133850966E-2</v>
      </c>
    </row>
    <row r="109293" spans="1:7" x14ac:dyDescent="0.3">
      <c r="A109293" s="13" t="s">
        <v>525</v>
      </c>
      <c r="B109293" s="14" t="s">
        <v>1</v>
      </c>
      <c r="C109293" s="14" t="s">
        <v>109</v>
      </c>
      <c r="D109293" s="14" t="s">
        <v>330</v>
      </c>
      <c r="E109293" s="15">
        <v>45534</v>
      </c>
      <c r="F109293" s="14" t="s">
        <v>15</v>
      </c>
      <c r="G109293" s="16">
        <v>5.3461182697970837E-2</v>
      </c>
    </row>
    <row r="109294" spans="1:7" x14ac:dyDescent="0.3">
      <c r="A109294" s="13" t="s">
        <v>525</v>
      </c>
      <c r="B109294" s="14" t="s">
        <v>1</v>
      </c>
      <c r="C109294" s="14" t="s">
        <v>109</v>
      </c>
      <c r="D109294" s="14" t="s">
        <v>330</v>
      </c>
      <c r="E109294" s="15">
        <v>45535</v>
      </c>
      <c r="F109294" s="14" t="s">
        <v>15</v>
      </c>
      <c r="G109294" s="16">
        <v>5.3461182697970837E-2</v>
      </c>
    </row>
    <row r="109295" spans="1:7" x14ac:dyDescent="0.3">
      <c r="A109295" s="13" t="s">
        <v>525</v>
      </c>
      <c r="B109295" s="14" t="s">
        <v>1</v>
      </c>
      <c r="C109295" s="14" t="s">
        <v>109</v>
      </c>
      <c r="D109295" s="14" t="s">
        <v>330</v>
      </c>
      <c r="E109295" s="15">
        <v>45536</v>
      </c>
      <c r="F109295" s="14" t="s">
        <v>15</v>
      </c>
      <c r="G109295" s="16">
        <v>5.3461182697970837E-2</v>
      </c>
    </row>
    <row r="109296" spans="1:7" x14ac:dyDescent="0.3">
      <c r="A109296" s="13" t="s">
        <v>525</v>
      </c>
      <c r="B109296" s="14" t="s">
        <v>1</v>
      </c>
      <c r="C109296" s="14" t="s">
        <v>109</v>
      </c>
      <c r="D109296" s="14" t="s">
        <v>330</v>
      </c>
      <c r="E109296" s="15">
        <v>45537</v>
      </c>
      <c r="F109296" s="14" t="s">
        <v>15</v>
      </c>
      <c r="G109296" s="16">
        <v>5.1190889046594336E-2</v>
      </c>
    </row>
    <row r="109297" spans="1:7" x14ac:dyDescent="0.3">
      <c r="A109297" s="13" t="s">
        <v>525</v>
      </c>
      <c r="B109297" s="14" t="s">
        <v>1</v>
      </c>
      <c r="C109297" s="14" t="s">
        <v>109</v>
      </c>
      <c r="D109297" s="14" t="s">
        <v>330</v>
      </c>
      <c r="E109297" s="15">
        <v>45538</v>
      </c>
      <c r="F109297" s="14" t="s">
        <v>15</v>
      </c>
      <c r="G109297" s="16">
        <v>4.4309941642191215E-2</v>
      </c>
    </row>
    <row r="109298" spans="1:7" x14ac:dyDescent="0.3">
      <c r="A109298" s="13" t="s">
        <v>525</v>
      </c>
      <c r="B109298" s="14" t="s">
        <v>1</v>
      </c>
      <c r="C109298" s="14" t="s">
        <v>109</v>
      </c>
      <c r="D109298" s="14" t="s">
        <v>330</v>
      </c>
      <c r="E109298" s="15">
        <v>45539</v>
      </c>
      <c r="F109298" s="14" t="s">
        <v>15</v>
      </c>
      <c r="G109298" s="16">
        <v>4.3583715787424891E-2</v>
      </c>
    </row>
    <row r="109299" spans="1:7" x14ac:dyDescent="0.3">
      <c r="A109299" s="13" t="s">
        <v>525</v>
      </c>
      <c r="B109299" s="14" t="s">
        <v>1</v>
      </c>
      <c r="C109299" s="14" t="s">
        <v>109</v>
      </c>
      <c r="D109299" s="14" t="s">
        <v>330</v>
      </c>
      <c r="E109299" s="15">
        <v>45540</v>
      </c>
      <c r="F109299" s="14" t="s">
        <v>15</v>
      </c>
      <c r="G109299" s="16">
        <v>4.1400347075515709E-2</v>
      </c>
    </row>
    <row r="109300" spans="1:7" x14ac:dyDescent="0.3">
      <c r="A109300" s="13" t="s">
        <v>525</v>
      </c>
      <c r="B109300" s="14" t="s">
        <v>1</v>
      </c>
      <c r="C109300" s="14" t="s">
        <v>109</v>
      </c>
      <c r="D109300" s="14" t="s">
        <v>330</v>
      </c>
      <c r="E109300" s="15">
        <v>45541</v>
      </c>
      <c r="F109300" s="14" t="s">
        <v>15</v>
      </c>
      <c r="G109300" s="16">
        <v>3.9652087322444303E-2</v>
      </c>
    </row>
    <row r="109301" spans="1:7" x14ac:dyDescent="0.3">
      <c r="A109301" s="13" t="s">
        <v>525</v>
      </c>
      <c r="B109301" s="14" t="s">
        <v>1</v>
      </c>
      <c r="C109301" s="14" t="s">
        <v>109</v>
      </c>
      <c r="D109301" s="14" t="s">
        <v>330</v>
      </c>
      <c r="E109301" s="15">
        <v>45542</v>
      </c>
      <c r="F109301" s="14" t="s">
        <v>15</v>
      </c>
      <c r="G109301" s="16">
        <v>3.9652087322444303E-2</v>
      </c>
    </row>
    <row r="109302" spans="1:7" x14ac:dyDescent="0.3">
      <c r="A109302" s="13" t="s">
        <v>525</v>
      </c>
      <c r="B109302" s="14" t="s">
        <v>1</v>
      </c>
      <c r="C109302" s="14" t="s">
        <v>109</v>
      </c>
      <c r="D109302" s="14" t="s">
        <v>330</v>
      </c>
      <c r="E109302" s="15">
        <v>45543</v>
      </c>
      <c r="F109302" s="14" t="s">
        <v>15</v>
      </c>
      <c r="G109302" s="16">
        <v>3.9652087322444303E-2</v>
      </c>
    </row>
    <row r="109303" spans="1:7" x14ac:dyDescent="0.3">
      <c r="A109303" s="13" t="s">
        <v>525</v>
      </c>
      <c r="B109303" s="14" t="s">
        <v>1</v>
      </c>
      <c r="C109303" s="14" t="s">
        <v>109</v>
      </c>
      <c r="D109303" s="14" t="s">
        <v>330</v>
      </c>
      <c r="E109303" s="15">
        <v>45544</v>
      </c>
      <c r="F109303" s="14" t="s">
        <v>15</v>
      </c>
      <c r="G109303" s="16">
        <v>4.2524958391309216E-2</v>
      </c>
    </row>
    <row r="109304" spans="1:7" x14ac:dyDescent="0.3">
      <c r="A109304" s="13" t="s">
        <v>525</v>
      </c>
      <c r="B109304" s="14" t="s">
        <v>1</v>
      </c>
      <c r="C109304" s="14" t="s">
        <v>109</v>
      </c>
      <c r="D109304" s="14" t="s">
        <v>330</v>
      </c>
      <c r="E109304" s="15">
        <v>45545</v>
      </c>
      <c r="F109304" s="14" t="s">
        <v>15</v>
      </c>
      <c r="G109304" s="16">
        <v>3.6187232724824922E-2</v>
      </c>
    </row>
    <row r="109305" spans="1:7" x14ac:dyDescent="0.3">
      <c r="A109305" s="13" t="s">
        <v>525</v>
      </c>
      <c r="B109305" s="14" t="s">
        <v>1</v>
      </c>
      <c r="C109305" s="14" t="s">
        <v>109</v>
      </c>
      <c r="D109305" s="14" t="s">
        <v>330</v>
      </c>
      <c r="E109305" s="15">
        <v>45546</v>
      </c>
      <c r="F109305" s="14" t="s">
        <v>15</v>
      </c>
      <c r="G109305" s="16">
        <v>3.3369102261104143E-2</v>
      </c>
    </row>
    <row r="109306" spans="1:7" x14ac:dyDescent="0.3">
      <c r="A109306" s="13" t="s">
        <v>525</v>
      </c>
      <c r="B109306" s="14" t="s">
        <v>1</v>
      </c>
      <c r="C109306" s="14" t="s">
        <v>109</v>
      </c>
      <c r="D109306" s="14" t="s">
        <v>330</v>
      </c>
      <c r="E109306" s="15">
        <v>45547</v>
      </c>
      <c r="F109306" s="14" t="s">
        <v>15</v>
      </c>
      <c r="G109306" s="16">
        <v>3.1243797836744063E-2</v>
      </c>
    </row>
    <row r="109307" spans="1:7" x14ac:dyDescent="0.3">
      <c r="A109307" s="13" t="s">
        <v>525</v>
      </c>
      <c r="B109307" s="14" t="s">
        <v>1</v>
      </c>
      <c r="C109307" s="14" t="s">
        <v>109</v>
      </c>
      <c r="D109307" s="14" t="s">
        <v>330</v>
      </c>
      <c r="E109307" s="15">
        <v>45548</v>
      </c>
      <c r="F109307" s="14" t="s">
        <v>15</v>
      </c>
      <c r="G109307" s="16">
        <v>2.9647357109564513E-2</v>
      </c>
    </row>
    <row r="109308" spans="1:7" x14ac:dyDescent="0.3">
      <c r="A109308" s="13" t="s">
        <v>525</v>
      </c>
      <c r="B109308" s="14" t="s">
        <v>1</v>
      </c>
      <c r="C109308" s="14" t="s">
        <v>109</v>
      </c>
      <c r="D109308" s="14" t="s">
        <v>330</v>
      </c>
      <c r="E109308" s="15">
        <v>45549</v>
      </c>
      <c r="F109308" s="14" t="s">
        <v>15</v>
      </c>
      <c r="G109308" s="16">
        <v>2.9647357109564513E-2</v>
      </c>
    </row>
    <row r="109309" spans="1:7" x14ac:dyDescent="0.3">
      <c r="A109309" s="13" t="s">
        <v>525</v>
      </c>
      <c r="B109309" s="14" t="s">
        <v>1</v>
      </c>
      <c r="C109309" s="14" t="s">
        <v>109</v>
      </c>
      <c r="D109309" s="14" t="s">
        <v>330</v>
      </c>
      <c r="E109309" s="15">
        <v>45550</v>
      </c>
      <c r="F109309" s="14" t="s">
        <v>15</v>
      </c>
      <c r="G109309" s="16">
        <v>2.9647357109564513E-2</v>
      </c>
    </row>
    <row r="109310" spans="1:7" x14ac:dyDescent="0.3">
      <c r="A109310" s="13" t="s">
        <v>525</v>
      </c>
      <c r="B109310" s="14" t="s">
        <v>1</v>
      </c>
      <c r="C109310" s="14" t="s">
        <v>109</v>
      </c>
      <c r="D109310" s="14" t="s">
        <v>330</v>
      </c>
      <c r="E109310" s="15">
        <v>45551</v>
      </c>
      <c r="F109310" s="14" t="s">
        <v>15</v>
      </c>
      <c r="G109310" s="16">
        <v>2.779913444743471E-2</v>
      </c>
    </row>
    <row r="109311" spans="1:7" x14ac:dyDescent="0.3">
      <c r="A109311" s="13" t="s">
        <v>525</v>
      </c>
      <c r="B109311" s="14" t="s">
        <v>1</v>
      </c>
      <c r="C109311" s="14" t="s">
        <v>109</v>
      </c>
      <c r="D109311" s="14" t="s">
        <v>330</v>
      </c>
      <c r="E109311" s="15">
        <v>45552</v>
      </c>
      <c r="F109311" s="14" t="s">
        <v>15</v>
      </c>
      <c r="G109311" s="16">
        <v>2.1088722863710038E-2</v>
      </c>
    </row>
    <row r="109312" spans="1:7" x14ac:dyDescent="0.3">
      <c r="A109312" s="13" t="s">
        <v>525</v>
      </c>
      <c r="B109312" s="14" t="s">
        <v>1</v>
      </c>
      <c r="C109312" s="14" t="s">
        <v>109</v>
      </c>
      <c r="D109312" s="14" t="s">
        <v>330</v>
      </c>
      <c r="E109312" s="15">
        <v>45553</v>
      </c>
      <c r="F109312" s="14" t="s">
        <v>15</v>
      </c>
      <c r="G109312" s="16">
        <v>1.9101837686680095E-2</v>
      </c>
    </row>
    <row r="109313" spans="1:7" x14ac:dyDescent="0.3">
      <c r="A109313" s="13" t="s">
        <v>525</v>
      </c>
      <c r="B109313" s="14" t="s">
        <v>1</v>
      </c>
      <c r="C109313" s="14" t="s">
        <v>109</v>
      </c>
      <c r="D109313" s="14" t="s">
        <v>330</v>
      </c>
      <c r="E109313" s="15">
        <v>45554</v>
      </c>
      <c r="F109313" s="14" t="s">
        <v>15</v>
      </c>
      <c r="G109313" s="16">
        <v>1.6866333053109903E-2</v>
      </c>
    </row>
    <row r="109314" spans="1:7" x14ac:dyDescent="0.3">
      <c r="A109314" s="13" t="s">
        <v>525</v>
      </c>
      <c r="B109314" s="14" t="s">
        <v>1</v>
      </c>
      <c r="C109314" s="14" t="s">
        <v>109</v>
      </c>
      <c r="D109314" s="14" t="s">
        <v>330</v>
      </c>
      <c r="E109314" s="15">
        <v>45555</v>
      </c>
      <c r="F109314" s="14" t="s">
        <v>15</v>
      </c>
      <c r="G109314" s="16">
        <v>1.4656371514389735E-2</v>
      </c>
    </row>
    <row r="109315" spans="1:7" x14ac:dyDescent="0.3">
      <c r="A109315" s="13" t="s">
        <v>525</v>
      </c>
      <c r="B109315" s="14" t="s">
        <v>1</v>
      </c>
      <c r="C109315" s="14" t="s">
        <v>109</v>
      </c>
      <c r="D109315" s="14" t="s">
        <v>330</v>
      </c>
      <c r="E109315" s="15">
        <v>45556</v>
      </c>
      <c r="F109315" s="14" t="s">
        <v>15</v>
      </c>
      <c r="G109315" s="16">
        <v>1.4656371514389735E-2</v>
      </c>
    </row>
    <row r="109316" spans="1:7" x14ac:dyDescent="0.3">
      <c r="A109316" s="13" t="s">
        <v>525</v>
      </c>
      <c r="B109316" s="14" t="s">
        <v>1</v>
      </c>
      <c r="C109316" s="14" t="s">
        <v>109</v>
      </c>
      <c r="D109316" s="14" t="s">
        <v>330</v>
      </c>
      <c r="E109316" s="15">
        <v>45557</v>
      </c>
      <c r="F109316" s="14" t="s">
        <v>15</v>
      </c>
      <c r="G109316" s="16">
        <v>1.4656371514389735E-2</v>
      </c>
    </row>
    <row r="109317" spans="1:7" x14ac:dyDescent="0.3">
      <c r="A109317" s="13" t="s">
        <v>525</v>
      </c>
      <c r="B109317" s="14" t="s">
        <v>1</v>
      </c>
      <c r="C109317" s="14" t="s">
        <v>109</v>
      </c>
      <c r="D109317" s="14" t="s">
        <v>330</v>
      </c>
      <c r="E109317" s="15">
        <v>45558</v>
      </c>
      <c r="F109317" s="14" t="s">
        <v>15</v>
      </c>
      <c r="G109317" s="16">
        <v>1.2392161307559515E-2</v>
      </c>
    </row>
    <row r="109318" spans="1:7" x14ac:dyDescent="0.3">
      <c r="A109318" s="13" t="s">
        <v>525</v>
      </c>
      <c r="B109318" s="14" t="s">
        <v>1</v>
      </c>
      <c r="C109318" s="14" t="s">
        <v>109</v>
      </c>
      <c r="D109318" s="14" t="s">
        <v>330</v>
      </c>
      <c r="E109318" s="15">
        <v>45559</v>
      </c>
      <c r="F109318" s="14" t="s">
        <v>15</v>
      </c>
      <c r="G109318" s="16">
        <v>5.6043906365747685E-3</v>
      </c>
    </row>
    <row r="109319" spans="1:7" x14ac:dyDescent="0.3">
      <c r="A109319" s="13" t="s">
        <v>525</v>
      </c>
      <c r="B109319" s="14" t="s">
        <v>1</v>
      </c>
      <c r="C109319" s="14" t="s">
        <v>109</v>
      </c>
      <c r="D109319" s="14" t="s">
        <v>330</v>
      </c>
      <c r="E109319" s="15">
        <v>45560</v>
      </c>
      <c r="F109319" s="14" t="s">
        <v>15</v>
      </c>
      <c r="G109319" s="16">
        <v>3.3365314161945439E-3</v>
      </c>
    </row>
    <row r="109320" spans="1:7" x14ac:dyDescent="0.3">
      <c r="A109320" s="13" t="s">
        <v>525</v>
      </c>
      <c r="B109320" s="14" t="s">
        <v>1</v>
      </c>
      <c r="C109320" s="14" t="s">
        <v>109</v>
      </c>
      <c r="D109320" s="14" t="s">
        <v>330</v>
      </c>
      <c r="E109320" s="15">
        <v>45561</v>
      </c>
      <c r="F109320" s="14" t="s">
        <v>15</v>
      </c>
      <c r="G109320" s="16">
        <v>1.0455617766642958E-3</v>
      </c>
    </row>
    <row r="109321" spans="1:7" x14ac:dyDescent="0.3">
      <c r="A109321" s="13" t="s">
        <v>525</v>
      </c>
      <c r="B109321" s="14" t="s">
        <v>1</v>
      </c>
      <c r="C109321" s="14" t="s">
        <v>109</v>
      </c>
      <c r="D109321" s="14" t="s">
        <v>330</v>
      </c>
      <c r="E109321" s="15">
        <v>45562</v>
      </c>
      <c r="F109321" s="14" t="s">
        <v>15</v>
      </c>
      <c r="G109321" s="16">
        <v>0</v>
      </c>
    </row>
    <row r="109322" spans="1:7" x14ac:dyDescent="0.3">
      <c r="A109322" s="13" t="s">
        <v>525</v>
      </c>
      <c r="B109322" s="14" t="s">
        <v>1</v>
      </c>
      <c r="C109322" s="14" t="s">
        <v>109</v>
      </c>
      <c r="D109322" s="14" t="s">
        <v>330</v>
      </c>
      <c r="E109322" s="15">
        <v>45563</v>
      </c>
      <c r="F109322" s="14" t="s">
        <v>15</v>
      </c>
      <c r="G109322" s="16">
        <v>0</v>
      </c>
    </row>
    <row r="109323" spans="1:7" x14ac:dyDescent="0.3">
      <c r="A109323" s="13" t="s">
        <v>525</v>
      </c>
      <c r="B109323" s="14" t="s">
        <v>1</v>
      </c>
      <c r="C109323" s="14" t="s">
        <v>109</v>
      </c>
      <c r="D109323" s="14" t="s">
        <v>330</v>
      </c>
      <c r="E109323" s="15">
        <v>45564</v>
      </c>
      <c r="F109323" s="14" t="s">
        <v>15</v>
      </c>
      <c r="G109323" s="16">
        <v>0</v>
      </c>
    </row>
    <row r="109324" spans="1:7" x14ac:dyDescent="0.3">
      <c r="A109324" s="13" t="s">
        <v>525</v>
      </c>
      <c r="B109324" s="14" t="s">
        <v>1</v>
      </c>
      <c r="C109324" s="14" t="s">
        <v>109</v>
      </c>
      <c r="D109324" s="14" t="s">
        <v>330</v>
      </c>
      <c r="E109324" s="15">
        <v>45565</v>
      </c>
      <c r="F109324" s="14" t="s">
        <v>15</v>
      </c>
      <c r="G109324" s="16">
        <v>2.2287448123409624E-2</v>
      </c>
    </row>
    <row r="109325" spans="1:7" x14ac:dyDescent="0.3">
      <c r="A109325" s="13" t="s">
        <v>525</v>
      </c>
      <c r="B109325" s="14" t="s">
        <v>1</v>
      </c>
      <c r="C109325" s="14" t="s">
        <v>109</v>
      </c>
      <c r="D109325" s="14" t="s">
        <v>330</v>
      </c>
      <c r="E109325" s="15">
        <v>45566</v>
      </c>
      <c r="F109325" s="14" t="s">
        <v>15</v>
      </c>
      <c r="G109325" s="16">
        <v>1.7682760625607061E-2</v>
      </c>
    </row>
    <row r="109326" spans="1:7" x14ac:dyDescent="0.3">
      <c r="A109326" s="13" t="s">
        <v>525</v>
      </c>
      <c r="B109326" s="14" t="s">
        <v>1</v>
      </c>
      <c r="C109326" s="14" t="s">
        <v>109</v>
      </c>
      <c r="D109326" s="14" t="s">
        <v>330</v>
      </c>
      <c r="E109326" s="15">
        <v>45567</v>
      </c>
      <c r="F109326" s="14" t="s">
        <v>15</v>
      </c>
      <c r="G109326" s="16">
        <v>1.5571565720306992E-2</v>
      </c>
    </row>
    <row r="109327" spans="1:7" x14ac:dyDescent="0.3">
      <c r="A109327" s="13" t="s">
        <v>525</v>
      </c>
      <c r="B109327" s="14" t="s">
        <v>1</v>
      </c>
      <c r="C109327" s="14" t="s">
        <v>109</v>
      </c>
      <c r="D109327" s="14" t="s">
        <v>330</v>
      </c>
      <c r="E109327" s="15">
        <v>45568</v>
      </c>
      <c r="F109327" s="14" t="s">
        <v>15</v>
      </c>
      <c r="G109327" s="16">
        <v>1.3294462332266756E-2</v>
      </c>
    </row>
    <row r="109328" spans="1:7" x14ac:dyDescent="0.3">
      <c r="A109328" s="13" t="s">
        <v>525</v>
      </c>
      <c r="B109328" s="14" t="s">
        <v>1</v>
      </c>
      <c r="C109328" s="14" t="s">
        <v>109</v>
      </c>
      <c r="D109328" s="14" t="s">
        <v>330</v>
      </c>
      <c r="E109328" s="15">
        <v>45569</v>
      </c>
      <c r="F109328" s="14" t="s">
        <v>15</v>
      </c>
      <c r="G109328" s="16">
        <v>1.1011033987406518E-2</v>
      </c>
    </row>
    <row r="109329" spans="1:7" x14ac:dyDescent="0.3">
      <c r="A109329" s="13" t="s">
        <v>525</v>
      </c>
      <c r="B109329" s="14" t="s">
        <v>1</v>
      </c>
      <c r="C109329" s="14" t="s">
        <v>109</v>
      </c>
      <c r="D109329" s="14" t="s">
        <v>330</v>
      </c>
      <c r="E109329" s="15">
        <v>45570</v>
      </c>
      <c r="F109329" s="14" t="s">
        <v>15</v>
      </c>
      <c r="G109329" s="16">
        <v>1.1011033987406518E-2</v>
      </c>
    </row>
    <row r="109330" spans="1:7" x14ac:dyDescent="0.3">
      <c r="A109330" s="13" t="s">
        <v>525</v>
      </c>
      <c r="B109330" s="14" t="s">
        <v>1</v>
      </c>
      <c r="C109330" s="14" t="s">
        <v>109</v>
      </c>
      <c r="D109330" s="14" t="s">
        <v>330</v>
      </c>
      <c r="E109330" s="15">
        <v>45571</v>
      </c>
      <c r="F109330" s="14" t="s">
        <v>15</v>
      </c>
      <c r="G109330" s="16">
        <v>1.1011033987406518E-2</v>
      </c>
    </row>
    <row r="109331" spans="1:7" x14ac:dyDescent="0.3">
      <c r="A109331" s="13" t="s">
        <v>525</v>
      </c>
      <c r="B109331" s="14" t="s">
        <v>1</v>
      </c>
      <c r="C109331" s="14" t="s">
        <v>109</v>
      </c>
      <c r="D109331" s="14" t="s">
        <v>330</v>
      </c>
      <c r="E109331" s="15">
        <v>45572</v>
      </c>
      <c r="F109331" s="14" t="s">
        <v>15</v>
      </c>
      <c r="G109331" s="16">
        <v>1.2786038512860334E-2</v>
      </c>
    </row>
    <row r="109332" spans="1:7" x14ac:dyDescent="0.3">
      <c r="A109332" s="13" t="s">
        <v>525</v>
      </c>
      <c r="B109332" s="14" t="s">
        <v>1</v>
      </c>
      <c r="C109332" s="14" t="s">
        <v>109</v>
      </c>
      <c r="D109332" s="14" t="s">
        <v>330</v>
      </c>
      <c r="E109332" s="15">
        <v>45573</v>
      </c>
      <c r="F109332" s="14" t="s">
        <v>15</v>
      </c>
      <c r="G109332" s="16">
        <v>5.814600826525405E-3</v>
      </c>
    </row>
    <row r="109333" spans="1:7" x14ac:dyDescent="0.3">
      <c r="A109333" s="13" t="s">
        <v>525</v>
      </c>
      <c r="B109333" s="14" t="s">
        <v>1</v>
      </c>
      <c r="C109333" s="14" t="s">
        <v>109</v>
      </c>
      <c r="D109333" s="14" t="s">
        <v>330</v>
      </c>
      <c r="E109333" s="15">
        <v>45574</v>
      </c>
      <c r="F109333" s="14" t="s">
        <v>15</v>
      </c>
      <c r="G109333" s="16">
        <v>3.4941958110251271E-3</v>
      </c>
    </row>
    <row r="109334" spans="1:7" x14ac:dyDescent="0.3">
      <c r="A109334" s="13" t="s">
        <v>525</v>
      </c>
      <c r="B109334" s="14" t="s">
        <v>1</v>
      </c>
      <c r="C109334" s="14" t="s">
        <v>109</v>
      </c>
      <c r="D109334" s="14" t="s">
        <v>330</v>
      </c>
      <c r="E109334" s="15">
        <v>45575</v>
      </c>
      <c r="F109334" s="14" t="s">
        <v>15</v>
      </c>
      <c r="G109334" s="16">
        <v>1.1528697845048287E-3</v>
      </c>
    </row>
    <row r="109335" spans="1:7" x14ac:dyDescent="0.3">
      <c r="A109335" s="13" t="s">
        <v>525</v>
      </c>
      <c r="B109335" s="14" t="s">
        <v>1</v>
      </c>
      <c r="C109335" s="14" t="s">
        <v>109</v>
      </c>
      <c r="D109335" s="14" t="s">
        <v>330</v>
      </c>
      <c r="E109335" s="15">
        <v>45576</v>
      </c>
      <c r="F109335" s="14" t="s">
        <v>15</v>
      </c>
      <c r="G109335" s="16">
        <v>0</v>
      </c>
    </row>
    <row r="109336" spans="1:7" x14ac:dyDescent="0.3">
      <c r="A109336" s="13" t="s">
        <v>525</v>
      </c>
      <c r="B109336" s="14" t="s">
        <v>1</v>
      </c>
      <c r="C109336" s="14" t="s">
        <v>109</v>
      </c>
      <c r="D109336" s="14" t="s">
        <v>330</v>
      </c>
      <c r="E109336" s="15">
        <v>45577</v>
      </c>
      <c r="F109336" s="14" t="s">
        <v>15</v>
      </c>
      <c r="G109336" s="16">
        <v>0</v>
      </c>
    </row>
    <row r="109337" spans="1:7" x14ac:dyDescent="0.3">
      <c r="A109337" s="13" t="s">
        <v>525</v>
      </c>
      <c r="B109337" s="14" t="s">
        <v>1</v>
      </c>
      <c r="C109337" s="14" t="s">
        <v>109</v>
      </c>
      <c r="D109337" s="14" t="s">
        <v>330</v>
      </c>
      <c r="E109337" s="15">
        <v>45578</v>
      </c>
      <c r="F109337" s="14" t="s">
        <v>15</v>
      </c>
      <c r="G109337" s="16">
        <v>0</v>
      </c>
    </row>
    <row r="109338" spans="1:7" x14ac:dyDescent="0.3">
      <c r="A109338" s="13" t="s">
        <v>525</v>
      </c>
      <c r="B109338" s="14" t="s">
        <v>1</v>
      </c>
      <c r="C109338" s="14" t="s">
        <v>109</v>
      </c>
      <c r="D109338" s="14" t="s">
        <v>330</v>
      </c>
      <c r="E109338" s="15">
        <v>45579</v>
      </c>
      <c r="F109338" s="14" t="s">
        <v>15</v>
      </c>
      <c r="G109338" s="16">
        <v>0</v>
      </c>
    </row>
    <row r="109339" spans="1:7" x14ac:dyDescent="0.3">
      <c r="A109339" s="13" t="s">
        <v>525</v>
      </c>
      <c r="B109339" s="14" t="s">
        <v>1</v>
      </c>
      <c r="C109339" s="14" t="s">
        <v>109</v>
      </c>
      <c r="D109339" s="14" t="s">
        <v>330</v>
      </c>
      <c r="E109339" s="15">
        <v>45580</v>
      </c>
      <c r="F109339" s="14" t="s">
        <v>15</v>
      </c>
      <c r="G109339" s="16">
        <v>0</v>
      </c>
    </row>
    <row r="109340" spans="1:7" x14ac:dyDescent="0.3">
      <c r="A109340" s="13" t="s">
        <v>525</v>
      </c>
      <c r="B109340" s="14" t="s">
        <v>1</v>
      </c>
      <c r="C109340" s="14" t="s">
        <v>109</v>
      </c>
      <c r="D109340" s="14" t="s">
        <v>330</v>
      </c>
      <c r="E109340" s="15">
        <v>45581</v>
      </c>
      <c r="F109340" s="14" t="s">
        <v>15</v>
      </c>
      <c r="G109340" s="16">
        <v>0</v>
      </c>
    </row>
    <row r="109341" spans="1:7" x14ac:dyDescent="0.3">
      <c r="A109341" s="13" t="s">
        <v>525</v>
      </c>
      <c r="B109341" s="14" t="s">
        <v>1</v>
      </c>
      <c r="C109341" s="14" t="s">
        <v>109</v>
      </c>
      <c r="D109341" s="14" t="s">
        <v>330</v>
      </c>
      <c r="E109341" s="15">
        <v>45582</v>
      </c>
      <c r="F109341" s="14" t="s">
        <v>15</v>
      </c>
      <c r="G109341" s="16">
        <v>0</v>
      </c>
    </row>
    <row r="109342" spans="1:7" x14ac:dyDescent="0.3">
      <c r="A109342" s="13" t="s">
        <v>525</v>
      </c>
      <c r="B109342" s="14" t="s">
        <v>1</v>
      </c>
      <c r="C109342" s="14" t="s">
        <v>109</v>
      </c>
      <c r="D109342" s="14" t="s">
        <v>330</v>
      </c>
      <c r="E109342" s="15">
        <v>45583</v>
      </c>
      <c r="F109342" s="14" t="s">
        <v>15</v>
      </c>
      <c r="G109342" s="16">
        <v>0</v>
      </c>
    </row>
    <row r="109343" spans="1:7" x14ac:dyDescent="0.3">
      <c r="A109343" s="13" t="s">
        <v>525</v>
      </c>
      <c r="B109343" s="14" t="s">
        <v>1</v>
      </c>
      <c r="C109343" s="14" t="s">
        <v>109</v>
      </c>
      <c r="D109343" s="14" t="s">
        <v>330</v>
      </c>
      <c r="E109343" s="15">
        <v>45584</v>
      </c>
      <c r="F109343" s="14" t="s">
        <v>15</v>
      </c>
      <c r="G109343" s="16">
        <v>0</v>
      </c>
    </row>
    <row r="109344" spans="1:7" x14ac:dyDescent="0.3">
      <c r="A109344" s="13" t="s">
        <v>525</v>
      </c>
      <c r="B109344" s="14" t="s">
        <v>1</v>
      </c>
      <c r="C109344" s="14" t="s">
        <v>109</v>
      </c>
      <c r="D109344" s="14" t="s">
        <v>330</v>
      </c>
      <c r="E109344" s="15">
        <v>45585</v>
      </c>
      <c r="F109344" s="14" t="s">
        <v>15</v>
      </c>
      <c r="G109344" s="16">
        <v>0</v>
      </c>
    </row>
    <row r="109345" spans="1:7" x14ac:dyDescent="0.3">
      <c r="A109345" s="13" t="s">
        <v>525</v>
      </c>
      <c r="B109345" s="14" t="s">
        <v>1</v>
      </c>
      <c r="C109345" s="14" t="s">
        <v>109</v>
      </c>
      <c r="D109345" s="14" t="s">
        <v>330</v>
      </c>
      <c r="E109345" s="15">
        <v>45586</v>
      </c>
      <c r="F109345" s="14" t="s">
        <v>15</v>
      </c>
      <c r="G109345" s="16">
        <v>0</v>
      </c>
    </row>
    <row r="109346" spans="1:7" x14ac:dyDescent="0.3">
      <c r="A109346" s="13" t="s">
        <v>525</v>
      </c>
      <c r="B109346" s="14" t="s">
        <v>1</v>
      </c>
      <c r="C109346" s="14" t="s">
        <v>109</v>
      </c>
      <c r="D109346" s="14" t="s">
        <v>330</v>
      </c>
      <c r="E109346" s="15">
        <v>45587</v>
      </c>
      <c r="F109346" s="14" t="s">
        <v>15</v>
      </c>
      <c r="G109346" s="16">
        <v>0</v>
      </c>
    </row>
    <row r="109347" spans="1:7" x14ac:dyDescent="0.3">
      <c r="A109347" s="13" t="s">
        <v>525</v>
      </c>
      <c r="B109347" s="14" t="s">
        <v>1</v>
      </c>
      <c r="C109347" s="14" t="s">
        <v>109</v>
      </c>
      <c r="D109347" s="14" t="s">
        <v>330</v>
      </c>
      <c r="E109347" s="15">
        <v>45588</v>
      </c>
      <c r="F109347" s="14" t="s">
        <v>15</v>
      </c>
      <c r="G109347" s="16">
        <v>0</v>
      </c>
    </row>
    <row r="109348" spans="1:7" x14ac:dyDescent="0.3">
      <c r="A109348" s="13" t="s">
        <v>525</v>
      </c>
      <c r="B109348" s="14" t="s">
        <v>1</v>
      </c>
      <c r="C109348" s="14" t="s">
        <v>109</v>
      </c>
      <c r="D109348" s="14" t="s">
        <v>330</v>
      </c>
      <c r="E109348" s="15">
        <v>45589</v>
      </c>
      <c r="F109348" s="14" t="s">
        <v>15</v>
      </c>
      <c r="G109348" s="16">
        <v>0</v>
      </c>
    </row>
    <row r="109349" spans="1:7" x14ac:dyDescent="0.3">
      <c r="A109349" s="13" t="s">
        <v>525</v>
      </c>
      <c r="B109349" s="14" t="s">
        <v>1</v>
      </c>
      <c r="C109349" s="14" t="s">
        <v>109</v>
      </c>
      <c r="D109349" s="14" t="s">
        <v>330</v>
      </c>
      <c r="E109349" s="15">
        <v>45590</v>
      </c>
      <c r="F109349" s="14" t="s">
        <v>15</v>
      </c>
      <c r="G109349" s="16">
        <v>0</v>
      </c>
    </row>
    <row r="109350" spans="1:7" x14ac:dyDescent="0.3">
      <c r="A109350" s="13" t="s">
        <v>525</v>
      </c>
      <c r="B109350" s="14" t="s">
        <v>1</v>
      </c>
      <c r="C109350" s="14" t="s">
        <v>109</v>
      </c>
      <c r="D109350" s="14" t="s">
        <v>330</v>
      </c>
      <c r="E109350" s="15">
        <v>45591</v>
      </c>
      <c r="F109350" s="14" t="s">
        <v>15</v>
      </c>
      <c r="G109350" s="16">
        <v>0</v>
      </c>
    </row>
    <row r="109351" spans="1:7" x14ac:dyDescent="0.3">
      <c r="A109351" s="13" t="s">
        <v>525</v>
      </c>
      <c r="B109351" s="14" t="s">
        <v>1</v>
      </c>
      <c r="C109351" s="14" t="s">
        <v>109</v>
      </c>
      <c r="D109351" s="14" t="s">
        <v>330</v>
      </c>
      <c r="E109351" s="15">
        <v>45592</v>
      </c>
      <c r="F109351" s="14" t="s">
        <v>15</v>
      </c>
      <c r="G109351" s="16">
        <v>0</v>
      </c>
    </row>
    <row r="109352" spans="1:7" x14ac:dyDescent="0.3">
      <c r="A109352" s="13" t="s">
        <v>525</v>
      </c>
      <c r="B109352" s="14" t="s">
        <v>1</v>
      </c>
      <c r="C109352" s="14" t="s">
        <v>109</v>
      </c>
      <c r="D109352" s="14" t="s">
        <v>330</v>
      </c>
      <c r="E109352" s="15">
        <v>45593</v>
      </c>
      <c r="F109352" s="14" t="s">
        <v>15</v>
      </c>
      <c r="G109352" s="16">
        <v>0</v>
      </c>
    </row>
    <row r="109353" spans="1:7" x14ac:dyDescent="0.3">
      <c r="A109353" s="13" t="s">
        <v>525</v>
      </c>
      <c r="B109353" s="14" t="s">
        <v>1</v>
      </c>
      <c r="C109353" s="14" t="s">
        <v>109</v>
      </c>
      <c r="D109353" s="14" t="s">
        <v>330</v>
      </c>
      <c r="E109353" s="15">
        <v>45594</v>
      </c>
      <c r="F109353" s="14" t="s">
        <v>15</v>
      </c>
      <c r="G109353" s="16">
        <v>0</v>
      </c>
    </row>
    <row r="109354" spans="1:7" x14ac:dyDescent="0.3">
      <c r="A109354" s="13" t="s">
        <v>525</v>
      </c>
      <c r="B109354" s="14" t="s">
        <v>1</v>
      </c>
      <c r="C109354" s="14" t="s">
        <v>109</v>
      </c>
      <c r="D109354" s="14" t="s">
        <v>330</v>
      </c>
      <c r="E109354" s="15">
        <v>45595</v>
      </c>
      <c r="F109354" s="14" t="s">
        <v>15</v>
      </c>
      <c r="G109354" s="16">
        <v>0</v>
      </c>
    </row>
    <row r="109355" spans="1:7" x14ac:dyDescent="0.3">
      <c r="A109355" s="13" t="s">
        <v>525</v>
      </c>
      <c r="B109355" s="14" t="s">
        <v>1</v>
      </c>
      <c r="C109355" s="14" t="s">
        <v>109</v>
      </c>
      <c r="D109355" s="14" t="s">
        <v>330</v>
      </c>
      <c r="E109355" s="15">
        <v>45596</v>
      </c>
      <c r="F109355" s="14" t="s">
        <v>15</v>
      </c>
      <c r="G109355" s="16">
        <v>0</v>
      </c>
    </row>
    <row r="109356" spans="1:7" x14ac:dyDescent="0.3">
      <c r="A109356" s="13" t="s">
        <v>525</v>
      </c>
      <c r="B109356" s="14" t="s">
        <v>1</v>
      </c>
      <c r="C109356" s="14" t="s">
        <v>109</v>
      </c>
      <c r="D109356" s="14" t="s">
        <v>330</v>
      </c>
      <c r="E109356" s="15">
        <v>45597</v>
      </c>
      <c r="F109356" s="14" t="s">
        <v>15</v>
      </c>
      <c r="G109356" s="16">
        <v>0</v>
      </c>
    </row>
    <row r="109357" spans="1:7" x14ac:dyDescent="0.3">
      <c r="A109357" s="13" t="s">
        <v>525</v>
      </c>
      <c r="B109357" s="14" t="s">
        <v>1</v>
      </c>
      <c r="C109357" s="14" t="s">
        <v>109</v>
      </c>
      <c r="D109357" s="14" t="s">
        <v>330</v>
      </c>
      <c r="E109357" s="15">
        <v>45598</v>
      </c>
      <c r="F109357" s="14" t="s">
        <v>15</v>
      </c>
      <c r="G109357" s="16">
        <v>0</v>
      </c>
    </row>
    <row r="109358" spans="1:7" x14ac:dyDescent="0.3">
      <c r="A109358" s="13" t="s">
        <v>525</v>
      </c>
      <c r="B109358" s="14" t="s">
        <v>1</v>
      </c>
      <c r="C109358" s="14" t="s">
        <v>109</v>
      </c>
      <c r="D109358" s="14" t="s">
        <v>330</v>
      </c>
      <c r="E109358" s="15">
        <v>45599</v>
      </c>
      <c r="F109358" s="14" t="s">
        <v>15</v>
      </c>
      <c r="G109358" s="16">
        <v>0</v>
      </c>
    </row>
    <row r="109359" spans="1:7" x14ac:dyDescent="0.3">
      <c r="A109359" s="13" t="s">
        <v>525</v>
      </c>
      <c r="B109359" s="14" t="s">
        <v>1</v>
      </c>
      <c r="C109359" s="14" t="s">
        <v>109</v>
      </c>
      <c r="D109359" s="14" t="s">
        <v>330</v>
      </c>
      <c r="E109359" s="15">
        <v>45600</v>
      </c>
      <c r="F109359" s="14" t="s">
        <v>15</v>
      </c>
      <c r="G109359" s="16">
        <v>0</v>
      </c>
    </row>
    <row r="109360" spans="1:7" x14ac:dyDescent="0.3">
      <c r="A109360" s="13" t="s">
        <v>525</v>
      </c>
      <c r="B109360" s="14" t="s">
        <v>1</v>
      </c>
      <c r="C109360" s="14" t="s">
        <v>109</v>
      </c>
      <c r="D109360" s="14" t="s">
        <v>330</v>
      </c>
      <c r="E109360" s="15">
        <v>45601</v>
      </c>
      <c r="F109360" s="14" t="s">
        <v>15</v>
      </c>
      <c r="G109360" s="16">
        <v>0</v>
      </c>
    </row>
    <row r="109361" spans="1:7" x14ac:dyDescent="0.3">
      <c r="A109361" s="13" t="s">
        <v>525</v>
      </c>
      <c r="B109361" s="14" t="s">
        <v>1</v>
      </c>
      <c r="C109361" s="14" t="s">
        <v>109</v>
      </c>
      <c r="D109361" s="14" t="s">
        <v>330</v>
      </c>
      <c r="E109361" s="15">
        <v>45602</v>
      </c>
      <c r="F109361" s="14" t="s">
        <v>15</v>
      </c>
      <c r="G109361" s="16">
        <v>0</v>
      </c>
    </row>
    <row r="109362" spans="1:7" x14ac:dyDescent="0.3">
      <c r="A109362" s="13" t="s">
        <v>525</v>
      </c>
      <c r="B109362" s="14" t="s">
        <v>1</v>
      </c>
      <c r="C109362" s="14" t="s">
        <v>109</v>
      </c>
      <c r="D109362" s="14" t="s">
        <v>330</v>
      </c>
      <c r="E109362" s="15">
        <v>45603</v>
      </c>
      <c r="F109362" s="14" t="s">
        <v>15</v>
      </c>
      <c r="G109362" s="16">
        <v>0</v>
      </c>
    </row>
    <row r="109363" spans="1:7" x14ac:dyDescent="0.3">
      <c r="A109363" s="13" t="s">
        <v>525</v>
      </c>
      <c r="B109363" s="14" t="s">
        <v>1</v>
      </c>
      <c r="C109363" s="14" t="s">
        <v>109</v>
      </c>
      <c r="D109363" s="14" t="s">
        <v>330</v>
      </c>
      <c r="E109363" s="15">
        <v>45604</v>
      </c>
      <c r="F109363" s="14" t="s">
        <v>15</v>
      </c>
      <c r="G109363" s="16">
        <v>0</v>
      </c>
    </row>
    <row r="109364" spans="1:7" x14ac:dyDescent="0.3">
      <c r="A109364" s="13" t="s">
        <v>525</v>
      </c>
      <c r="B109364" s="14" t="s">
        <v>1</v>
      </c>
      <c r="C109364" s="14" t="s">
        <v>109</v>
      </c>
      <c r="D109364" s="14" t="s">
        <v>330</v>
      </c>
      <c r="E109364" s="15">
        <v>45605</v>
      </c>
      <c r="F109364" s="14" t="s">
        <v>15</v>
      </c>
      <c r="G109364" s="16">
        <v>0</v>
      </c>
    </row>
    <row r="109365" spans="1:7" x14ac:dyDescent="0.3">
      <c r="A109365" s="13" t="s">
        <v>525</v>
      </c>
      <c r="B109365" s="14" t="s">
        <v>1</v>
      </c>
      <c r="C109365" s="14" t="s">
        <v>109</v>
      </c>
      <c r="D109365" s="14" t="s">
        <v>330</v>
      </c>
      <c r="E109365" s="15">
        <v>45606</v>
      </c>
      <c r="F109365" s="14" t="s">
        <v>15</v>
      </c>
      <c r="G109365" s="16">
        <v>0</v>
      </c>
    </row>
    <row r="109366" spans="1:7" x14ac:dyDescent="0.3">
      <c r="A109366" s="13" t="s">
        <v>525</v>
      </c>
      <c r="B109366" s="14" t="s">
        <v>1</v>
      </c>
      <c r="C109366" s="14" t="s">
        <v>109</v>
      </c>
      <c r="D109366" s="14" t="s">
        <v>330</v>
      </c>
      <c r="E109366" s="15">
        <v>45607</v>
      </c>
      <c r="F109366" s="14" t="s">
        <v>15</v>
      </c>
      <c r="G109366" s="16">
        <v>0</v>
      </c>
    </row>
    <row r="109367" spans="1:7" x14ac:dyDescent="0.3">
      <c r="A109367" s="13" t="s">
        <v>525</v>
      </c>
      <c r="B109367" s="14" t="s">
        <v>1</v>
      </c>
      <c r="C109367" s="14" t="s">
        <v>109</v>
      </c>
      <c r="D109367" s="14" t="s">
        <v>330</v>
      </c>
      <c r="E109367" s="15">
        <v>45608</v>
      </c>
      <c r="F109367" s="14" t="s">
        <v>15</v>
      </c>
      <c r="G109367" s="16">
        <v>0</v>
      </c>
    </row>
    <row r="109368" spans="1:7" x14ac:dyDescent="0.3">
      <c r="A109368" s="13" t="s">
        <v>525</v>
      </c>
      <c r="B109368" s="14" t="s">
        <v>1</v>
      </c>
      <c r="C109368" s="14" t="s">
        <v>109</v>
      </c>
      <c r="D109368" s="14" t="s">
        <v>330</v>
      </c>
      <c r="E109368" s="15">
        <v>45609</v>
      </c>
      <c r="F109368" s="14" t="s">
        <v>15</v>
      </c>
      <c r="G109368" s="16">
        <v>0</v>
      </c>
    </row>
    <row r="109369" spans="1:7" x14ac:dyDescent="0.3">
      <c r="A109369" s="13" t="s">
        <v>525</v>
      </c>
      <c r="B109369" s="14" t="s">
        <v>1</v>
      </c>
      <c r="C109369" s="14" t="s">
        <v>109</v>
      </c>
      <c r="D109369" s="14" t="s">
        <v>330</v>
      </c>
      <c r="E109369" s="15">
        <v>45610</v>
      </c>
      <c r="F109369" s="14" t="s">
        <v>15</v>
      </c>
      <c r="G109369" s="16">
        <v>0</v>
      </c>
    </row>
    <row r="109370" spans="1:7" x14ac:dyDescent="0.3">
      <c r="A109370" s="13" t="s">
        <v>525</v>
      </c>
      <c r="B109370" s="14" t="s">
        <v>1</v>
      </c>
      <c r="C109370" s="14" t="s">
        <v>109</v>
      </c>
      <c r="D109370" s="14" t="s">
        <v>330</v>
      </c>
      <c r="E109370" s="15">
        <v>45611</v>
      </c>
      <c r="F109370" s="14" t="s">
        <v>15</v>
      </c>
      <c r="G109370" s="16">
        <v>0</v>
      </c>
    </row>
    <row r="109371" spans="1:7" x14ac:dyDescent="0.3">
      <c r="A109371" s="13" t="s">
        <v>525</v>
      </c>
      <c r="B109371" s="14" t="s">
        <v>1</v>
      </c>
      <c r="C109371" s="14" t="s">
        <v>109</v>
      </c>
      <c r="D109371" s="14" t="s">
        <v>330</v>
      </c>
      <c r="E109371" s="15">
        <v>45612</v>
      </c>
      <c r="F109371" s="14" t="s">
        <v>15</v>
      </c>
      <c r="G109371" s="16">
        <v>0</v>
      </c>
    </row>
    <row r="109372" spans="1:7" x14ac:dyDescent="0.3">
      <c r="A109372" s="13" t="s">
        <v>525</v>
      </c>
      <c r="B109372" s="14" t="s">
        <v>1</v>
      </c>
      <c r="C109372" s="14" t="s">
        <v>109</v>
      </c>
      <c r="D109372" s="14" t="s">
        <v>330</v>
      </c>
      <c r="E109372" s="15">
        <v>45613</v>
      </c>
      <c r="F109372" s="14" t="s">
        <v>15</v>
      </c>
      <c r="G109372" s="16">
        <v>0</v>
      </c>
    </row>
    <row r="109373" spans="1:7" x14ac:dyDescent="0.3">
      <c r="A109373" s="13" t="s">
        <v>525</v>
      </c>
      <c r="B109373" s="14" t="s">
        <v>1</v>
      </c>
      <c r="C109373" s="14" t="s">
        <v>109</v>
      </c>
      <c r="D109373" s="14" t="s">
        <v>330</v>
      </c>
      <c r="E109373" s="15">
        <v>45614</v>
      </c>
      <c r="F109373" s="14" t="s">
        <v>15</v>
      </c>
      <c r="G109373" s="16">
        <v>0</v>
      </c>
    </row>
    <row r="109374" spans="1:7" x14ac:dyDescent="0.3">
      <c r="A109374" s="13" t="s">
        <v>525</v>
      </c>
      <c r="B109374" s="14" t="s">
        <v>1</v>
      </c>
      <c r="C109374" s="14" t="s">
        <v>109</v>
      </c>
      <c r="D109374" s="14" t="s">
        <v>330</v>
      </c>
      <c r="E109374" s="15">
        <v>45615</v>
      </c>
      <c r="F109374" s="14" t="s">
        <v>15</v>
      </c>
      <c r="G109374" s="16">
        <v>0</v>
      </c>
    </row>
    <row r="109375" spans="1:7" x14ac:dyDescent="0.3">
      <c r="A109375" s="13" t="s">
        <v>525</v>
      </c>
      <c r="B109375" s="14" t="s">
        <v>1</v>
      </c>
      <c r="C109375" s="14" t="s">
        <v>109</v>
      </c>
      <c r="D109375" s="14" t="s">
        <v>330</v>
      </c>
      <c r="E109375" s="15">
        <v>45616</v>
      </c>
      <c r="F109375" s="14" t="s">
        <v>15</v>
      </c>
      <c r="G109375" s="16">
        <v>0</v>
      </c>
    </row>
    <row r="109376" spans="1:7" x14ac:dyDescent="0.3">
      <c r="A109376" s="13" t="s">
        <v>525</v>
      </c>
      <c r="B109376" s="14" t="s">
        <v>1</v>
      </c>
      <c r="C109376" s="14" t="s">
        <v>109</v>
      </c>
      <c r="D109376" s="14" t="s">
        <v>330</v>
      </c>
      <c r="E109376" s="15">
        <v>45617</v>
      </c>
      <c r="F109376" s="14" t="s">
        <v>15</v>
      </c>
      <c r="G109376" s="16">
        <v>0</v>
      </c>
    </row>
    <row r="109377" spans="1:7" x14ac:dyDescent="0.3">
      <c r="A109377" s="13" t="s">
        <v>525</v>
      </c>
      <c r="B109377" s="14" t="s">
        <v>1</v>
      </c>
      <c r="C109377" s="14" t="s">
        <v>109</v>
      </c>
      <c r="D109377" s="14" t="s">
        <v>330</v>
      </c>
      <c r="E109377" s="15">
        <v>45618</v>
      </c>
      <c r="F109377" s="14" t="s">
        <v>15</v>
      </c>
      <c r="G109377" s="16">
        <v>0</v>
      </c>
    </row>
    <row r="109378" spans="1:7" x14ac:dyDescent="0.3">
      <c r="A109378" s="13" t="s">
        <v>525</v>
      </c>
      <c r="B109378" s="14" t="s">
        <v>1</v>
      </c>
      <c r="C109378" s="14" t="s">
        <v>109</v>
      </c>
      <c r="D109378" s="14" t="s">
        <v>330</v>
      </c>
      <c r="E109378" s="15">
        <v>45619</v>
      </c>
      <c r="F109378" s="14" t="s">
        <v>15</v>
      </c>
      <c r="G109378" s="16">
        <v>0</v>
      </c>
    </row>
    <row r="109379" spans="1:7" x14ac:dyDescent="0.3">
      <c r="A109379" s="13" t="s">
        <v>525</v>
      </c>
      <c r="B109379" s="14" t="s">
        <v>1</v>
      </c>
      <c r="C109379" s="14" t="s">
        <v>109</v>
      </c>
      <c r="D109379" s="14" t="s">
        <v>330</v>
      </c>
      <c r="E109379" s="15">
        <v>45620</v>
      </c>
      <c r="F109379" s="14" t="s">
        <v>15</v>
      </c>
      <c r="G109379" s="16">
        <v>0</v>
      </c>
    </row>
    <row r="109380" spans="1:7" x14ac:dyDescent="0.3">
      <c r="A109380" s="13" t="s">
        <v>525</v>
      </c>
      <c r="B109380" s="14" t="s">
        <v>1</v>
      </c>
      <c r="C109380" s="14" t="s">
        <v>109</v>
      </c>
      <c r="D109380" s="14" t="s">
        <v>330</v>
      </c>
      <c r="E109380" s="15">
        <v>45621</v>
      </c>
      <c r="F109380" s="14" t="s">
        <v>15</v>
      </c>
      <c r="G109380" s="16">
        <v>0</v>
      </c>
    </row>
    <row r="109381" spans="1:7" x14ac:dyDescent="0.3">
      <c r="A109381" s="13" t="s">
        <v>525</v>
      </c>
      <c r="B109381" s="14" t="s">
        <v>1</v>
      </c>
      <c r="C109381" s="14" t="s">
        <v>109</v>
      </c>
      <c r="D109381" s="14" t="s">
        <v>330</v>
      </c>
      <c r="E109381" s="15">
        <v>45622</v>
      </c>
      <c r="F109381" s="14" t="s">
        <v>15</v>
      </c>
      <c r="G109381" s="16">
        <v>0</v>
      </c>
    </row>
    <row r="109382" spans="1:7" x14ac:dyDescent="0.3">
      <c r="A109382" s="13" t="s">
        <v>525</v>
      </c>
      <c r="B109382" s="14" t="s">
        <v>1</v>
      </c>
      <c r="C109382" s="14" t="s">
        <v>109</v>
      </c>
      <c r="D109382" s="14" t="s">
        <v>330</v>
      </c>
      <c r="E109382" s="15">
        <v>45623</v>
      </c>
      <c r="F109382" s="14" t="s">
        <v>15</v>
      </c>
      <c r="G109382" s="16">
        <v>0</v>
      </c>
    </row>
    <row r="109383" spans="1:7" x14ac:dyDescent="0.3">
      <c r="A109383" s="13" t="s">
        <v>525</v>
      </c>
      <c r="B109383" s="14" t="s">
        <v>1</v>
      </c>
      <c r="C109383" s="14" t="s">
        <v>109</v>
      </c>
      <c r="D109383" s="14" t="s">
        <v>330</v>
      </c>
      <c r="E109383" s="15">
        <v>45624</v>
      </c>
      <c r="F109383" s="14" t="s">
        <v>15</v>
      </c>
      <c r="G109383" s="16">
        <v>0</v>
      </c>
    </row>
    <row r="109384" spans="1:7" x14ac:dyDescent="0.3">
      <c r="A109384" s="13" t="s">
        <v>525</v>
      </c>
      <c r="B109384" s="14" t="s">
        <v>1</v>
      </c>
      <c r="C109384" s="14" t="s">
        <v>109</v>
      </c>
      <c r="D109384" s="14" t="s">
        <v>330</v>
      </c>
      <c r="E109384" s="15">
        <v>45625</v>
      </c>
      <c r="F109384" s="14" t="s">
        <v>15</v>
      </c>
      <c r="G109384" s="16">
        <v>0</v>
      </c>
    </row>
    <row r="109385" spans="1:7" x14ac:dyDescent="0.3">
      <c r="A109385" s="13" t="s">
        <v>525</v>
      </c>
      <c r="B109385" s="14" t="s">
        <v>1</v>
      </c>
      <c r="C109385" s="14" t="s">
        <v>109</v>
      </c>
      <c r="D109385" s="14" t="s">
        <v>330</v>
      </c>
      <c r="E109385" s="15">
        <v>45626</v>
      </c>
      <c r="F109385" s="14" t="s">
        <v>15</v>
      </c>
      <c r="G109385" s="16">
        <v>0</v>
      </c>
    </row>
    <row r="109386" spans="1:7" x14ac:dyDescent="0.3">
      <c r="A109386" s="13" t="s">
        <v>525</v>
      </c>
      <c r="B109386" s="14" t="s">
        <v>1</v>
      </c>
      <c r="C109386" s="14" t="s">
        <v>109</v>
      </c>
      <c r="D109386" s="14" t="s">
        <v>330</v>
      </c>
      <c r="E109386" s="15">
        <v>45627</v>
      </c>
      <c r="F109386" s="14" t="s">
        <v>15</v>
      </c>
      <c r="G109386" s="16">
        <v>0</v>
      </c>
    </row>
    <row r="109387" spans="1:7" x14ac:dyDescent="0.3">
      <c r="A109387" s="13" t="s">
        <v>525</v>
      </c>
      <c r="B109387" s="14" t="s">
        <v>1</v>
      </c>
      <c r="C109387" s="14" t="s">
        <v>109</v>
      </c>
      <c r="D109387" s="14" t="s">
        <v>330</v>
      </c>
      <c r="E109387" s="15">
        <v>45628</v>
      </c>
      <c r="F109387" s="14" t="s">
        <v>15</v>
      </c>
      <c r="G109387" s="16">
        <v>0</v>
      </c>
    </row>
    <row r="109388" spans="1:7" x14ac:dyDescent="0.3">
      <c r="A109388" s="13" t="s">
        <v>525</v>
      </c>
      <c r="B109388" s="14" t="s">
        <v>1</v>
      </c>
      <c r="C109388" s="14" t="s">
        <v>109</v>
      </c>
      <c r="D109388" s="14" t="s">
        <v>330</v>
      </c>
      <c r="E109388" s="15">
        <v>45629</v>
      </c>
      <c r="F109388" s="14" t="s">
        <v>15</v>
      </c>
      <c r="G109388" s="16">
        <v>0</v>
      </c>
    </row>
    <row r="109389" spans="1:7" x14ac:dyDescent="0.3">
      <c r="A109389" s="13" t="s">
        <v>525</v>
      </c>
      <c r="B109389" s="14" t="s">
        <v>1</v>
      </c>
      <c r="C109389" s="14" t="s">
        <v>109</v>
      </c>
      <c r="D109389" s="14" t="s">
        <v>330</v>
      </c>
      <c r="E109389" s="15">
        <v>45630</v>
      </c>
      <c r="F109389" s="14" t="s">
        <v>15</v>
      </c>
      <c r="G109389" s="16">
        <v>0</v>
      </c>
    </row>
    <row r="109390" spans="1:7" x14ac:dyDescent="0.3">
      <c r="A109390" s="13" t="s">
        <v>525</v>
      </c>
      <c r="B109390" s="14" t="s">
        <v>1</v>
      </c>
      <c r="C109390" s="14" t="s">
        <v>109</v>
      </c>
      <c r="D109390" s="14" t="s">
        <v>330</v>
      </c>
      <c r="E109390" s="15">
        <v>45631</v>
      </c>
      <c r="F109390" s="14" t="s">
        <v>15</v>
      </c>
      <c r="G109390" s="16">
        <v>0</v>
      </c>
    </row>
    <row r="109391" spans="1:7" x14ac:dyDescent="0.3">
      <c r="A109391" s="13" t="s">
        <v>525</v>
      </c>
      <c r="B109391" s="14" t="s">
        <v>1</v>
      </c>
      <c r="C109391" s="14" t="s">
        <v>109</v>
      </c>
      <c r="D109391" s="14" t="s">
        <v>330</v>
      </c>
      <c r="E109391" s="15">
        <v>45632</v>
      </c>
      <c r="F109391" s="14" t="s">
        <v>15</v>
      </c>
      <c r="G109391" s="16">
        <v>0</v>
      </c>
    </row>
    <row r="109392" spans="1:7" x14ac:dyDescent="0.3">
      <c r="A109392" s="13" t="s">
        <v>525</v>
      </c>
      <c r="B109392" s="14" t="s">
        <v>1</v>
      </c>
      <c r="C109392" s="14" t="s">
        <v>109</v>
      </c>
      <c r="D109392" s="14" t="s">
        <v>330</v>
      </c>
      <c r="E109392" s="15">
        <v>45633</v>
      </c>
      <c r="F109392" s="14" t="s">
        <v>15</v>
      </c>
      <c r="G109392" s="16">
        <v>0</v>
      </c>
    </row>
    <row r="109393" spans="1:7" x14ac:dyDescent="0.3">
      <c r="A109393" s="13" t="s">
        <v>525</v>
      </c>
      <c r="B109393" s="14" t="s">
        <v>1</v>
      </c>
      <c r="C109393" s="14" t="s">
        <v>109</v>
      </c>
      <c r="D109393" s="14" t="s">
        <v>330</v>
      </c>
      <c r="E109393" s="15">
        <v>45634</v>
      </c>
      <c r="F109393" s="14" t="s">
        <v>15</v>
      </c>
      <c r="G109393" s="16">
        <v>0</v>
      </c>
    </row>
    <row r="109394" spans="1:7" x14ac:dyDescent="0.3">
      <c r="A109394" s="13" t="s">
        <v>525</v>
      </c>
      <c r="B109394" s="14" t="s">
        <v>1</v>
      </c>
      <c r="C109394" s="14" t="s">
        <v>109</v>
      </c>
      <c r="D109394" s="14" t="s">
        <v>330</v>
      </c>
      <c r="E109394" s="15">
        <v>45635</v>
      </c>
      <c r="F109394" s="14" t="s">
        <v>15</v>
      </c>
      <c r="G109394" s="16">
        <v>0</v>
      </c>
    </row>
    <row r="109395" spans="1:7" x14ac:dyDescent="0.3">
      <c r="A109395" s="13" t="s">
        <v>525</v>
      </c>
      <c r="B109395" s="14" t="s">
        <v>1</v>
      </c>
      <c r="C109395" s="14" t="s">
        <v>109</v>
      </c>
      <c r="D109395" s="14" t="s">
        <v>330</v>
      </c>
      <c r="E109395" s="15">
        <v>45636</v>
      </c>
      <c r="F109395" s="14" t="s">
        <v>15</v>
      </c>
      <c r="G109395" s="16">
        <v>0</v>
      </c>
    </row>
    <row r="109396" spans="1:7" x14ac:dyDescent="0.3">
      <c r="A109396" s="13" t="s">
        <v>525</v>
      </c>
      <c r="B109396" s="14" t="s">
        <v>1</v>
      </c>
      <c r="C109396" s="14" t="s">
        <v>109</v>
      </c>
      <c r="D109396" s="14" t="s">
        <v>330</v>
      </c>
      <c r="E109396" s="15">
        <v>45637</v>
      </c>
      <c r="F109396" s="14" t="s">
        <v>15</v>
      </c>
      <c r="G109396" s="16">
        <v>0</v>
      </c>
    </row>
    <row r="109397" spans="1:7" x14ac:dyDescent="0.3">
      <c r="A109397" s="13" t="s">
        <v>525</v>
      </c>
      <c r="B109397" s="14" t="s">
        <v>1</v>
      </c>
      <c r="C109397" s="14" t="s">
        <v>109</v>
      </c>
      <c r="D109397" s="14" t="s">
        <v>330</v>
      </c>
      <c r="E109397" s="15">
        <v>45638</v>
      </c>
      <c r="F109397" s="14" t="s">
        <v>15</v>
      </c>
      <c r="G109397" s="16">
        <v>0</v>
      </c>
    </row>
    <row r="109398" spans="1:7" x14ac:dyDescent="0.3">
      <c r="A109398" s="13" t="s">
        <v>525</v>
      </c>
      <c r="B109398" s="14" t="s">
        <v>1</v>
      </c>
      <c r="C109398" s="14" t="s">
        <v>109</v>
      </c>
      <c r="D109398" s="14" t="s">
        <v>330</v>
      </c>
      <c r="E109398" s="15">
        <v>45639</v>
      </c>
      <c r="F109398" s="14" t="s">
        <v>15</v>
      </c>
      <c r="G109398" s="16">
        <v>0</v>
      </c>
    </row>
    <row r="109399" spans="1:7" x14ac:dyDescent="0.3">
      <c r="A109399" s="13" t="s">
        <v>525</v>
      </c>
      <c r="B109399" s="14" t="s">
        <v>1</v>
      </c>
      <c r="C109399" s="14" t="s">
        <v>109</v>
      </c>
      <c r="D109399" s="14" t="s">
        <v>330</v>
      </c>
      <c r="E109399" s="15">
        <v>45640</v>
      </c>
      <c r="F109399" s="14" t="s">
        <v>15</v>
      </c>
      <c r="G109399" s="16">
        <v>0</v>
      </c>
    </row>
    <row r="109400" spans="1:7" x14ac:dyDescent="0.3">
      <c r="A109400" s="13" t="s">
        <v>525</v>
      </c>
      <c r="B109400" s="14" t="s">
        <v>1</v>
      </c>
      <c r="C109400" s="14" t="s">
        <v>109</v>
      </c>
      <c r="D109400" s="14" t="s">
        <v>330</v>
      </c>
      <c r="E109400" s="15">
        <v>45641</v>
      </c>
      <c r="F109400" s="14" t="s">
        <v>15</v>
      </c>
      <c r="G109400" s="16">
        <v>0</v>
      </c>
    </row>
    <row r="109401" spans="1:7" x14ac:dyDescent="0.3">
      <c r="A109401" s="13" t="s">
        <v>525</v>
      </c>
      <c r="B109401" s="14" t="s">
        <v>1</v>
      </c>
      <c r="C109401" s="14" t="s">
        <v>109</v>
      </c>
      <c r="D109401" s="14" t="s">
        <v>330</v>
      </c>
      <c r="E109401" s="15">
        <v>45642</v>
      </c>
      <c r="F109401" s="14" t="s">
        <v>15</v>
      </c>
      <c r="G109401" s="16">
        <v>0</v>
      </c>
    </row>
    <row r="109402" spans="1:7" x14ac:dyDescent="0.3">
      <c r="A109402" s="13" t="s">
        <v>525</v>
      </c>
      <c r="B109402" s="14" t="s">
        <v>1</v>
      </c>
      <c r="C109402" s="14" t="s">
        <v>109</v>
      </c>
      <c r="D109402" s="14" t="s">
        <v>330</v>
      </c>
      <c r="E109402" s="15">
        <v>45643</v>
      </c>
      <c r="F109402" s="14" t="s">
        <v>15</v>
      </c>
      <c r="G109402" s="16">
        <v>0</v>
      </c>
    </row>
    <row r="109403" spans="1:7" x14ac:dyDescent="0.3">
      <c r="A109403" s="13" t="s">
        <v>525</v>
      </c>
      <c r="B109403" s="14" t="s">
        <v>1</v>
      </c>
      <c r="C109403" s="14" t="s">
        <v>109</v>
      </c>
      <c r="D109403" s="14" t="s">
        <v>330</v>
      </c>
      <c r="E109403" s="15">
        <v>45644</v>
      </c>
      <c r="F109403" s="14" t="s">
        <v>15</v>
      </c>
      <c r="G109403" s="16">
        <v>0</v>
      </c>
    </row>
    <row r="109404" spans="1:7" x14ac:dyDescent="0.3">
      <c r="A109404" s="13" t="s">
        <v>525</v>
      </c>
      <c r="B109404" s="14" t="s">
        <v>1</v>
      </c>
      <c r="C109404" s="14" t="s">
        <v>109</v>
      </c>
      <c r="D109404" s="14" t="s">
        <v>330</v>
      </c>
      <c r="E109404" s="15">
        <v>45645</v>
      </c>
      <c r="F109404" s="14" t="s">
        <v>15</v>
      </c>
      <c r="G109404" s="16">
        <v>0</v>
      </c>
    </row>
    <row r="109405" spans="1:7" x14ac:dyDescent="0.3">
      <c r="A109405" s="13" t="s">
        <v>525</v>
      </c>
      <c r="B109405" s="14" t="s">
        <v>1</v>
      </c>
      <c r="C109405" s="14" t="s">
        <v>109</v>
      </c>
      <c r="D109405" s="14" t="s">
        <v>330</v>
      </c>
      <c r="E109405" s="15">
        <v>45646</v>
      </c>
      <c r="F109405" s="14" t="s">
        <v>15</v>
      </c>
      <c r="G109405" s="16">
        <v>0</v>
      </c>
    </row>
    <row r="109406" spans="1:7" x14ac:dyDescent="0.3">
      <c r="A109406" s="13" t="s">
        <v>525</v>
      </c>
      <c r="B109406" s="14" t="s">
        <v>1</v>
      </c>
      <c r="C109406" s="14" t="s">
        <v>109</v>
      </c>
      <c r="D109406" s="14" t="s">
        <v>330</v>
      </c>
      <c r="E109406" s="15">
        <v>45647</v>
      </c>
      <c r="F109406" s="14" t="s">
        <v>15</v>
      </c>
      <c r="G109406" s="16">
        <v>0</v>
      </c>
    </row>
    <row r="109407" spans="1:7" x14ac:dyDescent="0.3">
      <c r="A109407" s="13" t="s">
        <v>525</v>
      </c>
      <c r="B109407" s="14" t="s">
        <v>1</v>
      </c>
      <c r="C109407" s="14" t="s">
        <v>109</v>
      </c>
      <c r="D109407" s="14" t="s">
        <v>330</v>
      </c>
      <c r="E109407" s="15">
        <v>45648</v>
      </c>
      <c r="F109407" s="14" t="s">
        <v>15</v>
      </c>
      <c r="G109407" s="16">
        <v>0</v>
      </c>
    </row>
    <row r="109408" spans="1:7" x14ac:dyDescent="0.3">
      <c r="A109408" s="13" t="s">
        <v>525</v>
      </c>
      <c r="B109408" s="14" t="s">
        <v>1</v>
      </c>
      <c r="C109408" s="14" t="s">
        <v>109</v>
      </c>
      <c r="D109408" s="14" t="s">
        <v>330</v>
      </c>
      <c r="E109408" s="15">
        <v>45649</v>
      </c>
      <c r="F109408" s="14" t="s">
        <v>15</v>
      </c>
      <c r="G109408" s="16">
        <v>0</v>
      </c>
    </row>
    <row r="109409" spans="1:7" x14ac:dyDescent="0.3">
      <c r="A109409" s="13" t="s">
        <v>525</v>
      </c>
      <c r="B109409" s="14" t="s">
        <v>1</v>
      </c>
      <c r="C109409" s="14" t="s">
        <v>109</v>
      </c>
      <c r="D109409" s="14" t="s">
        <v>330</v>
      </c>
      <c r="E109409" s="15">
        <v>45650</v>
      </c>
      <c r="F109409" s="14" t="s">
        <v>15</v>
      </c>
      <c r="G109409" s="16">
        <v>0</v>
      </c>
    </row>
    <row r="109410" spans="1:7" x14ac:dyDescent="0.3">
      <c r="A109410" s="13" t="s">
        <v>525</v>
      </c>
      <c r="B109410" s="14" t="s">
        <v>1</v>
      </c>
      <c r="C109410" s="14" t="s">
        <v>109</v>
      </c>
      <c r="D109410" s="14" t="s">
        <v>330</v>
      </c>
      <c r="E109410" s="15">
        <v>45651</v>
      </c>
      <c r="F109410" s="14" t="s">
        <v>15</v>
      </c>
      <c r="G109410" s="16">
        <v>0</v>
      </c>
    </row>
    <row r="109411" spans="1:7" x14ac:dyDescent="0.3">
      <c r="A109411" s="13" t="s">
        <v>525</v>
      </c>
      <c r="B109411" s="14" t="s">
        <v>1</v>
      </c>
      <c r="C109411" s="14" t="s">
        <v>109</v>
      </c>
      <c r="D109411" s="14" t="s">
        <v>330</v>
      </c>
      <c r="E109411" s="15">
        <v>45652</v>
      </c>
      <c r="F109411" s="14" t="s">
        <v>15</v>
      </c>
      <c r="G109411" s="16">
        <v>0</v>
      </c>
    </row>
    <row r="109412" spans="1:7" x14ac:dyDescent="0.3">
      <c r="A109412" s="13" t="s">
        <v>525</v>
      </c>
      <c r="B109412" s="14" t="s">
        <v>1</v>
      </c>
      <c r="C109412" s="14" t="s">
        <v>109</v>
      </c>
      <c r="D109412" s="14" t="s">
        <v>330</v>
      </c>
      <c r="E109412" s="15">
        <v>45653</v>
      </c>
      <c r="F109412" s="14" t="s">
        <v>15</v>
      </c>
      <c r="G109412" s="16">
        <v>0</v>
      </c>
    </row>
    <row r="109413" spans="1:7" x14ac:dyDescent="0.3">
      <c r="A109413" s="13" t="s">
        <v>525</v>
      </c>
      <c r="B109413" s="14" t="s">
        <v>1</v>
      </c>
      <c r="C109413" s="14" t="s">
        <v>109</v>
      </c>
      <c r="D109413" s="14" t="s">
        <v>330</v>
      </c>
      <c r="E109413" s="15">
        <v>45654</v>
      </c>
      <c r="F109413" s="14" t="s">
        <v>15</v>
      </c>
      <c r="G109413" s="16">
        <v>0</v>
      </c>
    </row>
    <row r="109414" spans="1:7" x14ac:dyDescent="0.3">
      <c r="A109414" s="13" t="s">
        <v>525</v>
      </c>
      <c r="B109414" s="14" t="s">
        <v>1</v>
      </c>
      <c r="C109414" s="14" t="s">
        <v>109</v>
      </c>
      <c r="D109414" s="14" t="s">
        <v>330</v>
      </c>
      <c r="E109414" s="15">
        <v>45655</v>
      </c>
      <c r="F109414" s="14" t="s">
        <v>15</v>
      </c>
      <c r="G109414" s="16">
        <v>0</v>
      </c>
    </row>
    <row r="109415" spans="1:7" x14ac:dyDescent="0.3">
      <c r="A109415" s="13" t="s">
        <v>525</v>
      </c>
      <c r="B109415" s="14" t="s">
        <v>1</v>
      </c>
      <c r="C109415" s="14" t="s">
        <v>109</v>
      </c>
      <c r="D109415" s="14" t="s">
        <v>330</v>
      </c>
      <c r="E109415" s="15">
        <v>45656</v>
      </c>
      <c r="F109415" s="14" t="s">
        <v>15</v>
      </c>
      <c r="G109415" s="16">
        <v>0</v>
      </c>
    </row>
    <row r="109416" spans="1:7" x14ac:dyDescent="0.3">
      <c r="A109416" s="13" t="s">
        <v>525</v>
      </c>
      <c r="B109416" s="14" t="s">
        <v>1</v>
      </c>
      <c r="C109416" s="14" t="s">
        <v>109</v>
      </c>
      <c r="D109416" s="14" t="s">
        <v>330</v>
      </c>
      <c r="E109416" s="15">
        <v>45657</v>
      </c>
      <c r="F109416" s="14" t="s">
        <v>15</v>
      </c>
      <c r="G109416" s="16">
        <v>0</v>
      </c>
    </row>
    <row r="109417" spans="1:7" x14ac:dyDescent="0.3">
      <c r="A109417" s="13" t="s">
        <v>525</v>
      </c>
      <c r="B109417" s="14" t="s">
        <v>1</v>
      </c>
      <c r="C109417" s="14" t="s">
        <v>109</v>
      </c>
      <c r="D109417" s="14" t="s">
        <v>330</v>
      </c>
      <c r="E109417" s="15">
        <v>45658</v>
      </c>
      <c r="F109417" s="14" t="s">
        <v>15</v>
      </c>
      <c r="G109417" s="16">
        <v>0</v>
      </c>
    </row>
    <row r="109418" spans="1:7" x14ac:dyDescent="0.3">
      <c r="A109418" s="13" t="s">
        <v>525</v>
      </c>
      <c r="B109418" s="14" t="s">
        <v>1</v>
      </c>
      <c r="C109418" s="14" t="s">
        <v>109</v>
      </c>
      <c r="D109418" s="14" t="s">
        <v>330</v>
      </c>
      <c r="E109418" s="15">
        <v>45659</v>
      </c>
      <c r="F109418" s="14" t="s">
        <v>15</v>
      </c>
      <c r="G109418" s="16">
        <v>0</v>
      </c>
    </row>
    <row r="109419" spans="1:7" x14ac:dyDescent="0.3">
      <c r="A109419" s="13" t="s">
        <v>525</v>
      </c>
      <c r="B109419" s="14" t="s">
        <v>1</v>
      </c>
      <c r="C109419" s="14" t="s">
        <v>109</v>
      </c>
      <c r="D109419" s="14" t="s">
        <v>330</v>
      </c>
      <c r="E109419" s="15">
        <v>45660</v>
      </c>
      <c r="F109419" s="14" t="s">
        <v>15</v>
      </c>
      <c r="G109419" s="16">
        <v>0</v>
      </c>
    </row>
    <row r="109420" spans="1:7" x14ac:dyDescent="0.3">
      <c r="A109420" s="13" t="s">
        <v>525</v>
      </c>
      <c r="B109420" s="14" t="s">
        <v>1</v>
      </c>
      <c r="C109420" s="14" t="s">
        <v>109</v>
      </c>
      <c r="D109420" s="14" t="s">
        <v>330</v>
      </c>
      <c r="E109420" s="15">
        <v>45661</v>
      </c>
      <c r="F109420" s="14" t="s">
        <v>15</v>
      </c>
      <c r="G109420" s="16">
        <v>0</v>
      </c>
    </row>
    <row r="109421" spans="1:7" x14ac:dyDescent="0.3">
      <c r="A109421" s="13" t="s">
        <v>525</v>
      </c>
      <c r="B109421" s="14" t="s">
        <v>1</v>
      </c>
      <c r="C109421" s="14" t="s">
        <v>109</v>
      </c>
      <c r="D109421" s="14" t="s">
        <v>330</v>
      </c>
      <c r="E109421" s="15">
        <v>45662</v>
      </c>
      <c r="F109421" s="14" t="s">
        <v>15</v>
      </c>
      <c r="G109421" s="16">
        <v>0</v>
      </c>
    </row>
    <row r="109422" spans="1:7" x14ac:dyDescent="0.3">
      <c r="A109422" s="13" t="s">
        <v>525</v>
      </c>
      <c r="B109422" s="14" t="s">
        <v>1</v>
      </c>
      <c r="C109422" s="14" t="s">
        <v>109</v>
      </c>
      <c r="D109422" s="14" t="s">
        <v>330</v>
      </c>
      <c r="E109422" s="15">
        <v>45663</v>
      </c>
      <c r="F109422" s="14" t="s">
        <v>15</v>
      </c>
      <c r="G109422" s="16">
        <v>0</v>
      </c>
    </row>
    <row r="109423" spans="1:7" x14ac:dyDescent="0.3">
      <c r="A109423" s="13" t="s">
        <v>525</v>
      </c>
      <c r="B109423" s="14" t="s">
        <v>1</v>
      </c>
      <c r="C109423" s="14" t="s">
        <v>109</v>
      </c>
      <c r="D109423" s="14" t="s">
        <v>330</v>
      </c>
      <c r="E109423" s="15">
        <v>45664</v>
      </c>
      <c r="F109423" s="14" t="s">
        <v>15</v>
      </c>
      <c r="G109423" s="16">
        <v>0</v>
      </c>
    </row>
    <row r="109424" spans="1:7" x14ac:dyDescent="0.3">
      <c r="A109424" s="13" t="s">
        <v>525</v>
      </c>
      <c r="B109424" s="14" t="s">
        <v>1</v>
      </c>
      <c r="C109424" s="14" t="s">
        <v>109</v>
      </c>
      <c r="D109424" s="14" t="s">
        <v>330</v>
      </c>
      <c r="E109424" s="15">
        <v>45665</v>
      </c>
      <c r="F109424" s="14" t="s">
        <v>15</v>
      </c>
      <c r="G109424" s="16">
        <v>0</v>
      </c>
    </row>
    <row r="109425" spans="1:7" x14ac:dyDescent="0.3">
      <c r="A109425" s="13" t="s">
        <v>525</v>
      </c>
      <c r="B109425" s="14" t="s">
        <v>1</v>
      </c>
      <c r="C109425" s="14" t="s">
        <v>109</v>
      </c>
      <c r="D109425" s="14" t="s">
        <v>330</v>
      </c>
      <c r="E109425" s="15">
        <v>45666</v>
      </c>
      <c r="F109425" s="14" t="s">
        <v>15</v>
      </c>
      <c r="G109425" s="16">
        <v>0</v>
      </c>
    </row>
    <row r="109426" spans="1:7" x14ac:dyDescent="0.3">
      <c r="A109426" s="13" t="s">
        <v>525</v>
      </c>
      <c r="B109426" s="14" t="s">
        <v>1</v>
      </c>
      <c r="C109426" s="14" t="s">
        <v>109</v>
      </c>
      <c r="D109426" s="14" t="s">
        <v>330</v>
      </c>
      <c r="E109426" s="15">
        <v>45667</v>
      </c>
      <c r="F109426" s="14" t="s">
        <v>15</v>
      </c>
      <c r="G109426" s="16">
        <v>0</v>
      </c>
    </row>
    <row r="109427" spans="1:7" x14ac:dyDescent="0.3">
      <c r="A109427" s="13" t="s">
        <v>525</v>
      </c>
      <c r="B109427" s="14" t="s">
        <v>1</v>
      </c>
      <c r="C109427" s="14" t="s">
        <v>109</v>
      </c>
      <c r="D109427" s="14" t="s">
        <v>330</v>
      </c>
      <c r="E109427" s="15">
        <v>45668</v>
      </c>
      <c r="F109427" s="14" t="s">
        <v>15</v>
      </c>
      <c r="G109427" s="16">
        <v>0</v>
      </c>
    </row>
    <row r="109428" spans="1:7" x14ac:dyDescent="0.3">
      <c r="A109428" s="13" t="s">
        <v>525</v>
      </c>
      <c r="B109428" s="14" t="s">
        <v>1</v>
      </c>
      <c r="C109428" s="14" t="s">
        <v>109</v>
      </c>
      <c r="D109428" s="14" t="s">
        <v>330</v>
      </c>
      <c r="E109428" s="15">
        <v>45669</v>
      </c>
      <c r="F109428" s="14" t="s">
        <v>15</v>
      </c>
      <c r="G109428" s="16">
        <v>0</v>
      </c>
    </row>
    <row r="109429" spans="1:7" x14ac:dyDescent="0.3">
      <c r="A109429" s="13" t="s">
        <v>525</v>
      </c>
      <c r="B109429" s="14" t="s">
        <v>1</v>
      </c>
      <c r="C109429" s="14" t="s">
        <v>109</v>
      </c>
      <c r="D109429" s="14" t="s">
        <v>330</v>
      </c>
      <c r="E109429" s="15">
        <v>45670</v>
      </c>
      <c r="F109429" s="14" t="s">
        <v>15</v>
      </c>
      <c r="G109429" s="16">
        <v>0</v>
      </c>
    </row>
    <row r="109430" spans="1:7" x14ac:dyDescent="0.3">
      <c r="A109430" s="13" t="s">
        <v>525</v>
      </c>
      <c r="B109430" s="14" t="s">
        <v>1</v>
      </c>
      <c r="C109430" s="14" t="s">
        <v>109</v>
      </c>
      <c r="D109430" s="14" t="s">
        <v>330</v>
      </c>
      <c r="E109430" s="15">
        <v>45671</v>
      </c>
      <c r="F109430" s="14" t="s">
        <v>15</v>
      </c>
      <c r="G109430" s="16">
        <v>0</v>
      </c>
    </row>
    <row r="109431" spans="1:7" x14ac:dyDescent="0.3">
      <c r="A109431" s="13" t="s">
        <v>525</v>
      </c>
      <c r="B109431" s="14" t="s">
        <v>1</v>
      </c>
      <c r="C109431" s="14" t="s">
        <v>109</v>
      </c>
      <c r="D109431" s="14" t="s">
        <v>330</v>
      </c>
      <c r="E109431" s="15">
        <v>45672</v>
      </c>
      <c r="F109431" s="14" t="s">
        <v>15</v>
      </c>
      <c r="G109431" s="16">
        <v>0</v>
      </c>
    </row>
    <row r="109432" spans="1:7" x14ac:dyDescent="0.3">
      <c r="A109432" s="13" t="s">
        <v>525</v>
      </c>
      <c r="B109432" s="14" t="s">
        <v>1</v>
      </c>
      <c r="C109432" s="14" t="s">
        <v>109</v>
      </c>
      <c r="D109432" s="14" t="s">
        <v>330</v>
      </c>
      <c r="E109432" s="15">
        <v>45673</v>
      </c>
      <c r="F109432" s="14" t="s">
        <v>15</v>
      </c>
      <c r="G109432" s="16">
        <v>0</v>
      </c>
    </row>
    <row r="109433" spans="1:7" x14ac:dyDescent="0.3">
      <c r="A109433" s="13" t="s">
        <v>525</v>
      </c>
      <c r="B109433" s="14" t="s">
        <v>1</v>
      </c>
      <c r="C109433" s="14" t="s">
        <v>109</v>
      </c>
      <c r="D109433" s="14" t="s">
        <v>330</v>
      </c>
      <c r="E109433" s="15">
        <v>45674</v>
      </c>
      <c r="F109433" s="14" t="s">
        <v>15</v>
      </c>
      <c r="G109433" s="16">
        <v>0</v>
      </c>
    </row>
    <row r="109434" spans="1:7" x14ac:dyDescent="0.3">
      <c r="A109434" s="13" t="s">
        <v>525</v>
      </c>
      <c r="B109434" s="14" t="s">
        <v>1</v>
      </c>
      <c r="C109434" s="14" t="s">
        <v>109</v>
      </c>
      <c r="D109434" s="14" t="s">
        <v>330</v>
      </c>
      <c r="E109434" s="15">
        <v>45675</v>
      </c>
      <c r="F109434" s="14" t="s">
        <v>15</v>
      </c>
      <c r="G109434" s="16">
        <v>0</v>
      </c>
    </row>
    <row r="109435" spans="1:7" x14ac:dyDescent="0.3">
      <c r="A109435" s="13" t="s">
        <v>525</v>
      </c>
      <c r="B109435" s="14" t="s">
        <v>1</v>
      </c>
      <c r="C109435" s="14" t="s">
        <v>109</v>
      </c>
      <c r="D109435" s="14" t="s">
        <v>330</v>
      </c>
      <c r="E109435" s="15">
        <v>45676</v>
      </c>
      <c r="F109435" s="14" t="s">
        <v>15</v>
      </c>
      <c r="G109435" s="16">
        <v>0</v>
      </c>
    </row>
    <row r="109436" spans="1:7" x14ac:dyDescent="0.3">
      <c r="A109436" s="13" t="s">
        <v>525</v>
      </c>
      <c r="B109436" s="14" t="s">
        <v>1</v>
      </c>
      <c r="C109436" s="14" t="s">
        <v>109</v>
      </c>
      <c r="D109436" s="14" t="s">
        <v>330</v>
      </c>
      <c r="E109436" s="15">
        <v>45677</v>
      </c>
      <c r="F109436" s="14" t="s">
        <v>15</v>
      </c>
      <c r="G109436" s="16">
        <v>0</v>
      </c>
    </row>
    <row r="109437" spans="1:7" x14ac:dyDescent="0.3">
      <c r="A109437" s="13" t="s">
        <v>525</v>
      </c>
      <c r="B109437" s="14" t="s">
        <v>1</v>
      </c>
      <c r="C109437" s="14" t="s">
        <v>109</v>
      </c>
      <c r="D109437" s="14" t="s">
        <v>330</v>
      </c>
      <c r="E109437" s="15">
        <v>45678</v>
      </c>
      <c r="F109437" s="14" t="s">
        <v>15</v>
      </c>
      <c r="G109437" s="16">
        <v>0</v>
      </c>
    </row>
    <row r="109438" spans="1:7" x14ac:dyDescent="0.3">
      <c r="A109438" s="13" t="s">
        <v>525</v>
      </c>
      <c r="B109438" s="14" t="s">
        <v>1</v>
      </c>
      <c r="C109438" s="14" t="s">
        <v>109</v>
      </c>
      <c r="D109438" s="14" t="s">
        <v>330</v>
      </c>
      <c r="E109438" s="15">
        <v>45679</v>
      </c>
      <c r="F109438" s="14" t="s">
        <v>15</v>
      </c>
      <c r="G109438" s="16">
        <v>0</v>
      </c>
    </row>
    <row r="109439" spans="1:7" x14ac:dyDescent="0.3">
      <c r="A109439" s="13" t="s">
        <v>525</v>
      </c>
      <c r="B109439" s="14" t="s">
        <v>1</v>
      </c>
      <c r="C109439" s="14" t="s">
        <v>109</v>
      </c>
      <c r="D109439" s="14" t="s">
        <v>330</v>
      </c>
      <c r="E109439" s="15">
        <v>45680</v>
      </c>
      <c r="F109439" s="14" t="s">
        <v>15</v>
      </c>
      <c r="G109439" s="16">
        <v>0</v>
      </c>
    </row>
    <row r="109440" spans="1:7" x14ac:dyDescent="0.3">
      <c r="A109440" s="13" t="s">
        <v>525</v>
      </c>
      <c r="B109440" s="14" t="s">
        <v>1</v>
      </c>
      <c r="C109440" s="14" t="s">
        <v>109</v>
      </c>
      <c r="D109440" s="14" t="s">
        <v>330</v>
      </c>
      <c r="E109440" s="15">
        <v>45681</v>
      </c>
      <c r="F109440" s="14" t="s">
        <v>15</v>
      </c>
      <c r="G109440" s="16">
        <v>0</v>
      </c>
    </row>
    <row r="109441" spans="1:7" x14ac:dyDescent="0.3">
      <c r="A109441" s="13" t="s">
        <v>525</v>
      </c>
      <c r="B109441" s="14" t="s">
        <v>1</v>
      </c>
      <c r="C109441" s="14" t="s">
        <v>109</v>
      </c>
      <c r="D109441" s="14" t="s">
        <v>330</v>
      </c>
      <c r="E109441" s="15">
        <v>45682</v>
      </c>
      <c r="F109441" s="14" t="s">
        <v>15</v>
      </c>
      <c r="G109441" s="16">
        <v>0</v>
      </c>
    </row>
    <row r="109442" spans="1:7" x14ac:dyDescent="0.3">
      <c r="A109442" s="13" t="s">
        <v>525</v>
      </c>
      <c r="B109442" s="14" t="s">
        <v>1</v>
      </c>
      <c r="C109442" s="14" t="s">
        <v>109</v>
      </c>
      <c r="D109442" s="14" t="s">
        <v>330</v>
      </c>
      <c r="E109442" s="15">
        <v>45683</v>
      </c>
      <c r="F109442" s="14" t="s">
        <v>15</v>
      </c>
      <c r="G109442" s="16">
        <v>0</v>
      </c>
    </row>
    <row r="109443" spans="1:7" x14ac:dyDescent="0.3">
      <c r="A109443" s="13" t="s">
        <v>525</v>
      </c>
      <c r="B109443" s="14" t="s">
        <v>1</v>
      </c>
      <c r="C109443" s="14" t="s">
        <v>109</v>
      </c>
      <c r="D109443" s="14" t="s">
        <v>330</v>
      </c>
      <c r="E109443" s="15">
        <v>45684</v>
      </c>
      <c r="F109443" s="14" t="s">
        <v>15</v>
      </c>
      <c r="G109443" s="16">
        <v>0</v>
      </c>
    </row>
    <row r="109444" spans="1:7" x14ac:dyDescent="0.3">
      <c r="A109444" s="13" t="s">
        <v>525</v>
      </c>
      <c r="B109444" s="14" t="s">
        <v>1</v>
      </c>
      <c r="C109444" s="14" t="s">
        <v>109</v>
      </c>
      <c r="D109444" s="14" t="s">
        <v>330</v>
      </c>
      <c r="E109444" s="15">
        <v>45685</v>
      </c>
      <c r="F109444" s="14" t="s">
        <v>15</v>
      </c>
      <c r="G109444" s="16">
        <v>0</v>
      </c>
    </row>
    <row r="109445" spans="1:7" x14ac:dyDescent="0.3">
      <c r="A109445" s="13" t="s">
        <v>525</v>
      </c>
      <c r="B109445" s="14" t="s">
        <v>1</v>
      </c>
      <c r="C109445" s="14" t="s">
        <v>109</v>
      </c>
      <c r="D109445" s="14" t="s">
        <v>330</v>
      </c>
      <c r="E109445" s="15">
        <v>45686</v>
      </c>
      <c r="F109445" s="14" t="s">
        <v>15</v>
      </c>
      <c r="G109445" s="16">
        <v>0</v>
      </c>
    </row>
    <row r="109446" spans="1:7" x14ac:dyDescent="0.3">
      <c r="A109446" s="13" t="s">
        <v>525</v>
      </c>
      <c r="B109446" s="14" t="s">
        <v>1</v>
      </c>
      <c r="C109446" s="14" t="s">
        <v>109</v>
      </c>
      <c r="D109446" s="14" t="s">
        <v>330</v>
      </c>
      <c r="E109446" s="15">
        <v>45687</v>
      </c>
      <c r="F109446" s="14" t="s">
        <v>15</v>
      </c>
      <c r="G109446" s="16">
        <v>0</v>
      </c>
    </row>
    <row r="109447" spans="1:7" x14ac:dyDescent="0.3">
      <c r="A109447" s="13" t="s">
        <v>525</v>
      </c>
      <c r="B109447" s="14" t="s">
        <v>1</v>
      </c>
      <c r="C109447" s="14" t="s">
        <v>109</v>
      </c>
      <c r="D109447" s="14" t="s">
        <v>330</v>
      </c>
      <c r="E109447" s="15">
        <v>45688</v>
      </c>
      <c r="F109447" s="14" t="s">
        <v>15</v>
      </c>
      <c r="G109447" s="16">
        <v>0</v>
      </c>
    </row>
    <row r="109448" spans="1:7" x14ac:dyDescent="0.3">
      <c r="A109448" s="13" t="s">
        <v>525</v>
      </c>
      <c r="B109448" s="14" t="s">
        <v>1</v>
      </c>
      <c r="C109448" s="14" t="s">
        <v>109</v>
      </c>
      <c r="D109448" s="14" t="s">
        <v>330</v>
      </c>
      <c r="E109448" s="15">
        <v>45689</v>
      </c>
      <c r="F109448" s="14" t="s">
        <v>15</v>
      </c>
      <c r="G109448" s="16">
        <v>0</v>
      </c>
    </row>
    <row r="109449" spans="1:7" x14ac:dyDescent="0.3">
      <c r="A109449" s="13" t="s">
        <v>525</v>
      </c>
      <c r="B109449" s="14" t="s">
        <v>1</v>
      </c>
      <c r="C109449" s="14" t="s">
        <v>109</v>
      </c>
      <c r="D109449" s="14" t="s">
        <v>330</v>
      </c>
      <c r="E109449" s="15">
        <v>45690</v>
      </c>
      <c r="F109449" s="14" t="s">
        <v>15</v>
      </c>
      <c r="G109449" s="16">
        <v>0</v>
      </c>
    </row>
    <row r="109450" spans="1:7" x14ac:dyDescent="0.3">
      <c r="A109450" s="13" t="s">
        <v>525</v>
      </c>
      <c r="B109450" s="14" t="s">
        <v>1</v>
      </c>
      <c r="C109450" s="14" t="s">
        <v>109</v>
      </c>
      <c r="D109450" s="14" t="s">
        <v>330</v>
      </c>
      <c r="E109450" s="15">
        <v>45691</v>
      </c>
      <c r="F109450" s="14" t="s">
        <v>15</v>
      </c>
      <c r="G109450" s="16">
        <v>0</v>
      </c>
    </row>
    <row r="109451" spans="1:7" x14ac:dyDescent="0.3">
      <c r="A109451" s="13" t="s">
        <v>525</v>
      </c>
      <c r="B109451" s="14" t="s">
        <v>1</v>
      </c>
      <c r="C109451" s="14" t="s">
        <v>109</v>
      </c>
      <c r="D109451" s="14" t="s">
        <v>330</v>
      </c>
      <c r="E109451" s="15">
        <v>45692</v>
      </c>
      <c r="F109451" s="14" t="s">
        <v>15</v>
      </c>
      <c r="G109451" s="16">
        <v>0</v>
      </c>
    </row>
    <row r="109452" spans="1:7" x14ac:dyDescent="0.3">
      <c r="A109452" s="13" t="s">
        <v>525</v>
      </c>
      <c r="B109452" s="14" t="s">
        <v>1</v>
      </c>
      <c r="C109452" s="14" t="s">
        <v>109</v>
      </c>
      <c r="D109452" s="14" t="s">
        <v>330</v>
      </c>
      <c r="E109452" s="15">
        <v>45693</v>
      </c>
      <c r="F109452" s="14" t="s">
        <v>15</v>
      </c>
      <c r="G109452" s="16">
        <v>0</v>
      </c>
    </row>
    <row r="109453" spans="1:7" x14ac:dyDescent="0.3">
      <c r="A109453" s="13" t="s">
        <v>525</v>
      </c>
      <c r="B109453" s="14" t="s">
        <v>1</v>
      </c>
      <c r="C109453" s="14" t="s">
        <v>109</v>
      </c>
      <c r="D109453" s="14" t="s">
        <v>330</v>
      </c>
      <c r="E109453" s="15">
        <v>45694</v>
      </c>
      <c r="F109453" s="14" t="s">
        <v>15</v>
      </c>
      <c r="G109453" s="16">
        <v>0</v>
      </c>
    </row>
    <row r="109454" spans="1:7" x14ac:dyDescent="0.3">
      <c r="A109454" s="13" t="s">
        <v>525</v>
      </c>
      <c r="B109454" s="14" t="s">
        <v>1</v>
      </c>
      <c r="C109454" s="14" t="s">
        <v>109</v>
      </c>
      <c r="D109454" s="14" t="s">
        <v>330</v>
      </c>
      <c r="E109454" s="15">
        <v>45695</v>
      </c>
      <c r="F109454" s="14" t="s">
        <v>15</v>
      </c>
      <c r="G109454" s="16">
        <v>0</v>
      </c>
    </row>
    <row r="109455" spans="1:7" x14ac:dyDescent="0.3">
      <c r="A109455" s="13" t="s">
        <v>525</v>
      </c>
      <c r="B109455" s="14" t="s">
        <v>1</v>
      </c>
      <c r="C109455" s="14" t="s">
        <v>109</v>
      </c>
      <c r="D109455" s="14" t="s">
        <v>330</v>
      </c>
      <c r="E109455" s="15">
        <v>45696</v>
      </c>
      <c r="F109455" s="14" t="s">
        <v>15</v>
      </c>
      <c r="G109455" s="16">
        <v>0</v>
      </c>
    </row>
    <row r="109456" spans="1:7" x14ac:dyDescent="0.3">
      <c r="A109456" s="13" t="s">
        <v>525</v>
      </c>
      <c r="B109456" s="14" t="s">
        <v>1</v>
      </c>
      <c r="C109456" s="14" t="s">
        <v>109</v>
      </c>
      <c r="D109456" s="14" t="s">
        <v>330</v>
      </c>
      <c r="E109456" s="15">
        <v>45697</v>
      </c>
      <c r="F109456" s="14" t="s">
        <v>15</v>
      </c>
      <c r="G109456" s="16">
        <v>0</v>
      </c>
    </row>
    <row r="109457" spans="1:7" x14ac:dyDescent="0.3">
      <c r="A109457" s="13" t="s">
        <v>525</v>
      </c>
      <c r="B109457" s="14" t="s">
        <v>1</v>
      </c>
      <c r="C109457" s="14" t="s">
        <v>109</v>
      </c>
      <c r="D109457" s="14" t="s">
        <v>330</v>
      </c>
      <c r="E109457" s="15">
        <v>45698</v>
      </c>
      <c r="F109457" s="14" t="s">
        <v>15</v>
      </c>
      <c r="G109457" s="16">
        <v>0</v>
      </c>
    </row>
    <row r="109458" spans="1:7" x14ac:dyDescent="0.3">
      <c r="A109458" s="13" t="s">
        <v>525</v>
      </c>
      <c r="B109458" s="14" t="s">
        <v>1</v>
      </c>
      <c r="C109458" s="14" t="s">
        <v>109</v>
      </c>
      <c r="D109458" s="14" t="s">
        <v>330</v>
      </c>
      <c r="E109458" s="15">
        <v>45699</v>
      </c>
      <c r="F109458" s="14" t="s">
        <v>15</v>
      </c>
      <c r="G109458" s="16">
        <v>0</v>
      </c>
    </row>
    <row r="109459" spans="1:7" x14ac:dyDescent="0.3">
      <c r="A109459" s="13" t="s">
        <v>525</v>
      </c>
      <c r="B109459" s="14" t="s">
        <v>1</v>
      </c>
      <c r="C109459" s="14" t="s">
        <v>109</v>
      </c>
      <c r="D109459" s="14" t="s">
        <v>330</v>
      </c>
      <c r="E109459" s="15">
        <v>45700</v>
      </c>
      <c r="F109459" s="14" t="s">
        <v>15</v>
      </c>
      <c r="G109459" s="16">
        <v>0</v>
      </c>
    </row>
    <row r="109460" spans="1:7" x14ac:dyDescent="0.3">
      <c r="A109460" s="13" t="s">
        <v>525</v>
      </c>
      <c r="B109460" s="14" t="s">
        <v>1</v>
      </c>
      <c r="C109460" s="14" t="s">
        <v>109</v>
      </c>
      <c r="D109460" s="14" t="s">
        <v>330</v>
      </c>
      <c r="E109460" s="15">
        <v>45701</v>
      </c>
      <c r="F109460" s="14" t="s">
        <v>15</v>
      </c>
      <c r="G109460" s="16">
        <v>0</v>
      </c>
    </row>
    <row r="109461" spans="1:7" x14ac:dyDescent="0.3">
      <c r="A109461" s="13" t="s">
        <v>525</v>
      </c>
      <c r="B109461" s="14" t="s">
        <v>1</v>
      </c>
      <c r="C109461" s="14" t="s">
        <v>109</v>
      </c>
      <c r="D109461" s="14" t="s">
        <v>330</v>
      </c>
      <c r="E109461" s="15">
        <v>45702</v>
      </c>
      <c r="F109461" s="14" t="s">
        <v>15</v>
      </c>
      <c r="G109461" s="16">
        <v>0</v>
      </c>
    </row>
    <row r="109462" spans="1:7" x14ac:dyDescent="0.3">
      <c r="A109462" s="13" t="s">
        <v>525</v>
      </c>
      <c r="B109462" s="14" t="s">
        <v>1</v>
      </c>
      <c r="C109462" s="14" t="s">
        <v>109</v>
      </c>
      <c r="D109462" s="14" t="s">
        <v>330</v>
      </c>
      <c r="E109462" s="15">
        <v>45703</v>
      </c>
      <c r="F109462" s="14" t="s">
        <v>15</v>
      </c>
      <c r="G109462" s="16">
        <v>0</v>
      </c>
    </row>
    <row r="109463" spans="1:7" x14ac:dyDescent="0.3">
      <c r="A109463" s="13" t="s">
        <v>525</v>
      </c>
      <c r="B109463" s="14" t="s">
        <v>1</v>
      </c>
      <c r="C109463" s="14" t="s">
        <v>109</v>
      </c>
      <c r="D109463" s="14" t="s">
        <v>330</v>
      </c>
      <c r="E109463" s="15">
        <v>45704</v>
      </c>
      <c r="F109463" s="14" t="s">
        <v>15</v>
      </c>
      <c r="G109463" s="16">
        <v>0</v>
      </c>
    </row>
    <row r="109464" spans="1:7" x14ac:dyDescent="0.3">
      <c r="A109464" s="13" t="s">
        <v>525</v>
      </c>
      <c r="B109464" s="14" t="s">
        <v>1</v>
      </c>
      <c r="C109464" s="14" t="s">
        <v>109</v>
      </c>
      <c r="D109464" s="14" t="s">
        <v>330</v>
      </c>
      <c r="E109464" s="15">
        <v>45705</v>
      </c>
      <c r="F109464" s="14" t="s">
        <v>15</v>
      </c>
      <c r="G109464" s="16">
        <v>0</v>
      </c>
    </row>
    <row r="109465" spans="1:7" x14ac:dyDescent="0.3">
      <c r="A109465" s="13" t="s">
        <v>525</v>
      </c>
      <c r="B109465" s="14" t="s">
        <v>1</v>
      </c>
      <c r="C109465" s="14" t="s">
        <v>109</v>
      </c>
      <c r="D109465" s="14" t="s">
        <v>330</v>
      </c>
      <c r="E109465" s="15">
        <v>45706</v>
      </c>
      <c r="F109465" s="14" t="s">
        <v>15</v>
      </c>
      <c r="G109465" s="16">
        <v>0</v>
      </c>
    </row>
    <row r="109466" spans="1:7" x14ac:dyDescent="0.3">
      <c r="A109466" s="13" t="s">
        <v>525</v>
      </c>
      <c r="B109466" s="14" t="s">
        <v>1</v>
      </c>
      <c r="C109466" s="14" t="s">
        <v>109</v>
      </c>
      <c r="D109466" s="14" t="s">
        <v>330</v>
      </c>
      <c r="E109466" s="15">
        <v>45707</v>
      </c>
      <c r="F109466" s="14" t="s">
        <v>15</v>
      </c>
      <c r="G109466" s="16">
        <v>0</v>
      </c>
    </row>
    <row r="109467" spans="1:7" x14ac:dyDescent="0.3">
      <c r="A109467" s="13" t="s">
        <v>525</v>
      </c>
      <c r="B109467" s="14" t="s">
        <v>1</v>
      </c>
      <c r="C109467" s="14" t="s">
        <v>109</v>
      </c>
      <c r="D109467" s="14" t="s">
        <v>330</v>
      </c>
      <c r="E109467" s="15">
        <v>45708</v>
      </c>
      <c r="F109467" s="14" t="s">
        <v>15</v>
      </c>
      <c r="G109467" s="16">
        <v>0</v>
      </c>
    </row>
    <row r="109468" spans="1:7" x14ac:dyDescent="0.3">
      <c r="A109468" s="13" t="s">
        <v>525</v>
      </c>
      <c r="B109468" s="14" t="s">
        <v>1</v>
      </c>
      <c r="C109468" s="14" t="s">
        <v>109</v>
      </c>
      <c r="D109468" s="14" t="s">
        <v>330</v>
      </c>
      <c r="E109468" s="15">
        <v>45709</v>
      </c>
      <c r="F109468" s="14" t="s">
        <v>15</v>
      </c>
      <c r="G109468" s="16">
        <v>0</v>
      </c>
    </row>
    <row r="109469" spans="1:7" x14ac:dyDescent="0.3">
      <c r="A109469" s="13" t="s">
        <v>525</v>
      </c>
      <c r="B109469" s="14" t="s">
        <v>1</v>
      </c>
      <c r="C109469" s="14" t="s">
        <v>109</v>
      </c>
      <c r="D109469" s="14" t="s">
        <v>330</v>
      </c>
      <c r="E109469" s="15">
        <v>45710</v>
      </c>
      <c r="F109469" s="14" t="s">
        <v>15</v>
      </c>
      <c r="G109469" s="16">
        <v>0</v>
      </c>
    </row>
    <row r="109470" spans="1:7" x14ac:dyDescent="0.3">
      <c r="A109470" s="13" t="s">
        <v>525</v>
      </c>
      <c r="B109470" s="14" t="s">
        <v>1</v>
      </c>
      <c r="C109470" s="14" t="s">
        <v>109</v>
      </c>
      <c r="D109470" s="14" t="s">
        <v>330</v>
      </c>
      <c r="E109470" s="15">
        <v>45711</v>
      </c>
      <c r="F109470" s="14" t="s">
        <v>15</v>
      </c>
      <c r="G109470" s="16">
        <v>0</v>
      </c>
    </row>
    <row r="109471" spans="1:7" x14ac:dyDescent="0.3">
      <c r="A109471" s="13" t="s">
        <v>525</v>
      </c>
      <c r="B109471" s="14" t="s">
        <v>1</v>
      </c>
      <c r="C109471" s="14" t="s">
        <v>109</v>
      </c>
      <c r="D109471" s="14" t="s">
        <v>330</v>
      </c>
      <c r="E109471" s="15">
        <v>45712</v>
      </c>
      <c r="F109471" s="14" t="s">
        <v>15</v>
      </c>
      <c r="G109471" s="16">
        <v>0</v>
      </c>
    </row>
    <row r="109472" spans="1:7" x14ac:dyDescent="0.3">
      <c r="A109472" s="13" t="s">
        <v>525</v>
      </c>
      <c r="B109472" s="14" t="s">
        <v>1</v>
      </c>
      <c r="C109472" s="14" t="s">
        <v>109</v>
      </c>
      <c r="D109472" s="14" t="s">
        <v>330</v>
      </c>
      <c r="E109472" s="15">
        <v>45713</v>
      </c>
      <c r="F109472" s="14" t="s">
        <v>15</v>
      </c>
      <c r="G109472" s="16">
        <v>0</v>
      </c>
    </row>
    <row r="109473" spans="1:7" x14ac:dyDescent="0.3">
      <c r="A109473" s="13" t="s">
        <v>525</v>
      </c>
      <c r="B109473" s="14" t="s">
        <v>1</v>
      </c>
      <c r="C109473" s="14" t="s">
        <v>109</v>
      </c>
      <c r="D109473" s="14" t="s">
        <v>330</v>
      </c>
      <c r="E109473" s="15">
        <v>45714</v>
      </c>
      <c r="F109473" s="14" t="s">
        <v>15</v>
      </c>
      <c r="G109473" s="16">
        <v>0</v>
      </c>
    </row>
    <row r="109474" spans="1:7" x14ac:dyDescent="0.3">
      <c r="A109474" s="13" t="s">
        <v>525</v>
      </c>
      <c r="B109474" s="14" t="s">
        <v>1</v>
      </c>
      <c r="C109474" s="14" t="s">
        <v>109</v>
      </c>
      <c r="D109474" s="14" t="s">
        <v>330</v>
      </c>
      <c r="E109474" s="15">
        <v>45715</v>
      </c>
      <c r="F109474" s="14" t="s">
        <v>15</v>
      </c>
      <c r="G109474" s="16">
        <v>0</v>
      </c>
    </row>
    <row r="109475" spans="1:7" x14ac:dyDescent="0.3">
      <c r="A109475" s="13" t="s">
        <v>525</v>
      </c>
      <c r="B109475" s="14" t="s">
        <v>1</v>
      </c>
      <c r="C109475" s="14" t="s">
        <v>109</v>
      </c>
      <c r="D109475" s="14" t="s">
        <v>330</v>
      </c>
      <c r="E109475" s="15">
        <v>45716</v>
      </c>
      <c r="F109475" s="14" t="s">
        <v>15</v>
      </c>
      <c r="G109475" s="16">
        <v>0</v>
      </c>
    </row>
    <row r="109476" spans="1:7" x14ac:dyDescent="0.3">
      <c r="A109476" s="13" t="s">
        <v>525</v>
      </c>
      <c r="B109476" s="14" t="s">
        <v>1</v>
      </c>
      <c r="C109476" s="14" t="s">
        <v>109</v>
      </c>
      <c r="D109476" s="14" t="s">
        <v>330</v>
      </c>
      <c r="E109476" s="15">
        <v>45717</v>
      </c>
      <c r="F109476" s="14" t="s">
        <v>15</v>
      </c>
      <c r="G109476" s="16">
        <v>0</v>
      </c>
    </row>
    <row r="109477" spans="1:7" x14ac:dyDescent="0.3">
      <c r="A109477" s="13" t="s">
        <v>525</v>
      </c>
      <c r="B109477" s="14" t="s">
        <v>1</v>
      </c>
      <c r="C109477" s="14" t="s">
        <v>109</v>
      </c>
      <c r="D109477" s="14" t="s">
        <v>330</v>
      </c>
      <c r="E109477" s="15">
        <v>45718</v>
      </c>
      <c r="F109477" s="14" t="s">
        <v>15</v>
      </c>
      <c r="G109477" s="16">
        <v>0</v>
      </c>
    </row>
    <row r="109478" spans="1:7" x14ac:dyDescent="0.3">
      <c r="A109478" s="13" t="s">
        <v>525</v>
      </c>
      <c r="B109478" s="14" t="s">
        <v>1</v>
      </c>
      <c r="C109478" s="14" t="s">
        <v>109</v>
      </c>
      <c r="D109478" s="14" t="s">
        <v>330</v>
      </c>
      <c r="E109478" s="15">
        <v>45719</v>
      </c>
      <c r="F109478" s="14" t="s">
        <v>15</v>
      </c>
      <c r="G109478" s="16">
        <v>0</v>
      </c>
    </row>
    <row r="109479" spans="1:7" x14ac:dyDescent="0.3">
      <c r="A109479" s="13" t="s">
        <v>525</v>
      </c>
      <c r="B109479" s="14" t="s">
        <v>1</v>
      </c>
      <c r="C109479" s="14" t="s">
        <v>109</v>
      </c>
      <c r="D109479" s="14" t="s">
        <v>330</v>
      </c>
      <c r="E109479" s="15">
        <v>45720</v>
      </c>
      <c r="F109479" s="14" t="s">
        <v>15</v>
      </c>
      <c r="G109479" s="16">
        <v>0</v>
      </c>
    </row>
    <row r="109480" spans="1:7" x14ac:dyDescent="0.3">
      <c r="A109480" s="13" t="s">
        <v>525</v>
      </c>
      <c r="B109480" s="14" t="s">
        <v>1</v>
      </c>
      <c r="C109480" s="14" t="s">
        <v>109</v>
      </c>
      <c r="D109480" s="14" t="s">
        <v>330</v>
      </c>
      <c r="E109480" s="15">
        <v>45721</v>
      </c>
      <c r="F109480" s="14" t="s">
        <v>15</v>
      </c>
      <c r="G109480" s="16">
        <v>0</v>
      </c>
    </row>
    <row r="109481" spans="1:7" x14ac:dyDescent="0.3">
      <c r="A109481" s="13" t="s">
        <v>525</v>
      </c>
      <c r="B109481" s="14" t="s">
        <v>1</v>
      </c>
      <c r="C109481" s="14" t="s">
        <v>109</v>
      </c>
      <c r="D109481" s="14" t="s">
        <v>330</v>
      </c>
      <c r="E109481" s="15">
        <v>45722</v>
      </c>
      <c r="F109481" s="14" t="s">
        <v>15</v>
      </c>
      <c r="G109481" s="16">
        <v>0</v>
      </c>
    </row>
    <row r="109482" spans="1:7" x14ac:dyDescent="0.3">
      <c r="A109482" s="13" t="s">
        <v>525</v>
      </c>
      <c r="B109482" s="14" t="s">
        <v>1</v>
      </c>
      <c r="C109482" s="14" t="s">
        <v>109</v>
      </c>
      <c r="D109482" s="14" t="s">
        <v>330</v>
      </c>
      <c r="E109482" s="15">
        <v>45723</v>
      </c>
      <c r="F109482" s="14" t="s">
        <v>15</v>
      </c>
      <c r="G109482" s="16">
        <v>0</v>
      </c>
    </row>
    <row r="109483" spans="1:7" x14ac:dyDescent="0.3">
      <c r="A109483" s="13" t="s">
        <v>525</v>
      </c>
      <c r="B109483" s="14" t="s">
        <v>1</v>
      </c>
      <c r="C109483" s="14" t="s">
        <v>109</v>
      </c>
      <c r="D109483" s="14" t="s">
        <v>330</v>
      </c>
      <c r="E109483" s="15">
        <v>45724</v>
      </c>
      <c r="F109483" s="14" t="s">
        <v>15</v>
      </c>
      <c r="G109483" s="16">
        <v>0</v>
      </c>
    </row>
    <row r="109484" spans="1:7" x14ac:dyDescent="0.3">
      <c r="A109484" s="13" t="s">
        <v>525</v>
      </c>
      <c r="B109484" s="14" t="s">
        <v>1</v>
      </c>
      <c r="C109484" s="14" t="s">
        <v>109</v>
      </c>
      <c r="D109484" s="14" t="s">
        <v>330</v>
      </c>
      <c r="E109484" s="15">
        <v>45725</v>
      </c>
      <c r="F109484" s="14" t="s">
        <v>15</v>
      </c>
      <c r="G109484" s="16">
        <v>0</v>
      </c>
    </row>
    <row r="109485" spans="1:7" x14ac:dyDescent="0.3">
      <c r="A109485" s="13" t="s">
        <v>525</v>
      </c>
      <c r="B109485" s="14" t="s">
        <v>1</v>
      </c>
      <c r="C109485" s="14" t="s">
        <v>109</v>
      </c>
      <c r="D109485" s="14" t="s">
        <v>330</v>
      </c>
      <c r="E109485" s="15">
        <v>45726</v>
      </c>
      <c r="F109485" s="14" t="s">
        <v>15</v>
      </c>
      <c r="G109485" s="16">
        <v>0</v>
      </c>
    </row>
    <row r="109486" spans="1:7" x14ac:dyDescent="0.3">
      <c r="A109486" s="13" t="s">
        <v>525</v>
      </c>
      <c r="B109486" s="14" t="s">
        <v>1</v>
      </c>
      <c r="C109486" s="14" t="s">
        <v>109</v>
      </c>
      <c r="D109486" s="14" t="s">
        <v>330</v>
      </c>
      <c r="E109486" s="15">
        <v>45727</v>
      </c>
      <c r="F109486" s="14" t="s">
        <v>15</v>
      </c>
      <c r="G109486" s="16">
        <v>0</v>
      </c>
    </row>
    <row r="109487" spans="1:7" x14ac:dyDescent="0.3">
      <c r="A109487" s="13" t="s">
        <v>525</v>
      </c>
      <c r="B109487" s="14" t="s">
        <v>1</v>
      </c>
      <c r="C109487" s="14" t="s">
        <v>109</v>
      </c>
      <c r="D109487" s="14" t="s">
        <v>330</v>
      </c>
      <c r="E109487" s="15">
        <v>45728</v>
      </c>
      <c r="F109487" s="14" t="s">
        <v>15</v>
      </c>
      <c r="G109487" s="16">
        <v>0</v>
      </c>
    </row>
    <row r="109488" spans="1:7" x14ac:dyDescent="0.3">
      <c r="A109488" s="13" t="s">
        <v>525</v>
      </c>
      <c r="B109488" s="14" t="s">
        <v>1</v>
      </c>
      <c r="C109488" s="14" t="s">
        <v>109</v>
      </c>
      <c r="D109488" s="14" t="s">
        <v>330</v>
      </c>
      <c r="E109488" s="15">
        <v>45729</v>
      </c>
      <c r="F109488" s="14" t="s">
        <v>15</v>
      </c>
      <c r="G109488" s="16">
        <v>0</v>
      </c>
    </row>
    <row r="109489" spans="1:7" x14ac:dyDescent="0.3">
      <c r="A109489" s="13" t="s">
        <v>525</v>
      </c>
      <c r="B109489" s="14" t="s">
        <v>1</v>
      </c>
      <c r="C109489" s="14" t="s">
        <v>109</v>
      </c>
      <c r="D109489" s="14" t="s">
        <v>330</v>
      </c>
      <c r="E109489" s="15">
        <v>45730</v>
      </c>
      <c r="F109489" s="14" t="s">
        <v>15</v>
      </c>
      <c r="G109489" s="16">
        <v>0</v>
      </c>
    </row>
    <row r="109490" spans="1:7" x14ac:dyDescent="0.3">
      <c r="A109490" s="13" t="s">
        <v>525</v>
      </c>
      <c r="B109490" s="14" t="s">
        <v>1</v>
      </c>
      <c r="C109490" s="14" t="s">
        <v>109</v>
      </c>
      <c r="D109490" s="14" t="s">
        <v>330</v>
      </c>
      <c r="E109490" s="15">
        <v>45731</v>
      </c>
      <c r="F109490" s="14" t="s">
        <v>15</v>
      </c>
      <c r="G109490" s="16">
        <v>0</v>
      </c>
    </row>
    <row r="109491" spans="1:7" x14ac:dyDescent="0.3">
      <c r="A109491" s="13" t="s">
        <v>525</v>
      </c>
      <c r="B109491" s="14" t="s">
        <v>1</v>
      </c>
      <c r="C109491" s="14" t="s">
        <v>109</v>
      </c>
      <c r="D109491" s="14" t="s">
        <v>330</v>
      </c>
      <c r="E109491" s="15">
        <v>45732</v>
      </c>
      <c r="F109491" s="14" t="s">
        <v>15</v>
      </c>
      <c r="G109491" s="16">
        <v>0</v>
      </c>
    </row>
    <row r="109492" spans="1:7" x14ac:dyDescent="0.3">
      <c r="A109492" s="13" t="s">
        <v>525</v>
      </c>
      <c r="B109492" s="14" t="s">
        <v>1</v>
      </c>
      <c r="C109492" s="14" t="s">
        <v>109</v>
      </c>
      <c r="D109492" s="14" t="s">
        <v>330</v>
      </c>
      <c r="E109492" s="15">
        <v>45733</v>
      </c>
      <c r="F109492" s="14" t="s">
        <v>15</v>
      </c>
      <c r="G109492" s="16">
        <v>0</v>
      </c>
    </row>
    <row r="109493" spans="1:7" x14ac:dyDescent="0.3">
      <c r="A109493" s="13" t="s">
        <v>525</v>
      </c>
      <c r="B109493" s="14" t="s">
        <v>1</v>
      </c>
      <c r="C109493" s="14" t="s">
        <v>109</v>
      </c>
      <c r="D109493" s="14" t="s">
        <v>330</v>
      </c>
      <c r="E109493" s="15">
        <v>45734</v>
      </c>
      <c r="F109493" s="14" t="s">
        <v>15</v>
      </c>
      <c r="G109493" s="16">
        <v>0</v>
      </c>
    </row>
    <row r="109494" spans="1:7" x14ac:dyDescent="0.3">
      <c r="A109494" s="13" t="s">
        <v>525</v>
      </c>
      <c r="B109494" s="14" t="s">
        <v>1</v>
      </c>
      <c r="C109494" s="14" t="s">
        <v>109</v>
      </c>
      <c r="D109494" s="14" t="s">
        <v>330</v>
      </c>
      <c r="E109494" s="15">
        <v>45735</v>
      </c>
      <c r="F109494" s="14" t="s">
        <v>15</v>
      </c>
      <c r="G109494" s="16">
        <v>0</v>
      </c>
    </row>
    <row r="109495" spans="1:7" x14ac:dyDescent="0.3">
      <c r="A109495" s="13" t="s">
        <v>525</v>
      </c>
      <c r="B109495" s="14" t="s">
        <v>1</v>
      </c>
      <c r="C109495" s="14" t="s">
        <v>109</v>
      </c>
      <c r="D109495" s="14" t="s">
        <v>330</v>
      </c>
      <c r="E109495" s="15">
        <v>45736</v>
      </c>
      <c r="F109495" s="14" t="s">
        <v>15</v>
      </c>
      <c r="G109495" s="16">
        <v>0</v>
      </c>
    </row>
    <row r="109496" spans="1:7" x14ac:dyDescent="0.3">
      <c r="A109496" s="13" t="s">
        <v>525</v>
      </c>
      <c r="B109496" s="14" t="s">
        <v>1</v>
      </c>
      <c r="C109496" s="14" t="s">
        <v>109</v>
      </c>
      <c r="D109496" s="14" t="s">
        <v>330</v>
      </c>
      <c r="E109496" s="15">
        <v>45737</v>
      </c>
      <c r="F109496" s="14" t="s">
        <v>15</v>
      </c>
      <c r="G109496" s="16">
        <v>0</v>
      </c>
    </row>
    <row r="109497" spans="1:7" x14ac:dyDescent="0.3">
      <c r="A109497" s="13" t="s">
        <v>525</v>
      </c>
      <c r="B109497" s="14" t="s">
        <v>1</v>
      </c>
      <c r="C109497" s="14" t="s">
        <v>109</v>
      </c>
      <c r="D109497" s="14" t="s">
        <v>330</v>
      </c>
      <c r="E109497" s="15">
        <v>45738</v>
      </c>
      <c r="F109497" s="14" t="s">
        <v>15</v>
      </c>
      <c r="G109497" s="16">
        <v>0</v>
      </c>
    </row>
    <row r="109498" spans="1:7" x14ac:dyDescent="0.3">
      <c r="A109498" s="13" t="s">
        <v>525</v>
      </c>
      <c r="B109498" s="14" t="s">
        <v>1</v>
      </c>
      <c r="C109498" s="14" t="s">
        <v>109</v>
      </c>
      <c r="D109498" s="14" t="s">
        <v>330</v>
      </c>
      <c r="E109498" s="15">
        <v>45739</v>
      </c>
      <c r="F109498" s="14" t="s">
        <v>15</v>
      </c>
      <c r="G109498" s="16">
        <v>0</v>
      </c>
    </row>
    <row r="109499" spans="1:7" x14ac:dyDescent="0.3">
      <c r="A109499" s="13" t="s">
        <v>525</v>
      </c>
      <c r="B109499" s="14" t="s">
        <v>1</v>
      </c>
      <c r="C109499" s="14" t="s">
        <v>109</v>
      </c>
      <c r="D109499" s="14" t="s">
        <v>330</v>
      </c>
      <c r="E109499" s="15">
        <v>45740</v>
      </c>
      <c r="F109499" s="14" t="s">
        <v>15</v>
      </c>
      <c r="G109499" s="16">
        <v>0</v>
      </c>
    </row>
    <row r="109500" spans="1:7" x14ac:dyDescent="0.3">
      <c r="A109500" s="13" t="s">
        <v>525</v>
      </c>
      <c r="B109500" s="14" t="s">
        <v>1</v>
      </c>
      <c r="C109500" s="14" t="s">
        <v>109</v>
      </c>
      <c r="D109500" s="14" t="s">
        <v>330</v>
      </c>
      <c r="E109500" s="15">
        <v>45741</v>
      </c>
      <c r="F109500" s="14" t="s">
        <v>15</v>
      </c>
      <c r="G109500" s="16">
        <v>0</v>
      </c>
    </row>
    <row r="109501" spans="1:7" x14ac:dyDescent="0.3">
      <c r="A109501" s="13" t="s">
        <v>525</v>
      </c>
      <c r="B109501" s="14" t="s">
        <v>1</v>
      </c>
      <c r="C109501" s="14" t="s">
        <v>109</v>
      </c>
      <c r="D109501" s="14" t="s">
        <v>330</v>
      </c>
      <c r="E109501" s="15">
        <v>45742</v>
      </c>
      <c r="F109501" s="14" t="s">
        <v>15</v>
      </c>
      <c r="G109501" s="16">
        <v>0</v>
      </c>
    </row>
    <row r="109502" spans="1:7" x14ac:dyDescent="0.3">
      <c r="A109502" s="13" t="s">
        <v>525</v>
      </c>
      <c r="B109502" s="14" t="s">
        <v>1</v>
      </c>
      <c r="C109502" s="14" t="s">
        <v>109</v>
      </c>
      <c r="D109502" s="14" t="s">
        <v>330</v>
      </c>
      <c r="E109502" s="15">
        <v>45743</v>
      </c>
      <c r="F109502" s="14" t="s">
        <v>15</v>
      </c>
      <c r="G109502" s="16">
        <v>0</v>
      </c>
    </row>
    <row r="109503" spans="1:7" x14ac:dyDescent="0.3">
      <c r="A109503" s="13" t="s">
        <v>525</v>
      </c>
      <c r="B109503" s="14" t="s">
        <v>1</v>
      </c>
      <c r="C109503" s="14" t="s">
        <v>109</v>
      </c>
      <c r="D109503" s="14" t="s">
        <v>330</v>
      </c>
      <c r="E109503" s="15">
        <v>45744</v>
      </c>
      <c r="F109503" s="14" t="s">
        <v>15</v>
      </c>
      <c r="G109503" s="16">
        <v>0</v>
      </c>
    </row>
    <row r="109504" spans="1:7" x14ac:dyDescent="0.3">
      <c r="A109504" s="13" t="s">
        <v>525</v>
      </c>
      <c r="B109504" s="14" t="s">
        <v>1</v>
      </c>
      <c r="C109504" s="14" t="s">
        <v>109</v>
      </c>
      <c r="D109504" s="14" t="s">
        <v>330</v>
      </c>
      <c r="E109504" s="15">
        <v>45745</v>
      </c>
      <c r="F109504" s="14" t="s">
        <v>15</v>
      </c>
      <c r="G109504" s="16">
        <v>0</v>
      </c>
    </row>
    <row r="109505" spans="1:7" x14ac:dyDescent="0.3">
      <c r="A109505" s="13" t="s">
        <v>525</v>
      </c>
      <c r="B109505" s="14" t="s">
        <v>1</v>
      </c>
      <c r="C109505" s="14" t="s">
        <v>109</v>
      </c>
      <c r="D109505" s="14" t="s">
        <v>330</v>
      </c>
      <c r="E109505" s="15">
        <v>45746</v>
      </c>
      <c r="F109505" s="14" t="s">
        <v>15</v>
      </c>
      <c r="G109505" s="16">
        <v>0</v>
      </c>
    </row>
    <row r="109506" spans="1:7" x14ac:dyDescent="0.3">
      <c r="A109506" s="13" t="s">
        <v>525</v>
      </c>
      <c r="B109506" s="14" t="s">
        <v>1</v>
      </c>
      <c r="C109506" s="14" t="s">
        <v>109</v>
      </c>
      <c r="D109506" s="14" t="s">
        <v>330</v>
      </c>
      <c r="E109506" s="15">
        <v>45747</v>
      </c>
      <c r="F109506" s="14" t="s">
        <v>15</v>
      </c>
      <c r="G109506" s="16">
        <v>0</v>
      </c>
    </row>
    <row r="109507" spans="1:7" x14ac:dyDescent="0.3">
      <c r="A109507" s="13" t="s">
        <v>526</v>
      </c>
      <c r="B109507" s="14" t="s">
        <v>1</v>
      </c>
      <c r="C109507" s="14" t="s">
        <v>191</v>
      </c>
      <c r="D109507" s="14" t="s">
        <v>227</v>
      </c>
      <c r="E109507" s="15">
        <v>45383</v>
      </c>
      <c r="F109507" s="14" t="s">
        <v>15</v>
      </c>
      <c r="G109507" s="16">
        <v>0</v>
      </c>
    </row>
    <row r="109508" spans="1:7" x14ac:dyDescent="0.3">
      <c r="A109508" s="13" t="s">
        <v>526</v>
      </c>
      <c r="B109508" s="14" t="s">
        <v>1</v>
      </c>
      <c r="C109508" s="14" t="s">
        <v>191</v>
      </c>
      <c r="D109508" s="14" t="s">
        <v>227</v>
      </c>
      <c r="E109508" s="15">
        <v>45384</v>
      </c>
      <c r="F109508" s="14" t="s">
        <v>15</v>
      </c>
      <c r="G109508" s="16">
        <v>0</v>
      </c>
    </row>
    <row r="109509" spans="1:7" x14ac:dyDescent="0.3">
      <c r="A109509" s="13" t="s">
        <v>526</v>
      </c>
      <c r="B109509" s="14" t="s">
        <v>1</v>
      </c>
      <c r="C109509" s="14" t="s">
        <v>191</v>
      </c>
      <c r="D109509" s="14" t="s">
        <v>227</v>
      </c>
      <c r="E109509" s="15">
        <v>45385</v>
      </c>
      <c r="F109509" s="14" t="s">
        <v>15</v>
      </c>
      <c r="G109509" s="16">
        <v>0</v>
      </c>
    </row>
    <row r="109510" spans="1:7" x14ac:dyDescent="0.3">
      <c r="A109510" s="13" t="s">
        <v>526</v>
      </c>
      <c r="B109510" s="14" t="s">
        <v>1</v>
      </c>
      <c r="C109510" s="14" t="s">
        <v>191</v>
      </c>
      <c r="D109510" s="14" t="s">
        <v>227</v>
      </c>
      <c r="E109510" s="15">
        <v>45386</v>
      </c>
      <c r="F109510" s="14" t="s">
        <v>15</v>
      </c>
      <c r="G109510" s="16">
        <v>1.5495152707258473E-3</v>
      </c>
    </row>
    <row r="109511" spans="1:7" x14ac:dyDescent="0.3">
      <c r="A109511" s="13" t="s">
        <v>526</v>
      </c>
      <c r="B109511" s="14" t="s">
        <v>1</v>
      </c>
      <c r="C109511" s="14" t="s">
        <v>191</v>
      </c>
      <c r="D109511" s="14" t="s">
        <v>227</v>
      </c>
      <c r="E109511" s="15">
        <v>45387</v>
      </c>
      <c r="F109511" s="14" t="s">
        <v>15</v>
      </c>
      <c r="G109511" s="16">
        <v>0</v>
      </c>
    </row>
    <row r="109512" spans="1:7" x14ac:dyDescent="0.3">
      <c r="A109512" s="13" t="s">
        <v>526</v>
      </c>
      <c r="B109512" s="14" t="s">
        <v>1</v>
      </c>
      <c r="C109512" s="14" t="s">
        <v>191</v>
      </c>
      <c r="D109512" s="14" t="s">
        <v>227</v>
      </c>
      <c r="E109512" s="15">
        <v>45388</v>
      </c>
      <c r="F109512" s="14" t="s">
        <v>15</v>
      </c>
      <c r="G109512" s="16">
        <v>0</v>
      </c>
    </row>
    <row r="109513" spans="1:7" x14ac:dyDescent="0.3">
      <c r="A109513" s="13" t="s">
        <v>526</v>
      </c>
      <c r="B109513" s="14" t="s">
        <v>1</v>
      </c>
      <c r="C109513" s="14" t="s">
        <v>191</v>
      </c>
      <c r="D109513" s="14" t="s">
        <v>227</v>
      </c>
      <c r="E109513" s="15">
        <v>45389</v>
      </c>
      <c r="F109513" s="14" t="s">
        <v>15</v>
      </c>
      <c r="G109513" s="16">
        <v>0</v>
      </c>
    </row>
    <row r="109514" spans="1:7" x14ac:dyDescent="0.3">
      <c r="A109514" s="13" t="s">
        <v>526</v>
      </c>
      <c r="B109514" s="14" t="s">
        <v>1</v>
      </c>
      <c r="C109514" s="14" t="s">
        <v>191</v>
      </c>
      <c r="D109514" s="14" t="s">
        <v>227</v>
      </c>
      <c r="E109514" s="15">
        <v>45390</v>
      </c>
      <c r="F109514" s="14" t="s">
        <v>15</v>
      </c>
      <c r="G109514" s="16">
        <v>0</v>
      </c>
    </row>
    <row r="109515" spans="1:7" x14ac:dyDescent="0.3">
      <c r="A109515" s="13" t="s">
        <v>526</v>
      </c>
      <c r="B109515" s="14" t="s">
        <v>1</v>
      </c>
      <c r="C109515" s="14" t="s">
        <v>191</v>
      </c>
      <c r="D109515" s="14" t="s">
        <v>227</v>
      </c>
      <c r="E109515" s="15">
        <v>45391</v>
      </c>
      <c r="F109515" s="14" t="s">
        <v>15</v>
      </c>
      <c r="G109515" s="16">
        <v>0</v>
      </c>
    </row>
    <row r="109516" spans="1:7" x14ac:dyDescent="0.3">
      <c r="A109516" s="13" t="s">
        <v>526</v>
      </c>
      <c r="B109516" s="14" t="s">
        <v>1</v>
      </c>
      <c r="C109516" s="14" t="s">
        <v>191</v>
      </c>
      <c r="D109516" s="14" t="s">
        <v>227</v>
      </c>
      <c r="E109516" s="15">
        <v>45392</v>
      </c>
      <c r="F109516" s="14" t="s">
        <v>15</v>
      </c>
      <c r="G109516" s="16">
        <v>0</v>
      </c>
    </row>
    <row r="109517" spans="1:7" x14ac:dyDescent="0.3">
      <c r="A109517" s="13" t="s">
        <v>526</v>
      </c>
      <c r="B109517" s="14" t="s">
        <v>1</v>
      </c>
      <c r="C109517" s="14" t="s">
        <v>191</v>
      </c>
      <c r="D109517" s="14" t="s">
        <v>227</v>
      </c>
      <c r="E109517" s="15">
        <v>45393</v>
      </c>
      <c r="F109517" s="14" t="s">
        <v>15</v>
      </c>
      <c r="G109517" s="16">
        <v>0</v>
      </c>
    </row>
    <row r="109518" spans="1:7" x14ac:dyDescent="0.3">
      <c r="A109518" s="13" t="s">
        <v>526</v>
      </c>
      <c r="B109518" s="14" t="s">
        <v>1</v>
      </c>
      <c r="C109518" s="14" t="s">
        <v>191</v>
      </c>
      <c r="D109518" s="14" t="s">
        <v>227</v>
      </c>
      <c r="E109518" s="15">
        <v>45394</v>
      </c>
      <c r="F109518" s="14" t="s">
        <v>15</v>
      </c>
      <c r="G109518" s="16">
        <v>0</v>
      </c>
    </row>
    <row r="109519" spans="1:7" x14ac:dyDescent="0.3">
      <c r="A109519" s="13" t="s">
        <v>526</v>
      </c>
      <c r="B109519" s="14" t="s">
        <v>1</v>
      </c>
      <c r="C109519" s="14" t="s">
        <v>191</v>
      </c>
      <c r="D109519" s="14" t="s">
        <v>227</v>
      </c>
      <c r="E109519" s="15">
        <v>45395</v>
      </c>
      <c r="F109519" s="14" t="s">
        <v>15</v>
      </c>
      <c r="G109519" s="16">
        <v>0</v>
      </c>
    </row>
    <row r="109520" spans="1:7" x14ac:dyDescent="0.3">
      <c r="A109520" s="13" t="s">
        <v>526</v>
      </c>
      <c r="B109520" s="14" t="s">
        <v>1</v>
      </c>
      <c r="C109520" s="14" t="s">
        <v>191</v>
      </c>
      <c r="D109520" s="14" t="s">
        <v>227</v>
      </c>
      <c r="E109520" s="15">
        <v>45396</v>
      </c>
      <c r="F109520" s="14" t="s">
        <v>15</v>
      </c>
      <c r="G109520" s="16">
        <v>0</v>
      </c>
    </row>
    <row r="109521" spans="1:7" x14ac:dyDescent="0.3">
      <c r="A109521" s="13" t="s">
        <v>526</v>
      </c>
      <c r="B109521" s="14" t="s">
        <v>1</v>
      </c>
      <c r="C109521" s="14" t="s">
        <v>191</v>
      </c>
      <c r="D109521" s="14" t="s">
        <v>227</v>
      </c>
      <c r="E109521" s="15">
        <v>45397</v>
      </c>
      <c r="F109521" s="14" t="s">
        <v>15</v>
      </c>
      <c r="G109521" s="16">
        <v>0</v>
      </c>
    </row>
    <row r="109522" spans="1:7" x14ac:dyDescent="0.3">
      <c r="A109522" s="13" t="s">
        <v>526</v>
      </c>
      <c r="B109522" s="14" t="s">
        <v>1</v>
      </c>
      <c r="C109522" s="14" t="s">
        <v>191</v>
      </c>
      <c r="D109522" s="14" t="s">
        <v>227</v>
      </c>
      <c r="E109522" s="15">
        <v>45398</v>
      </c>
      <c r="F109522" s="14" t="s">
        <v>15</v>
      </c>
      <c r="G109522" s="16">
        <v>0</v>
      </c>
    </row>
    <row r="109523" spans="1:7" x14ac:dyDescent="0.3">
      <c r="A109523" s="13" t="s">
        <v>526</v>
      </c>
      <c r="B109523" s="14" t="s">
        <v>1</v>
      </c>
      <c r="C109523" s="14" t="s">
        <v>191</v>
      </c>
      <c r="D109523" s="14" t="s">
        <v>227</v>
      </c>
      <c r="E109523" s="15">
        <v>45399</v>
      </c>
      <c r="F109523" s="14" t="s">
        <v>15</v>
      </c>
      <c r="G109523" s="16">
        <v>0</v>
      </c>
    </row>
    <row r="109524" spans="1:7" x14ac:dyDescent="0.3">
      <c r="A109524" s="13" t="s">
        <v>526</v>
      </c>
      <c r="B109524" s="14" t="s">
        <v>1</v>
      </c>
      <c r="C109524" s="14" t="s">
        <v>191</v>
      </c>
      <c r="D109524" s="14" t="s">
        <v>227</v>
      </c>
      <c r="E109524" s="15">
        <v>45400</v>
      </c>
      <c r="F109524" s="14" t="s">
        <v>15</v>
      </c>
      <c r="G109524" s="16">
        <v>0</v>
      </c>
    </row>
    <row r="109525" spans="1:7" x14ac:dyDescent="0.3">
      <c r="A109525" s="13" t="s">
        <v>526</v>
      </c>
      <c r="B109525" s="14" t="s">
        <v>1</v>
      </c>
      <c r="C109525" s="14" t="s">
        <v>191</v>
      </c>
      <c r="D109525" s="14" t="s">
        <v>227</v>
      </c>
      <c r="E109525" s="15">
        <v>45401</v>
      </c>
      <c r="F109525" s="14" t="s">
        <v>15</v>
      </c>
      <c r="G109525" s="16">
        <v>0</v>
      </c>
    </row>
    <row r="109526" spans="1:7" x14ac:dyDescent="0.3">
      <c r="A109526" s="13" t="s">
        <v>526</v>
      </c>
      <c r="B109526" s="14" t="s">
        <v>1</v>
      </c>
      <c r="C109526" s="14" t="s">
        <v>191</v>
      </c>
      <c r="D109526" s="14" t="s">
        <v>227</v>
      </c>
      <c r="E109526" s="15">
        <v>45402</v>
      </c>
      <c r="F109526" s="14" t="s">
        <v>15</v>
      </c>
      <c r="G109526" s="16">
        <v>0</v>
      </c>
    </row>
    <row r="109527" spans="1:7" x14ac:dyDescent="0.3">
      <c r="A109527" s="13" t="s">
        <v>526</v>
      </c>
      <c r="B109527" s="14" t="s">
        <v>1</v>
      </c>
      <c r="C109527" s="14" t="s">
        <v>191</v>
      </c>
      <c r="D109527" s="14" t="s">
        <v>227</v>
      </c>
      <c r="E109527" s="15">
        <v>45403</v>
      </c>
      <c r="F109527" s="14" t="s">
        <v>15</v>
      </c>
      <c r="G109527" s="16">
        <v>0</v>
      </c>
    </row>
    <row r="109528" spans="1:7" x14ac:dyDescent="0.3">
      <c r="A109528" s="13" t="s">
        <v>526</v>
      </c>
      <c r="B109528" s="14" t="s">
        <v>1</v>
      </c>
      <c r="C109528" s="14" t="s">
        <v>191</v>
      </c>
      <c r="D109528" s="14" t="s">
        <v>227</v>
      </c>
      <c r="E109528" s="15">
        <v>45404</v>
      </c>
      <c r="F109528" s="14" t="s">
        <v>15</v>
      </c>
      <c r="G109528" s="16">
        <v>0</v>
      </c>
    </row>
    <row r="109529" spans="1:7" x14ac:dyDescent="0.3">
      <c r="A109529" s="13" t="s">
        <v>526</v>
      </c>
      <c r="B109529" s="14" t="s">
        <v>1</v>
      </c>
      <c r="C109529" s="14" t="s">
        <v>191</v>
      </c>
      <c r="D109529" s="14" t="s">
        <v>227</v>
      </c>
      <c r="E109529" s="15">
        <v>45405</v>
      </c>
      <c r="F109529" s="14" t="s">
        <v>15</v>
      </c>
      <c r="G109529" s="16">
        <v>0</v>
      </c>
    </row>
    <row r="109530" spans="1:7" x14ac:dyDescent="0.3">
      <c r="A109530" s="13" t="s">
        <v>526</v>
      </c>
      <c r="B109530" s="14" t="s">
        <v>1</v>
      </c>
      <c r="C109530" s="14" t="s">
        <v>191</v>
      </c>
      <c r="D109530" s="14" t="s">
        <v>227</v>
      </c>
      <c r="E109530" s="15">
        <v>45406</v>
      </c>
      <c r="F109530" s="14" t="s">
        <v>15</v>
      </c>
      <c r="G109530" s="16">
        <v>0</v>
      </c>
    </row>
    <row r="109531" spans="1:7" x14ac:dyDescent="0.3">
      <c r="A109531" s="13" t="s">
        <v>526</v>
      </c>
      <c r="B109531" s="14" t="s">
        <v>1</v>
      </c>
      <c r="C109531" s="14" t="s">
        <v>191</v>
      </c>
      <c r="D109531" s="14" t="s">
        <v>227</v>
      </c>
      <c r="E109531" s="15">
        <v>45407</v>
      </c>
      <c r="F109531" s="14" t="s">
        <v>15</v>
      </c>
      <c r="G109531" s="16">
        <v>0</v>
      </c>
    </row>
    <row r="109532" spans="1:7" x14ac:dyDescent="0.3">
      <c r="A109532" s="13" t="s">
        <v>526</v>
      </c>
      <c r="B109532" s="14" t="s">
        <v>1</v>
      </c>
      <c r="C109532" s="14" t="s">
        <v>191</v>
      </c>
      <c r="D109532" s="14" t="s">
        <v>227</v>
      </c>
      <c r="E109532" s="15">
        <v>45408</v>
      </c>
      <c r="F109532" s="14" t="s">
        <v>15</v>
      </c>
      <c r="G109532" s="16">
        <v>0</v>
      </c>
    </row>
    <row r="109533" spans="1:7" x14ac:dyDescent="0.3">
      <c r="A109533" s="13" t="s">
        <v>526</v>
      </c>
      <c r="B109533" s="14" t="s">
        <v>1</v>
      </c>
      <c r="C109533" s="14" t="s">
        <v>191</v>
      </c>
      <c r="D109533" s="14" t="s">
        <v>227</v>
      </c>
      <c r="E109533" s="15">
        <v>45409</v>
      </c>
      <c r="F109533" s="14" t="s">
        <v>15</v>
      </c>
      <c r="G109533" s="16">
        <v>0</v>
      </c>
    </row>
    <row r="109534" spans="1:7" x14ac:dyDescent="0.3">
      <c r="A109534" s="13" t="s">
        <v>526</v>
      </c>
      <c r="B109534" s="14" t="s">
        <v>1</v>
      </c>
      <c r="C109534" s="14" t="s">
        <v>191</v>
      </c>
      <c r="D109534" s="14" t="s">
        <v>227</v>
      </c>
      <c r="E109534" s="15">
        <v>45410</v>
      </c>
      <c r="F109534" s="14" t="s">
        <v>15</v>
      </c>
      <c r="G109534" s="16">
        <v>0</v>
      </c>
    </row>
    <row r="109535" spans="1:7" x14ac:dyDescent="0.3">
      <c r="A109535" s="13" t="s">
        <v>526</v>
      </c>
      <c r="B109535" s="14" t="s">
        <v>1</v>
      </c>
      <c r="C109535" s="14" t="s">
        <v>191</v>
      </c>
      <c r="D109535" s="14" t="s">
        <v>227</v>
      </c>
      <c r="E109535" s="15">
        <v>45411</v>
      </c>
      <c r="F109535" s="14" t="s">
        <v>15</v>
      </c>
      <c r="G109535" s="16">
        <v>0</v>
      </c>
    </row>
    <row r="109536" spans="1:7" x14ac:dyDescent="0.3">
      <c r="A109536" s="13" t="s">
        <v>526</v>
      </c>
      <c r="B109536" s="14" t="s">
        <v>1</v>
      </c>
      <c r="C109536" s="14" t="s">
        <v>191</v>
      </c>
      <c r="D109536" s="14" t="s">
        <v>227</v>
      </c>
      <c r="E109536" s="15">
        <v>45412</v>
      </c>
      <c r="F109536" s="14" t="s">
        <v>15</v>
      </c>
      <c r="G109536" s="16">
        <v>0</v>
      </c>
    </row>
    <row r="109537" spans="1:7" x14ac:dyDescent="0.3">
      <c r="A109537" s="13" t="s">
        <v>526</v>
      </c>
      <c r="B109537" s="14" t="s">
        <v>1</v>
      </c>
      <c r="C109537" s="14" t="s">
        <v>191</v>
      </c>
      <c r="D109537" s="14" t="s">
        <v>227</v>
      </c>
      <c r="E109537" s="15">
        <v>45413</v>
      </c>
      <c r="F109537" s="14" t="s">
        <v>15</v>
      </c>
      <c r="G109537" s="16">
        <v>0</v>
      </c>
    </row>
    <row r="109538" spans="1:7" x14ac:dyDescent="0.3">
      <c r="A109538" s="13" t="s">
        <v>526</v>
      </c>
      <c r="B109538" s="14" t="s">
        <v>1</v>
      </c>
      <c r="C109538" s="14" t="s">
        <v>191</v>
      </c>
      <c r="D109538" s="14" t="s">
        <v>227</v>
      </c>
      <c r="E109538" s="15">
        <v>45414</v>
      </c>
      <c r="F109538" s="14" t="s">
        <v>15</v>
      </c>
      <c r="G109538" s="16">
        <v>0</v>
      </c>
    </row>
    <row r="109539" spans="1:7" x14ac:dyDescent="0.3">
      <c r="A109539" s="13" t="s">
        <v>526</v>
      </c>
      <c r="B109539" s="14" t="s">
        <v>1</v>
      </c>
      <c r="C109539" s="14" t="s">
        <v>191</v>
      </c>
      <c r="D109539" s="14" t="s">
        <v>227</v>
      </c>
      <c r="E109539" s="15">
        <v>45415</v>
      </c>
      <c r="F109539" s="14" t="s">
        <v>15</v>
      </c>
      <c r="G109539" s="16">
        <v>1.1137472410468148E-2</v>
      </c>
    </row>
    <row r="109540" spans="1:7" x14ac:dyDescent="0.3">
      <c r="A109540" s="13" t="s">
        <v>526</v>
      </c>
      <c r="B109540" s="14" t="s">
        <v>1</v>
      </c>
      <c r="C109540" s="14" t="s">
        <v>191</v>
      </c>
      <c r="D109540" s="14" t="s">
        <v>227</v>
      </c>
      <c r="E109540" s="15">
        <v>45416</v>
      </c>
      <c r="F109540" s="14" t="s">
        <v>15</v>
      </c>
      <c r="G109540" s="16">
        <v>1.1137472410468148E-2</v>
      </c>
    </row>
    <row r="109541" spans="1:7" x14ac:dyDescent="0.3">
      <c r="A109541" s="13" t="s">
        <v>526</v>
      </c>
      <c r="B109541" s="14" t="s">
        <v>1</v>
      </c>
      <c r="C109541" s="14" t="s">
        <v>191</v>
      </c>
      <c r="D109541" s="14" t="s">
        <v>227</v>
      </c>
      <c r="E109541" s="15">
        <v>45417</v>
      </c>
      <c r="F109541" s="14" t="s">
        <v>15</v>
      </c>
      <c r="G109541" s="16">
        <v>1.1137472410468148E-2</v>
      </c>
    </row>
    <row r="109542" spans="1:7" x14ac:dyDescent="0.3">
      <c r="A109542" s="13" t="s">
        <v>526</v>
      </c>
      <c r="B109542" s="14" t="s">
        <v>1</v>
      </c>
      <c r="C109542" s="14" t="s">
        <v>191</v>
      </c>
      <c r="D109542" s="14" t="s">
        <v>227</v>
      </c>
      <c r="E109542" s="15">
        <v>45418</v>
      </c>
      <c r="F109542" s="14" t="s">
        <v>15</v>
      </c>
      <c r="G109542" s="16">
        <v>1.1137472410468148E-2</v>
      </c>
    </row>
    <row r="109543" spans="1:7" x14ac:dyDescent="0.3">
      <c r="A109543" s="13" t="s">
        <v>526</v>
      </c>
      <c r="B109543" s="14" t="s">
        <v>1</v>
      </c>
      <c r="C109543" s="14" t="s">
        <v>191</v>
      </c>
      <c r="D109543" s="14" t="s">
        <v>227</v>
      </c>
      <c r="E109543" s="15">
        <v>45419</v>
      </c>
      <c r="F109543" s="14" t="s">
        <v>15</v>
      </c>
      <c r="G109543" s="16">
        <v>7.9830561582225346E-2</v>
      </c>
    </row>
    <row r="109544" spans="1:7" x14ac:dyDescent="0.3">
      <c r="A109544" s="13" t="s">
        <v>526</v>
      </c>
      <c r="B109544" s="14" t="s">
        <v>1</v>
      </c>
      <c r="C109544" s="14" t="s">
        <v>191</v>
      </c>
      <c r="D109544" s="14" t="s">
        <v>227</v>
      </c>
      <c r="E109544" s="15">
        <v>45420</v>
      </c>
      <c r="F109544" s="14" t="s">
        <v>15</v>
      </c>
      <c r="G109544" s="16">
        <v>0.1200560276361468</v>
      </c>
    </row>
    <row r="109545" spans="1:7" x14ac:dyDescent="0.3">
      <c r="A109545" s="13" t="s">
        <v>526</v>
      </c>
      <c r="B109545" s="14" t="s">
        <v>1</v>
      </c>
      <c r="C109545" s="14" t="s">
        <v>191</v>
      </c>
      <c r="D109545" s="14" t="s">
        <v>227</v>
      </c>
      <c r="E109545" s="15">
        <v>45421</v>
      </c>
      <c r="F109545" s="14" t="s">
        <v>15</v>
      </c>
      <c r="G109545" s="16">
        <v>0.11969184467908611</v>
      </c>
    </row>
    <row r="109546" spans="1:7" x14ac:dyDescent="0.3">
      <c r="A109546" s="13" t="s">
        <v>526</v>
      </c>
      <c r="B109546" s="14" t="s">
        <v>1</v>
      </c>
      <c r="C109546" s="14" t="s">
        <v>191</v>
      </c>
      <c r="D109546" s="14" t="s">
        <v>227</v>
      </c>
      <c r="E109546" s="15">
        <v>45422</v>
      </c>
      <c r="F109546" s="14" t="s">
        <v>15</v>
      </c>
      <c r="G109546" s="16">
        <v>0.11932975156434683</v>
      </c>
    </row>
    <row r="109547" spans="1:7" x14ac:dyDescent="0.3">
      <c r="A109547" s="13" t="s">
        <v>526</v>
      </c>
      <c r="B109547" s="14" t="s">
        <v>1</v>
      </c>
      <c r="C109547" s="14" t="s">
        <v>191</v>
      </c>
      <c r="D109547" s="14" t="s">
        <v>227</v>
      </c>
      <c r="E109547" s="15">
        <v>45423</v>
      </c>
      <c r="F109547" s="14" t="s">
        <v>15</v>
      </c>
      <c r="G109547" s="16">
        <v>0.11932975156434683</v>
      </c>
    </row>
    <row r="109548" spans="1:7" x14ac:dyDescent="0.3">
      <c r="A109548" s="13" t="s">
        <v>526</v>
      </c>
      <c r="B109548" s="14" t="s">
        <v>1</v>
      </c>
      <c r="C109548" s="14" t="s">
        <v>191</v>
      </c>
      <c r="D109548" s="14" t="s">
        <v>227</v>
      </c>
      <c r="E109548" s="15">
        <v>45424</v>
      </c>
      <c r="F109548" s="14" t="s">
        <v>15</v>
      </c>
      <c r="G109548" s="16">
        <v>0.11932975156434683</v>
      </c>
    </row>
    <row r="109549" spans="1:7" x14ac:dyDescent="0.3">
      <c r="A109549" s="13" t="s">
        <v>526</v>
      </c>
      <c r="B109549" s="14" t="s">
        <v>1</v>
      </c>
      <c r="C109549" s="14" t="s">
        <v>191</v>
      </c>
      <c r="D109549" s="14" t="s">
        <v>227</v>
      </c>
      <c r="E109549" s="15">
        <v>45425</v>
      </c>
      <c r="F109549" s="14" t="s">
        <v>15</v>
      </c>
      <c r="G109549" s="16">
        <v>0.11896901684711646</v>
      </c>
    </row>
    <row r="109550" spans="1:7" x14ac:dyDescent="0.3">
      <c r="A109550" s="13" t="s">
        <v>526</v>
      </c>
      <c r="B109550" s="14" t="s">
        <v>1</v>
      </c>
      <c r="C109550" s="14" t="s">
        <v>191</v>
      </c>
      <c r="D109550" s="14" t="s">
        <v>227</v>
      </c>
      <c r="E109550" s="15">
        <v>45426</v>
      </c>
      <c r="F109550" s="14" t="s">
        <v>15</v>
      </c>
      <c r="G109550" s="16">
        <v>0.11787819571490608</v>
      </c>
    </row>
    <row r="109551" spans="1:7" x14ac:dyDescent="0.3">
      <c r="A109551" s="13" t="s">
        <v>526</v>
      </c>
      <c r="B109551" s="14" t="s">
        <v>1</v>
      </c>
      <c r="C109551" s="14" t="s">
        <v>191</v>
      </c>
      <c r="D109551" s="14" t="s">
        <v>227</v>
      </c>
      <c r="E109551" s="15">
        <v>45427</v>
      </c>
      <c r="F109551" s="14" t="s">
        <v>15</v>
      </c>
      <c r="G109551" s="16">
        <v>0.11751443072630968</v>
      </c>
    </row>
    <row r="109552" spans="1:7" x14ac:dyDescent="0.3">
      <c r="A109552" s="13" t="s">
        <v>526</v>
      </c>
      <c r="B109552" s="14" t="s">
        <v>1</v>
      </c>
      <c r="C109552" s="14" t="s">
        <v>191</v>
      </c>
      <c r="D109552" s="14" t="s">
        <v>227</v>
      </c>
      <c r="E109552" s="15">
        <v>45428</v>
      </c>
      <c r="F109552" s="14" t="s">
        <v>15</v>
      </c>
      <c r="G109552" s="16">
        <v>0.11715191964310612</v>
      </c>
    </row>
    <row r="109553" spans="1:7" x14ac:dyDescent="0.3">
      <c r="A109553" s="13" t="s">
        <v>526</v>
      </c>
      <c r="B109553" s="14" t="s">
        <v>1</v>
      </c>
      <c r="C109553" s="14" t="s">
        <v>191</v>
      </c>
      <c r="D109553" s="14" t="s">
        <v>227</v>
      </c>
      <c r="E109553" s="15">
        <v>45429</v>
      </c>
      <c r="F109553" s="14" t="s">
        <v>15</v>
      </c>
      <c r="G109553" s="16">
        <v>0.11953065473287881</v>
      </c>
    </row>
    <row r="109554" spans="1:7" x14ac:dyDescent="0.3">
      <c r="A109554" s="13" t="s">
        <v>526</v>
      </c>
      <c r="B109554" s="14" t="s">
        <v>1</v>
      </c>
      <c r="C109554" s="14" t="s">
        <v>191</v>
      </c>
      <c r="D109554" s="14" t="s">
        <v>227</v>
      </c>
      <c r="E109554" s="15">
        <v>45430</v>
      </c>
      <c r="F109554" s="14" t="s">
        <v>15</v>
      </c>
      <c r="G109554" s="16">
        <v>0.11953065473287881</v>
      </c>
    </row>
    <row r="109555" spans="1:7" x14ac:dyDescent="0.3">
      <c r="A109555" s="13" t="s">
        <v>526</v>
      </c>
      <c r="B109555" s="14" t="s">
        <v>1</v>
      </c>
      <c r="C109555" s="14" t="s">
        <v>191</v>
      </c>
      <c r="D109555" s="14" t="s">
        <v>227</v>
      </c>
      <c r="E109555" s="15">
        <v>45431</v>
      </c>
      <c r="F109555" s="14" t="s">
        <v>15</v>
      </c>
      <c r="G109555" s="16">
        <v>0.11953065473287881</v>
      </c>
    </row>
    <row r="109556" spans="1:7" x14ac:dyDescent="0.3">
      <c r="A109556" s="13" t="s">
        <v>526</v>
      </c>
      <c r="B109556" s="14" t="s">
        <v>1</v>
      </c>
      <c r="C109556" s="14" t="s">
        <v>191</v>
      </c>
      <c r="D109556" s="14" t="s">
        <v>227</v>
      </c>
      <c r="E109556" s="15">
        <v>45432</v>
      </c>
      <c r="F109556" s="14" t="s">
        <v>15</v>
      </c>
      <c r="G109556" s="16">
        <v>0.11915832139076468</v>
      </c>
    </row>
    <row r="109557" spans="1:7" x14ac:dyDescent="0.3">
      <c r="A109557" s="13" t="s">
        <v>526</v>
      </c>
      <c r="B109557" s="14" t="s">
        <v>1</v>
      </c>
      <c r="C109557" s="14" t="s">
        <v>191</v>
      </c>
      <c r="D109557" s="14" t="s">
        <v>227</v>
      </c>
      <c r="E109557" s="15">
        <v>45433</v>
      </c>
      <c r="F109557" s="14" t="s">
        <v>15</v>
      </c>
      <c r="G109557" s="16">
        <v>0.11805485671250987</v>
      </c>
    </row>
    <row r="109558" spans="1:7" x14ac:dyDescent="0.3">
      <c r="A109558" s="13" t="s">
        <v>526</v>
      </c>
      <c r="B109558" s="14" t="s">
        <v>1</v>
      </c>
      <c r="C109558" s="14" t="s">
        <v>191</v>
      </c>
      <c r="D109558" s="14" t="s">
        <v>227</v>
      </c>
      <c r="E109558" s="15">
        <v>45434</v>
      </c>
      <c r="F109558" s="14" t="s">
        <v>15</v>
      </c>
      <c r="G109558" s="16">
        <v>0.11805485671250987</v>
      </c>
    </row>
    <row r="109559" spans="1:7" x14ac:dyDescent="0.3">
      <c r="A109559" s="13" t="s">
        <v>526</v>
      </c>
      <c r="B109559" s="14" t="s">
        <v>1</v>
      </c>
      <c r="C109559" s="14" t="s">
        <v>191</v>
      </c>
      <c r="D109559" s="14" t="s">
        <v>227</v>
      </c>
      <c r="E109559" s="15">
        <v>45435</v>
      </c>
      <c r="F109559" s="14" t="s">
        <v>15</v>
      </c>
      <c r="G109559" s="16">
        <v>0.11768680754715459</v>
      </c>
    </row>
    <row r="109560" spans="1:7" x14ac:dyDescent="0.3">
      <c r="A109560" s="13" t="s">
        <v>526</v>
      </c>
      <c r="B109560" s="14" t="s">
        <v>1</v>
      </c>
      <c r="C109560" s="14" t="s">
        <v>191</v>
      </c>
      <c r="D109560" s="14" t="s">
        <v>227</v>
      </c>
      <c r="E109560" s="15">
        <v>45436</v>
      </c>
      <c r="F109560" s="14" t="s">
        <v>15</v>
      </c>
      <c r="G109560" s="16">
        <v>0.1169550213257602</v>
      </c>
    </row>
    <row r="109561" spans="1:7" x14ac:dyDescent="0.3">
      <c r="A109561" s="13" t="s">
        <v>526</v>
      </c>
      <c r="B109561" s="14" t="s">
        <v>1</v>
      </c>
      <c r="C109561" s="14" t="s">
        <v>191</v>
      </c>
      <c r="D109561" s="14" t="s">
        <v>227</v>
      </c>
      <c r="E109561" s="15">
        <v>45437</v>
      </c>
      <c r="F109561" s="14" t="s">
        <v>15</v>
      </c>
      <c r="G109561" s="16">
        <v>0.1169550213257602</v>
      </c>
    </row>
    <row r="109562" spans="1:7" x14ac:dyDescent="0.3">
      <c r="A109562" s="13" t="s">
        <v>526</v>
      </c>
      <c r="B109562" s="14" t="s">
        <v>1</v>
      </c>
      <c r="C109562" s="14" t="s">
        <v>191</v>
      </c>
      <c r="D109562" s="14" t="s">
        <v>227</v>
      </c>
      <c r="E109562" s="15">
        <v>45438</v>
      </c>
      <c r="F109562" s="14" t="s">
        <v>15</v>
      </c>
      <c r="G109562" s="16">
        <v>0.1169550213257602</v>
      </c>
    </row>
    <row r="109563" spans="1:7" x14ac:dyDescent="0.3">
      <c r="A109563" s="13" t="s">
        <v>526</v>
      </c>
      <c r="B109563" s="14" t="s">
        <v>1</v>
      </c>
      <c r="C109563" s="14" t="s">
        <v>191</v>
      </c>
      <c r="D109563" s="14" t="s">
        <v>227</v>
      </c>
      <c r="E109563" s="15">
        <v>45439</v>
      </c>
      <c r="F109563" s="14" t="s">
        <v>15</v>
      </c>
      <c r="G109563" s="16">
        <v>0.11659418211641377</v>
      </c>
    </row>
    <row r="109564" spans="1:7" x14ac:dyDescent="0.3">
      <c r="A109564" s="13" t="s">
        <v>526</v>
      </c>
      <c r="B109564" s="14" t="s">
        <v>1</v>
      </c>
      <c r="C109564" s="14" t="s">
        <v>191</v>
      </c>
      <c r="D109564" s="14" t="s">
        <v>227</v>
      </c>
      <c r="E109564" s="15">
        <v>45440</v>
      </c>
      <c r="F109564" s="14" t="s">
        <v>15</v>
      </c>
      <c r="G109564" s="16">
        <v>0.11552206507297991</v>
      </c>
    </row>
    <row r="109565" spans="1:7" x14ac:dyDescent="0.3">
      <c r="A109565" s="13" t="s">
        <v>526</v>
      </c>
      <c r="B109565" s="14" t="s">
        <v>1</v>
      </c>
      <c r="C109565" s="14" t="s">
        <v>191</v>
      </c>
      <c r="D109565" s="14" t="s">
        <v>227</v>
      </c>
      <c r="E109565" s="15">
        <v>45441</v>
      </c>
      <c r="F109565" s="14" t="s">
        <v>15</v>
      </c>
      <c r="G109565" s="16">
        <v>0.11516310672172272</v>
      </c>
    </row>
    <row r="109566" spans="1:7" x14ac:dyDescent="0.3">
      <c r="A109566" s="13" t="s">
        <v>526</v>
      </c>
      <c r="B109566" s="14" t="s">
        <v>1</v>
      </c>
      <c r="C109566" s="14" t="s">
        <v>191</v>
      </c>
      <c r="D109566" s="14" t="s">
        <v>227</v>
      </c>
      <c r="E109566" s="15">
        <v>45442</v>
      </c>
      <c r="F109566" s="14" t="s">
        <v>15</v>
      </c>
      <c r="G109566" s="16">
        <v>0.11480268548084055</v>
      </c>
    </row>
    <row r="109567" spans="1:7" x14ac:dyDescent="0.3">
      <c r="A109567" s="13" t="s">
        <v>526</v>
      </c>
      <c r="B109567" s="14" t="s">
        <v>1</v>
      </c>
      <c r="C109567" s="14" t="s">
        <v>191</v>
      </c>
      <c r="D109567" s="14" t="s">
        <v>227</v>
      </c>
      <c r="E109567" s="15">
        <v>45443</v>
      </c>
      <c r="F109567" s="14" t="s">
        <v>15</v>
      </c>
      <c r="G109567" s="16">
        <v>0.15371520809634442</v>
      </c>
    </row>
    <row r="109568" spans="1:7" x14ac:dyDescent="0.3">
      <c r="A109568" s="13" t="s">
        <v>526</v>
      </c>
      <c r="B109568" s="14" t="s">
        <v>1</v>
      </c>
      <c r="C109568" s="14" t="s">
        <v>191</v>
      </c>
      <c r="D109568" s="14" t="s">
        <v>227</v>
      </c>
      <c r="E109568" s="15">
        <v>45444</v>
      </c>
      <c r="F109568" s="14" t="s">
        <v>15</v>
      </c>
      <c r="G109568" s="16">
        <v>0.15371520809634442</v>
      </c>
    </row>
    <row r="109569" spans="1:7" x14ac:dyDescent="0.3">
      <c r="A109569" s="13" t="s">
        <v>526</v>
      </c>
      <c r="B109569" s="14" t="s">
        <v>1</v>
      </c>
      <c r="C109569" s="14" t="s">
        <v>191</v>
      </c>
      <c r="D109569" s="14" t="s">
        <v>227</v>
      </c>
      <c r="E109569" s="15">
        <v>45445</v>
      </c>
      <c r="F109569" s="14" t="s">
        <v>15</v>
      </c>
      <c r="G109569" s="16">
        <v>0.15371520809634442</v>
      </c>
    </row>
    <row r="109570" spans="1:7" x14ac:dyDescent="0.3">
      <c r="A109570" s="13" t="s">
        <v>526</v>
      </c>
      <c r="B109570" s="14" t="s">
        <v>1</v>
      </c>
      <c r="C109570" s="14" t="s">
        <v>191</v>
      </c>
      <c r="D109570" s="14" t="s">
        <v>227</v>
      </c>
      <c r="E109570" s="15">
        <v>45446</v>
      </c>
      <c r="F109570" s="14" t="s">
        <v>15</v>
      </c>
      <c r="G109570" s="16">
        <v>0.15371520809634442</v>
      </c>
    </row>
    <row r="109571" spans="1:7" x14ac:dyDescent="0.3">
      <c r="A109571" s="13" t="s">
        <v>526</v>
      </c>
      <c r="B109571" s="14" t="s">
        <v>1</v>
      </c>
      <c r="C109571" s="14" t="s">
        <v>191</v>
      </c>
      <c r="D109571" s="14" t="s">
        <v>227</v>
      </c>
      <c r="E109571" s="15">
        <v>45447</v>
      </c>
      <c r="F109571" s="14" t="s">
        <v>15</v>
      </c>
      <c r="G109571" s="16">
        <v>0.15336022044549788</v>
      </c>
    </row>
    <row r="109572" spans="1:7" x14ac:dyDescent="0.3">
      <c r="A109572" s="13" t="s">
        <v>526</v>
      </c>
      <c r="B109572" s="14" t="s">
        <v>1</v>
      </c>
      <c r="C109572" s="14" t="s">
        <v>191</v>
      </c>
      <c r="D109572" s="14" t="s">
        <v>227</v>
      </c>
      <c r="E109572" s="15">
        <v>45448</v>
      </c>
      <c r="F109572" s="14" t="s">
        <v>15</v>
      </c>
      <c r="G109572" s="16">
        <v>0.15284964403382334</v>
      </c>
    </row>
    <row r="109573" spans="1:7" x14ac:dyDescent="0.3">
      <c r="A109573" s="13" t="s">
        <v>526</v>
      </c>
      <c r="B109573" s="14" t="s">
        <v>1</v>
      </c>
      <c r="C109573" s="14" t="s">
        <v>191</v>
      </c>
      <c r="D109573" s="14" t="s">
        <v>227</v>
      </c>
      <c r="E109573" s="15">
        <v>45449</v>
      </c>
      <c r="F109573" s="14" t="s">
        <v>15</v>
      </c>
      <c r="G109573" s="16">
        <v>0.15249037220621794</v>
      </c>
    </row>
    <row r="109574" spans="1:7" x14ac:dyDescent="0.3">
      <c r="A109574" s="13" t="s">
        <v>526</v>
      </c>
      <c r="B109574" s="14" t="s">
        <v>1</v>
      </c>
      <c r="C109574" s="14" t="s">
        <v>191</v>
      </c>
      <c r="D109574" s="14" t="s">
        <v>227</v>
      </c>
      <c r="E109574" s="15">
        <v>45450</v>
      </c>
      <c r="F109574" s="14" t="s">
        <v>15</v>
      </c>
      <c r="G109574" s="16">
        <v>0.1521284880757108</v>
      </c>
    </row>
    <row r="109575" spans="1:7" x14ac:dyDescent="0.3">
      <c r="A109575" s="13" t="s">
        <v>526</v>
      </c>
      <c r="B109575" s="14" t="s">
        <v>1</v>
      </c>
      <c r="C109575" s="14" t="s">
        <v>191</v>
      </c>
      <c r="D109575" s="14" t="s">
        <v>227</v>
      </c>
      <c r="E109575" s="15">
        <v>45451</v>
      </c>
      <c r="F109575" s="14" t="s">
        <v>15</v>
      </c>
      <c r="G109575" s="16">
        <v>0.1521284880757108</v>
      </c>
    </row>
    <row r="109576" spans="1:7" x14ac:dyDescent="0.3">
      <c r="A109576" s="13" t="s">
        <v>526</v>
      </c>
      <c r="B109576" s="14" t="s">
        <v>1</v>
      </c>
      <c r="C109576" s="14" t="s">
        <v>191</v>
      </c>
      <c r="D109576" s="14" t="s">
        <v>227</v>
      </c>
      <c r="E109576" s="15">
        <v>45452</v>
      </c>
      <c r="F109576" s="14" t="s">
        <v>15</v>
      </c>
      <c r="G109576" s="16">
        <v>0.1521284880757108</v>
      </c>
    </row>
    <row r="109577" spans="1:7" x14ac:dyDescent="0.3">
      <c r="A109577" s="13" t="s">
        <v>526</v>
      </c>
      <c r="B109577" s="14" t="s">
        <v>1</v>
      </c>
      <c r="C109577" s="14" t="s">
        <v>191</v>
      </c>
      <c r="D109577" s="14" t="s">
        <v>227</v>
      </c>
      <c r="E109577" s="15">
        <v>45453</v>
      </c>
      <c r="F109577" s="14" t="s">
        <v>15</v>
      </c>
      <c r="G109577" s="16">
        <v>0.1590129232104151</v>
      </c>
    </row>
    <row r="109578" spans="1:7" x14ac:dyDescent="0.3">
      <c r="A109578" s="13" t="s">
        <v>526</v>
      </c>
      <c r="B109578" s="14" t="s">
        <v>1</v>
      </c>
      <c r="C109578" s="14" t="s">
        <v>191</v>
      </c>
      <c r="D109578" s="14" t="s">
        <v>227</v>
      </c>
      <c r="E109578" s="15">
        <v>45454</v>
      </c>
      <c r="F109578" s="14" t="s">
        <v>15</v>
      </c>
      <c r="G109578" s="16">
        <v>0.15792492336533862</v>
      </c>
    </row>
    <row r="109579" spans="1:7" x14ac:dyDescent="0.3">
      <c r="A109579" s="13" t="s">
        <v>526</v>
      </c>
      <c r="B109579" s="14" t="s">
        <v>1</v>
      </c>
      <c r="C109579" s="14" t="s">
        <v>191</v>
      </c>
      <c r="D109579" s="14" t="s">
        <v>227</v>
      </c>
      <c r="E109579" s="15">
        <v>45455</v>
      </c>
      <c r="F109579" s="14" t="s">
        <v>15</v>
      </c>
      <c r="G109579" s="16">
        <v>0.15756763688793854</v>
      </c>
    </row>
    <row r="109580" spans="1:7" x14ac:dyDescent="0.3">
      <c r="A109580" s="13" t="s">
        <v>526</v>
      </c>
      <c r="B109580" s="14" t="s">
        <v>1</v>
      </c>
      <c r="C109580" s="14" t="s">
        <v>191</v>
      </c>
      <c r="D109580" s="14" t="s">
        <v>227</v>
      </c>
      <c r="E109580" s="15">
        <v>45456</v>
      </c>
      <c r="F109580" s="14" t="s">
        <v>15</v>
      </c>
      <c r="G109580" s="16">
        <v>0.15721609747692231</v>
      </c>
    </row>
    <row r="109581" spans="1:7" x14ac:dyDescent="0.3">
      <c r="A109581" s="13" t="s">
        <v>526</v>
      </c>
      <c r="B109581" s="14" t="s">
        <v>1</v>
      </c>
      <c r="C109581" s="14" t="s">
        <v>191</v>
      </c>
      <c r="D109581" s="14" t="s">
        <v>227</v>
      </c>
      <c r="E109581" s="15">
        <v>45457</v>
      </c>
      <c r="F109581" s="14" t="s">
        <v>15</v>
      </c>
      <c r="G109581" s="16">
        <v>0.15686497603437036</v>
      </c>
    </row>
    <row r="109582" spans="1:7" x14ac:dyDescent="0.3">
      <c r="A109582" s="13" t="s">
        <v>526</v>
      </c>
      <c r="B109582" s="14" t="s">
        <v>1</v>
      </c>
      <c r="C109582" s="14" t="s">
        <v>191</v>
      </c>
      <c r="D109582" s="14" t="s">
        <v>227</v>
      </c>
      <c r="E109582" s="15">
        <v>45458</v>
      </c>
      <c r="F109582" s="14" t="s">
        <v>15</v>
      </c>
      <c r="G109582" s="16">
        <v>0.15686497603437036</v>
      </c>
    </row>
    <row r="109583" spans="1:7" x14ac:dyDescent="0.3">
      <c r="A109583" s="13" t="s">
        <v>526</v>
      </c>
      <c r="B109583" s="14" t="s">
        <v>1</v>
      </c>
      <c r="C109583" s="14" t="s">
        <v>191</v>
      </c>
      <c r="D109583" s="14" t="s">
        <v>227</v>
      </c>
      <c r="E109583" s="15">
        <v>45459</v>
      </c>
      <c r="F109583" s="14" t="s">
        <v>15</v>
      </c>
      <c r="G109583" s="16">
        <v>0.15686497603437036</v>
      </c>
    </row>
    <row r="109584" spans="1:7" x14ac:dyDescent="0.3">
      <c r="A109584" s="13" t="s">
        <v>526</v>
      </c>
      <c r="B109584" s="14" t="s">
        <v>1</v>
      </c>
      <c r="C109584" s="14" t="s">
        <v>191</v>
      </c>
      <c r="D109584" s="14" t="s">
        <v>227</v>
      </c>
      <c r="E109584" s="15">
        <v>45460</v>
      </c>
      <c r="F109584" s="14" t="s">
        <v>15</v>
      </c>
      <c r="G109584" s="16">
        <v>0.15686497603437036</v>
      </c>
    </row>
    <row r="109585" spans="1:7" x14ac:dyDescent="0.3">
      <c r="A109585" s="13" t="s">
        <v>526</v>
      </c>
      <c r="B109585" s="14" t="s">
        <v>1</v>
      </c>
      <c r="C109585" s="14" t="s">
        <v>191</v>
      </c>
      <c r="D109585" s="14" t="s">
        <v>227</v>
      </c>
      <c r="E109585" s="15">
        <v>45461</v>
      </c>
      <c r="F109585" s="14" t="s">
        <v>15</v>
      </c>
      <c r="G109585" s="16">
        <v>0.1520162004398242</v>
      </c>
    </row>
    <row r="109586" spans="1:7" x14ac:dyDescent="0.3">
      <c r="A109586" s="13" t="s">
        <v>526</v>
      </c>
      <c r="B109586" s="14" t="s">
        <v>1</v>
      </c>
      <c r="C109586" s="14" t="s">
        <v>191</v>
      </c>
      <c r="D109586" s="14" t="s">
        <v>227</v>
      </c>
      <c r="E109586" s="15">
        <v>45462</v>
      </c>
      <c r="F109586" s="14" t="s">
        <v>15</v>
      </c>
      <c r="G109586" s="16">
        <v>0.15060302112953836</v>
      </c>
    </row>
    <row r="109587" spans="1:7" x14ac:dyDescent="0.3">
      <c r="A109587" s="13" t="s">
        <v>526</v>
      </c>
      <c r="B109587" s="14" t="s">
        <v>1</v>
      </c>
      <c r="C109587" s="14" t="s">
        <v>191</v>
      </c>
      <c r="D109587" s="14" t="s">
        <v>227</v>
      </c>
      <c r="E109587" s="15">
        <v>45463</v>
      </c>
      <c r="F109587" s="14" t="s">
        <v>15</v>
      </c>
      <c r="G109587" s="16">
        <v>0.15025231765545066</v>
      </c>
    </row>
    <row r="109588" spans="1:7" x14ac:dyDescent="0.3">
      <c r="A109588" s="13" t="s">
        <v>526</v>
      </c>
      <c r="B109588" s="14" t="s">
        <v>1</v>
      </c>
      <c r="C109588" s="14" t="s">
        <v>191</v>
      </c>
      <c r="D109588" s="14" t="s">
        <v>227</v>
      </c>
      <c r="E109588" s="15">
        <v>45464</v>
      </c>
      <c r="F109588" s="14" t="s">
        <v>15</v>
      </c>
      <c r="G109588" s="16">
        <v>0.14989921086269339</v>
      </c>
    </row>
    <row r="109589" spans="1:7" x14ac:dyDescent="0.3">
      <c r="A109589" s="13" t="s">
        <v>526</v>
      </c>
      <c r="B109589" s="14" t="s">
        <v>1</v>
      </c>
      <c r="C109589" s="14" t="s">
        <v>191</v>
      </c>
      <c r="D109589" s="14" t="s">
        <v>227</v>
      </c>
      <c r="E109589" s="15">
        <v>45465</v>
      </c>
      <c r="F109589" s="14" t="s">
        <v>15</v>
      </c>
      <c r="G109589" s="16">
        <v>0.14989921086269339</v>
      </c>
    </row>
    <row r="109590" spans="1:7" x14ac:dyDescent="0.3">
      <c r="A109590" s="13" t="s">
        <v>526</v>
      </c>
      <c r="B109590" s="14" t="s">
        <v>1</v>
      </c>
      <c r="C109590" s="14" t="s">
        <v>191</v>
      </c>
      <c r="D109590" s="14" t="s">
        <v>227</v>
      </c>
      <c r="E109590" s="15">
        <v>45466</v>
      </c>
      <c r="F109590" s="14" t="s">
        <v>15</v>
      </c>
      <c r="G109590" s="16">
        <v>0.14989921086269339</v>
      </c>
    </row>
    <row r="109591" spans="1:7" x14ac:dyDescent="0.3">
      <c r="A109591" s="13" t="s">
        <v>526</v>
      </c>
      <c r="B109591" s="14" t="s">
        <v>1</v>
      </c>
      <c r="C109591" s="14" t="s">
        <v>191</v>
      </c>
      <c r="D109591" s="14" t="s">
        <v>227</v>
      </c>
      <c r="E109591" s="15">
        <v>45467</v>
      </c>
      <c r="F109591" s="14" t="s">
        <v>15</v>
      </c>
      <c r="G109591" s="16">
        <v>0.14954652203840041</v>
      </c>
    </row>
    <row r="109592" spans="1:7" x14ac:dyDescent="0.3">
      <c r="A109592" s="13" t="s">
        <v>526</v>
      </c>
      <c r="B109592" s="14" t="s">
        <v>1</v>
      </c>
      <c r="C109592" s="14" t="s">
        <v>191</v>
      </c>
      <c r="D109592" s="14" t="s">
        <v>227</v>
      </c>
      <c r="E109592" s="15">
        <v>45468</v>
      </c>
      <c r="F109592" s="14" t="s">
        <v>15</v>
      </c>
      <c r="G109592" s="16">
        <v>0.14330967317398244</v>
      </c>
    </row>
    <row r="109593" spans="1:7" x14ac:dyDescent="0.3">
      <c r="A109593" s="13" t="s">
        <v>526</v>
      </c>
      <c r="B109593" s="14" t="s">
        <v>1</v>
      </c>
      <c r="C109593" s="14" t="s">
        <v>191</v>
      </c>
      <c r="D109593" s="14" t="s">
        <v>227</v>
      </c>
      <c r="E109593" s="15">
        <v>45469</v>
      </c>
      <c r="F109593" s="14" t="s">
        <v>15</v>
      </c>
      <c r="G109593" s="16">
        <v>0.14295761130238585</v>
      </c>
    </row>
    <row r="109594" spans="1:7" x14ac:dyDescent="0.3">
      <c r="A109594" s="13" t="s">
        <v>526</v>
      </c>
      <c r="B109594" s="14" t="s">
        <v>1</v>
      </c>
      <c r="C109594" s="14" t="s">
        <v>191</v>
      </c>
      <c r="D109594" s="14" t="s">
        <v>227</v>
      </c>
      <c r="E109594" s="15">
        <v>45470</v>
      </c>
      <c r="F109594" s="14" t="s">
        <v>15</v>
      </c>
      <c r="G109594" s="16">
        <v>0.14260074279345006</v>
      </c>
    </row>
    <row r="109595" spans="1:7" x14ac:dyDescent="0.3">
      <c r="A109595" s="13" t="s">
        <v>526</v>
      </c>
      <c r="B109595" s="14" t="s">
        <v>1</v>
      </c>
      <c r="C109595" s="14" t="s">
        <v>191</v>
      </c>
      <c r="D109595" s="14" t="s">
        <v>227</v>
      </c>
      <c r="E109595" s="15">
        <v>45471</v>
      </c>
      <c r="F109595" s="14" t="s">
        <v>15</v>
      </c>
      <c r="G109595" s="16">
        <v>0.87974264650215039</v>
      </c>
    </row>
    <row r="109596" spans="1:7" x14ac:dyDescent="0.3">
      <c r="A109596" s="13" t="s">
        <v>526</v>
      </c>
      <c r="B109596" s="14" t="s">
        <v>1</v>
      </c>
      <c r="C109596" s="14" t="s">
        <v>191</v>
      </c>
      <c r="D109596" s="14" t="s">
        <v>227</v>
      </c>
      <c r="E109596" s="15">
        <v>45472</v>
      </c>
      <c r="F109596" s="14" t="s">
        <v>15</v>
      </c>
      <c r="G109596" s="16">
        <v>0.87974264650215039</v>
      </c>
    </row>
    <row r="109597" spans="1:7" x14ac:dyDescent="0.3">
      <c r="A109597" s="13" t="s">
        <v>526</v>
      </c>
      <c r="B109597" s="14" t="s">
        <v>1</v>
      </c>
      <c r="C109597" s="14" t="s">
        <v>191</v>
      </c>
      <c r="D109597" s="14" t="s">
        <v>227</v>
      </c>
      <c r="E109597" s="15">
        <v>45473</v>
      </c>
      <c r="F109597" s="14" t="s">
        <v>15</v>
      </c>
      <c r="G109597" s="16">
        <v>0.87974264650215039</v>
      </c>
    </row>
    <row r="109598" spans="1:7" x14ac:dyDescent="0.3">
      <c r="A109598" s="13" t="s">
        <v>526</v>
      </c>
      <c r="B109598" s="14" t="s">
        <v>1</v>
      </c>
      <c r="C109598" s="14" t="s">
        <v>191</v>
      </c>
      <c r="D109598" s="14" t="s">
        <v>227</v>
      </c>
      <c r="E109598" s="15">
        <v>45474</v>
      </c>
      <c r="F109598" s="14" t="s">
        <v>15</v>
      </c>
      <c r="G109598" s="16">
        <v>0.87939434634673241</v>
      </c>
    </row>
    <row r="109599" spans="1:7" x14ac:dyDescent="0.3">
      <c r="A109599" s="13" t="s">
        <v>526</v>
      </c>
      <c r="B109599" s="14" t="s">
        <v>1</v>
      </c>
      <c r="C109599" s="14" t="s">
        <v>191</v>
      </c>
      <c r="D109599" s="14" t="s">
        <v>227</v>
      </c>
      <c r="E109599" s="15">
        <v>45475</v>
      </c>
      <c r="F109599" s="14" t="s">
        <v>15</v>
      </c>
      <c r="G109599" s="16">
        <v>0.87837552028249422</v>
      </c>
    </row>
    <row r="109600" spans="1:7" x14ac:dyDescent="0.3">
      <c r="A109600" s="13" t="s">
        <v>526</v>
      </c>
      <c r="B109600" s="14" t="s">
        <v>1</v>
      </c>
      <c r="C109600" s="14" t="s">
        <v>191</v>
      </c>
      <c r="D109600" s="14" t="s">
        <v>227</v>
      </c>
      <c r="E109600" s="15">
        <v>45476</v>
      </c>
      <c r="F109600" s="14" t="s">
        <v>15</v>
      </c>
      <c r="G109600" s="16">
        <v>0.87802607071379946</v>
      </c>
    </row>
    <row r="109601" spans="1:7" x14ac:dyDescent="0.3">
      <c r="A109601" s="13" t="s">
        <v>526</v>
      </c>
      <c r="B109601" s="14" t="s">
        <v>1</v>
      </c>
      <c r="C109601" s="14" t="s">
        <v>191</v>
      </c>
      <c r="D109601" s="14" t="s">
        <v>227</v>
      </c>
      <c r="E109601" s="15">
        <v>45477</v>
      </c>
      <c r="F109601" s="14" t="s">
        <v>15</v>
      </c>
      <c r="G109601" s="16">
        <v>0.87767891997165826</v>
      </c>
    </row>
    <row r="109602" spans="1:7" x14ac:dyDescent="0.3">
      <c r="A109602" s="13" t="s">
        <v>526</v>
      </c>
      <c r="B109602" s="14" t="s">
        <v>1</v>
      </c>
      <c r="C109602" s="14" t="s">
        <v>191</v>
      </c>
      <c r="D109602" s="14" t="s">
        <v>227</v>
      </c>
      <c r="E109602" s="15">
        <v>45478</v>
      </c>
      <c r="F109602" s="14" t="s">
        <v>15</v>
      </c>
      <c r="G109602" s="16">
        <v>0.87733030633989195</v>
      </c>
    </row>
    <row r="109603" spans="1:7" x14ac:dyDescent="0.3">
      <c r="A109603" s="13" t="s">
        <v>526</v>
      </c>
      <c r="B109603" s="14" t="s">
        <v>1</v>
      </c>
      <c r="C109603" s="14" t="s">
        <v>191</v>
      </c>
      <c r="D109603" s="14" t="s">
        <v>227</v>
      </c>
      <c r="E109603" s="15">
        <v>45479</v>
      </c>
      <c r="F109603" s="14" t="s">
        <v>15</v>
      </c>
      <c r="G109603" s="16">
        <v>0.87733030633989195</v>
      </c>
    </row>
    <row r="109604" spans="1:7" x14ac:dyDescent="0.3">
      <c r="A109604" s="13" t="s">
        <v>526</v>
      </c>
      <c r="B109604" s="14" t="s">
        <v>1</v>
      </c>
      <c r="C109604" s="14" t="s">
        <v>191</v>
      </c>
      <c r="D109604" s="14" t="s">
        <v>227</v>
      </c>
      <c r="E109604" s="15">
        <v>45480</v>
      </c>
      <c r="F109604" s="14" t="s">
        <v>15</v>
      </c>
      <c r="G109604" s="16">
        <v>0.87733030633989195</v>
      </c>
    </row>
    <row r="109605" spans="1:7" x14ac:dyDescent="0.3">
      <c r="A109605" s="13" t="s">
        <v>526</v>
      </c>
      <c r="B109605" s="14" t="s">
        <v>1</v>
      </c>
      <c r="C109605" s="14" t="s">
        <v>191</v>
      </c>
      <c r="D109605" s="14" t="s">
        <v>227</v>
      </c>
      <c r="E109605" s="15">
        <v>45481</v>
      </c>
      <c r="F109605" s="14" t="s">
        <v>15</v>
      </c>
      <c r="G109605" s="16">
        <v>0.87697719954713471</v>
      </c>
    </row>
    <row r="109606" spans="1:7" x14ac:dyDescent="0.3">
      <c r="A109606" s="13" t="s">
        <v>526</v>
      </c>
      <c r="B109606" s="14" t="s">
        <v>1</v>
      </c>
      <c r="C109606" s="14" t="s">
        <v>191</v>
      </c>
      <c r="D109606" s="14" t="s">
        <v>227</v>
      </c>
      <c r="E109606" s="15">
        <v>45482</v>
      </c>
      <c r="F109606" s="14" t="s">
        <v>15</v>
      </c>
      <c r="G109606" s="16">
        <v>0.8759183530024417</v>
      </c>
    </row>
    <row r="109607" spans="1:7" x14ac:dyDescent="0.3">
      <c r="A109607" s="13" t="s">
        <v>526</v>
      </c>
      <c r="B109607" s="14" t="s">
        <v>1</v>
      </c>
      <c r="C109607" s="14" t="s">
        <v>191</v>
      </c>
      <c r="D109607" s="14" t="s">
        <v>227</v>
      </c>
      <c r="E109607" s="15">
        <v>45483</v>
      </c>
      <c r="F109607" s="14" t="s">
        <v>15</v>
      </c>
      <c r="G109607" s="16">
        <v>0.8832265036678093</v>
      </c>
    </row>
    <row r="109608" spans="1:7" x14ac:dyDescent="0.3">
      <c r="A109608" s="13" t="s">
        <v>526</v>
      </c>
      <c r="B109608" s="14" t="s">
        <v>1</v>
      </c>
      <c r="C109608" s="14" t="s">
        <v>191</v>
      </c>
      <c r="D109608" s="14" t="s">
        <v>227</v>
      </c>
      <c r="E109608" s="15">
        <v>45484</v>
      </c>
      <c r="F109608" s="14" t="s">
        <v>15</v>
      </c>
      <c r="G109608" s="16">
        <v>0.88287454628832873</v>
      </c>
    </row>
    <row r="109609" spans="1:7" x14ac:dyDescent="0.3">
      <c r="A109609" s="13" t="s">
        <v>526</v>
      </c>
      <c r="B109609" s="14" t="s">
        <v>1</v>
      </c>
      <c r="C109609" s="14" t="s">
        <v>191</v>
      </c>
      <c r="D109609" s="14" t="s">
        <v>227</v>
      </c>
      <c r="E109609" s="15">
        <v>45485</v>
      </c>
      <c r="F109609" s="14" t="s">
        <v>15</v>
      </c>
      <c r="G109609" s="16">
        <v>0.88252217094038399</v>
      </c>
    </row>
    <row r="109610" spans="1:7" x14ac:dyDescent="0.3">
      <c r="A109610" s="13" t="s">
        <v>526</v>
      </c>
      <c r="B109610" s="14" t="s">
        <v>1</v>
      </c>
      <c r="C109610" s="14" t="s">
        <v>191</v>
      </c>
      <c r="D109610" s="14" t="s">
        <v>227</v>
      </c>
      <c r="E109610" s="15">
        <v>45486</v>
      </c>
      <c r="F109610" s="14" t="s">
        <v>15</v>
      </c>
      <c r="G109610" s="16">
        <v>0.88252217094038399</v>
      </c>
    </row>
    <row r="109611" spans="1:7" x14ac:dyDescent="0.3">
      <c r="A109611" s="13" t="s">
        <v>526</v>
      </c>
      <c r="B109611" s="14" t="s">
        <v>1</v>
      </c>
      <c r="C109611" s="14" t="s">
        <v>191</v>
      </c>
      <c r="D109611" s="14" t="s">
        <v>227</v>
      </c>
      <c r="E109611" s="15">
        <v>45487</v>
      </c>
      <c r="F109611" s="14" t="s">
        <v>15</v>
      </c>
      <c r="G109611" s="16">
        <v>0.88252217094038399</v>
      </c>
    </row>
    <row r="109612" spans="1:7" x14ac:dyDescent="0.3">
      <c r="A109612" s="13" t="s">
        <v>526</v>
      </c>
      <c r="B109612" s="14" t="s">
        <v>1</v>
      </c>
      <c r="C109612" s="14" t="s">
        <v>191</v>
      </c>
      <c r="D109612" s="14" t="s">
        <v>227</v>
      </c>
      <c r="E109612" s="15">
        <v>45488</v>
      </c>
      <c r="F109612" s="14" t="s">
        <v>15</v>
      </c>
      <c r="G109612" s="16">
        <v>0.88216300360489464</v>
      </c>
    </row>
    <row r="109613" spans="1:7" x14ac:dyDescent="0.3">
      <c r="A109613" s="13" t="s">
        <v>526</v>
      </c>
      <c r="B109613" s="14" t="s">
        <v>1</v>
      </c>
      <c r="C109613" s="14" t="s">
        <v>191</v>
      </c>
      <c r="D109613" s="14" t="s">
        <v>227</v>
      </c>
      <c r="E109613" s="15">
        <v>45489</v>
      </c>
      <c r="F109613" s="14" t="s">
        <v>15</v>
      </c>
      <c r="G109613" s="16">
        <v>0.88104888073080068</v>
      </c>
    </row>
    <row r="109614" spans="1:7" x14ac:dyDescent="0.3">
      <c r="A109614" s="13" t="s">
        <v>526</v>
      </c>
      <c r="B109614" s="14" t="s">
        <v>1</v>
      </c>
      <c r="C109614" s="14" t="s">
        <v>191</v>
      </c>
      <c r="D109614" s="14" t="s">
        <v>227</v>
      </c>
      <c r="E109614" s="15">
        <v>45490</v>
      </c>
      <c r="F109614" s="14" t="s">
        <v>15</v>
      </c>
      <c r="G109614" s="16">
        <v>0.88067560695964198</v>
      </c>
    </row>
    <row r="109615" spans="1:7" x14ac:dyDescent="0.3">
      <c r="A109615" s="13" t="s">
        <v>526</v>
      </c>
      <c r="B109615" s="14" t="s">
        <v>1</v>
      </c>
      <c r="C109615" s="14" t="s">
        <v>191</v>
      </c>
      <c r="D109615" s="14" t="s">
        <v>227</v>
      </c>
      <c r="E109615" s="15">
        <v>45491</v>
      </c>
      <c r="F109615" s="14" t="s">
        <v>15</v>
      </c>
      <c r="G109615" s="16">
        <v>0.88030348260176006</v>
      </c>
    </row>
    <row r="109616" spans="1:7" x14ac:dyDescent="0.3">
      <c r="A109616" s="13" t="s">
        <v>526</v>
      </c>
      <c r="B109616" s="14" t="s">
        <v>1</v>
      </c>
      <c r="C109616" s="14" t="s">
        <v>191</v>
      </c>
      <c r="D109616" s="14" t="s">
        <v>227</v>
      </c>
      <c r="E109616" s="15">
        <v>45492</v>
      </c>
      <c r="F109616" s="14" t="s">
        <v>15</v>
      </c>
      <c r="G109616" s="16">
        <v>0.87992738754346744</v>
      </c>
    </row>
    <row r="109617" spans="1:7" x14ac:dyDescent="0.3">
      <c r="A109617" s="13" t="s">
        <v>526</v>
      </c>
      <c r="B109617" s="14" t="s">
        <v>1</v>
      </c>
      <c r="C109617" s="14" t="s">
        <v>191</v>
      </c>
      <c r="D109617" s="14" t="s">
        <v>227</v>
      </c>
      <c r="E109617" s="15">
        <v>45493</v>
      </c>
      <c r="F109617" s="14" t="s">
        <v>15</v>
      </c>
      <c r="G109617" s="16">
        <v>0.87992738754346744</v>
      </c>
    </row>
    <row r="109618" spans="1:7" x14ac:dyDescent="0.3">
      <c r="A109618" s="13" t="s">
        <v>526</v>
      </c>
      <c r="B109618" s="14" t="s">
        <v>1</v>
      </c>
      <c r="C109618" s="14" t="s">
        <v>191</v>
      </c>
      <c r="D109618" s="14" t="s">
        <v>227</v>
      </c>
      <c r="E109618" s="15">
        <v>45494</v>
      </c>
      <c r="F109618" s="14" t="s">
        <v>15</v>
      </c>
      <c r="G109618" s="16">
        <v>0.87992738754346744</v>
      </c>
    </row>
    <row r="109619" spans="1:7" x14ac:dyDescent="0.3">
      <c r="A109619" s="13" t="s">
        <v>526</v>
      </c>
      <c r="B109619" s="14" t="s">
        <v>1</v>
      </c>
      <c r="C109619" s="14" t="s">
        <v>191</v>
      </c>
      <c r="D109619" s="14" t="s">
        <v>227</v>
      </c>
      <c r="E109619" s="15">
        <v>45495</v>
      </c>
      <c r="F109619" s="14" t="s">
        <v>15</v>
      </c>
      <c r="G109619" s="16">
        <v>0.88048764633727661</v>
      </c>
    </row>
    <row r="109620" spans="1:7" x14ac:dyDescent="0.3">
      <c r="A109620" s="13" t="s">
        <v>526</v>
      </c>
      <c r="B109620" s="14" t="s">
        <v>1</v>
      </c>
      <c r="C109620" s="14" t="s">
        <v>191</v>
      </c>
      <c r="D109620" s="14" t="s">
        <v>227</v>
      </c>
      <c r="E109620" s="15">
        <v>45496</v>
      </c>
      <c r="F109620" s="14" t="s">
        <v>15</v>
      </c>
      <c r="G109620" s="16">
        <v>0.87937833010052191</v>
      </c>
    </row>
    <row r="109621" spans="1:7" x14ac:dyDescent="0.3">
      <c r="A109621" s="13" t="s">
        <v>526</v>
      </c>
      <c r="B109621" s="14" t="s">
        <v>1</v>
      </c>
      <c r="C109621" s="14" t="s">
        <v>191</v>
      </c>
      <c r="D109621" s="14" t="s">
        <v>227</v>
      </c>
      <c r="E109621" s="15">
        <v>45497</v>
      </c>
      <c r="F109621" s="14" t="s">
        <v>15</v>
      </c>
      <c r="G109621" s="16">
        <v>0.87901017644305057</v>
      </c>
    </row>
    <row r="109622" spans="1:7" x14ac:dyDescent="0.3">
      <c r="A109622" s="13" t="s">
        <v>526</v>
      </c>
      <c r="B109622" s="14" t="s">
        <v>1</v>
      </c>
      <c r="C109622" s="14" t="s">
        <v>191</v>
      </c>
      <c r="D109622" s="14" t="s">
        <v>227</v>
      </c>
      <c r="E109622" s="15">
        <v>45498</v>
      </c>
      <c r="F109622" s="14" t="s">
        <v>15</v>
      </c>
      <c r="G109622" s="16">
        <v>0.87864202278557912</v>
      </c>
    </row>
    <row r="109623" spans="1:7" x14ac:dyDescent="0.3">
      <c r="A109623" s="13" t="s">
        <v>526</v>
      </c>
      <c r="B109623" s="14" t="s">
        <v>1</v>
      </c>
      <c r="C109623" s="14" t="s">
        <v>191</v>
      </c>
      <c r="D109623" s="14" t="s">
        <v>227</v>
      </c>
      <c r="E109623" s="15">
        <v>45499</v>
      </c>
      <c r="F109623" s="14" t="s">
        <v>15</v>
      </c>
      <c r="G109623" s="16">
        <v>0.87827648143100956</v>
      </c>
    </row>
    <row r="109624" spans="1:7" x14ac:dyDescent="0.3">
      <c r="A109624" s="13" t="s">
        <v>526</v>
      </c>
      <c r="B109624" s="14" t="s">
        <v>1</v>
      </c>
      <c r="C109624" s="14" t="s">
        <v>191</v>
      </c>
      <c r="D109624" s="14" t="s">
        <v>227</v>
      </c>
      <c r="E109624" s="15">
        <v>45500</v>
      </c>
      <c r="F109624" s="14" t="s">
        <v>15</v>
      </c>
      <c r="G109624" s="16">
        <v>0.87827648143100956</v>
      </c>
    </row>
    <row r="109625" spans="1:7" x14ac:dyDescent="0.3">
      <c r="A109625" s="13" t="s">
        <v>526</v>
      </c>
      <c r="B109625" s="14" t="s">
        <v>1</v>
      </c>
      <c r="C109625" s="14" t="s">
        <v>191</v>
      </c>
      <c r="D109625" s="14" t="s">
        <v>227</v>
      </c>
      <c r="E109625" s="15">
        <v>45501</v>
      </c>
      <c r="F109625" s="14" t="s">
        <v>15</v>
      </c>
      <c r="G109625" s="16">
        <v>0.87827648143100956</v>
      </c>
    </row>
    <row r="109626" spans="1:7" x14ac:dyDescent="0.3">
      <c r="A109626" s="13" t="s">
        <v>526</v>
      </c>
      <c r="B109626" s="14" t="s">
        <v>1</v>
      </c>
      <c r="C109626" s="14" t="s">
        <v>191</v>
      </c>
      <c r="D109626" s="14" t="s">
        <v>227</v>
      </c>
      <c r="E109626" s="15">
        <v>45502</v>
      </c>
      <c r="F109626" s="14" t="s">
        <v>15</v>
      </c>
      <c r="G109626" s="16">
        <v>0.8748294675735403</v>
      </c>
    </row>
    <row r="109627" spans="1:7" x14ac:dyDescent="0.3">
      <c r="A109627" s="13" t="s">
        <v>526</v>
      </c>
      <c r="B109627" s="14" t="s">
        <v>1</v>
      </c>
      <c r="C109627" s="14" t="s">
        <v>191</v>
      </c>
      <c r="D109627" s="14" t="s">
        <v>227</v>
      </c>
      <c r="E109627" s="15">
        <v>45503</v>
      </c>
      <c r="F109627" s="14" t="s">
        <v>15</v>
      </c>
      <c r="G109627" s="16">
        <v>0.87373352632764256</v>
      </c>
    </row>
    <row r="109628" spans="1:7" x14ac:dyDescent="0.3">
      <c r="A109628" s="13" t="s">
        <v>526</v>
      </c>
      <c r="B109628" s="14" t="s">
        <v>1</v>
      </c>
      <c r="C109628" s="14" t="s">
        <v>191</v>
      </c>
      <c r="D109628" s="14" t="s">
        <v>227</v>
      </c>
      <c r="E109628" s="15">
        <v>45504</v>
      </c>
      <c r="F109628" s="14" t="s">
        <v>15</v>
      </c>
      <c r="G109628" s="16">
        <v>0.89082015370694201</v>
      </c>
    </row>
    <row r="109629" spans="1:7" x14ac:dyDescent="0.3">
      <c r="A109629" s="13" t="s">
        <v>526</v>
      </c>
      <c r="B109629" s="14" t="s">
        <v>1</v>
      </c>
      <c r="C109629" s="14" t="s">
        <v>191</v>
      </c>
      <c r="D109629" s="14" t="s">
        <v>227</v>
      </c>
      <c r="E109629" s="15">
        <v>45505</v>
      </c>
      <c r="F109629" s="14" t="s">
        <v>15</v>
      </c>
      <c r="G109629" s="16">
        <v>0.92651337871844996</v>
      </c>
    </row>
    <row r="109630" spans="1:7" x14ac:dyDescent="0.3">
      <c r="A109630" s="13" t="s">
        <v>526</v>
      </c>
      <c r="B109630" s="14" t="s">
        <v>1</v>
      </c>
      <c r="C109630" s="14" t="s">
        <v>191</v>
      </c>
      <c r="D109630" s="14" t="s">
        <v>227</v>
      </c>
      <c r="E109630" s="15">
        <v>45506</v>
      </c>
      <c r="F109630" s="14" t="s">
        <v>15</v>
      </c>
      <c r="G109630" s="16">
        <v>0.9954921493355422</v>
      </c>
    </row>
    <row r="109631" spans="1:7" x14ac:dyDescent="0.3">
      <c r="A109631" s="13" t="s">
        <v>526</v>
      </c>
      <c r="B109631" s="14" t="s">
        <v>1</v>
      </c>
      <c r="C109631" s="14" t="s">
        <v>191</v>
      </c>
      <c r="D109631" s="14" t="s">
        <v>227</v>
      </c>
      <c r="E109631" s="15">
        <v>45507</v>
      </c>
      <c r="F109631" s="14" t="s">
        <v>15</v>
      </c>
      <c r="G109631" s="16">
        <v>0.9954921493355422</v>
      </c>
    </row>
    <row r="109632" spans="1:7" x14ac:dyDescent="0.3">
      <c r="A109632" s="13" t="s">
        <v>526</v>
      </c>
      <c r="B109632" s="14" t="s">
        <v>1</v>
      </c>
      <c r="C109632" s="14" t="s">
        <v>191</v>
      </c>
      <c r="D109632" s="14" t="s">
        <v>227</v>
      </c>
      <c r="E109632" s="15">
        <v>45508</v>
      </c>
      <c r="F109632" s="14" t="s">
        <v>15</v>
      </c>
      <c r="G109632" s="16">
        <v>0.9954921493355422</v>
      </c>
    </row>
    <row r="109633" spans="1:7" x14ac:dyDescent="0.3">
      <c r="A109633" s="13" t="s">
        <v>526</v>
      </c>
      <c r="B109633" s="14" t="s">
        <v>1</v>
      </c>
      <c r="C109633" s="14" t="s">
        <v>191</v>
      </c>
      <c r="D109633" s="14" t="s">
        <v>227</v>
      </c>
      <c r="E109633" s="15">
        <v>45509</v>
      </c>
      <c r="F109633" s="14" t="s">
        <v>15</v>
      </c>
      <c r="G109633" s="16">
        <v>0.9954921493355422</v>
      </c>
    </row>
    <row r="109634" spans="1:7" x14ac:dyDescent="0.3">
      <c r="A109634" s="13" t="s">
        <v>526</v>
      </c>
      <c r="B109634" s="14" t="s">
        <v>1</v>
      </c>
      <c r="C109634" s="14" t="s">
        <v>191</v>
      </c>
      <c r="D109634" s="14" t="s">
        <v>227</v>
      </c>
      <c r="E109634" s="15">
        <v>45510</v>
      </c>
      <c r="F109634" s="14" t="s">
        <v>15</v>
      </c>
      <c r="G109634" s="16">
        <v>1.0261828142902065</v>
      </c>
    </row>
    <row r="109635" spans="1:7" x14ac:dyDescent="0.3">
      <c r="A109635" s="13" t="s">
        <v>526</v>
      </c>
      <c r="B109635" s="14" t="s">
        <v>1</v>
      </c>
      <c r="C109635" s="14" t="s">
        <v>191</v>
      </c>
      <c r="D109635" s="14" t="s">
        <v>227</v>
      </c>
      <c r="E109635" s="15">
        <v>45511</v>
      </c>
      <c r="F109635" s="14" t="s">
        <v>15</v>
      </c>
      <c r="G109635" s="16">
        <v>1.3135737227115014</v>
      </c>
    </row>
    <row r="109636" spans="1:7" x14ac:dyDescent="0.3">
      <c r="A109636" s="13" t="s">
        <v>526</v>
      </c>
      <c r="B109636" s="14" t="s">
        <v>1</v>
      </c>
      <c r="C109636" s="14" t="s">
        <v>191</v>
      </c>
      <c r="D109636" s="14" t="s">
        <v>227</v>
      </c>
      <c r="E109636" s="15">
        <v>45512</v>
      </c>
      <c r="F109636" s="14" t="s">
        <v>15</v>
      </c>
      <c r="G109636" s="16">
        <v>1.3132043151486372</v>
      </c>
    </row>
    <row r="109637" spans="1:7" x14ac:dyDescent="0.3">
      <c r="A109637" s="13" t="s">
        <v>526</v>
      </c>
      <c r="B109637" s="14" t="s">
        <v>1</v>
      </c>
      <c r="C109637" s="14" t="s">
        <v>191</v>
      </c>
      <c r="D109637" s="14" t="s">
        <v>227</v>
      </c>
      <c r="E109637" s="15">
        <v>45513</v>
      </c>
      <c r="F109637" s="14" t="s">
        <v>15</v>
      </c>
      <c r="G109637" s="16">
        <v>1.3132043151486372</v>
      </c>
    </row>
    <row r="109638" spans="1:7" x14ac:dyDescent="0.3">
      <c r="A109638" s="13" t="s">
        <v>526</v>
      </c>
      <c r="B109638" s="14" t="s">
        <v>1</v>
      </c>
      <c r="C109638" s="14" t="s">
        <v>191</v>
      </c>
      <c r="D109638" s="14" t="s">
        <v>227</v>
      </c>
      <c r="E109638" s="15">
        <v>45514</v>
      </c>
      <c r="F109638" s="14" t="s">
        <v>15</v>
      </c>
      <c r="G109638" s="16">
        <v>1.3132043151486372</v>
      </c>
    </row>
    <row r="109639" spans="1:7" x14ac:dyDescent="0.3">
      <c r="A109639" s="13" t="s">
        <v>526</v>
      </c>
      <c r="B109639" s="14" t="s">
        <v>1</v>
      </c>
      <c r="C109639" s="14" t="s">
        <v>191</v>
      </c>
      <c r="D109639" s="14" t="s">
        <v>227</v>
      </c>
      <c r="E109639" s="15">
        <v>45515</v>
      </c>
      <c r="F109639" s="14" t="s">
        <v>15</v>
      </c>
      <c r="G109639" s="16">
        <v>1.3132043151486372</v>
      </c>
    </row>
    <row r="109640" spans="1:7" x14ac:dyDescent="0.3">
      <c r="A109640" s="13" t="s">
        <v>526</v>
      </c>
      <c r="B109640" s="14" t="s">
        <v>1</v>
      </c>
      <c r="C109640" s="14" t="s">
        <v>191</v>
      </c>
      <c r="D109640" s="14" t="s">
        <v>227</v>
      </c>
      <c r="E109640" s="15">
        <v>45516</v>
      </c>
      <c r="F109640" s="14" t="s">
        <v>15</v>
      </c>
      <c r="G109640" s="16">
        <v>1.3181957711086201</v>
      </c>
    </row>
    <row r="109641" spans="1:7" x14ac:dyDescent="0.3">
      <c r="A109641" s="13" t="s">
        <v>526</v>
      </c>
      <c r="B109641" s="14" t="s">
        <v>1</v>
      </c>
      <c r="C109641" s="14" t="s">
        <v>191</v>
      </c>
      <c r="D109641" s="14" t="s">
        <v>227</v>
      </c>
      <c r="E109641" s="15">
        <v>45517</v>
      </c>
      <c r="F109641" s="14" t="s">
        <v>15</v>
      </c>
      <c r="G109641" s="16">
        <v>1.3167058945851391</v>
      </c>
    </row>
    <row r="109642" spans="1:7" x14ac:dyDescent="0.3">
      <c r="A109642" s="13" t="s">
        <v>526</v>
      </c>
      <c r="B109642" s="14" t="s">
        <v>1</v>
      </c>
      <c r="C109642" s="14" t="s">
        <v>191</v>
      </c>
      <c r="D109642" s="14" t="s">
        <v>227</v>
      </c>
      <c r="E109642" s="15">
        <v>45518</v>
      </c>
      <c r="F109642" s="14" t="s">
        <v>15</v>
      </c>
      <c r="G109642" s="16">
        <v>1.3163315758928196</v>
      </c>
    </row>
    <row r="109643" spans="1:7" x14ac:dyDescent="0.3">
      <c r="A109643" s="13" t="s">
        <v>526</v>
      </c>
      <c r="B109643" s="14" t="s">
        <v>1</v>
      </c>
      <c r="C109643" s="14" t="s">
        <v>191</v>
      </c>
      <c r="D109643" s="14" t="s">
        <v>227</v>
      </c>
      <c r="E109643" s="15">
        <v>45519</v>
      </c>
      <c r="F109643" s="14" t="s">
        <v>15</v>
      </c>
      <c r="G109643" s="16">
        <v>1.3159541224370179</v>
      </c>
    </row>
    <row r="109644" spans="1:7" x14ac:dyDescent="0.3">
      <c r="A109644" s="13" t="s">
        <v>526</v>
      </c>
      <c r="B109644" s="14" t="s">
        <v>1</v>
      </c>
      <c r="C109644" s="14" t="s">
        <v>191</v>
      </c>
      <c r="D109644" s="14" t="s">
        <v>227</v>
      </c>
      <c r="E109644" s="15">
        <v>45520</v>
      </c>
      <c r="F109644" s="14" t="s">
        <v>15</v>
      </c>
      <c r="G109644" s="16">
        <v>1.4876635855233635</v>
      </c>
    </row>
    <row r="109645" spans="1:7" x14ac:dyDescent="0.3">
      <c r="A109645" s="13" t="s">
        <v>526</v>
      </c>
      <c r="B109645" s="14" t="s">
        <v>1</v>
      </c>
      <c r="C109645" s="14" t="s">
        <v>191</v>
      </c>
      <c r="D109645" s="14" t="s">
        <v>227</v>
      </c>
      <c r="E109645" s="15">
        <v>45521</v>
      </c>
      <c r="F109645" s="14" t="s">
        <v>15</v>
      </c>
      <c r="G109645" s="16">
        <v>1.4876635855233635</v>
      </c>
    </row>
    <row r="109646" spans="1:7" x14ac:dyDescent="0.3">
      <c r="A109646" s="13" t="s">
        <v>526</v>
      </c>
      <c r="B109646" s="14" t="s">
        <v>1</v>
      </c>
      <c r="C109646" s="14" t="s">
        <v>191</v>
      </c>
      <c r="D109646" s="14" t="s">
        <v>227</v>
      </c>
      <c r="E109646" s="15">
        <v>45522</v>
      </c>
      <c r="F109646" s="14" t="s">
        <v>15</v>
      </c>
      <c r="G109646" s="16">
        <v>1.4876635855233635</v>
      </c>
    </row>
    <row r="109647" spans="1:7" x14ac:dyDescent="0.3">
      <c r="A109647" s="13" t="s">
        <v>526</v>
      </c>
      <c r="B109647" s="14" t="s">
        <v>1</v>
      </c>
      <c r="C109647" s="14" t="s">
        <v>191</v>
      </c>
      <c r="D109647" s="14" t="s">
        <v>227</v>
      </c>
      <c r="E109647" s="15">
        <v>45523</v>
      </c>
      <c r="F109647" s="14" t="s">
        <v>15</v>
      </c>
      <c r="G109647" s="16">
        <v>1.4872805939854101</v>
      </c>
    </row>
    <row r="109648" spans="1:7" x14ac:dyDescent="0.3">
      <c r="A109648" s="13" t="s">
        <v>526</v>
      </c>
      <c r="B109648" s="14" t="s">
        <v>1</v>
      </c>
      <c r="C109648" s="14" t="s">
        <v>191</v>
      </c>
      <c r="D109648" s="14" t="s">
        <v>227</v>
      </c>
      <c r="E109648" s="15">
        <v>45524</v>
      </c>
      <c r="F109648" s="14" t="s">
        <v>15</v>
      </c>
      <c r="G109648" s="16">
        <v>1.4861260326623973</v>
      </c>
    </row>
    <row r="109649" spans="1:7" x14ac:dyDescent="0.3">
      <c r="A109649" s="13" t="s">
        <v>526</v>
      </c>
      <c r="B109649" s="14" t="s">
        <v>1</v>
      </c>
      <c r="C109649" s="14" t="s">
        <v>191</v>
      </c>
      <c r="D109649" s="14" t="s">
        <v>227</v>
      </c>
      <c r="E109649" s="15">
        <v>45525</v>
      </c>
      <c r="F109649" s="14" t="s">
        <v>15</v>
      </c>
      <c r="G109649" s="16">
        <v>1.6631983446217951</v>
      </c>
    </row>
    <row r="109650" spans="1:7" x14ac:dyDescent="0.3">
      <c r="A109650" s="13" t="s">
        <v>526</v>
      </c>
      <c r="B109650" s="14" t="s">
        <v>1</v>
      </c>
      <c r="C109650" s="14" t="s">
        <v>191</v>
      </c>
      <c r="D109650" s="14" t="s">
        <v>227</v>
      </c>
      <c r="E109650" s="15">
        <v>45526</v>
      </c>
      <c r="F109650" s="14" t="s">
        <v>15</v>
      </c>
      <c r="G109650" s="16">
        <v>1.6628088745726455</v>
      </c>
    </row>
    <row r="109651" spans="1:7" x14ac:dyDescent="0.3">
      <c r="A109651" s="13" t="s">
        <v>526</v>
      </c>
      <c r="B109651" s="14" t="s">
        <v>1</v>
      </c>
      <c r="C109651" s="14" t="s">
        <v>191</v>
      </c>
      <c r="D109651" s="14" t="s">
        <v>227</v>
      </c>
      <c r="E109651" s="15">
        <v>45527</v>
      </c>
      <c r="F109651" s="14" t="s">
        <v>15</v>
      </c>
      <c r="G109651" s="16">
        <v>1.6624193000313798</v>
      </c>
    </row>
    <row r="109652" spans="1:7" x14ac:dyDescent="0.3">
      <c r="A109652" s="13" t="s">
        <v>526</v>
      </c>
      <c r="B109652" s="14" t="s">
        <v>1</v>
      </c>
      <c r="C109652" s="14" t="s">
        <v>191</v>
      </c>
      <c r="D109652" s="14" t="s">
        <v>227</v>
      </c>
      <c r="E109652" s="15">
        <v>45528</v>
      </c>
      <c r="F109652" s="14" t="s">
        <v>15</v>
      </c>
      <c r="G109652" s="16">
        <v>1.6624193000313798</v>
      </c>
    </row>
    <row r="109653" spans="1:7" x14ac:dyDescent="0.3">
      <c r="A109653" s="13" t="s">
        <v>526</v>
      </c>
      <c r="B109653" s="14" t="s">
        <v>1</v>
      </c>
      <c r="C109653" s="14" t="s">
        <v>191</v>
      </c>
      <c r="D109653" s="14" t="s">
        <v>227</v>
      </c>
      <c r="E109653" s="15">
        <v>45529</v>
      </c>
      <c r="F109653" s="14" t="s">
        <v>15</v>
      </c>
      <c r="G109653" s="16">
        <v>1.6624193000313798</v>
      </c>
    </row>
    <row r="109654" spans="1:7" x14ac:dyDescent="0.3">
      <c r="A109654" s="13" t="s">
        <v>526</v>
      </c>
      <c r="B109654" s="14" t="s">
        <v>1</v>
      </c>
      <c r="C109654" s="14" t="s">
        <v>191</v>
      </c>
      <c r="D109654" s="14" t="s">
        <v>227</v>
      </c>
      <c r="E109654" s="15">
        <v>45530</v>
      </c>
      <c r="F109654" s="14" t="s">
        <v>15</v>
      </c>
      <c r="G109654" s="16">
        <v>1.7575259063032718</v>
      </c>
    </row>
    <row r="109655" spans="1:7" x14ac:dyDescent="0.3">
      <c r="A109655" s="13" t="s">
        <v>526</v>
      </c>
      <c r="B109655" s="14" t="s">
        <v>1</v>
      </c>
      <c r="C109655" s="14" t="s">
        <v>191</v>
      </c>
      <c r="D109655" s="14" t="s">
        <v>227</v>
      </c>
      <c r="E109655" s="15">
        <v>45531</v>
      </c>
      <c r="F109655" s="14" t="s">
        <v>15</v>
      </c>
      <c r="G109655" s="16">
        <v>1.7563448039827771</v>
      </c>
    </row>
    <row r="109656" spans="1:7" x14ac:dyDescent="0.3">
      <c r="A109656" s="13" t="s">
        <v>526</v>
      </c>
      <c r="B109656" s="14" t="s">
        <v>1</v>
      </c>
      <c r="C109656" s="14" t="s">
        <v>191</v>
      </c>
      <c r="D109656" s="14" t="s">
        <v>227</v>
      </c>
      <c r="E109656" s="15">
        <v>45532</v>
      </c>
      <c r="F109656" s="14" t="s">
        <v>15</v>
      </c>
      <c r="G109656" s="16">
        <v>1.7579607466252398</v>
      </c>
    </row>
    <row r="109657" spans="1:7" x14ac:dyDescent="0.3">
      <c r="A109657" s="13" t="s">
        <v>526</v>
      </c>
      <c r="B109657" s="14" t="s">
        <v>1</v>
      </c>
      <c r="C109657" s="14" t="s">
        <v>191</v>
      </c>
      <c r="D109657" s="14" t="s">
        <v>227</v>
      </c>
      <c r="E109657" s="15">
        <v>45533</v>
      </c>
      <c r="F109657" s="14" t="s">
        <v>15</v>
      </c>
      <c r="G109657" s="16">
        <v>1.7575576926010013</v>
      </c>
    </row>
    <row r="109658" spans="1:7" x14ac:dyDescent="0.3">
      <c r="A109658" s="13" t="s">
        <v>526</v>
      </c>
      <c r="B109658" s="14" t="s">
        <v>1</v>
      </c>
      <c r="C109658" s="14" t="s">
        <v>191</v>
      </c>
      <c r="D109658" s="14" t="s">
        <v>227</v>
      </c>
      <c r="E109658" s="15">
        <v>45534</v>
      </c>
      <c r="F109658" s="14" t="s">
        <v>15</v>
      </c>
      <c r="G109658" s="16">
        <v>2.0322532268882747</v>
      </c>
    </row>
    <row r="109659" spans="1:7" x14ac:dyDescent="0.3">
      <c r="A109659" s="13" t="s">
        <v>526</v>
      </c>
      <c r="B109659" s="14" t="s">
        <v>1</v>
      </c>
      <c r="C109659" s="14" t="s">
        <v>191</v>
      </c>
      <c r="D109659" s="14" t="s">
        <v>227</v>
      </c>
      <c r="E109659" s="15">
        <v>45535</v>
      </c>
      <c r="F109659" s="14" t="s">
        <v>15</v>
      </c>
      <c r="G109659" s="16">
        <v>2.0322532268882747</v>
      </c>
    </row>
    <row r="109660" spans="1:7" x14ac:dyDescent="0.3">
      <c r="A109660" s="13" t="s">
        <v>526</v>
      </c>
      <c r="B109660" s="14" t="s">
        <v>1</v>
      </c>
      <c r="C109660" s="14" t="s">
        <v>191</v>
      </c>
      <c r="D109660" s="14" t="s">
        <v>227</v>
      </c>
      <c r="E109660" s="15">
        <v>45536</v>
      </c>
      <c r="F109660" s="14" t="s">
        <v>15</v>
      </c>
      <c r="G109660" s="16">
        <v>2.0322532268882747</v>
      </c>
    </row>
    <row r="109661" spans="1:7" x14ac:dyDescent="0.3">
      <c r="A109661" s="13" t="s">
        <v>526</v>
      </c>
      <c r="B109661" s="14" t="s">
        <v>1</v>
      </c>
      <c r="C109661" s="14" t="s">
        <v>191</v>
      </c>
      <c r="D109661" s="14" t="s">
        <v>227</v>
      </c>
      <c r="E109661" s="15">
        <v>45537</v>
      </c>
      <c r="F109661" s="14" t="s">
        <v>15</v>
      </c>
      <c r="G109661" s="16">
        <v>2.0368065474055768</v>
      </c>
    </row>
    <row r="109662" spans="1:7" x14ac:dyDescent="0.3">
      <c r="A109662" s="13" t="s">
        <v>526</v>
      </c>
      <c r="B109662" s="14" t="s">
        <v>1</v>
      </c>
      <c r="C109662" s="14" t="s">
        <v>191</v>
      </c>
      <c r="D109662" s="14" t="s">
        <v>227</v>
      </c>
      <c r="E109662" s="15">
        <v>45538</v>
      </c>
      <c r="F109662" s="14" t="s">
        <v>15</v>
      </c>
      <c r="G109662" s="16">
        <v>2.0356308786751178</v>
      </c>
    </row>
    <row r="109663" spans="1:7" x14ac:dyDescent="0.3">
      <c r="A109663" s="13" t="s">
        <v>526</v>
      </c>
      <c r="B109663" s="14" t="s">
        <v>1</v>
      </c>
      <c r="C109663" s="14" t="s">
        <v>191</v>
      </c>
      <c r="D109663" s="14" t="s">
        <v>227</v>
      </c>
      <c r="E109663" s="15">
        <v>45539</v>
      </c>
      <c r="F109663" s="14" t="s">
        <v>15</v>
      </c>
      <c r="G109663" s="16">
        <v>2.0338700540946677</v>
      </c>
    </row>
    <row r="109664" spans="1:7" x14ac:dyDescent="0.3">
      <c r="A109664" s="13" t="s">
        <v>526</v>
      </c>
      <c r="B109664" s="14" t="s">
        <v>1</v>
      </c>
      <c r="C109664" s="14" t="s">
        <v>191</v>
      </c>
      <c r="D109664" s="14" t="s">
        <v>227</v>
      </c>
      <c r="E109664" s="15">
        <v>45540</v>
      </c>
      <c r="F109664" s="14" t="s">
        <v>15</v>
      </c>
      <c r="G109664" s="16">
        <v>2.0191432207995748</v>
      </c>
    </row>
    <row r="109665" spans="1:7" x14ac:dyDescent="0.3">
      <c r="A109665" s="13" t="s">
        <v>526</v>
      </c>
      <c r="B109665" s="14" t="s">
        <v>1</v>
      </c>
      <c r="C109665" s="14" t="s">
        <v>191</v>
      </c>
      <c r="D109665" s="14" t="s">
        <v>227</v>
      </c>
      <c r="E109665" s="15">
        <v>45541</v>
      </c>
      <c r="F109665" s="14" t="s">
        <v>15</v>
      </c>
      <c r="G109665" s="16">
        <v>2.0113481855003235</v>
      </c>
    </row>
    <row r="109666" spans="1:7" x14ac:dyDescent="0.3">
      <c r="A109666" s="13" t="s">
        <v>526</v>
      </c>
      <c r="B109666" s="14" t="s">
        <v>1</v>
      </c>
      <c r="C109666" s="14" t="s">
        <v>191</v>
      </c>
      <c r="D109666" s="14" t="s">
        <v>227</v>
      </c>
      <c r="E109666" s="15">
        <v>45542</v>
      </c>
      <c r="F109666" s="14" t="s">
        <v>15</v>
      </c>
      <c r="G109666" s="16">
        <v>2.0113481855003235</v>
      </c>
    </row>
    <row r="109667" spans="1:7" x14ac:dyDescent="0.3">
      <c r="A109667" s="13" t="s">
        <v>526</v>
      </c>
      <c r="B109667" s="14" t="s">
        <v>1</v>
      </c>
      <c r="C109667" s="14" t="s">
        <v>191</v>
      </c>
      <c r="D109667" s="14" t="s">
        <v>227</v>
      </c>
      <c r="E109667" s="15">
        <v>45543</v>
      </c>
      <c r="F109667" s="14" t="s">
        <v>15</v>
      </c>
      <c r="G109667" s="16">
        <v>2.0113481855003235</v>
      </c>
    </row>
    <row r="109668" spans="1:7" x14ac:dyDescent="0.3">
      <c r="A109668" s="13" t="s">
        <v>526</v>
      </c>
      <c r="B109668" s="14" t="s">
        <v>1</v>
      </c>
      <c r="C109668" s="14" t="s">
        <v>191</v>
      </c>
      <c r="D109668" s="14" t="s">
        <v>227</v>
      </c>
      <c r="E109668" s="15">
        <v>45544</v>
      </c>
      <c r="F109668" s="14" t="s">
        <v>15</v>
      </c>
      <c r="G109668" s="16">
        <v>2.0180174713680401</v>
      </c>
    </row>
    <row r="109669" spans="1:7" x14ac:dyDescent="0.3">
      <c r="A109669" s="13" t="s">
        <v>526</v>
      </c>
      <c r="B109669" s="14" t="s">
        <v>1</v>
      </c>
      <c r="C109669" s="14" t="s">
        <v>191</v>
      </c>
      <c r="D109669" s="14" t="s">
        <v>227</v>
      </c>
      <c r="E109669" s="15">
        <v>45545</v>
      </c>
      <c r="F109669" s="14" t="s">
        <v>15</v>
      </c>
      <c r="G109669" s="16">
        <v>2.0167802567812156</v>
      </c>
    </row>
    <row r="109670" spans="1:7" x14ac:dyDescent="0.3">
      <c r="A109670" s="13" t="s">
        <v>526</v>
      </c>
      <c r="B109670" s="14" t="s">
        <v>1</v>
      </c>
      <c r="C109670" s="14" t="s">
        <v>191</v>
      </c>
      <c r="D109670" s="14" t="s">
        <v>227</v>
      </c>
      <c r="E109670" s="15">
        <v>45546</v>
      </c>
      <c r="F109670" s="14" t="s">
        <v>15</v>
      </c>
      <c r="G109670" s="16">
        <v>2.0874543074894252</v>
      </c>
    </row>
    <row r="109671" spans="1:7" x14ac:dyDescent="0.3">
      <c r="A109671" s="13" t="s">
        <v>526</v>
      </c>
      <c r="B109671" s="14" t="s">
        <v>1</v>
      </c>
      <c r="C109671" s="14" t="s">
        <v>191</v>
      </c>
      <c r="D109671" s="14" t="s">
        <v>227</v>
      </c>
      <c r="E109671" s="15">
        <v>45547</v>
      </c>
      <c r="F109671" s="14" t="s">
        <v>15</v>
      </c>
      <c r="G109671" s="16">
        <v>2.0870419536668563</v>
      </c>
    </row>
    <row r="109672" spans="1:7" x14ac:dyDescent="0.3">
      <c r="A109672" s="13" t="s">
        <v>526</v>
      </c>
      <c r="B109672" s="14" t="s">
        <v>1</v>
      </c>
      <c r="C109672" s="14" t="s">
        <v>191</v>
      </c>
      <c r="D109672" s="14" t="s">
        <v>227</v>
      </c>
      <c r="E109672" s="15">
        <v>45548</v>
      </c>
      <c r="F109672" s="14" t="s">
        <v>15</v>
      </c>
      <c r="G109672" s="16">
        <v>2.0866283459388946</v>
      </c>
    </row>
    <row r="109673" spans="1:7" x14ac:dyDescent="0.3">
      <c r="A109673" s="13" t="s">
        <v>526</v>
      </c>
      <c r="B109673" s="14" t="s">
        <v>1</v>
      </c>
      <c r="C109673" s="14" t="s">
        <v>191</v>
      </c>
      <c r="D109673" s="14" t="s">
        <v>227</v>
      </c>
      <c r="E109673" s="15">
        <v>45549</v>
      </c>
      <c r="F109673" s="14" t="s">
        <v>15</v>
      </c>
      <c r="G109673" s="16">
        <v>2.0866283459388946</v>
      </c>
    </row>
    <row r="109674" spans="1:7" x14ac:dyDescent="0.3">
      <c r="A109674" s="13" t="s">
        <v>526</v>
      </c>
      <c r="B109674" s="14" t="s">
        <v>1</v>
      </c>
      <c r="C109674" s="14" t="s">
        <v>191</v>
      </c>
      <c r="D109674" s="14" t="s">
        <v>227</v>
      </c>
      <c r="E109674" s="15">
        <v>45550</v>
      </c>
      <c r="F109674" s="14" t="s">
        <v>15</v>
      </c>
      <c r="G109674" s="16">
        <v>2.0866283459388946</v>
      </c>
    </row>
    <row r="109675" spans="1:7" x14ac:dyDescent="0.3">
      <c r="A109675" s="13" t="s">
        <v>526</v>
      </c>
      <c r="B109675" s="14" t="s">
        <v>1</v>
      </c>
      <c r="C109675" s="14" t="s">
        <v>191</v>
      </c>
      <c r="D109675" s="14" t="s">
        <v>227</v>
      </c>
      <c r="E109675" s="15">
        <v>45551</v>
      </c>
      <c r="F109675" s="14" t="s">
        <v>15</v>
      </c>
      <c r="G109675" s="16">
        <v>2.0862121259080313</v>
      </c>
    </row>
    <row r="109676" spans="1:7" x14ac:dyDescent="0.3">
      <c r="A109676" s="13" t="s">
        <v>526</v>
      </c>
      <c r="B109676" s="14" t="s">
        <v>1</v>
      </c>
      <c r="C109676" s="14" t="s">
        <v>191</v>
      </c>
      <c r="D109676" s="14" t="s">
        <v>227</v>
      </c>
      <c r="E109676" s="15">
        <v>45552</v>
      </c>
      <c r="F109676" s="14" t="s">
        <v>15</v>
      </c>
      <c r="G109676" s="16">
        <v>2.07584104647131</v>
      </c>
    </row>
    <row r="109677" spans="1:7" x14ac:dyDescent="0.3">
      <c r="A109677" s="13" t="s">
        <v>526</v>
      </c>
      <c r="B109677" s="14" t="s">
        <v>1</v>
      </c>
      <c r="C109677" s="14" t="s">
        <v>191</v>
      </c>
      <c r="D109677" s="14" t="s">
        <v>227</v>
      </c>
      <c r="E109677" s="15">
        <v>45553</v>
      </c>
      <c r="F109677" s="14" t="s">
        <v>15</v>
      </c>
      <c r="G109677" s="16">
        <v>2.0733580768767008</v>
      </c>
    </row>
    <row r="109678" spans="1:7" x14ac:dyDescent="0.3">
      <c r="A109678" s="13" t="s">
        <v>526</v>
      </c>
      <c r="B109678" s="14" t="s">
        <v>1</v>
      </c>
      <c r="C109678" s="14" t="s">
        <v>191</v>
      </c>
      <c r="D109678" s="14" t="s">
        <v>227</v>
      </c>
      <c r="E109678" s="15">
        <v>45554</v>
      </c>
      <c r="F109678" s="14" t="s">
        <v>15</v>
      </c>
      <c r="G109678" s="16">
        <v>2.0709193074471899</v>
      </c>
    </row>
    <row r="109679" spans="1:7" x14ac:dyDescent="0.3">
      <c r="A109679" s="13" t="s">
        <v>526</v>
      </c>
      <c r="B109679" s="14" t="s">
        <v>1</v>
      </c>
      <c r="C109679" s="14" t="s">
        <v>191</v>
      </c>
      <c r="D109679" s="14" t="s">
        <v>227</v>
      </c>
      <c r="E109679" s="15">
        <v>45555</v>
      </c>
      <c r="F109679" s="14" t="s">
        <v>15</v>
      </c>
      <c r="G109679" s="16">
        <v>2.0719862485118217</v>
      </c>
    </row>
    <row r="109680" spans="1:7" x14ac:dyDescent="0.3">
      <c r="A109680" s="13" t="s">
        <v>526</v>
      </c>
      <c r="B109680" s="14" t="s">
        <v>1</v>
      </c>
      <c r="C109680" s="14" t="s">
        <v>191</v>
      </c>
      <c r="D109680" s="14" t="s">
        <v>227</v>
      </c>
      <c r="E109680" s="15">
        <v>45556</v>
      </c>
      <c r="F109680" s="14" t="s">
        <v>15</v>
      </c>
      <c r="G109680" s="16">
        <v>2.0719862485118217</v>
      </c>
    </row>
    <row r="109681" spans="1:7" x14ac:dyDescent="0.3">
      <c r="A109681" s="13" t="s">
        <v>526</v>
      </c>
      <c r="B109681" s="14" t="s">
        <v>1</v>
      </c>
      <c r="C109681" s="14" t="s">
        <v>191</v>
      </c>
      <c r="D109681" s="14" t="s">
        <v>227</v>
      </c>
      <c r="E109681" s="15">
        <v>45557</v>
      </c>
      <c r="F109681" s="14" t="s">
        <v>15</v>
      </c>
      <c r="G109681" s="16">
        <v>2.0719862485118217</v>
      </c>
    </row>
    <row r="109682" spans="1:7" x14ac:dyDescent="0.3">
      <c r="A109682" s="13" t="s">
        <v>526</v>
      </c>
      <c r="B109682" s="14" t="s">
        <v>1</v>
      </c>
      <c r="C109682" s="14" t="s">
        <v>191</v>
      </c>
      <c r="D109682" s="14" t="s">
        <v>227</v>
      </c>
      <c r="E109682" s="15">
        <v>45558</v>
      </c>
      <c r="F109682" s="14" t="s">
        <v>15</v>
      </c>
      <c r="G109682" s="16">
        <v>2.0699878088594286</v>
      </c>
    </row>
    <row r="109683" spans="1:7" x14ac:dyDescent="0.3">
      <c r="A109683" s="13" t="s">
        <v>526</v>
      </c>
      <c r="B109683" s="14" t="s">
        <v>1</v>
      </c>
      <c r="C109683" s="14" t="s">
        <v>191</v>
      </c>
      <c r="D109683" s="14" t="s">
        <v>227</v>
      </c>
      <c r="E109683" s="15">
        <v>45559</v>
      </c>
      <c r="F109683" s="14" t="s">
        <v>15</v>
      </c>
      <c r="G109683" s="16">
        <v>2.0687190376535511</v>
      </c>
    </row>
    <row r="109684" spans="1:7" x14ac:dyDescent="0.3">
      <c r="A109684" s="13" t="s">
        <v>526</v>
      </c>
      <c r="B109684" s="14" t="s">
        <v>1</v>
      </c>
      <c r="C109684" s="14" t="s">
        <v>191</v>
      </c>
      <c r="D109684" s="14" t="s">
        <v>227</v>
      </c>
      <c r="E109684" s="15">
        <v>45560</v>
      </c>
      <c r="F109684" s="14" t="s">
        <v>15</v>
      </c>
      <c r="G109684" s="16">
        <v>2.0682978020011165</v>
      </c>
    </row>
    <row r="109685" spans="1:7" x14ac:dyDescent="0.3">
      <c r="A109685" s="13" t="s">
        <v>526</v>
      </c>
      <c r="B109685" s="14" t="s">
        <v>1</v>
      </c>
      <c r="C109685" s="14" t="s">
        <v>191</v>
      </c>
      <c r="D109685" s="14" t="s">
        <v>227</v>
      </c>
      <c r="E109685" s="15">
        <v>45561</v>
      </c>
      <c r="F109685" s="14" t="s">
        <v>15</v>
      </c>
      <c r="G109685" s="16">
        <v>2.0678757304117532</v>
      </c>
    </row>
    <row r="109686" spans="1:7" x14ac:dyDescent="0.3">
      <c r="A109686" s="13" t="s">
        <v>526</v>
      </c>
      <c r="B109686" s="14" t="s">
        <v>1</v>
      </c>
      <c r="C109686" s="14" t="s">
        <v>191</v>
      </c>
      <c r="D109686" s="14" t="s">
        <v>227</v>
      </c>
      <c r="E109686" s="15">
        <v>45562</v>
      </c>
      <c r="F109686" s="14" t="s">
        <v>15</v>
      </c>
      <c r="G109686" s="16">
        <v>2.0726275859495882</v>
      </c>
    </row>
    <row r="109687" spans="1:7" x14ac:dyDescent="0.3">
      <c r="A109687" s="13" t="s">
        <v>526</v>
      </c>
      <c r="B109687" s="14" t="s">
        <v>1</v>
      </c>
      <c r="C109687" s="14" t="s">
        <v>191</v>
      </c>
      <c r="D109687" s="14" t="s">
        <v>227</v>
      </c>
      <c r="E109687" s="15">
        <v>45563</v>
      </c>
      <c r="F109687" s="14" t="s">
        <v>15</v>
      </c>
      <c r="G109687" s="16">
        <v>2.0726275859495882</v>
      </c>
    </row>
    <row r="109688" spans="1:7" x14ac:dyDescent="0.3">
      <c r="A109688" s="13" t="s">
        <v>526</v>
      </c>
      <c r="B109688" s="14" t="s">
        <v>1</v>
      </c>
      <c r="C109688" s="14" t="s">
        <v>191</v>
      </c>
      <c r="D109688" s="14" t="s">
        <v>227</v>
      </c>
      <c r="E109688" s="15">
        <v>45564</v>
      </c>
      <c r="F109688" s="14" t="s">
        <v>15</v>
      </c>
      <c r="G109688" s="16">
        <v>2.0726275859495882</v>
      </c>
    </row>
    <row r="109689" spans="1:7" x14ac:dyDescent="0.3">
      <c r="A109689" s="13" t="s">
        <v>526</v>
      </c>
      <c r="B109689" s="14" t="s">
        <v>1</v>
      </c>
      <c r="C109689" s="14" t="s">
        <v>191</v>
      </c>
      <c r="D109689" s="14" t="s">
        <v>227</v>
      </c>
      <c r="E109689" s="15">
        <v>45565</v>
      </c>
      <c r="F109689" s="14" t="s">
        <v>15</v>
      </c>
      <c r="G109689" s="16">
        <v>2.1301608126329703</v>
      </c>
    </row>
    <row r="109690" spans="1:7" x14ac:dyDescent="0.3">
      <c r="A109690" s="13" t="s">
        <v>526</v>
      </c>
      <c r="B109690" s="14" t="s">
        <v>1</v>
      </c>
      <c r="C109690" s="14" t="s">
        <v>191</v>
      </c>
      <c r="D109690" s="14" t="s">
        <v>227</v>
      </c>
      <c r="E109690" s="15">
        <v>45566</v>
      </c>
      <c r="F109690" s="14" t="s">
        <v>15</v>
      </c>
      <c r="G109690" s="16">
        <v>2.1288781439756552</v>
      </c>
    </row>
    <row r="109691" spans="1:7" x14ac:dyDescent="0.3">
      <c r="A109691" s="13" t="s">
        <v>526</v>
      </c>
      <c r="B109691" s="14" t="s">
        <v>1</v>
      </c>
      <c r="C109691" s="14" t="s">
        <v>191</v>
      </c>
      <c r="D109691" s="14" t="s">
        <v>227</v>
      </c>
      <c r="E109691" s="15">
        <v>45567</v>
      </c>
      <c r="F109691" s="14" t="s">
        <v>15</v>
      </c>
      <c r="G109691" s="16">
        <v>2.1284911817372913</v>
      </c>
    </row>
    <row r="109692" spans="1:7" x14ac:dyDescent="0.3">
      <c r="A109692" s="13" t="s">
        <v>526</v>
      </c>
      <c r="B109692" s="14" t="s">
        <v>1</v>
      </c>
      <c r="C109692" s="14" t="s">
        <v>191</v>
      </c>
      <c r="D109692" s="14" t="s">
        <v>227</v>
      </c>
      <c r="E109692" s="15">
        <v>45568</v>
      </c>
      <c r="F109692" s="14" t="s">
        <v>15</v>
      </c>
      <c r="G109692" s="16">
        <v>2.1102337688244308</v>
      </c>
    </row>
    <row r="109693" spans="1:7" x14ac:dyDescent="0.3">
      <c r="A109693" s="13" t="s">
        <v>526</v>
      </c>
      <c r="B109693" s="14" t="s">
        <v>1</v>
      </c>
      <c r="C109693" s="14" t="s">
        <v>191</v>
      </c>
      <c r="D109693" s="14" t="s">
        <v>227</v>
      </c>
      <c r="E109693" s="15">
        <v>45569</v>
      </c>
      <c r="F109693" s="14" t="s">
        <v>15</v>
      </c>
      <c r="G109693" s="16">
        <v>2.1098105478217906</v>
      </c>
    </row>
    <row r="109694" spans="1:7" x14ac:dyDescent="0.3">
      <c r="A109694" s="13" t="s">
        <v>526</v>
      </c>
      <c r="B109694" s="14" t="s">
        <v>1</v>
      </c>
      <c r="C109694" s="14" t="s">
        <v>191</v>
      </c>
      <c r="D109694" s="14" t="s">
        <v>227</v>
      </c>
      <c r="E109694" s="15">
        <v>45570</v>
      </c>
      <c r="F109694" s="14" t="s">
        <v>15</v>
      </c>
      <c r="G109694" s="16">
        <v>2.1098105478217906</v>
      </c>
    </row>
    <row r="109695" spans="1:7" x14ac:dyDescent="0.3">
      <c r="A109695" s="13" t="s">
        <v>526</v>
      </c>
      <c r="B109695" s="14" t="s">
        <v>1</v>
      </c>
      <c r="C109695" s="14" t="s">
        <v>191</v>
      </c>
      <c r="D109695" s="14" t="s">
        <v>227</v>
      </c>
      <c r="E109695" s="15">
        <v>45571</v>
      </c>
      <c r="F109695" s="14" t="s">
        <v>15</v>
      </c>
      <c r="G109695" s="16">
        <v>2.1098105478217906</v>
      </c>
    </row>
    <row r="109696" spans="1:7" x14ac:dyDescent="0.3">
      <c r="A109696" s="13" t="s">
        <v>526</v>
      </c>
      <c r="B109696" s="14" t="s">
        <v>1</v>
      </c>
      <c r="C109696" s="14" t="s">
        <v>191</v>
      </c>
      <c r="D109696" s="14" t="s">
        <v>227</v>
      </c>
      <c r="E109696" s="15">
        <v>45572</v>
      </c>
      <c r="F109696" s="14" t="s">
        <v>15</v>
      </c>
      <c r="G109696" s="16">
        <v>2.1093891031851237</v>
      </c>
    </row>
    <row r="109697" spans="1:7" x14ac:dyDescent="0.3">
      <c r="A109697" s="13" t="s">
        <v>526</v>
      </c>
      <c r="B109697" s="14" t="s">
        <v>1</v>
      </c>
      <c r="C109697" s="14" t="s">
        <v>191</v>
      </c>
      <c r="D109697" s="14" t="s">
        <v>227</v>
      </c>
      <c r="E109697" s="15">
        <v>45573</v>
      </c>
      <c r="F109697" s="14" t="s">
        <v>15</v>
      </c>
      <c r="G109697" s="16">
        <v>2.1070674694177267</v>
      </c>
    </row>
    <row r="109698" spans="1:7" x14ac:dyDescent="0.3">
      <c r="A109698" s="13" t="s">
        <v>526</v>
      </c>
      <c r="B109698" s="14" t="s">
        <v>1</v>
      </c>
      <c r="C109698" s="14" t="s">
        <v>191</v>
      </c>
      <c r="D109698" s="14" t="s">
        <v>227</v>
      </c>
      <c r="E109698" s="15">
        <v>45574</v>
      </c>
      <c r="F109698" s="14" t="s">
        <v>15</v>
      </c>
      <c r="G109698" s="16">
        <v>2.1129793964281687</v>
      </c>
    </row>
    <row r="109699" spans="1:7" x14ac:dyDescent="0.3">
      <c r="A109699" s="13" t="s">
        <v>526</v>
      </c>
      <c r="B109699" s="14" t="s">
        <v>1</v>
      </c>
      <c r="C109699" s="14" t="s">
        <v>191</v>
      </c>
      <c r="D109699" s="14" t="s">
        <v>227</v>
      </c>
      <c r="E109699" s="15">
        <v>45575</v>
      </c>
      <c r="F109699" s="14" t="s">
        <v>15</v>
      </c>
      <c r="G109699" s="16">
        <v>2.1125696549085018</v>
      </c>
    </row>
    <row r="109700" spans="1:7" x14ac:dyDescent="0.3">
      <c r="A109700" s="13" t="s">
        <v>526</v>
      </c>
      <c r="B109700" s="14" t="s">
        <v>1</v>
      </c>
      <c r="C109700" s="14" t="s">
        <v>191</v>
      </c>
      <c r="D109700" s="14" t="s">
        <v>227</v>
      </c>
      <c r="E109700" s="15">
        <v>45576</v>
      </c>
      <c r="F109700" s="14" t="s">
        <v>15</v>
      </c>
      <c r="G109700" s="16">
        <v>2.1121594954203702</v>
      </c>
    </row>
    <row r="109701" spans="1:7" x14ac:dyDescent="0.3">
      <c r="A109701" s="13" t="s">
        <v>526</v>
      </c>
      <c r="B109701" s="14" t="s">
        <v>1</v>
      </c>
      <c r="C109701" s="14" t="s">
        <v>191</v>
      </c>
      <c r="D109701" s="14" t="s">
        <v>227</v>
      </c>
      <c r="E109701" s="15">
        <v>45577</v>
      </c>
      <c r="F109701" s="14" t="s">
        <v>15</v>
      </c>
      <c r="G109701" s="16">
        <v>2.1121594954203702</v>
      </c>
    </row>
    <row r="109702" spans="1:7" x14ac:dyDescent="0.3">
      <c r="A109702" s="13" t="s">
        <v>526</v>
      </c>
      <c r="B109702" s="14" t="s">
        <v>1</v>
      </c>
      <c r="C109702" s="14" t="s">
        <v>191</v>
      </c>
      <c r="D109702" s="14" t="s">
        <v>227</v>
      </c>
      <c r="E109702" s="15">
        <v>45578</v>
      </c>
      <c r="F109702" s="14" t="s">
        <v>15</v>
      </c>
      <c r="G109702" s="16">
        <v>2.1121594954203702</v>
      </c>
    </row>
    <row r="109703" spans="1:7" x14ac:dyDescent="0.3">
      <c r="A109703" s="13" t="s">
        <v>526</v>
      </c>
      <c r="B109703" s="14" t="s">
        <v>1</v>
      </c>
      <c r="C109703" s="14" t="s">
        <v>191</v>
      </c>
      <c r="D109703" s="14" t="s">
        <v>227</v>
      </c>
      <c r="E109703" s="15">
        <v>45579</v>
      </c>
      <c r="F109703" s="14" t="s">
        <v>15</v>
      </c>
      <c r="G109703" s="16">
        <v>2.1117503808533993</v>
      </c>
    </row>
    <row r="109704" spans="1:7" x14ac:dyDescent="0.3">
      <c r="A109704" s="13" t="s">
        <v>526</v>
      </c>
      <c r="B109704" s="14" t="s">
        <v>1</v>
      </c>
      <c r="C109704" s="14" t="s">
        <v>191</v>
      </c>
      <c r="D109704" s="14" t="s">
        <v>227</v>
      </c>
      <c r="E109704" s="15">
        <v>45580</v>
      </c>
      <c r="F109704" s="14" t="s">
        <v>15</v>
      </c>
      <c r="G109704" s="16">
        <v>2.1105243469229946</v>
      </c>
    </row>
    <row r="109705" spans="1:7" x14ac:dyDescent="0.3">
      <c r="A109705" s="13" t="s">
        <v>526</v>
      </c>
      <c r="B109705" s="14" t="s">
        <v>1</v>
      </c>
      <c r="C109705" s="14" t="s">
        <v>191</v>
      </c>
      <c r="D109705" s="14" t="s">
        <v>227</v>
      </c>
      <c r="E109705" s="15">
        <v>45581</v>
      </c>
      <c r="F109705" s="14" t="s">
        <v>15</v>
      </c>
      <c r="G109705" s="16">
        <v>2.110116486261417</v>
      </c>
    </row>
    <row r="109706" spans="1:7" x14ac:dyDescent="0.3">
      <c r="A109706" s="13" t="s">
        <v>526</v>
      </c>
      <c r="B109706" s="14" t="s">
        <v>1</v>
      </c>
      <c r="C109706" s="14" t="s">
        <v>191</v>
      </c>
      <c r="D109706" s="14" t="s">
        <v>227</v>
      </c>
      <c r="E109706" s="15">
        <v>45582</v>
      </c>
      <c r="F109706" s="14" t="s">
        <v>15</v>
      </c>
      <c r="G109706" s="16">
        <v>2.1107540692211177</v>
      </c>
    </row>
    <row r="109707" spans="1:7" x14ac:dyDescent="0.3">
      <c r="A109707" s="13" t="s">
        <v>526</v>
      </c>
      <c r="B109707" s="14" t="s">
        <v>1</v>
      </c>
      <c r="C109707" s="14" t="s">
        <v>191</v>
      </c>
      <c r="D109707" s="14" t="s">
        <v>227</v>
      </c>
      <c r="E109707" s="15">
        <v>45583</v>
      </c>
      <c r="F109707" s="14" t="s">
        <v>15</v>
      </c>
      <c r="G109707" s="16">
        <v>2.110348089417629</v>
      </c>
    </row>
    <row r="109708" spans="1:7" x14ac:dyDescent="0.3">
      <c r="A109708" s="13" t="s">
        <v>526</v>
      </c>
      <c r="B109708" s="14" t="s">
        <v>1</v>
      </c>
      <c r="C109708" s="14" t="s">
        <v>191</v>
      </c>
      <c r="D109708" s="14" t="s">
        <v>227</v>
      </c>
      <c r="E109708" s="15">
        <v>45584</v>
      </c>
      <c r="F109708" s="14" t="s">
        <v>15</v>
      </c>
      <c r="G109708" s="16">
        <v>2.110348089417629</v>
      </c>
    </row>
    <row r="109709" spans="1:7" x14ac:dyDescent="0.3">
      <c r="A109709" s="13" t="s">
        <v>526</v>
      </c>
      <c r="B109709" s="14" t="s">
        <v>1</v>
      </c>
      <c r="C109709" s="14" t="s">
        <v>191</v>
      </c>
      <c r="D109709" s="14" t="s">
        <v>227</v>
      </c>
      <c r="E109709" s="15">
        <v>45585</v>
      </c>
      <c r="F109709" s="14" t="s">
        <v>15</v>
      </c>
      <c r="G109709" s="16">
        <v>2.110348089417629</v>
      </c>
    </row>
    <row r="109710" spans="1:7" x14ac:dyDescent="0.3">
      <c r="A109710" s="13" t="s">
        <v>526</v>
      </c>
      <c r="B109710" s="14" t="s">
        <v>1</v>
      </c>
      <c r="C109710" s="14" t="s">
        <v>191</v>
      </c>
      <c r="D109710" s="14" t="s">
        <v>227</v>
      </c>
      <c r="E109710" s="15">
        <v>45586</v>
      </c>
      <c r="F109710" s="14" t="s">
        <v>15</v>
      </c>
      <c r="G109710" s="16">
        <v>2.1100889210372187</v>
      </c>
    </row>
    <row r="109711" spans="1:7" x14ac:dyDescent="0.3">
      <c r="A109711" s="13" t="s">
        <v>526</v>
      </c>
      <c r="B109711" s="14" t="s">
        <v>1</v>
      </c>
      <c r="C109711" s="14" t="s">
        <v>191</v>
      </c>
      <c r="D109711" s="14" t="s">
        <v>227</v>
      </c>
      <c r="E109711" s="15">
        <v>45587</v>
      </c>
      <c r="F109711" s="14" t="s">
        <v>15</v>
      </c>
      <c r="G109711" s="16">
        <v>2.1090863957430872</v>
      </c>
    </row>
    <row r="109712" spans="1:7" x14ac:dyDescent="0.3">
      <c r="A109712" s="13" t="s">
        <v>526</v>
      </c>
      <c r="B109712" s="14" t="s">
        <v>1</v>
      </c>
      <c r="C109712" s="14" t="s">
        <v>191</v>
      </c>
      <c r="D109712" s="14" t="s">
        <v>227</v>
      </c>
      <c r="E109712" s="15">
        <v>45588</v>
      </c>
      <c r="F109712" s="14" t="s">
        <v>15</v>
      </c>
      <c r="G109712" s="16">
        <v>2.1023289671564092</v>
      </c>
    </row>
    <row r="109713" spans="1:7" x14ac:dyDescent="0.3">
      <c r="A109713" s="13" t="s">
        <v>526</v>
      </c>
      <c r="B109713" s="14" t="s">
        <v>1</v>
      </c>
      <c r="C109713" s="14" t="s">
        <v>191</v>
      </c>
      <c r="D109713" s="14" t="s">
        <v>227</v>
      </c>
      <c r="E109713" s="15">
        <v>45589</v>
      </c>
      <c r="F109713" s="14" t="s">
        <v>15</v>
      </c>
      <c r="G109713" s="16">
        <v>2.1019277939902596</v>
      </c>
    </row>
    <row r="109714" spans="1:7" x14ac:dyDescent="0.3">
      <c r="A109714" s="13" t="s">
        <v>526</v>
      </c>
      <c r="B109714" s="14" t="s">
        <v>1</v>
      </c>
      <c r="C109714" s="14" t="s">
        <v>191</v>
      </c>
      <c r="D109714" s="14" t="s">
        <v>227</v>
      </c>
      <c r="E109714" s="15">
        <v>45590</v>
      </c>
      <c r="F109714" s="14" t="s">
        <v>15</v>
      </c>
      <c r="G109714" s="16">
        <v>2.1015292331270121</v>
      </c>
    </row>
    <row r="109715" spans="1:7" x14ac:dyDescent="0.3">
      <c r="A109715" s="13" t="s">
        <v>526</v>
      </c>
      <c r="B109715" s="14" t="s">
        <v>1</v>
      </c>
      <c r="C109715" s="14" t="s">
        <v>191</v>
      </c>
      <c r="D109715" s="14" t="s">
        <v>227</v>
      </c>
      <c r="E109715" s="15">
        <v>45591</v>
      </c>
      <c r="F109715" s="14" t="s">
        <v>15</v>
      </c>
      <c r="G109715" s="16">
        <v>2.1015292331270121</v>
      </c>
    </row>
    <row r="109716" spans="1:7" x14ac:dyDescent="0.3">
      <c r="A109716" s="13" t="s">
        <v>526</v>
      </c>
      <c r="B109716" s="14" t="s">
        <v>1</v>
      </c>
      <c r="C109716" s="14" t="s">
        <v>191</v>
      </c>
      <c r="D109716" s="14" t="s">
        <v>227</v>
      </c>
      <c r="E109716" s="15">
        <v>45592</v>
      </c>
      <c r="F109716" s="14" t="s">
        <v>15</v>
      </c>
      <c r="G109716" s="16">
        <v>2.1015292331270121</v>
      </c>
    </row>
    <row r="109717" spans="1:7" x14ac:dyDescent="0.3">
      <c r="A109717" s="13" t="s">
        <v>526</v>
      </c>
      <c r="B109717" s="14" t="s">
        <v>1</v>
      </c>
      <c r="C109717" s="14" t="s">
        <v>191</v>
      </c>
      <c r="D109717" s="14" t="s">
        <v>227</v>
      </c>
      <c r="E109717" s="15">
        <v>45593</v>
      </c>
      <c r="F109717" s="14" t="s">
        <v>15</v>
      </c>
      <c r="G109717" s="16">
        <v>2.1015292331270121</v>
      </c>
    </row>
    <row r="109718" spans="1:7" x14ac:dyDescent="0.3">
      <c r="A109718" s="13" t="s">
        <v>526</v>
      </c>
      <c r="B109718" s="14" t="s">
        <v>1</v>
      </c>
      <c r="C109718" s="14" t="s">
        <v>191</v>
      </c>
      <c r="D109718" s="14" t="s">
        <v>227</v>
      </c>
      <c r="E109718" s="15">
        <v>45594</v>
      </c>
      <c r="F109718" s="14" t="s">
        <v>15</v>
      </c>
      <c r="G109718" s="16">
        <v>2.1053989662209851</v>
      </c>
    </row>
    <row r="109719" spans="1:7" x14ac:dyDescent="0.3">
      <c r="A109719" s="13" t="s">
        <v>526</v>
      </c>
      <c r="B109719" s="14" t="s">
        <v>1</v>
      </c>
      <c r="C109719" s="14" t="s">
        <v>191</v>
      </c>
      <c r="D109719" s="14" t="s">
        <v>227</v>
      </c>
      <c r="E109719" s="15">
        <v>45595</v>
      </c>
      <c r="F109719" s="14" t="s">
        <v>15</v>
      </c>
      <c r="G109719" s="16">
        <v>2.1393204229124132</v>
      </c>
    </row>
    <row r="109720" spans="1:7" x14ac:dyDescent="0.3">
      <c r="A109720" s="13" t="s">
        <v>526</v>
      </c>
      <c r="B109720" s="14" t="s">
        <v>1</v>
      </c>
      <c r="C109720" s="14" t="s">
        <v>191</v>
      </c>
      <c r="D109720" s="14" t="s">
        <v>227</v>
      </c>
      <c r="E109720" s="15">
        <v>45596</v>
      </c>
      <c r="F109720" s="14" t="s">
        <v>15</v>
      </c>
      <c r="G109720" s="16">
        <v>2.1393204229124132</v>
      </c>
    </row>
    <row r="109721" spans="1:7" x14ac:dyDescent="0.3">
      <c r="A109721" s="13" t="s">
        <v>526</v>
      </c>
      <c r="B109721" s="14" t="s">
        <v>1</v>
      </c>
      <c r="C109721" s="14" t="s">
        <v>191</v>
      </c>
      <c r="D109721" s="14" t="s">
        <v>227</v>
      </c>
      <c r="E109721" s="15">
        <v>45597</v>
      </c>
      <c r="F109721" s="14" t="s">
        <v>15</v>
      </c>
      <c r="G109721" s="16">
        <v>2.1389295944657545</v>
      </c>
    </row>
    <row r="109722" spans="1:7" x14ac:dyDescent="0.3">
      <c r="A109722" s="13" t="s">
        <v>526</v>
      </c>
      <c r="B109722" s="14" t="s">
        <v>1</v>
      </c>
      <c r="C109722" s="14" t="s">
        <v>191</v>
      </c>
      <c r="D109722" s="14" t="s">
        <v>227</v>
      </c>
      <c r="E109722" s="15">
        <v>45598</v>
      </c>
      <c r="F109722" s="14" t="s">
        <v>15</v>
      </c>
      <c r="G109722" s="16">
        <v>2.1389295944657545</v>
      </c>
    </row>
    <row r="109723" spans="1:7" x14ac:dyDescent="0.3">
      <c r="A109723" s="13" t="s">
        <v>526</v>
      </c>
      <c r="B109723" s="14" t="s">
        <v>1</v>
      </c>
      <c r="C109723" s="14" t="s">
        <v>191</v>
      </c>
      <c r="D109723" s="14" t="s">
        <v>227</v>
      </c>
      <c r="E109723" s="15">
        <v>45599</v>
      </c>
      <c r="F109723" s="14" t="s">
        <v>15</v>
      </c>
      <c r="G109723" s="16">
        <v>2.1389295944657545</v>
      </c>
    </row>
    <row r="109724" spans="1:7" x14ac:dyDescent="0.3">
      <c r="A109724" s="13" t="s">
        <v>526</v>
      </c>
      <c r="B109724" s="14" t="s">
        <v>1</v>
      </c>
      <c r="C109724" s="14" t="s">
        <v>191</v>
      </c>
      <c r="D109724" s="14" t="s">
        <v>227</v>
      </c>
      <c r="E109724" s="15">
        <v>45600</v>
      </c>
      <c r="F109724" s="14" t="s">
        <v>15</v>
      </c>
      <c r="G109724" s="16">
        <v>2.1728086273580582</v>
      </c>
    </row>
    <row r="109725" spans="1:7" x14ac:dyDescent="0.3">
      <c r="A109725" s="13" t="s">
        <v>526</v>
      </c>
      <c r="B109725" s="14" t="s">
        <v>1</v>
      </c>
      <c r="C109725" s="14" t="s">
        <v>191</v>
      </c>
      <c r="D109725" s="14" t="s">
        <v>227</v>
      </c>
      <c r="E109725" s="15">
        <v>45601</v>
      </c>
      <c r="F109725" s="14" t="s">
        <v>15</v>
      </c>
      <c r="G109725" s="16">
        <v>2.2019393295119158</v>
      </c>
    </row>
    <row r="109726" spans="1:7" x14ac:dyDescent="0.3">
      <c r="A109726" s="13" t="s">
        <v>526</v>
      </c>
      <c r="B109726" s="14" t="s">
        <v>1</v>
      </c>
      <c r="C109726" s="14" t="s">
        <v>191</v>
      </c>
      <c r="D109726" s="14" t="s">
        <v>227</v>
      </c>
      <c r="E109726" s="15">
        <v>45602</v>
      </c>
      <c r="F109726" s="14" t="s">
        <v>15</v>
      </c>
      <c r="G109726" s="16">
        <v>2.2015474561440964</v>
      </c>
    </row>
    <row r="109727" spans="1:7" x14ac:dyDescent="0.3">
      <c r="A109727" s="13" t="s">
        <v>526</v>
      </c>
      <c r="B109727" s="14" t="s">
        <v>1</v>
      </c>
      <c r="C109727" s="14" t="s">
        <v>191</v>
      </c>
      <c r="D109727" s="14" t="s">
        <v>227</v>
      </c>
      <c r="E109727" s="15">
        <v>45603</v>
      </c>
      <c r="F109727" s="14" t="s">
        <v>15</v>
      </c>
      <c r="G109727" s="16">
        <v>2.2696082635215151</v>
      </c>
    </row>
    <row r="109728" spans="1:7" x14ac:dyDescent="0.3">
      <c r="A109728" s="13" t="s">
        <v>526</v>
      </c>
      <c r="B109728" s="14" t="s">
        <v>1</v>
      </c>
      <c r="C109728" s="14" t="s">
        <v>191</v>
      </c>
      <c r="D109728" s="14" t="s">
        <v>227</v>
      </c>
      <c r="E109728" s="15">
        <v>45604</v>
      </c>
      <c r="F109728" s="14" t="s">
        <v>15</v>
      </c>
      <c r="G109728" s="16">
        <v>2.2692226596806599</v>
      </c>
    </row>
    <row r="109729" spans="1:7" x14ac:dyDescent="0.3">
      <c r="A109729" s="13" t="s">
        <v>526</v>
      </c>
      <c r="B109729" s="14" t="s">
        <v>1</v>
      </c>
      <c r="C109729" s="14" t="s">
        <v>191</v>
      </c>
      <c r="D109729" s="14" t="s">
        <v>227</v>
      </c>
      <c r="E109729" s="15">
        <v>45605</v>
      </c>
      <c r="F109729" s="14" t="s">
        <v>15</v>
      </c>
      <c r="G109729" s="16">
        <v>2.2692226596806599</v>
      </c>
    </row>
    <row r="109730" spans="1:7" x14ac:dyDescent="0.3">
      <c r="A109730" s="13" t="s">
        <v>526</v>
      </c>
      <c r="B109730" s="14" t="s">
        <v>1</v>
      </c>
      <c r="C109730" s="14" t="s">
        <v>191</v>
      </c>
      <c r="D109730" s="14" t="s">
        <v>227</v>
      </c>
      <c r="E109730" s="15">
        <v>45606</v>
      </c>
      <c r="F109730" s="14" t="s">
        <v>15</v>
      </c>
      <c r="G109730" s="16">
        <v>2.2692226596806599</v>
      </c>
    </row>
    <row r="109731" spans="1:7" x14ac:dyDescent="0.3">
      <c r="A109731" s="13" t="s">
        <v>526</v>
      </c>
      <c r="B109731" s="14" t="s">
        <v>1</v>
      </c>
      <c r="C109731" s="14" t="s">
        <v>191</v>
      </c>
      <c r="D109731" s="14" t="s">
        <v>227</v>
      </c>
      <c r="E109731" s="15">
        <v>45607</v>
      </c>
      <c r="F109731" s="14" t="s">
        <v>15</v>
      </c>
      <c r="G109731" s="16">
        <v>2.2688423849377246</v>
      </c>
    </row>
    <row r="109732" spans="1:7" x14ac:dyDescent="0.3">
      <c r="A109732" s="13" t="s">
        <v>526</v>
      </c>
      <c r="B109732" s="14" t="s">
        <v>1</v>
      </c>
      <c r="C109732" s="14" t="s">
        <v>191</v>
      </c>
      <c r="D109732" s="14" t="s">
        <v>227</v>
      </c>
      <c r="E109732" s="15">
        <v>45608</v>
      </c>
      <c r="F109732" s="14" t="s">
        <v>15</v>
      </c>
      <c r="G109732" s="16">
        <v>2.2676909583781937</v>
      </c>
    </row>
    <row r="109733" spans="1:7" x14ac:dyDescent="0.3">
      <c r="A109733" s="13" t="s">
        <v>526</v>
      </c>
      <c r="B109733" s="14" t="s">
        <v>1</v>
      </c>
      <c r="C109733" s="14" t="s">
        <v>191</v>
      </c>
      <c r="D109733" s="14" t="s">
        <v>227</v>
      </c>
      <c r="E109733" s="15">
        <v>45609</v>
      </c>
      <c r="F109733" s="14" t="s">
        <v>15</v>
      </c>
      <c r="G109733" s="16">
        <v>2.2763954371906023</v>
      </c>
    </row>
    <row r="109734" spans="1:7" x14ac:dyDescent="0.3">
      <c r="A109734" s="13" t="s">
        <v>526</v>
      </c>
      <c r="B109734" s="14" t="s">
        <v>1</v>
      </c>
      <c r="C109734" s="14" t="s">
        <v>191</v>
      </c>
      <c r="D109734" s="14" t="s">
        <v>227</v>
      </c>
      <c r="E109734" s="15">
        <v>45610</v>
      </c>
      <c r="F109734" s="14" t="s">
        <v>15</v>
      </c>
      <c r="G109734" s="16">
        <v>2.2760135950659262</v>
      </c>
    </row>
    <row r="109735" spans="1:7" x14ac:dyDescent="0.3">
      <c r="A109735" s="13" t="s">
        <v>526</v>
      </c>
      <c r="B109735" s="14" t="s">
        <v>1</v>
      </c>
      <c r="C109735" s="14" t="s">
        <v>191</v>
      </c>
      <c r="D109735" s="14" t="s">
        <v>227</v>
      </c>
      <c r="E109735" s="15">
        <v>45611</v>
      </c>
      <c r="F109735" s="14" t="s">
        <v>15</v>
      </c>
      <c r="G109735" s="16">
        <v>2.2756344697362674</v>
      </c>
    </row>
    <row r="109736" spans="1:7" x14ac:dyDescent="0.3">
      <c r="A109736" s="13" t="s">
        <v>526</v>
      </c>
      <c r="B109736" s="14" t="s">
        <v>1</v>
      </c>
      <c r="C109736" s="14" t="s">
        <v>191</v>
      </c>
      <c r="D109736" s="14" t="s">
        <v>227</v>
      </c>
      <c r="E109736" s="15">
        <v>45612</v>
      </c>
      <c r="F109736" s="14" t="s">
        <v>15</v>
      </c>
      <c r="G109736" s="16">
        <v>2.2756344697362674</v>
      </c>
    </row>
    <row r="109737" spans="1:7" x14ac:dyDescent="0.3">
      <c r="A109737" s="13" t="s">
        <v>526</v>
      </c>
      <c r="B109737" s="14" t="s">
        <v>1</v>
      </c>
      <c r="C109737" s="14" t="s">
        <v>191</v>
      </c>
      <c r="D109737" s="14" t="s">
        <v>227</v>
      </c>
      <c r="E109737" s="15">
        <v>45613</v>
      </c>
      <c r="F109737" s="14" t="s">
        <v>15</v>
      </c>
      <c r="G109737" s="16">
        <v>2.2756344697362674</v>
      </c>
    </row>
    <row r="109738" spans="1:7" x14ac:dyDescent="0.3">
      <c r="A109738" s="13" t="s">
        <v>526</v>
      </c>
      <c r="B109738" s="14" t="s">
        <v>1</v>
      </c>
      <c r="C109738" s="14" t="s">
        <v>191</v>
      </c>
      <c r="D109738" s="14" t="s">
        <v>227</v>
      </c>
      <c r="E109738" s="15">
        <v>45614</v>
      </c>
      <c r="F109738" s="14" t="s">
        <v>15</v>
      </c>
      <c r="G109738" s="16">
        <v>2.2752582701858586</v>
      </c>
    </row>
    <row r="109739" spans="1:7" x14ac:dyDescent="0.3">
      <c r="A109739" s="13" t="s">
        <v>526</v>
      </c>
      <c r="B109739" s="14" t="s">
        <v>1</v>
      </c>
      <c r="C109739" s="14" t="s">
        <v>191</v>
      </c>
      <c r="D109739" s="14" t="s">
        <v>227</v>
      </c>
      <c r="E109739" s="15">
        <v>45615</v>
      </c>
      <c r="F109739" s="14" t="s">
        <v>15</v>
      </c>
      <c r="G109739" s="16">
        <v>2.6326595233266441</v>
      </c>
    </row>
    <row r="109740" spans="1:7" x14ac:dyDescent="0.3">
      <c r="A109740" s="13" t="s">
        <v>526</v>
      </c>
      <c r="B109740" s="14" t="s">
        <v>1</v>
      </c>
      <c r="C109740" s="14" t="s">
        <v>191</v>
      </c>
      <c r="D109740" s="14" t="s">
        <v>227</v>
      </c>
      <c r="E109740" s="15">
        <v>45616</v>
      </c>
      <c r="F109740" s="14" t="s">
        <v>15</v>
      </c>
      <c r="G109740" s="16">
        <v>2.6322823833471909</v>
      </c>
    </row>
    <row r="109741" spans="1:7" x14ac:dyDescent="0.3">
      <c r="A109741" s="13" t="s">
        <v>526</v>
      </c>
      <c r="B109741" s="14" t="s">
        <v>1</v>
      </c>
      <c r="C109741" s="14" t="s">
        <v>191</v>
      </c>
      <c r="D109741" s="14" t="s">
        <v>227</v>
      </c>
      <c r="E109741" s="15">
        <v>45617</v>
      </c>
      <c r="F109741" s="14" t="s">
        <v>15</v>
      </c>
      <c r="G109741" s="16">
        <v>2.6319040939544607</v>
      </c>
    </row>
    <row r="109742" spans="1:7" x14ac:dyDescent="0.3">
      <c r="A109742" s="13" t="s">
        <v>526</v>
      </c>
      <c r="B109742" s="14" t="s">
        <v>1</v>
      </c>
      <c r="C109742" s="14" t="s">
        <v>191</v>
      </c>
      <c r="D109742" s="14" t="s">
        <v>227</v>
      </c>
      <c r="E109742" s="15">
        <v>45618</v>
      </c>
      <c r="F109742" s="14" t="s">
        <v>15</v>
      </c>
      <c r="G109742" s="16">
        <v>2.6315285213567483</v>
      </c>
    </row>
    <row r="109743" spans="1:7" x14ac:dyDescent="0.3">
      <c r="A109743" s="13" t="s">
        <v>526</v>
      </c>
      <c r="B109743" s="14" t="s">
        <v>1</v>
      </c>
      <c r="C109743" s="14" t="s">
        <v>191</v>
      </c>
      <c r="D109743" s="14" t="s">
        <v>227</v>
      </c>
      <c r="E109743" s="15">
        <v>45619</v>
      </c>
      <c r="F109743" s="14" t="s">
        <v>15</v>
      </c>
      <c r="G109743" s="16">
        <v>2.6315285213567483</v>
      </c>
    </row>
    <row r="109744" spans="1:7" x14ac:dyDescent="0.3">
      <c r="A109744" s="13" t="s">
        <v>526</v>
      </c>
      <c r="B109744" s="14" t="s">
        <v>1</v>
      </c>
      <c r="C109744" s="14" t="s">
        <v>191</v>
      </c>
      <c r="D109744" s="14" t="s">
        <v>227</v>
      </c>
      <c r="E109744" s="15">
        <v>45620</v>
      </c>
      <c r="F109744" s="14" t="s">
        <v>15</v>
      </c>
      <c r="G109744" s="16">
        <v>2.6315285213567483</v>
      </c>
    </row>
    <row r="109745" spans="1:7" x14ac:dyDescent="0.3">
      <c r="A109745" s="13" t="s">
        <v>526</v>
      </c>
      <c r="B109745" s="14" t="s">
        <v>1</v>
      </c>
      <c r="C109745" s="14" t="s">
        <v>191</v>
      </c>
      <c r="D109745" s="14" t="s">
        <v>227</v>
      </c>
      <c r="E109745" s="15">
        <v>45621</v>
      </c>
      <c r="F109745" s="14" t="s">
        <v>15</v>
      </c>
      <c r="G109745" s="16">
        <v>2.6311531577432685</v>
      </c>
    </row>
    <row r="109746" spans="1:7" x14ac:dyDescent="0.3">
      <c r="A109746" s="13" t="s">
        <v>526</v>
      </c>
      <c r="B109746" s="14" t="s">
        <v>1</v>
      </c>
      <c r="C109746" s="14" t="s">
        <v>191</v>
      </c>
      <c r="D109746" s="14" t="s">
        <v>227</v>
      </c>
      <c r="E109746" s="15">
        <v>45622</v>
      </c>
      <c r="F109746" s="14" t="s">
        <v>15</v>
      </c>
      <c r="G109746" s="16">
        <v>2.6300253464019692</v>
      </c>
    </row>
    <row r="109747" spans="1:7" x14ac:dyDescent="0.3">
      <c r="A109747" s="13" t="s">
        <v>526</v>
      </c>
      <c r="B109747" s="14" t="s">
        <v>1</v>
      </c>
      <c r="C109747" s="14" t="s">
        <v>191</v>
      </c>
      <c r="D109747" s="14" t="s">
        <v>227</v>
      </c>
      <c r="E109747" s="15">
        <v>45623</v>
      </c>
      <c r="F109747" s="14" t="s">
        <v>15</v>
      </c>
      <c r="G109747" s="16">
        <v>2.6296459075959624</v>
      </c>
    </row>
    <row r="109748" spans="1:7" x14ac:dyDescent="0.3">
      <c r="A109748" s="13" t="s">
        <v>526</v>
      </c>
      <c r="B109748" s="14" t="s">
        <v>1</v>
      </c>
      <c r="C109748" s="14" t="s">
        <v>191</v>
      </c>
      <c r="D109748" s="14" t="s">
        <v>227</v>
      </c>
      <c r="E109748" s="15">
        <v>45624</v>
      </c>
      <c r="F109748" s="14" t="s">
        <v>15</v>
      </c>
      <c r="G109748" s="16">
        <v>2.6304689640616874</v>
      </c>
    </row>
    <row r="109749" spans="1:7" x14ac:dyDescent="0.3">
      <c r="A109749" s="13" t="s">
        <v>526</v>
      </c>
      <c r="B109749" s="14" t="s">
        <v>1</v>
      </c>
      <c r="C109749" s="14" t="s">
        <v>191</v>
      </c>
      <c r="D109749" s="14" t="s">
        <v>227</v>
      </c>
      <c r="E109749" s="15">
        <v>45625</v>
      </c>
      <c r="F109749" s="14" t="s">
        <v>15</v>
      </c>
      <c r="G109749" s="16">
        <v>2.6553015920052441</v>
      </c>
    </row>
    <row r="109750" spans="1:7" x14ac:dyDescent="0.3">
      <c r="A109750" s="13" t="s">
        <v>526</v>
      </c>
      <c r="B109750" s="14" t="s">
        <v>1</v>
      </c>
      <c r="C109750" s="14" t="s">
        <v>191</v>
      </c>
      <c r="D109750" s="14" t="s">
        <v>227</v>
      </c>
      <c r="E109750" s="15">
        <v>45626</v>
      </c>
      <c r="F109750" s="14" t="s">
        <v>15</v>
      </c>
      <c r="G109750" s="16">
        <v>2.6553015920052441</v>
      </c>
    </row>
    <row r="109751" spans="1:7" x14ac:dyDescent="0.3">
      <c r="A109751" s="13" t="s">
        <v>526</v>
      </c>
      <c r="B109751" s="14" t="s">
        <v>1</v>
      </c>
      <c r="C109751" s="14" t="s">
        <v>191</v>
      </c>
      <c r="D109751" s="14" t="s">
        <v>227</v>
      </c>
      <c r="E109751" s="15">
        <v>45627</v>
      </c>
      <c r="F109751" s="14" t="s">
        <v>15</v>
      </c>
      <c r="G109751" s="16">
        <v>2.6553015920052441</v>
      </c>
    </row>
    <row r="109752" spans="1:7" x14ac:dyDescent="0.3">
      <c r="A109752" s="13" t="s">
        <v>526</v>
      </c>
      <c r="B109752" s="14" t="s">
        <v>1</v>
      </c>
      <c r="C109752" s="14" t="s">
        <v>191</v>
      </c>
      <c r="D109752" s="14" t="s">
        <v>227</v>
      </c>
      <c r="E109752" s="15">
        <v>45628</v>
      </c>
      <c r="F109752" s="14" t="s">
        <v>15</v>
      </c>
      <c r="G109752" s="16">
        <v>2.6549166151170858</v>
      </c>
    </row>
    <row r="109753" spans="1:7" x14ac:dyDescent="0.3">
      <c r="A109753" s="13" t="s">
        <v>526</v>
      </c>
      <c r="B109753" s="14" t="s">
        <v>1</v>
      </c>
      <c r="C109753" s="14" t="s">
        <v>191</v>
      </c>
      <c r="D109753" s="14" t="s">
        <v>227</v>
      </c>
      <c r="E109753" s="15">
        <v>45629</v>
      </c>
      <c r="F109753" s="14" t="s">
        <v>15</v>
      </c>
      <c r="G109753" s="16">
        <v>2.6537617403177243</v>
      </c>
    </row>
    <row r="109754" spans="1:7" x14ac:dyDescent="0.3">
      <c r="A109754" s="13" t="s">
        <v>526</v>
      </c>
      <c r="B109754" s="14" t="s">
        <v>1</v>
      </c>
      <c r="C109754" s="14" t="s">
        <v>191</v>
      </c>
      <c r="D109754" s="14" t="s">
        <v>227</v>
      </c>
      <c r="E109754" s="15">
        <v>45630</v>
      </c>
      <c r="F109754" s="14" t="s">
        <v>15</v>
      </c>
      <c r="G109754" s="16">
        <v>2.6506229782026609</v>
      </c>
    </row>
    <row r="109755" spans="1:7" x14ac:dyDescent="0.3">
      <c r="A109755" s="13" t="s">
        <v>526</v>
      </c>
      <c r="B109755" s="14" t="s">
        <v>1</v>
      </c>
      <c r="C109755" s="14" t="s">
        <v>191</v>
      </c>
      <c r="D109755" s="14" t="s">
        <v>227</v>
      </c>
      <c r="E109755" s="15">
        <v>45631</v>
      </c>
      <c r="F109755" s="14" t="s">
        <v>15</v>
      </c>
      <c r="G109755" s="16">
        <v>2.6502382102987347</v>
      </c>
    </row>
    <row r="109756" spans="1:7" x14ac:dyDescent="0.3">
      <c r="A109756" s="13" t="s">
        <v>526</v>
      </c>
      <c r="B109756" s="14" t="s">
        <v>1</v>
      </c>
      <c r="C109756" s="14" t="s">
        <v>191</v>
      </c>
      <c r="D109756" s="14" t="s">
        <v>227</v>
      </c>
      <c r="E109756" s="15">
        <v>45632</v>
      </c>
      <c r="F109756" s="14" t="s">
        <v>15</v>
      </c>
      <c r="G109756" s="16">
        <v>2.6498577265715673</v>
      </c>
    </row>
    <row r="109757" spans="1:7" x14ac:dyDescent="0.3">
      <c r="A109757" s="13" t="s">
        <v>526</v>
      </c>
      <c r="B109757" s="14" t="s">
        <v>1</v>
      </c>
      <c r="C109757" s="14" t="s">
        <v>191</v>
      </c>
      <c r="D109757" s="14" t="s">
        <v>227</v>
      </c>
      <c r="E109757" s="15">
        <v>45633</v>
      </c>
      <c r="F109757" s="14" t="s">
        <v>15</v>
      </c>
      <c r="G109757" s="16">
        <v>2.6498577265715673</v>
      </c>
    </row>
    <row r="109758" spans="1:7" x14ac:dyDescent="0.3">
      <c r="A109758" s="13" t="s">
        <v>526</v>
      </c>
      <c r="B109758" s="14" t="s">
        <v>1</v>
      </c>
      <c r="C109758" s="14" t="s">
        <v>191</v>
      </c>
      <c r="D109758" s="14" t="s">
        <v>227</v>
      </c>
      <c r="E109758" s="15">
        <v>45634</v>
      </c>
      <c r="F109758" s="14" t="s">
        <v>15</v>
      </c>
      <c r="G109758" s="16">
        <v>2.6498577265715673</v>
      </c>
    </row>
    <row r="109759" spans="1:7" x14ac:dyDescent="0.3">
      <c r="A109759" s="13" t="s">
        <v>526</v>
      </c>
      <c r="B109759" s="14" t="s">
        <v>1</v>
      </c>
      <c r="C109759" s="14" t="s">
        <v>191</v>
      </c>
      <c r="D109759" s="14" t="s">
        <v>227</v>
      </c>
      <c r="E109759" s="15">
        <v>45635</v>
      </c>
      <c r="F109759" s="14" t="s">
        <v>15</v>
      </c>
      <c r="G109759" s="16">
        <v>2.6594839303398281</v>
      </c>
    </row>
    <row r="109760" spans="1:7" x14ac:dyDescent="0.3">
      <c r="A109760" s="13" t="s">
        <v>526</v>
      </c>
      <c r="B109760" s="14" t="s">
        <v>1</v>
      </c>
      <c r="C109760" s="14" t="s">
        <v>191</v>
      </c>
      <c r="D109760" s="14" t="s">
        <v>227</v>
      </c>
      <c r="E109760" s="15">
        <v>45636</v>
      </c>
      <c r="F109760" s="14" t="s">
        <v>15</v>
      </c>
      <c r="G109760" s="16">
        <v>2.6583485955661721</v>
      </c>
    </row>
    <row r="109761" spans="1:7" x14ac:dyDescent="0.3">
      <c r="A109761" s="13" t="s">
        <v>526</v>
      </c>
      <c r="B109761" s="14" t="s">
        <v>1</v>
      </c>
      <c r="C109761" s="14" t="s">
        <v>191</v>
      </c>
      <c r="D109761" s="14" t="s">
        <v>227</v>
      </c>
      <c r="E109761" s="15">
        <v>45637</v>
      </c>
      <c r="F109761" s="14" t="s">
        <v>15</v>
      </c>
      <c r="G109761" s="16">
        <v>2.6548619791967125</v>
      </c>
    </row>
    <row r="109762" spans="1:7" x14ac:dyDescent="0.3">
      <c r="A109762" s="13" t="s">
        <v>526</v>
      </c>
      <c r="B109762" s="14" t="s">
        <v>1</v>
      </c>
      <c r="C109762" s="14" t="s">
        <v>191</v>
      </c>
      <c r="D109762" s="14" t="s">
        <v>227</v>
      </c>
      <c r="E109762" s="15">
        <v>45638</v>
      </c>
      <c r="F109762" s="14" t="s">
        <v>15</v>
      </c>
      <c r="G109762" s="16">
        <v>2.6544896458545981</v>
      </c>
    </row>
    <row r="109763" spans="1:7" x14ac:dyDescent="0.3">
      <c r="A109763" s="13" t="s">
        <v>526</v>
      </c>
      <c r="B109763" s="14" t="s">
        <v>1</v>
      </c>
      <c r="C109763" s="14" t="s">
        <v>191</v>
      </c>
      <c r="D109763" s="14" t="s">
        <v>227</v>
      </c>
      <c r="E109763" s="15">
        <v>45639</v>
      </c>
      <c r="F109763" s="14" t="s">
        <v>15</v>
      </c>
      <c r="G109763" s="16">
        <v>2.654118566417877</v>
      </c>
    </row>
    <row r="109764" spans="1:7" x14ac:dyDescent="0.3">
      <c r="A109764" s="13" t="s">
        <v>526</v>
      </c>
      <c r="B109764" s="14" t="s">
        <v>1</v>
      </c>
      <c r="C109764" s="14" t="s">
        <v>191</v>
      </c>
      <c r="D109764" s="14" t="s">
        <v>227</v>
      </c>
      <c r="E109764" s="15">
        <v>45640</v>
      </c>
      <c r="F109764" s="14" t="s">
        <v>15</v>
      </c>
      <c r="G109764" s="16">
        <v>2.654118566417877</v>
      </c>
    </row>
    <row r="109765" spans="1:7" x14ac:dyDescent="0.3">
      <c r="A109765" s="13" t="s">
        <v>526</v>
      </c>
      <c r="B109765" s="14" t="s">
        <v>1</v>
      </c>
      <c r="C109765" s="14" t="s">
        <v>191</v>
      </c>
      <c r="D109765" s="14" t="s">
        <v>227</v>
      </c>
      <c r="E109765" s="15">
        <v>45641</v>
      </c>
      <c r="F109765" s="14" t="s">
        <v>15</v>
      </c>
      <c r="G109765" s="16">
        <v>2.654118566417877</v>
      </c>
    </row>
    <row r="109766" spans="1:7" x14ac:dyDescent="0.3">
      <c r="A109766" s="13" t="s">
        <v>526</v>
      </c>
      <c r="B109766" s="14" t="s">
        <v>1</v>
      </c>
      <c r="C109766" s="14" t="s">
        <v>191</v>
      </c>
      <c r="D109766" s="14" t="s">
        <v>227</v>
      </c>
      <c r="E109766" s="15">
        <v>45642</v>
      </c>
      <c r="F109766" s="14" t="s">
        <v>15</v>
      </c>
      <c r="G109766" s="16">
        <v>2.6537482184259678</v>
      </c>
    </row>
    <row r="109767" spans="1:7" x14ac:dyDescent="0.3">
      <c r="A109767" s="13" t="s">
        <v>526</v>
      </c>
      <c r="B109767" s="14" t="s">
        <v>1</v>
      </c>
      <c r="C109767" s="14" t="s">
        <v>191</v>
      </c>
      <c r="D109767" s="14" t="s">
        <v>227</v>
      </c>
      <c r="E109767" s="15">
        <v>45643</v>
      </c>
      <c r="F109767" s="14" t="s">
        <v>15</v>
      </c>
      <c r="G109767" s="16">
        <v>2.6526453807004096</v>
      </c>
    </row>
    <row r="109768" spans="1:7" x14ac:dyDescent="0.3">
      <c r="A109768" s="13" t="s">
        <v>526</v>
      </c>
      <c r="B109768" s="14" t="s">
        <v>1</v>
      </c>
      <c r="C109768" s="14" t="s">
        <v>191</v>
      </c>
      <c r="D109768" s="14" t="s">
        <v>227</v>
      </c>
      <c r="E109768" s="15">
        <v>45644</v>
      </c>
      <c r="F109768" s="14" t="s">
        <v>15</v>
      </c>
      <c r="G109768" s="16">
        <v>2.6522808842670007</v>
      </c>
    </row>
    <row r="109769" spans="1:7" x14ac:dyDescent="0.3">
      <c r="A109769" s="13" t="s">
        <v>526</v>
      </c>
      <c r="B109769" s="14" t="s">
        <v>1</v>
      </c>
      <c r="C109769" s="14" t="s">
        <v>191</v>
      </c>
      <c r="D109769" s="14" t="s">
        <v>227</v>
      </c>
      <c r="E109769" s="15">
        <v>45645</v>
      </c>
      <c r="F109769" s="14" t="s">
        <v>15</v>
      </c>
      <c r="G109769" s="16">
        <v>2.6519159698651276</v>
      </c>
    </row>
    <row r="109770" spans="1:7" x14ac:dyDescent="0.3">
      <c r="A109770" s="13" t="s">
        <v>526</v>
      </c>
      <c r="B109770" s="14" t="s">
        <v>1</v>
      </c>
      <c r="C109770" s="14" t="s">
        <v>191</v>
      </c>
      <c r="D109770" s="14" t="s">
        <v>227</v>
      </c>
      <c r="E109770" s="15">
        <v>45646</v>
      </c>
      <c r="F109770" s="14" t="s">
        <v>15</v>
      </c>
      <c r="G109770" s="16">
        <v>2.6497296533880412</v>
      </c>
    </row>
    <row r="109771" spans="1:7" x14ac:dyDescent="0.3">
      <c r="A109771" s="13" t="s">
        <v>526</v>
      </c>
      <c r="B109771" s="14" t="s">
        <v>1</v>
      </c>
      <c r="C109771" s="14" t="s">
        <v>191</v>
      </c>
      <c r="D109771" s="14" t="s">
        <v>227</v>
      </c>
      <c r="E109771" s="15">
        <v>45647</v>
      </c>
      <c r="F109771" s="14" t="s">
        <v>15</v>
      </c>
      <c r="G109771" s="16">
        <v>2.6497296533880412</v>
      </c>
    </row>
    <row r="109772" spans="1:7" x14ac:dyDescent="0.3">
      <c r="A109772" s="13" t="s">
        <v>526</v>
      </c>
      <c r="B109772" s="14" t="s">
        <v>1</v>
      </c>
      <c r="C109772" s="14" t="s">
        <v>191</v>
      </c>
      <c r="D109772" s="14" t="s">
        <v>227</v>
      </c>
      <c r="E109772" s="15">
        <v>45648</v>
      </c>
      <c r="F109772" s="14" t="s">
        <v>15</v>
      </c>
      <c r="G109772" s="16">
        <v>2.6497296533880412</v>
      </c>
    </row>
    <row r="109773" spans="1:7" x14ac:dyDescent="0.3">
      <c r="A109773" s="13" t="s">
        <v>526</v>
      </c>
      <c r="B109773" s="14" t="s">
        <v>1</v>
      </c>
      <c r="C109773" s="14" t="s">
        <v>191</v>
      </c>
      <c r="D109773" s="14" t="s">
        <v>227</v>
      </c>
      <c r="E109773" s="15">
        <v>45649</v>
      </c>
      <c r="F109773" s="14" t="s">
        <v>15</v>
      </c>
      <c r="G109773" s="16">
        <v>2.6444901817715096</v>
      </c>
    </row>
    <row r="109774" spans="1:7" x14ac:dyDescent="0.3">
      <c r="A109774" s="13" t="s">
        <v>526</v>
      </c>
      <c r="B109774" s="14" t="s">
        <v>1</v>
      </c>
      <c r="C109774" s="14" t="s">
        <v>191</v>
      </c>
      <c r="D109774" s="14" t="s">
        <v>227</v>
      </c>
      <c r="E109774" s="15">
        <v>45650</v>
      </c>
      <c r="F109774" s="14" t="s">
        <v>15</v>
      </c>
      <c r="G109774" s="16">
        <v>2.6434199455861651</v>
      </c>
    </row>
    <row r="109775" spans="1:7" x14ac:dyDescent="0.3">
      <c r="A109775" s="13" t="s">
        <v>526</v>
      </c>
      <c r="B109775" s="14" t="s">
        <v>1</v>
      </c>
      <c r="C109775" s="14" t="s">
        <v>191</v>
      </c>
      <c r="D109775" s="14" t="s">
        <v>227</v>
      </c>
      <c r="E109775" s="15">
        <v>45651</v>
      </c>
      <c r="F109775" s="14" t="s">
        <v>15</v>
      </c>
      <c r="G109775" s="16">
        <v>2.6434199455861651</v>
      </c>
    </row>
    <row r="109776" spans="1:7" x14ac:dyDescent="0.3">
      <c r="A109776" s="13" t="s">
        <v>526</v>
      </c>
      <c r="B109776" s="14" t="s">
        <v>1</v>
      </c>
      <c r="C109776" s="14" t="s">
        <v>191</v>
      </c>
      <c r="D109776" s="14" t="s">
        <v>227</v>
      </c>
      <c r="E109776" s="15">
        <v>45652</v>
      </c>
      <c r="F109776" s="14" t="s">
        <v>15</v>
      </c>
      <c r="G109776" s="16">
        <v>2.6434199455861651</v>
      </c>
    </row>
    <row r="109777" spans="1:7" x14ac:dyDescent="0.3">
      <c r="A109777" s="13" t="s">
        <v>526</v>
      </c>
      <c r="B109777" s="14" t="s">
        <v>1</v>
      </c>
      <c r="C109777" s="14" t="s">
        <v>191</v>
      </c>
      <c r="D109777" s="14" t="s">
        <v>227</v>
      </c>
      <c r="E109777" s="15">
        <v>45653</v>
      </c>
      <c r="F109777" s="14" t="s">
        <v>15</v>
      </c>
      <c r="G109777" s="16">
        <v>2.6434199455861651</v>
      </c>
    </row>
    <row r="109778" spans="1:7" x14ac:dyDescent="0.3">
      <c r="A109778" s="13" t="s">
        <v>526</v>
      </c>
      <c r="B109778" s="14" t="s">
        <v>1</v>
      </c>
      <c r="C109778" s="14" t="s">
        <v>191</v>
      </c>
      <c r="D109778" s="14" t="s">
        <v>227</v>
      </c>
      <c r="E109778" s="15">
        <v>45654</v>
      </c>
      <c r="F109778" s="14" t="s">
        <v>15</v>
      </c>
      <c r="G109778" s="16">
        <v>2.6434199455861651</v>
      </c>
    </row>
    <row r="109779" spans="1:7" x14ac:dyDescent="0.3">
      <c r="A109779" s="13" t="s">
        <v>526</v>
      </c>
      <c r="B109779" s="14" t="s">
        <v>1</v>
      </c>
      <c r="C109779" s="14" t="s">
        <v>191</v>
      </c>
      <c r="D109779" s="14" t="s">
        <v>227</v>
      </c>
      <c r="E109779" s="15">
        <v>45655</v>
      </c>
      <c r="F109779" s="14" t="s">
        <v>15</v>
      </c>
      <c r="G109779" s="16">
        <v>2.6434199455861651</v>
      </c>
    </row>
    <row r="109780" spans="1:7" x14ac:dyDescent="0.3">
      <c r="A109780" s="13" t="s">
        <v>526</v>
      </c>
      <c r="B109780" s="14" t="s">
        <v>1</v>
      </c>
      <c r="C109780" s="14" t="s">
        <v>191</v>
      </c>
      <c r="D109780" s="14" t="s">
        <v>227</v>
      </c>
      <c r="E109780" s="15">
        <v>45656</v>
      </c>
      <c r="F109780" s="14" t="s">
        <v>15</v>
      </c>
      <c r="G109780" s="16">
        <v>2.643059106376819</v>
      </c>
    </row>
    <row r="109781" spans="1:7" x14ac:dyDescent="0.3">
      <c r="A109781" s="13" t="s">
        <v>526</v>
      </c>
      <c r="B109781" s="14" t="s">
        <v>1</v>
      </c>
      <c r="C109781" s="14" t="s">
        <v>191</v>
      </c>
      <c r="D109781" s="14" t="s">
        <v>227</v>
      </c>
      <c r="E109781" s="15">
        <v>45657</v>
      </c>
      <c r="F109781" s="14" t="s">
        <v>15</v>
      </c>
      <c r="G109781" s="16">
        <v>3.016013175057672</v>
      </c>
    </row>
    <row r="109782" spans="1:7" x14ac:dyDescent="0.3">
      <c r="A109782" s="13" t="s">
        <v>526</v>
      </c>
      <c r="B109782" s="14" t="s">
        <v>1</v>
      </c>
      <c r="C109782" s="14" t="s">
        <v>191</v>
      </c>
      <c r="D109782" s="14" t="s">
        <v>227</v>
      </c>
      <c r="E109782" s="15">
        <v>45658</v>
      </c>
      <c r="F109782" s="14" t="s">
        <v>15</v>
      </c>
      <c r="G109782" s="16">
        <v>3.016013175057672</v>
      </c>
    </row>
    <row r="109783" spans="1:7" x14ac:dyDescent="0.3">
      <c r="A109783" s="13" t="s">
        <v>526</v>
      </c>
      <c r="B109783" s="14" t="s">
        <v>1</v>
      </c>
      <c r="C109783" s="14" t="s">
        <v>191</v>
      </c>
      <c r="D109783" s="14" t="s">
        <v>227</v>
      </c>
      <c r="E109783" s="15">
        <v>45659</v>
      </c>
      <c r="F109783" s="14" t="s">
        <v>15</v>
      </c>
      <c r="G109783" s="16">
        <v>3.0156501415138881</v>
      </c>
    </row>
    <row r="109784" spans="1:7" x14ac:dyDescent="0.3">
      <c r="A109784" s="13" t="s">
        <v>526</v>
      </c>
      <c r="B109784" s="14" t="s">
        <v>1</v>
      </c>
      <c r="C109784" s="14" t="s">
        <v>191</v>
      </c>
      <c r="D109784" s="14" t="s">
        <v>227</v>
      </c>
      <c r="E109784" s="15">
        <v>45660</v>
      </c>
      <c r="F109784" s="14" t="s">
        <v>15</v>
      </c>
      <c r="G109784" s="16">
        <v>3.0149277595829398</v>
      </c>
    </row>
    <row r="109785" spans="1:7" x14ac:dyDescent="0.3">
      <c r="A109785" s="13" t="s">
        <v>526</v>
      </c>
      <c r="B109785" s="14" t="s">
        <v>1</v>
      </c>
      <c r="C109785" s="14" t="s">
        <v>191</v>
      </c>
      <c r="D109785" s="14" t="s">
        <v>227</v>
      </c>
      <c r="E109785" s="15">
        <v>45661</v>
      </c>
      <c r="F109785" s="14" t="s">
        <v>15</v>
      </c>
      <c r="G109785" s="16">
        <v>3.0149277595829398</v>
      </c>
    </row>
    <row r="109786" spans="1:7" x14ac:dyDescent="0.3">
      <c r="A109786" s="13" t="s">
        <v>526</v>
      </c>
      <c r="B109786" s="14" t="s">
        <v>1</v>
      </c>
      <c r="C109786" s="14" t="s">
        <v>191</v>
      </c>
      <c r="D109786" s="14" t="s">
        <v>227</v>
      </c>
      <c r="E109786" s="15">
        <v>45662</v>
      </c>
      <c r="F109786" s="14" t="s">
        <v>15</v>
      </c>
      <c r="G109786" s="16">
        <v>3.0149277595829398</v>
      </c>
    </row>
    <row r="109787" spans="1:7" x14ac:dyDescent="0.3">
      <c r="A109787" s="13" t="s">
        <v>526</v>
      </c>
      <c r="B109787" s="14" t="s">
        <v>1</v>
      </c>
      <c r="C109787" s="14" t="s">
        <v>191</v>
      </c>
      <c r="D109787" s="14" t="s">
        <v>227</v>
      </c>
      <c r="E109787" s="15">
        <v>45663</v>
      </c>
      <c r="F109787" s="14" t="s">
        <v>15</v>
      </c>
      <c r="G109787" s="16">
        <v>3.0145647260391559</v>
      </c>
    </row>
    <row r="109788" spans="1:7" x14ac:dyDescent="0.3">
      <c r="A109788" s="13" t="s">
        <v>526</v>
      </c>
      <c r="B109788" s="14" t="s">
        <v>1</v>
      </c>
      <c r="C109788" s="14" t="s">
        <v>191</v>
      </c>
      <c r="D109788" s="14" t="s">
        <v>227</v>
      </c>
      <c r="E109788" s="15">
        <v>45664</v>
      </c>
      <c r="F109788" s="14" t="s">
        <v>15</v>
      </c>
      <c r="G109788" s="16">
        <v>3.013489160755892</v>
      </c>
    </row>
    <row r="109789" spans="1:7" x14ac:dyDescent="0.3">
      <c r="A109789" s="13" t="s">
        <v>526</v>
      </c>
      <c r="B109789" s="14" t="s">
        <v>1</v>
      </c>
      <c r="C109789" s="14" t="s">
        <v>191</v>
      </c>
      <c r="D109789" s="14" t="s">
        <v>227</v>
      </c>
      <c r="E109789" s="15">
        <v>45665</v>
      </c>
      <c r="F109789" s="14" t="s">
        <v>15</v>
      </c>
      <c r="G109789" s="16">
        <v>3.0131184992876352</v>
      </c>
    </row>
    <row r="109790" spans="1:7" x14ac:dyDescent="0.3">
      <c r="A109790" s="13" t="s">
        <v>526</v>
      </c>
      <c r="B109790" s="14" t="s">
        <v>1</v>
      </c>
      <c r="C109790" s="14" t="s">
        <v>191</v>
      </c>
      <c r="D109790" s="14" t="s">
        <v>227</v>
      </c>
      <c r="E109790" s="15">
        <v>45666</v>
      </c>
      <c r="F109790" s="14" t="s">
        <v>15</v>
      </c>
      <c r="G109790" s="16">
        <v>3.0127502411380478</v>
      </c>
    </row>
    <row r="109791" spans="1:7" x14ac:dyDescent="0.3">
      <c r="A109791" s="13" t="s">
        <v>526</v>
      </c>
      <c r="B109791" s="14" t="s">
        <v>1</v>
      </c>
      <c r="C109791" s="14" t="s">
        <v>191</v>
      </c>
      <c r="D109791" s="14" t="s">
        <v>227</v>
      </c>
      <c r="E109791" s="15">
        <v>45667</v>
      </c>
      <c r="F109791" s="14" t="s">
        <v>15</v>
      </c>
      <c r="G109791" s="16">
        <v>3.0227301507192053</v>
      </c>
    </row>
    <row r="109792" spans="1:7" x14ac:dyDescent="0.3">
      <c r="A109792" s="13" t="s">
        <v>526</v>
      </c>
      <c r="B109792" s="14" t="s">
        <v>1</v>
      </c>
      <c r="C109792" s="14" t="s">
        <v>191</v>
      </c>
      <c r="D109792" s="14" t="s">
        <v>227</v>
      </c>
      <c r="E109792" s="15">
        <v>45668</v>
      </c>
      <c r="F109792" s="14" t="s">
        <v>15</v>
      </c>
      <c r="G109792" s="16">
        <v>3.0227301507192053</v>
      </c>
    </row>
    <row r="109793" spans="1:7" x14ac:dyDescent="0.3">
      <c r="A109793" s="13" t="s">
        <v>526</v>
      </c>
      <c r="B109793" s="14" t="s">
        <v>1</v>
      </c>
      <c r="C109793" s="14" t="s">
        <v>191</v>
      </c>
      <c r="D109793" s="14" t="s">
        <v>227</v>
      </c>
      <c r="E109793" s="15">
        <v>45669</v>
      </c>
      <c r="F109793" s="14" t="s">
        <v>15</v>
      </c>
      <c r="G109793" s="16">
        <v>3.0227301507192053</v>
      </c>
    </row>
    <row r="109794" spans="1:7" x14ac:dyDescent="0.3">
      <c r="A109794" s="13" t="s">
        <v>526</v>
      </c>
      <c r="B109794" s="14" t="s">
        <v>1</v>
      </c>
      <c r="C109794" s="14" t="s">
        <v>191</v>
      </c>
      <c r="D109794" s="14" t="s">
        <v>227</v>
      </c>
      <c r="E109794" s="15">
        <v>45670</v>
      </c>
      <c r="F109794" s="14" t="s">
        <v>15</v>
      </c>
      <c r="G109794" s="16">
        <v>3.0223681620965817</v>
      </c>
    </row>
    <row r="109795" spans="1:7" x14ac:dyDescent="0.3">
      <c r="A109795" s="13" t="s">
        <v>526</v>
      </c>
      <c r="B109795" s="14" t="s">
        <v>1</v>
      </c>
      <c r="C109795" s="14" t="s">
        <v>191</v>
      </c>
      <c r="D109795" s="14" t="s">
        <v>227</v>
      </c>
      <c r="E109795" s="15">
        <v>45671</v>
      </c>
      <c r="F109795" s="14" t="s">
        <v>15</v>
      </c>
      <c r="G109795" s="16">
        <v>3.0212834015071035</v>
      </c>
    </row>
    <row r="109796" spans="1:7" x14ac:dyDescent="0.3">
      <c r="A109796" s="13" t="s">
        <v>526</v>
      </c>
      <c r="B109796" s="14" t="s">
        <v>1</v>
      </c>
      <c r="C109796" s="14" t="s">
        <v>191</v>
      </c>
      <c r="D109796" s="14" t="s">
        <v>227</v>
      </c>
      <c r="E109796" s="15">
        <v>45672</v>
      </c>
      <c r="F109796" s="14" t="s">
        <v>15</v>
      </c>
      <c r="G109796" s="16">
        <v>3.0209263240139355</v>
      </c>
    </row>
    <row r="109797" spans="1:7" x14ac:dyDescent="0.3">
      <c r="A109797" s="13" t="s">
        <v>526</v>
      </c>
      <c r="B109797" s="14" t="s">
        <v>1</v>
      </c>
      <c r="C109797" s="14" t="s">
        <v>191</v>
      </c>
      <c r="D109797" s="14" t="s">
        <v>227</v>
      </c>
      <c r="E109797" s="15">
        <v>45673</v>
      </c>
      <c r="F109797" s="14" t="s">
        <v>15</v>
      </c>
      <c r="G109797" s="16">
        <v>3.0205680971074909</v>
      </c>
    </row>
    <row r="109798" spans="1:7" x14ac:dyDescent="0.3">
      <c r="A109798" s="13" t="s">
        <v>526</v>
      </c>
      <c r="B109798" s="14" t="s">
        <v>1</v>
      </c>
      <c r="C109798" s="14" t="s">
        <v>191</v>
      </c>
      <c r="D109798" s="14" t="s">
        <v>227</v>
      </c>
      <c r="E109798" s="15">
        <v>45674</v>
      </c>
      <c r="F109798" s="14" t="s">
        <v>15</v>
      </c>
      <c r="G109798" s="16">
        <v>3.0202083028193054</v>
      </c>
    </row>
    <row r="109799" spans="1:7" x14ac:dyDescent="0.3">
      <c r="A109799" s="13" t="s">
        <v>526</v>
      </c>
      <c r="B109799" s="14" t="s">
        <v>1</v>
      </c>
      <c r="C109799" s="14" t="s">
        <v>191</v>
      </c>
      <c r="D109799" s="14" t="s">
        <v>227</v>
      </c>
      <c r="E109799" s="15">
        <v>45675</v>
      </c>
      <c r="F109799" s="14" t="s">
        <v>15</v>
      </c>
      <c r="G109799" s="16">
        <v>3.0202083028193054</v>
      </c>
    </row>
    <row r="109800" spans="1:7" x14ac:dyDescent="0.3">
      <c r="A109800" s="13" t="s">
        <v>526</v>
      </c>
      <c r="B109800" s="14" t="s">
        <v>1</v>
      </c>
      <c r="C109800" s="14" t="s">
        <v>191</v>
      </c>
      <c r="D109800" s="14" t="s">
        <v>227</v>
      </c>
      <c r="E109800" s="15">
        <v>45676</v>
      </c>
      <c r="F109800" s="14" t="s">
        <v>15</v>
      </c>
      <c r="G109800" s="16">
        <v>3.0202083028193054</v>
      </c>
    </row>
    <row r="109801" spans="1:7" x14ac:dyDescent="0.3">
      <c r="A109801" s="13" t="s">
        <v>526</v>
      </c>
      <c r="B109801" s="14" t="s">
        <v>1</v>
      </c>
      <c r="C109801" s="14" t="s">
        <v>191</v>
      </c>
      <c r="D109801" s="14" t="s">
        <v>227</v>
      </c>
      <c r="E109801" s="15">
        <v>45677</v>
      </c>
      <c r="F109801" s="14" t="s">
        <v>15</v>
      </c>
      <c r="G109801" s="16">
        <v>3.0198427614647358</v>
      </c>
    </row>
    <row r="109802" spans="1:7" x14ac:dyDescent="0.3">
      <c r="A109802" s="13" t="s">
        <v>526</v>
      </c>
      <c r="B109802" s="14" t="s">
        <v>1</v>
      </c>
      <c r="C109802" s="14" t="s">
        <v>191</v>
      </c>
      <c r="D109802" s="14" t="s">
        <v>227</v>
      </c>
      <c r="E109802" s="15">
        <v>45678</v>
      </c>
      <c r="F109802" s="14" t="s">
        <v>15</v>
      </c>
      <c r="G109802" s="16">
        <v>3.018747027968876</v>
      </c>
    </row>
    <row r="109803" spans="1:7" x14ac:dyDescent="0.3">
      <c r="A109803" s="13" t="s">
        <v>526</v>
      </c>
      <c r="B109803" s="14" t="s">
        <v>1</v>
      </c>
      <c r="C109803" s="14" t="s">
        <v>191</v>
      </c>
      <c r="D109803" s="14" t="s">
        <v>227</v>
      </c>
      <c r="E109803" s="15">
        <v>45679</v>
      </c>
      <c r="F109803" s="14" t="s">
        <v>15</v>
      </c>
      <c r="G109803" s="16">
        <v>3.0191309581246242</v>
      </c>
    </row>
    <row r="109804" spans="1:7" x14ac:dyDescent="0.3">
      <c r="A109804" s="13" t="s">
        <v>526</v>
      </c>
      <c r="B109804" s="14" t="s">
        <v>1</v>
      </c>
      <c r="C109804" s="14" t="s">
        <v>191</v>
      </c>
      <c r="D109804" s="14" t="s">
        <v>227</v>
      </c>
      <c r="E109804" s="15">
        <v>45680</v>
      </c>
      <c r="F109804" s="14" t="s">
        <v>15</v>
      </c>
      <c r="G109804" s="16">
        <v>3.0187638570812436</v>
      </c>
    </row>
    <row r="109805" spans="1:7" x14ac:dyDescent="0.3">
      <c r="A109805" s="13" t="s">
        <v>526</v>
      </c>
      <c r="B109805" s="14" t="s">
        <v>1</v>
      </c>
      <c r="C109805" s="14" t="s">
        <v>191</v>
      </c>
      <c r="D109805" s="14" t="s">
        <v>227</v>
      </c>
      <c r="E109805" s="15">
        <v>45681</v>
      </c>
      <c r="F109805" s="14" t="s">
        <v>15</v>
      </c>
      <c r="G109805" s="16">
        <v>3.0183962217048448</v>
      </c>
    </row>
    <row r="109806" spans="1:7" x14ac:dyDescent="0.3">
      <c r="A109806" s="13" t="s">
        <v>526</v>
      </c>
      <c r="B109806" s="14" t="s">
        <v>1</v>
      </c>
      <c r="C109806" s="14" t="s">
        <v>191</v>
      </c>
      <c r="D109806" s="14" t="s">
        <v>227</v>
      </c>
      <c r="E109806" s="15">
        <v>45682</v>
      </c>
      <c r="F109806" s="14" t="s">
        <v>15</v>
      </c>
      <c r="G109806" s="16">
        <v>3.0183962217048448</v>
      </c>
    </row>
    <row r="109807" spans="1:7" x14ac:dyDescent="0.3">
      <c r="A109807" s="13" t="s">
        <v>526</v>
      </c>
      <c r="B109807" s="14" t="s">
        <v>1</v>
      </c>
      <c r="C109807" s="14" t="s">
        <v>191</v>
      </c>
      <c r="D109807" s="14" t="s">
        <v>227</v>
      </c>
      <c r="E109807" s="15">
        <v>45683</v>
      </c>
      <c r="F109807" s="14" t="s">
        <v>15</v>
      </c>
      <c r="G109807" s="16">
        <v>3.0183962217048448</v>
      </c>
    </row>
    <row r="109808" spans="1:7" x14ac:dyDescent="0.3">
      <c r="A109808" s="13" t="s">
        <v>526</v>
      </c>
      <c r="B109808" s="14" t="s">
        <v>1</v>
      </c>
      <c r="C109808" s="14" t="s">
        <v>191</v>
      </c>
      <c r="D109808" s="14" t="s">
        <v>227</v>
      </c>
      <c r="E109808" s="15">
        <v>45684</v>
      </c>
      <c r="F109808" s="14" t="s">
        <v>15</v>
      </c>
      <c r="G109808" s="16">
        <v>3.0199323034711827</v>
      </c>
    </row>
    <row r="109809" spans="1:7" x14ac:dyDescent="0.3">
      <c r="A109809" s="13" t="s">
        <v>526</v>
      </c>
      <c r="B109809" s="14" t="s">
        <v>1</v>
      </c>
      <c r="C109809" s="14" t="s">
        <v>191</v>
      </c>
      <c r="D109809" s="14" t="s">
        <v>227</v>
      </c>
      <c r="E109809" s="15">
        <v>45685</v>
      </c>
      <c r="F109809" s="14" t="s">
        <v>15</v>
      </c>
      <c r="G109809" s="16">
        <v>3.0188250368555947</v>
      </c>
    </row>
    <row r="109810" spans="1:7" x14ac:dyDescent="0.3">
      <c r="A109810" s="13" t="s">
        <v>526</v>
      </c>
      <c r="B109810" s="14" t="s">
        <v>1</v>
      </c>
      <c r="C109810" s="14" t="s">
        <v>191</v>
      </c>
      <c r="D109810" s="14" t="s">
        <v>227</v>
      </c>
      <c r="E109810" s="15">
        <v>45686</v>
      </c>
      <c r="F109810" s="14" t="s">
        <v>15</v>
      </c>
      <c r="G109810" s="16">
        <v>3.0188250368555947</v>
      </c>
    </row>
    <row r="109811" spans="1:7" x14ac:dyDescent="0.3">
      <c r="A109811" s="13" t="s">
        <v>526</v>
      </c>
      <c r="B109811" s="14" t="s">
        <v>1</v>
      </c>
      <c r="C109811" s="14" t="s">
        <v>191</v>
      </c>
      <c r="D109811" s="14" t="s">
        <v>227</v>
      </c>
      <c r="E109811" s="15">
        <v>45687</v>
      </c>
      <c r="F109811" s="14" t="s">
        <v>15</v>
      </c>
      <c r="G109811" s="16">
        <v>3.0188250368555947</v>
      </c>
    </row>
    <row r="109812" spans="1:7" x14ac:dyDescent="0.3">
      <c r="A109812" s="13" t="s">
        <v>526</v>
      </c>
      <c r="B109812" s="14" t="s">
        <v>1</v>
      </c>
      <c r="C109812" s="14" t="s">
        <v>191</v>
      </c>
      <c r="D109812" s="14" t="s">
        <v>227</v>
      </c>
      <c r="E109812" s="15">
        <v>45688</v>
      </c>
      <c r="F109812" s="14" t="s">
        <v>15</v>
      </c>
      <c r="G109812" s="16">
        <v>3.0388257403974421</v>
      </c>
    </row>
    <row r="109813" spans="1:7" x14ac:dyDescent="0.3">
      <c r="A109813" s="13" t="s">
        <v>526</v>
      </c>
      <c r="B109813" s="14" t="s">
        <v>1</v>
      </c>
      <c r="C109813" s="14" t="s">
        <v>191</v>
      </c>
      <c r="D109813" s="14" t="s">
        <v>227</v>
      </c>
      <c r="E109813" s="15">
        <v>45689</v>
      </c>
      <c r="F109813" s="14" t="s">
        <v>15</v>
      </c>
      <c r="G109813" s="16">
        <v>3.0388257403974421</v>
      </c>
    </row>
    <row r="109814" spans="1:7" x14ac:dyDescent="0.3">
      <c r="A109814" s="13" t="s">
        <v>526</v>
      </c>
      <c r="B109814" s="14" t="s">
        <v>1</v>
      </c>
      <c r="C109814" s="14" t="s">
        <v>191</v>
      </c>
      <c r="D109814" s="14" t="s">
        <v>227</v>
      </c>
      <c r="E109814" s="15">
        <v>45690</v>
      </c>
      <c r="F109814" s="14" t="s">
        <v>15</v>
      </c>
      <c r="G109814" s="16">
        <v>3.0388257403974421</v>
      </c>
    </row>
    <row r="109815" spans="1:7" x14ac:dyDescent="0.3">
      <c r="A109815" s="13" t="s">
        <v>526</v>
      </c>
      <c r="B109815" s="14" t="s">
        <v>1</v>
      </c>
      <c r="C109815" s="14" t="s">
        <v>191</v>
      </c>
      <c r="D109815" s="14" t="s">
        <v>227</v>
      </c>
      <c r="E109815" s="15">
        <v>45691</v>
      </c>
      <c r="F109815" s="14" t="s">
        <v>15</v>
      </c>
      <c r="G109815" s="16">
        <v>3.0388257403974421</v>
      </c>
    </row>
    <row r="109816" spans="1:7" x14ac:dyDescent="0.3">
      <c r="A109816" s="13" t="s">
        <v>526</v>
      </c>
      <c r="B109816" s="14" t="s">
        <v>1</v>
      </c>
      <c r="C109816" s="14" t="s">
        <v>191</v>
      </c>
      <c r="D109816" s="14" t="s">
        <v>227</v>
      </c>
      <c r="E109816" s="15">
        <v>45692</v>
      </c>
      <c r="F109816" s="14" t="s">
        <v>15</v>
      </c>
      <c r="G109816" s="16">
        <v>3.0988264438929036</v>
      </c>
    </row>
    <row r="109817" spans="1:7" x14ac:dyDescent="0.3">
      <c r="A109817" s="13" t="s">
        <v>526</v>
      </c>
      <c r="B109817" s="14" t="s">
        <v>1</v>
      </c>
      <c r="C109817" s="14" t="s">
        <v>191</v>
      </c>
      <c r="D109817" s="14" t="s">
        <v>227</v>
      </c>
      <c r="E109817" s="15">
        <v>45693</v>
      </c>
      <c r="F109817" s="14" t="s">
        <v>15</v>
      </c>
      <c r="G109817" s="16">
        <v>3.1488271473790519</v>
      </c>
    </row>
    <row r="109818" spans="1:7" x14ac:dyDescent="0.3">
      <c r="A109818" s="13" t="s">
        <v>526</v>
      </c>
      <c r="B109818" s="14" t="s">
        <v>1</v>
      </c>
      <c r="C109818" s="14" t="s">
        <v>191</v>
      </c>
      <c r="D109818" s="14" t="s">
        <v>227</v>
      </c>
      <c r="E109818" s="15">
        <v>45694</v>
      </c>
      <c r="F109818" s="14" t="s">
        <v>15</v>
      </c>
      <c r="G109818" s="16">
        <v>3.2388278509024531</v>
      </c>
    </row>
    <row r="109819" spans="1:7" x14ac:dyDescent="0.3">
      <c r="A109819" s="13" t="s">
        <v>526</v>
      </c>
      <c r="B109819" s="14" t="s">
        <v>1</v>
      </c>
      <c r="C109819" s="14" t="s">
        <v>191</v>
      </c>
      <c r="D109819" s="14" t="s">
        <v>227</v>
      </c>
      <c r="E109819" s="15">
        <v>45695</v>
      </c>
      <c r="F109819" s="14" t="s">
        <v>15</v>
      </c>
      <c r="G109819" s="16">
        <v>3.2388285544002429</v>
      </c>
    </row>
    <row r="109820" spans="1:7" x14ac:dyDescent="0.3">
      <c r="A109820" s="13" t="s">
        <v>526</v>
      </c>
      <c r="B109820" s="14" t="s">
        <v>1</v>
      </c>
      <c r="C109820" s="14" t="s">
        <v>191</v>
      </c>
      <c r="D109820" s="14" t="s">
        <v>227</v>
      </c>
      <c r="E109820" s="15">
        <v>45696</v>
      </c>
      <c r="F109820" s="14" t="s">
        <v>15</v>
      </c>
      <c r="G109820" s="16">
        <v>3.2388285544002429</v>
      </c>
    </row>
    <row r="109821" spans="1:7" x14ac:dyDescent="0.3">
      <c r="A109821" s="13" t="s">
        <v>526</v>
      </c>
      <c r="B109821" s="14" t="s">
        <v>1</v>
      </c>
      <c r="C109821" s="14" t="s">
        <v>191</v>
      </c>
      <c r="D109821" s="14" t="s">
        <v>227</v>
      </c>
      <c r="E109821" s="15">
        <v>45697</v>
      </c>
      <c r="F109821" s="14" t="s">
        <v>15</v>
      </c>
      <c r="G109821" s="16">
        <v>3.2388285544002429</v>
      </c>
    </row>
    <row r="109822" spans="1:7" x14ac:dyDescent="0.3">
      <c r="A109822" s="13" t="s">
        <v>526</v>
      </c>
      <c r="B109822" s="14" t="s">
        <v>1</v>
      </c>
      <c r="C109822" s="14" t="s">
        <v>191</v>
      </c>
      <c r="D109822" s="14" t="s">
        <v>227</v>
      </c>
      <c r="E109822" s="15">
        <v>45698</v>
      </c>
      <c r="F109822" s="14" t="s">
        <v>15</v>
      </c>
      <c r="G109822" s="16">
        <v>3.2888292578863911</v>
      </c>
    </row>
    <row r="109823" spans="1:7" x14ac:dyDescent="0.3">
      <c r="A109823" s="13" t="s">
        <v>526</v>
      </c>
      <c r="B109823" s="14" t="s">
        <v>1</v>
      </c>
      <c r="C109823" s="14" t="s">
        <v>191</v>
      </c>
      <c r="D109823" s="14" t="s">
        <v>227</v>
      </c>
      <c r="E109823" s="15">
        <v>45699</v>
      </c>
      <c r="F109823" s="14" t="s">
        <v>15</v>
      </c>
      <c r="G109823" s="16">
        <v>3.2888299613841809</v>
      </c>
    </row>
    <row r="109824" spans="1:7" x14ac:dyDescent="0.3">
      <c r="A109824" s="13" t="s">
        <v>526</v>
      </c>
      <c r="B109824" s="14" t="s">
        <v>1</v>
      </c>
      <c r="C109824" s="14" t="s">
        <v>191</v>
      </c>
      <c r="D109824" s="14" t="s">
        <v>227</v>
      </c>
      <c r="E109824" s="15">
        <v>45700</v>
      </c>
      <c r="F109824" s="14" t="s">
        <v>15</v>
      </c>
      <c r="G109824" s="16">
        <v>3.2888306648819707</v>
      </c>
    </row>
    <row r="109825" spans="1:7" x14ac:dyDescent="0.3">
      <c r="A109825" s="13" t="s">
        <v>526</v>
      </c>
      <c r="B109825" s="14" t="s">
        <v>1</v>
      </c>
      <c r="C109825" s="14" t="s">
        <v>191</v>
      </c>
      <c r="D109825" s="14" t="s">
        <v>227</v>
      </c>
      <c r="E109825" s="15">
        <v>45701</v>
      </c>
      <c r="F109825" s="14" t="s">
        <v>15</v>
      </c>
      <c r="G109825" s="16">
        <v>3.3888313684146851</v>
      </c>
    </row>
    <row r="109826" spans="1:7" x14ac:dyDescent="0.3">
      <c r="A109826" s="13" t="s">
        <v>526</v>
      </c>
      <c r="B109826" s="14" t="s">
        <v>1</v>
      </c>
      <c r="C109826" s="14" t="s">
        <v>191</v>
      </c>
      <c r="D109826" s="14" t="s">
        <v>227</v>
      </c>
      <c r="E109826" s="15">
        <v>45702</v>
      </c>
      <c r="F109826" s="14" t="s">
        <v>15</v>
      </c>
      <c r="G109826" s="16">
        <v>3.7488320718985051</v>
      </c>
    </row>
    <row r="109827" spans="1:7" x14ac:dyDescent="0.3">
      <c r="A109827" s="13" t="s">
        <v>526</v>
      </c>
      <c r="B109827" s="14" t="s">
        <v>1</v>
      </c>
      <c r="C109827" s="14" t="s">
        <v>191</v>
      </c>
      <c r="D109827" s="14" t="s">
        <v>227</v>
      </c>
      <c r="E109827" s="15">
        <v>45703</v>
      </c>
      <c r="F109827" s="14" t="s">
        <v>15</v>
      </c>
      <c r="G109827" s="16">
        <v>3.7488320718985051</v>
      </c>
    </row>
    <row r="109828" spans="1:7" x14ac:dyDescent="0.3">
      <c r="A109828" s="13" t="s">
        <v>526</v>
      </c>
      <c r="B109828" s="14" t="s">
        <v>1</v>
      </c>
      <c r="C109828" s="14" t="s">
        <v>191</v>
      </c>
      <c r="D109828" s="14" t="s">
        <v>227</v>
      </c>
      <c r="E109828" s="15">
        <v>45704</v>
      </c>
      <c r="F109828" s="14" t="s">
        <v>15</v>
      </c>
      <c r="G109828" s="16">
        <v>3.7488320718985051</v>
      </c>
    </row>
    <row r="109829" spans="1:7" x14ac:dyDescent="0.3">
      <c r="A109829" s="13" t="s">
        <v>526</v>
      </c>
      <c r="B109829" s="14" t="s">
        <v>1</v>
      </c>
      <c r="C109829" s="14" t="s">
        <v>191</v>
      </c>
      <c r="D109829" s="14" t="s">
        <v>227</v>
      </c>
      <c r="E109829" s="15">
        <v>45705</v>
      </c>
      <c r="F109829" s="14" t="s">
        <v>15</v>
      </c>
      <c r="G109829" s="16">
        <v>3.7488327753962949</v>
      </c>
    </row>
    <row r="109830" spans="1:7" x14ac:dyDescent="0.3">
      <c r="A109830" s="13" t="s">
        <v>526</v>
      </c>
      <c r="B109830" s="14" t="s">
        <v>1</v>
      </c>
      <c r="C109830" s="14" t="s">
        <v>191</v>
      </c>
      <c r="D109830" s="14" t="s">
        <v>227</v>
      </c>
      <c r="E109830" s="15">
        <v>45706</v>
      </c>
      <c r="F109830" s="14" t="s">
        <v>15</v>
      </c>
      <c r="G109830" s="16">
        <v>3.7588334789033979</v>
      </c>
    </row>
    <row r="109831" spans="1:7" x14ac:dyDescent="0.3">
      <c r="A109831" s="13" t="s">
        <v>526</v>
      </c>
      <c r="B109831" s="14" t="s">
        <v>1</v>
      </c>
      <c r="C109831" s="14" t="s">
        <v>191</v>
      </c>
      <c r="D109831" s="14" t="s">
        <v>227</v>
      </c>
      <c r="E109831" s="15">
        <v>45707</v>
      </c>
      <c r="F109831" s="14" t="s">
        <v>15</v>
      </c>
      <c r="G109831" s="16">
        <v>3.7588341824011877</v>
      </c>
    </row>
    <row r="109832" spans="1:7" x14ac:dyDescent="0.3">
      <c r="A109832" s="13" t="s">
        <v>526</v>
      </c>
      <c r="B109832" s="14" t="s">
        <v>1</v>
      </c>
      <c r="C109832" s="14" t="s">
        <v>191</v>
      </c>
      <c r="D109832" s="14" t="s">
        <v>227</v>
      </c>
      <c r="E109832" s="15">
        <v>45708</v>
      </c>
      <c r="F109832" s="14" t="s">
        <v>15</v>
      </c>
      <c r="G109832" s="16">
        <v>3.7588348858989775</v>
      </c>
    </row>
    <row r="109833" spans="1:7" x14ac:dyDescent="0.3">
      <c r="A109833" s="13" t="s">
        <v>526</v>
      </c>
      <c r="B109833" s="14" t="s">
        <v>1</v>
      </c>
      <c r="C109833" s="14" t="s">
        <v>191</v>
      </c>
      <c r="D109833" s="14" t="s">
        <v>227</v>
      </c>
      <c r="E109833" s="15">
        <v>45709</v>
      </c>
      <c r="F109833" s="14" t="s">
        <v>15</v>
      </c>
      <c r="G109833" s="16">
        <v>3.7588355893967673</v>
      </c>
    </row>
    <row r="109834" spans="1:7" x14ac:dyDescent="0.3">
      <c r="A109834" s="13" t="s">
        <v>526</v>
      </c>
      <c r="B109834" s="14" t="s">
        <v>1</v>
      </c>
      <c r="C109834" s="14" t="s">
        <v>191</v>
      </c>
      <c r="D109834" s="14" t="s">
        <v>227</v>
      </c>
      <c r="E109834" s="15">
        <v>45710</v>
      </c>
      <c r="F109834" s="14" t="s">
        <v>15</v>
      </c>
      <c r="G109834" s="16">
        <v>3.7588355893967673</v>
      </c>
    </row>
    <row r="109835" spans="1:7" x14ac:dyDescent="0.3">
      <c r="A109835" s="13" t="s">
        <v>526</v>
      </c>
      <c r="B109835" s="14" t="s">
        <v>1</v>
      </c>
      <c r="C109835" s="14" t="s">
        <v>191</v>
      </c>
      <c r="D109835" s="14" t="s">
        <v>227</v>
      </c>
      <c r="E109835" s="15">
        <v>45711</v>
      </c>
      <c r="F109835" s="14" t="s">
        <v>15</v>
      </c>
      <c r="G109835" s="16">
        <v>3.7588355893967673</v>
      </c>
    </row>
    <row r="109836" spans="1:7" x14ac:dyDescent="0.3">
      <c r="A109836" s="13" t="s">
        <v>526</v>
      </c>
      <c r="B109836" s="14" t="s">
        <v>1</v>
      </c>
      <c r="C109836" s="14" t="s">
        <v>191</v>
      </c>
      <c r="D109836" s="14" t="s">
        <v>227</v>
      </c>
      <c r="E109836" s="15">
        <v>45712</v>
      </c>
      <c r="F109836" s="14" t="s">
        <v>15</v>
      </c>
      <c r="G109836" s="16">
        <v>3.7588362928945571</v>
      </c>
    </row>
    <row r="109837" spans="1:7" x14ac:dyDescent="0.3">
      <c r="A109837" s="13" t="s">
        <v>526</v>
      </c>
      <c r="B109837" s="14" t="s">
        <v>1</v>
      </c>
      <c r="C109837" s="14" t="s">
        <v>191</v>
      </c>
      <c r="D109837" s="14" t="s">
        <v>227</v>
      </c>
      <c r="E109837" s="15">
        <v>45713</v>
      </c>
      <c r="F109837" s="14" t="s">
        <v>15</v>
      </c>
      <c r="G109837" s="16">
        <v>3.8588369964272715</v>
      </c>
    </row>
    <row r="109838" spans="1:7" x14ac:dyDescent="0.3">
      <c r="A109838" s="13" t="s">
        <v>526</v>
      </c>
      <c r="B109838" s="14" t="s">
        <v>1</v>
      </c>
      <c r="C109838" s="14" t="s">
        <v>191</v>
      </c>
      <c r="D109838" s="14" t="s">
        <v>227</v>
      </c>
      <c r="E109838" s="15">
        <v>45714</v>
      </c>
      <c r="F109838" s="14" t="s">
        <v>15</v>
      </c>
      <c r="G109838" s="16">
        <v>3.8588376999250613</v>
      </c>
    </row>
    <row r="109839" spans="1:7" x14ac:dyDescent="0.3">
      <c r="A109839" s="13" t="s">
        <v>526</v>
      </c>
      <c r="B109839" s="14" t="s">
        <v>1</v>
      </c>
      <c r="C109839" s="14" t="s">
        <v>191</v>
      </c>
      <c r="D109839" s="14" t="s">
        <v>227</v>
      </c>
      <c r="E109839" s="15">
        <v>45715</v>
      </c>
      <c r="F109839" s="14" t="s">
        <v>15</v>
      </c>
      <c r="G109839" s="16">
        <v>3.8688384034321643</v>
      </c>
    </row>
    <row r="109840" spans="1:7" x14ac:dyDescent="0.3">
      <c r="A109840" s="13" t="s">
        <v>526</v>
      </c>
      <c r="B109840" s="14" t="s">
        <v>1</v>
      </c>
      <c r="C109840" s="14" t="s">
        <v>191</v>
      </c>
      <c r="D109840" s="14" t="s">
        <v>227</v>
      </c>
      <c r="E109840" s="15">
        <v>45716</v>
      </c>
      <c r="F109840" s="14" t="s">
        <v>15</v>
      </c>
      <c r="G109840" s="16">
        <v>4.0388391069718637</v>
      </c>
    </row>
    <row r="109841" spans="1:7" x14ac:dyDescent="0.3">
      <c r="A109841" s="13" t="s">
        <v>526</v>
      </c>
      <c r="B109841" s="14" t="s">
        <v>1</v>
      </c>
      <c r="C109841" s="14" t="s">
        <v>191</v>
      </c>
      <c r="D109841" s="14" t="s">
        <v>227</v>
      </c>
      <c r="E109841" s="15">
        <v>45717</v>
      </c>
      <c r="F109841" s="14" t="s">
        <v>15</v>
      </c>
      <c r="G109841" s="16">
        <v>4.0388391069718637</v>
      </c>
    </row>
    <row r="109842" spans="1:7" x14ac:dyDescent="0.3">
      <c r="A109842" s="13" t="s">
        <v>526</v>
      </c>
      <c r="B109842" s="14" t="s">
        <v>1</v>
      </c>
      <c r="C109842" s="14" t="s">
        <v>191</v>
      </c>
      <c r="D109842" s="14" t="s">
        <v>227</v>
      </c>
      <c r="E109842" s="15">
        <v>45718</v>
      </c>
      <c r="F109842" s="14" t="s">
        <v>15</v>
      </c>
      <c r="G109842" s="16">
        <v>4.0388391069718637</v>
      </c>
    </row>
    <row r="109843" spans="1:7" x14ac:dyDescent="0.3">
      <c r="A109843" s="13" t="s">
        <v>526</v>
      </c>
      <c r="B109843" s="14" t="s">
        <v>1</v>
      </c>
      <c r="C109843" s="14" t="s">
        <v>191</v>
      </c>
      <c r="D109843" s="14" t="s">
        <v>227</v>
      </c>
      <c r="E109843" s="15">
        <v>45719</v>
      </c>
      <c r="F109843" s="14" t="s">
        <v>15</v>
      </c>
      <c r="G109843" s="16">
        <v>4.0388398104696535</v>
      </c>
    </row>
    <row r="109844" spans="1:7" x14ac:dyDescent="0.3">
      <c r="A109844" s="13" t="s">
        <v>526</v>
      </c>
      <c r="B109844" s="14" t="s">
        <v>1</v>
      </c>
      <c r="C109844" s="14" t="s">
        <v>191</v>
      </c>
      <c r="D109844" s="14" t="s">
        <v>227</v>
      </c>
      <c r="E109844" s="15">
        <v>45720</v>
      </c>
      <c r="F109844" s="14" t="s">
        <v>15</v>
      </c>
      <c r="G109844" s="16">
        <v>4.02884051395813</v>
      </c>
    </row>
    <row r="109845" spans="1:7" x14ac:dyDescent="0.3">
      <c r="A109845" s="13" t="s">
        <v>526</v>
      </c>
      <c r="B109845" s="14" t="s">
        <v>1</v>
      </c>
      <c r="C109845" s="14" t="s">
        <v>191</v>
      </c>
      <c r="D109845" s="14" t="s">
        <v>227</v>
      </c>
      <c r="E109845" s="15">
        <v>45721</v>
      </c>
      <c r="F109845" s="14" t="s">
        <v>15</v>
      </c>
      <c r="G109845" s="16">
        <v>4.0388412174652331</v>
      </c>
    </row>
    <row r="109846" spans="1:7" x14ac:dyDescent="0.3">
      <c r="A109846" s="13" t="s">
        <v>526</v>
      </c>
      <c r="B109846" s="14" t="s">
        <v>1</v>
      </c>
      <c r="C109846" s="14" t="s">
        <v>191</v>
      </c>
      <c r="D109846" s="14" t="s">
        <v>227</v>
      </c>
      <c r="E109846" s="15">
        <v>45722</v>
      </c>
      <c r="F109846" s="14" t="s">
        <v>15</v>
      </c>
      <c r="G109846" s="16">
        <v>4.0588419209816493</v>
      </c>
    </row>
    <row r="109847" spans="1:7" x14ac:dyDescent="0.3">
      <c r="A109847" s="13" t="s">
        <v>526</v>
      </c>
      <c r="B109847" s="14" t="s">
        <v>1</v>
      </c>
      <c r="C109847" s="14" t="s">
        <v>191</v>
      </c>
      <c r="D109847" s="14" t="s">
        <v>227</v>
      </c>
      <c r="E109847" s="15">
        <v>45723</v>
      </c>
      <c r="F109847" s="14" t="s">
        <v>15</v>
      </c>
      <c r="G109847" s="16">
        <v>4.1088426244677976</v>
      </c>
    </row>
    <row r="109848" spans="1:7" x14ac:dyDescent="0.3">
      <c r="A109848" s="13" t="s">
        <v>526</v>
      </c>
      <c r="B109848" s="14" t="s">
        <v>1</v>
      </c>
      <c r="C109848" s="14" t="s">
        <v>191</v>
      </c>
      <c r="D109848" s="14" t="s">
        <v>227</v>
      </c>
      <c r="E109848" s="15">
        <v>45724</v>
      </c>
      <c r="F109848" s="14" t="s">
        <v>15</v>
      </c>
      <c r="G109848" s="16">
        <v>4.1088426244677976</v>
      </c>
    </row>
    <row r="109849" spans="1:7" x14ac:dyDescent="0.3">
      <c r="A109849" s="13" t="s">
        <v>526</v>
      </c>
      <c r="B109849" s="14" t="s">
        <v>1</v>
      </c>
      <c r="C109849" s="14" t="s">
        <v>191</v>
      </c>
      <c r="D109849" s="14" t="s">
        <v>227</v>
      </c>
      <c r="E109849" s="15">
        <v>45725</v>
      </c>
      <c r="F109849" s="14" t="s">
        <v>15</v>
      </c>
      <c r="G109849" s="16">
        <v>4.1088426244677976</v>
      </c>
    </row>
    <row r="109850" spans="1:7" x14ac:dyDescent="0.3">
      <c r="A109850" s="13" t="s">
        <v>526</v>
      </c>
      <c r="B109850" s="14" t="s">
        <v>1</v>
      </c>
      <c r="C109850" s="14" t="s">
        <v>191</v>
      </c>
      <c r="D109850" s="14" t="s">
        <v>227</v>
      </c>
      <c r="E109850" s="15">
        <v>45726</v>
      </c>
      <c r="F109850" s="14" t="s">
        <v>15</v>
      </c>
      <c r="G109850" s="16">
        <v>4.1188433279749006</v>
      </c>
    </row>
    <row r="109851" spans="1:7" x14ac:dyDescent="0.3">
      <c r="A109851" s="13" t="s">
        <v>526</v>
      </c>
      <c r="B109851" s="14" t="s">
        <v>1</v>
      </c>
      <c r="C109851" s="14" t="s">
        <v>191</v>
      </c>
      <c r="D109851" s="14" t="s">
        <v>227</v>
      </c>
      <c r="E109851" s="15">
        <v>45727</v>
      </c>
      <c r="F109851" s="14" t="s">
        <v>15</v>
      </c>
      <c r="G109851" s="16">
        <v>4.0988440315122716</v>
      </c>
    </row>
    <row r="109852" spans="1:7" x14ac:dyDescent="0.3">
      <c r="A109852" s="13" t="s">
        <v>526</v>
      </c>
      <c r="B109852" s="14" t="s">
        <v>1</v>
      </c>
      <c r="C109852" s="14" t="s">
        <v>191</v>
      </c>
      <c r="D109852" s="14" t="s">
        <v>227</v>
      </c>
      <c r="E109852" s="15">
        <v>45728</v>
      </c>
      <c r="F109852" s="14" t="s">
        <v>15</v>
      </c>
      <c r="G109852" s="16">
        <v>4.0988447350100614</v>
      </c>
    </row>
    <row r="109853" spans="1:7" x14ac:dyDescent="0.3">
      <c r="A109853" s="13" t="s">
        <v>526</v>
      </c>
      <c r="B109853" s="14" t="s">
        <v>1</v>
      </c>
      <c r="C109853" s="14" t="s">
        <v>191</v>
      </c>
      <c r="D109853" s="14" t="s">
        <v>227</v>
      </c>
      <c r="E109853" s="15">
        <v>45729</v>
      </c>
      <c r="F109853" s="14" t="s">
        <v>15</v>
      </c>
      <c r="G109853" s="16">
        <v>4.0988454385078512</v>
      </c>
    </row>
    <row r="109854" spans="1:7" x14ac:dyDescent="0.3">
      <c r="A109854" s="13" t="s">
        <v>526</v>
      </c>
      <c r="B109854" s="14" t="s">
        <v>1</v>
      </c>
      <c r="C109854" s="14" t="s">
        <v>191</v>
      </c>
      <c r="D109854" s="14" t="s">
        <v>227</v>
      </c>
      <c r="E109854" s="15">
        <v>45730</v>
      </c>
      <c r="F109854" s="14" t="s">
        <v>15</v>
      </c>
      <c r="G109854" s="16">
        <v>4.0788461420452222</v>
      </c>
    </row>
    <row r="109855" spans="1:7" x14ac:dyDescent="0.3">
      <c r="A109855" s="13" t="s">
        <v>526</v>
      </c>
      <c r="B109855" s="14" t="s">
        <v>1</v>
      </c>
      <c r="C109855" s="14" t="s">
        <v>191</v>
      </c>
      <c r="D109855" s="14" t="s">
        <v>227</v>
      </c>
      <c r="E109855" s="15">
        <v>45731</v>
      </c>
      <c r="F109855" s="14" t="s">
        <v>15</v>
      </c>
      <c r="G109855" s="16">
        <v>4.0788461420452222</v>
      </c>
    </row>
    <row r="109856" spans="1:7" x14ac:dyDescent="0.3">
      <c r="A109856" s="13" t="s">
        <v>526</v>
      </c>
      <c r="B109856" s="14" t="s">
        <v>1</v>
      </c>
      <c r="C109856" s="14" t="s">
        <v>191</v>
      </c>
      <c r="D109856" s="14" t="s">
        <v>227</v>
      </c>
      <c r="E109856" s="15">
        <v>45732</v>
      </c>
      <c r="F109856" s="14" t="s">
        <v>15</v>
      </c>
      <c r="G109856" s="16">
        <v>4.0788461420452222</v>
      </c>
    </row>
    <row r="109857" spans="1:7" x14ac:dyDescent="0.3">
      <c r="A109857" s="13" t="s">
        <v>526</v>
      </c>
      <c r="B109857" s="14" t="s">
        <v>1</v>
      </c>
      <c r="C109857" s="14" t="s">
        <v>191</v>
      </c>
      <c r="D109857" s="14" t="s">
        <v>227</v>
      </c>
      <c r="E109857" s="15">
        <v>45733</v>
      </c>
      <c r="F109857" s="14" t="s">
        <v>15</v>
      </c>
      <c r="G109857" s="16">
        <v>4.0788461420452222</v>
      </c>
    </row>
    <row r="109858" spans="1:7" x14ac:dyDescent="0.3">
      <c r="A109858" s="13" t="s">
        <v>526</v>
      </c>
      <c r="B109858" s="14" t="s">
        <v>1</v>
      </c>
      <c r="C109858" s="14" t="s">
        <v>191</v>
      </c>
      <c r="D109858" s="14" t="s">
        <v>227</v>
      </c>
      <c r="E109858" s="15">
        <v>45734</v>
      </c>
      <c r="F109858" s="14" t="s">
        <v>15</v>
      </c>
      <c r="G109858" s="16">
        <v>4.078846845543012</v>
      </c>
    </row>
    <row r="109859" spans="1:7" x14ac:dyDescent="0.3">
      <c r="A109859" s="13" t="s">
        <v>526</v>
      </c>
      <c r="B109859" s="14" t="s">
        <v>1</v>
      </c>
      <c r="C109859" s="14" t="s">
        <v>191</v>
      </c>
      <c r="D109859" s="14" t="s">
        <v>227</v>
      </c>
      <c r="E109859" s="15">
        <v>45735</v>
      </c>
      <c r="F109859" s="14" t="s">
        <v>15</v>
      </c>
      <c r="G109859" s="16">
        <v>4.0788475490408018</v>
      </c>
    </row>
    <row r="109860" spans="1:7" x14ac:dyDescent="0.3">
      <c r="A109860" s="13" t="s">
        <v>526</v>
      </c>
      <c r="B109860" s="14" t="s">
        <v>1</v>
      </c>
      <c r="C109860" s="14" t="s">
        <v>191</v>
      </c>
      <c r="D109860" s="14" t="s">
        <v>227</v>
      </c>
      <c r="E109860" s="15">
        <v>45736</v>
      </c>
      <c r="F109860" s="14" t="s">
        <v>15</v>
      </c>
      <c r="G109860" s="16">
        <v>4.0688482525292784</v>
      </c>
    </row>
    <row r="109861" spans="1:7" x14ac:dyDescent="0.3">
      <c r="A109861" s="13" t="s">
        <v>526</v>
      </c>
      <c r="B109861" s="14" t="s">
        <v>1</v>
      </c>
      <c r="C109861" s="14" t="s">
        <v>191</v>
      </c>
      <c r="D109861" s="14" t="s">
        <v>227</v>
      </c>
      <c r="E109861" s="15">
        <v>45737</v>
      </c>
      <c r="F109861" s="14" t="s">
        <v>15</v>
      </c>
      <c r="G109861" s="16">
        <v>4.0688489560270682</v>
      </c>
    </row>
    <row r="109862" spans="1:7" x14ac:dyDescent="0.3">
      <c r="A109862" s="13" t="s">
        <v>526</v>
      </c>
      <c r="B109862" s="14" t="s">
        <v>1</v>
      </c>
      <c r="C109862" s="14" t="s">
        <v>191</v>
      </c>
      <c r="D109862" s="14" t="s">
        <v>227</v>
      </c>
      <c r="E109862" s="15">
        <v>45738</v>
      </c>
      <c r="F109862" s="14" t="s">
        <v>15</v>
      </c>
      <c r="G109862" s="16">
        <v>4.0688489560270682</v>
      </c>
    </row>
    <row r="109863" spans="1:7" x14ac:dyDescent="0.3">
      <c r="A109863" s="13" t="s">
        <v>526</v>
      </c>
      <c r="B109863" s="14" t="s">
        <v>1</v>
      </c>
      <c r="C109863" s="14" t="s">
        <v>191</v>
      </c>
      <c r="D109863" s="14" t="s">
        <v>227</v>
      </c>
      <c r="E109863" s="15">
        <v>45739</v>
      </c>
      <c r="F109863" s="14" t="s">
        <v>15</v>
      </c>
      <c r="G109863" s="16">
        <v>4.0688489560270682</v>
      </c>
    </row>
    <row r="109864" spans="1:7" x14ac:dyDescent="0.3">
      <c r="A109864" s="13" t="s">
        <v>526</v>
      </c>
      <c r="B109864" s="14" t="s">
        <v>1</v>
      </c>
      <c r="C109864" s="14" t="s">
        <v>191</v>
      </c>
      <c r="D109864" s="14" t="s">
        <v>227</v>
      </c>
      <c r="E109864" s="15">
        <v>45740</v>
      </c>
      <c r="F109864" s="14" t="s">
        <v>15</v>
      </c>
      <c r="G109864" s="16">
        <v>4.068849659524858</v>
      </c>
    </row>
    <row r="109865" spans="1:7" x14ac:dyDescent="0.3">
      <c r="A109865" s="13" t="s">
        <v>526</v>
      </c>
      <c r="B109865" s="14" t="s">
        <v>1</v>
      </c>
      <c r="C109865" s="14" t="s">
        <v>191</v>
      </c>
      <c r="D109865" s="14" t="s">
        <v>227</v>
      </c>
      <c r="E109865" s="15">
        <v>45741</v>
      </c>
      <c r="F109865" s="14" t="s">
        <v>15</v>
      </c>
      <c r="G109865" s="16">
        <v>4.0688503630226478</v>
      </c>
    </row>
    <row r="109866" spans="1:7" x14ac:dyDescent="0.3">
      <c r="A109866" s="13" t="s">
        <v>526</v>
      </c>
      <c r="B109866" s="14" t="s">
        <v>1</v>
      </c>
      <c r="C109866" s="14" t="s">
        <v>191</v>
      </c>
      <c r="D109866" s="14" t="s">
        <v>227</v>
      </c>
      <c r="E109866" s="15">
        <v>45742</v>
      </c>
      <c r="F109866" s="14" t="s">
        <v>15</v>
      </c>
      <c r="G109866" s="16">
        <v>4.0588510665111244</v>
      </c>
    </row>
    <row r="109867" spans="1:7" x14ac:dyDescent="0.3">
      <c r="A109867" s="13" t="s">
        <v>526</v>
      </c>
      <c r="B109867" s="14" t="s">
        <v>1</v>
      </c>
      <c r="C109867" s="14" t="s">
        <v>191</v>
      </c>
      <c r="D109867" s="14" t="s">
        <v>227</v>
      </c>
      <c r="E109867" s="15">
        <v>45743</v>
      </c>
      <c r="F109867" s="14" t="s">
        <v>15</v>
      </c>
      <c r="G109867" s="16">
        <v>4.0588517700089142</v>
      </c>
    </row>
    <row r="109868" spans="1:7" x14ac:dyDescent="0.3">
      <c r="A109868" s="13" t="s">
        <v>526</v>
      </c>
      <c r="B109868" s="14" t="s">
        <v>1</v>
      </c>
      <c r="C109868" s="14" t="s">
        <v>191</v>
      </c>
      <c r="D109868" s="14" t="s">
        <v>227</v>
      </c>
      <c r="E109868" s="15">
        <v>45744</v>
      </c>
      <c r="F109868" s="14" t="s">
        <v>15</v>
      </c>
      <c r="G109868" s="16">
        <v>4.058852473506704</v>
      </c>
    </row>
    <row r="109869" spans="1:7" x14ac:dyDescent="0.3">
      <c r="A109869" s="13" t="s">
        <v>526</v>
      </c>
      <c r="B109869" s="14" t="s">
        <v>1</v>
      </c>
      <c r="C109869" s="14" t="s">
        <v>191</v>
      </c>
      <c r="D109869" s="14" t="s">
        <v>227</v>
      </c>
      <c r="E109869" s="15">
        <v>45745</v>
      </c>
      <c r="F109869" s="14" t="s">
        <v>15</v>
      </c>
      <c r="G109869" s="16">
        <v>4.058852473506704</v>
      </c>
    </row>
    <row r="109870" spans="1:7" x14ac:dyDescent="0.3">
      <c r="A109870" s="13" t="s">
        <v>526</v>
      </c>
      <c r="B109870" s="14" t="s">
        <v>1</v>
      </c>
      <c r="C109870" s="14" t="s">
        <v>191</v>
      </c>
      <c r="D109870" s="14" t="s">
        <v>227</v>
      </c>
      <c r="E109870" s="15">
        <v>45746</v>
      </c>
      <c r="F109870" s="14" t="s">
        <v>15</v>
      </c>
      <c r="G109870" s="16">
        <v>4.058852473506704</v>
      </c>
    </row>
    <row r="109871" spans="1:7" x14ac:dyDescent="0.3">
      <c r="A109871" s="13" t="s">
        <v>526</v>
      </c>
      <c r="B109871" s="14" t="s">
        <v>1</v>
      </c>
      <c r="C109871" s="14" t="s">
        <v>191</v>
      </c>
      <c r="D109871" s="14" t="s">
        <v>227</v>
      </c>
      <c r="E109871" s="15">
        <v>45747</v>
      </c>
      <c r="F109871" s="14" t="s">
        <v>15</v>
      </c>
      <c r="G109871" s="16">
        <v>4.058852473506704</v>
      </c>
    </row>
    <row r="109872" spans="1:7" x14ac:dyDescent="0.3">
      <c r="A109872" s="13" t="s">
        <v>527</v>
      </c>
      <c r="B109872" s="14" t="s">
        <v>1</v>
      </c>
      <c r="C109872" s="14" t="s">
        <v>191</v>
      </c>
      <c r="D109872" s="14" t="s">
        <v>528</v>
      </c>
      <c r="E109872" s="15">
        <v>45383</v>
      </c>
      <c r="F109872" s="14" t="s">
        <v>28</v>
      </c>
      <c r="G109872" s="16">
        <v>0</v>
      </c>
    </row>
    <row r="109873" spans="1:7" x14ac:dyDescent="0.3">
      <c r="A109873" s="13" t="s">
        <v>527</v>
      </c>
      <c r="B109873" s="14" t="s">
        <v>1</v>
      </c>
      <c r="C109873" s="14" t="s">
        <v>191</v>
      </c>
      <c r="D109873" s="14" t="s">
        <v>528</v>
      </c>
      <c r="E109873" s="15">
        <v>45384</v>
      </c>
      <c r="F109873" s="14" t="s">
        <v>28</v>
      </c>
      <c r="G109873" s="16">
        <v>0</v>
      </c>
    </row>
    <row r="109874" spans="1:7" x14ac:dyDescent="0.3">
      <c r="A109874" s="13" t="s">
        <v>527</v>
      </c>
      <c r="B109874" s="14" t="s">
        <v>1</v>
      </c>
      <c r="C109874" s="14" t="s">
        <v>191</v>
      </c>
      <c r="D109874" s="14" t="s">
        <v>528</v>
      </c>
      <c r="E109874" s="15">
        <v>45385</v>
      </c>
      <c r="F109874" s="14" t="s">
        <v>28</v>
      </c>
      <c r="G109874" s="16">
        <v>0</v>
      </c>
    </row>
    <row r="109875" spans="1:7" x14ac:dyDescent="0.3">
      <c r="A109875" s="13" t="s">
        <v>527</v>
      </c>
      <c r="B109875" s="14" t="s">
        <v>1</v>
      </c>
      <c r="C109875" s="14" t="s">
        <v>191</v>
      </c>
      <c r="D109875" s="14" t="s">
        <v>528</v>
      </c>
      <c r="E109875" s="15">
        <v>45386</v>
      </c>
      <c r="F109875" s="14" t="s">
        <v>28</v>
      </c>
      <c r="G109875" s="16">
        <v>0</v>
      </c>
    </row>
    <row r="109876" spans="1:7" x14ac:dyDescent="0.3">
      <c r="A109876" s="13" t="s">
        <v>527</v>
      </c>
      <c r="B109876" s="14" t="s">
        <v>1</v>
      </c>
      <c r="C109876" s="14" t="s">
        <v>191</v>
      </c>
      <c r="D109876" s="14" t="s">
        <v>528</v>
      </c>
      <c r="E109876" s="15">
        <v>45387</v>
      </c>
      <c r="F109876" s="14" t="s">
        <v>28</v>
      </c>
      <c r="G109876" s="16">
        <v>0</v>
      </c>
    </row>
    <row r="109877" spans="1:7" x14ac:dyDescent="0.3">
      <c r="A109877" s="13" t="s">
        <v>527</v>
      </c>
      <c r="B109877" s="14" t="s">
        <v>1</v>
      </c>
      <c r="C109877" s="14" t="s">
        <v>191</v>
      </c>
      <c r="D109877" s="14" t="s">
        <v>528</v>
      </c>
      <c r="E109877" s="15">
        <v>45388</v>
      </c>
      <c r="F109877" s="14" t="s">
        <v>28</v>
      </c>
      <c r="G109877" s="16">
        <v>0</v>
      </c>
    </row>
    <row r="109878" spans="1:7" x14ac:dyDescent="0.3">
      <c r="A109878" s="13" t="s">
        <v>527</v>
      </c>
      <c r="B109878" s="14" t="s">
        <v>1</v>
      </c>
      <c r="C109878" s="14" t="s">
        <v>191</v>
      </c>
      <c r="D109878" s="14" t="s">
        <v>528</v>
      </c>
      <c r="E109878" s="15">
        <v>45389</v>
      </c>
      <c r="F109878" s="14" t="s">
        <v>28</v>
      </c>
      <c r="G109878" s="16">
        <v>0</v>
      </c>
    </row>
    <row r="109879" spans="1:7" x14ac:dyDescent="0.3">
      <c r="A109879" s="13" t="s">
        <v>527</v>
      </c>
      <c r="B109879" s="14" t="s">
        <v>1</v>
      </c>
      <c r="C109879" s="14" t="s">
        <v>191</v>
      </c>
      <c r="D109879" s="14" t="s">
        <v>528</v>
      </c>
      <c r="E109879" s="15">
        <v>45390</v>
      </c>
      <c r="F109879" s="14" t="s">
        <v>28</v>
      </c>
      <c r="G109879" s="16">
        <v>0</v>
      </c>
    </row>
    <row r="109880" spans="1:7" x14ac:dyDescent="0.3">
      <c r="A109880" s="13" t="s">
        <v>527</v>
      </c>
      <c r="B109880" s="14" t="s">
        <v>1</v>
      </c>
      <c r="C109880" s="14" t="s">
        <v>191</v>
      </c>
      <c r="D109880" s="14" t="s">
        <v>528</v>
      </c>
      <c r="E109880" s="15">
        <v>45391</v>
      </c>
      <c r="F109880" s="14" t="s">
        <v>28</v>
      </c>
      <c r="G109880" s="16">
        <v>0</v>
      </c>
    </row>
    <row r="109881" spans="1:7" x14ac:dyDescent="0.3">
      <c r="A109881" s="13" t="s">
        <v>527</v>
      </c>
      <c r="B109881" s="14" t="s">
        <v>1</v>
      </c>
      <c r="C109881" s="14" t="s">
        <v>191</v>
      </c>
      <c r="D109881" s="14" t="s">
        <v>528</v>
      </c>
      <c r="E109881" s="15">
        <v>45392</v>
      </c>
      <c r="F109881" s="14" t="s">
        <v>28</v>
      </c>
      <c r="G109881" s="16">
        <v>0</v>
      </c>
    </row>
    <row r="109882" spans="1:7" x14ac:dyDescent="0.3">
      <c r="A109882" s="13" t="s">
        <v>527</v>
      </c>
      <c r="B109882" s="14" t="s">
        <v>1</v>
      </c>
      <c r="C109882" s="14" t="s">
        <v>191</v>
      </c>
      <c r="D109882" s="14" t="s">
        <v>528</v>
      </c>
      <c r="E109882" s="15">
        <v>45393</v>
      </c>
      <c r="F109882" s="14" t="s">
        <v>28</v>
      </c>
      <c r="G109882" s="16">
        <v>0</v>
      </c>
    </row>
    <row r="109883" spans="1:7" x14ac:dyDescent="0.3">
      <c r="A109883" s="13" t="s">
        <v>527</v>
      </c>
      <c r="B109883" s="14" t="s">
        <v>1</v>
      </c>
      <c r="C109883" s="14" t="s">
        <v>191</v>
      </c>
      <c r="D109883" s="14" t="s">
        <v>528</v>
      </c>
      <c r="E109883" s="15">
        <v>45394</v>
      </c>
      <c r="F109883" s="14" t="s">
        <v>28</v>
      </c>
      <c r="G109883" s="16">
        <v>0</v>
      </c>
    </row>
    <row r="109884" spans="1:7" x14ac:dyDescent="0.3">
      <c r="A109884" s="13" t="s">
        <v>527</v>
      </c>
      <c r="B109884" s="14" t="s">
        <v>1</v>
      </c>
      <c r="C109884" s="14" t="s">
        <v>191</v>
      </c>
      <c r="D109884" s="14" t="s">
        <v>528</v>
      </c>
      <c r="E109884" s="15">
        <v>45395</v>
      </c>
      <c r="F109884" s="14" t="s">
        <v>28</v>
      </c>
      <c r="G109884" s="16">
        <v>0</v>
      </c>
    </row>
    <row r="109885" spans="1:7" x14ac:dyDescent="0.3">
      <c r="A109885" s="13" t="s">
        <v>527</v>
      </c>
      <c r="B109885" s="14" t="s">
        <v>1</v>
      </c>
      <c r="C109885" s="14" t="s">
        <v>191</v>
      </c>
      <c r="D109885" s="14" t="s">
        <v>528</v>
      </c>
      <c r="E109885" s="15">
        <v>45396</v>
      </c>
      <c r="F109885" s="14" t="s">
        <v>28</v>
      </c>
      <c r="G109885" s="16">
        <v>0</v>
      </c>
    </row>
    <row r="109886" spans="1:7" x14ac:dyDescent="0.3">
      <c r="A109886" s="13" t="s">
        <v>527</v>
      </c>
      <c r="B109886" s="14" t="s">
        <v>1</v>
      </c>
      <c r="C109886" s="14" t="s">
        <v>191</v>
      </c>
      <c r="D109886" s="14" t="s">
        <v>528</v>
      </c>
      <c r="E109886" s="15">
        <v>45397</v>
      </c>
      <c r="F109886" s="14" t="s">
        <v>28</v>
      </c>
      <c r="G109886" s="16">
        <v>0</v>
      </c>
    </row>
    <row r="109887" spans="1:7" x14ac:dyDescent="0.3">
      <c r="A109887" s="13" t="s">
        <v>527</v>
      </c>
      <c r="B109887" s="14" t="s">
        <v>1</v>
      </c>
      <c r="C109887" s="14" t="s">
        <v>191</v>
      </c>
      <c r="D109887" s="14" t="s">
        <v>528</v>
      </c>
      <c r="E109887" s="15">
        <v>45398</v>
      </c>
      <c r="F109887" s="14" t="s">
        <v>28</v>
      </c>
      <c r="G109887" s="16">
        <v>0</v>
      </c>
    </row>
    <row r="109888" spans="1:7" x14ac:dyDescent="0.3">
      <c r="A109888" s="13" t="s">
        <v>527</v>
      </c>
      <c r="B109888" s="14" t="s">
        <v>1</v>
      </c>
      <c r="C109888" s="14" t="s">
        <v>191</v>
      </c>
      <c r="D109888" s="14" t="s">
        <v>528</v>
      </c>
      <c r="E109888" s="15">
        <v>45399</v>
      </c>
      <c r="F109888" s="14" t="s">
        <v>28</v>
      </c>
      <c r="G109888" s="16">
        <v>0</v>
      </c>
    </row>
    <row r="109889" spans="1:7" x14ac:dyDescent="0.3">
      <c r="A109889" s="13" t="s">
        <v>527</v>
      </c>
      <c r="B109889" s="14" t="s">
        <v>1</v>
      </c>
      <c r="C109889" s="14" t="s">
        <v>191</v>
      </c>
      <c r="D109889" s="14" t="s">
        <v>528</v>
      </c>
      <c r="E109889" s="15">
        <v>45400</v>
      </c>
      <c r="F109889" s="14" t="s">
        <v>28</v>
      </c>
      <c r="G109889" s="16">
        <v>0</v>
      </c>
    </row>
    <row r="109890" spans="1:7" x14ac:dyDescent="0.3">
      <c r="A109890" s="13" t="s">
        <v>527</v>
      </c>
      <c r="B109890" s="14" t="s">
        <v>1</v>
      </c>
      <c r="C109890" s="14" t="s">
        <v>191</v>
      </c>
      <c r="D109890" s="14" t="s">
        <v>528</v>
      </c>
      <c r="E109890" s="15">
        <v>45401</v>
      </c>
      <c r="F109890" s="14" t="s">
        <v>28</v>
      </c>
      <c r="G109890" s="16">
        <v>0</v>
      </c>
    </row>
    <row r="109891" spans="1:7" x14ac:dyDescent="0.3">
      <c r="A109891" s="13" t="s">
        <v>527</v>
      </c>
      <c r="B109891" s="14" t="s">
        <v>1</v>
      </c>
      <c r="C109891" s="14" t="s">
        <v>191</v>
      </c>
      <c r="D109891" s="14" t="s">
        <v>528</v>
      </c>
      <c r="E109891" s="15">
        <v>45402</v>
      </c>
      <c r="F109891" s="14" t="s">
        <v>28</v>
      </c>
      <c r="G109891" s="16">
        <v>0</v>
      </c>
    </row>
    <row r="109892" spans="1:7" x14ac:dyDescent="0.3">
      <c r="A109892" s="13" t="s">
        <v>527</v>
      </c>
      <c r="B109892" s="14" t="s">
        <v>1</v>
      </c>
      <c r="C109892" s="14" t="s">
        <v>191</v>
      </c>
      <c r="D109892" s="14" t="s">
        <v>528</v>
      </c>
      <c r="E109892" s="15">
        <v>45403</v>
      </c>
      <c r="F109892" s="14" t="s">
        <v>28</v>
      </c>
      <c r="G109892" s="16">
        <v>0</v>
      </c>
    </row>
    <row r="109893" spans="1:7" x14ac:dyDescent="0.3">
      <c r="A109893" s="13" t="s">
        <v>527</v>
      </c>
      <c r="B109893" s="14" t="s">
        <v>1</v>
      </c>
      <c r="C109893" s="14" t="s">
        <v>191</v>
      </c>
      <c r="D109893" s="14" t="s">
        <v>528</v>
      </c>
      <c r="E109893" s="15">
        <v>45404</v>
      </c>
      <c r="F109893" s="14" t="s">
        <v>28</v>
      </c>
      <c r="G109893" s="16">
        <v>0</v>
      </c>
    </row>
    <row r="109894" spans="1:7" x14ac:dyDescent="0.3">
      <c r="A109894" s="13" t="s">
        <v>527</v>
      </c>
      <c r="B109894" s="14" t="s">
        <v>1</v>
      </c>
      <c r="C109894" s="14" t="s">
        <v>191</v>
      </c>
      <c r="D109894" s="14" t="s">
        <v>528</v>
      </c>
      <c r="E109894" s="15">
        <v>45405</v>
      </c>
      <c r="F109894" s="14" t="s">
        <v>28</v>
      </c>
      <c r="G109894" s="16">
        <v>0</v>
      </c>
    </row>
    <row r="109895" spans="1:7" x14ac:dyDescent="0.3">
      <c r="A109895" s="13" t="s">
        <v>527</v>
      </c>
      <c r="B109895" s="14" t="s">
        <v>1</v>
      </c>
      <c r="C109895" s="14" t="s">
        <v>191</v>
      </c>
      <c r="D109895" s="14" t="s">
        <v>528</v>
      </c>
      <c r="E109895" s="15">
        <v>45406</v>
      </c>
      <c r="F109895" s="14" t="s">
        <v>28</v>
      </c>
      <c r="G109895" s="16">
        <v>0</v>
      </c>
    </row>
    <row r="109896" spans="1:7" x14ac:dyDescent="0.3">
      <c r="A109896" s="13" t="s">
        <v>527</v>
      </c>
      <c r="B109896" s="14" t="s">
        <v>1</v>
      </c>
      <c r="C109896" s="14" t="s">
        <v>191</v>
      </c>
      <c r="D109896" s="14" t="s">
        <v>528</v>
      </c>
      <c r="E109896" s="15">
        <v>45407</v>
      </c>
      <c r="F109896" s="14" t="s">
        <v>28</v>
      </c>
      <c r="G109896" s="16">
        <v>0</v>
      </c>
    </row>
    <row r="109897" spans="1:7" x14ac:dyDescent="0.3">
      <c r="A109897" s="13" t="s">
        <v>527</v>
      </c>
      <c r="B109897" s="14" t="s">
        <v>1</v>
      </c>
      <c r="C109897" s="14" t="s">
        <v>191</v>
      </c>
      <c r="D109897" s="14" t="s">
        <v>528</v>
      </c>
      <c r="E109897" s="15">
        <v>45408</v>
      </c>
      <c r="F109897" s="14" t="s">
        <v>28</v>
      </c>
      <c r="G109897" s="16">
        <v>0</v>
      </c>
    </row>
    <row r="109898" spans="1:7" x14ac:dyDescent="0.3">
      <c r="A109898" s="13" t="s">
        <v>527</v>
      </c>
      <c r="B109898" s="14" t="s">
        <v>1</v>
      </c>
      <c r="C109898" s="14" t="s">
        <v>191</v>
      </c>
      <c r="D109898" s="14" t="s">
        <v>528</v>
      </c>
      <c r="E109898" s="15">
        <v>45409</v>
      </c>
      <c r="F109898" s="14" t="s">
        <v>28</v>
      </c>
      <c r="G109898" s="16">
        <v>0</v>
      </c>
    </row>
    <row r="109899" spans="1:7" x14ac:dyDescent="0.3">
      <c r="A109899" s="13" t="s">
        <v>527</v>
      </c>
      <c r="B109899" s="14" t="s">
        <v>1</v>
      </c>
      <c r="C109899" s="14" t="s">
        <v>191</v>
      </c>
      <c r="D109899" s="14" t="s">
        <v>528</v>
      </c>
      <c r="E109899" s="15">
        <v>45410</v>
      </c>
      <c r="F109899" s="14" t="s">
        <v>28</v>
      </c>
      <c r="G109899" s="16">
        <v>0</v>
      </c>
    </row>
    <row r="109900" spans="1:7" x14ac:dyDescent="0.3">
      <c r="A109900" s="13" t="s">
        <v>527</v>
      </c>
      <c r="B109900" s="14" t="s">
        <v>1</v>
      </c>
      <c r="C109900" s="14" t="s">
        <v>191</v>
      </c>
      <c r="D109900" s="14" t="s">
        <v>528</v>
      </c>
      <c r="E109900" s="15">
        <v>45411</v>
      </c>
      <c r="F109900" s="14" t="s">
        <v>28</v>
      </c>
      <c r="G109900" s="16">
        <v>0</v>
      </c>
    </row>
    <row r="109901" spans="1:7" x14ac:dyDescent="0.3">
      <c r="A109901" s="13" t="s">
        <v>527</v>
      </c>
      <c r="B109901" s="14" t="s">
        <v>1</v>
      </c>
      <c r="C109901" s="14" t="s">
        <v>191</v>
      </c>
      <c r="D109901" s="14" t="s">
        <v>528</v>
      </c>
      <c r="E109901" s="15">
        <v>45412</v>
      </c>
      <c r="F109901" s="14" t="s">
        <v>28</v>
      </c>
      <c r="G109901" s="16">
        <v>0</v>
      </c>
    </row>
    <row r="109902" spans="1:7" x14ac:dyDescent="0.3">
      <c r="A109902" s="13" t="s">
        <v>527</v>
      </c>
      <c r="B109902" s="14" t="s">
        <v>1</v>
      </c>
      <c r="C109902" s="14" t="s">
        <v>191</v>
      </c>
      <c r="D109902" s="14" t="s">
        <v>528</v>
      </c>
      <c r="E109902" s="15">
        <v>45413</v>
      </c>
      <c r="F109902" s="14" t="s">
        <v>28</v>
      </c>
      <c r="G109902" s="16">
        <v>0</v>
      </c>
    </row>
    <row r="109903" spans="1:7" x14ac:dyDescent="0.3">
      <c r="A109903" s="13" t="s">
        <v>527</v>
      </c>
      <c r="B109903" s="14" t="s">
        <v>1</v>
      </c>
      <c r="C109903" s="14" t="s">
        <v>191</v>
      </c>
      <c r="D109903" s="14" t="s">
        <v>528</v>
      </c>
      <c r="E109903" s="15">
        <v>45414</v>
      </c>
      <c r="F109903" s="14" t="s">
        <v>28</v>
      </c>
      <c r="G109903" s="16">
        <v>0</v>
      </c>
    </row>
    <row r="109904" spans="1:7" x14ac:dyDescent="0.3">
      <c r="A109904" s="13" t="s">
        <v>527</v>
      </c>
      <c r="B109904" s="14" t="s">
        <v>1</v>
      </c>
      <c r="C109904" s="14" t="s">
        <v>191</v>
      </c>
      <c r="D109904" s="14" t="s">
        <v>528</v>
      </c>
      <c r="E109904" s="15">
        <v>45415</v>
      </c>
      <c r="F109904" s="14" t="s">
        <v>28</v>
      </c>
      <c r="G109904" s="16">
        <v>0</v>
      </c>
    </row>
    <row r="109905" spans="1:7" x14ac:dyDescent="0.3">
      <c r="A109905" s="13" t="s">
        <v>527</v>
      </c>
      <c r="B109905" s="14" t="s">
        <v>1</v>
      </c>
      <c r="C109905" s="14" t="s">
        <v>191</v>
      </c>
      <c r="D109905" s="14" t="s">
        <v>528</v>
      </c>
      <c r="E109905" s="15">
        <v>45416</v>
      </c>
      <c r="F109905" s="14" t="s">
        <v>28</v>
      </c>
      <c r="G109905" s="16">
        <v>0</v>
      </c>
    </row>
    <row r="109906" spans="1:7" x14ac:dyDescent="0.3">
      <c r="A109906" s="13" t="s">
        <v>527</v>
      </c>
      <c r="B109906" s="14" t="s">
        <v>1</v>
      </c>
      <c r="C109906" s="14" t="s">
        <v>191</v>
      </c>
      <c r="D109906" s="14" t="s">
        <v>528</v>
      </c>
      <c r="E109906" s="15">
        <v>45417</v>
      </c>
      <c r="F109906" s="14" t="s">
        <v>28</v>
      </c>
      <c r="G109906" s="16">
        <v>0</v>
      </c>
    </row>
    <row r="109907" spans="1:7" x14ac:dyDescent="0.3">
      <c r="A109907" s="13" t="s">
        <v>527</v>
      </c>
      <c r="B109907" s="14" t="s">
        <v>1</v>
      </c>
      <c r="C109907" s="14" t="s">
        <v>191</v>
      </c>
      <c r="D109907" s="14" t="s">
        <v>528</v>
      </c>
      <c r="E109907" s="15">
        <v>45418</v>
      </c>
      <c r="F109907" s="14" t="s">
        <v>28</v>
      </c>
      <c r="G109907" s="16">
        <v>0</v>
      </c>
    </row>
    <row r="109908" spans="1:7" x14ac:dyDescent="0.3">
      <c r="A109908" s="13" t="s">
        <v>527</v>
      </c>
      <c r="B109908" s="14" t="s">
        <v>1</v>
      </c>
      <c r="C109908" s="14" t="s">
        <v>191</v>
      </c>
      <c r="D109908" s="14" t="s">
        <v>528</v>
      </c>
      <c r="E109908" s="15">
        <v>45419</v>
      </c>
      <c r="F109908" s="14" t="s">
        <v>28</v>
      </c>
      <c r="G109908" s="16">
        <v>2.1691862002458647E-2</v>
      </c>
    </row>
    <row r="109909" spans="1:7" x14ac:dyDescent="0.3">
      <c r="A109909" s="13" t="s">
        <v>527</v>
      </c>
      <c r="B109909" s="14" t="s">
        <v>1</v>
      </c>
      <c r="C109909" s="14" t="s">
        <v>191</v>
      </c>
      <c r="D109909" s="14" t="s">
        <v>528</v>
      </c>
      <c r="E109909" s="15">
        <v>45420</v>
      </c>
      <c r="F109909" s="14" t="s">
        <v>28</v>
      </c>
      <c r="G109909" s="16">
        <v>4.7239770300535604E-2</v>
      </c>
    </row>
    <row r="109910" spans="1:7" x14ac:dyDescent="0.3">
      <c r="A109910" s="13" t="s">
        <v>527</v>
      </c>
      <c r="B109910" s="14" t="s">
        <v>1</v>
      </c>
      <c r="C109910" s="14" t="s">
        <v>191</v>
      </c>
      <c r="D109910" s="14" t="s">
        <v>528</v>
      </c>
      <c r="E109910" s="15">
        <v>45421</v>
      </c>
      <c r="F109910" s="14" t="s">
        <v>28</v>
      </c>
      <c r="G109910" s="16">
        <v>4.5465113526769275E-2</v>
      </c>
    </row>
    <row r="109911" spans="1:7" x14ac:dyDescent="0.3">
      <c r="A109911" s="13" t="s">
        <v>527</v>
      </c>
      <c r="B109911" s="14" t="s">
        <v>1</v>
      </c>
      <c r="C109911" s="14" t="s">
        <v>191</v>
      </c>
      <c r="D109911" s="14" t="s">
        <v>528</v>
      </c>
      <c r="E109911" s="15">
        <v>45422</v>
      </c>
      <c r="F109911" s="14" t="s">
        <v>28</v>
      </c>
      <c r="G109911" s="16">
        <v>4.3876207974078978E-2</v>
      </c>
    </row>
    <row r="109912" spans="1:7" x14ac:dyDescent="0.3">
      <c r="A109912" s="13" t="s">
        <v>527</v>
      </c>
      <c r="B109912" s="14" t="s">
        <v>1</v>
      </c>
      <c r="C109912" s="14" t="s">
        <v>191</v>
      </c>
      <c r="D109912" s="14" t="s">
        <v>528</v>
      </c>
      <c r="E109912" s="15">
        <v>45423</v>
      </c>
      <c r="F109912" s="14" t="s">
        <v>28</v>
      </c>
      <c r="G109912" s="16">
        <v>4.3876207974078978E-2</v>
      </c>
    </row>
    <row r="109913" spans="1:7" x14ac:dyDescent="0.3">
      <c r="A109913" s="13" t="s">
        <v>527</v>
      </c>
      <c r="B109913" s="14" t="s">
        <v>1</v>
      </c>
      <c r="C109913" s="14" t="s">
        <v>191</v>
      </c>
      <c r="D109913" s="14" t="s">
        <v>528</v>
      </c>
      <c r="E109913" s="15">
        <v>45424</v>
      </c>
      <c r="F109913" s="14" t="s">
        <v>28</v>
      </c>
      <c r="G109913" s="16">
        <v>4.3876207974078978E-2</v>
      </c>
    </row>
    <row r="109914" spans="1:7" x14ac:dyDescent="0.3">
      <c r="A109914" s="13" t="s">
        <v>527</v>
      </c>
      <c r="B109914" s="14" t="s">
        <v>1</v>
      </c>
      <c r="C109914" s="14" t="s">
        <v>191</v>
      </c>
      <c r="D109914" s="14" t="s">
        <v>528</v>
      </c>
      <c r="E109914" s="15">
        <v>45425</v>
      </c>
      <c r="F109914" s="14" t="s">
        <v>28</v>
      </c>
      <c r="G109914" s="16">
        <v>4.2204046745698741E-2</v>
      </c>
    </row>
    <row r="109915" spans="1:7" x14ac:dyDescent="0.3">
      <c r="A109915" s="13" t="s">
        <v>527</v>
      </c>
      <c r="B109915" s="14" t="s">
        <v>1</v>
      </c>
      <c r="C109915" s="14" t="s">
        <v>191</v>
      </c>
      <c r="D109915" s="14" t="s">
        <v>528</v>
      </c>
      <c r="E109915" s="15">
        <v>45426</v>
      </c>
      <c r="F109915" s="14" t="s">
        <v>28</v>
      </c>
      <c r="G109915" s="16">
        <v>3.7186798754257323E-2</v>
      </c>
    </row>
    <row r="109916" spans="1:7" x14ac:dyDescent="0.3">
      <c r="A109916" s="13" t="s">
        <v>527</v>
      </c>
      <c r="B109916" s="14" t="s">
        <v>1</v>
      </c>
      <c r="C109916" s="14" t="s">
        <v>191</v>
      </c>
      <c r="D109916" s="14" t="s">
        <v>528</v>
      </c>
      <c r="E109916" s="15">
        <v>45427</v>
      </c>
      <c r="F109916" s="14" t="s">
        <v>28</v>
      </c>
      <c r="G109916" s="16">
        <v>3.5356284902723231E-2</v>
      </c>
    </row>
    <row r="109917" spans="1:7" x14ac:dyDescent="0.3">
      <c r="A109917" s="13" t="s">
        <v>527</v>
      </c>
      <c r="B109917" s="14" t="s">
        <v>1</v>
      </c>
      <c r="C109917" s="14" t="s">
        <v>191</v>
      </c>
      <c r="D109917" s="14" t="s">
        <v>528</v>
      </c>
      <c r="E109917" s="15">
        <v>45428</v>
      </c>
      <c r="F109917" s="14" t="s">
        <v>28</v>
      </c>
      <c r="G109917" s="16">
        <v>3.3727086396266676E-2</v>
      </c>
    </row>
    <row r="109918" spans="1:7" x14ac:dyDescent="0.3">
      <c r="A109918" s="13" t="s">
        <v>527</v>
      </c>
      <c r="B109918" s="14" t="s">
        <v>1</v>
      </c>
      <c r="C109918" s="14" t="s">
        <v>191</v>
      </c>
      <c r="D109918" s="14" t="s">
        <v>528</v>
      </c>
      <c r="E109918" s="15">
        <v>45429</v>
      </c>
      <c r="F109918" s="14" t="s">
        <v>28</v>
      </c>
      <c r="G109918" s="16">
        <v>3.4163730727124808E-2</v>
      </c>
    </row>
    <row r="109919" spans="1:7" x14ac:dyDescent="0.3">
      <c r="A109919" s="13" t="s">
        <v>527</v>
      </c>
      <c r="B109919" s="14" t="s">
        <v>1</v>
      </c>
      <c r="C109919" s="14" t="s">
        <v>191</v>
      </c>
      <c r="D109919" s="14" t="s">
        <v>528</v>
      </c>
      <c r="E109919" s="15">
        <v>45430</v>
      </c>
      <c r="F109919" s="14" t="s">
        <v>28</v>
      </c>
      <c r="G109919" s="16">
        <v>3.4163730727124808E-2</v>
      </c>
    </row>
    <row r="109920" spans="1:7" x14ac:dyDescent="0.3">
      <c r="A109920" s="13" t="s">
        <v>527</v>
      </c>
      <c r="B109920" s="14" t="s">
        <v>1</v>
      </c>
      <c r="C109920" s="14" t="s">
        <v>191</v>
      </c>
      <c r="D109920" s="14" t="s">
        <v>528</v>
      </c>
      <c r="E109920" s="15">
        <v>45431</v>
      </c>
      <c r="F109920" s="14" t="s">
        <v>28</v>
      </c>
      <c r="G109920" s="16">
        <v>3.4163730727124808E-2</v>
      </c>
    </row>
    <row r="109921" spans="1:7" x14ac:dyDescent="0.3">
      <c r="A109921" s="13" t="s">
        <v>527</v>
      </c>
      <c r="B109921" s="14" t="s">
        <v>1</v>
      </c>
      <c r="C109921" s="14" t="s">
        <v>191</v>
      </c>
      <c r="D109921" s="14" t="s">
        <v>528</v>
      </c>
      <c r="E109921" s="15">
        <v>45432</v>
      </c>
      <c r="F109921" s="14" t="s">
        <v>28</v>
      </c>
      <c r="G109921" s="16">
        <v>3.2508146451173191E-2</v>
      </c>
    </row>
    <row r="109922" spans="1:7" x14ac:dyDescent="0.3">
      <c r="A109922" s="13" t="s">
        <v>527</v>
      </c>
      <c r="B109922" s="14" t="s">
        <v>1</v>
      </c>
      <c r="C109922" s="14" t="s">
        <v>191</v>
      </c>
      <c r="D109922" s="14" t="s">
        <v>528</v>
      </c>
      <c r="E109922" s="15">
        <v>45433</v>
      </c>
      <c r="F109922" s="14" t="s">
        <v>28</v>
      </c>
      <c r="G109922" s="16">
        <v>2.7473834604276333E-2</v>
      </c>
    </row>
    <row r="109923" spans="1:7" x14ac:dyDescent="0.3">
      <c r="A109923" s="13" t="s">
        <v>527</v>
      </c>
      <c r="B109923" s="14" t="s">
        <v>1</v>
      </c>
      <c r="C109923" s="14" t="s">
        <v>191</v>
      </c>
      <c r="D109923" s="14" t="s">
        <v>528</v>
      </c>
      <c r="E109923" s="15">
        <v>45434</v>
      </c>
      <c r="F109923" s="14" t="s">
        <v>28</v>
      </c>
      <c r="G109923" s="16">
        <v>2.7473834604276333E-2</v>
      </c>
    </row>
    <row r="109924" spans="1:7" x14ac:dyDescent="0.3">
      <c r="A109924" s="13" t="s">
        <v>527</v>
      </c>
      <c r="B109924" s="14" t="s">
        <v>1</v>
      </c>
      <c r="C109924" s="14" t="s">
        <v>191</v>
      </c>
      <c r="D109924" s="14" t="s">
        <v>528</v>
      </c>
      <c r="E109924" s="15">
        <v>45435</v>
      </c>
      <c r="F109924" s="14" t="s">
        <v>28</v>
      </c>
      <c r="G109924" s="16">
        <v>2.5875643206067792E-2</v>
      </c>
    </row>
    <row r="109925" spans="1:7" x14ac:dyDescent="0.3">
      <c r="A109925" s="13" t="s">
        <v>527</v>
      </c>
      <c r="B109925" s="14" t="s">
        <v>1</v>
      </c>
      <c r="C109925" s="14" t="s">
        <v>191</v>
      </c>
      <c r="D109925" s="14" t="s">
        <v>528</v>
      </c>
      <c r="E109925" s="15">
        <v>45436</v>
      </c>
      <c r="F109925" s="14" t="s">
        <v>28</v>
      </c>
      <c r="G109925" s="16">
        <v>2.2496855123855287E-2</v>
      </c>
    </row>
    <row r="109926" spans="1:7" x14ac:dyDescent="0.3">
      <c r="A109926" s="13" t="s">
        <v>527</v>
      </c>
      <c r="B109926" s="14" t="s">
        <v>1</v>
      </c>
      <c r="C109926" s="14" t="s">
        <v>191</v>
      </c>
      <c r="D109926" s="14" t="s">
        <v>528</v>
      </c>
      <c r="E109926" s="15">
        <v>45437</v>
      </c>
      <c r="F109926" s="14" t="s">
        <v>28</v>
      </c>
      <c r="G109926" s="16">
        <v>2.2496855123855287E-2</v>
      </c>
    </row>
    <row r="109927" spans="1:7" x14ac:dyDescent="0.3">
      <c r="A109927" s="13" t="s">
        <v>527</v>
      </c>
      <c r="B109927" s="14" t="s">
        <v>1</v>
      </c>
      <c r="C109927" s="14" t="s">
        <v>191</v>
      </c>
      <c r="D109927" s="14" t="s">
        <v>528</v>
      </c>
      <c r="E109927" s="15">
        <v>45438</v>
      </c>
      <c r="F109927" s="14" t="s">
        <v>28</v>
      </c>
      <c r="G109927" s="16">
        <v>2.2496855123855287E-2</v>
      </c>
    </row>
    <row r="109928" spans="1:7" x14ac:dyDescent="0.3">
      <c r="A109928" s="13" t="s">
        <v>527</v>
      </c>
      <c r="B109928" s="14" t="s">
        <v>1</v>
      </c>
      <c r="C109928" s="14" t="s">
        <v>191</v>
      </c>
      <c r="D109928" s="14" t="s">
        <v>528</v>
      </c>
      <c r="E109928" s="15">
        <v>45439</v>
      </c>
      <c r="F109928" s="14" t="s">
        <v>28</v>
      </c>
      <c r="G109928" s="16">
        <v>2.0846590429421736E-2</v>
      </c>
    </row>
    <row r="109929" spans="1:7" x14ac:dyDescent="0.3">
      <c r="A109929" s="13" t="s">
        <v>527</v>
      </c>
      <c r="B109929" s="14" t="s">
        <v>1</v>
      </c>
      <c r="C109929" s="14" t="s">
        <v>191</v>
      </c>
      <c r="D109929" s="14" t="s">
        <v>528</v>
      </c>
      <c r="E109929" s="15">
        <v>45440</v>
      </c>
      <c r="F109929" s="14" t="s">
        <v>28</v>
      </c>
      <c r="G109929" s="16">
        <v>1.5959836028905716E-2</v>
      </c>
    </row>
    <row r="109930" spans="1:7" x14ac:dyDescent="0.3">
      <c r="A109930" s="13" t="s">
        <v>527</v>
      </c>
      <c r="B109930" s="14" t="s">
        <v>1</v>
      </c>
      <c r="C109930" s="14" t="s">
        <v>191</v>
      </c>
      <c r="D109930" s="14" t="s">
        <v>528</v>
      </c>
      <c r="E109930" s="15">
        <v>45441</v>
      </c>
      <c r="F109930" s="14" t="s">
        <v>28</v>
      </c>
      <c r="G109930" s="16">
        <v>1.4352034896871231E-2</v>
      </c>
    </row>
    <row r="109931" spans="1:7" x14ac:dyDescent="0.3">
      <c r="A109931" s="13" t="s">
        <v>527</v>
      </c>
      <c r="B109931" s="14" t="s">
        <v>1</v>
      </c>
      <c r="C109931" s="14" t="s">
        <v>191</v>
      </c>
      <c r="D109931" s="14" t="s">
        <v>528</v>
      </c>
      <c r="E109931" s="15">
        <v>45442</v>
      </c>
      <c r="F109931" s="14" t="s">
        <v>28</v>
      </c>
      <c r="G109931" s="16">
        <v>1.2688320891134711E-2</v>
      </c>
    </row>
    <row r="109932" spans="1:7" x14ac:dyDescent="0.3">
      <c r="A109932" s="13" t="s">
        <v>527</v>
      </c>
      <c r="B109932" s="14" t="s">
        <v>1</v>
      </c>
      <c r="C109932" s="14" t="s">
        <v>191</v>
      </c>
      <c r="D109932" s="14" t="s">
        <v>528</v>
      </c>
      <c r="E109932" s="15">
        <v>45443</v>
      </c>
      <c r="F109932" s="14" t="s">
        <v>28</v>
      </c>
      <c r="G109932" s="16">
        <v>4.1232369783323022E-2</v>
      </c>
    </row>
    <row r="109933" spans="1:7" x14ac:dyDescent="0.3">
      <c r="A109933" s="13" t="s">
        <v>527</v>
      </c>
      <c r="B109933" s="14" t="s">
        <v>1</v>
      </c>
      <c r="C109933" s="14" t="s">
        <v>191</v>
      </c>
      <c r="D109933" s="14" t="s">
        <v>528</v>
      </c>
      <c r="E109933" s="15">
        <v>45444</v>
      </c>
      <c r="F109933" s="14" t="s">
        <v>28</v>
      </c>
      <c r="G109933" s="16">
        <v>4.1232369783323022E-2</v>
      </c>
    </row>
    <row r="109934" spans="1:7" x14ac:dyDescent="0.3">
      <c r="A109934" s="13" t="s">
        <v>527</v>
      </c>
      <c r="B109934" s="14" t="s">
        <v>1</v>
      </c>
      <c r="C109934" s="14" t="s">
        <v>191</v>
      </c>
      <c r="D109934" s="14" t="s">
        <v>528</v>
      </c>
      <c r="E109934" s="15">
        <v>45445</v>
      </c>
      <c r="F109934" s="14" t="s">
        <v>28</v>
      </c>
      <c r="G109934" s="16">
        <v>4.1232369783323022E-2</v>
      </c>
    </row>
    <row r="109935" spans="1:7" x14ac:dyDescent="0.3">
      <c r="A109935" s="13" t="s">
        <v>527</v>
      </c>
      <c r="B109935" s="14" t="s">
        <v>1</v>
      </c>
      <c r="C109935" s="14" t="s">
        <v>191</v>
      </c>
      <c r="D109935" s="14" t="s">
        <v>528</v>
      </c>
      <c r="E109935" s="15">
        <v>45446</v>
      </c>
      <c r="F109935" s="14" t="s">
        <v>28</v>
      </c>
      <c r="G109935" s="16">
        <v>4.1232369783323022E-2</v>
      </c>
    </row>
    <row r="109936" spans="1:7" x14ac:dyDescent="0.3">
      <c r="A109936" s="13" t="s">
        <v>527</v>
      </c>
      <c r="B109936" s="14" t="s">
        <v>1</v>
      </c>
      <c r="C109936" s="14" t="s">
        <v>191</v>
      </c>
      <c r="D109936" s="14" t="s">
        <v>528</v>
      </c>
      <c r="E109936" s="15">
        <v>45447</v>
      </c>
      <c r="F109936" s="14" t="s">
        <v>28</v>
      </c>
      <c r="G109936" s="16">
        <v>3.9481170467032513E-2</v>
      </c>
    </row>
    <row r="109937" spans="1:7" x14ac:dyDescent="0.3">
      <c r="A109937" s="13" t="s">
        <v>527</v>
      </c>
      <c r="B109937" s="14" t="s">
        <v>1</v>
      </c>
      <c r="C109937" s="14" t="s">
        <v>191</v>
      </c>
      <c r="D109937" s="14" t="s">
        <v>528</v>
      </c>
      <c r="E109937" s="15">
        <v>45448</v>
      </c>
      <c r="F109937" s="14" t="s">
        <v>28</v>
      </c>
      <c r="G109937" s="16">
        <v>3.3767186674303423E-2</v>
      </c>
    </row>
    <row r="109938" spans="1:7" x14ac:dyDescent="0.3">
      <c r="A109938" s="13" t="s">
        <v>527</v>
      </c>
      <c r="B109938" s="14" t="s">
        <v>1</v>
      </c>
      <c r="C109938" s="14" t="s">
        <v>191</v>
      </c>
      <c r="D109938" s="14" t="s">
        <v>528</v>
      </c>
      <c r="E109938" s="15">
        <v>45449</v>
      </c>
      <c r="F109938" s="14" t="s">
        <v>28</v>
      </c>
      <c r="G109938" s="16">
        <v>3.2060710693735492E-2</v>
      </c>
    </row>
    <row r="109939" spans="1:7" x14ac:dyDescent="0.3">
      <c r="A109939" s="13" t="s">
        <v>527</v>
      </c>
      <c r="B109939" s="14" t="s">
        <v>1</v>
      </c>
      <c r="C109939" s="14" t="s">
        <v>191</v>
      </c>
      <c r="D109939" s="14" t="s">
        <v>528</v>
      </c>
      <c r="E109939" s="15">
        <v>45450</v>
      </c>
      <c r="F109939" s="14" t="s">
        <v>28</v>
      </c>
      <c r="G109939" s="16">
        <v>3.0544316728403999E-2</v>
      </c>
    </row>
    <row r="109940" spans="1:7" x14ac:dyDescent="0.3">
      <c r="A109940" s="13" t="s">
        <v>527</v>
      </c>
      <c r="B109940" s="14" t="s">
        <v>1</v>
      </c>
      <c r="C109940" s="14" t="s">
        <v>191</v>
      </c>
      <c r="D109940" s="14" t="s">
        <v>528</v>
      </c>
      <c r="E109940" s="15">
        <v>45451</v>
      </c>
      <c r="F109940" s="14" t="s">
        <v>28</v>
      </c>
      <c r="G109940" s="16">
        <v>3.0544316728403999E-2</v>
      </c>
    </row>
    <row r="109941" spans="1:7" x14ac:dyDescent="0.3">
      <c r="A109941" s="13" t="s">
        <v>527</v>
      </c>
      <c r="B109941" s="14" t="s">
        <v>1</v>
      </c>
      <c r="C109941" s="14" t="s">
        <v>191</v>
      </c>
      <c r="D109941" s="14" t="s">
        <v>528</v>
      </c>
      <c r="E109941" s="15">
        <v>45452</v>
      </c>
      <c r="F109941" s="14" t="s">
        <v>28</v>
      </c>
      <c r="G109941" s="16">
        <v>3.0544316728403999E-2</v>
      </c>
    </row>
    <row r="109942" spans="1:7" x14ac:dyDescent="0.3">
      <c r="A109942" s="13" t="s">
        <v>527</v>
      </c>
      <c r="B109942" s="14" t="s">
        <v>1</v>
      </c>
      <c r="C109942" s="14" t="s">
        <v>191</v>
      </c>
      <c r="D109942" s="14" t="s">
        <v>528</v>
      </c>
      <c r="E109942" s="15">
        <v>45453</v>
      </c>
      <c r="F109942" s="14" t="s">
        <v>28</v>
      </c>
      <c r="G109942" s="16">
        <v>3.4480828679590791E-2</v>
      </c>
    </row>
    <row r="109943" spans="1:7" x14ac:dyDescent="0.3">
      <c r="A109943" s="13" t="s">
        <v>527</v>
      </c>
      <c r="B109943" s="14" t="s">
        <v>1</v>
      </c>
      <c r="C109943" s="14" t="s">
        <v>191</v>
      </c>
      <c r="D109943" s="14" t="s">
        <v>528</v>
      </c>
      <c r="E109943" s="15">
        <v>45454</v>
      </c>
      <c r="F109943" s="14" t="s">
        <v>28</v>
      </c>
      <c r="G109943" s="16">
        <v>2.9513432319002868E-2</v>
      </c>
    </row>
    <row r="109944" spans="1:7" x14ac:dyDescent="0.3">
      <c r="A109944" s="13" t="s">
        <v>527</v>
      </c>
      <c r="B109944" s="14" t="s">
        <v>1</v>
      </c>
      <c r="C109944" s="14" t="s">
        <v>191</v>
      </c>
      <c r="D109944" s="14" t="s">
        <v>528</v>
      </c>
      <c r="E109944" s="15">
        <v>45455</v>
      </c>
      <c r="F109944" s="14" t="s">
        <v>28</v>
      </c>
      <c r="G109944" s="16">
        <v>2.7763070820329132E-2</v>
      </c>
    </row>
    <row r="109945" spans="1:7" x14ac:dyDescent="0.3">
      <c r="A109945" s="13" t="s">
        <v>527</v>
      </c>
      <c r="B109945" s="14" t="s">
        <v>1</v>
      </c>
      <c r="C109945" s="14" t="s">
        <v>191</v>
      </c>
      <c r="D109945" s="14" t="s">
        <v>528</v>
      </c>
      <c r="E109945" s="15">
        <v>45456</v>
      </c>
      <c r="F109945" s="14" t="s">
        <v>28</v>
      </c>
      <c r="G109945" s="16">
        <v>2.6241220143542143E-2</v>
      </c>
    </row>
    <row r="109946" spans="1:7" x14ac:dyDescent="0.3">
      <c r="A109946" s="13" t="s">
        <v>527</v>
      </c>
      <c r="B109946" s="14" t="s">
        <v>1</v>
      </c>
      <c r="C109946" s="14" t="s">
        <v>191</v>
      </c>
      <c r="D109946" s="14" t="s">
        <v>528</v>
      </c>
      <c r="E109946" s="15">
        <v>45457</v>
      </c>
      <c r="F109946" s="14" t="s">
        <v>28</v>
      </c>
      <c r="G109946" s="16">
        <v>2.4682415135890739E-2</v>
      </c>
    </row>
    <row r="109947" spans="1:7" x14ac:dyDescent="0.3">
      <c r="A109947" s="13" t="s">
        <v>527</v>
      </c>
      <c r="B109947" s="14" t="s">
        <v>1</v>
      </c>
      <c r="C109947" s="14" t="s">
        <v>191</v>
      </c>
      <c r="D109947" s="14" t="s">
        <v>528</v>
      </c>
      <c r="E109947" s="15">
        <v>45458</v>
      </c>
      <c r="F109947" s="14" t="s">
        <v>28</v>
      </c>
      <c r="G109947" s="16">
        <v>2.4682415135890739E-2</v>
      </c>
    </row>
    <row r="109948" spans="1:7" x14ac:dyDescent="0.3">
      <c r="A109948" s="13" t="s">
        <v>527</v>
      </c>
      <c r="B109948" s="14" t="s">
        <v>1</v>
      </c>
      <c r="C109948" s="14" t="s">
        <v>191</v>
      </c>
      <c r="D109948" s="14" t="s">
        <v>528</v>
      </c>
      <c r="E109948" s="15">
        <v>45459</v>
      </c>
      <c r="F109948" s="14" t="s">
        <v>28</v>
      </c>
      <c r="G109948" s="16">
        <v>2.4682415135890739E-2</v>
      </c>
    </row>
    <row r="109949" spans="1:7" x14ac:dyDescent="0.3">
      <c r="A109949" s="13" t="s">
        <v>527</v>
      </c>
      <c r="B109949" s="14" t="s">
        <v>1</v>
      </c>
      <c r="C109949" s="14" t="s">
        <v>191</v>
      </c>
      <c r="D109949" s="14" t="s">
        <v>528</v>
      </c>
      <c r="E109949" s="15">
        <v>45460</v>
      </c>
      <c r="F109949" s="14" t="s">
        <v>28</v>
      </c>
      <c r="G109949" s="16">
        <v>2.4682415135890739E-2</v>
      </c>
    </row>
    <row r="109950" spans="1:7" x14ac:dyDescent="0.3">
      <c r="A109950" s="13" t="s">
        <v>527</v>
      </c>
      <c r="B109950" s="14" t="s">
        <v>1</v>
      </c>
      <c r="C109950" s="14" t="s">
        <v>191</v>
      </c>
      <c r="D109950" s="14" t="s">
        <v>528</v>
      </c>
      <c r="E109950" s="15">
        <v>45461</v>
      </c>
      <c r="F109950" s="14" t="s">
        <v>28</v>
      </c>
      <c r="G109950" s="16">
        <v>1.9582358264017233E-2</v>
      </c>
    </row>
    <row r="109951" spans="1:7" x14ac:dyDescent="0.3">
      <c r="A109951" s="13" t="s">
        <v>527</v>
      </c>
      <c r="B109951" s="14" t="s">
        <v>1</v>
      </c>
      <c r="C109951" s="14" t="s">
        <v>191</v>
      </c>
      <c r="D109951" s="14" t="s">
        <v>528</v>
      </c>
      <c r="E109951" s="15">
        <v>45462</v>
      </c>
      <c r="F109951" s="14" t="s">
        <v>28</v>
      </c>
      <c r="G109951" s="16">
        <v>1.3165084232876476E-2</v>
      </c>
    </row>
    <row r="109952" spans="1:7" x14ac:dyDescent="0.3">
      <c r="A109952" s="13" t="s">
        <v>527</v>
      </c>
      <c r="B109952" s="14" t="s">
        <v>1</v>
      </c>
      <c r="C109952" s="14" t="s">
        <v>191</v>
      </c>
      <c r="D109952" s="14" t="s">
        <v>528</v>
      </c>
      <c r="E109952" s="15">
        <v>45463</v>
      </c>
      <c r="F109952" s="14" t="s">
        <v>28</v>
      </c>
      <c r="G109952" s="16">
        <v>1.1604750957011929E-2</v>
      </c>
    </row>
    <row r="109953" spans="1:7" x14ac:dyDescent="0.3">
      <c r="A109953" s="13" t="s">
        <v>527</v>
      </c>
      <c r="B109953" s="14" t="s">
        <v>1</v>
      </c>
      <c r="C109953" s="14" t="s">
        <v>191</v>
      </c>
      <c r="D109953" s="14" t="s">
        <v>528</v>
      </c>
      <c r="E109953" s="15">
        <v>45464</v>
      </c>
      <c r="F109953" s="14" t="s">
        <v>28</v>
      </c>
      <c r="G109953" s="16">
        <v>9.9936973001998088E-3</v>
      </c>
    </row>
    <row r="109954" spans="1:7" x14ac:dyDescent="0.3">
      <c r="A109954" s="13" t="s">
        <v>527</v>
      </c>
      <c r="B109954" s="14" t="s">
        <v>1</v>
      </c>
      <c r="C109954" s="14" t="s">
        <v>191</v>
      </c>
      <c r="D109954" s="14" t="s">
        <v>528</v>
      </c>
      <c r="E109954" s="15">
        <v>45465</v>
      </c>
      <c r="F109954" s="14" t="s">
        <v>28</v>
      </c>
      <c r="G109954" s="16">
        <v>9.9936973001998088E-3</v>
      </c>
    </row>
    <row r="109955" spans="1:7" x14ac:dyDescent="0.3">
      <c r="A109955" s="13" t="s">
        <v>527</v>
      </c>
      <c r="B109955" s="14" t="s">
        <v>1</v>
      </c>
      <c r="C109955" s="14" t="s">
        <v>191</v>
      </c>
      <c r="D109955" s="14" t="s">
        <v>528</v>
      </c>
      <c r="E109955" s="15">
        <v>45466</v>
      </c>
      <c r="F109955" s="14" t="s">
        <v>28</v>
      </c>
      <c r="G109955" s="16">
        <v>9.9936973001998088E-3</v>
      </c>
    </row>
    <row r="109956" spans="1:7" x14ac:dyDescent="0.3">
      <c r="A109956" s="13" t="s">
        <v>527</v>
      </c>
      <c r="B109956" s="14" t="s">
        <v>1</v>
      </c>
      <c r="C109956" s="14" t="s">
        <v>191</v>
      </c>
      <c r="D109956" s="14" t="s">
        <v>528</v>
      </c>
      <c r="E109956" s="15">
        <v>45467</v>
      </c>
      <c r="F109956" s="14" t="s">
        <v>28</v>
      </c>
      <c r="G109956" s="16">
        <v>8.3726648145685204E-3</v>
      </c>
    </row>
    <row r="109957" spans="1:7" x14ac:dyDescent="0.3">
      <c r="A109957" s="13" t="s">
        <v>527</v>
      </c>
      <c r="B109957" s="14" t="s">
        <v>1</v>
      </c>
      <c r="C109957" s="14" t="s">
        <v>191</v>
      </c>
      <c r="D109957" s="14" t="s">
        <v>528</v>
      </c>
      <c r="E109957" s="15">
        <v>45468</v>
      </c>
      <c r="F109957" s="14" t="s">
        <v>28</v>
      </c>
      <c r="G109957" s="16">
        <v>0</v>
      </c>
    </row>
    <row r="109958" spans="1:7" x14ac:dyDescent="0.3">
      <c r="A109958" s="13" t="s">
        <v>527</v>
      </c>
      <c r="B109958" s="14" t="s">
        <v>1</v>
      </c>
      <c r="C109958" s="14" t="s">
        <v>191</v>
      </c>
      <c r="D109958" s="14" t="s">
        <v>528</v>
      </c>
      <c r="E109958" s="15">
        <v>45469</v>
      </c>
      <c r="F109958" s="14" t="s">
        <v>28</v>
      </c>
      <c r="G109958" s="16">
        <v>0</v>
      </c>
    </row>
    <row r="109959" spans="1:7" x14ac:dyDescent="0.3">
      <c r="A109959" s="13" t="s">
        <v>527</v>
      </c>
      <c r="B109959" s="14" t="s">
        <v>1</v>
      </c>
      <c r="C109959" s="14" t="s">
        <v>191</v>
      </c>
      <c r="D109959" s="14" t="s">
        <v>528</v>
      </c>
      <c r="E109959" s="15">
        <v>45470</v>
      </c>
      <c r="F109959" s="14" t="s">
        <v>28</v>
      </c>
      <c r="G109959" s="16">
        <v>0</v>
      </c>
    </row>
    <row r="109960" spans="1:7" x14ac:dyDescent="0.3">
      <c r="A109960" s="13" t="s">
        <v>527</v>
      </c>
      <c r="B109960" s="14" t="s">
        <v>1</v>
      </c>
      <c r="C109960" s="14" t="s">
        <v>191</v>
      </c>
      <c r="D109960" s="14" t="s">
        <v>528</v>
      </c>
      <c r="E109960" s="15">
        <v>45471</v>
      </c>
      <c r="F109960" s="14" t="s">
        <v>28</v>
      </c>
      <c r="G109960" s="16">
        <v>0.55859215454424915</v>
      </c>
    </row>
    <row r="109961" spans="1:7" x14ac:dyDescent="0.3">
      <c r="A109961" s="13" t="s">
        <v>527</v>
      </c>
      <c r="B109961" s="14" t="s">
        <v>1</v>
      </c>
      <c r="C109961" s="14" t="s">
        <v>191</v>
      </c>
      <c r="D109961" s="14" t="s">
        <v>528</v>
      </c>
      <c r="E109961" s="15">
        <v>45472</v>
      </c>
      <c r="F109961" s="14" t="s">
        <v>28</v>
      </c>
      <c r="G109961" s="16">
        <v>0.55859215454424915</v>
      </c>
    </row>
    <row r="109962" spans="1:7" x14ac:dyDescent="0.3">
      <c r="A109962" s="13" t="s">
        <v>527</v>
      </c>
      <c r="B109962" s="14" t="s">
        <v>1</v>
      </c>
      <c r="C109962" s="14" t="s">
        <v>191</v>
      </c>
      <c r="D109962" s="14" t="s">
        <v>528</v>
      </c>
      <c r="E109962" s="15">
        <v>45473</v>
      </c>
      <c r="F109962" s="14" t="s">
        <v>28</v>
      </c>
      <c r="G109962" s="16">
        <v>0.55859215454424915</v>
      </c>
    </row>
    <row r="109963" spans="1:7" x14ac:dyDescent="0.3">
      <c r="A109963" s="13" t="s">
        <v>527</v>
      </c>
      <c r="B109963" s="14" t="s">
        <v>1</v>
      </c>
      <c r="C109963" s="14" t="s">
        <v>191</v>
      </c>
      <c r="D109963" s="14" t="s">
        <v>528</v>
      </c>
      <c r="E109963" s="15">
        <v>45474</v>
      </c>
      <c r="F109963" s="14" t="s">
        <v>28</v>
      </c>
      <c r="G109963" s="16">
        <v>0</v>
      </c>
    </row>
    <row r="109964" spans="1:7" x14ac:dyDescent="0.3">
      <c r="A109964" s="13" t="s">
        <v>527</v>
      </c>
      <c r="B109964" s="14" t="s">
        <v>1</v>
      </c>
      <c r="C109964" s="14" t="s">
        <v>191</v>
      </c>
      <c r="D109964" s="14" t="s">
        <v>528</v>
      </c>
      <c r="E109964" s="15">
        <v>45475</v>
      </c>
      <c r="F109964" s="14" t="s">
        <v>28</v>
      </c>
      <c r="G109964" s="16">
        <v>0</v>
      </c>
    </row>
    <row r="109965" spans="1:7" x14ac:dyDescent="0.3">
      <c r="A109965" s="13" t="s">
        <v>527</v>
      </c>
      <c r="B109965" s="14" t="s">
        <v>1</v>
      </c>
      <c r="C109965" s="14" t="s">
        <v>191</v>
      </c>
      <c r="D109965" s="14" t="s">
        <v>528</v>
      </c>
      <c r="E109965" s="15">
        <v>45476</v>
      </c>
      <c r="F109965" s="14" t="s">
        <v>28</v>
      </c>
      <c r="G109965" s="16">
        <v>0</v>
      </c>
    </row>
    <row r="109966" spans="1:7" x14ac:dyDescent="0.3">
      <c r="A109966" s="13" t="s">
        <v>527</v>
      </c>
      <c r="B109966" s="14" t="s">
        <v>1</v>
      </c>
      <c r="C109966" s="14" t="s">
        <v>191</v>
      </c>
      <c r="D109966" s="14" t="s">
        <v>528</v>
      </c>
      <c r="E109966" s="15">
        <v>45477</v>
      </c>
      <c r="F109966" s="14" t="s">
        <v>28</v>
      </c>
      <c r="G109966" s="16">
        <v>0</v>
      </c>
    </row>
    <row r="109967" spans="1:7" x14ac:dyDescent="0.3">
      <c r="A109967" s="13" t="s">
        <v>527</v>
      </c>
      <c r="B109967" s="14" t="s">
        <v>1</v>
      </c>
      <c r="C109967" s="14" t="s">
        <v>191</v>
      </c>
      <c r="D109967" s="14" t="s">
        <v>528</v>
      </c>
      <c r="E109967" s="15">
        <v>45478</v>
      </c>
      <c r="F109967" s="14" t="s">
        <v>28</v>
      </c>
      <c r="G109967" s="16">
        <v>0</v>
      </c>
    </row>
    <row r="109968" spans="1:7" x14ac:dyDescent="0.3">
      <c r="A109968" s="13" t="s">
        <v>527</v>
      </c>
      <c r="B109968" s="14" t="s">
        <v>1</v>
      </c>
      <c r="C109968" s="14" t="s">
        <v>191</v>
      </c>
      <c r="D109968" s="14" t="s">
        <v>528</v>
      </c>
      <c r="E109968" s="15">
        <v>45479</v>
      </c>
      <c r="F109968" s="14" t="s">
        <v>28</v>
      </c>
      <c r="G109968" s="16">
        <v>0</v>
      </c>
    </row>
    <row r="109969" spans="1:7" x14ac:dyDescent="0.3">
      <c r="A109969" s="13" t="s">
        <v>527</v>
      </c>
      <c r="B109969" s="14" t="s">
        <v>1</v>
      </c>
      <c r="C109969" s="14" t="s">
        <v>191</v>
      </c>
      <c r="D109969" s="14" t="s">
        <v>528</v>
      </c>
      <c r="E109969" s="15">
        <v>45480</v>
      </c>
      <c r="F109969" s="14" t="s">
        <v>28</v>
      </c>
      <c r="G109969" s="16">
        <v>0</v>
      </c>
    </row>
    <row r="109970" spans="1:7" x14ac:dyDescent="0.3">
      <c r="A109970" s="13" t="s">
        <v>527</v>
      </c>
      <c r="B109970" s="14" t="s">
        <v>1</v>
      </c>
      <c r="C109970" s="14" t="s">
        <v>191</v>
      </c>
      <c r="D109970" s="14" t="s">
        <v>528</v>
      </c>
      <c r="E109970" s="15">
        <v>45481</v>
      </c>
      <c r="F109970" s="14" t="s">
        <v>28</v>
      </c>
      <c r="G109970" s="16">
        <v>0</v>
      </c>
    </row>
    <row r="109971" spans="1:7" x14ac:dyDescent="0.3">
      <c r="A109971" s="13" t="s">
        <v>527</v>
      </c>
      <c r="B109971" s="14" t="s">
        <v>1</v>
      </c>
      <c r="C109971" s="14" t="s">
        <v>191</v>
      </c>
      <c r="D109971" s="14" t="s">
        <v>528</v>
      </c>
      <c r="E109971" s="15">
        <v>45482</v>
      </c>
      <c r="F109971" s="14" t="s">
        <v>28</v>
      </c>
      <c r="G109971" s="16">
        <v>0</v>
      </c>
    </row>
    <row r="109972" spans="1:7" x14ac:dyDescent="0.3">
      <c r="A109972" s="13" t="s">
        <v>527</v>
      </c>
      <c r="B109972" s="14" t="s">
        <v>1</v>
      </c>
      <c r="C109972" s="14" t="s">
        <v>191</v>
      </c>
      <c r="D109972" s="14" t="s">
        <v>528</v>
      </c>
      <c r="E109972" s="15">
        <v>45483</v>
      </c>
      <c r="F109972" s="14" t="s">
        <v>28</v>
      </c>
      <c r="G109972" s="16">
        <v>0</v>
      </c>
    </row>
    <row r="109973" spans="1:7" x14ac:dyDescent="0.3">
      <c r="A109973" s="13" t="s">
        <v>527</v>
      </c>
      <c r="B109973" s="14" t="s">
        <v>1</v>
      </c>
      <c r="C109973" s="14" t="s">
        <v>191</v>
      </c>
      <c r="D109973" s="14" t="s">
        <v>528</v>
      </c>
      <c r="E109973" s="15">
        <v>45484</v>
      </c>
      <c r="F109973" s="14" t="s">
        <v>28</v>
      </c>
      <c r="G109973" s="16">
        <v>0</v>
      </c>
    </row>
    <row r="109974" spans="1:7" x14ac:dyDescent="0.3">
      <c r="A109974" s="13" t="s">
        <v>527</v>
      </c>
      <c r="B109974" s="14" t="s">
        <v>1</v>
      </c>
      <c r="C109974" s="14" t="s">
        <v>191</v>
      </c>
      <c r="D109974" s="14" t="s">
        <v>528</v>
      </c>
      <c r="E109974" s="15">
        <v>45485</v>
      </c>
      <c r="F109974" s="14" t="s">
        <v>28</v>
      </c>
      <c r="G109974" s="16">
        <v>0</v>
      </c>
    </row>
    <row r="109975" spans="1:7" x14ac:dyDescent="0.3">
      <c r="A109975" s="13" t="s">
        <v>527</v>
      </c>
      <c r="B109975" s="14" t="s">
        <v>1</v>
      </c>
      <c r="C109975" s="14" t="s">
        <v>191</v>
      </c>
      <c r="D109975" s="14" t="s">
        <v>528</v>
      </c>
      <c r="E109975" s="15">
        <v>45486</v>
      </c>
      <c r="F109975" s="14" t="s">
        <v>28</v>
      </c>
      <c r="G109975" s="16">
        <v>0</v>
      </c>
    </row>
    <row r="109976" spans="1:7" x14ac:dyDescent="0.3">
      <c r="A109976" s="13" t="s">
        <v>527</v>
      </c>
      <c r="B109976" s="14" t="s">
        <v>1</v>
      </c>
      <c r="C109976" s="14" t="s">
        <v>191</v>
      </c>
      <c r="D109976" s="14" t="s">
        <v>528</v>
      </c>
      <c r="E109976" s="15">
        <v>45487</v>
      </c>
      <c r="F109976" s="14" t="s">
        <v>28</v>
      </c>
      <c r="G109976" s="16">
        <v>0</v>
      </c>
    </row>
    <row r="109977" spans="1:7" x14ac:dyDescent="0.3">
      <c r="A109977" s="13" t="s">
        <v>527</v>
      </c>
      <c r="B109977" s="14" t="s">
        <v>1</v>
      </c>
      <c r="C109977" s="14" t="s">
        <v>191</v>
      </c>
      <c r="D109977" s="14" t="s">
        <v>528</v>
      </c>
      <c r="E109977" s="15">
        <v>45488</v>
      </c>
      <c r="F109977" s="14" t="s">
        <v>28</v>
      </c>
      <c r="G109977" s="16">
        <v>0</v>
      </c>
    </row>
    <row r="109978" spans="1:7" x14ac:dyDescent="0.3">
      <c r="A109978" s="13" t="s">
        <v>527</v>
      </c>
      <c r="B109978" s="14" t="s">
        <v>1</v>
      </c>
      <c r="C109978" s="14" t="s">
        <v>191</v>
      </c>
      <c r="D109978" s="14" t="s">
        <v>528</v>
      </c>
      <c r="E109978" s="15">
        <v>45489</v>
      </c>
      <c r="F109978" s="14" t="s">
        <v>28</v>
      </c>
      <c r="G109978" s="16">
        <v>0</v>
      </c>
    </row>
    <row r="109979" spans="1:7" x14ac:dyDescent="0.3">
      <c r="A109979" s="13" t="s">
        <v>527</v>
      </c>
      <c r="B109979" s="14" t="s">
        <v>1</v>
      </c>
      <c r="C109979" s="14" t="s">
        <v>191</v>
      </c>
      <c r="D109979" s="14" t="s">
        <v>528</v>
      </c>
      <c r="E109979" s="15">
        <v>45490</v>
      </c>
      <c r="F109979" s="14" t="s">
        <v>28</v>
      </c>
      <c r="G109979" s="16">
        <v>0</v>
      </c>
    </row>
    <row r="109980" spans="1:7" x14ac:dyDescent="0.3">
      <c r="A109980" s="13" t="s">
        <v>527</v>
      </c>
      <c r="B109980" s="14" t="s">
        <v>1</v>
      </c>
      <c r="C109980" s="14" t="s">
        <v>191</v>
      </c>
      <c r="D109980" s="14" t="s">
        <v>528</v>
      </c>
      <c r="E109980" s="15">
        <v>45491</v>
      </c>
      <c r="F109980" s="14" t="s">
        <v>28</v>
      </c>
      <c r="G109980" s="16">
        <v>0</v>
      </c>
    </row>
    <row r="109981" spans="1:7" x14ac:dyDescent="0.3">
      <c r="A109981" s="13" t="s">
        <v>527</v>
      </c>
      <c r="B109981" s="14" t="s">
        <v>1</v>
      </c>
      <c r="C109981" s="14" t="s">
        <v>191</v>
      </c>
      <c r="D109981" s="14" t="s">
        <v>528</v>
      </c>
      <c r="E109981" s="15">
        <v>45492</v>
      </c>
      <c r="F109981" s="14" t="s">
        <v>28</v>
      </c>
      <c r="G109981" s="16">
        <v>0</v>
      </c>
    </row>
    <row r="109982" spans="1:7" x14ac:dyDescent="0.3">
      <c r="A109982" s="13" t="s">
        <v>527</v>
      </c>
      <c r="B109982" s="14" t="s">
        <v>1</v>
      </c>
      <c r="C109982" s="14" t="s">
        <v>191</v>
      </c>
      <c r="D109982" s="14" t="s">
        <v>528</v>
      </c>
      <c r="E109982" s="15">
        <v>45493</v>
      </c>
      <c r="F109982" s="14" t="s">
        <v>28</v>
      </c>
      <c r="G109982" s="16">
        <v>0</v>
      </c>
    </row>
    <row r="109983" spans="1:7" x14ac:dyDescent="0.3">
      <c r="A109983" s="13" t="s">
        <v>527</v>
      </c>
      <c r="B109983" s="14" t="s">
        <v>1</v>
      </c>
      <c r="C109983" s="14" t="s">
        <v>191</v>
      </c>
      <c r="D109983" s="14" t="s">
        <v>528</v>
      </c>
      <c r="E109983" s="15">
        <v>45494</v>
      </c>
      <c r="F109983" s="14" t="s">
        <v>28</v>
      </c>
      <c r="G109983" s="16">
        <v>0</v>
      </c>
    </row>
    <row r="109984" spans="1:7" x14ac:dyDescent="0.3">
      <c r="A109984" s="13" t="s">
        <v>527</v>
      </c>
      <c r="B109984" s="14" t="s">
        <v>1</v>
      </c>
      <c r="C109984" s="14" t="s">
        <v>191</v>
      </c>
      <c r="D109984" s="14" t="s">
        <v>528</v>
      </c>
      <c r="E109984" s="15">
        <v>45495</v>
      </c>
      <c r="F109984" s="14" t="s">
        <v>28</v>
      </c>
      <c r="G109984" s="16">
        <v>0</v>
      </c>
    </row>
    <row r="109985" spans="1:7" x14ac:dyDescent="0.3">
      <c r="A109985" s="13" t="s">
        <v>527</v>
      </c>
      <c r="B109985" s="14" t="s">
        <v>1</v>
      </c>
      <c r="C109985" s="14" t="s">
        <v>191</v>
      </c>
      <c r="D109985" s="14" t="s">
        <v>528</v>
      </c>
      <c r="E109985" s="15">
        <v>45496</v>
      </c>
      <c r="F109985" s="14" t="s">
        <v>28</v>
      </c>
      <c r="G109985" s="16">
        <v>0</v>
      </c>
    </row>
    <row r="109986" spans="1:7" x14ac:dyDescent="0.3">
      <c r="A109986" s="13" t="s">
        <v>527</v>
      </c>
      <c r="B109986" s="14" t="s">
        <v>1</v>
      </c>
      <c r="C109986" s="14" t="s">
        <v>191</v>
      </c>
      <c r="D109986" s="14" t="s">
        <v>528</v>
      </c>
      <c r="E109986" s="15">
        <v>45497</v>
      </c>
      <c r="F109986" s="14" t="s">
        <v>28</v>
      </c>
      <c r="G109986" s="16">
        <v>0</v>
      </c>
    </row>
    <row r="109987" spans="1:7" x14ac:dyDescent="0.3">
      <c r="A109987" s="13" t="s">
        <v>527</v>
      </c>
      <c r="B109987" s="14" t="s">
        <v>1</v>
      </c>
      <c r="C109987" s="14" t="s">
        <v>191</v>
      </c>
      <c r="D109987" s="14" t="s">
        <v>528</v>
      </c>
      <c r="E109987" s="15">
        <v>45498</v>
      </c>
      <c r="F109987" s="14" t="s">
        <v>28</v>
      </c>
      <c r="G109987" s="16">
        <v>0</v>
      </c>
    </row>
    <row r="109988" spans="1:7" x14ac:dyDescent="0.3">
      <c r="A109988" s="13" t="s">
        <v>527</v>
      </c>
      <c r="B109988" s="14" t="s">
        <v>1</v>
      </c>
      <c r="C109988" s="14" t="s">
        <v>191</v>
      </c>
      <c r="D109988" s="14" t="s">
        <v>528</v>
      </c>
      <c r="E109988" s="15">
        <v>45499</v>
      </c>
      <c r="F109988" s="14" t="s">
        <v>28</v>
      </c>
      <c r="G109988" s="16">
        <v>0</v>
      </c>
    </row>
    <row r="109989" spans="1:7" x14ac:dyDescent="0.3">
      <c r="A109989" s="13" t="s">
        <v>527</v>
      </c>
      <c r="B109989" s="14" t="s">
        <v>1</v>
      </c>
      <c r="C109989" s="14" t="s">
        <v>191</v>
      </c>
      <c r="D109989" s="14" t="s">
        <v>528</v>
      </c>
      <c r="E109989" s="15">
        <v>45500</v>
      </c>
      <c r="F109989" s="14" t="s">
        <v>28</v>
      </c>
      <c r="G109989" s="16">
        <v>0</v>
      </c>
    </row>
    <row r="109990" spans="1:7" x14ac:dyDescent="0.3">
      <c r="A109990" s="13" t="s">
        <v>527</v>
      </c>
      <c r="B109990" s="14" t="s">
        <v>1</v>
      </c>
      <c r="C109990" s="14" t="s">
        <v>191</v>
      </c>
      <c r="D109990" s="14" t="s">
        <v>528</v>
      </c>
      <c r="E109990" s="15">
        <v>45501</v>
      </c>
      <c r="F109990" s="14" t="s">
        <v>28</v>
      </c>
      <c r="G109990" s="16">
        <v>0</v>
      </c>
    </row>
    <row r="109991" spans="1:7" x14ac:dyDescent="0.3">
      <c r="A109991" s="13" t="s">
        <v>527</v>
      </c>
      <c r="B109991" s="14" t="s">
        <v>1</v>
      </c>
      <c r="C109991" s="14" t="s">
        <v>191</v>
      </c>
      <c r="D109991" s="14" t="s">
        <v>528</v>
      </c>
      <c r="E109991" s="15">
        <v>45502</v>
      </c>
      <c r="F109991" s="14" t="s">
        <v>28</v>
      </c>
      <c r="G109991" s="16">
        <v>0</v>
      </c>
    </row>
    <row r="109992" spans="1:7" x14ac:dyDescent="0.3">
      <c r="A109992" s="13" t="s">
        <v>527</v>
      </c>
      <c r="B109992" s="14" t="s">
        <v>1</v>
      </c>
      <c r="C109992" s="14" t="s">
        <v>191</v>
      </c>
      <c r="D109992" s="14" t="s">
        <v>528</v>
      </c>
      <c r="E109992" s="15">
        <v>45503</v>
      </c>
      <c r="F109992" s="14" t="s">
        <v>28</v>
      </c>
      <c r="G109992" s="16">
        <v>0</v>
      </c>
    </row>
    <row r="109993" spans="1:7" x14ac:dyDescent="0.3">
      <c r="A109993" s="13" t="s">
        <v>527</v>
      </c>
      <c r="B109993" s="14" t="s">
        <v>1</v>
      </c>
      <c r="C109993" s="14" t="s">
        <v>191</v>
      </c>
      <c r="D109993" s="14" t="s">
        <v>528</v>
      </c>
      <c r="E109993" s="15">
        <v>45504</v>
      </c>
      <c r="F109993" s="14" t="s">
        <v>28</v>
      </c>
      <c r="G109993" s="16">
        <v>0</v>
      </c>
    </row>
    <row r="109994" spans="1:7" x14ac:dyDescent="0.3">
      <c r="A109994" s="13" t="s">
        <v>527</v>
      </c>
      <c r="B109994" s="14" t="s">
        <v>1</v>
      </c>
      <c r="C109994" s="14" t="s">
        <v>191</v>
      </c>
      <c r="D109994" s="14" t="s">
        <v>528</v>
      </c>
      <c r="E109994" s="15">
        <v>45505</v>
      </c>
      <c r="F109994" s="14" t="s">
        <v>28</v>
      </c>
      <c r="G109994" s="16">
        <v>0</v>
      </c>
    </row>
    <row r="109995" spans="1:7" x14ac:dyDescent="0.3">
      <c r="A109995" s="13" t="s">
        <v>527</v>
      </c>
      <c r="B109995" s="14" t="s">
        <v>1</v>
      </c>
      <c r="C109995" s="14" t="s">
        <v>191</v>
      </c>
      <c r="D109995" s="14" t="s">
        <v>528</v>
      </c>
      <c r="E109995" s="15">
        <v>45506</v>
      </c>
      <c r="F109995" s="14" t="s">
        <v>28</v>
      </c>
      <c r="G109995" s="16">
        <v>0</v>
      </c>
    </row>
    <row r="109996" spans="1:7" x14ac:dyDescent="0.3">
      <c r="A109996" s="13" t="s">
        <v>527</v>
      </c>
      <c r="B109996" s="14" t="s">
        <v>1</v>
      </c>
      <c r="C109996" s="14" t="s">
        <v>191</v>
      </c>
      <c r="D109996" s="14" t="s">
        <v>528</v>
      </c>
      <c r="E109996" s="15">
        <v>45507</v>
      </c>
      <c r="F109996" s="14" t="s">
        <v>28</v>
      </c>
      <c r="G109996" s="16">
        <v>0</v>
      </c>
    </row>
    <row r="109997" spans="1:7" x14ac:dyDescent="0.3">
      <c r="A109997" s="13" t="s">
        <v>527</v>
      </c>
      <c r="B109997" s="14" t="s">
        <v>1</v>
      </c>
      <c r="C109997" s="14" t="s">
        <v>191</v>
      </c>
      <c r="D109997" s="14" t="s">
        <v>528</v>
      </c>
      <c r="E109997" s="15">
        <v>45508</v>
      </c>
      <c r="F109997" s="14" t="s">
        <v>28</v>
      </c>
      <c r="G109997" s="16">
        <v>0</v>
      </c>
    </row>
    <row r="109998" spans="1:7" x14ac:dyDescent="0.3">
      <c r="A109998" s="13" t="s">
        <v>527</v>
      </c>
      <c r="B109998" s="14" t="s">
        <v>1</v>
      </c>
      <c r="C109998" s="14" t="s">
        <v>191</v>
      </c>
      <c r="D109998" s="14" t="s">
        <v>528</v>
      </c>
      <c r="E109998" s="15">
        <v>45509</v>
      </c>
      <c r="F109998" s="14" t="s">
        <v>28</v>
      </c>
      <c r="G109998" s="16">
        <v>0</v>
      </c>
    </row>
    <row r="109999" spans="1:7" x14ac:dyDescent="0.3">
      <c r="A109999" s="13" t="s">
        <v>527</v>
      </c>
      <c r="B109999" s="14" t="s">
        <v>1</v>
      </c>
      <c r="C109999" s="14" t="s">
        <v>191</v>
      </c>
      <c r="D109999" s="14" t="s">
        <v>528</v>
      </c>
      <c r="E109999" s="15">
        <v>45510</v>
      </c>
      <c r="F109999" s="14" t="s">
        <v>28</v>
      </c>
      <c r="G109999" s="16">
        <v>0</v>
      </c>
    </row>
    <row r="110000" spans="1:7" x14ac:dyDescent="0.3">
      <c r="A110000" s="13" t="s">
        <v>527</v>
      </c>
      <c r="B110000" s="14" t="s">
        <v>1</v>
      </c>
      <c r="C110000" s="14" t="s">
        <v>191</v>
      </c>
      <c r="D110000" s="14" t="s">
        <v>528</v>
      </c>
      <c r="E110000" s="15">
        <v>45511</v>
      </c>
      <c r="F110000" s="14" t="s">
        <v>28</v>
      </c>
      <c r="G110000" s="16">
        <v>0.1615502948708506</v>
      </c>
    </row>
    <row r="110001" spans="1:7" x14ac:dyDescent="0.3">
      <c r="A110001" s="13" t="s">
        <v>527</v>
      </c>
      <c r="B110001" s="14" t="s">
        <v>1</v>
      </c>
      <c r="C110001" s="14" t="s">
        <v>191</v>
      </c>
      <c r="D110001" s="14" t="s">
        <v>528</v>
      </c>
      <c r="E110001" s="15">
        <v>45512</v>
      </c>
      <c r="F110001" s="14" t="s">
        <v>28</v>
      </c>
      <c r="G110001" s="16">
        <v>0.15960050277568275</v>
      </c>
    </row>
    <row r="110002" spans="1:7" x14ac:dyDescent="0.3">
      <c r="A110002" s="13" t="s">
        <v>527</v>
      </c>
      <c r="B110002" s="14" t="s">
        <v>1</v>
      </c>
      <c r="C110002" s="14" t="s">
        <v>191</v>
      </c>
      <c r="D110002" s="14" t="s">
        <v>528</v>
      </c>
      <c r="E110002" s="15">
        <v>45513</v>
      </c>
      <c r="F110002" s="14" t="s">
        <v>28</v>
      </c>
      <c r="G110002" s="16">
        <v>0.15960050277568275</v>
      </c>
    </row>
    <row r="110003" spans="1:7" x14ac:dyDescent="0.3">
      <c r="A110003" s="13" t="s">
        <v>527</v>
      </c>
      <c r="B110003" s="14" t="s">
        <v>1</v>
      </c>
      <c r="C110003" s="14" t="s">
        <v>191</v>
      </c>
      <c r="D110003" s="14" t="s">
        <v>528</v>
      </c>
      <c r="E110003" s="15">
        <v>45514</v>
      </c>
      <c r="F110003" s="14" t="s">
        <v>28</v>
      </c>
      <c r="G110003" s="16">
        <v>0.15960050277568275</v>
      </c>
    </row>
    <row r="110004" spans="1:7" x14ac:dyDescent="0.3">
      <c r="A110004" s="13" t="s">
        <v>527</v>
      </c>
      <c r="B110004" s="14" t="s">
        <v>1</v>
      </c>
      <c r="C110004" s="14" t="s">
        <v>191</v>
      </c>
      <c r="D110004" s="14" t="s">
        <v>528</v>
      </c>
      <c r="E110004" s="15">
        <v>45515</v>
      </c>
      <c r="F110004" s="14" t="s">
        <v>28</v>
      </c>
      <c r="G110004" s="16">
        <v>0.15960050277568275</v>
      </c>
    </row>
    <row r="110005" spans="1:7" x14ac:dyDescent="0.3">
      <c r="A110005" s="13" t="s">
        <v>527</v>
      </c>
      <c r="B110005" s="14" t="s">
        <v>1</v>
      </c>
      <c r="C110005" s="14" t="s">
        <v>191</v>
      </c>
      <c r="D110005" s="14" t="s">
        <v>528</v>
      </c>
      <c r="E110005" s="15">
        <v>45516</v>
      </c>
      <c r="F110005" s="14" t="s">
        <v>28</v>
      </c>
      <c r="G110005" s="16">
        <v>0.16181277712784464</v>
      </c>
    </row>
    <row r="110006" spans="1:7" x14ac:dyDescent="0.3">
      <c r="A110006" s="13" t="s">
        <v>527</v>
      </c>
      <c r="B110006" s="14" t="s">
        <v>1</v>
      </c>
      <c r="C110006" s="14" t="s">
        <v>191</v>
      </c>
      <c r="D110006" s="14" t="s">
        <v>528</v>
      </c>
      <c r="E110006" s="15">
        <v>45517</v>
      </c>
      <c r="F110006" s="14" t="s">
        <v>28</v>
      </c>
      <c r="G110006" s="16">
        <v>0.15431524376763653</v>
      </c>
    </row>
    <row r="110007" spans="1:7" x14ac:dyDescent="0.3">
      <c r="A110007" s="13" t="s">
        <v>527</v>
      </c>
      <c r="B110007" s="14" t="s">
        <v>1</v>
      </c>
      <c r="C110007" s="14" t="s">
        <v>191</v>
      </c>
      <c r="D110007" s="14" t="s">
        <v>528</v>
      </c>
      <c r="E110007" s="15">
        <v>45518</v>
      </c>
      <c r="F110007" s="14" t="s">
        <v>28</v>
      </c>
      <c r="G110007" s="16">
        <v>0.15248142498831135</v>
      </c>
    </row>
    <row r="110008" spans="1:7" x14ac:dyDescent="0.3">
      <c r="A110008" s="13" t="s">
        <v>527</v>
      </c>
      <c r="B110008" s="14" t="s">
        <v>1</v>
      </c>
      <c r="C110008" s="14" t="s">
        <v>191</v>
      </c>
      <c r="D110008" s="14" t="s">
        <v>528</v>
      </c>
      <c r="E110008" s="15">
        <v>45519</v>
      </c>
      <c r="F110008" s="14" t="s">
        <v>28</v>
      </c>
      <c r="G110008" s="16">
        <v>0.15157537891273257</v>
      </c>
    </row>
    <row r="110009" spans="1:7" x14ac:dyDescent="0.3">
      <c r="A110009" s="13" t="s">
        <v>527</v>
      </c>
      <c r="B110009" s="14" t="s">
        <v>1</v>
      </c>
      <c r="C110009" s="14" t="s">
        <v>191</v>
      </c>
      <c r="D110009" s="14" t="s">
        <v>528</v>
      </c>
      <c r="E110009" s="15">
        <v>45520</v>
      </c>
      <c r="F110009" s="14" t="s">
        <v>28</v>
      </c>
      <c r="G110009" s="16">
        <v>0.27904834726174638</v>
      </c>
    </row>
    <row r="110010" spans="1:7" x14ac:dyDescent="0.3">
      <c r="A110010" s="13" t="s">
        <v>527</v>
      </c>
      <c r="B110010" s="14" t="s">
        <v>1</v>
      </c>
      <c r="C110010" s="14" t="s">
        <v>191</v>
      </c>
      <c r="D110010" s="14" t="s">
        <v>528</v>
      </c>
      <c r="E110010" s="15">
        <v>45521</v>
      </c>
      <c r="F110010" s="14" t="s">
        <v>28</v>
      </c>
      <c r="G110010" s="16">
        <v>0.27904834726174638</v>
      </c>
    </row>
    <row r="110011" spans="1:7" x14ac:dyDescent="0.3">
      <c r="A110011" s="13" t="s">
        <v>527</v>
      </c>
      <c r="B110011" s="14" t="s">
        <v>1</v>
      </c>
      <c r="C110011" s="14" t="s">
        <v>191</v>
      </c>
      <c r="D110011" s="14" t="s">
        <v>528</v>
      </c>
      <c r="E110011" s="15">
        <v>45522</v>
      </c>
      <c r="F110011" s="14" t="s">
        <v>28</v>
      </c>
      <c r="G110011" s="16">
        <v>0.27904834726174638</v>
      </c>
    </row>
    <row r="110012" spans="1:7" x14ac:dyDescent="0.3">
      <c r="A110012" s="13" t="s">
        <v>527</v>
      </c>
      <c r="B110012" s="14" t="s">
        <v>1</v>
      </c>
      <c r="C110012" s="14" t="s">
        <v>191</v>
      </c>
      <c r="D110012" s="14" t="s">
        <v>528</v>
      </c>
      <c r="E110012" s="15">
        <v>45523</v>
      </c>
      <c r="F110012" s="14" t="s">
        <v>28</v>
      </c>
      <c r="G110012" s="16">
        <v>0.27575049993058198</v>
      </c>
    </row>
    <row r="110013" spans="1:7" x14ac:dyDescent="0.3">
      <c r="A110013" s="13" t="s">
        <v>527</v>
      </c>
      <c r="B110013" s="14" t="s">
        <v>1</v>
      </c>
      <c r="C110013" s="14" t="s">
        <v>191</v>
      </c>
      <c r="D110013" s="14" t="s">
        <v>528</v>
      </c>
      <c r="E110013" s="15">
        <v>45524</v>
      </c>
      <c r="F110013" s="14" t="s">
        <v>28</v>
      </c>
      <c r="G110013" s="16">
        <v>0.26987517546584638</v>
      </c>
    </row>
    <row r="110014" spans="1:7" x14ac:dyDescent="0.3">
      <c r="A110014" s="13" t="s">
        <v>527</v>
      </c>
      <c r="B110014" s="14" t="s">
        <v>1</v>
      </c>
      <c r="C110014" s="14" t="s">
        <v>191</v>
      </c>
      <c r="D110014" s="14" t="s">
        <v>528</v>
      </c>
      <c r="E110014" s="15">
        <v>45525</v>
      </c>
      <c r="F110014" s="14" t="s">
        <v>28</v>
      </c>
      <c r="G110014" s="16">
        <v>0.40164166766749598</v>
      </c>
    </row>
    <row r="110015" spans="1:7" x14ac:dyDescent="0.3">
      <c r="A110015" s="13" t="s">
        <v>527</v>
      </c>
      <c r="B110015" s="14" t="s">
        <v>1</v>
      </c>
      <c r="C110015" s="14" t="s">
        <v>191</v>
      </c>
      <c r="D110015" s="14" t="s">
        <v>528</v>
      </c>
      <c r="E110015" s="15">
        <v>45526</v>
      </c>
      <c r="F110015" s="14" t="s">
        <v>28</v>
      </c>
      <c r="G110015" s="16">
        <v>0.40167579291985178</v>
      </c>
    </row>
    <row r="110016" spans="1:7" x14ac:dyDescent="0.3">
      <c r="A110016" s="13" t="s">
        <v>527</v>
      </c>
      <c r="B110016" s="14" t="s">
        <v>1</v>
      </c>
      <c r="C110016" s="14" t="s">
        <v>191</v>
      </c>
      <c r="D110016" s="14" t="s">
        <v>528</v>
      </c>
      <c r="E110016" s="15">
        <v>45527</v>
      </c>
      <c r="F110016" s="14" t="s">
        <v>28</v>
      </c>
      <c r="G110016" s="16">
        <v>0.39671934272039083</v>
      </c>
    </row>
    <row r="110017" spans="1:7" x14ac:dyDescent="0.3">
      <c r="A110017" s="13" t="s">
        <v>527</v>
      </c>
      <c r="B110017" s="14" t="s">
        <v>1</v>
      </c>
      <c r="C110017" s="14" t="s">
        <v>191</v>
      </c>
      <c r="D110017" s="14" t="s">
        <v>528</v>
      </c>
      <c r="E110017" s="15">
        <v>45528</v>
      </c>
      <c r="F110017" s="14" t="s">
        <v>28</v>
      </c>
      <c r="G110017" s="16">
        <v>0.39671934272039083</v>
      </c>
    </row>
    <row r="110018" spans="1:7" x14ac:dyDescent="0.3">
      <c r="A110018" s="13" t="s">
        <v>527</v>
      </c>
      <c r="B110018" s="14" t="s">
        <v>1</v>
      </c>
      <c r="C110018" s="14" t="s">
        <v>191</v>
      </c>
      <c r="D110018" s="14" t="s">
        <v>528</v>
      </c>
      <c r="E110018" s="15">
        <v>45529</v>
      </c>
      <c r="F110018" s="14" t="s">
        <v>28</v>
      </c>
      <c r="G110018" s="16">
        <v>0.39671934272039083</v>
      </c>
    </row>
    <row r="110019" spans="1:7" x14ac:dyDescent="0.3">
      <c r="A110019" s="13" t="s">
        <v>527</v>
      </c>
      <c r="B110019" s="14" t="s">
        <v>1</v>
      </c>
      <c r="C110019" s="14" t="s">
        <v>191</v>
      </c>
      <c r="D110019" s="14" t="s">
        <v>528</v>
      </c>
      <c r="E110019" s="15">
        <v>45530</v>
      </c>
      <c r="F110019" s="14" t="s">
        <v>28</v>
      </c>
      <c r="G110019" s="16">
        <v>0.46800187848680758</v>
      </c>
    </row>
    <row r="110020" spans="1:7" x14ac:dyDescent="0.3">
      <c r="A110020" s="13" t="s">
        <v>527</v>
      </c>
      <c r="B110020" s="14" t="s">
        <v>1</v>
      </c>
      <c r="C110020" s="14" t="s">
        <v>191</v>
      </c>
      <c r="D110020" s="14" t="s">
        <v>528</v>
      </c>
      <c r="E110020" s="15">
        <v>45531</v>
      </c>
      <c r="F110020" s="14" t="s">
        <v>28</v>
      </c>
      <c r="G110020" s="16">
        <v>0.46169970698233659</v>
      </c>
    </row>
    <row r="110021" spans="1:7" x14ac:dyDescent="0.3">
      <c r="A110021" s="13" t="s">
        <v>527</v>
      </c>
      <c r="B110021" s="14" t="s">
        <v>1</v>
      </c>
      <c r="C110021" s="14" t="s">
        <v>191</v>
      </c>
      <c r="D110021" s="14" t="s">
        <v>528</v>
      </c>
      <c r="E110021" s="15">
        <v>45532</v>
      </c>
      <c r="F110021" s="14" t="s">
        <v>28</v>
      </c>
      <c r="G110021" s="16">
        <v>0.46227013380189985</v>
      </c>
    </row>
    <row r="110022" spans="1:7" x14ac:dyDescent="0.3">
      <c r="A110022" s="13" t="s">
        <v>527</v>
      </c>
      <c r="B110022" s="14" t="s">
        <v>1</v>
      </c>
      <c r="C110022" s="14" t="s">
        <v>191</v>
      </c>
      <c r="D110022" s="14" t="s">
        <v>528</v>
      </c>
      <c r="E110022" s="15">
        <v>45533</v>
      </c>
      <c r="F110022" s="14" t="s">
        <v>28</v>
      </c>
      <c r="G110022" s="16">
        <v>0.46018012950563619</v>
      </c>
    </row>
    <row r="110023" spans="1:7" x14ac:dyDescent="0.3">
      <c r="A110023" s="13" t="s">
        <v>527</v>
      </c>
      <c r="B110023" s="14" t="s">
        <v>1</v>
      </c>
      <c r="C110023" s="14" t="s">
        <v>191</v>
      </c>
      <c r="D110023" s="14" t="s">
        <v>528</v>
      </c>
      <c r="E110023" s="15">
        <v>45534</v>
      </c>
      <c r="F110023" s="14" t="s">
        <v>28</v>
      </c>
      <c r="G110023" s="16">
        <v>0.66776961432427506</v>
      </c>
    </row>
    <row r="110024" spans="1:7" x14ac:dyDescent="0.3">
      <c r="A110024" s="13" t="s">
        <v>527</v>
      </c>
      <c r="B110024" s="14" t="s">
        <v>1</v>
      </c>
      <c r="C110024" s="14" t="s">
        <v>191</v>
      </c>
      <c r="D110024" s="14" t="s">
        <v>528</v>
      </c>
      <c r="E110024" s="15">
        <v>45535</v>
      </c>
      <c r="F110024" s="14" t="s">
        <v>28</v>
      </c>
      <c r="G110024" s="16">
        <v>0.66776961432427506</v>
      </c>
    </row>
    <row r="110025" spans="1:7" x14ac:dyDescent="0.3">
      <c r="A110025" s="13" t="s">
        <v>527</v>
      </c>
      <c r="B110025" s="14" t="s">
        <v>1</v>
      </c>
      <c r="C110025" s="14" t="s">
        <v>191</v>
      </c>
      <c r="D110025" s="14" t="s">
        <v>528</v>
      </c>
      <c r="E110025" s="15">
        <v>45536</v>
      </c>
      <c r="F110025" s="14" t="s">
        <v>28</v>
      </c>
      <c r="G110025" s="16">
        <v>0.66776961432427506</v>
      </c>
    </row>
    <row r="110026" spans="1:7" x14ac:dyDescent="0.3">
      <c r="A110026" s="13" t="s">
        <v>527</v>
      </c>
      <c r="B110026" s="14" t="s">
        <v>1</v>
      </c>
      <c r="C110026" s="14" t="s">
        <v>191</v>
      </c>
      <c r="D110026" s="14" t="s">
        <v>528</v>
      </c>
      <c r="E110026" s="15">
        <v>45537</v>
      </c>
      <c r="F110026" s="14" t="s">
        <v>28</v>
      </c>
      <c r="G110026" s="16">
        <v>0.66996061793843231</v>
      </c>
    </row>
    <row r="110027" spans="1:7" x14ac:dyDescent="0.3">
      <c r="A110027" s="13" t="s">
        <v>527</v>
      </c>
      <c r="B110027" s="14" t="s">
        <v>1</v>
      </c>
      <c r="C110027" s="14" t="s">
        <v>191</v>
      </c>
      <c r="D110027" s="14" t="s">
        <v>528</v>
      </c>
      <c r="E110027" s="15">
        <v>45538</v>
      </c>
      <c r="F110027" s="14" t="s">
        <v>28</v>
      </c>
      <c r="G110027" s="16">
        <v>0.66458439024685001</v>
      </c>
    </row>
    <row r="110028" spans="1:7" x14ac:dyDescent="0.3">
      <c r="A110028" s="13" t="s">
        <v>527</v>
      </c>
      <c r="B110028" s="14" t="s">
        <v>1</v>
      </c>
      <c r="C110028" s="14" t="s">
        <v>191</v>
      </c>
      <c r="D110028" s="14" t="s">
        <v>528</v>
      </c>
      <c r="E110028" s="15">
        <v>45539</v>
      </c>
      <c r="F110028" s="14" t="s">
        <v>28</v>
      </c>
      <c r="G110028" s="16">
        <v>0.66002986042382228</v>
      </c>
    </row>
    <row r="110029" spans="1:7" x14ac:dyDescent="0.3">
      <c r="A110029" s="13" t="s">
        <v>527</v>
      </c>
      <c r="B110029" s="14" t="s">
        <v>1</v>
      </c>
      <c r="C110029" s="14" t="s">
        <v>191</v>
      </c>
      <c r="D110029" s="14" t="s">
        <v>528</v>
      </c>
      <c r="E110029" s="15">
        <v>45540</v>
      </c>
      <c r="F110029" s="14" t="s">
        <v>28</v>
      </c>
      <c r="G110029" s="16">
        <v>0.64564311387597462</v>
      </c>
    </row>
    <row r="110030" spans="1:7" x14ac:dyDescent="0.3">
      <c r="A110030" s="13" t="s">
        <v>527</v>
      </c>
      <c r="B110030" s="14" t="s">
        <v>1</v>
      </c>
      <c r="C110030" s="14" t="s">
        <v>191</v>
      </c>
      <c r="D110030" s="14" t="s">
        <v>528</v>
      </c>
      <c r="E110030" s="15">
        <v>45541</v>
      </c>
      <c r="F110030" s="14" t="s">
        <v>28</v>
      </c>
      <c r="G110030" s="16">
        <v>0.63949823733966848</v>
      </c>
    </row>
    <row r="110031" spans="1:7" x14ac:dyDescent="0.3">
      <c r="A110031" s="13" t="s">
        <v>527</v>
      </c>
      <c r="B110031" s="14" t="s">
        <v>1</v>
      </c>
      <c r="C110031" s="14" t="s">
        <v>191</v>
      </c>
      <c r="D110031" s="14" t="s">
        <v>528</v>
      </c>
      <c r="E110031" s="15">
        <v>45542</v>
      </c>
      <c r="F110031" s="14" t="s">
        <v>28</v>
      </c>
      <c r="G110031" s="16">
        <v>0.63949823733966848</v>
      </c>
    </row>
    <row r="110032" spans="1:7" x14ac:dyDescent="0.3">
      <c r="A110032" s="13" t="s">
        <v>527</v>
      </c>
      <c r="B110032" s="14" t="s">
        <v>1</v>
      </c>
      <c r="C110032" s="14" t="s">
        <v>191</v>
      </c>
      <c r="D110032" s="14" t="s">
        <v>528</v>
      </c>
      <c r="E110032" s="15">
        <v>45543</v>
      </c>
      <c r="F110032" s="14" t="s">
        <v>28</v>
      </c>
      <c r="G110032" s="16">
        <v>0.63949823733966848</v>
      </c>
    </row>
    <row r="110033" spans="1:7" x14ac:dyDescent="0.3">
      <c r="A110033" s="13" t="s">
        <v>527</v>
      </c>
      <c r="B110033" s="14" t="s">
        <v>1</v>
      </c>
      <c r="C110033" s="14" t="s">
        <v>191</v>
      </c>
      <c r="D110033" s="14" t="s">
        <v>528</v>
      </c>
      <c r="E110033" s="15">
        <v>45544</v>
      </c>
      <c r="F110033" s="14" t="s">
        <v>28</v>
      </c>
      <c r="G110033" s="16">
        <v>0.64444331785435938</v>
      </c>
    </row>
    <row r="110034" spans="1:7" x14ac:dyDescent="0.3">
      <c r="A110034" s="13" t="s">
        <v>527</v>
      </c>
      <c r="B110034" s="14" t="s">
        <v>1</v>
      </c>
      <c r="C110034" s="14" t="s">
        <v>191</v>
      </c>
      <c r="D110034" s="14" t="s">
        <v>528</v>
      </c>
      <c r="E110034" s="15">
        <v>45545</v>
      </c>
      <c r="F110034" s="14" t="s">
        <v>28</v>
      </c>
      <c r="G110034" s="16">
        <v>0.63839132222912665</v>
      </c>
    </row>
    <row r="110035" spans="1:7" x14ac:dyDescent="0.3">
      <c r="A110035" s="13" t="s">
        <v>527</v>
      </c>
      <c r="B110035" s="14" t="s">
        <v>1</v>
      </c>
      <c r="C110035" s="14" t="s">
        <v>191</v>
      </c>
      <c r="D110035" s="14" t="s">
        <v>528</v>
      </c>
      <c r="E110035" s="15">
        <v>45546</v>
      </c>
      <c r="F110035" s="14" t="s">
        <v>28</v>
      </c>
      <c r="G110035" s="16">
        <v>0.68964702005995238</v>
      </c>
    </row>
    <row r="110036" spans="1:7" x14ac:dyDescent="0.3">
      <c r="A110036" s="13" t="s">
        <v>527</v>
      </c>
      <c r="B110036" s="14" t="s">
        <v>1</v>
      </c>
      <c r="C110036" s="14" t="s">
        <v>191</v>
      </c>
      <c r="D110036" s="14" t="s">
        <v>528</v>
      </c>
      <c r="E110036" s="15">
        <v>45547</v>
      </c>
      <c r="F110036" s="14" t="s">
        <v>28</v>
      </c>
      <c r="G110036" s="16">
        <v>0.68658756478103666</v>
      </c>
    </row>
    <row r="110037" spans="1:7" x14ac:dyDescent="0.3">
      <c r="A110037" s="13" t="s">
        <v>527</v>
      </c>
      <c r="B110037" s="14" t="s">
        <v>1</v>
      </c>
      <c r="C110037" s="14" t="s">
        <v>191</v>
      </c>
      <c r="D110037" s="14" t="s">
        <v>528</v>
      </c>
      <c r="E110037" s="15">
        <v>45548</v>
      </c>
      <c r="F110037" s="14" t="s">
        <v>28</v>
      </c>
      <c r="G110037" s="16">
        <v>0.68273698819235706</v>
      </c>
    </row>
    <row r="110038" spans="1:7" x14ac:dyDescent="0.3">
      <c r="A110038" s="13" t="s">
        <v>527</v>
      </c>
      <c r="B110038" s="14" t="s">
        <v>1</v>
      </c>
      <c r="C110038" s="14" t="s">
        <v>191</v>
      </c>
      <c r="D110038" s="14" t="s">
        <v>528</v>
      </c>
      <c r="E110038" s="15">
        <v>45549</v>
      </c>
      <c r="F110038" s="14" t="s">
        <v>28</v>
      </c>
      <c r="G110038" s="16">
        <v>0.68273698819235706</v>
      </c>
    </row>
    <row r="110039" spans="1:7" x14ac:dyDescent="0.3">
      <c r="A110039" s="13" t="s">
        <v>527</v>
      </c>
      <c r="B110039" s="14" t="s">
        <v>1</v>
      </c>
      <c r="C110039" s="14" t="s">
        <v>191</v>
      </c>
      <c r="D110039" s="14" t="s">
        <v>528</v>
      </c>
      <c r="E110039" s="15">
        <v>45550</v>
      </c>
      <c r="F110039" s="14" t="s">
        <v>28</v>
      </c>
      <c r="G110039" s="16">
        <v>0.68273698819235706</v>
      </c>
    </row>
    <row r="110040" spans="1:7" x14ac:dyDescent="0.3">
      <c r="A110040" s="13" t="s">
        <v>527</v>
      </c>
      <c r="B110040" s="14" t="s">
        <v>1</v>
      </c>
      <c r="C110040" s="14" t="s">
        <v>191</v>
      </c>
      <c r="D110040" s="14" t="s">
        <v>528</v>
      </c>
      <c r="E110040" s="15">
        <v>45551</v>
      </c>
      <c r="F110040" s="14" t="s">
        <v>28</v>
      </c>
      <c r="G110040" s="16">
        <v>0.6794673425348231</v>
      </c>
    </row>
    <row r="110041" spans="1:7" x14ac:dyDescent="0.3">
      <c r="A110041" s="13" t="s">
        <v>527</v>
      </c>
      <c r="B110041" s="14" t="s">
        <v>1</v>
      </c>
      <c r="C110041" s="14" t="s">
        <v>191</v>
      </c>
      <c r="D110041" s="14" t="s">
        <v>528</v>
      </c>
      <c r="E110041" s="15">
        <v>45552</v>
      </c>
      <c r="F110041" s="14" t="s">
        <v>28</v>
      </c>
      <c r="G110041" s="16">
        <v>0.6680797099681679</v>
      </c>
    </row>
    <row r="110042" spans="1:7" x14ac:dyDescent="0.3">
      <c r="A110042" s="13" t="s">
        <v>527</v>
      </c>
      <c r="B110042" s="14" t="s">
        <v>1</v>
      </c>
      <c r="C110042" s="14" t="s">
        <v>191</v>
      </c>
      <c r="D110042" s="14" t="s">
        <v>528</v>
      </c>
      <c r="E110042" s="15">
        <v>45553</v>
      </c>
      <c r="F110042" s="14" t="s">
        <v>28</v>
      </c>
      <c r="G110042" s="16">
        <v>0.66364873979553096</v>
      </c>
    </row>
    <row r="110043" spans="1:7" x14ac:dyDescent="0.3">
      <c r="A110043" s="13" t="s">
        <v>527</v>
      </c>
      <c r="B110043" s="14" t="s">
        <v>1</v>
      </c>
      <c r="C110043" s="14" t="s">
        <v>191</v>
      </c>
      <c r="D110043" s="14" t="s">
        <v>528</v>
      </c>
      <c r="E110043" s="15">
        <v>45554</v>
      </c>
      <c r="F110043" s="14" t="s">
        <v>28</v>
      </c>
      <c r="G110043" s="16">
        <v>0.65843117411349927</v>
      </c>
    </row>
    <row r="110044" spans="1:7" x14ac:dyDescent="0.3">
      <c r="A110044" s="13" t="s">
        <v>527</v>
      </c>
      <c r="B110044" s="14" t="s">
        <v>1</v>
      </c>
      <c r="C110044" s="14" t="s">
        <v>191</v>
      </c>
      <c r="D110044" s="14" t="s">
        <v>528</v>
      </c>
      <c r="E110044" s="15">
        <v>45555</v>
      </c>
      <c r="F110044" s="14" t="s">
        <v>28</v>
      </c>
      <c r="G110044" s="16">
        <v>0.65673813006991111</v>
      </c>
    </row>
    <row r="110045" spans="1:7" x14ac:dyDescent="0.3">
      <c r="A110045" s="13" t="s">
        <v>527</v>
      </c>
      <c r="B110045" s="14" t="s">
        <v>1</v>
      </c>
      <c r="C110045" s="14" t="s">
        <v>191</v>
      </c>
      <c r="D110045" s="14" t="s">
        <v>528</v>
      </c>
      <c r="E110045" s="15">
        <v>45556</v>
      </c>
      <c r="F110045" s="14" t="s">
        <v>28</v>
      </c>
      <c r="G110045" s="16">
        <v>0.65673813006991111</v>
      </c>
    </row>
    <row r="110046" spans="1:7" x14ac:dyDescent="0.3">
      <c r="A110046" s="13" t="s">
        <v>527</v>
      </c>
      <c r="B110046" s="14" t="s">
        <v>1</v>
      </c>
      <c r="C110046" s="14" t="s">
        <v>191</v>
      </c>
      <c r="D110046" s="14" t="s">
        <v>528</v>
      </c>
      <c r="E110046" s="15">
        <v>45557</v>
      </c>
      <c r="F110046" s="14" t="s">
        <v>28</v>
      </c>
      <c r="G110046" s="16">
        <v>0.65673813006991111</v>
      </c>
    </row>
    <row r="110047" spans="1:7" x14ac:dyDescent="0.3">
      <c r="A110047" s="13" t="s">
        <v>527</v>
      </c>
      <c r="B110047" s="14" t="s">
        <v>1</v>
      </c>
      <c r="C110047" s="14" t="s">
        <v>191</v>
      </c>
      <c r="D110047" s="14" t="s">
        <v>528</v>
      </c>
      <c r="E110047" s="15">
        <v>45558</v>
      </c>
      <c r="F110047" s="14" t="s">
        <v>28</v>
      </c>
      <c r="G110047" s="16">
        <v>0.65393904393864488</v>
      </c>
    </row>
    <row r="110048" spans="1:7" x14ac:dyDescent="0.3">
      <c r="A110048" s="13" t="s">
        <v>527</v>
      </c>
      <c r="B110048" s="14" t="s">
        <v>1</v>
      </c>
      <c r="C110048" s="14" t="s">
        <v>191</v>
      </c>
      <c r="D110048" s="14" t="s">
        <v>528</v>
      </c>
      <c r="E110048" s="15">
        <v>45559</v>
      </c>
      <c r="F110048" s="14" t="s">
        <v>28</v>
      </c>
      <c r="G110048" s="16">
        <v>0.64481384398057262</v>
      </c>
    </row>
    <row r="110049" spans="1:7" x14ac:dyDescent="0.3">
      <c r="A110049" s="13" t="s">
        <v>527</v>
      </c>
      <c r="B110049" s="14" t="s">
        <v>1</v>
      </c>
      <c r="C110049" s="14" t="s">
        <v>191</v>
      </c>
      <c r="D110049" s="14" t="s">
        <v>528</v>
      </c>
      <c r="E110049" s="15">
        <v>45560</v>
      </c>
      <c r="F110049" s="14" t="s">
        <v>28</v>
      </c>
      <c r="G110049" s="16">
        <v>0.64599706065659779</v>
      </c>
    </row>
    <row r="110050" spans="1:7" x14ac:dyDescent="0.3">
      <c r="A110050" s="13" t="s">
        <v>527</v>
      </c>
      <c r="B110050" s="14" t="s">
        <v>1</v>
      </c>
      <c r="C110050" s="14" t="s">
        <v>191</v>
      </c>
      <c r="D110050" s="14" t="s">
        <v>528</v>
      </c>
      <c r="E110050" s="15">
        <v>45561</v>
      </c>
      <c r="F110050" s="14" t="s">
        <v>28</v>
      </c>
      <c r="G110050" s="16">
        <v>0.64076053441688174</v>
      </c>
    </row>
    <row r="110051" spans="1:7" x14ac:dyDescent="0.3">
      <c r="A110051" s="13" t="s">
        <v>527</v>
      </c>
      <c r="B110051" s="14" t="s">
        <v>1</v>
      </c>
      <c r="C110051" s="14" t="s">
        <v>191</v>
      </c>
      <c r="D110051" s="14" t="s">
        <v>528</v>
      </c>
      <c r="E110051" s="15">
        <v>45562</v>
      </c>
      <c r="F110051" s="14" t="s">
        <v>28</v>
      </c>
      <c r="G110051" s="16">
        <v>0.64170797173826688</v>
      </c>
    </row>
    <row r="110052" spans="1:7" x14ac:dyDescent="0.3">
      <c r="A110052" s="13" t="s">
        <v>527</v>
      </c>
      <c r="B110052" s="14" t="s">
        <v>1</v>
      </c>
      <c r="C110052" s="14" t="s">
        <v>191</v>
      </c>
      <c r="D110052" s="14" t="s">
        <v>528</v>
      </c>
      <c r="E110052" s="15">
        <v>45563</v>
      </c>
      <c r="F110052" s="14" t="s">
        <v>28</v>
      </c>
      <c r="G110052" s="16">
        <v>0.64170797173826688</v>
      </c>
    </row>
    <row r="110053" spans="1:7" x14ac:dyDescent="0.3">
      <c r="A110053" s="13" t="s">
        <v>527</v>
      </c>
      <c r="B110053" s="14" t="s">
        <v>1</v>
      </c>
      <c r="C110053" s="14" t="s">
        <v>191</v>
      </c>
      <c r="D110053" s="14" t="s">
        <v>528</v>
      </c>
      <c r="E110053" s="15">
        <v>45564</v>
      </c>
      <c r="F110053" s="14" t="s">
        <v>28</v>
      </c>
      <c r="G110053" s="16">
        <v>0.64170797173826688</v>
      </c>
    </row>
    <row r="110054" spans="1:7" x14ac:dyDescent="0.3">
      <c r="A110054" s="13" t="s">
        <v>527</v>
      </c>
      <c r="B110054" s="14" t="s">
        <v>1</v>
      </c>
      <c r="C110054" s="14" t="s">
        <v>191</v>
      </c>
      <c r="D110054" s="14" t="s">
        <v>528</v>
      </c>
      <c r="E110054" s="15">
        <v>45565</v>
      </c>
      <c r="F110054" s="14" t="s">
        <v>28</v>
      </c>
      <c r="G110054" s="16">
        <v>0.68547152766254416</v>
      </c>
    </row>
    <row r="110055" spans="1:7" x14ac:dyDescent="0.3">
      <c r="A110055" s="13" t="s">
        <v>527</v>
      </c>
      <c r="B110055" s="14" t="s">
        <v>1</v>
      </c>
      <c r="C110055" s="14" t="s">
        <v>191</v>
      </c>
      <c r="D110055" s="14" t="s">
        <v>528</v>
      </c>
      <c r="E110055" s="15">
        <v>45566</v>
      </c>
      <c r="F110055" s="14" t="s">
        <v>28</v>
      </c>
      <c r="G110055" s="16">
        <v>0</v>
      </c>
    </row>
    <row r="110056" spans="1:7" x14ac:dyDescent="0.3">
      <c r="A110056" s="13" t="s">
        <v>527</v>
      </c>
      <c r="B110056" s="14" t="s">
        <v>1</v>
      </c>
      <c r="C110056" s="14" t="s">
        <v>191</v>
      </c>
      <c r="D110056" s="14" t="s">
        <v>528</v>
      </c>
      <c r="E110056" s="15">
        <v>45567</v>
      </c>
      <c r="F110056" s="14" t="s">
        <v>28</v>
      </c>
      <c r="G110056" s="16">
        <v>0</v>
      </c>
    </row>
    <row r="110057" spans="1:7" x14ac:dyDescent="0.3">
      <c r="A110057" s="13" t="s">
        <v>527</v>
      </c>
      <c r="B110057" s="14" t="s">
        <v>1</v>
      </c>
      <c r="C110057" s="14" t="s">
        <v>191</v>
      </c>
      <c r="D110057" s="14" t="s">
        <v>528</v>
      </c>
      <c r="E110057" s="15">
        <v>45568</v>
      </c>
      <c r="F110057" s="14" t="s">
        <v>28</v>
      </c>
      <c r="G110057" s="16">
        <v>0</v>
      </c>
    </row>
    <row r="110058" spans="1:7" x14ac:dyDescent="0.3">
      <c r="A110058" s="13" t="s">
        <v>527</v>
      </c>
      <c r="B110058" s="14" t="s">
        <v>1</v>
      </c>
      <c r="C110058" s="14" t="s">
        <v>191</v>
      </c>
      <c r="D110058" s="14" t="s">
        <v>528</v>
      </c>
      <c r="E110058" s="15">
        <v>45569</v>
      </c>
      <c r="F110058" s="14" t="s">
        <v>28</v>
      </c>
      <c r="G110058" s="16">
        <v>0</v>
      </c>
    </row>
    <row r="110059" spans="1:7" x14ac:dyDescent="0.3">
      <c r="A110059" s="13" t="s">
        <v>527</v>
      </c>
      <c r="B110059" s="14" t="s">
        <v>1</v>
      </c>
      <c r="C110059" s="14" t="s">
        <v>191</v>
      </c>
      <c r="D110059" s="14" t="s">
        <v>528</v>
      </c>
      <c r="E110059" s="15">
        <v>45570</v>
      </c>
      <c r="F110059" s="14" t="s">
        <v>28</v>
      </c>
      <c r="G110059" s="16">
        <v>0</v>
      </c>
    </row>
    <row r="110060" spans="1:7" x14ac:dyDescent="0.3">
      <c r="A110060" s="13" t="s">
        <v>527</v>
      </c>
      <c r="B110060" s="14" t="s">
        <v>1</v>
      </c>
      <c r="C110060" s="14" t="s">
        <v>191</v>
      </c>
      <c r="D110060" s="14" t="s">
        <v>528</v>
      </c>
      <c r="E110060" s="15">
        <v>45571</v>
      </c>
      <c r="F110060" s="14" t="s">
        <v>28</v>
      </c>
      <c r="G110060" s="16">
        <v>0</v>
      </c>
    </row>
    <row r="110061" spans="1:7" x14ac:dyDescent="0.3">
      <c r="A110061" s="13" t="s">
        <v>527</v>
      </c>
      <c r="B110061" s="14" t="s">
        <v>1</v>
      </c>
      <c r="C110061" s="14" t="s">
        <v>191</v>
      </c>
      <c r="D110061" s="14" t="s">
        <v>528</v>
      </c>
      <c r="E110061" s="15">
        <v>45572</v>
      </c>
      <c r="F110061" s="14" t="s">
        <v>28</v>
      </c>
      <c r="G110061" s="16">
        <v>0</v>
      </c>
    </row>
    <row r="110062" spans="1:7" x14ac:dyDescent="0.3">
      <c r="A110062" s="13" t="s">
        <v>527</v>
      </c>
      <c r="B110062" s="14" t="s">
        <v>1</v>
      </c>
      <c r="C110062" s="14" t="s">
        <v>191</v>
      </c>
      <c r="D110062" s="14" t="s">
        <v>528</v>
      </c>
      <c r="E110062" s="15">
        <v>45573</v>
      </c>
      <c r="F110062" s="14" t="s">
        <v>28</v>
      </c>
      <c r="G110062" s="16">
        <v>0</v>
      </c>
    </row>
    <row r="110063" spans="1:7" x14ac:dyDescent="0.3">
      <c r="A110063" s="13" t="s">
        <v>527</v>
      </c>
      <c r="B110063" s="14" t="s">
        <v>1</v>
      </c>
      <c r="C110063" s="14" t="s">
        <v>191</v>
      </c>
      <c r="D110063" s="14" t="s">
        <v>528</v>
      </c>
      <c r="E110063" s="15">
        <v>45574</v>
      </c>
      <c r="F110063" s="14" t="s">
        <v>28</v>
      </c>
      <c r="G110063" s="16">
        <v>0</v>
      </c>
    </row>
    <row r="110064" spans="1:7" x14ac:dyDescent="0.3">
      <c r="A110064" s="13" t="s">
        <v>527</v>
      </c>
      <c r="B110064" s="14" t="s">
        <v>1</v>
      </c>
      <c r="C110064" s="14" t="s">
        <v>191</v>
      </c>
      <c r="D110064" s="14" t="s">
        <v>528</v>
      </c>
      <c r="E110064" s="15">
        <v>45575</v>
      </c>
      <c r="F110064" s="14" t="s">
        <v>28</v>
      </c>
      <c r="G110064" s="16">
        <v>0</v>
      </c>
    </row>
    <row r="110065" spans="1:7" x14ac:dyDescent="0.3">
      <c r="A110065" s="13" t="s">
        <v>527</v>
      </c>
      <c r="B110065" s="14" t="s">
        <v>1</v>
      </c>
      <c r="C110065" s="14" t="s">
        <v>191</v>
      </c>
      <c r="D110065" s="14" t="s">
        <v>528</v>
      </c>
      <c r="E110065" s="15">
        <v>45576</v>
      </c>
      <c r="F110065" s="14" t="s">
        <v>28</v>
      </c>
      <c r="G110065" s="16">
        <v>0</v>
      </c>
    </row>
    <row r="110066" spans="1:7" x14ac:dyDescent="0.3">
      <c r="A110066" s="13" t="s">
        <v>527</v>
      </c>
      <c r="B110066" s="14" t="s">
        <v>1</v>
      </c>
      <c r="C110066" s="14" t="s">
        <v>191</v>
      </c>
      <c r="D110066" s="14" t="s">
        <v>528</v>
      </c>
      <c r="E110066" s="15">
        <v>45577</v>
      </c>
      <c r="F110066" s="14" t="s">
        <v>28</v>
      </c>
      <c r="G110066" s="16">
        <v>0</v>
      </c>
    </row>
    <row r="110067" spans="1:7" x14ac:dyDescent="0.3">
      <c r="A110067" s="13" t="s">
        <v>527</v>
      </c>
      <c r="B110067" s="14" t="s">
        <v>1</v>
      </c>
      <c r="C110067" s="14" t="s">
        <v>191</v>
      </c>
      <c r="D110067" s="14" t="s">
        <v>528</v>
      </c>
      <c r="E110067" s="15">
        <v>45578</v>
      </c>
      <c r="F110067" s="14" t="s">
        <v>28</v>
      </c>
      <c r="G110067" s="16">
        <v>0</v>
      </c>
    </row>
    <row r="110068" spans="1:7" x14ac:dyDescent="0.3">
      <c r="A110068" s="13" t="s">
        <v>527</v>
      </c>
      <c r="B110068" s="14" t="s">
        <v>1</v>
      </c>
      <c r="C110068" s="14" t="s">
        <v>191</v>
      </c>
      <c r="D110068" s="14" t="s">
        <v>528</v>
      </c>
      <c r="E110068" s="15">
        <v>45579</v>
      </c>
      <c r="F110068" s="14" t="s">
        <v>28</v>
      </c>
      <c r="G110068" s="16">
        <v>0</v>
      </c>
    </row>
    <row r="110069" spans="1:7" x14ac:dyDescent="0.3">
      <c r="A110069" s="13" t="s">
        <v>527</v>
      </c>
      <c r="B110069" s="14" t="s">
        <v>1</v>
      </c>
      <c r="C110069" s="14" t="s">
        <v>191</v>
      </c>
      <c r="D110069" s="14" t="s">
        <v>528</v>
      </c>
      <c r="E110069" s="15">
        <v>45580</v>
      </c>
      <c r="F110069" s="14" t="s">
        <v>28</v>
      </c>
      <c r="G110069" s="16">
        <v>0</v>
      </c>
    </row>
    <row r="110070" spans="1:7" x14ac:dyDescent="0.3">
      <c r="A110070" s="13" t="s">
        <v>527</v>
      </c>
      <c r="B110070" s="14" t="s">
        <v>1</v>
      </c>
      <c r="C110070" s="14" t="s">
        <v>191</v>
      </c>
      <c r="D110070" s="14" t="s">
        <v>528</v>
      </c>
      <c r="E110070" s="15">
        <v>45581</v>
      </c>
      <c r="F110070" s="14" t="s">
        <v>28</v>
      </c>
      <c r="G110070" s="16">
        <v>0</v>
      </c>
    </row>
    <row r="110071" spans="1:7" x14ac:dyDescent="0.3">
      <c r="A110071" s="13" t="s">
        <v>527</v>
      </c>
      <c r="B110071" s="14" t="s">
        <v>1</v>
      </c>
      <c r="C110071" s="14" t="s">
        <v>191</v>
      </c>
      <c r="D110071" s="14" t="s">
        <v>528</v>
      </c>
      <c r="E110071" s="15">
        <v>45582</v>
      </c>
      <c r="F110071" s="14" t="s">
        <v>28</v>
      </c>
      <c r="G110071" s="16">
        <v>0</v>
      </c>
    </row>
    <row r="110072" spans="1:7" x14ac:dyDescent="0.3">
      <c r="A110072" s="13" t="s">
        <v>527</v>
      </c>
      <c r="B110072" s="14" t="s">
        <v>1</v>
      </c>
      <c r="C110072" s="14" t="s">
        <v>191</v>
      </c>
      <c r="D110072" s="14" t="s">
        <v>528</v>
      </c>
      <c r="E110072" s="15">
        <v>45583</v>
      </c>
      <c r="F110072" s="14" t="s">
        <v>28</v>
      </c>
      <c r="G110072" s="16">
        <v>0</v>
      </c>
    </row>
    <row r="110073" spans="1:7" x14ac:dyDescent="0.3">
      <c r="A110073" s="13" t="s">
        <v>527</v>
      </c>
      <c r="B110073" s="14" t="s">
        <v>1</v>
      </c>
      <c r="C110073" s="14" t="s">
        <v>191</v>
      </c>
      <c r="D110073" s="14" t="s">
        <v>528</v>
      </c>
      <c r="E110073" s="15">
        <v>45584</v>
      </c>
      <c r="F110073" s="14" t="s">
        <v>28</v>
      </c>
      <c r="G110073" s="16">
        <v>0</v>
      </c>
    </row>
    <row r="110074" spans="1:7" x14ac:dyDescent="0.3">
      <c r="A110074" s="13" t="s">
        <v>527</v>
      </c>
      <c r="B110074" s="14" t="s">
        <v>1</v>
      </c>
      <c r="C110074" s="14" t="s">
        <v>191</v>
      </c>
      <c r="D110074" s="14" t="s">
        <v>528</v>
      </c>
      <c r="E110074" s="15">
        <v>45585</v>
      </c>
      <c r="F110074" s="14" t="s">
        <v>28</v>
      </c>
      <c r="G110074" s="16">
        <v>0</v>
      </c>
    </row>
    <row r="110075" spans="1:7" x14ac:dyDescent="0.3">
      <c r="A110075" s="13" t="s">
        <v>527</v>
      </c>
      <c r="B110075" s="14" t="s">
        <v>1</v>
      </c>
      <c r="C110075" s="14" t="s">
        <v>191</v>
      </c>
      <c r="D110075" s="14" t="s">
        <v>528</v>
      </c>
      <c r="E110075" s="15">
        <v>45586</v>
      </c>
      <c r="F110075" s="14" t="s">
        <v>28</v>
      </c>
      <c r="G110075" s="16">
        <v>0</v>
      </c>
    </row>
    <row r="110076" spans="1:7" x14ac:dyDescent="0.3">
      <c r="A110076" s="13" t="s">
        <v>527</v>
      </c>
      <c r="B110076" s="14" t="s">
        <v>1</v>
      </c>
      <c r="C110076" s="14" t="s">
        <v>191</v>
      </c>
      <c r="D110076" s="14" t="s">
        <v>528</v>
      </c>
      <c r="E110076" s="15">
        <v>45587</v>
      </c>
      <c r="F110076" s="14" t="s">
        <v>28</v>
      </c>
      <c r="G110076" s="16">
        <v>0</v>
      </c>
    </row>
    <row r="110077" spans="1:7" x14ac:dyDescent="0.3">
      <c r="A110077" s="13" t="s">
        <v>527</v>
      </c>
      <c r="B110077" s="14" t="s">
        <v>1</v>
      </c>
      <c r="C110077" s="14" t="s">
        <v>191</v>
      </c>
      <c r="D110077" s="14" t="s">
        <v>528</v>
      </c>
      <c r="E110077" s="15">
        <v>45588</v>
      </c>
      <c r="F110077" s="14" t="s">
        <v>28</v>
      </c>
      <c r="G110077" s="16">
        <v>0</v>
      </c>
    </row>
    <row r="110078" spans="1:7" x14ac:dyDescent="0.3">
      <c r="A110078" s="13" t="s">
        <v>527</v>
      </c>
      <c r="B110078" s="14" t="s">
        <v>1</v>
      </c>
      <c r="C110078" s="14" t="s">
        <v>191</v>
      </c>
      <c r="D110078" s="14" t="s">
        <v>528</v>
      </c>
      <c r="E110078" s="15">
        <v>45589</v>
      </c>
      <c r="F110078" s="14" t="s">
        <v>28</v>
      </c>
      <c r="G110078" s="16">
        <v>0</v>
      </c>
    </row>
    <row r="110079" spans="1:7" x14ac:dyDescent="0.3">
      <c r="A110079" s="13" t="s">
        <v>527</v>
      </c>
      <c r="B110079" s="14" t="s">
        <v>1</v>
      </c>
      <c r="C110079" s="14" t="s">
        <v>191</v>
      </c>
      <c r="D110079" s="14" t="s">
        <v>528</v>
      </c>
      <c r="E110079" s="15">
        <v>45590</v>
      </c>
      <c r="F110079" s="14" t="s">
        <v>28</v>
      </c>
      <c r="G110079" s="16">
        <v>0</v>
      </c>
    </row>
    <row r="110080" spans="1:7" x14ac:dyDescent="0.3">
      <c r="A110080" s="13" t="s">
        <v>527</v>
      </c>
      <c r="B110080" s="14" t="s">
        <v>1</v>
      </c>
      <c r="C110080" s="14" t="s">
        <v>191</v>
      </c>
      <c r="D110080" s="14" t="s">
        <v>528</v>
      </c>
      <c r="E110080" s="15">
        <v>45591</v>
      </c>
      <c r="F110080" s="14" t="s">
        <v>28</v>
      </c>
      <c r="G110080" s="16">
        <v>0</v>
      </c>
    </row>
    <row r="110081" spans="1:7" x14ac:dyDescent="0.3">
      <c r="A110081" s="13" t="s">
        <v>527</v>
      </c>
      <c r="B110081" s="14" t="s">
        <v>1</v>
      </c>
      <c r="C110081" s="14" t="s">
        <v>191</v>
      </c>
      <c r="D110081" s="14" t="s">
        <v>528</v>
      </c>
      <c r="E110081" s="15">
        <v>45592</v>
      </c>
      <c r="F110081" s="14" t="s">
        <v>28</v>
      </c>
      <c r="G110081" s="16">
        <v>0</v>
      </c>
    </row>
    <row r="110082" spans="1:7" x14ac:dyDescent="0.3">
      <c r="A110082" s="13" t="s">
        <v>527</v>
      </c>
      <c r="B110082" s="14" t="s">
        <v>1</v>
      </c>
      <c r="C110082" s="14" t="s">
        <v>191</v>
      </c>
      <c r="D110082" s="14" t="s">
        <v>528</v>
      </c>
      <c r="E110082" s="15">
        <v>45593</v>
      </c>
      <c r="F110082" s="14" t="s">
        <v>28</v>
      </c>
      <c r="G110082" s="16">
        <v>0</v>
      </c>
    </row>
    <row r="110083" spans="1:7" x14ac:dyDescent="0.3">
      <c r="A110083" s="13" t="s">
        <v>527</v>
      </c>
      <c r="B110083" s="14" t="s">
        <v>1</v>
      </c>
      <c r="C110083" s="14" t="s">
        <v>191</v>
      </c>
      <c r="D110083" s="14" t="s">
        <v>528</v>
      </c>
      <c r="E110083" s="15">
        <v>45594</v>
      </c>
      <c r="F110083" s="14" t="s">
        <v>28</v>
      </c>
      <c r="G110083" s="16">
        <v>0</v>
      </c>
    </row>
    <row r="110084" spans="1:7" x14ac:dyDescent="0.3">
      <c r="A110084" s="13" t="s">
        <v>527</v>
      </c>
      <c r="B110084" s="14" t="s">
        <v>1</v>
      </c>
      <c r="C110084" s="14" t="s">
        <v>191</v>
      </c>
      <c r="D110084" s="14" t="s">
        <v>528</v>
      </c>
      <c r="E110084" s="15">
        <v>45595</v>
      </c>
      <c r="F110084" s="14" t="s">
        <v>28</v>
      </c>
      <c r="G110084" s="16">
        <v>0</v>
      </c>
    </row>
    <row r="110085" spans="1:7" x14ac:dyDescent="0.3">
      <c r="A110085" s="13" t="s">
        <v>527</v>
      </c>
      <c r="B110085" s="14" t="s">
        <v>1</v>
      </c>
      <c r="C110085" s="14" t="s">
        <v>191</v>
      </c>
      <c r="D110085" s="14" t="s">
        <v>528</v>
      </c>
      <c r="E110085" s="15">
        <v>45596</v>
      </c>
      <c r="F110085" s="14" t="s">
        <v>28</v>
      </c>
      <c r="G110085" s="16">
        <v>0</v>
      </c>
    </row>
    <row r="110086" spans="1:7" x14ac:dyDescent="0.3">
      <c r="A110086" s="13" t="s">
        <v>527</v>
      </c>
      <c r="B110086" s="14" t="s">
        <v>1</v>
      </c>
      <c r="C110086" s="14" t="s">
        <v>191</v>
      </c>
      <c r="D110086" s="14" t="s">
        <v>528</v>
      </c>
      <c r="E110086" s="15">
        <v>45597</v>
      </c>
      <c r="F110086" s="14" t="s">
        <v>28</v>
      </c>
      <c r="G110086" s="16">
        <v>0</v>
      </c>
    </row>
    <row r="110087" spans="1:7" x14ac:dyDescent="0.3">
      <c r="A110087" s="13" t="s">
        <v>527</v>
      </c>
      <c r="B110087" s="14" t="s">
        <v>1</v>
      </c>
      <c r="C110087" s="14" t="s">
        <v>191</v>
      </c>
      <c r="D110087" s="14" t="s">
        <v>528</v>
      </c>
      <c r="E110087" s="15">
        <v>45598</v>
      </c>
      <c r="F110087" s="14" t="s">
        <v>28</v>
      </c>
      <c r="G110087" s="16">
        <v>0</v>
      </c>
    </row>
    <row r="110088" spans="1:7" x14ac:dyDescent="0.3">
      <c r="A110088" s="13" t="s">
        <v>527</v>
      </c>
      <c r="B110088" s="14" t="s">
        <v>1</v>
      </c>
      <c r="C110088" s="14" t="s">
        <v>191</v>
      </c>
      <c r="D110088" s="14" t="s">
        <v>528</v>
      </c>
      <c r="E110088" s="15">
        <v>45599</v>
      </c>
      <c r="F110088" s="14" t="s">
        <v>28</v>
      </c>
      <c r="G110088" s="16">
        <v>0</v>
      </c>
    </row>
    <row r="110089" spans="1:7" x14ac:dyDescent="0.3">
      <c r="A110089" s="13" t="s">
        <v>527</v>
      </c>
      <c r="B110089" s="14" t="s">
        <v>1</v>
      </c>
      <c r="C110089" s="14" t="s">
        <v>191</v>
      </c>
      <c r="D110089" s="14" t="s">
        <v>528</v>
      </c>
      <c r="E110089" s="15">
        <v>45600</v>
      </c>
      <c r="F110089" s="14" t="s">
        <v>28</v>
      </c>
      <c r="G110089" s="16">
        <v>0</v>
      </c>
    </row>
    <row r="110090" spans="1:7" x14ac:dyDescent="0.3">
      <c r="A110090" s="13" t="s">
        <v>527</v>
      </c>
      <c r="B110090" s="14" t="s">
        <v>1</v>
      </c>
      <c r="C110090" s="14" t="s">
        <v>191</v>
      </c>
      <c r="D110090" s="14" t="s">
        <v>528</v>
      </c>
      <c r="E110090" s="15">
        <v>45601</v>
      </c>
      <c r="F110090" s="14" t="s">
        <v>28</v>
      </c>
      <c r="G110090" s="16">
        <v>0</v>
      </c>
    </row>
    <row r="110091" spans="1:7" x14ac:dyDescent="0.3">
      <c r="A110091" s="13" t="s">
        <v>527</v>
      </c>
      <c r="B110091" s="14" t="s">
        <v>1</v>
      </c>
      <c r="C110091" s="14" t="s">
        <v>191</v>
      </c>
      <c r="D110091" s="14" t="s">
        <v>528</v>
      </c>
      <c r="E110091" s="15">
        <v>45602</v>
      </c>
      <c r="F110091" s="14" t="s">
        <v>28</v>
      </c>
      <c r="G110091" s="16">
        <v>0</v>
      </c>
    </row>
    <row r="110092" spans="1:7" x14ac:dyDescent="0.3">
      <c r="A110092" s="13" t="s">
        <v>527</v>
      </c>
      <c r="B110092" s="14" t="s">
        <v>1</v>
      </c>
      <c r="C110092" s="14" t="s">
        <v>191</v>
      </c>
      <c r="D110092" s="14" t="s">
        <v>528</v>
      </c>
      <c r="E110092" s="15">
        <v>45603</v>
      </c>
      <c r="F110092" s="14" t="s">
        <v>28</v>
      </c>
      <c r="G110092" s="16">
        <v>0</v>
      </c>
    </row>
    <row r="110093" spans="1:7" x14ac:dyDescent="0.3">
      <c r="A110093" s="13" t="s">
        <v>527</v>
      </c>
      <c r="B110093" s="14" t="s">
        <v>1</v>
      </c>
      <c r="C110093" s="14" t="s">
        <v>191</v>
      </c>
      <c r="D110093" s="14" t="s">
        <v>528</v>
      </c>
      <c r="E110093" s="15">
        <v>45604</v>
      </c>
      <c r="F110093" s="14" t="s">
        <v>28</v>
      </c>
      <c r="G110093" s="16">
        <v>0</v>
      </c>
    </row>
    <row r="110094" spans="1:7" x14ac:dyDescent="0.3">
      <c r="A110094" s="13" t="s">
        <v>527</v>
      </c>
      <c r="B110094" s="14" t="s">
        <v>1</v>
      </c>
      <c r="C110094" s="14" t="s">
        <v>191</v>
      </c>
      <c r="D110094" s="14" t="s">
        <v>528</v>
      </c>
      <c r="E110094" s="15">
        <v>45605</v>
      </c>
      <c r="F110094" s="14" t="s">
        <v>28</v>
      </c>
      <c r="G110094" s="16">
        <v>0</v>
      </c>
    </row>
    <row r="110095" spans="1:7" x14ac:dyDescent="0.3">
      <c r="A110095" s="13" t="s">
        <v>527</v>
      </c>
      <c r="B110095" s="14" t="s">
        <v>1</v>
      </c>
      <c r="C110095" s="14" t="s">
        <v>191</v>
      </c>
      <c r="D110095" s="14" t="s">
        <v>528</v>
      </c>
      <c r="E110095" s="15">
        <v>45606</v>
      </c>
      <c r="F110095" s="14" t="s">
        <v>28</v>
      </c>
      <c r="G110095" s="16">
        <v>0</v>
      </c>
    </row>
    <row r="110096" spans="1:7" x14ac:dyDescent="0.3">
      <c r="A110096" s="13" t="s">
        <v>527</v>
      </c>
      <c r="B110096" s="14" t="s">
        <v>1</v>
      </c>
      <c r="C110096" s="14" t="s">
        <v>191</v>
      </c>
      <c r="D110096" s="14" t="s">
        <v>528</v>
      </c>
      <c r="E110096" s="15">
        <v>45607</v>
      </c>
      <c r="F110096" s="14" t="s">
        <v>28</v>
      </c>
      <c r="G110096" s="16">
        <v>0</v>
      </c>
    </row>
    <row r="110097" spans="1:7" x14ac:dyDescent="0.3">
      <c r="A110097" s="13" t="s">
        <v>527</v>
      </c>
      <c r="B110097" s="14" t="s">
        <v>1</v>
      </c>
      <c r="C110097" s="14" t="s">
        <v>191</v>
      </c>
      <c r="D110097" s="14" t="s">
        <v>528</v>
      </c>
      <c r="E110097" s="15">
        <v>45608</v>
      </c>
      <c r="F110097" s="14" t="s">
        <v>28</v>
      </c>
      <c r="G110097" s="16">
        <v>0</v>
      </c>
    </row>
    <row r="110098" spans="1:7" x14ac:dyDescent="0.3">
      <c r="A110098" s="13" t="s">
        <v>527</v>
      </c>
      <c r="B110098" s="14" t="s">
        <v>1</v>
      </c>
      <c r="C110098" s="14" t="s">
        <v>191</v>
      </c>
      <c r="D110098" s="14" t="s">
        <v>528</v>
      </c>
      <c r="E110098" s="15">
        <v>45609</v>
      </c>
      <c r="F110098" s="14" t="s">
        <v>28</v>
      </c>
      <c r="G110098" s="16">
        <v>0</v>
      </c>
    </row>
    <row r="110099" spans="1:7" x14ac:dyDescent="0.3">
      <c r="A110099" s="13" t="s">
        <v>527</v>
      </c>
      <c r="B110099" s="14" t="s">
        <v>1</v>
      </c>
      <c r="C110099" s="14" t="s">
        <v>191</v>
      </c>
      <c r="D110099" s="14" t="s">
        <v>528</v>
      </c>
      <c r="E110099" s="15">
        <v>45610</v>
      </c>
      <c r="F110099" s="14" t="s">
        <v>28</v>
      </c>
      <c r="G110099" s="16">
        <v>0</v>
      </c>
    </row>
    <row r="110100" spans="1:7" x14ac:dyDescent="0.3">
      <c r="A110100" s="13" t="s">
        <v>527</v>
      </c>
      <c r="B110100" s="14" t="s">
        <v>1</v>
      </c>
      <c r="C110100" s="14" t="s">
        <v>191</v>
      </c>
      <c r="D110100" s="14" t="s">
        <v>528</v>
      </c>
      <c r="E110100" s="15">
        <v>45611</v>
      </c>
      <c r="F110100" s="14" t="s">
        <v>28</v>
      </c>
      <c r="G110100" s="16">
        <v>0</v>
      </c>
    </row>
    <row r="110101" spans="1:7" x14ac:dyDescent="0.3">
      <c r="A110101" s="13" t="s">
        <v>527</v>
      </c>
      <c r="B110101" s="14" t="s">
        <v>1</v>
      </c>
      <c r="C110101" s="14" t="s">
        <v>191</v>
      </c>
      <c r="D110101" s="14" t="s">
        <v>528</v>
      </c>
      <c r="E110101" s="15">
        <v>45612</v>
      </c>
      <c r="F110101" s="14" t="s">
        <v>28</v>
      </c>
      <c r="G110101" s="16">
        <v>0</v>
      </c>
    </row>
    <row r="110102" spans="1:7" x14ac:dyDescent="0.3">
      <c r="A110102" s="13" t="s">
        <v>527</v>
      </c>
      <c r="B110102" s="14" t="s">
        <v>1</v>
      </c>
      <c r="C110102" s="14" t="s">
        <v>191</v>
      </c>
      <c r="D110102" s="14" t="s">
        <v>528</v>
      </c>
      <c r="E110102" s="15">
        <v>45613</v>
      </c>
      <c r="F110102" s="14" t="s">
        <v>28</v>
      </c>
      <c r="G110102" s="16">
        <v>0</v>
      </c>
    </row>
    <row r="110103" spans="1:7" x14ac:dyDescent="0.3">
      <c r="A110103" s="13" t="s">
        <v>527</v>
      </c>
      <c r="B110103" s="14" t="s">
        <v>1</v>
      </c>
      <c r="C110103" s="14" t="s">
        <v>191</v>
      </c>
      <c r="D110103" s="14" t="s">
        <v>528</v>
      </c>
      <c r="E110103" s="15">
        <v>45614</v>
      </c>
      <c r="F110103" s="14" t="s">
        <v>28</v>
      </c>
      <c r="G110103" s="16">
        <v>0</v>
      </c>
    </row>
    <row r="110104" spans="1:7" x14ac:dyDescent="0.3">
      <c r="A110104" s="13" t="s">
        <v>527</v>
      </c>
      <c r="B110104" s="14" t="s">
        <v>1</v>
      </c>
      <c r="C110104" s="14" t="s">
        <v>191</v>
      </c>
      <c r="D110104" s="14" t="s">
        <v>528</v>
      </c>
      <c r="E110104" s="15">
        <v>45615</v>
      </c>
      <c r="F110104" s="14" t="s">
        <v>28</v>
      </c>
      <c r="G110104" s="16">
        <v>7.1813767111416682E-2</v>
      </c>
    </row>
    <row r="110105" spans="1:7" x14ac:dyDescent="0.3">
      <c r="A110105" s="13" t="s">
        <v>527</v>
      </c>
      <c r="B110105" s="14" t="s">
        <v>1</v>
      </c>
      <c r="C110105" s="14" t="s">
        <v>191</v>
      </c>
      <c r="D110105" s="14" t="s">
        <v>528</v>
      </c>
      <c r="E110105" s="15">
        <v>45616</v>
      </c>
      <c r="F110105" s="14" t="s">
        <v>28</v>
      </c>
      <c r="G110105" s="16">
        <v>7.043343750135983E-2</v>
      </c>
    </row>
    <row r="110106" spans="1:7" x14ac:dyDescent="0.3">
      <c r="A110106" s="13" t="s">
        <v>527</v>
      </c>
      <c r="B110106" s="14" t="s">
        <v>1</v>
      </c>
      <c r="C110106" s="14" t="s">
        <v>191</v>
      </c>
      <c r="D110106" s="14" t="s">
        <v>528</v>
      </c>
      <c r="E110106" s="15">
        <v>45617</v>
      </c>
      <c r="F110106" s="14" t="s">
        <v>28</v>
      </c>
      <c r="G110106" s="16">
        <v>6.8957413846992957E-2</v>
      </c>
    </row>
    <row r="110107" spans="1:7" x14ac:dyDescent="0.3">
      <c r="A110107" s="13" t="s">
        <v>527</v>
      </c>
      <c r="B110107" s="14" t="s">
        <v>1</v>
      </c>
      <c r="C110107" s="14" t="s">
        <v>191</v>
      </c>
      <c r="D110107" s="14" t="s">
        <v>528</v>
      </c>
      <c r="E110107" s="15">
        <v>45618</v>
      </c>
      <c r="F110107" s="14" t="s">
        <v>28</v>
      </c>
      <c r="G110107" s="16">
        <v>6.7293086519936082E-2</v>
      </c>
    </row>
    <row r="110108" spans="1:7" x14ac:dyDescent="0.3">
      <c r="A110108" s="13" t="s">
        <v>527</v>
      </c>
      <c r="B110108" s="14" t="s">
        <v>1</v>
      </c>
      <c r="C110108" s="14" t="s">
        <v>191</v>
      </c>
      <c r="D110108" s="14" t="s">
        <v>528</v>
      </c>
      <c r="E110108" s="15">
        <v>45619</v>
      </c>
      <c r="F110108" s="14" t="s">
        <v>28</v>
      </c>
      <c r="G110108" s="16">
        <v>6.7293086519936082E-2</v>
      </c>
    </row>
    <row r="110109" spans="1:7" x14ac:dyDescent="0.3">
      <c r="A110109" s="13" t="s">
        <v>527</v>
      </c>
      <c r="B110109" s="14" t="s">
        <v>1</v>
      </c>
      <c r="C110109" s="14" t="s">
        <v>191</v>
      </c>
      <c r="D110109" s="14" t="s">
        <v>528</v>
      </c>
      <c r="E110109" s="15">
        <v>45620</v>
      </c>
      <c r="F110109" s="14" t="s">
        <v>28</v>
      </c>
      <c r="G110109" s="16">
        <v>6.7293086519936082E-2</v>
      </c>
    </row>
    <row r="110110" spans="1:7" x14ac:dyDescent="0.3">
      <c r="A110110" s="13" t="s">
        <v>527</v>
      </c>
      <c r="B110110" s="14" t="s">
        <v>1</v>
      </c>
      <c r="C110110" s="14" t="s">
        <v>191</v>
      </c>
      <c r="D110110" s="14" t="s">
        <v>528</v>
      </c>
      <c r="E110110" s="15">
        <v>45621</v>
      </c>
      <c r="F110110" s="14" t="s">
        <v>28</v>
      </c>
      <c r="G110110" s="16">
        <v>6.5607097675940876E-2</v>
      </c>
    </row>
    <row r="110111" spans="1:7" x14ac:dyDescent="0.3">
      <c r="A110111" s="13" t="s">
        <v>527</v>
      </c>
      <c r="B110111" s="14" t="s">
        <v>1</v>
      </c>
      <c r="C110111" s="14" t="s">
        <v>191</v>
      </c>
      <c r="D110111" s="14" t="s">
        <v>528</v>
      </c>
      <c r="E110111" s="15">
        <v>45622</v>
      </c>
      <c r="F110111" s="14" t="s">
        <v>28</v>
      </c>
      <c r="G110111" s="16">
        <v>6.0694962126483738E-2</v>
      </c>
    </row>
    <row r="110112" spans="1:7" x14ac:dyDescent="0.3">
      <c r="A110112" s="13" t="s">
        <v>527</v>
      </c>
      <c r="B110112" s="14" t="s">
        <v>1</v>
      </c>
      <c r="C110112" s="14" t="s">
        <v>191</v>
      </c>
      <c r="D110112" s="14" t="s">
        <v>528</v>
      </c>
      <c r="E110112" s="15">
        <v>45623</v>
      </c>
      <c r="F110112" s="14" t="s">
        <v>28</v>
      </c>
      <c r="G110112" s="16">
        <v>5.8748104553873234E-2</v>
      </c>
    </row>
    <row r="110113" spans="1:7" x14ac:dyDescent="0.3">
      <c r="A110113" s="13" t="s">
        <v>527</v>
      </c>
      <c r="B110113" s="14" t="s">
        <v>1</v>
      </c>
      <c r="C110113" s="14" t="s">
        <v>191</v>
      </c>
      <c r="D110113" s="14" t="s">
        <v>528</v>
      </c>
      <c r="E110113" s="15">
        <v>45624</v>
      </c>
      <c r="F110113" s="14" t="s">
        <v>28</v>
      </c>
      <c r="G110113" s="16">
        <v>5.8042360890180687E-2</v>
      </c>
    </row>
    <row r="110114" spans="1:7" x14ac:dyDescent="0.3">
      <c r="A110114" s="13" t="s">
        <v>527</v>
      </c>
      <c r="B110114" s="14" t="s">
        <v>1</v>
      </c>
      <c r="C110114" s="14" t="s">
        <v>191</v>
      </c>
      <c r="D110114" s="14" t="s">
        <v>528</v>
      </c>
      <c r="E110114" s="15">
        <v>45625</v>
      </c>
      <c r="F110114" s="14" t="s">
        <v>28</v>
      </c>
      <c r="G110114" s="16">
        <v>7.4840134554543178E-2</v>
      </c>
    </row>
    <row r="110115" spans="1:7" x14ac:dyDescent="0.3">
      <c r="A110115" s="13" t="s">
        <v>527</v>
      </c>
      <c r="B110115" s="14" t="s">
        <v>1</v>
      </c>
      <c r="C110115" s="14" t="s">
        <v>191</v>
      </c>
      <c r="D110115" s="14" t="s">
        <v>528</v>
      </c>
      <c r="E110115" s="15">
        <v>45626</v>
      </c>
      <c r="F110115" s="14" t="s">
        <v>28</v>
      </c>
      <c r="G110115" s="16">
        <v>7.4840134554543178E-2</v>
      </c>
    </row>
    <row r="110116" spans="1:7" x14ac:dyDescent="0.3">
      <c r="A110116" s="13" t="s">
        <v>527</v>
      </c>
      <c r="B110116" s="14" t="s">
        <v>1</v>
      </c>
      <c r="C110116" s="14" t="s">
        <v>191</v>
      </c>
      <c r="D110116" s="14" t="s">
        <v>528</v>
      </c>
      <c r="E110116" s="15">
        <v>45627</v>
      </c>
      <c r="F110116" s="14" t="s">
        <v>28</v>
      </c>
      <c r="G110116" s="16">
        <v>7.4840134554543178E-2</v>
      </c>
    </row>
    <row r="110117" spans="1:7" x14ac:dyDescent="0.3">
      <c r="A110117" s="13" t="s">
        <v>527</v>
      </c>
      <c r="B110117" s="14" t="s">
        <v>1</v>
      </c>
      <c r="C110117" s="14" t="s">
        <v>191</v>
      </c>
      <c r="D110117" s="14" t="s">
        <v>528</v>
      </c>
      <c r="E110117" s="15">
        <v>45628</v>
      </c>
      <c r="F110117" s="14" t="s">
        <v>28</v>
      </c>
      <c r="G110117" s="16">
        <v>7.3458100054483957E-2</v>
      </c>
    </row>
    <row r="110118" spans="1:7" x14ac:dyDescent="0.3">
      <c r="A110118" s="13" t="s">
        <v>527</v>
      </c>
      <c r="B110118" s="14" t="s">
        <v>1</v>
      </c>
      <c r="C110118" s="14" t="s">
        <v>191</v>
      </c>
      <c r="D110118" s="14" t="s">
        <v>528</v>
      </c>
      <c r="E110118" s="15">
        <v>45629</v>
      </c>
      <c r="F110118" s="14" t="s">
        <v>28</v>
      </c>
      <c r="G110118" s="16">
        <v>6.837988100801845E-2</v>
      </c>
    </row>
    <row r="110119" spans="1:7" x14ac:dyDescent="0.3">
      <c r="A110119" s="13" t="s">
        <v>527</v>
      </c>
      <c r="B110119" s="14" t="s">
        <v>1</v>
      </c>
      <c r="C110119" s="14" t="s">
        <v>191</v>
      </c>
      <c r="D110119" s="14" t="s">
        <v>528</v>
      </c>
      <c r="E110119" s="15">
        <v>45630</v>
      </c>
      <c r="F110119" s="14" t="s">
        <v>28</v>
      </c>
      <c r="G110119" s="16">
        <v>6.460769225778816E-2</v>
      </c>
    </row>
    <row r="110120" spans="1:7" x14ac:dyDescent="0.3">
      <c r="A110120" s="13" t="s">
        <v>527</v>
      </c>
      <c r="B110120" s="14" t="s">
        <v>1</v>
      </c>
      <c r="C110120" s="14" t="s">
        <v>191</v>
      </c>
      <c r="D110120" s="14" t="s">
        <v>528</v>
      </c>
      <c r="E110120" s="15">
        <v>45631</v>
      </c>
      <c r="F110120" s="14" t="s">
        <v>28</v>
      </c>
      <c r="G110120" s="16">
        <v>6.2680361262130349E-2</v>
      </c>
    </row>
    <row r="110121" spans="1:7" x14ac:dyDescent="0.3">
      <c r="A110121" s="13" t="s">
        <v>527</v>
      </c>
      <c r="B110121" s="14" t="s">
        <v>1</v>
      </c>
      <c r="C110121" s="14" t="s">
        <v>191</v>
      </c>
      <c r="D110121" s="14" t="s">
        <v>528</v>
      </c>
      <c r="E110121" s="15">
        <v>45632</v>
      </c>
      <c r="F110121" s="14" t="s">
        <v>28</v>
      </c>
      <c r="G110121" s="16">
        <v>6.1137355703287745E-2</v>
      </c>
    </row>
    <row r="110122" spans="1:7" x14ac:dyDescent="0.3">
      <c r="A110122" s="13" t="s">
        <v>527</v>
      </c>
      <c r="B110122" s="14" t="s">
        <v>1</v>
      </c>
      <c r="C110122" s="14" t="s">
        <v>191</v>
      </c>
      <c r="D110122" s="14" t="s">
        <v>528</v>
      </c>
      <c r="E110122" s="15">
        <v>45633</v>
      </c>
      <c r="F110122" s="14" t="s">
        <v>28</v>
      </c>
      <c r="G110122" s="16">
        <v>6.1137355703287745E-2</v>
      </c>
    </row>
    <row r="110123" spans="1:7" x14ac:dyDescent="0.3">
      <c r="A110123" s="13" t="s">
        <v>527</v>
      </c>
      <c r="B110123" s="14" t="s">
        <v>1</v>
      </c>
      <c r="C110123" s="14" t="s">
        <v>191</v>
      </c>
      <c r="D110123" s="14" t="s">
        <v>528</v>
      </c>
      <c r="E110123" s="15">
        <v>45634</v>
      </c>
      <c r="F110123" s="14" t="s">
        <v>28</v>
      </c>
      <c r="G110123" s="16">
        <v>6.1137355703287745E-2</v>
      </c>
    </row>
    <row r="110124" spans="1:7" x14ac:dyDescent="0.3">
      <c r="A110124" s="13" t="s">
        <v>527</v>
      </c>
      <c r="B110124" s="14" t="s">
        <v>1</v>
      </c>
      <c r="C110124" s="14" t="s">
        <v>191</v>
      </c>
      <c r="D110124" s="14" t="s">
        <v>528</v>
      </c>
      <c r="E110124" s="15">
        <v>45635</v>
      </c>
      <c r="F110124" s="14" t="s">
        <v>28</v>
      </c>
      <c r="G110124" s="16">
        <v>6.6822250066447417E-2</v>
      </c>
    </row>
    <row r="110125" spans="1:7" x14ac:dyDescent="0.3">
      <c r="A110125" s="13" t="s">
        <v>527</v>
      </c>
      <c r="B110125" s="14" t="s">
        <v>1</v>
      </c>
      <c r="C110125" s="14" t="s">
        <v>191</v>
      </c>
      <c r="D110125" s="14" t="s">
        <v>528</v>
      </c>
      <c r="E110125" s="15">
        <v>45636</v>
      </c>
      <c r="F110125" s="14" t="s">
        <v>28</v>
      </c>
      <c r="G110125" s="16">
        <v>6.1892076245524695E-2</v>
      </c>
    </row>
    <row r="110126" spans="1:7" x14ac:dyDescent="0.3">
      <c r="A110126" s="13" t="s">
        <v>527</v>
      </c>
      <c r="B110126" s="14" t="s">
        <v>1</v>
      </c>
      <c r="C110126" s="14" t="s">
        <v>191</v>
      </c>
      <c r="D110126" s="14" t="s">
        <v>528</v>
      </c>
      <c r="E110126" s="15">
        <v>45637</v>
      </c>
      <c r="F110126" s="14" t="s">
        <v>28</v>
      </c>
      <c r="G110126" s="16">
        <v>5.8031797742067258E-2</v>
      </c>
    </row>
    <row r="110127" spans="1:7" x14ac:dyDescent="0.3">
      <c r="A110127" s="13" t="s">
        <v>527</v>
      </c>
      <c r="B110127" s="14" t="s">
        <v>1</v>
      </c>
      <c r="C110127" s="14" t="s">
        <v>191</v>
      </c>
      <c r="D110127" s="14" t="s">
        <v>528</v>
      </c>
      <c r="E110127" s="15">
        <v>45638</v>
      </c>
      <c r="F110127" s="14" t="s">
        <v>28</v>
      </c>
      <c r="G110127" s="16">
        <v>5.6497694148431317E-2</v>
      </c>
    </row>
    <row r="110128" spans="1:7" x14ac:dyDescent="0.3">
      <c r="A110128" s="13" t="s">
        <v>527</v>
      </c>
      <c r="B110128" s="14" t="s">
        <v>1</v>
      </c>
      <c r="C110128" s="14" t="s">
        <v>191</v>
      </c>
      <c r="D110128" s="14" t="s">
        <v>528</v>
      </c>
      <c r="E110128" s="15">
        <v>45639</v>
      </c>
      <c r="F110128" s="14" t="s">
        <v>28</v>
      </c>
      <c r="G110128" s="16">
        <v>5.4914184803662003E-2</v>
      </c>
    </row>
    <row r="110129" spans="1:7" x14ac:dyDescent="0.3">
      <c r="A110129" s="13" t="s">
        <v>527</v>
      </c>
      <c r="B110129" s="14" t="s">
        <v>1</v>
      </c>
      <c r="C110129" s="14" t="s">
        <v>191</v>
      </c>
      <c r="D110129" s="14" t="s">
        <v>528</v>
      </c>
      <c r="E110129" s="15">
        <v>45640</v>
      </c>
      <c r="F110129" s="14" t="s">
        <v>28</v>
      </c>
      <c r="G110129" s="16">
        <v>5.4914184803662003E-2</v>
      </c>
    </row>
    <row r="110130" spans="1:7" x14ac:dyDescent="0.3">
      <c r="A110130" s="13" t="s">
        <v>527</v>
      </c>
      <c r="B110130" s="14" t="s">
        <v>1</v>
      </c>
      <c r="C110130" s="14" t="s">
        <v>191</v>
      </c>
      <c r="D110130" s="14" t="s">
        <v>528</v>
      </c>
      <c r="E110130" s="15">
        <v>45641</v>
      </c>
      <c r="F110130" s="14" t="s">
        <v>28</v>
      </c>
      <c r="G110130" s="16">
        <v>5.4914184803662003E-2</v>
      </c>
    </row>
    <row r="110131" spans="1:7" x14ac:dyDescent="0.3">
      <c r="A110131" s="13" t="s">
        <v>527</v>
      </c>
      <c r="B110131" s="14" t="s">
        <v>1</v>
      </c>
      <c r="C110131" s="14" t="s">
        <v>191</v>
      </c>
      <c r="D110131" s="14" t="s">
        <v>528</v>
      </c>
      <c r="E110131" s="15">
        <v>45642</v>
      </c>
      <c r="F110131" s="14" t="s">
        <v>28</v>
      </c>
      <c r="G110131" s="16">
        <v>5.3347039760486908E-2</v>
      </c>
    </row>
    <row r="110132" spans="1:7" x14ac:dyDescent="0.3">
      <c r="A110132" s="13" t="s">
        <v>527</v>
      </c>
      <c r="B110132" s="14" t="s">
        <v>1</v>
      </c>
      <c r="C110132" s="14" t="s">
        <v>191</v>
      </c>
      <c r="D110132" s="14" t="s">
        <v>528</v>
      </c>
      <c r="E110132" s="15">
        <v>45643</v>
      </c>
      <c r="F110132" s="14" t="s">
        <v>28</v>
      </c>
      <c r="G110132" s="16">
        <v>4.8493071077438589E-2</v>
      </c>
    </row>
    <row r="110133" spans="1:7" x14ac:dyDescent="0.3">
      <c r="A110133" s="13" t="s">
        <v>527</v>
      </c>
      <c r="B110133" s="14" t="s">
        <v>1</v>
      </c>
      <c r="C110133" s="14" t="s">
        <v>191</v>
      </c>
      <c r="D110133" s="14" t="s">
        <v>528</v>
      </c>
      <c r="E110133" s="15">
        <v>45644</v>
      </c>
      <c r="F110133" s="14" t="s">
        <v>28</v>
      </c>
      <c r="G110133" s="16">
        <v>4.735939897592719E-2</v>
      </c>
    </row>
    <row r="110134" spans="1:7" x14ac:dyDescent="0.3">
      <c r="A110134" s="13" t="s">
        <v>527</v>
      </c>
      <c r="B110134" s="14" t="s">
        <v>1</v>
      </c>
      <c r="C110134" s="14" t="s">
        <v>191</v>
      </c>
      <c r="D110134" s="14" t="s">
        <v>528</v>
      </c>
      <c r="E110134" s="15">
        <v>45645</v>
      </c>
      <c r="F110134" s="14" t="s">
        <v>28</v>
      </c>
      <c r="G110134" s="16">
        <v>4.5658868634682361E-2</v>
      </c>
    </row>
    <row r="110135" spans="1:7" x14ac:dyDescent="0.3">
      <c r="A110135" s="13" t="s">
        <v>527</v>
      </c>
      <c r="B110135" s="14" t="s">
        <v>1</v>
      </c>
      <c r="C110135" s="14" t="s">
        <v>191</v>
      </c>
      <c r="D110135" s="14" t="s">
        <v>528</v>
      </c>
      <c r="E110135" s="15">
        <v>45646</v>
      </c>
      <c r="F110135" s="14" t="s">
        <v>28</v>
      </c>
      <c r="G110135" s="16">
        <v>4.2512580600233607E-2</v>
      </c>
    </row>
    <row r="110136" spans="1:7" x14ac:dyDescent="0.3">
      <c r="A110136" s="13" t="s">
        <v>527</v>
      </c>
      <c r="B110136" s="14" t="s">
        <v>1</v>
      </c>
      <c r="C110136" s="14" t="s">
        <v>191</v>
      </c>
      <c r="D110136" s="14" t="s">
        <v>528</v>
      </c>
      <c r="E110136" s="15">
        <v>45647</v>
      </c>
      <c r="F110136" s="14" t="s">
        <v>28</v>
      </c>
      <c r="G110136" s="16">
        <v>4.2512580600233607E-2</v>
      </c>
    </row>
    <row r="110137" spans="1:7" x14ac:dyDescent="0.3">
      <c r="A110137" s="13" t="s">
        <v>527</v>
      </c>
      <c r="B110137" s="14" t="s">
        <v>1</v>
      </c>
      <c r="C110137" s="14" t="s">
        <v>191</v>
      </c>
      <c r="D110137" s="14" t="s">
        <v>528</v>
      </c>
      <c r="E110137" s="15">
        <v>45648</v>
      </c>
      <c r="F110137" s="14" t="s">
        <v>28</v>
      </c>
      <c r="G110137" s="16">
        <v>4.2512580600233607E-2</v>
      </c>
    </row>
    <row r="110138" spans="1:7" x14ac:dyDescent="0.3">
      <c r="A110138" s="13" t="s">
        <v>527</v>
      </c>
      <c r="B110138" s="14" t="s">
        <v>1</v>
      </c>
      <c r="C110138" s="14" t="s">
        <v>191</v>
      </c>
      <c r="D110138" s="14" t="s">
        <v>528</v>
      </c>
      <c r="E110138" s="15">
        <v>45649</v>
      </c>
      <c r="F110138" s="14" t="s">
        <v>28</v>
      </c>
      <c r="G110138" s="16">
        <v>3.740924180979064E-2</v>
      </c>
    </row>
    <row r="110139" spans="1:7" x14ac:dyDescent="0.3">
      <c r="A110139" s="13" t="s">
        <v>527</v>
      </c>
      <c r="B110139" s="14" t="s">
        <v>1</v>
      </c>
      <c r="C110139" s="14" t="s">
        <v>191</v>
      </c>
      <c r="D110139" s="14" t="s">
        <v>528</v>
      </c>
      <c r="E110139" s="15">
        <v>45650</v>
      </c>
      <c r="F110139" s="14" t="s">
        <v>28</v>
      </c>
      <c r="G110139" s="16">
        <v>3.2744696632297593E-2</v>
      </c>
    </row>
    <row r="110140" spans="1:7" x14ac:dyDescent="0.3">
      <c r="A110140" s="13" t="s">
        <v>527</v>
      </c>
      <c r="B110140" s="14" t="s">
        <v>1</v>
      </c>
      <c r="C110140" s="14" t="s">
        <v>191</v>
      </c>
      <c r="D110140" s="14" t="s">
        <v>528</v>
      </c>
      <c r="E110140" s="15">
        <v>45651</v>
      </c>
      <c r="F110140" s="14" t="s">
        <v>28</v>
      </c>
      <c r="G110140" s="16">
        <v>3.2744696632297593E-2</v>
      </c>
    </row>
    <row r="110141" spans="1:7" x14ac:dyDescent="0.3">
      <c r="A110141" s="13" t="s">
        <v>527</v>
      </c>
      <c r="B110141" s="14" t="s">
        <v>1</v>
      </c>
      <c r="C110141" s="14" t="s">
        <v>191</v>
      </c>
      <c r="D110141" s="14" t="s">
        <v>528</v>
      </c>
      <c r="E110141" s="15">
        <v>45652</v>
      </c>
      <c r="F110141" s="14" t="s">
        <v>28</v>
      </c>
      <c r="G110141" s="16">
        <v>3.2744696632297593E-2</v>
      </c>
    </row>
    <row r="110142" spans="1:7" x14ac:dyDescent="0.3">
      <c r="A110142" s="13" t="s">
        <v>527</v>
      </c>
      <c r="B110142" s="14" t="s">
        <v>1</v>
      </c>
      <c r="C110142" s="14" t="s">
        <v>191</v>
      </c>
      <c r="D110142" s="14" t="s">
        <v>528</v>
      </c>
      <c r="E110142" s="15">
        <v>45653</v>
      </c>
      <c r="F110142" s="14" t="s">
        <v>28</v>
      </c>
      <c r="G110142" s="16">
        <v>3.2744696632297593E-2</v>
      </c>
    </row>
    <row r="110143" spans="1:7" x14ac:dyDescent="0.3">
      <c r="A110143" s="13" t="s">
        <v>527</v>
      </c>
      <c r="B110143" s="14" t="s">
        <v>1</v>
      </c>
      <c r="C110143" s="14" t="s">
        <v>191</v>
      </c>
      <c r="D110143" s="14" t="s">
        <v>528</v>
      </c>
      <c r="E110143" s="15">
        <v>45654</v>
      </c>
      <c r="F110143" s="14" t="s">
        <v>28</v>
      </c>
      <c r="G110143" s="16">
        <v>3.2744696632297593E-2</v>
      </c>
    </row>
    <row r="110144" spans="1:7" x14ac:dyDescent="0.3">
      <c r="A110144" s="13" t="s">
        <v>527</v>
      </c>
      <c r="B110144" s="14" t="s">
        <v>1</v>
      </c>
      <c r="C110144" s="14" t="s">
        <v>191</v>
      </c>
      <c r="D110144" s="14" t="s">
        <v>528</v>
      </c>
      <c r="E110144" s="15">
        <v>45655</v>
      </c>
      <c r="F110144" s="14" t="s">
        <v>28</v>
      </c>
      <c r="G110144" s="16">
        <v>3.2744696632297593E-2</v>
      </c>
    </row>
    <row r="110145" spans="1:7" x14ac:dyDescent="0.3">
      <c r="A110145" s="13" t="s">
        <v>527</v>
      </c>
      <c r="B110145" s="14" t="s">
        <v>1</v>
      </c>
      <c r="C110145" s="14" t="s">
        <v>191</v>
      </c>
      <c r="D110145" s="14" t="s">
        <v>528</v>
      </c>
      <c r="E110145" s="15">
        <v>45656</v>
      </c>
      <c r="F110145" s="14" t="s">
        <v>28</v>
      </c>
      <c r="G110145" s="16">
        <v>3.1183746192118909E-2</v>
      </c>
    </row>
    <row r="110146" spans="1:7" x14ac:dyDescent="0.3">
      <c r="A110146" s="13" t="s">
        <v>527</v>
      </c>
      <c r="B110146" s="14" t="s">
        <v>1</v>
      </c>
      <c r="C110146" s="14" t="s">
        <v>191</v>
      </c>
      <c r="D110146" s="14" t="s">
        <v>528</v>
      </c>
      <c r="E110146" s="15">
        <v>45657</v>
      </c>
      <c r="F110146" s="14" t="s">
        <v>28</v>
      </c>
      <c r="G110146" s="16">
        <v>0.30009440459424414</v>
      </c>
    </row>
    <row r="110147" spans="1:7" x14ac:dyDescent="0.3">
      <c r="A110147" s="13" t="s">
        <v>527</v>
      </c>
      <c r="B110147" s="14" t="s">
        <v>1</v>
      </c>
      <c r="C110147" s="14" t="s">
        <v>191</v>
      </c>
      <c r="D110147" s="14" t="s">
        <v>528</v>
      </c>
      <c r="E110147" s="15">
        <v>45658</v>
      </c>
      <c r="F110147" s="14" t="s">
        <v>28</v>
      </c>
      <c r="G110147" s="16">
        <v>0.30009440459424414</v>
      </c>
    </row>
    <row r="110148" spans="1:7" x14ac:dyDescent="0.3">
      <c r="A110148" s="13" t="s">
        <v>527</v>
      </c>
      <c r="B110148" s="14" t="s">
        <v>1</v>
      </c>
      <c r="C110148" s="14" t="s">
        <v>191</v>
      </c>
      <c r="D110148" s="14" t="s">
        <v>528</v>
      </c>
      <c r="E110148" s="15">
        <v>45659</v>
      </c>
      <c r="F110148" s="14" t="s">
        <v>28</v>
      </c>
      <c r="G110148" s="16">
        <v>0</v>
      </c>
    </row>
    <row r="110149" spans="1:7" x14ac:dyDescent="0.3">
      <c r="A110149" s="13" t="s">
        <v>527</v>
      </c>
      <c r="B110149" s="14" t="s">
        <v>1</v>
      </c>
      <c r="C110149" s="14" t="s">
        <v>191</v>
      </c>
      <c r="D110149" s="14" t="s">
        <v>528</v>
      </c>
      <c r="E110149" s="15">
        <v>45660</v>
      </c>
      <c r="F110149" s="14" t="s">
        <v>28</v>
      </c>
      <c r="G110149" s="16">
        <v>0</v>
      </c>
    </row>
    <row r="110150" spans="1:7" x14ac:dyDescent="0.3">
      <c r="A110150" s="13" t="s">
        <v>527</v>
      </c>
      <c r="B110150" s="14" t="s">
        <v>1</v>
      </c>
      <c r="C110150" s="14" t="s">
        <v>191</v>
      </c>
      <c r="D110150" s="14" t="s">
        <v>528</v>
      </c>
      <c r="E110150" s="15">
        <v>45661</v>
      </c>
      <c r="F110150" s="14" t="s">
        <v>28</v>
      </c>
      <c r="G110150" s="16">
        <v>0</v>
      </c>
    </row>
    <row r="110151" spans="1:7" x14ac:dyDescent="0.3">
      <c r="A110151" s="13" t="s">
        <v>527</v>
      </c>
      <c r="B110151" s="14" t="s">
        <v>1</v>
      </c>
      <c r="C110151" s="14" t="s">
        <v>191</v>
      </c>
      <c r="D110151" s="14" t="s">
        <v>528</v>
      </c>
      <c r="E110151" s="15">
        <v>45662</v>
      </c>
      <c r="F110151" s="14" t="s">
        <v>28</v>
      </c>
      <c r="G110151" s="16">
        <v>0</v>
      </c>
    </row>
    <row r="110152" spans="1:7" x14ac:dyDescent="0.3">
      <c r="A110152" s="13" t="s">
        <v>527</v>
      </c>
      <c r="B110152" s="14" t="s">
        <v>1</v>
      </c>
      <c r="C110152" s="14" t="s">
        <v>191</v>
      </c>
      <c r="D110152" s="14" t="s">
        <v>528</v>
      </c>
      <c r="E110152" s="15">
        <v>45663</v>
      </c>
      <c r="F110152" s="14" t="s">
        <v>28</v>
      </c>
      <c r="G110152" s="16">
        <v>0</v>
      </c>
    </row>
    <row r="110153" spans="1:7" x14ac:dyDescent="0.3">
      <c r="A110153" s="13" t="s">
        <v>527</v>
      </c>
      <c r="B110153" s="14" t="s">
        <v>1</v>
      </c>
      <c r="C110153" s="14" t="s">
        <v>191</v>
      </c>
      <c r="D110153" s="14" t="s">
        <v>528</v>
      </c>
      <c r="E110153" s="15">
        <v>45664</v>
      </c>
      <c r="F110153" s="14" t="s">
        <v>28</v>
      </c>
      <c r="G110153" s="16">
        <v>0</v>
      </c>
    </row>
    <row r="110154" spans="1:7" x14ac:dyDescent="0.3">
      <c r="A110154" s="13" t="s">
        <v>527</v>
      </c>
      <c r="B110154" s="14" t="s">
        <v>1</v>
      </c>
      <c r="C110154" s="14" t="s">
        <v>191</v>
      </c>
      <c r="D110154" s="14" t="s">
        <v>528</v>
      </c>
      <c r="E110154" s="15">
        <v>45665</v>
      </c>
      <c r="F110154" s="14" t="s">
        <v>28</v>
      </c>
      <c r="G110154" s="16">
        <v>0</v>
      </c>
    </row>
    <row r="110155" spans="1:7" x14ac:dyDescent="0.3">
      <c r="A110155" s="13" t="s">
        <v>527</v>
      </c>
      <c r="B110155" s="14" t="s">
        <v>1</v>
      </c>
      <c r="C110155" s="14" t="s">
        <v>191</v>
      </c>
      <c r="D110155" s="14" t="s">
        <v>528</v>
      </c>
      <c r="E110155" s="15">
        <v>45666</v>
      </c>
      <c r="F110155" s="14" t="s">
        <v>28</v>
      </c>
      <c r="G110155" s="16">
        <v>0</v>
      </c>
    </row>
    <row r="110156" spans="1:7" x14ac:dyDescent="0.3">
      <c r="A110156" s="13" t="s">
        <v>527</v>
      </c>
      <c r="B110156" s="14" t="s">
        <v>1</v>
      </c>
      <c r="C110156" s="14" t="s">
        <v>191</v>
      </c>
      <c r="D110156" s="14" t="s">
        <v>528</v>
      </c>
      <c r="E110156" s="15">
        <v>45667</v>
      </c>
      <c r="F110156" s="14" t="s">
        <v>28</v>
      </c>
      <c r="G110156" s="16">
        <v>0</v>
      </c>
    </row>
    <row r="110157" spans="1:7" x14ac:dyDescent="0.3">
      <c r="A110157" s="13" t="s">
        <v>527</v>
      </c>
      <c r="B110157" s="14" t="s">
        <v>1</v>
      </c>
      <c r="C110157" s="14" t="s">
        <v>191</v>
      </c>
      <c r="D110157" s="14" t="s">
        <v>528</v>
      </c>
      <c r="E110157" s="15">
        <v>45668</v>
      </c>
      <c r="F110157" s="14" t="s">
        <v>28</v>
      </c>
      <c r="G110157" s="16">
        <v>0</v>
      </c>
    </row>
    <row r="110158" spans="1:7" x14ac:dyDescent="0.3">
      <c r="A110158" s="13" t="s">
        <v>527</v>
      </c>
      <c r="B110158" s="14" t="s">
        <v>1</v>
      </c>
      <c r="C110158" s="14" t="s">
        <v>191</v>
      </c>
      <c r="D110158" s="14" t="s">
        <v>528</v>
      </c>
      <c r="E110158" s="15">
        <v>45669</v>
      </c>
      <c r="F110158" s="14" t="s">
        <v>28</v>
      </c>
      <c r="G110158" s="16">
        <v>0</v>
      </c>
    </row>
    <row r="110159" spans="1:7" x14ac:dyDescent="0.3">
      <c r="A110159" s="13" t="s">
        <v>527</v>
      </c>
      <c r="B110159" s="14" t="s">
        <v>1</v>
      </c>
      <c r="C110159" s="14" t="s">
        <v>191</v>
      </c>
      <c r="D110159" s="14" t="s">
        <v>528</v>
      </c>
      <c r="E110159" s="15">
        <v>45670</v>
      </c>
      <c r="F110159" s="14" t="s">
        <v>28</v>
      </c>
      <c r="G110159" s="16">
        <v>0</v>
      </c>
    </row>
    <row r="110160" spans="1:7" x14ac:dyDescent="0.3">
      <c r="A110160" s="13" t="s">
        <v>527</v>
      </c>
      <c r="B110160" s="14" t="s">
        <v>1</v>
      </c>
      <c r="C110160" s="14" t="s">
        <v>191</v>
      </c>
      <c r="D110160" s="14" t="s">
        <v>528</v>
      </c>
      <c r="E110160" s="15">
        <v>45671</v>
      </c>
      <c r="F110160" s="14" t="s">
        <v>28</v>
      </c>
      <c r="G110160" s="16">
        <v>0</v>
      </c>
    </row>
    <row r="110161" spans="1:7" x14ac:dyDescent="0.3">
      <c r="A110161" s="13" t="s">
        <v>527</v>
      </c>
      <c r="B110161" s="14" t="s">
        <v>1</v>
      </c>
      <c r="C110161" s="14" t="s">
        <v>191</v>
      </c>
      <c r="D110161" s="14" t="s">
        <v>528</v>
      </c>
      <c r="E110161" s="15">
        <v>45672</v>
      </c>
      <c r="F110161" s="14" t="s">
        <v>28</v>
      </c>
      <c r="G110161" s="16">
        <v>0</v>
      </c>
    </row>
    <row r="110162" spans="1:7" x14ac:dyDescent="0.3">
      <c r="A110162" s="13" t="s">
        <v>527</v>
      </c>
      <c r="B110162" s="14" t="s">
        <v>1</v>
      </c>
      <c r="C110162" s="14" t="s">
        <v>191</v>
      </c>
      <c r="D110162" s="14" t="s">
        <v>528</v>
      </c>
      <c r="E110162" s="15">
        <v>45673</v>
      </c>
      <c r="F110162" s="14" t="s">
        <v>28</v>
      </c>
      <c r="G110162" s="16">
        <v>0</v>
      </c>
    </row>
    <row r="110163" spans="1:7" x14ac:dyDescent="0.3">
      <c r="A110163" s="13" t="s">
        <v>527</v>
      </c>
      <c r="B110163" s="14" t="s">
        <v>1</v>
      </c>
      <c r="C110163" s="14" t="s">
        <v>191</v>
      </c>
      <c r="D110163" s="14" t="s">
        <v>528</v>
      </c>
      <c r="E110163" s="15">
        <v>45674</v>
      </c>
      <c r="F110163" s="14" t="s">
        <v>28</v>
      </c>
      <c r="G110163" s="16">
        <v>0</v>
      </c>
    </row>
    <row r="110164" spans="1:7" x14ac:dyDescent="0.3">
      <c r="A110164" s="13" t="s">
        <v>527</v>
      </c>
      <c r="B110164" s="14" t="s">
        <v>1</v>
      </c>
      <c r="C110164" s="14" t="s">
        <v>191</v>
      </c>
      <c r="D110164" s="14" t="s">
        <v>528</v>
      </c>
      <c r="E110164" s="15">
        <v>45675</v>
      </c>
      <c r="F110164" s="14" t="s">
        <v>28</v>
      </c>
      <c r="G110164" s="16">
        <v>0</v>
      </c>
    </row>
    <row r="110165" spans="1:7" x14ac:dyDescent="0.3">
      <c r="A110165" s="13" t="s">
        <v>527</v>
      </c>
      <c r="B110165" s="14" t="s">
        <v>1</v>
      </c>
      <c r="C110165" s="14" t="s">
        <v>191</v>
      </c>
      <c r="D110165" s="14" t="s">
        <v>528</v>
      </c>
      <c r="E110165" s="15">
        <v>45676</v>
      </c>
      <c r="F110165" s="14" t="s">
        <v>28</v>
      </c>
      <c r="G110165" s="16">
        <v>0</v>
      </c>
    </row>
    <row r="110166" spans="1:7" x14ac:dyDescent="0.3">
      <c r="A110166" s="13" t="s">
        <v>527</v>
      </c>
      <c r="B110166" s="14" t="s">
        <v>1</v>
      </c>
      <c r="C110166" s="14" t="s">
        <v>191</v>
      </c>
      <c r="D110166" s="14" t="s">
        <v>528</v>
      </c>
      <c r="E110166" s="15">
        <v>45677</v>
      </c>
      <c r="F110166" s="14" t="s">
        <v>28</v>
      </c>
      <c r="G110166" s="16">
        <v>0</v>
      </c>
    </row>
    <row r="110167" spans="1:7" x14ac:dyDescent="0.3">
      <c r="A110167" s="13" t="s">
        <v>527</v>
      </c>
      <c r="B110167" s="14" t="s">
        <v>1</v>
      </c>
      <c r="C110167" s="14" t="s">
        <v>191</v>
      </c>
      <c r="D110167" s="14" t="s">
        <v>528</v>
      </c>
      <c r="E110167" s="15">
        <v>45678</v>
      </c>
      <c r="F110167" s="14" t="s">
        <v>28</v>
      </c>
      <c r="G110167" s="16">
        <v>0</v>
      </c>
    </row>
    <row r="110168" spans="1:7" x14ac:dyDescent="0.3">
      <c r="A110168" s="13" t="s">
        <v>527</v>
      </c>
      <c r="B110168" s="14" t="s">
        <v>1</v>
      </c>
      <c r="C110168" s="14" t="s">
        <v>191</v>
      </c>
      <c r="D110168" s="14" t="s">
        <v>528</v>
      </c>
      <c r="E110168" s="15">
        <v>45679</v>
      </c>
      <c r="F110168" s="14" t="s">
        <v>28</v>
      </c>
      <c r="G110168" s="16">
        <v>0</v>
      </c>
    </row>
    <row r="110169" spans="1:7" x14ac:dyDescent="0.3">
      <c r="A110169" s="13" t="s">
        <v>527</v>
      </c>
      <c r="B110169" s="14" t="s">
        <v>1</v>
      </c>
      <c r="C110169" s="14" t="s">
        <v>191</v>
      </c>
      <c r="D110169" s="14" t="s">
        <v>528</v>
      </c>
      <c r="E110169" s="15">
        <v>45680</v>
      </c>
      <c r="F110169" s="14" t="s">
        <v>28</v>
      </c>
      <c r="G110169" s="16">
        <v>0</v>
      </c>
    </row>
    <row r="110170" spans="1:7" x14ac:dyDescent="0.3">
      <c r="A110170" s="13" t="s">
        <v>527</v>
      </c>
      <c r="B110170" s="14" t="s">
        <v>1</v>
      </c>
      <c r="C110170" s="14" t="s">
        <v>191</v>
      </c>
      <c r="D110170" s="14" t="s">
        <v>528</v>
      </c>
      <c r="E110170" s="15">
        <v>45681</v>
      </c>
      <c r="F110170" s="14" t="s">
        <v>28</v>
      </c>
      <c r="G110170" s="16">
        <v>0</v>
      </c>
    </row>
    <row r="110171" spans="1:7" x14ac:dyDescent="0.3">
      <c r="A110171" s="13" t="s">
        <v>527</v>
      </c>
      <c r="B110171" s="14" t="s">
        <v>1</v>
      </c>
      <c r="C110171" s="14" t="s">
        <v>191</v>
      </c>
      <c r="D110171" s="14" t="s">
        <v>528</v>
      </c>
      <c r="E110171" s="15">
        <v>45682</v>
      </c>
      <c r="F110171" s="14" t="s">
        <v>28</v>
      </c>
      <c r="G110171" s="16">
        <v>0</v>
      </c>
    </row>
    <row r="110172" spans="1:7" x14ac:dyDescent="0.3">
      <c r="A110172" s="13" t="s">
        <v>527</v>
      </c>
      <c r="B110172" s="14" t="s">
        <v>1</v>
      </c>
      <c r="C110172" s="14" t="s">
        <v>191</v>
      </c>
      <c r="D110172" s="14" t="s">
        <v>528</v>
      </c>
      <c r="E110172" s="15">
        <v>45683</v>
      </c>
      <c r="F110172" s="14" t="s">
        <v>28</v>
      </c>
      <c r="G110172" s="16">
        <v>0</v>
      </c>
    </row>
    <row r="110173" spans="1:7" x14ac:dyDescent="0.3">
      <c r="A110173" s="13" t="s">
        <v>527</v>
      </c>
      <c r="B110173" s="14" t="s">
        <v>1</v>
      </c>
      <c r="C110173" s="14" t="s">
        <v>191</v>
      </c>
      <c r="D110173" s="14" t="s">
        <v>528</v>
      </c>
      <c r="E110173" s="15">
        <v>45684</v>
      </c>
      <c r="F110173" s="14" t="s">
        <v>28</v>
      </c>
      <c r="G110173" s="16">
        <v>0</v>
      </c>
    </row>
    <row r="110174" spans="1:7" x14ac:dyDescent="0.3">
      <c r="A110174" s="13" t="s">
        <v>527</v>
      </c>
      <c r="B110174" s="14" t="s">
        <v>1</v>
      </c>
      <c r="C110174" s="14" t="s">
        <v>191</v>
      </c>
      <c r="D110174" s="14" t="s">
        <v>528</v>
      </c>
      <c r="E110174" s="15">
        <v>45685</v>
      </c>
      <c r="F110174" s="14" t="s">
        <v>28</v>
      </c>
      <c r="G110174" s="16">
        <v>0</v>
      </c>
    </row>
    <row r="110175" spans="1:7" x14ac:dyDescent="0.3">
      <c r="A110175" s="13" t="s">
        <v>527</v>
      </c>
      <c r="B110175" s="14" t="s">
        <v>1</v>
      </c>
      <c r="C110175" s="14" t="s">
        <v>191</v>
      </c>
      <c r="D110175" s="14" t="s">
        <v>528</v>
      </c>
      <c r="E110175" s="15">
        <v>45686</v>
      </c>
      <c r="F110175" s="14" t="s">
        <v>28</v>
      </c>
      <c r="G110175" s="16">
        <v>0</v>
      </c>
    </row>
    <row r="110176" spans="1:7" x14ac:dyDescent="0.3">
      <c r="A110176" s="13" t="s">
        <v>527</v>
      </c>
      <c r="B110176" s="14" t="s">
        <v>1</v>
      </c>
      <c r="C110176" s="14" t="s">
        <v>191</v>
      </c>
      <c r="D110176" s="14" t="s">
        <v>528</v>
      </c>
      <c r="E110176" s="15">
        <v>45687</v>
      </c>
      <c r="F110176" s="14" t="s">
        <v>28</v>
      </c>
      <c r="G110176" s="16">
        <v>0</v>
      </c>
    </row>
    <row r="110177" spans="1:7" x14ac:dyDescent="0.3">
      <c r="A110177" s="13" t="s">
        <v>527</v>
      </c>
      <c r="B110177" s="14" t="s">
        <v>1</v>
      </c>
      <c r="C110177" s="14" t="s">
        <v>191</v>
      </c>
      <c r="D110177" s="14" t="s">
        <v>528</v>
      </c>
      <c r="E110177" s="15">
        <v>45688</v>
      </c>
      <c r="F110177" s="14" t="s">
        <v>28</v>
      </c>
      <c r="G110177" s="16">
        <v>0</v>
      </c>
    </row>
    <row r="110178" spans="1:7" x14ac:dyDescent="0.3">
      <c r="A110178" s="13" t="s">
        <v>527</v>
      </c>
      <c r="B110178" s="14" t="s">
        <v>1</v>
      </c>
      <c r="C110178" s="14" t="s">
        <v>191</v>
      </c>
      <c r="D110178" s="14" t="s">
        <v>528</v>
      </c>
      <c r="E110178" s="15">
        <v>45689</v>
      </c>
      <c r="F110178" s="14" t="s">
        <v>28</v>
      </c>
      <c r="G110178" s="16">
        <v>0</v>
      </c>
    </row>
    <row r="110179" spans="1:7" x14ac:dyDescent="0.3">
      <c r="A110179" s="13" t="s">
        <v>527</v>
      </c>
      <c r="B110179" s="14" t="s">
        <v>1</v>
      </c>
      <c r="C110179" s="14" t="s">
        <v>191</v>
      </c>
      <c r="D110179" s="14" t="s">
        <v>528</v>
      </c>
      <c r="E110179" s="15">
        <v>45690</v>
      </c>
      <c r="F110179" s="14" t="s">
        <v>28</v>
      </c>
      <c r="G110179" s="16">
        <v>0</v>
      </c>
    </row>
    <row r="110180" spans="1:7" x14ac:dyDescent="0.3">
      <c r="A110180" s="13" t="s">
        <v>527</v>
      </c>
      <c r="B110180" s="14" t="s">
        <v>1</v>
      </c>
      <c r="C110180" s="14" t="s">
        <v>191</v>
      </c>
      <c r="D110180" s="14" t="s">
        <v>528</v>
      </c>
      <c r="E110180" s="15">
        <v>45691</v>
      </c>
      <c r="F110180" s="14" t="s">
        <v>28</v>
      </c>
      <c r="G110180" s="16">
        <v>0</v>
      </c>
    </row>
    <row r="110181" spans="1:7" x14ac:dyDescent="0.3">
      <c r="A110181" s="13" t="s">
        <v>527</v>
      </c>
      <c r="B110181" s="14" t="s">
        <v>1</v>
      </c>
      <c r="C110181" s="14" t="s">
        <v>191</v>
      </c>
      <c r="D110181" s="14" t="s">
        <v>528</v>
      </c>
      <c r="E110181" s="15">
        <v>45692</v>
      </c>
      <c r="F110181" s="14" t="s">
        <v>28</v>
      </c>
      <c r="G110181" s="16">
        <v>0</v>
      </c>
    </row>
    <row r="110182" spans="1:7" x14ac:dyDescent="0.3">
      <c r="A110182" s="13" t="s">
        <v>527</v>
      </c>
      <c r="B110182" s="14" t="s">
        <v>1</v>
      </c>
      <c r="C110182" s="14" t="s">
        <v>191</v>
      </c>
      <c r="D110182" s="14" t="s">
        <v>528</v>
      </c>
      <c r="E110182" s="15">
        <v>45693</v>
      </c>
      <c r="F110182" s="14" t="s">
        <v>28</v>
      </c>
      <c r="G110182" s="16">
        <v>0</v>
      </c>
    </row>
    <row r="110183" spans="1:7" x14ac:dyDescent="0.3">
      <c r="A110183" s="13" t="s">
        <v>527</v>
      </c>
      <c r="B110183" s="14" t="s">
        <v>1</v>
      </c>
      <c r="C110183" s="14" t="s">
        <v>191</v>
      </c>
      <c r="D110183" s="14" t="s">
        <v>528</v>
      </c>
      <c r="E110183" s="15">
        <v>45694</v>
      </c>
      <c r="F110183" s="14" t="s">
        <v>28</v>
      </c>
      <c r="G110183" s="16">
        <v>0</v>
      </c>
    </row>
    <row r="110184" spans="1:7" x14ac:dyDescent="0.3">
      <c r="A110184" s="13" t="s">
        <v>527</v>
      </c>
      <c r="B110184" s="14" t="s">
        <v>1</v>
      </c>
      <c r="C110184" s="14" t="s">
        <v>191</v>
      </c>
      <c r="D110184" s="14" t="s">
        <v>528</v>
      </c>
      <c r="E110184" s="15">
        <v>45695</v>
      </c>
      <c r="F110184" s="14" t="s">
        <v>28</v>
      </c>
      <c r="G110184" s="16">
        <v>0</v>
      </c>
    </row>
    <row r="110185" spans="1:7" x14ac:dyDescent="0.3">
      <c r="A110185" s="13" t="s">
        <v>527</v>
      </c>
      <c r="B110185" s="14" t="s">
        <v>1</v>
      </c>
      <c r="C110185" s="14" t="s">
        <v>191</v>
      </c>
      <c r="D110185" s="14" t="s">
        <v>528</v>
      </c>
      <c r="E110185" s="15">
        <v>45696</v>
      </c>
      <c r="F110185" s="14" t="s">
        <v>28</v>
      </c>
      <c r="G110185" s="16">
        <v>0</v>
      </c>
    </row>
    <row r="110186" spans="1:7" x14ac:dyDescent="0.3">
      <c r="A110186" s="13" t="s">
        <v>527</v>
      </c>
      <c r="B110186" s="14" t="s">
        <v>1</v>
      </c>
      <c r="C110186" s="14" t="s">
        <v>191</v>
      </c>
      <c r="D110186" s="14" t="s">
        <v>528</v>
      </c>
      <c r="E110186" s="15">
        <v>45697</v>
      </c>
      <c r="F110186" s="14" t="s">
        <v>28</v>
      </c>
      <c r="G110186" s="16">
        <v>0</v>
      </c>
    </row>
    <row r="110187" spans="1:7" x14ac:dyDescent="0.3">
      <c r="A110187" s="13" t="s">
        <v>527</v>
      </c>
      <c r="B110187" s="14" t="s">
        <v>1</v>
      </c>
      <c r="C110187" s="14" t="s">
        <v>191</v>
      </c>
      <c r="D110187" s="14" t="s">
        <v>528</v>
      </c>
      <c r="E110187" s="15">
        <v>45698</v>
      </c>
      <c r="F110187" s="14" t="s">
        <v>28</v>
      </c>
      <c r="G110187" s="16">
        <v>0</v>
      </c>
    </row>
    <row r="110188" spans="1:7" x14ac:dyDescent="0.3">
      <c r="A110188" s="13" t="s">
        <v>527</v>
      </c>
      <c r="B110188" s="14" t="s">
        <v>1</v>
      </c>
      <c r="C110188" s="14" t="s">
        <v>191</v>
      </c>
      <c r="D110188" s="14" t="s">
        <v>528</v>
      </c>
      <c r="E110188" s="15">
        <v>45699</v>
      </c>
      <c r="F110188" s="14" t="s">
        <v>28</v>
      </c>
      <c r="G110188" s="16">
        <v>0</v>
      </c>
    </row>
    <row r="110189" spans="1:7" x14ac:dyDescent="0.3">
      <c r="A110189" s="13" t="s">
        <v>527</v>
      </c>
      <c r="B110189" s="14" t="s">
        <v>1</v>
      </c>
      <c r="C110189" s="14" t="s">
        <v>191</v>
      </c>
      <c r="D110189" s="14" t="s">
        <v>528</v>
      </c>
      <c r="E110189" s="15">
        <v>45700</v>
      </c>
      <c r="F110189" s="14" t="s">
        <v>28</v>
      </c>
      <c r="G110189" s="16">
        <v>0</v>
      </c>
    </row>
    <row r="110190" spans="1:7" x14ac:dyDescent="0.3">
      <c r="A110190" s="13" t="s">
        <v>527</v>
      </c>
      <c r="B110190" s="14" t="s">
        <v>1</v>
      </c>
      <c r="C110190" s="14" t="s">
        <v>191</v>
      </c>
      <c r="D110190" s="14" t="s">
        <v>528</v>
      </c>
      <c r="E110190" s="15">
        <v>45701</v>
      </c>
      <c r="F110190" s="14" t="s">
        <v>28</v>
      </c>
      <c r="G110190" s="16">
        <v>0</v>
      </c>
    </row>
    <row r="110191" spans="1:7" x14ac:dyDescent="0.3">
      <c r="A110191" s="13" t="s">
        <v>527</v>
      </c>
      <c r="B110191" s="14" t="s">
        <v>1</v>
      </c>
      <c r="C110191" s="14" t="s">
        <v>191</v>
      </c>
      <c r="D110191" s="14" t="s">
        <v>528</v>
      </c>
      <c r="E110191" s="15">
        <v>45702</v>
      </c>
      <c r="F110191" s="14" t="s">
        <v>28</v>
      </c>
      <c r="G110191" s="16">
        <v>0.12114938789665429</v>
      </c>
    </row>
    <row r="110192" spans="1:7" x14ac:dyDescent="0.3">
      <c r="A110192" s="13" t="s">
        <v>527</v>
      </c>
      <c r="B110192" s="14" t="s">
        <v>1</v>
      </c>
      <c r="C110192" s="14" t="s">
        <v>191</v>
      </c>
      <c r="D110192" s="14" t="s">
        <v>528</v>
      </c>
      <c r="E110192" s="15">
        <v>45703</v>
      </c>
      <c r="F110192" s="14" t="s">
        <v>28</v>
      </c>
      <c r="G110192" s="16">
        <v>0.12114938789665429</v>
      </c>
    </row>
    <row r="110193" spans="1:7" x14ac:dyDescent="0.3">
      <c r="A110193" s="13" t="s">
        <v>527</v>
      </c>
      <c r="B110193" s="14" t="s">
        <v>1</v>
      </c>
      <c r="C110193" s="14" t="s">
        <v>191</v>
      </c>
      <c r="D110193" s="14" t="s">
        <v>528</v>
      </c>
      <c r="E110193" s="15">
        <v>45704</v>
      </c>
      <c r="F110193" s="14" t="s">
        <v>28</v>
      </c>
      <c r="G110193" s="16">
        <v>0.12114938789665429</v>
      </c>
    </row>
    <row r="110194" spans="1:7" x14ac:dyDescent="0.3">
      <c r="A110194" s="13" t="s">
        <v>527</v>
      </c>
      <c r="B110194" s="14" t="s">
        <v>1</v>
      </c>
      <c r="C110194" s="14" t="s">
        <v>191</v>
      </c>
      <c r="D110194" s="14" t="s">
        <v>528</v>
      </c>
      <c r="E110194" s="15">
        <v>45705</v>
      </c>
      <c r="F110194" s="14" t="s">
        <v>28</v>
      </c>
      <c r="G110194" s="16">
        <v>0.11971304966063195</v>
      </c>
    </row>
    <row r="110195" spans="1:7" x14ac:dyDescent="0.3">
      <c r="A110195" s="13" t="s">
        <v>527</v>
      </c>
      <c r="B110195" s="14" t="s">
        <v>1</v>
      </c>
      <c r="C110195" s="14" t="s">
        <v>191</v>
      </c>
      <c r="D110195" s="14" t="s">
        <v>528</v>
      </c>
      <c r="E110195" s="15">
        <v>45706</v>
      </c>
      <c r="F110195" s="14" t="s">
        <v>28</v>
      </c>
      <c r="G110195" s="16">
        <v>0.12090287469004</v>
      </c>
    </row>
    <row r="110196" spans="1:7" x14ac:dyDescent="0.3">
      <c r="A110196" s="13" t="s">
        <v>527</v>
      </c>
      <c r="B110196" s="14" t="s">
        <v>1</v>
      </c>
      <c r="C110196" s="14" t="s">
        <v>191</v>
      </c>
      <c r="D110196" s="14" t="s">
        <v>528</v>
      </c>
      <c r="E110196" s="15">
        <v>45707</v>
      </c>
      <c r="F110196" s="14" t="s">
        <v>28</v>
      </c>
      <c r="G110196" s="16">
        <v>0.11930606159492728</v>
      </c>
    </row>
    <row r="110197" spans="1:7" x14ac:dyDescent="0.3">
      <c r="A110197" s="13" t="s">
        <v>527</v>
      </c>
      <c r="B110197" s="14" t="s">
        <v>1</v>
      </c>
      <c r="C110197" s="14" t="s">
        <v>191</v>
      </c>
      <c r="D110197" s="14" t="s">
        <v>528</v>
      </c>
      <c r="E110197" s="15">
        <v>45708</v>
      </c>
      <c r="F110197" s="14" t="s">
        <v>28</v>
      </c>
      <c r="G110197" s="16">
        <v>0.11683666369714446</v>
      </c>
    </row>
    <row r="110198" spans="1:7" x14ac:dyDescent="0.3">
      <c r="A110198" s="13" t="s">
        <v>527</v>
      </c>
      <c r="B110198" s="14" t="s">
        <v>1</v>
      </c>
      <c r="C110198" s="14" t="s">
        <v>191</v>
      </c>
      <c r="D110198" s="14" t="s">
        <v>528</v>
      </c>
      <c r="E110198" s="15">
        <v>45709</v>
      </c>
      <c r="F110198" s="14" t="s">
        <v>28</v>
      </c>
      <c r="G110198" s="16">
        <v>0.11542677112633944</v>
      </c>
    </row>
    <row r="110199" spans="1:7" x14ac:dyDescent="0.3">
      <c r="A110199" s="13" t="s">
        <v>527</v>
      </c>
      <c r="B110199" s="14" t="s">
        <v>1</v>
      </c>
      <c r="C110199" s="14" t="s">
        <v>191</v>
      </c>
      <c r="D110199" s="14" t="s">
        <v>528</v>
      </c>
      <c r="E110199" s="15">
        <v>45710</v>
      </c>
      <c r="F110199" s="14" t="s">
        <v>28</v>
      </c>
      <c r="G110199" s="16">
        <v>0.11542677112633944</v>
      </c>
    </row>
    <row r="110200" spans="1:7" x14ac:dyDescent="0.3">
      <c r="A110200" s="13" t="s">
        <v>527</v>
      </c>
      <c r="B110200" s="14" t="s">
        <v>1</v>
      </c>
      <c r="C110200" s="14" t="s">
        <v>191</v>
      </c>
      <c r="D110200" s="14" t="s">
        <v>528</v>
      </c>
      <c r="E110200" s="15">
        <v>45711</v>
      </c>
      <c r="F110200" s="14" t="s">
        <v>28</v>
      </c>
      <c r="G110200" s="16">
        <v>0.11542677112633944</v>
      </c>
    </row>
    <row r="110201" spans="1:7" x14ac:dyDescent="0.3">
      <c r="A110201" s="13" t="s">
        <v>527</v>
      </c>
      <c r="B110201" s="14" t="s">
        <v>1</v>
      </c>
      <c r="C110201" s="14" t="s">
        <v>191</v>
      </c>
      <c r="D110201" s="14" t="s">
        <v>528</v>
      </c>
      <c r="E110201" s="15">
        <v>45712</v>
      </c>
      <c r="F110201" s="14" t="s">
        <v>28</v>
      </c>
      <c r="G110201" s="16">
        <v>0.11396763737962419</v>
      </c>
    </row>
    <row r="110202" spans="1:7" x14ac:dyDescent="0.3">
      <c r="A110202" s="13" t="s">
        <v>527</v>
      </c>
      <c r="B110202" s="14" t="s">
        <v>1</v>
      </c>
      <c r="C110202" s="14" t="s">
        <v>191</v>
      </c>
      <c r="D110202" s="14" t="s">
        <v>528</v>
      </c>
      <c r="E110202" s="15">
        <v>45713</v>
      </c>
      <c r="F110202" s="14" t="s">
        <v>28</v>
      </c>
      <c r="G110202" s="16">
        <v>0.18448530406248326</v>
      </c>
    </row>
    <row r="110203" spans="1:7" x14ac:dyDescent="0.3">
      <c r="A110203" s="13" t="s">
        <v>527</v>
      </c>
      <c r="B110203" s="14" t="s">
        <v>1</v>
      </c>
      <c r="C110203" s="14" t="s">
        <v>191</v>
      </c>
      <c r="D110203" s="14" t="s">
        <v>528</v>
      </c>
      <c r="E110203" s="15">
        <v>45714</v>
      </c>
      <c r="F110203" s="14" t="s">
        <v>28</v>
      </c>
      <c r="G110203" s="16">
        <v>0.18318278181592693</v>
      </c>
    </row>
    <row r="110204" spans="1:7" x14ac:dyDescent="0.3">
      <c r="A110204" s="13" t="s">
        <v>527</v>
      </c>
      <c r="B110204" s="14" t="s">
        <v>1</v>
      </c>
      <c r="C110204" s="14" t="s">
        <v>191</v>
      </c>
      <c r="D110204" s="14" t="s">
        <v>528</v>
      </c>
      <c r="E110204" s="15">
        <v>45715</v>
      </c>
      <c r="F110204" s="14" t="s">
        <v>28</v>
      </c>
      <c r="G110204" s="16">
        <v>0.18681247964650283</v>
      </c>
    </row>
    <row r="110205" spans="1:7" x14ac:dyDescent="0.3">
      <c r="A110205" s="13" t="s">
        <v>527</v>
      </c>
      <c r="B110205" s="14" t="s">
        <v>1</v>
      </c>
      <c r="C110205" s="14" t="s">
        <v>191</v>
      </c>
      <c r="D110205" s="14" t="s">
        <v>528</v>
      </c>
      <c r="E110205" s="15">
        <v>45716</v>
      </c>
      <c r="F110205" s="14" t="s">
        <v>28</v>
      </c>
      <c r="G110205" s="16">
        <v>0.30527285301984236</v>
      </c>
    </row>
    <row r="110206" spans="1:7" x14ac:dyDescent="0.3">
      <c r="A110206" s="13" t="s">
        <v>527</v>
      </c>
      <c r="B110206" s="14" t="s">
        <v>1</v>
      </c>
      <c r="C110206" s="14" t="s">
        <v>191</v>
      </c>
      <c r="D110206" s="14" t="s">
        <v>528</v>
      </c>
      <c r="E110206" s="15">
        <v>45717</v>
      </c>
      <c r="F110206" s="14" t="s">
        <v>28</v>
      </c>
      <c r="G110206" s="16">
        <v>0.30527285301984236</v>
      </c>
    </row>
    <row r="110207" spans="1:7" x14ac:dyDescent="0.3">
      <c r="A110207" s="13" t="s">
        <v>527</v>
      </c>
      <c r="B110207" s="14" t="s">
        <v>1</v>
      </c>
      <c r="C110207" s="14" t="s">
        <v>191</v>
      </c>
      <c r="D110207" s="14" t="s">
        <v>528</v>
      </c>
      <c r="E110207" s="15">
        <v>45718</v>
      </c>
      <c r="F110207" s="14" t="s">
        <v>28</v>
      </c>
      <c r="G110207" s="16">
        <v>0.30527285301984236</v>
      </c>
    </row>
    <row r="110208" spans="1:7" x14ac:dyDescent="0.3">
      <c r="A110208" s="13" t="s">
        <v>527</v>
      </c>
      <c r="B110208" s="14" t="s">
        <v>1</v>
      </c>
      <c r="C110208" s="14" t="s">
        <v>191</v>
      </c>
      <c r="D110208" s="14" t="s">
        <v>528</v>
      </c>
      <c r="E110208" s="15">
        <v>45719</v>
      </c>
      <c r="F110208" s="14" t="s">
        <v>28</v>
      </c>
      <c r="G110208" s="16">
        <v>0.30263518486696733</v>
      </c>
    </row>
    <row r="110209" spans="1:7" x14ac:dyDescent="0.3">
      <c r="A110209" s="13" t="s">
        <v>527</v>
      </c>
      <c r="B110209" s="14" t="s">
        <v>1</v>
      </c>
      <c r="C110209" s="14" t="s">
        <v>191</v>
      </c>
      <c r="D110209" s="14" t="s">
        <v>528</v>
      </c>
      <c r="E110209" s="15">
        <v>45720</v>
      </c>
      <c r="F110209" s="14" t="s">
        <v>28</v>
      </c>
      <c r="G110209" s="16">
        <v>0.29067881718478816</v>
      </c>
    </row>
    <row r="110210" spans="1:7" x14ac:dyDescent="0.3">
      <c r="A110210" s="13" t="s">
        <v>527</v>
      </c>
      <c r="B110210" s="14" t="s">
        <v>1</v>
      </c>
      <c r="C110210" s="14" t="s">
        <v>191</v>
      </c>
      <c r="D110210" s="14" t="s">
        <v>528</v>
      </c>
      <c r="E110210" s="15">
        <v>45721</v>
      </c>
      <c r="F110210" s="14" t="s">
        <v>28</v>
      </c>
      <c r="G110210" s="16">
        <v>0.29305969855247876</v>
      </c>
    </row>
    <row r="110211" spans="1:7" x14ac:dyDescent="0.3">
      <c r="A110211" s="13" t="s">
        <v>527</v>
      </c>
      <c r="B110211" s="14" t="s">
        <v>1</v>
      </c>
      <c r="C110211" s="14" t="s">
        <v>191</v>
      </c>
      <c r="D110211" s="14" t="s">
        <v>528</v>
      </c>
      <c r="E110211" s="15">
        <v>45722</v>
      </c>
      <c r="F110211" s="14" t="s">
        <v>28</v>
      </c>
      <c r="G110211" s="16">
        <v>0.3044714954713183</v>
      </c>
    </row>
    <row r="110212" spans="1:7" x14ac:dyDescent="0.3">
      <c r="A110212" s="13" t="s">
        <v>527</v>
      </c>
      <c r="B110212" s="14" t="s">
        <v>1</v>
      </c>
      <c r="C110212" s="14" t="s">
        <v>191</v>
      </c>
      <c r="D110212" s="14" t="s">
        <v>528</v>
      </c>
      <c r="E110212" s="15">
        <v>45723</v>
      </c>
      <c r="F110212" s="14" t="s">
        <v>28</v>
      </c>
      <c r="G110212" s="16">
        <v>0.33578042757516358</v>
      </c>
    </row>
    <row r="110213" spans="1:7" x14ac:dyDescent="0.3">
      <c r="A110213" s="13" t="s">
        <v>527</v>
      </c>
      <c r="B110213" s="14" t="s">
        <v>1</v>
      </c>
      <c r="C110213" s="14" t="s">
        <v>191</v>
      </c>
      <c r="D110213" s="14" t="s">
        <v>528</v>
      </c>
      <c r="E110213" s="15">
        <v>45724</v>
      </c>
      <c r="F110213" s="14" t="s">
        <v>28</v>
      </c>
      <c r="G110213" s="16">
        <v>0.33578042757516358</v>
      </c>
    </row>
    <row r="110214" spans="1:7" x14ac:dyDescent="0.3">
      <c r="A110214" s="13" t="s">
        <v>527</v>
      </c>
      <c r="B110214" s="14" t="s">
        <v>1</v>
      </c>
      <c r="C110214" s="14" t="s">
        <v>191</v>
      </c>
      <c r="D110214" s="14" t="s">
        <v>528</v>
      </c>
      <c r="E110214" s="15">
        <v>45725</v>
      </c>
      <c r="F110214" s="14" t="s">
        <v>28</v>
      </c>
      <c r="G110214" s="16">
        <v>0.33578042757516358</v>
      </c>
    </row>
    <row r="110215" spans="1:7" x14ac:dyDescent="0.3">
      <c r="A110215" s="13" t="s">
        <v>527</v>
      </c>
      <c r="B110215" s="14" t="s">
        <v>1</v>
      </c>
      <c r="C110215" s="14" t="s">
        <v>191</v>
      </c>
      <c r="D110215" s="14" t="s">
        <v>528</v>
      </c>
      <c r="E110215" s="15">
        <v>45726</v>
      </c>
      <c r="F110215" s="14" t="s">
        <v>28</v>
      </c>
      <c r="G110215" s="16">
        <v>0.34072586483341633</v>
      </c>
    </row>
    <row r="110216" spans="1:7" x14ac:dyDescent="0.3">
      <c r="A110216" s="13" t="s">
        <v>527</v>
      </c>
      <c r="B110216" s="14" t="s">
        <v>1</v>
      </c>
      <c r="C110216" s="14" t="s">
        <v>191</v>
      </c>
      <c r="D110216" s="14" t="s">
        <v>528</v>
      </c>
      <c r="E110216" s="15">
        <v>45727</v>
      </c>
      <c r="F110216" s="14" t="s">
        <v>28</v>
      </c>
      <c r="G110216" s="16">
        <v>0.31864323576327003</v>
      </c>
    </row>
    <row r="110217" spans="1:7" x14ac:dyDescent="0.3">
      <c r="A110217" s="13" t="s">
        <v>527</v>
      </c>
      <c r="B110217" s="14" t="s">
        <v>1</v>
      </c>
      <c r="C110217" s="14" t="s">
        <v>191</v>
      </c>
      <c r="D110217" s="14" t="s">
        <v>528</v>
      </c>
      <c r="E110217" s="15">
        <v>45728</v>
      </c>
      <c r="F110217" s="14" t="s">
        <v>28</v>
      </c>
      <c r="G110217" s="16">
        <v>0.31548550475783277</v>
      </c>
    </row>
    <row r="110218" spans="1:7" x14ac:dyDescent="0.3">
      <c r="A110218" s="13" t="s">
        <v>527</v>
      </c>
      <c r="B110218" s="14" t="s">
        <v>1</v>
      </c>
      <c r="C110218" s="14" t="s">
        <v>191</v>
      </c>
      <c r="D110218" s="14" t="s">
        <v>528</v>
      </c>
      <c r="E110218" s="15">
        <v>45729</v>
      </c>
      <c r="F110218" s="14" t="s">
        <v>28</v>
      </c>
      <c r="G110218" s="16">
        <v>0.31459048420307784</v>
      </c>
    </row>
    <row r="110219" spans="1:7" x14ac:dyDescent="0.3">
      <c r="A110219" s="13" t="s">
        <v>527</v>
      </c>
      <c r="B110219" s="14" t="s">
        <v>1</v>
      </c>
      <c r="C110219" s="14" t="s">
        <v>191</v>
      </c>
      <c r="D110219" s="14" t="s">
        <v>528</v>
      </c>
      <c r="E110219" s="15">
        <v>45730</v>
      </c>
      <c r="F110219" s="14" t="s">
        <v>28</v>
      </c>
      <c r="G110219" s="16">
        <v>0.29960874307811469</v>
      </c>
    </row>
    <row r="110220" spans="1:7" x14ac:dyDescent="0.3">
      <c r="A110220" s="13" t="s">
        <v>527</v>
      </c>
      <c r="B110220" s="14" t="s">
        <v>1</v>
      </c>
      <c r="C110220" s="14" t="s">
        <v>191</v>
      </c>
      <c r="D110220" s="14" t="s">
        <v>528</v>
      </c>
      <c r="E110220" s="15">
        <v>45731</v>
      </c>
      <c r="F110220" s="14" t="s">
        <v>28</v>
      </c>
      <c r="G110220" s="16">
        <v>0.29960874307811469</v>
      </c>
    </row>
    <row r="110221" spans="1:7" x14ac:dyDescent="0.3">
      <c r="A110221" s="13" t="s">
        <v>527</v>
      </c>
      <c r="B110221" s="14" t="s">
        <v>1</v>
      </c>
      <c r="C110221" s="14" t="s">
        <v>191</v>
      </c>
      <c r="D110221" s="14" t="s">
        <v>528</v>
      </c>
      <c r="E110221" s="15">
        <v>45732</v>
      </c>
      <c r="F110221" s="14" t="s">
        <v>28</v>
      </c>
      <c r="G110221" s="16">
        <v>0.29960874307811469</v>
      </c>
    </row>
    <row r="110222" spans="1:7" x14ac:dyDescent="0.3">
      <c r="A110222" s="13" t="s">
        <v>527</v>
      </c>
      <c r="B110222" s="14" t="s">
        <v>1</v>
      </c>
      <c r="C110222" s="14" t="s">
        <v>191</v>
      </c>
      <c r="D110222" s="14" t="s">
        <v>528</v>
      </c>
      <c r="E110222" s="15">
        <v>45733</v>
      </c>
      <c r="F110222" s="14" t="s">
        <v>28</v>
      </c>
      <c r="G110222" s="16">
        <v>0.29960874307811469</v>
      </c>
    </row>
    <row r="110223" spans="1:7" x14ac:dyDescent="0.3">
      <c r="A110223" s="13" t="s">
        <v>527</v>
      </c>
      <c r="B110223" s="14" t="s">
        <v>1</v>
      </c>
      <c r="C110223" s="14" t="s">
        <v>191</v>
      </c>
      <c r="D110223" s="14" t="s">
        <v>528</v>
      </c>
      <c r="E110223" s="15">
        <v>45734</v>
      </c>
      <c r="F110223" s="14" t="s">
        <v>28</v>
      </c>
      <c r="G110223" s="16">
        <v>0.29732948038378521</v>
      </c>
    </row>
    <row r="110224" spans="1:7" x14ac:dyDescent="0.3">
      <c r="A110224" s="13" t="s">
        <v>527</v>
      </c>
      <c r="B110224" s="14" t="s">
        <v>1</v>
      </c>
      <c r="C110224" s="14" t="s">
        <v>191</v>
      </c>
      <c r="D110224" s="14" t="s">
        <v>528</v>
      </c>
      <c r="E110224" s="15">
        <v>45735</v>
      </c>
      <c r="F110224" s="14" t="s">
        <v>28</v>
      </c>
      <c r="G110224" s="16">
        <v>0.28778207499471337</v>
      </c>
    </row>
    <row r="110225" spans="1:7" x14ac:dyDescent="0.3">
      <c r="A110225" s="13" t="s">
        <v>527</v>
      </c>
      <c r="B110225" s="14" t="s">
        <v>1</v>
      </c>
      <c r="C110225" s="14" t="s">
        <v>191</v>
      </c>
      <c r="D110225" s="14" t="s">
        <v>528</v>
      </c>
      <c r="E110225" s="15">
        <v>45736</v>
      </c>
      <c r="F110225" s="14" t="s">
        <v>28</v>
      </c>
      <c r="G110225" s="16">
        <v>0.28055363926155791</v>
      </c>
    </row>
    <row r="110226" spans="1:7" x14ac:dyDescent="0.3">
      <c r="A110226" s="13" t="s">
        <v>527</v>
      </c>
      <c r="B110226" s="14" t="s">
        <v>1</v>
      </c>
      <c r="C110226" s="14" t="s">
        <v>191</v>
      </c>
      <c r="D110226" s="14" t="s">
        <v>528</v>
      </c>
      <c r="E110226" s="15">
        <v>45737</v>
      </c>
      <c r="F110226" s="14" t="s">
        <v>28</v>
      </c>
      <c r="G110226" s="16">
        <v>0.27905584188123067</v>
      </c>
    </row>
    <row r="110227" spans="1:7" x14ac:dyDescent="0.3">
      <c r="A110227" s="13" t="s">
        <v>527</v>
      </c>
      <c r="B110227" s="14" t="s">
        <v>1</v>
      </c>
      <c r="C110227" s="14" t="s">
        <v>191</v>
      </c>
      <c r="D110227" s="14" t="s">
        <v>528</v>
      </c>
      <c r="E110227" s="15">
        <v>45738</v>
      </c>
      <c r="F110227" s="14" t="s">
        <v>28</v>
      </c>
      <c r="G110227" s="16">
        <v>0.27905584188123067</v>
      </c>
    </row>
    <row r="110228" spans="1:7" x14ac:dyDescent="0.3">
      <c r="A110228" s="13" t="s">
        <v>527</v>
      </c>
      <c r="B110228" s="14" t="s">
        <v>1</v>
      </c>
      <c r="C110228" s="14" t="s">
        <v>191</v>
      </c>
      <c r="D110228" s="14" t="s">
        <v>528</v>
      </c>
      <c r="E110228" s="15">
        <v>45739</v>
      </c>
      <c r="F110228" s="14" t="s">
        <v>28</v>
      </c>
      <c r="G110228" s="16">
        <v>0.27905584188123067</v>
      </c>
    </row>
    <row r="110229" spans="1:7" x14ac:dyDescent="0.3">
      <c r="A110229" s="13" t="s">
        <v>527</v>
      </c>
      <c r="B110229" s="14" t="s">
        <v>1</v>
      </c>
      <c r="C110229" s="14" t="s">
        <v>191</v>
      </c>
      <c r="D110229" s="14" t="s">
        <v>528</v>
      </c>
      <c r="E110229" s="15">
        <v>45740</v>
      </c>
      <c r="F110229" s="14" t="s">
        <v>28</v>
      </c>
      <c r="G110229" s="16">
        <v>0.27798021982101667</v>
      </c>
    </row>
    <row r="110230" spans="1:7" x14ac:dyDescent="0.3">
      <c r="A110230" s="13" t="s">
        <v>527</v>
      </c>
      <c r="B110230" s="14" t="s">
        <v>1</v>
      </c>
      <c r="C110230" s="14" t="s">
        <v>191</v>
      </c>
      <c r="D110230" s="14" t="s">
        <v>528</v>
      </c>
      <c r="E110230" s="15">
        <v>45741</v>
      </c>
      <c r="F110230" s="14" t="s">
        <v>28</v>
      </c>
      <c r="G110230" s="16">
        <v>0.27234358435630163</v>
      </c>
    </row>
    <row r="110231" spans="1:7" x14ac:dyDescent="0.3">
      <c r="A110231" s="13" t="s">
        <v>527</v>
      </c>
      <c r="B110231" s="14" t="s">
        <v>1</v>
      </c>
      <c r="C110231" s="14" t="s">
        <v>191</v>
      </c>
      <c r="D110231" s="14" t="s">
        <v>528</v>
      </c>
      <c r="E110231" s="15">
        <v>45742</v>
      </c>
      <c r="F110231" s="14" t="s">
        <v>28</v>
      </c>
      <c r="G110231" s="16">
        <v>0.26400457135820027</v>
      </c>
    </row>
    <row r="110232" spans="1:7" x14ac:dyDescent="0.3">
      <c r="A110232" s="13" t="s">
        <v>527</v>
      </c>
      <c r="B110232" s="14" t="s">
        <v>1</v>
      </c>
      <c r="C110232" s="14" t="s">
        <v>191</v>
      </c>
      <c r="D110232" s="14" t="s">
        <v>528</v>
      </c>
      <c r="E110232" s="15">
        <v>45743</v>
      </c>
      <c r="F110232" s="14" t="s">
        <v>28</v>
      </c>
      <c r="G110232" s="16">
        <v>0.26271374149982013</v>
      </c>
    </row>
    <row r="110233" spans="1:7" x14ac:dyDescent="0.3">
      <c r="A110233" s="13" t="s">
        <v>527</v>
      </c>
      <c r="B110233" s="14" t="s">
        <v>1</v>
      </c>
      <c r="C110233" s="14" t="s">
        <v>191</v>
      </c>
      <c r="D110233" s="14" t="s">
        <v>528</v>
      </c>
      <c r="E110233" s="15">
        <v>45744</v>
      </c>
      <c r="F110233" s="14" t="s">
        <v>28</v>
      </c>
      <c r="G110233" s="16">
        <v>0.26164020867622745</v>
      </c>
    </row>
    <row r="110234" spans="1:7" x14ac:dyDescent="0.3">
      <c r="A110234" s="13" t="s">
        <v>527</v>
      </c>
      <c r="B110234" s="14" t="s">
        <v>1</v>
      </c>
      <c r="C110234" s="14" t="s">
        <v>191</v>
      </c>
      <c r="D110234" s="14" t="s">
        <v>528</v>
      </c>
      <c r="E110234" s="15">
        <v>45745</v>
      </c>
      <c r="F110234" s="14" t="s">
        <v>28</v>
      </c>
      <c r="G110234" s="16">
        <v>0.26164020867622745</v>
      </c>
    </row>
    <row r="110235" spans="1:7" x14ac:dyDescent="0.3">
      <c r="A110235" s="13" t="s">
        <v>527</v>
      </c>
      <c r="B110235" s="14" t="s">
        <v>1</v>
      </c>
      <c r="C110235" s="14" t="s">
        <v>191</v>
      </c>
      <c r="D110235" s="14" t="s">
        <v>528</v>
      </c>
      <c r="E110235" s="15">
        <v>45746</v>
      </c>
      <c r="F110235" s="14" t="s">
        <v>28</v>
      </c>
      <c r="G110235" s="16">
        <v>0.26164020867622745</v>
      </c>
    </row>
    <row r="110236" spans="1:7" x14ac:dyDescent="0.3">
      <c r="A110236" s="13" t="s">
        <v>527</v>
      </c>
      <c r="B110236" s="14" t="s">
        <v>1</v>
      </c>
      <c r="C110236" s="14" t="s">
        <v>191</v>
      </c>
      <c r="D110236" s="14" t="s">
        <v>528</v>
      </c>
      <c r="E110236" s="15">
        <v>45747</v>
      </c>
      <c r="F110236" s="14" t="s">
        <v>28</v>
      </c>
      <c r="G110236" s="16">
        <v>0.26164020867622745</v>
      </c>
    </row>
    <row r="110237" spans="1:7" x14ac:dyDescent="0.3">
      <c r="A110237" s="13" t="s">
        <v>529</v>
      </c>
      <c r="B110237" s="14" t="s">
        <v>1</v>
      </c>
      <c r="C110237" s="14" t="s">
        <v>47</v>
      </c>
      <c r="D110237" s="14" t="s">
        <v>530</v>
      </c>
      <c r="E110237" s="15">
        <v>45383</v>
      </c>
      <c r="F110237" s="14" t="s">
        <v>25</v>
      </c>
      <c r="G110237" s="16">
        <v>0</v>
      </c>
    </row>
    <row r="110238" spans="1:7" x14ac:dyDescent="0.3">
      <c r="A110238" s="13" t="s">
        <v>529</v>
      </c>
      <c r="B110238" s="14" t="s">
        <v>1</v>
      </c>
      <c r="C110238" s="14" t="s">
        <v>47</v>
      </c>
      <c r="D110238" s="14" t="s">
        <v>530</v>
      </c>
      <c r="E110238" s="15">
        <v>45384</v>
      </c>
      <c r="F110238" s="14" t="s">
        <v>25</v>
      </c>
      <c r="G110238" s="16">
        <v>0</v>
      </c>
    </row>
    <row r="110239" spans="1:7" x14ac:dyDescent="0.3">
      <c r="A110239" s="13" t="s">
        <v>529</v>
      </c>
      <c r="B110239" s="14" t="s">
        <v>1</v>
      </c>
      <c r="C110239" s="14" t="s">
        <v>47</v>
      </c>
      <c r="D110239" s="14" t="s">
        <v>530</v>
      </c>
      <c r="E110239" s="15">
        <v>45385</v>
      </c>
      <c r="F110239" s="14" t="s">
        <v>25</v>
      </c>
      <c r="G110239" s="16">
        <v>0</v>
      </c>
    </row>
    <row r="110240" spans="1:7" x14ac:dyDescent="0.3">
      <c r="A110240" s="13" t="s">
        <v>529</v>
      </c>
      <c r="B110240" s="14" t="s">
        <v>1</v>
      </c>
      <c r="C110240" s="14" t="s">
        <v>47</v>
      </c>
      <c r="D110240" s="14" t="s">
        <v>530</v>
      </c>
      <c r="E110240" s="15">
        <v>45386</v>
      </c>
      <c r="F110240" s="14" t="s">
        <v>25</v>
      </c>
      <c r="G110240" s="16">
        <v>0</v>
      </c>
    </row>
    <row r="110241" spans="1:7" x14ac:dyDescent="0.3">
      <c r="A110241" s="13" t="s">
        <v>529</v>
      </c>
      <c r="B110241" s="14" t="s">
        <v>1</v>
      </c>
      <c r="C110241" s="14" t="s">
        <v>47</v>
      </c>
      <c r="D110241" s="14" t="s">
        <v>530</v>
      </c>
      <c r="E110241" s="15">
        <v>45387</v>
      </c>
      <c r="F110241" s="14" t="s">
        <v>25</v>
      </c>
      <c r="G110241" s="16">
        <v>0</v>
      </c>
    </row>
    <row r="110242" spans="1:7" x14ac:dyDescent="0.3">
      <c r="A110242" s="13" t="s">
        <v>529</v>
      </c>
      <c r="B110242" s="14" t="s">
        <v>1</v>
      </c>
      <c r="C110242" s="14" t="s">
        <v>47</v>
      </c>
      <c r="D110242" s="14" t="s">
        <v>530</v>
      </c>
      <c r="E110242" s="15">
        <v>45388</v>
      </c>
      <c r="F110242" s="14" t="s">
        <v>25</v>
      </c>
      <c r="G110242" s="16">
        <v>0</v>
      </c>
    </row>
    <row r="110243" spans="1:7" x14ac:dyDescent="0.3">
      <c r="A110243" s="13" t="s">
        <v>529</v>
      </c>
      <c r="B110243" s="14" t="s">
        <v>1</v>
      </c>
      <c r="C110243" s="14" t="s">
        <v>47</v>
      </c>
      <c r="D110243" s="14" t="s">
        <v>530</v>
      </c>
      <c r="E110243" s="15">
        <v>45389</v>
      </c>
      <c r="F110243" s="14" t="s">
        <v>25</v>
      </c>
      <c r="G110243" s="16">
        <v>0</v>
      </c>
    </row>
    <row r="110244" spans="1:7" x14ac:dyDescent="0.3">
      <c r="A110244" s="13" t="s">
        <v>529</v>
      </c>
      <c r="B110244" s="14" t="s">
        <v>1</v>
      </c>
      <c r="C110244" s="14" t="s">
        <v>47</v>
      </c>
      <c r="D110244" s="14" t="s">
        <v>530</v>
      </c>
      <c r="E110244" s="15">
        <v>45390</v>
      </c>
      <c r="F110244" s="14" t="s">
        <v>25</v>
      </c>
      <c r="G110244" s="16">
        <v>0</v>
      </c>
    </row>
    <row r="110245" spans="1:7" x14ac:dyDescent="0.3">
      <c r="A110245" s="13" t="s">
        <v>529</v>
      </c>
      <c r="B110245" s="14" t="s">
        <v>1</v>
      </c>
      <c r="C110245" s="14" t="s">
        <v>47</v>
      </c>
      <c r="D110245" s="14" t="s">
        <v>530</v>
      </c>
      <c r="E110245" s="15">
        <v>45391</v>
      </c>
      <c r="F110245" s="14" t="s">
        <v>25</v>
      </c>
      <c r="G110245" s="16">
        <v>0</v>
      </c>
    </row>
    <row r="110246" spans="1:7" x14ac:dyDescent="0.3">
      <c r="A110246" s="13" t="s">
        <v>529</v>
      </c>
      <c r="B110246" s="14" t="s">
        <v>1</v>
      </c>
      <c r="C110246" s="14" t="s">
        <v>47</v>
      </c>
      <c r="D110246" s="14" t="s">
        <v>530</v>
      </c>
      <c r="E110246" s="15">
        <v>45392</v>
      </c>
      <c r="F110246" s="14" t="s">
        <v>25</v>
      </c>
      <c r="G110246" s="16">
        <v>0</v>
      </c>
    </row>
    <row r="110247" spans="1:7" x14ac:dyDescent="0.3">
      <c r="A110247" s="13" t="s">
        <v>529</v>
      </c>
      <c r="B110247" s="14" t="s">
        <v>1</v>
      </c>
      <c r="C110247" s="14" t="s">
        <v>47</v>
      </c>
      <c r="D110247" s="14" t="s">
        <v>530</v>
      </c>
      <c r="E110247" s="15">
        <v>45393</v>
      </c>
      <c r="F110247" s="14" t="s">
        <v>25</v>
      </c>
      <c r="G110247" s="16">
        <v>0</v>
      </c>
    </row>
    <row r="110248" spans="1:7" x14ac:dyDescent="0.3">
      <c r="A110248" s="13" t="s">
        <v>529</v>
      </c>
      <c r="B110248" s="14" t="s">
        <v>1</v>
      </c>
      <c r="C110248" s="14" t="s">
        <v>47</v>
      </c>
      <c r="D110248" s="14" t="s">
        <v>530</v>
      </c>
      <c r="E110248" s="15">
        <v>45394</v>
      </c>
      <c r="F110248" s="14" t="s">
        <v>25</v>
      </c>
      <c r="G110248" s="16">
        <v>0</v>
      </c>
    </row>
    <row r="110249" spans="1:7" x14ac:dyDescent="0.3">
      <c r="A110249" s="13" t="s">
        <v>529</v>
      </c>
      <c r="B110249" s="14" t="s">
        <v>1</v>
      </c>
      <c r="C110249" s="14" t="s">
        <v>47</v>
      </c>
      <c r="D110249" s="14" t="s">
        <v>530</v>
      </c>
      <c r="E110249" s="15">
        <v>45395</v>
      </c>
      <c r="F110249" s="14" t="s">
        <v>25</v>
      </c>
      <c r="G110249" s="16">
        <v>0</v>
      </c>
    </row>
    <row r="110250" spans="1:7" x14ac:dyDescent="0.3">
      <c r="A110250" s="13" t="s">
        <v>529</v>
      </c>
      <c r="B110250" s="14" t="s">
        <v>1</v>
      </c>
      <c r="C110250" s="14" t="s">
        <v>47</v>
      </c>
      <c r="D110250" s="14" t="s">
        <v>530</v>
      </c>
      <c r="E110250" s="15">
        <v>45396</v>
      </c>
      <c r="F110250" s="14" t="s">
        <v>25</v>
      </c>
      <c r="G110250" s="16">
        <v>0</v>
      </c>
    </row>
    <row r="110251" spans="1:7" x14ac:dyDescent="0.3">
      <c r="A110251" s="13" t="s">
        <v>529</v>
      </c>
      <c r="B110251" s="14" t="s">
        <v>1</v>
      </c>
      <c r="C110251" s="14" t="s">
        <v>47</v>
      </c>
      <c r="D110251" s="14" t="s">
        <v>530</v>
      </c>
      <c r="E110251" s="15">
        <v>45397</v>
      </c>
      <c r="F110251" s="14" t="s">
        <v>25</v>
      </c>
      <c r="G110251" s="16">
        <v>0</v>
      </c>
    </row>
    <row r="110252" spans="1:7" x14ac:dyDescent="0.3">
      <c r="A110252" s="13" t="s">
        <v>529</v>
      </c>
      <c r="B110252" s="14" t="s">
        <v>1</v>
      </c>
      <c r="C110252" s="14" t="s">
        <v>47</v>
      </c>
      <c r="D110252" s="14" t="s">
        <v>530</v>
      </c>
      <c r="E110252" s="15">
        <v>45398</v>
      </c>
      <c r="F110252" s="14" t="s">
        <v>25</v>
      </c>
      <c r="G110252" s="16">
        <v>0</v>
      </c>
    </row>
    <row r="110253" spans="1:7" x14ac:dyDescent="0.3">
      <c r="A110253" s="13" t="s">
        <v>529</v>
      </c>
      <c r="B110253" s="14" t="s">
        <v>1</v>
      </c>
      <c r="C110253" s="14" t="s">
        <v>47</v>
      </c>
      <c r="D110253" s="14" t="s">
        <v>530</v>
      </c>
      <c r="E110253" s="15">
        <v>45399</v>
      </c>
      <c r="F110253" s="14" t="s">
        <v>25</v>
      </c>
      <c r="G110253" s="16">
        <v>0</v>
      </c>
    </row>
    <row r="110254" spans="1:7" x14ac:dyDescent="0.3">
      <c r="A110254" s="13" t="s">
        <v>529</v>
      </c>
      <c r="B110254" s="14" t="s">
        <v>1</v>
      </c>
      <c r="C110254" s="14" t="s">
        <v>47</v>
      </c>
      <c r="D110254" s="14" t="s">
        <v>530</v>
      </c>
      <c r="E110254" s="15">
        <v>45400</v>
      </c>
      <c r="F110254" s="14" t="s">
        <v>25</v>
      </c>
      <c r="G110254" s="16">
        <v>0</v>
      </c>
    </row>
    <row r="110255" spans="1:7" x14ac:dyDescent="0.3">
      <c r="A110255" s="13" t="s">
        <v>529</v>
      </c>
      <c r="B110255" s="14" t="s">
        <v>1</v>
      </c>
      <c r="C110255" s="14" t="s">
        <v>47</v>
      </c>
      <c r="D110255" s="14" t="s">
        <v>530</v>
      </c>
      <c r="E110255" s="15">
        <v>45401</v>
      </c>
      <c r="F110255" s="14" t="s">
        <v>25</v>
      </c>
      <c r="G110255" s="16">
        <v>0</v>
      </c>
    </row>
    <row r="110256" spans="1:7" x14ac:dyDescent="0.3">
      <c r="A110256" s="13" t="s">
        <v>529</v>
      </c>
      <c r="B110256" s="14" t="s">
        <v>1</v>
      </c>
      <c r="C110256" s="14" t="s">
        <v>47</v>
      </c>
      <c r="D110256" s="14" t="s">
        <v>530</v>
      </c>
      <c r="E110256" s="15">
        <v>45402</v>
      </c>
      <c r="F110256" s="14" t="s">
        <v>25</v>
      </c>
      <c r="G110256" s="16">
        <v>0</v>
      </c>
    </row>
    <row r="110257" spans="1:7" x14ac:dyDescent="0.3">
      <c r="A110257" s="13" t="s">
        <v>529</v>
      </c>
      <c r="B110257" s="14" t="s">
        <v>1</v>
      </c>
      <c r="C110257" s="14" t="s">
        <v>47</v>
      </c>
      <c r="D110257" s="14" t="s">
        <v>530</v>
      </c>
      <c r="E110257" s="15">
        <v>45403</v>
      </c>
      <c r="F110257" s="14" t="s">
        <v>25</v>
      </c>
      <c r="G110257" s="16">
        <v>0</v>
      </c>
    </row>
    <row r="110258" spans="1:7" x14ac:dyDescent="0.3">
      <c r="A110258" s="13" t="s">
        <v>529</v>
      </c>
      <c r="B110258" s="14" t="s">
        <v>1</v>
      </c>
      <c r="C110258" s="14" t="s">
        <v>47</v>
      </c>
      <c r="D110258" s="14" t="s">
        <v>530</v>
      </c>
      <c r="E110258" s="15">
        <v>45404</v>
      </c>
      <c r="F110258" s="14" t="s">
        <v>25</v>
      </c>
      <c r="G110258" s="16">
        <v>0</v>
      </c>
    </row>
    <row r="110259" spans="1:7" x14ac:dyDescent="0.3">
      <c r="A110259" s="13" t="s">
        <v>529</v>
      </c>
      <c r="B110259" s="14" t="s">
        <v>1</v>
      </c>
      <c r="C110259" s="14" t="s">
        <v>47</v>
      </c>
      <c r="D110259" s="14" t="s">
        <v>530</v>
      </c>
      <c r="E110259" s="15">
        <v>45405</v>
      </c>
      <c r="F110259" s="14" t="s">
        <v>25</v>
      </c>
      <c r="G110259" s="16">
        <v>0</v>
      </c>
    </row>
    <row r="110260" spans="1:7" x14ac:dyDescent="0.3">
      <c r="A110260" s="13" t="s">
        <v>529</v>
      </c>
      <c r="B110260" s="14" t="s">
        <v>1</v>
      </c>
      <c r="C110260" s="14" t="s">
        <v>47</v>
      </c>
      <c r="D110260" s="14" t="s">
        <v>530</v>
      </c>
      <c r="E110260" s="15">
        <v>45406</v>
      </c>
      <c r="F110260" s="14" t="s">
        <v>25</v>
      </c>
      <c r="G110260" s="16">
        <v>0</v>
      </c>
    </row>
    <row r="110261" spans="1:7" x14ac:dyDescent="0.3">
      <c r="A110261" s="13" t="s">
        <v>529</v>
      </c>
      <c r="B110261" s="14" t="s">
        <v>1</v>
      </c>
      <c r="C110261" s="14" t="s">
        <v>47</v>
      </c>
      <c r="D110261" s="14" t="s">
        <v>530</v>
      </c>
      <c r="E110261" s="15">
        <v>45407</v>
      </c>
      <c r="F110261" s="14" t="s">
        <v>25</v>
      </c>
      <c r="G110261" s="16">
        <v>0</v>
      </c>
    </row>
    <row r="110262" spans="1:7" x14ac:dyDescent="0.3">
      <c r="A110262" s="13" t="s">
        <v>529</v>
      </c>
      <c r="B110262" s="14" t="s">
        <v>1</v>
      </c>
      <c r="C110262" s="14" t="s">
        <v>47</v>
      </c>
      <c r="D110262" s="14" t="s">
        <v>530</v>
      </c>
      <c r="E110262" s="15">
        <v>45408</v>
      </c>
      <c r="F110262" s="14" t="s">
        <v>25</v>
      </c>
      <c r="G110262" s="16">
        <v>0</v>
      </c>
    </row>
    <row r="110263" spans="1:7" x14ac:dyDescent="0.3">
      <c r="A110263" s="13" t="s">
        <v>529</v>
      </c>
      <c r="B110263" s="14" t="s">
        <v>1</v>
      </c>
      <c r="C110263" s="14" t="s">
        <v>47</v>
      </c>
      <c r="D110263" s="14" t="s">
        <v>530</v>
      </c>
      <c r="E110263" s="15">
        <v>45409</v>
      </c>
      <c r="F110263" s="14" t="s">
        <v>25</v>
      </c>
      <c r="G110263" s="16">
        <v>0</v>
      </c>
    </row>
    <row r="110264" spans="1:7" x14ac:dyDescent="0.3">
      <c r="A110264" s="13" t="s">
        <v>529</v>
      </c>
      <c r="B110264" s="14" t="s">
        <v>1</v>
      </c>
      <c r="C110264" s="14" t="s">
        <v>47</v>
      </c>
      <c r="D110264" s="14" t="s">
        <v>530</v>
      </c>
      <c r="E110264" s="15">
        <v>45410</v>
      </c>
      <c r="F110264" s="14" t="s">
        <v>25</v>
      </c>
      <c r="G110264" s="16">
        <v>0</v>
      </c>
    </row>
    <row r="110265" spans="1:7" x14ac:dyDescent="0.3">
      <c r="A110265" s="13" t="s">
        <v>529</v>
      </c>
      <c r="B110265" s="14" t="s">
        <v>1</v>
      </c>
      <c r="C110265" s="14" t="s">
        <v>47</v>
      </c>
      <c r="D110265" s="14" t="s">
        <v>530</v>
      </c>
      <c r="E110265" s="15">
        <v>45411</v>
      </c>
      <c r="F110265" s="14" t="s">
        <v>25</v>
      </c>
      <c r="G110265" s="16">
        <v>0</v>
      </c>
    </row>
    <row r="110266" spans="1:7" x14ac:dyDescent="0.3">
      <c r="A110266" s="13" t="s">
        <v>529</v>
      </c>
      <c r="B110266" s="14" t="s">
        <v>1</v>
      </c>
      <c r="C110266" s="14" t="s">
        <v>47</v>
      </c>
      <c r="D110266" s="14" t="s">
        <v>530</v>
      </c>
      <c r="E110266" s="15">
        <v>45412</v>
      </c>
      <c r="F110266" s="14" t="s">
        <v>25</v>
      </c>
      <c r="G110266" s="16">
        <v>0</v>
      </c>
    </row>
    <row r="110267" spans="1:7" x14ac:dyDescent="0.3">
      <c r="A110267" s="13" t="s">
        <v>529</v>
      </c>
      <c r="B110267" s="14" t="s">
        <v>1</v>
      </c>
      <c r="C110267" s="14" t="s">
        <v>47</v>
      </c>
      <c r="D110267" s="14" t="s">
        <v>530</v>
      </c>
      <c r="E110267" s="15">
        <v>45413</v>
      </c>
      <c r="F110267" s="14" t="s">
        <v>25</v>
      </c>
      <c r="G110267" s="16">
        <v>0</v>
      </c>
    </row>
    <row r="110268" spans="1:7" x14ac:dyDescent="0.3">
      <c r="A110268" s="13" t="s">
        <v>529</v>
      </c>
      <c r="B110268" s="14" t="s">
        <v>1</v>
      </c>
      <c r="C110268" s="14" t="s">
        <v>47</v>
      </c>
      <c r="D110268" s="14" t="s">
        <v>530</v>
      </c>
      <c r="E110268" s="15">
        <v>45414</v>
      </c>
      <c r="F110268" s="14" t="s">
        <v>25</v>
      </c>
      <c r="G110268" s="16">
        <v>0</v>
      </c>
    </row>
    <row r="110269" spans="1:7" x14ac:dyDescent="0.3">
      <c r="A110269" s="13" t="s">
        <v>529</v>
      </c>
      <c r="B110269" s="14" t="s">
        <v>1</v>
      </c>
      <c r="C110269" s="14" t="s">
        <v>47</v>
      </c>
      <c r="D110269" s="14" t="s">
        <v>530</v>
      </c>
      <c r="E110269" s="15">
        <v>45415</v>
      </c>
      <c r="F110269" s="14" t="s">
        <v>25</v>
      </c>
      <c r="G110269" s="16">
        <v>0</v>
      </c>
    </row>
    <row r="110270" spans="1:7" x14ac:dyDescent="0.3">
      <c r="A110270" s="13" t="s">
        <v>529</v>
      </c>
      <c r="B110270" s="14" t="s">
        <v>1</v>
      </c>
      <c r="C110270" s="14" t="s">
        <v>47</v>
      </c>
      <c r="D110270" s="14" t="s">
        <v>530</v>
      </c>
      <c r="E110270" s="15">
        <v>45416</v>
      </c>
      <c r="F110270" s="14" t="s">
        <v>25</v>
      </c>
      <c r="G110270" s="16">
        <v>0</v>
      </c>
    </row>
    <row r="110271" spans="1:7" x14ac:dyDescent="0.3">
      <c r="A110271" s="13" t="s">
        <v>529</v>
      </c>
      <c r="B110271" s="14" t="s">
        <v>1</v>
      </c>
      <c r="C110271" s="14" t="s">
        <v>47</v>
      </c>
      <c r="D110271" s="14" t="s">
        <v>530</v>
      </c>
      <c r="E110271" s="15">
        <v>45417</v>
      </c>
      <c r="F110271" s="14" t="s">
        <v>25</v>
      </c>
      <c r="G110271" s="16">
        <v>0</v>
      </c>
    </row>
    <row r="110272" spans="1:7" x14ac:dyDescent="0.3">
      <c r="A110272" s="13" t="s">
        <v>529</v>
      </c>
      <c r="B110272" s="14" t="s">
        <v>1</v>
      </c>
      <c r="C110272" s="14" t="s">
        <v>47</v>
      </c>
      <c r="D110272" s="14" t="s">
        <v>530</v>
      </c>
      <c r="E110272" s="15">
        <v>45418</v>
      </c>
      <c r="F110272" s="14" t="s">
        <v>25</v>
      </c>
      <c r="G110272" s="16">
        <v>0</v>
      </c>
    </row>
    <row r="110273" spans="1:7" x14ac:dyDescent="0.3">
      <c r="A110273" s="13" t="s">
        <v>529</v>
      </c>
      <c r="B110273" s="14" t="s">
        <v>1</v>
      </c>
      <c r="C110273" s="14" t="s">
        <v>47</v>
      </c>
      <c r="D110273" s="14" t="s">
        <v>530</v>
      </c>
      <c r="E110273" s="15">
        <v>45419</v>
      </c>
      <c r="F110273" s="14" t="s">
        <v>25</v>
      </c>
      <c r="G110273" s="16">
        <v>0</v>
      </c>
    </row>
    <row r="110274" spans="1:7" x14ac:dyDescent="0.3">
      <c r="A110274" s="13" t="s">
        <v>529</v>
      </c>
      <c r="B110274" s="14" t="s">
        <v>1</v>
      </c>
      <c r="C110274" s="14" t="s">
        <v>47</v>
      </c>
      <c r="D110274" s="14" t="s">
        <v>530</v>
      </c>
      <c r="E110274" s="15">
        <v>45420</v>
      </c>
      <c r="F110274" s="14" t="s">
        <v>25</v>
      </c>
      <c r="G110274" s="16">
        <v>0</v>
      </c>
    </row>
    <row r="110275" spans="1:7" x14ac:dyDescent="0.3">
      <c r="A110275" s="13" t="s">
        <v>529</v>
      </c>
      <c r="B110275" s="14" t="s">
        <v>1</v>
      </c>
      <c r="C110275" s="14" t="s">
        <v>47</v>
      </c>
      <c r="D110275" s="14" t="s">
        <v>530</v>
      </c>
      <c r="E110275" s="15">
        <v>45421</v>
      </c>
      <c r="F110275" s="14" t="s">
        <v>25</v>
      </c>
      <c r="G110275" s="16">
        <v>0</v>
      </c>
    </row>
    <row r="110276" spans="1:7" x14ac:dyDescent="0.3">
      <c r="A110276" s="13" t="s">
        <v>529</v>
      </c>
      <c r="B110276" s="14" t="s">
        <v>1</v>
      </c>
      <c r="C110276" s="14" t="s">
        <v>47</v>
      </c>
      <c r="D110276" s="14" t="s">
        <v>530</v>
      </c>
      <c r="E110276" s="15">
        <v>45422</v>
      </c>
      <c r="F110276" s="14" t="s">
        <v>25</v>
      </c>
      <c r="G110276" s="16">
        <v>0</v>
      </c>
    </row>
    <row r="110277" spans="1:7" x14ac:dyDescent="0.3">
      <c r="A110277" s="13" t="s">
        <v>529</v>
      </c>
      <c r="B110277" s="14" t="s">
        <v>1</v>
      </c>
      <c r="C110277" s="14" t="s">
        <v>47</v>
      </c>
      <c r="D110277" s="14" t="s">
        <v>530</v>
      </c>
      <c r="E110277" s="15">
        <v>45423</v>
      </c>
      <c r="F110277" s="14" t="s">
        <v>25</v>
      </c>
      <c r="G110277" s="16">
        <v>0</v>
      </c>
    </row>
    <row r="110278" spans="1:7" x14ac:dyDescent="0.3">
      <c r="A110278" s="13" t="s">
        <v>529</v>
      </c>
      <c r="B110278" s="14" t="s">
        <v>1</v>
      </c>
      <c r="C110278" s="14" t="s">
        <v>47</v>
      </c>
      <c r="D110278" s="14" t="s">
        <v>530</v>
      </c>
      <c r="E110278" s="15">
        <v>45424</v>
      </c>
      <c r="F110278" s="14" t="s">
        <v>25</v>
      </c>
      <c r="G110278" s="16">
        <v>0</v>
      </c>
    </row>
    <row r="110279" spans="1:7" x14ac:dyDescent="0.3">
      <c r="A110279" s="13" t="s">
        <v>529</v>
      </c>
      <c r="B110279" s="14" t="s">
        <v>1</v>
      </c>
      <c r="C110279" s="14" t="s">
        <v>47</v>
      </c>
      <c r="D110279" s="14" t="s">
        <v>530</v>
      </c>
      <c r="E110279" s="15">
        <v>45425</v>
      </c>
      <c r="F110279" s="14" t="s">
        <v>25</v>
      </c>
      <c r="G110279" s="16">
        <v>0</v>
      </c>
    </row>
    <row r="110280" spans="1:7" x14ac:dyDescent="0.3">
      <c r="A110280" s="13" t="s">
        <v>529</v>
      </c>
      <c r="B110280" s="14" t="s">
        <v>1</v>
      </c>
      <c r="C110280" s="14" t="s">
        <v>47</v>
      </c>
      <c r="D110280" s="14" t="s">
        <v>530</v>
      </c>
      <c r="E110280" s="15">
        <v>45426</v>
      </c>
      <c r="F110280" s="14" t="s">
        <v>25</v>
      </c>
      <c r="G110280" s="16">
        <v>0</v>
      </c>
    </row>
    <row r="110281" spans="1:7" x14ac:dyDescent="0.3">
      <c r="A110281" s="13" t="s">
        <v>529</v>
      </c>
      <c r="B110281" s="14" t="s">
        <v>1</v>
      </c>
      <c r="C110281" s="14" t="s">
        <v>47</v>
      </c>
      <c r="D110281" s="14" t="s">
        <v>530</v>
      </c>
      <c r="E110281" s="15">
        <v>45427</v>
      </c>
      <c r="F110281" s="14" t="s">
        <v>25</v>
      </c>
      <c r="G110281" s="16">
        <v>0</v>
      </c>
    </row>
    <row r="110282" spans="1:7" x14ac:dyDescent="0.3">
      <c r="A110282" s="13" t="s">
        <v>529</v>
      </c>
      <c r="B110282" s="14" t="s">
        <v>1</v>
      </c>
      <c r="C110282" s="14" t="s">
        <v>47</v>
      </c>
      <c r="D110282" s="14" t="s">
        <v>530</v>
      </c>
      <c r="E110282" s="15">
        <v>45428</v>
      </c>
      <c r="F110282" s="14" t="s">
        <v>25</v>
      </c>
      <c r="G110282" s="16">
        <v>0</v>
      </c>
    </row>
    <row r="110283" spans="1:7" x14ac:dyDescent="0.3">
      <c r="A110283" s="13" t="s">
        <v>529</v>
      </c>
      <c r="B110283" s="14" t="s">
        <v>1</v>
      </c>
      <c r="C110283" s="14" t="s">
        <v>47</v>
      </c>
      <c r="D110283" s="14" t="s">
        <v>530</v>
      </c>
      <c r="E110283" s="15">
        <v>45429</v>
      </c>
      <c r="F110283" s="14" t="s">
        <v>25</v>
      </c>
      <c r="G110283" s="16">
        <v>0</v>
      </c>
    </row>
    <row r="110284" spans="1:7" x14ac:dyDescent="0.3">
      <c r="A110284" s="13" t="s">
        <v>529</v>
      </c>
      <c r="B110284" s="14" t="s">
        <v>1</v>
      </c>
      <c r="C110284" s="14" t="s">
        <v>47</v>
      </c>
      <c r="D110284" s="14" t="s">
        <v>530</v>
      </c>
      <c r="E110284" s="15">
        <v>45430</v>
      </c>
      <c r="F110284" s="14" t="s">
        <v>25</v>
      </c>
      <c r="G110284" s="16">
        <v>0</v>
      </c>
    </row>
    <row r="110285" spans="1:7" x14ac:dyDescent="0.3">
      <c r="A110285" s="13" t="s">
        <v>529</v>
      </c>
      <c r="B110285" s="14" t="s">
        <v>1</v>
      </c>
      <c r="C110285" s="14" t="s">
        <v>47</v>
      </c>
      <c r="D110285" s="14" t="s">
        <v>530</v>
      </c>
      <c r="E110285" s="15">
        <v>45431</v>
      </c>
      <c r="F110285" s="14" t="s">
        <v>25</v>
      </c>
      <c r="G110285" s="16">
        <v>0</v>
      </c>
    </row>
    <row r="110286" spans="1:7" x14ac:dyDescent="0.3">
      <c r="A110286" s="13" t="s">
        <v>529</v>
      </c>
      <c r="B110286" s="14" t="s">
        <v>1</v>
      </c>
      <c r="C110286" s="14" t="s">
        <v>47</v>
      </c>
      <c r="D110286" s="14" t="s">
        <v>530</v>
      </c>
      <c r="E110286" s="15">
        <v>45432</v>
      </c>
      <c r="F110286" s="14" t="s">
        <v>25</v>
      </c>
      <c r="G110286" s="16">
        <v>0</v>
      </c>
    </row>
    <row r="110287" spans="1:7" x14ac:dyDescent="0.3">
      <c r="A110287" s="13" t="s">
        <v>529</v>
      </c>
      <c r="B110287" s="14" t="s">
        <v>1</v>
      </c>
      <c r="C110287" s="14" t="s">
        <v>47</v>
      </c>
      <c r="D110287" s="14" t="s">
        <v>530</v>
      </c>
      <c r="E110287" s="15">
        <v>45433</v>
      </c>
      <c r="F110287" s="14" t="s">
        <v>25</v>
      </c>
      <c r="G110287" s="16">
        <v>0</v>
      </c>
    </row>
    <row r="110288" spans="1:7" x14ac:dyDescent="0.3">
      <c r="A110288" s="13" t="s">
        <v>529</v>
      </c>
      <c r="B110288" s="14" t="s">
        <v>1</v>
      </c>
      <c r="C110288" s="14" t="s">
        <v>47</v>
      </c>
      <c r="D110288" s="14" t="s">
        <v>530</v>
      </c>
      <c r="E110288" s="15">
        <v>45434</v>
      </c>
      <c r="F110288" s="14" t="s">
        <v>25</v>
      </c>
      <c r="G110288" s="16">
        <v>3.6694619097779116E-2</v>
      </c>
    </row>
    <row r="110289" spans="1:7" x14ac:dyDescent="0.3">
      <c r="A110289" s="13" t="s">
        <v>529</v>
      </c>
      <c r="B110289" s="14" t="s">
        <v>1</v>
      </c>
      <c r="C110289" s="14" t="s">
        <v>47</v>
      </c>
      <c r="D110289" s="14" t="s">
        <v>530</v>
      </c>
      <c r="E110289" s="15">
        <v>45435</v>
      </c>
      <c r="F110289" s="14" t="s">
        <v>25</v>
      </c>
      <c r="G110289" s="16">
        <v>3.453755687687516E-2</v>
      </c>
    </row>
    <row r="110290" spans="1:7" x14ac:dyDescent="0.3">
      <c r="A110290" s="13" t="s">
        <v>529</v>
      </c>
      <c r="B110290" s="14" t="s">
        <v>1</v>
      </c>
      <c r="C110290" s="14" t="s">
        <v>47</v>
      </c>
      <c r="D110290" s="14" t="s">
        <v>530</v>
      </c>
      <c r="E110290" s="15">
        <v>45436</v>
      </c>
      <c r="F110290" s="14" t="s">
        <v>25</v>
      </c>
      <c r="G110290" s="16">
        <v>3.2442953802230688E-2</v>
      </c>
    </row>
    <row r="110291" spans="1:7" x14ac:dyDescent="0.3">
      <c r="A110291" s="13" t="s">
        <v>529</v>
      </c>
      <c r="B110291" s="14" t="s">
        <v>1</v>
      </c>
      <c r="C110291" s="14" t="s">
        <v>47</v>
      </c>
      <c r="D110291" s="14" t="s">
        <v>530</v>
      </c>
      <c r="E110291" s="15">
        <v>45437</v>
      </c>
      <c r="F110291" s="14" t="s">
        <v>25</v>
      </c>
      <c r="G110291" s="16">
        <v>3.2442953802230688E-2</v>
      </c>
    </row>
    <row r="110292" spans="1:7" x14ac:dyDescent="0.3">
      <c r="A110292" s="13" t="s">
        <v>529</v>
      </c>
      <c r="B110292" s="14" t="s">
        <v>1</v>
      </c>
      <c r="C110292" s="14" t="s">
        <v>47</v>
      </c>
      <c r="D110292" s="14" t="s">
        <v>530</v>
      </c>
      <c r="E110292" s="15">
        <v>45438</v>
      </c>
      <c r="F110292" s="14" t="s">
        <v>25</v>
      </c>
      <c r="G110292" s="16">
        <v>3.2442953802230688E-2</v>
      </c>
    </row>
    <row r="110293" spans="1:7" x14ac:dyDescent="0.3">
      <c r="A110293" s="13" t="s">
        <v>529</v>
      </c>
      <c r="B110293" s="14" t="s">
        <v>1</v>
      </c>
      <c r="C110293" s="14" t="s">
        <v>47</v>
      </c>
      <c r="D110293" s="14" t="s">
        <v>530</v>
      </c>
      <c r="E110293" s="15">
        <v>45439</v>
      </c>
      <c r="F110293" s="14" t="s">
        <v>25</v>
      </c>
      <c r="G110293" s="16">
        <v>3.2442953802230688E-2</v>
      </c>
    </row>
    <row r="110294" spans="1:7" x14ac:dyDescent="0.3">
      <c r="A110294" s="13" t="s">
        <v>529</v>
      </c>
      <c r="B110294" s="14" t="s">
        <v>1</v>
      </c>
      <c r="C110294" s="14" t="s">
        <v>47</v>
      </c>
      <c r="D110294" s="14" t="s">
        <v>530</v>
      </c>
      <c r="E110294" s="15">
        <v>45440</v>
      </c>
      <c r="F110294" s="14" t="s">
        <v>25</v>
      </c>
      <c r="G110294" s="16">
        <v>3.0244987836960131E-2</v>
      </c>
    </row>
    <row r="110295" spans="1:7" x14ac:dyDescent="0.3">
      <c r="A110295" s="13" t="s">
        <v>529</v>
      </c>
      <c r="B110295" s="14" t="s">
        <v>1</v>
      </c>
      <c r="C110295" s="14" t="s">
        <v>47</v>
      </c>
      <c r="D110295" s="14" t="s">
        <v>530</v>
      </c>
      <c r="E110295" s="15">
        <v>45441</v>
      </c>
      <c r="F110295" s="14" t="s">
        <v>25</v>
      </c>
      <c r="G110295" s="16">
        <v>7.1409060747937375E-2</v>
      </c>
    </row>
    <row r="110296" spans="1:7" x14ac:dyDescent="0.3">
      <c r="A110296" s="13" t="s">
        <v>529</v>
      </c>
      <c r="B110296" s="14" t="s">
        <v>1</v>
      </c>
      <c r="C110296" s="14" t="s">
        <v>47</v>
      </c>
      <c r="D110296" s="14" t="s">
        <v>530</v>
      </c>
      <c r="E110296" s="15">
        <v>45442</v>
      </c>
      <c r="F110296" s="14" t="s">
        <v>25</v>
      </c>
      <c r="G110296" s="16">
        <v>8.6038241608855731E-2</v>
      </c>
    </row>
    <row r="110297" spans="1:7" x14ac:dyDescent="0.3">
      <c r="A110297" s="13" t="s">
        <v>529</v>
      </c>
      <c r="B110297" s="14" t="s">
        <v>1</v>
      </c>
      <c r="C110297" s="14" t="s">
        <v>47</v>
      </c>
      <c r="D110297" s="14" t="s">
        <v>530</v>
      </c>
      <c r="E110297" s="15">
        <v>45443</v>
      </c>
      <c r="F110297" s="14" t="s">
        <v>25</v>
      </c>
      <c r="G110297" s="16">
        <v>8.3842839530274438E-2</v>
      </c>
    </row>
    <row r="110298" spans="1:7" x14ac:dyDescent="0.3">
      <c r="A110298" s="13" t="s">
        <v>529</v>
      </c>
      <c r="B110298" s="14" t="s">
        <v>1</v>
      </c>
      <c r="C110298" s="14" t="s">
        <v>47</v>
      </c>
      <c r="D110298" s="14" t="s">
        <v>530</v>
      </c>
      <c r="E110298" s="15">
        <v>45444</v>
      </c>
      <c r="F110298" s="14" t="s">
        <v>25</v>
      </c>
      <c r="G110298" s="16">
        <v>8.3842839530274438E-2</v>
      </c>
    </row>
    <row r="110299" spans="1:7" x14ac:dyDescent="0.3">
      <c r="A110299" s="13" t="s">
        <v>529</v>
      </c>
      <c r="B110299" s="14" t="s">
        <v>1</v>
      </c>
      <c r="C110299" s="14" t="s">
        <v>47</v>
      </c>
      <c r="D110299" s="14" t="s">
        <v>530</v>
      </c>
      <c r="E110299" s="15">
        <v>45445</v>
      </c>
      <c r="F110299" s="14" t="s">
        <v>25</v>
      </c>
      <c r="G110299" s="16">
        <v>8.3842839530274438E-2</v>
      </c>
    </row>
    <row r="110300" spans="1:7" x14ac:dyDescent="0.3">
      <c r="A110300" s="13" t="s">
        <v>529</v>
      </c>
      <c r="B110300" s="14" t="s">
        <v>1</v>
      </c>
      <c r="C110300" s="14" t="s">
        <v>47</v>
      </c>
      <c r="D110300" s="14" t="s">
        <v>530</v>
      </c>
      <c r="E110300" s="15">
        <v>45446</v>
      </c>
      <c r="F110300" s="14" t="s">
        <v>25</v>
      </c>
      <c r="G110300" s="16">
        <v>8.3842839530274438E-2</v>
      </c>
    </row>
    <row r="110301" spans="1:7" x14ac:dyDescent="0.3">
      <c r="A110301" s="13" t="s">
        <v>529</v>
      </c>
      <c r="B110301" s="14" t="s">
        <v>1</v>
      </c>
      <c r="C110301" s="14" t="s">
        <v>47</v>
      </c>
      <c r="D110301" s="14" t="s">
        <v>530</v>
      </c>
      <c r="E110301" s="15">
        <v>45447</v>
      </c>
      <c r="F110301" s="14" t="s">
        <v>25</v>
      </c>
      <c r="G110301" s="16">
        <v>0.10575852135491892</v>
      </c>
    </row>
    <row r="110302" spans="1:7" x14ac:dyDescent="0.3">
      <c r="A110302" s="13" t="s">
        <v>529</v>
      </c>
      <c r="B110302" s="14" t="s">
        <v>1</v>
      </c>
      <c r="C110302" s="14" t="s">
        <v>47</v>
      </c>
      <c r="D110302" s="14" t="s">
        <v>530</v>
      </c>
      <c r="E110302" s="15">
        <v>45448</v>
      </c>
      <c r="F110302" s="14" t="s">
        <v>25</v>
      </c>
      <c r="G110302" s="16">
        <v>0.12331897910621845</v>
      </c>
    </row>
    <row r="110303" spans="1:7" x14ac:dyDescent="0.3">
      <c r="A110303" s="13" t="s">
        <v>529</v>
      </c>
      <c r="B110303" s="14" t="s">
        <v>1</v>
      </c>
      <c r="C110303" s="14" t="s">
        <v>47</v>
      </c>
      <c r="D110303" s="14" t="s">
        <v>530</v>
      </c>
      <c r="E110303" s="15">
        <v>45449</v>
      </c>
      <c r="F110303" s="14" t="s">
        <v>25</v>
      </c>
      <c r="G110303" s="16">
        <v>0.1206659387741502</v>
      </c>
    </row>
    <row r="110304" spans="1:7" x14ac:dyDescent="0.3">
      <c r="A110304" s="13" t="s">
        <v>529</v>
      </c>
      <c r="B110304" s="14" t="s">
        <v>1</v>
      </c>
      <c r="C110304" s="14" t="s">
        <v>47</v>
      </c>
      <c r="D110304" s="14" t="s">
        <v>530</v>
      </c>
      <c r="E110304" s="15">
        <v>45450</v>
      </c>
      <c r="F110304" s="14" t="s">
        <v>25</v>
      </c>
      <c r="G110304" s="16">
        <v>0.11946600543347172</v>
      </c>
    </row>
    <row r="110305" spans="1:7" x14ac:dyDescent="0.3">
      <c r="A110305" s="13" t="s">
        <v>529</v>
      </c>
      <c r="B110305" s="14" t="s">
        <v>1</v>
      </c>
      <c r="C110305" s="14" t="s">
        <v>47</v>
      </c>
      <c r="D110305" s="14" t="s">
        <v>530</v>
      </c>
      <c r="E110305" s="15">
        <v>45451</v>
      </c>
      <c r="F110305" s="14" t="s">
        <v>25</v>
      </c>
      <c r="G110305" s="16">
        <v>0.11946600543347172</v>
      </c>
    </row>
    <row r="110306" spans="1:7" x14ac:dyDescent="0.3">
      <c r="A110306" s="13" t="s">
        <v>529</v>
      </c>
      <c r="B110306" s="14" t="s">
        <v>1</v>
      </c>
      <c r="C110306" s="14" t="s">
        <v>47</v>
      </c>
      <c r="D110306" s="14" t="s">
        <v>530</v>
      </c>
      <c r="E110306" s="15">
        <v>45452</v>
      </c>
      <c r="F110306" s="14" t="s">
        <v>25</v>
      </c>
      <c r="G110306" s="16">
        <v>0.11946600543347172</v>
      </c>
    </row>
    <row r="110307" spans="1:7" x14ac:dyDescent="0.3">
      <c r="A110307" s="13" t="s">
        <v>529</v>
      </c>
      <c r="B110307" s="14" t="s">
        <v>1</v>
      </c>
      <c r="C110307" s="14" t="s">
        <v>47</v>
      </c>
      <c r="D110307" s="14" t="s">
        <v>530</v>
      </c>
      <c r="E110307" s="15">
        <v>45453</v>
      </c>
      <c r="F110307" s="14" t="s">
        <v>25</v>
      </c>
      <c r="G110307" s="16">
        <v>0.1174028162728154</v>
      </c>
    </row>
    <row r="110308" spans="1:7" x14ac:dyDescent="0.3">
      <c r="A110308" s="13" t="s">
        <v>529</v>
      </c>
      <c r="B110308" s="14" t="s">
        <v>1</v>
      </c>
      <c r="C110308" s="14" t="s">
        <v>47</v>
      </c>
      <c r="D110308" s="14" t="s">
        <v>530</v>
      </c>
      <c r="E110308" s="15">
        <v>45454</v>
      </c>
      <c r="F110308" s="14" t="s">
        <v>25</v>
      </c>
      <c r="G110308" s="16">
        <v>0.11124714568369611</v>
      </c>
    </row>
    <row r="110309" spans="1:7" x14ac:dyDescent="0.3">
      <c r="A110309" s="13" t="s">
        <v>529</v>
      </c>
      <c r="B110309" s="14" t="s">
        <v>1</v>
      </c>
      <c r="C110309" s="14" t="s">
        <v>47</v>
      </c>
      <c r="D110309" s="14" t="s">
        <v>530</v>
      </c>
      <c r="E110309" s="15">
        <v>45455</v>
      </c>
      <c r="F110309" s="14" t="s">
        <v>25</v>
      </c>
      <c r="G110309" s="16">
        <v>0.10874595257131506</v>
      </c>
    </row>
    <row r="110310" spans="1:7" x14ac:dyDescent="0.3">
      <c r="A110310" s="13" t="s">
        <v>529</v>
      </c>
      <c r="B110310" s="14" t="s">
        <v>1</v>
      </c>
      <c r="C110310" s="14" t="s">
        <v>47</v>
      </c>
      <c r="D110310" s="14" t="s">
        <v>530</v>
      </c>
      <c r="E110310" s="15">
        <v>45456</v>
      </c>
      <c r="F110310" s="14" t="s">
        <v>25</v>
      </c>
      <c r="G110310" s="16">
        <v>0.13519011844837842</v>
      </c>
    </row>
    <row r="110311" spans="1:7" x14ac:dyDescent="0.3">
      <c r="A110311" s="13" t="s">
        <v>529</v>
      </c>
      <c r="B110311" s="14" t="s">
        <v>1</v>
      </c>
      <c r="C110311" s="14" t="s">
        <v>47</v>
      </c>
      <c r="D110311" s="14" t="s">
        <v>530</v>
      </c>
      <c r="E110311" s="15">
        <v>45457</v>
      </c>
      <c r="F110311" s="14" t="s">
        <v>25</v>
      </c>
      <c r="G110311" s="16">
        <v>0.13830538111293517</v>
      </c>
    </row>
    <row r="110312" spans="1:7" x14ac:dyDescent="0.3">
      <c r="A110312" s="13" t="s">
        <v>529</v>
      </c>
      <c r="B110312" s="14" t="s">
        <v>1</v>
      </c>
      <c r="C110312" s="14" t="s">
        <v>47</v>
      </c>
      <c r="D110312" s="14" t="s">
        <v>530</v>
      </c>
      <c r="E110312" s="15">
        <v>45458</v>
      </c>
      <c r="F110312" s="14" t="s">
        <v>25</v>
      </c>
      <c r="G110312" s="16">
        <v>0.13830538111293517</v>
      </c>
    </row>
    <row r="110313" spans="1:7" x14ac:dyDescent="0.3">
      <c r="A110313" s="13" t="s">
        <v>529</v>
      </c>
      <c r="B110313" s="14" t="s">
        <v>1</v>
      </c>
      <c r="C110313" s="14" t="s">
        <v>47</v>
      </c>
      <c r="D110313" s="14" t="s">
        <v>530</v>
      </c>
      <c r="E110313" s="15">
        <v>45459</v>
      </c>
      <c r="F110313" s="14" t="s">
        <v>25</v>
      </c>
      <c r="G110313" s="16">
        <v>0.13830538111293517</v>
      </c>
    </row>
    <row r="110314" spans="1:7" x14ac:dyDescent="0.3">
      <c r="A110314" s="13" t="s">
        <v>529</v>
      </c>
      <c r="B110314" s="14" t="s">
        <v>1</v>
      </c>
      <c r="C110314" s="14" t="s">
        <v>47</v>
      </c>
      <c r="D110314" s="14" t="s">
        <v>530</v>
      </c>
      <c r="E110314" s="15">
        <v>45460</v>
      </c>
      <c r="F110314" s="14" t="s">
        <v>25</v>
      </c>
      <c r="G110314" s="16">
        <v>0.13708751630447244</v>
      </c>
    </row>
    <row r="110315" spans="1:7" x14ac:dyDescent="0.3">
      <c r="A110315" s="13" t="s">
        <v>529</v>
      </c>
      <c r="B110315" s="14" t="s">
        <v>1</v>
      </c>
      <c r="C110315" s="14" t="s">
        <v>47</v>
      </c>
      <c r="D110315" s="14" t="s">
        <v>530</v>
      </c>
      <c r="E110315" s="15">
        <v>45461</v>
      </c>
      <c r="F110315" s="14" t="s">
        <v>25</v>
      </c>
      <c r="G110315" s="16">
        <v>0.13691467461918963</v>
      </c>
    </row>
    <row r="110316" spans="1:7" x14ac:dyDescent="0.3">
      <c r="A110316" s="13" t="s">
        <v>529</v>
      </c>
      <c r="B110316" s="14" t="s">
        <v>1</v>
      </c>
      <c r="C110316" s="14" t="s">
        <v>47</v>
      </c>
      <c r="D110316" s="14" t="s">
        <v>530</v>
      </c>
      <c r="E110316" s="15">
        <v>45462</v>
      </c>
      <c r="F110316" s="14" t="s">
        <v>25</v>
      </c>
      <c r="G110316" s="16">
        <v>0.13691467461918963</v>
      </c>
    </row>
    <row r="110317" spans="1:7" x14ac:dyDescent="0.3">
      <c r="A110317" s="13" t="s">
        <v>529</v>
      </c>
      <c r="B110317" s="14" t="s">
        <v>1</v>
      </c>
      <c r="C110317" s="14" t="s">
        <v>47</v>
      </c>
      <c r="D110317" s="14" t="s">
        <v>530</v>
      </c>
      <c r="E110317" s="15">
        <v>45463</v>
      </c>
      <c r="F110317" s="14" t="s">
        <v>25</v>
      </c>
      <c r="G110317" s="16">
        <v>0.17178998928575798</v>
      </c>
    </row>
    <row r="110318" spans="1:7" x14ac:dyDescent="0.3">
      <c r="A110318" s="13" t="s">
        <v>529</v>
      </c>
      <c r="B110318" s="14" t="s">
        <v>1</v>
      </c>
      <c r="C110318" s="14" t="s">
        <v>47</v>
      </c>
      <c r="D110318" s="14" t="s">
        <v>530</v>
      </c>
      <c r="E110318" s="15">
        <v>45464</v>
      </c>
      <c r="F110318" s="14" t="s">
        <v>25</v>
      </c>
      <c r="G110318" s="16">
        <v>0.16803788161182942</v>
      </c>
    </row>
    <row r="110319" spans="1:7" x14ac:dyDescent="0.3">
      <c r="A110319" s="13" t="s">
        <v>529</v>
      </c>
      <c r="B110319" s="14" t="s">
        <v>1</v>
      </c>
      <c r="C110319" s="14" t="s">
        <v>47</v>
      </c>
      <c r="D110319" s="14" t="s">
        <v>530</v>
      </c>
      <c r="E110319" s="15">
        <v>45465</v>
      </c>
      <c r="F110319" s="14" t="s">
        <v>25</v>
      </c>
      <c r="G110319" s="16">
        <v>0.16803788161182942</v>
      </c>
    </row>
    <row r="110320" spans="1:7" x14ac:dyDescent="0.3">
      <c r="A110320" s="13" t="s">
        <v>529</v>
      </c>
      <c r="B110320" s="14" t="s">
        <v>1</v>
      </c>
      <c r="C110320" s="14" t="s">
        <v>47</v>
      </c>
      <c r="D110320" s="14" t="s">
        <v>530</v>
      </c>
      <c r="E110320" s="15">
        <v>45466</v>
      </c>
      <c r="F110320" s="14" t="s">
        <v>25</v>
      </c>
      <c r="G110320" s="16">
        <v>0.16803788161182942</v>
      </c>
    </row>
    <row r="110321" spans="1:7" x14ac:dyDescent="0.3">
      <c r="A110321" s="13" t="s">
        <v>529</v>
      </c>
      <c r="B110321" s="14" t="s">
        <v>1</v>
      </c>
      <c r="C110321" s="14" t="s">
        <v>47</v>
      </c>
      <c r="D110321" s="14" t="s">
        <v>530</v>
      </c>
      <c r="E110321" s="15">
        <v>45467</v>
      </c>
      <c r="F110321" s="14" t="s">
        <v>25</v>
      </c>
      <c r="G110321" s="16">
        <v>0.16852311803042666</v>
      </c>
    </row>
    <row r="110322" spans="1:7" x14ac:dyDescent="0.3">
      <c r="A110322" s="13" t="s">
        <v>529</v>
      </c>
      <c r="B110322" s="14" t="s">
        <v>1</v>
      </c>
      <c r="C110322" s="14" t="s">
        <v>47</v>
      </c>
      <c r="D110322" s="14" t="s">
        <v>530</v>
      </c>
      <c r="E110322" s="15">
        <v>45468</v>
      </c>
      <c r="F110322" s="14" t="s">
        <v>25</v>
      </c>
      <c r="G110322" s="16">
        <v>0.16550193459163637</v>
      </c>
    </row>
    <row r="110323" spans="1:7" x14ac:dyDescent="0.3">
      <c r="A110323" s="13" t="s">
        <v>529</v>
      </c>
      <c r="B110323" s="14" t="s">
        <v>1</v>
      </c>
      <c r="C110323" s="14" t="s">
        <v>47</v>
      </c>
      <c r="D110323" s="14" t="s">
        <v>530</v>
      </c>
      <c r="E110323" s="15">
        <v>45469</v>
      </c>
      <c r="F110323" s="14" t="s">
        <v>25</v>
      </c>
      <c r="G110323" s="16">
        <v>0.16393663872941233</v>
      </c>
    </row>
    <row r="110324" spans="1:7" x14ac:dyDescent="0.3">
      <c r="A110324" s="13" t="s">
        <v>529</v>
      </c>
      <c r="B110324" s="14" t="s">
        <v>1</v>
      </c>
      <c r="C110324" s="14" t="s">
        <v>47</v>
      </c>
      <c r="D110324" s="14" t="s">
        <v>530</v>
      </c>
      <c r="E110324" s="15">
        <v>45470</v>
      </c>
      <c r="F110324" s="14" t="s">
        <v>25</v>
      </c>
      <c r="G110324" s="16">
        <v>0.16213215749876861</v>
      </c>
    </row>
    <row r="110325" spans="1:7" x14ac:dyDescent="0.3">
      <c r="A110325" s="13" t="s">
        <v>529</v>
      </c>
      <c r="B110325" s="14" t="s">
        <v>1</v>
      </c>
      <c r="C110325" s="14" t="s">
        <v>47</v>
      </c>
      <c r="D110325" s="14" t="s">
        <v>530</v>
      </c>
      <c r="E110325" s="15">
        <v>45471</v>
      </c>
      <c r="F110325" s="14" t="s">
        <v>25</v>
      </c>
      <c r="G110325" s="16">
        <v>0.16013543831816907</v>
      </c>
    </row>
    <row r="110326" spans="1:7" x14ac:dyDescent="0.3">
      <c r="A110326" s="13" t="s">
        <v>529</v>
      </c>
      <c r="B110326" s="14" t="s">
        <v>1</v>
      </c>
      <c r="C110326" s="14" t="s">
        <v>47</v>
      </c>
      <c r="D110326" s="14" t="s">
        <v>530</v>
      </c>
      <c r="E110326" s="15">
        <v>45472</v>
      </c>
      <c r="F110326" s="14" t="s">
        <v>25</v>
      </c>
      <c r="G110326" s="16">
        <v>0.16013543831816907</v>
      </c>
    </row>
    <row r="110327" spans="1:7" x14ac:dyDescent="0.3">
      <c r="A110327" s="13" t="s">
        <v>529</v>
      </c>
      <c r="B110327" s="14" t="s">
        <v>1</v>
      </c>
      <c r="C110327" s="14" t="s">
        <v>47</v>
      </c>
      <c r="D110327" s="14" t="s">
        <v>530</v>
      </c>
      <c r="E110327" s="15">
        <v>45473</v>
      </c>
      <c r="F110327" s="14" t="s">
        <v>25</v>
      </c>
      <c r="G110327" s="16">
        <v>0.16013543831816907</v>
      </c>
    </row>
    <row r="110328" spans="1:7" x14ac:dyDescent="0.3">
      <c r="A110328" s="13" t="s">
        <v>529</v>
      </c>
      <c r="B110328" s="14" t="s">
        <v>1</v>
      </c>
      <c r="C110328" s="14" t="s">
        <v>47</v>
      </c>
      <c r="D110328" s="14" t="s">
        <v>530</v>
      </c>
      <c r="E110328" s="15">
        <v>45474</v>
      </c>
      <c r="F110328" s="14" t="s">
        <v>25</v>
      </c>
      <c r="G110328" s="16">
        <v>0.1671820974371637</v>
      </c>
    </row>
    <row r="110329" spans="1:7" x14ac:dyDescent="0.3">
      <c r="A110329" s="13" t="s">
        <v>529</v>
      </c>
      <c r="B110329" s="14" t="s">
        <v>1</v>
      </c>
      <c r="C110329" s="14" t="s">
        <v>47</v>
      </c>
      <c r="D110329" s="14" t="s">
        <v>530</v>
      </c>
      <c r="E110329" s="15">
        <v>45475</v>
      </c>
      <c r="F110329" s="14" t="s">
        <v>25</v>
      </c>
      <c r="G110329" s="16">
        <v>0.16239676922251808</v>
      </c>
    </row>
    <row r="110330" spans="1:7" x14ac:dyDescent="0.3">
      <c r="A110330" s="13" t="s">
        <v>529</v>
      </c>
      <c r="B110330" s="14" t="s">
        <v>1</v>
      </c>
      <c r="C110330" s="14" t="s">
        <v>47</v>
      </c>
      <c r="D110330" s="14" t="s">
        <v>530</v>
      </c>
      <c r="E110330" s="15">
        <v>45476</v>
      </c>
      <c r="F110330" s="14" t="s">
        <v>25</v>
      </c>
      <c r="G110330" s="16">
        <v>0.17006105731112456</v>
      </c>
    </row>
    <row r="110331" spans="1:7" x14ac:dyDescent="0.3">
      <c r="A110331" s="13" t="s">
        <v>529</v>
      </c>
      <c r="B110331" s="14" t="s">
        <v>1</v>
      </c>
      <c r="C110331" s="14" t="s">
        <v>47</v>
      </c>
      <c r="D110331" s="14" t="s">
        <v>530</v>
      </c>
      <c r="E110331" s="15">
        <v>45477</v>
      </c>
      <c r="F110331" s="14" t="s">
        <v>25</v>
      </c>
      <c r="G110331" s="16">
        <v>0.17006105731112456</v>
      </c>
    </row>
    <row r="110332" spans="1:7" x14ac:dyDescent="0.3">
      <c r="A110332" s="13" t="s">
        <v>529</v>
      </c>
      <c r="B110332" s="14" t="s">
        <v>1</v>
      </c>
      <c r="C110332" s="14" t="s">
        <v>47</v>
      </c>
      <c r="D110332" s="14" t="s">
        <v>530</v>
      </c>
      <c r="E110332" s="15">
        <v>45478</v>
      </c>
      <c r="F110332" s="14" t="s">
        <v>25</v>
      </c>
      <c r="G110332" s="16">
        <v>0.1670324345031925</v>
      </c>
    </row>
    <row r="110333" spans="1:7" x14ac:dyDescent="0.3">
      <c r="A110333" s="13" t="s">
        <v>529</v>
      </c>
      <c r="B110333" s="14" t="s">
        <v>1</v>
      </c>
      <c r="C110333" s="14" t="s">
        <v>47</v>
      </c>
      <c r="D110333" s="14" t="s">
        <v>530</v>
      </c>
      <c r="E110333" s="15">
        <v>45479</v>
      </c>
      <c r="F110333" s="14" t="s">
        <v>25</v>
      </c>
      <c r="G110333" s="16">
        <v>0.1670324345031925</v>
      </c>
    </row>
    <row r="110334" spans="1:7" x14ac:dyDescent="0.3">
      <c r="A110334" s="13" t="s">
        <v>529</v>
      </c>
      <c r="B110334" s="14" t="s">
        <v>1</v>
      </c>
      <c r="C110334" s="14" t="s">
        <v>47</v>
      </c>
      <c r="D110334" s="14" t="s">
        <v>530</v>
      </c>
      <c r="E110334" s="15">
        <v>45480</v>
      </c>
      <c r="F110334" s="14" t="s">
        <v>25</v>
      </c>
      <c r="G110334" s="16">
        <v>0.1670324345031925</v>
      </c>
    </row>
    <row r="110335" spans="1:7" x14ac:dyDescent="0.3">
      <c r="A110335" s="13" t="s">
        <v>529</v>
      </c>
      <c r="B110335" s="14" t="s">
        <v>1</v>
      </c>
      <c r="C110335" s="14" t="s">
        <v>47</v>
      </c>
      <c r="D110335" s="14" t="s">
        <v>530</v>
      </c>
      <c r="E110335" s="15">
        <v>45481</v>
      </c>
      <c r="F110335" s="14" t="s">
        <v>25</v>
      </c>
      <c r="G110335" s="16">
        <v>0.16319986683443063</v>
      </c>
    </row>
    <row r="110336" spans="1:7" x14ac:dyDescent="0.3">
      <c r="A110336" s="13" t="s">
        <v>529</v>
      </c>
      <c r="B110336" s="14" t="s">
        <v>1</v>
      </c>
      <c r="C110336" s="14" t="s">
        <v>47</v>
      </c>
      <c r="D110336" s="14" t="s">
        <v>530</v>
      </c>
      <c r="E110336" s="15">
        <v>45482</v>
      </c>
      <c r="F110336" s="14" t="s">
        <v>25</v>
      </c>
      <c r="G110336" s="16">
        <v>0.15701642107156608</v>
      </c>
    </row>
    <row r="110337" spans="1:7" x14ac:dyDescent="0.3">
      <c r="A110337" s="13" t="s">
        <v>529</v>
      </c>
      <c r="B110337" s="14" t="s">
        <v>1</v>
      </c>
      <c r="C110337" s="14" t="s">
        <v>47</v>
      </c>
      <c r="D110337" s="14" t="s">
        <v>530</v>
      </c>
      <c r="E110337" s="15">
        <v>45483</v>
      </c>
      <c r="F110337" s="14" t="s">
        <v>25</v>
      </c>
      <c r="G110337" s="16">
        <v>0.15522134966500695</v>
      </c>
    </row>
    <row r="110338" spans="1:7" x14ac:dyDescent="0.3">
      <c r="A110338" s="13" t="s">
        <v>529</v>
      </c>
      <c r="B110338" s="14" t="s">
        <v>1</v>
      </c>
      <c r="C110338" s="14" t="s">
        <v>47</v>
      </c>
      <c r="D110338" s="14" t="s">
        <v>530</v>
      </c>
      <c r="E110338" s="15">
        <v>45484</v>
      </c>
      <c r="F110338" s="14" t="s">
        <v>25</v>
      </c>
      <c r="G110338" s="16">
        <v>0.152620411106339</v>
      </c>
    </row>
    <row r="110339" spans="1:7" x14ac:dyDescent="0.3">
      <c r="A110339" s="13" t="s">
        <v>529</v>
      </c>
      <c r="B110339" s="14" t="s">
        <v>1</v>
      </c>
      <c r="C110339" s="14" t="s">
        <v>47</v>
      </c>
      <c r="D110339" s="14" t="s">
        <v>530</v>
      </c>
      <c r="E110339" s="15">
        <v>45485</v>
      </c>
      <c r="F110339" s="14" t="s">
        <v>25</v>
      </c>
      <c r="G110339" s="16">
        <v>0.15014170643116517</v>
      </c>
    </row>
    <row r="110340" spans="1:7" x14ac:dyDescent="0.3">
      <c r="A110340" s="13" t="s">
        <v>529</v>
      </c>
      <c r="B110340" s="14" t="s">
        <v>1</v>
      </c>
      <c r="C110340" s="14" t="s">
        <v>47</v>
      </c>
      <c r="D110340" s="14" t="s">
        <v>530</v>
      </c>
      <c r="E110340" s="15">
        <v>45486</v>
      </c>
      <c r="F110340" s="14" t="s">
        <v>25</v>
      </c>
      <c r="G110340" s="16">
        <v>0.15014170643116517</v>
      </c>
    </row>
    <row r="110341" spans="1:7" x14ac:dyDescent="0.3">
      <c r="A110341" s="13" t="s">
        <v>529</v>
      </c>
      <c r="B110341" s="14" t="s">
        <v>1</v>
      </c>
      <c r="C110341" s="14" t="s">
        <v>47</v>
      </c>
      <c r="D110341" s="14" t="s">
        <v>530</v>
      </c>
      <c r="E110341" s="15">
        <v>45487</v>
      </c>
      <c r="F110341" s="14" t="s">
        <v>25</v>
      </c>
      <c r="G110341" s="16">
        <v>0.15014170643116517</v>
      </c>
    </row>
    <row r="110342" spans="1:7" x14ac:dyDescent="0.3">
      <c r="A110342" s="13" t="s">
        <v>529</v>
      </c>
      <c r="B110342" s="14" t="s">
        <v>1</v>
      </c>
      <c r="C110342" s="14" t="s">
        <v>47</v>
      </c>
      <c r="D110342" s="14" t="s">
        <v>530</v>
      </c>
      <c r="E110342" s="15">
        <v>45488</v>
      </c>
      <c r="F110342" s="14" t="s">
        <v>25</v>
      </c>
      <c r="G110342" s="16">
        <v>0.15117975845696024</v>
      </c>
    </row>
    <row r="110343" spans="1:7" x14ac:dyDescent="0.3">
      <c r="A110343" s="13" t="s">
        <v>529</v>
      </c>
      <c r="B110343" s="14" t="s">
        <v>1</v>
      </c>
      <c r="C110343" s="14" t="s">
        <v>47</v>
      </c>
      <c r="D110343" s="14" t="s">
        <v>530</v>
      </c>
      <c r="E110343" s="15">
        <v>45489</v>
      </c>
      <c r="F110343" s="14" t="s">
        <v>25</v>
      </c>
      <c r="G110343" s="16">
        <v>0.14438061229418783</v>
      </c>
    </row>
    <row r="110344" spans="1:7" x14ac:dyDescent="0.3">
      <c r="A110344" s="13" t="s">
        <v>529</v>
      </c>
      <c r="B110344" s="14" t="s">
        <v>1</v>
      </c>
      <c r="C110344" s="14" t="s">
        <v>47</v>
      </c>
      <c r="D110344" s="14" t="s">
        <v>530</v>
      </c>
      <c r="E110344" s="15">
        <v>45490</v>
      </c>
      <c r="F110344" s="14" t="s">
        <v>25</v>
      </c>
      <c r="G110344" s="16">
        <v>0.14063949409316001</v>
      </c>
    </row>
    <row r="110345" spans="1:7" x14ac:dyDescent="0.3">
      <c r="A110345" s="13" t="s">
        <v>529</v>
      </c>
      <c r="B110345" s="14" t="s">
        <v>1</v>
      </c>
      <c r="C110345" s="14" t="s">
        <v>47</v>
      </c>
      <c r="D110345" s="14" t="s">
        <v>530</v>
      </c>
      <c r="E110345" s="15">
        <v>45491</v>
      </c>
      <c r="F110345" s="14" t="s">
        <v>25</v>
      </c>
      <c r="G110345" s="16">
        <v>0.13919268582115871</v>
      </c>
    </row>
    <row r="110346" spans="1:7" x14ac:dyDescent="0.3">
      <c r="A110346" s="13" t="s">
        <v>529</v>
      </c>
      <c r="B110346" s="14" t="s">
        <v>1</v>
      </c>
      <c r="C110346" s="14" t="s">
        <v>47</v>
      </c>
      <c r="D110346" s="14" t="s">
        <v>530</v>
      </c>
      <c r="E110346" s="15">
        <v>45492</v>
      </c>
      <c r="F110346" s="14" t="s">
        <v>25</v>
      </c>
      <c r="G110346" s="16">
        <v>0.13733104096136309</v>
      </c>
    </row>
    <row r="110347" spans="1:7" x14ac:dyDescent="0.3">
      <c r="A110347" s="13" t="s">
        <v>529</v>
      </c>
      <c r="B110347" s="14" t="s">
        <v>1</v>
      </c>
      <c r="C110347" s="14" t="s">
        <v>47</v>
      </c>
      <c r="D110347" s="14" t="s">
        <v>530</v>
      </c>
      <c r="E110347" s="15">
        <v>45493</v>
      </c>
      <c r="F110347" s="14" t="s">
        <v>25</v>
      </c>
      <c r="G110347" s="16">
        <v>0.13733104096136309</v>
      </c>
    </row>
    <row r="110348" spans="1:7" x14ac:dyDescent="0.3">
      <c r="A110348" s="13" t="s">
        <v>529</v>
      </c>
      <c r="B110348" s="14" t="s">
        <v>1</v>
      </c>
      <c r="C110348" s="14" t="s">
        <v>47</v>
      </c>
      <c r="D110348" s="14" t="s">
        <v>530</v>
      </c>
      <c r="E110348" s="15">
        <v>45494</v>
      </c>
      <c r="F110348" s="14" t="s">
        <v>25</v>
      </c>
      <c r="G110348" s="16">
        <v>0.13733104096136309</v>
      </c>
    </row>
    <row r="110349" spans="1:7" x14ac:dyDescent="0.3">
      <c r="A110349" s="13" t="s">
        <v>529</v>
      </c>
      <c r="B110349" s="14" t="s">
        <v>1</v>
      </c>
      <c r="C110349" s="14" t="s">
        <v>47</v>
      </c>
      <c r="D110349" s="14" t="s">
        <v>530</v>
      </c>
      <c r="E110349" s="15">
        <v>45495</v>
      </c>
      <c r="F110349" s="14" t="s">
        <v>25</v>
      </c>
      <c r="G110349" s="16">
        <v>0.13534128523211592</v>
      </c>
    </row>
    <row r="110350" spans="1:7" x14ac:dyDescent="0.3">
      <c r="A110350" s="13" t="s">
        <v>529</v>
      </c>
      <c r="B110350" s="14" t="s">
        <v>1</v>
      </c>
      <c r="C110350" s="14" t="s">
        <v>47</v>
      </c>
      <c r="D110350" s="14" t="s">
        <v>530</v>
      </c>
      <c r="E110350" s="15">
        <v>45496</v>
      </c>
      <c r="F110350" s="14" t="s">
        <v>25</v>
      </c>
      <c r="G110350" s="16">
        <v>0.12947516533182421</v>
      </c>
    </row>
    <row r="110351" spans="1:7" x14ac:dyDescent="0.3">
      <c r="A110351" s="13" t="s">
        <v>529</v>
      </c>
      <c r="B110351" s="14" t="s">
        <v>1</v>
      </c>
      <c r="C110351" s="14" t="s">
        <v>47</v>
      </c>
      <c r="D110351" s="14" t="s">
        <v>530</v>
      </c>
      <c r="E110351" s="15">
        <v>45497</v>
      </c>
      <c r="F110351" s="14" t="s">
        <v>25</v>
      </c>
      <c r="G110351" s="16">
        <v>0.12658483296113668</v>
      </c>
    </row>
    <row r="110352" spans="1:7" x14ac:dyDescent="0.3">
      <c r="A110352" s="13" t="s">
        <v>529</v>
      </c>
      <c r="B110352" s="14" t="s">
        <v>1</v>
      </c>
      <c r="C110352" s="14" t="s">
        <v>47</v>
      </c>
      <c r="D110352" s="14" t="s">
        <v>530</v>
      </c>
      <c r="E110352" s="15">
        <v>45498</v>
      </c>
      <c r="F110352" s="14" t="s">
        <v>25</v>
      </c>
      <c r="G110352" s="16">
        <v>0.12406184877291399</v>
      </c>
    </row>
    <row r="110353" spans="1:7" x14ac:dyDescent="0.3">
      <c r="A110353" s="13" t="s">
        <v>529</v>
      </c>
      <c r="B110353" s="14" t="s">
        <v>1</v>
      </c>
      <c r="C110353" s="14" t="s">
        <v>47</v>
      </c>
      <c r="D110353" s="14" t="s">
        <v>530</v>
      </c>
      <c r="E110353" s="15">
        <v>45499</v>
      </c>
      <c r="F110353" s="14" t="s">
        <v>25</v>
      </c>
      <c r="G110353" s="16">
        <v>0.12237537520582806</v>
      </c>
    </row>
    <row r="110354" spans="1:7" x14ac:dyDescent="0.3">
      <c r="A110354" s="13" t="s">
        <v>529</v>
      </c>
      <c r="B110354" s="14" t="s">
        <v>1</v>
      </c>
      <c r="C110354" s="14" t="s">
        <v>47</v>
      </c>
      <c r="D110354" s="14" t="s">
        <v>530</v>
      </c>
      <c r="E110354" s="15">
        <v>45500</v>
      </c>
      <c r="F110354" s="14" t="s">
        <v>25</v>
      </c>
      <c r="G110354" s="16">
        <v>0.12237537520582806</v>
      </c>
    </row>
    <row r="110355" spans="1:7" x14ac:dyDescent="0.3">
      <c r="A110355" s="13" t="s">
        <v>529</v>
      </c>
      <c r="B110355" s="14" t="s">
        <v>1</v>
      </c>
      <c r="C110355" s="14" t="s">
        <v>47</v>
      </c>
      <c r="D110355" s="14" t="s">
        <v>530</v>
      </c>
      <c r="E110355" s="15">
        <v>45501</v>
      </c>
      <c r="F110355" s="14" t="s">
        <v>25</v>
      </c>
      <c r="G110355" s="16">
        <v>0.12237537520582806</v>
      </c>
    </row>
    <row r="110356" spans="1:7" x14ac:dyDescent="0.3">
      <c r="A110356" s="13" t="s">
        <v>529</v>
      </c>
      <c r="B110356" s="14" t="s">
        <v>1</v>
      </c>
      <c r="C110356" s="14" t="s">
        <v>47</v>
      </c>
      <c r="D110356" s="14" t="s">
        <v>530</v>
      </c>
      <c r="E110356" s="15">
        <v>45502</v>
      </c>
      <c r="F110356" s="14" t="s">
        <v>25</v>
      </c>
      <c r="G110356" s="16">
        <v>0.12074959728178594</v>
      </c>
    </row>
    <row r="110357" spans="1:7" x14ac:dyDescent="0.3">
      <c r="A110357" s="13" t="s">
        <v>529</v>
      </c>
      <c r="B110357" s="14" t="s">
        <v>1</v>
      </c>
      <c r="C110357" s="14" t="s">
        <v>47</v>
      </c>
      <c r="D110357" s="14" t="s">
        <v>530</v>
      </c>
      <c r="E110357" s="15">
        <v>45503</v>
      </c>
      <c r="F110357" s="14" t="s">
        <v>25</v>
      </c>
      <c r="G110357" s="16">
        <v>0.11439704288225432</v>
      </c>
    </row>
    <row r="110358" spans="1:7" x14ac:dyDescent="0.3">
      <c r="A110358" s="13" t="s">
        <v>529</v>
      </c>
      <c r="B110358" s="14" t="s">
        <v>1</v>
      </c>
      <c r="C110358" s="14" t="s">
        <v>47</v>
      </c>
      <c r="D110358" s="14" t="s">
        <v>530</v>
      </c>
      <c r="E110358" s="15">
        <v>45504</v>
      </c>
      <c r="F110358" s="14" t="s">
        <v>25</v>
      </c>
      <c r="G110358" s="16">
        <v>0.11186455094648495</v>
      </c>
    </row>
    <row r="110359" spans="1:7" x14ac:dyDescent="0.3">
      <c r="A110359" s="13" t="s">
        <v>529</v>
      </c>
      <c r="B110359" s="14" t="s">
        <v>1</v>
      </c>
      <c r="C110359" s="14" t="s">
        <v>47</v>
      </c>
      <c r="D110359" s="14" t="s">
        <v>530</v>
      </c>
      <c r="E110359" s="15">
        <v>45505</v>
      </c>
      <c r="F110359" s="14" t="s">
        <v>25</v>
      </c>
      <c r="G110359" s="16">
        <v>0.10931789567891942</v>
      </c>
    </row>
    <row r="110360" spans="1:7" x14ac:dyDescent="0.3">
      <c r="A110360" s="13" t="s">
        <v>529</v>
      </c>
      <c r="B110360" s="14" t="s">
        <v>1</v>
      </c>
      <c r="C110360" s="14" t="s">
        <v>47</v>
      </c>
      <c r="D110360" s="14" t="s">
        <v>530</v>
      </c>
      <c r="E110360" s="15">
        <v>45506</v>
      </c>
      <c r="F110360" s="14" t="s">
        <v>25</v>
      </c>
      <c r="G110360" s="16">
        <v>0.10503090428357198</v>
      </c>
    </row>
    <row r="110361" spans="1:7" x14ac:dyDescent="0.3">
      <c r="A110361" s="13" t="s">
        <v>529</v>
      </c>
      <c r="B110361" s="14" t="s">
        <v>1</v>
      </c>
      <c r="C110361" s="14" t="s">
        <v>47</v>
      </c>
      <c r="D110361" s="14" t="s">
        <v>530</v>
      </c>
      <c r="E110361" s="15">
        <v>45507</v>
      </c>
      <c r="F110361" s="14" t="s">
        <v>25</v>
      </c>
      <c r="G110361" s="16">
        <v>0.10503090428357198</v>
      </c>
    </row>
    <row r="110362" spans="1:7" x14ac:dyDescent="0.3">
      <c r="A110362" s="13" t="s">
        <v>529</v>
      </c>
      <c r="B110362" s="14" t="s">
        <v>1</v>
      </c>
      <c r="C110362" s="14" t="s">
        <v>47</v>
      </c>
      <c r="D110362" s="14" t="s">
        <v>530</v>
      </c>
      <c r="E110362" s="15">
        <v>45508</v>
      </c>
      <c r="F110362" s="14" t="s">
        <v>25</v>
      </c>
      <c r="G110362" s="16">
        <v>0.10503090428357198</v>
      </c>
    </row>
    <row r="110363" spans="1:7" x14ac:dyDescent="0.3">
      <c r="A110363" s="13" t="s">
        <v>529</v>
      </c>
      <c r="B110363" s="14" t="s">
        <v>1</v>
      </c>
      <c r="C110363" s="14" t="s">
        <v>47</v>
      </c>
      <c r="D110363" s="14" t="s">
        <v>530</v>
      </c>
      <c r="E110363" s="15">
        <v>45509</v>
      </c>
      <c r="F110363" s="14" t="s">
        <v>25</v>
      </c>
      <c r="G110363" s="16">
        <v>0.10503090428357198</v>
      </c>
    </row>
    <row r="110364" spans="1:7" x14ac:dyDescent="0.3">
      <c r="A110364" s="13" t="s">
        <v>529</v>
      </c>
      <c r="B110364" s="14" t="s">
        <v>1</v>
      </c>
      <c r="C110364" s="14" t="s">
        <v>47</v>
      </c>
      <c r="D110364" s="14" t="s">
        <v>530</v>
      </c>
      <c r="E110364" s="15">
        <v>45510</v>
      </c>
      <c r="F110364" s="14" t="s">
        <v>25</v>
      </c>
      <c r="G110364" s="16">
        <v>0.10241455781573806</v>
      </c>
    </row>
    <row r="110365" spans="1:7" x14ac:dyDescent="0.3">
      <c r="A110365" s="13" t="s">
        <v>529</v>
      </c>
      <c r="B110365" s="14" t="s">
        <v>1</v>
      </c>
      <c r="C110365" s="14" t="s">
        <v>47</v>
      </c>
      <c r="D110365" s="14" t="s">
        <v>530</v>
      </c>
      <c r="E110365" s="15">
        <v>45511</v>
      </c>
      <c r="F110365" s="14" t="s">
        <v>25</v>
      </c>
      <c r="G110365" s="16">
        <v>9.628736974594479E-2</v>
      </c>
    </row>
    <row r="110366" spans="1:7" x14ac:dyDescent="0.3">
      <c r="A110366" s="13" t="s">
        <v>529</v>
      </c>
      <c r="B110366" s="14" t="s">
        <v>1</v>
      </c>
      <c r="C110366" s="14" t="s">
        <v>47</v>
      </c>
      <c r="D110366" s="14" t="s">
        <v>530</v>
      </c>
      <c r="E110366" s="15">
        <v>45512</v>
      </c>
      <c r="F110366" s="14" t="s">
        <v>25</v>
      </c>
      <c r="G110366" s="16">
        <v>9.4982822357875599E-2</v>
      </c>
    </row>
    <row r="110367" spans="1:7" x14ac:dyDescent="0.3">
      <c r="A110367" s="13" t="s">
        <v>529</v>
      </c>
      <c r="B110367" s="14" t="s">
        <v>1</v>
      </c>
      <c r="C110367" s="14" t="s">
        <v>47</v>
      </c>
      <c r="D110367" s="14" t="s">
        <v>530</v>
      </c>
      <c r="E110367" s="15">
        <v>45513</v>
      </c>
      <c r="F110367" s="14" t="s">
        <v>25</v>
      </c>
      <c r="G110367" s="16">
        <v>9.3061691678676617E-2</v>
      </c>
    </row>
    <row r="110368" spans="1:7" x14ac:dyDescent="0.3">
      <c r="A110368" s="13" t="s">
        <v>529</v>
      </c>
      <c r="B110368" s="14" t="s">
        <v>1</v>
      </c>
      <c r="C110368" s="14" t="s">
        <v>47</v>
      </c>
      <c r="D110368" s="14" t="s">
        <v>530</v>
      </c>
      <c r="E110368" s="15">
        <v>45514</v>
      </c>
      <c r="F110368" s="14" t="s">
        <v>25</v>
      </c>
      <c r="G110368" s="16">
        <v>9.3061691678676617E-2</v>
      </c>
    </row>
    <row r="110369" spans="1:7" x14ac:dyDescent="0.3">
      <c r="A110369" s="13" t="s">
        <v>529</v>
      </c>
      <c r="B110369" s="14" t="s">
        <v>1</v>
      </c>
      <c r="C110369" s="14" t="s">
        <v>47</v>
      </c>
      <c r="D110369" s="14" t="s">
        <v>530</v>
      </c>
      <c r="E110369" s="15">
        <v>45515</v>
      </c>
      <c r="F110369" s="14" t="s">
        <v>25</v>
      </c>
      <c r="G110369" s="16">
        <v>9.3061691678676617E-2</v>
      </c>
    </row>
    <row r="110370" spans="1:7" x14ac:dyDescent="0.3">
      <c r="A110370" s="13" t="s">
        <v>529</v>
      </c>
      <c r="B110370" s="14" t="s">
        <v>1</v>
      </c>
      <c r="C110370" s="14" t="s">
        <v>47</v>
      </c>
      <c r="D110370" s="14" t="s">
        <v>530</v>
      </c>
      <c r="E110370" s="15">
        <v>45516</v>
      </c>
      <c r="F110370" s="14" t="s">
        <v>25</v>
      </c>
      <c r="G110370" s="16">
        <v>9.1208079538910733E-2</v>
      </c>
    </row>
    <row r="110371" spans="1:7" x14ac:dyDescent="0.3">
      <c r="A110371" s="13" t="s">
        <v>529</v>
      </c>
      <c r="B110371" s="14" t="s">
        <v>1</v>
      </c>
      <c r="C110371" s="14" t="s">
        <v>47</v>
      </c>
      <c r="D110371" s="14" t="s">
        <v>530</v>
      </c>
      <c r="E110371" s="15">
        <v>45517</v>
      </c>
      <c r="F110371" s="14" t="s">
        <v>25</v>
      </c>
      <c r="G110371" s="16">
        <v>8.6390431801944598E-2</v>
      </c>
    </row>
    <row r="110372" spans="1:7" x14ac:dyDescent="0.3">
      <c r="A110372" s="13" t="s">
        <v>529</v>
      </c>
      <c r="B110372" s="14" t="s">
        <v>1</v>
      </c>
      <c r="C110372" s="14" t="s">
        <v>47</v>
      </c>
      <c r="D110372" s="14" t="s">
        <v>530</v>
      </c>
      <c r="E110372" s="15">
        <v>45518</v>
      </c>
      <c r="F110372" s="14" t="s">
        <v>25</v>
      </c>
      <c r="G110372" s="16">
        <v>8.4582887869717308E-2</v>
      </c>
    </row>
    <row r="110373" spans="1:7" x14ac:dyDescent="0.3">
      <c r="A110373" s="13" t="s">
        <v>529</v>
      </c>
      <c r="B110373" s="14" t="s">
        <v>1</v>
      </c>
      <c r="C110373" s="14" t="s">
        <v>47</v>
      </c>
      <c r="D110373" s="14" t="s">
        <v>530</v>
      </c>
      <c r="E110373" s="15">
        <v>45519</v>
      </c>
      <c r="F110373" s="14" t="s">
        <v>25</v>
      </c>
      <c r="G110373" s="16">
        <v>8.3391668443274017E-2</v>
      </c>
    </row>
    <row r="110374" spans="1:7" x14ac:dyDescent="0.3">
      <c r="A110374" s="13" t="s">
        <v>529</v>
      </c>
      <c r="B110374" s="14" t="s">
        <v>1</v>
      </c>
      <c r="C110374" s="14" t="s">
        <v>47</v>
      </c>
      <c r="D110374" s="14" t="s">
        <v>530</v>
      </c>
      <c r="E110374" s="15">
        <v>45520</v>
      </c>
      <c r="F110374" s="14" t="s">
        <v>25</v>
      </c>
      <c r="G110374" s="16">
        <v>8.253873973855709E-2</v>
      </c>
    </row>
    <row r="110375" spans="1:7" x14ac:dyDescent="0.3">
      <c r="A110375" s="13" t="s">
        <v>529</v>
      </c>
      <c r="B110375" s="14" t="s">
        <v>1</v>
      </c>
      <c r="C110375" s="14" t="s">
        <v>47</v>
      </c>
      <c r="D110375" s="14" t="s">
        <v>530</v>
      </c>
      <c r="E110375" s="15">
        <v>45521</v>
      </c>
      <c r="F110375" s="14" t="s">
        <v>25</v>
      </c>
      <c r="G110375" s="16">
        <v>8.253873973855709E-2</v>
      </c>
    </row>
    <row r="110376" spans="1:7" x14ac:dyDescent="0.3">
      <c r="A110376" s="13" t="s">
        <v>529</v>
      </c>
      <c r="B110376" s="14" t="s">
        <v>1</v>
      </c>
      <c r="C110376" s="14" t="s">
        <v>47</v>
      </c>
      <c r="D110376" s="14" t="s">
        <v>530</v>
      </c>
      <c r="E110376" s="15">
        <v>45522</v>
      </c>
      <c r="F110376" s="14" t="s">
        <v>25</v>
      </c>
      <c r="G110376" s="16">
        <v>8.253873973855709E-2</v>
      </c>
    </row>
    <row r="110377" spans="1:7" x14ac:dyDescent="0.3">
      <c r="A110377" s="13" t="s">
        <v>529</v>
      </c>
      <c r="B110377" s="14" t="s">
        <v>1</v>
      </c>
      <c r="C110377" s="14" t="s">
        <v>47</v>
      </c>
      <c r="D110377" s="14" t="s">
        <v>530</v>
      </c>
      <c r="E110377" s="15">
        <v>45523</v>
      </c>
      <c r="F110377" s="14" t="s">
        <v>25</v>
      </c>
      <c r="G110377" s="16">
        <v>8.0270517857420204E-2</v>
      </c>
    </row>
    <row r="110378" spans="1:7" x14ac:dyDescent="0.3">
      <c r="A110378" s="13" t="s">
        <v>529</v>
      </c>
      <c r="B110378" s="14" t="s">
        <v>1</v>
      </c>
      <c r="C110378" s="14" t="s">
        <v>47</v>
      </c>
      <c r="D110378" s="14" t="s">
        <v>530</v>
      </c>
      <c r="E110378" s="15">
        <v>45524</v>
      </c>
      <c r="F110378" s="14" t="s">
        <v>25</v>
      </c>
      <c r="G110378" s="16">
        <v>7.3619745254602062E-2</v>
      </c>
    </row>
    <row r="110379" spans="1:7" x14ac:dyDescent="0.3">
      <c r="A110379" s="13" t="s">
        <v>529</v>
      </c>
      <c r="B110379" s="14" t="s">
        <v>1</v>
      </c>
      <c r="C110379" s="14" t="s">
        <v>47</v>
      </c>
      <c r="D110379" s="14" t="s">
        <v>530</v>
      </c>
      <c r="E110379" s="15">
        <v>45525</v>
      </c>
      <c r="F110379" s="14" t="s">
        <v>25</v>
      </c>
      <c r="G110379" s="16">
        <v>7.1449184263697035E-2</v>
      </c>
    </row>
    <row r="110380" spans="1:7" x14ac:dyDescent="0.3">
      <c r="A110380" s="13" t="s">
        <v>529</v>
      </c>
      <c r="B110380" s="14" t="s">
        <v>1</v>
      </c>
      <c r="C110380" s="14" t="s">
        <v>47</v>
      </c>
      <c r="D110380" s="14" t="s">
        <v>530</v>
      </c>
      <c r="E110380" s="15">
        <v>45526</v>
      </c>
      <c r="F110380" s="14" t="s">
        <v>25</v>
      </c>
      <c r="G110380" s="16">
        <v>6.9489917291484668E-2</v>
      </c>
    </row>
    <row r="110381" spans="1:7" x14ac:dyDescent="0.3">
      <c r="A110381" s="13" t="s">
        <v>529</v>
      </c>
      <c r="B110381" s="14" t="s">
        <v>1</v>
      </c>
      <c r="C110381" s="14" t="s">
        <v>47</v>
      </c>
      <c r="D110381" s="14" t="s">
        <v>530</v>
      </c>
      <c r="E110381" s="15">
        <v>45527</v>
      </c>
      <c r="F110381" s="14" t="s">
        <v>25</v>
      </c>
      <c r="G110381" s="16">
        <v>6.7137326243334294E-2</v>
      </c>
    </row>
    <row r="110382" spans="1:7" x14ac:dyDescent="0.3">
      <c r="A110382" s="13" t="s">
        <v>529</v>
      </c>
      <c r="B110382" s="14" t="s">
        <v>1</v>
      </c>
      <c r="C110382" s="14" t="s">
        <v>47</v>
      </c>
      <c r="D110382" s="14" t="s">
        <v>530</v>
      </c>
      <c r="E110382" s="15">
        <v>45528</v>
      </c>
      <c r="F110382" s="14" t="s">
        <v>25</v>
      </c>
      <c r="G110382" s="16">
        <v>6.7137326243334294E-2</v>
      </c>
    </row>
    <row r="110383" spans="1:7" x14ac:dyDescent="0.3">
      <c r="A110383" s="13" t="s">
        <v>529</v>
      </c>
      <c r="B110383" s="14" t="s">
        <v>1</v>
      </c>
      <c r="C110383" s="14" t="s">
        <v>47</v>
      </c>
      <c r="D110383" s="14" t="s">
        <v>530</v>
      </c>
      <c r="E110383" s="15">
        <v>45529</v>
      </c>
      <c r="F110383" s="14" t="s">
        <v>25</v>
      </c>
      <c r="G110383" s="16">
        <v>6.7137326243334294E-2</v>
      </c>
    </row>
    <row r="110384" spans="1:7" x14ac:dyDescent="0.3">
      <c r="A110384" s="13" t="s">
        <v>529</v>
      </c>
      <c r="B110384" s="14" t="s">
        <v>1</v>
      </c>
      <c r="C110384" s="14" t="s">
        <v>47</v>
      </c>
      <c r="D110384" s="14" t="s">
        <v>530</v>
      </c>
      <c r="E110384" s="15">
        <v>45530</v>
      </c>
      <c r="F110384" s="14" t="s">
        <v>25</v>
      </c>
      <c r="G110384" s="16">
        <v>6.7137326243334294E-2</v>
      </c>
    </row>
    <row r="110385" spans="1:7" x14ac:dyDescent="0.3">
      <c r="A110385" s="13" t="s">
        <v>529</v>
      </c>
      <c r="B110385" s="14" t="s">
        <v>1</v>
      </c>
      <c r="C110385" s="14" t="s">
        <v>47</v>
      </c>
      <c r="D110385" s="14" t="s">
        <v>530</v>
      </c>
      <c r="E110385" s="15">
        <v>45531</v>
      </c>
      <c r="F110385" s="14" t="s">
        <v>25</v>
      </c>
      <c r="G110385" s="16">
        <v>6.4643446576648833E-2</v>
      </c>
    </row>
    <row r="110386" spans="1:7" x14ac:dyDescent="0.3">
      <c r="A110386" s="13" t="s">
        <v>529</v>
      </c>
      <c r="B110386" s="14" t="s">
        <v>1</v>
      </c>
      <c r="C110386" s="14" t="s">
        <v>47</v>
      </c>
      <c r="D110386" s="14" t="s">
        <v>530</v>
      </c>
      <c r="E110386" s="15">
        <v>45532</v>
      </c>
      <c r="F110386" s="14" t="s">
        <v>25</v>
      </c>
      <c r="G110386" s="16">
        <v>5.6518726797043603E-2</v>
      </c>
    </row>
    <row r="110387" spans="1:7" x14ac:dyDescent="0.3">
      <c r="A110387" s="13" t="s">
        <v>529</v>
      </c>
      <c r="B110387" s="14" t="s">
        <v>1</v>
      </c>
      <c r="C110387" s="14" t="s">
        <v>47</v>
      </c>
      <c r="D110387" s="14" t="s">
        <v>530</v>
      </c>
      <c r="E110387" s="15">
        <v>45533</v>
      </c>
      <c r="F110387" s="14" t="s">
        <v>25</v>
      </c>
      <c r="G110387" s="16">
        <v>5.4796750385305404E-2</v>
      </c>
    </row>
    <row r="110388" spans="1:7" x14ac:dyDescent="0.3">
      <c r="A110388" s="13" t="s">
        <v>529</v>
      </c>
      <c r="B110388" s="14" t="s">
        <v>1</v>
      </c>
      <c r="C110388" s="14" t="s">
        <v>47</v>
      </c>
      <c r="D110388" s="14" t="s">
        <v>530</v>
      </c>
      <c r="E110388" s="15">
        <v>45534</v>
      </c>
      <c r="F110388" s="14" t="s">
        <v>25</v>
      </c>
      <c r="G110388" s="16">
        <v>5.2919360216992423E-2</v>
      </c>
    </row>
    <row r="110389" spans="1:7" x14ac:dyDescent="0.3">
      <c r="A110389" s="13" t="s">
        <v>529</v>
      </c>
      <c r="B110389" s="14" t="s">
        <v>1</v>
      </c>
      <c r="C110389" s="14" t="s">
        <v>47</v>
      </c>
      <c r="D110389" s="14" t="s">
        <v>530</v>
      </c>
      <c r="E110389" s="15">
        <v>45535</v>
      </c>
      <c r="F110389" s="14" t="s">
        <v>25</v>
      </c>
      <c r="G110389" s="16">
        <v>5.2919360216992423E-2</v>
      </c>
    </row>
    <row r="110390" spans="1:7" x14ac:dyDescent="0.3">
      <c r="A110390" s="13" t="s">
        <v>529</v>
      </c>
      <c r="B110390" s="14" t="s">
        <v>1</v>
      </c>
      <c r="C110390" s="14" t="s">
        <v>47</v>
      </c>
      <c r="D110390" s="14" t="s">
        <v>530</v>
      </c>
      <c r="E110390" s="15">
        <v>45536</v>
      </c>
      <c r="F110390" s="14" t="s">
        <v>25</v>
      </c>
      <c r="G110390" s="16">
        <v>5.2919360216992423E-2</v>
      </c>
    </row>
    <row r="110391" spans="1:7" x14ac:dyDescent="0.3">
      <c r="A110391" s="13" t="s">
        <v>529</v>
      </c>
      <c r="B110391" s="14" t="s">
        <v>1</v>
      </c>
      <c r="C110391" s="14" t="s">
        <v>47</v>
      </c>
      <c r="D110391" s="14" t="s">
        <v>530</v>
      </c>
      <c r="E110391" s="15">
        <v>45537</v>
      </c>
      <c r="F110391" s="14" t="s">
        <v>25</v>
      </c>
      <c r="G110391" s="16">
        <v>5.2919360216992423E-2</v>
      </c>
    </row>
    <row r="110392" spans="1:7" x14ac:dyDescent="0.3">
      <c r="A110392" s="13" t="s">
        <v>529</v>
      </c>
      <c r="B110392" s="14" t="s">
        <v>1</v>
      </c>
      <c r="C110392" s="14" t="s">
        <v>47</v>
      </c>
      <c r="D110392" s="14" t="s">
        <v>530</v>
      </c>
      <c r="E110392" s="15">
        <v>45538</v>
      </c>
      <c r="F110392" s="14" t="s">
        <v>25</v>
      </c>
      <c r="G110392" s="16">
        <v>5.3984929928405513E-2</v>
      </c>
    </row>
    <row r="110393" spans="1:7" x14ac:dyDescent="0.3">
      <c r="A110393" s="13" t="s">
        <v>529</v>
      </c>
      <c r="B110393" s="14" t="s">
        <v>1</v>
      </c>
      <c r="C110393" s="14" t="s">
        <v>47</v>
      </c>
      <c r="D110393" s="14" t="s">
        <v>530</v>
      </c>
      <c r="E110393" s="15">
        <v>45539</v>
      </c>
      <c r="F110393" s="14" t="s">
        <v>25</v>
      </c>
      <c r="G110393" s="16">
        <v>4.9809199806717865E-2</v>
      </c>
    </row>
    <row r="110394" spans="1:7" x14ac:dyDescent="0.3">
      <c r="A110394" s="13" t="s">
        <v>529</v>
      </c>
      <c r="B110394" s="14" t="s">
        <v>1</v>
      </c>
      <c r="C110394" s="14" t="s">
        <v>47</v>
      </c>
      <c r="D110394" s="14" t="s">
        <v>530</v>
      </c>
      <c r="E110394" s="15">
        <v>45540</v>
      </c>
      <c r="F110394" s="14" t="s">
        <v>25</v>
      </c>
      <c r="G110394" s="16">
        <v>5.3712259850394593E-2</v>
      </c>
    </row>
    <row r="110395" spans="1:7" x14ac:dyDescent="0.3">
      <c r="A110395" s="13" t="s">
        <v>529</v>
      </c>
      <c r="B110395" s="14" t="s">
        <v>1</v>
      </c>
      <c r="C110395" s="14" t="s">
        <v>47</v>
      </c>
      <c r="D110395" s="14" t="s">
        <v>530</v>
      </c>
      <c r="E110395" s="15">
        <v>45541</v>
      </c>
      <c r="F110395" s="14" t="s">
        <v>25</v>
      </c>
      <c r="G110395" s="16">
        <v>5.1677417054443231E-2</v>
      </c>
    </row>
    <row r="110396" spans="1:7" x14ac:dyDescent="0.3">
      <c r="A110396" s="13" t="s">
        <v>529</v>
      </c>
      <c r="B110396" s="14" t="s">
        <v>1</v>
      </c>
      <c r="C110396" s="14" t="s">
        <v>47</v>
      </c>
      <c r="D110396" s="14" t="s">
        <v>530</v>
      </c>
      <c r="E110396" s="15">
        <v>45542</v>
      </c>
      <c r="F110396" s="14" t="s">
        <v>25</v>
      </c>
      <c r="G110396" s="16">
        <v>5.1677417054443231E-2</v>
      </c>
    </row>
    <row r="110397" spans="1:7" x14ac:dyDescent="0.3">
      <c r="A110397" s="13" t="s">
        <v>529</v>
      </c>
      <c r="B110397" s="14" t="s">
        <v>1</v>
      </c>
      <c r="C110397" s="14" t="s">
        <v>47</v>
      </c>
      <c r="D110397" s="14" t="s">
        <v>530</v>
      </c>
      <c r="E110397" s="15">
        <v>45543</v>
      </c>
      <c r="F110397" s="14" t="s">
        <v>25</v>
      </c>
      <c r="G110397" s="16">
        <v>5.1677417054443231E-2</v>
      </c>
    </row>
    <row r="110398" spans="1:7" x14ac:dyDescent="0.3">
      <c r="A110398" s="13" t="s">
        <v>529</v>
      </c>
      <c r="B110398" s="14" t="s">
        <v>1</v>
      </c>
      <c r="C110398" s="14" t="s">
        <v>47</v>
      </c>
      <c r="D110398" s="14" t="s">
        <v>530</v>
      </c>
      <c r="E110398" s="15">
        <v>45544</v>
      </c>
      <c r="F110398" s="14" t="s">
        <v>25</v>
      </c>
      <c r="G110398" s="16">
        <v>5.0127507849105565E-2</v>
      </c>
    </row>
    <row r="110399" spans="1:7" x14ac:dyDescent="0.3">
      <c r="A110399" s="13" t="s">
        <v>529</v>
      </c>
      <c r="B110399" s="14" t="s">
        <v>1</v>
      </c>
      <c r="C110399" s="14" t="s">
        <v>47</v>
      </c>
      <c r="D110399" s="14" t="s">
        <v>530</v>
      </c>
      <c r="E110399" s="15">
        <v>45545</v>
      </c>
      <c r="F110399" s="14" t="s">
        <v>25</v>
      </c>
      <c r="G110399" s="16">
        <v>4.4250058228684226E-2</v>
      </c>
    </row>
    <row r="110400" spans="1:7" x14ac:dyDescent="0.3">
      <c r="A110400" s="13" t="s">
        <v>529</v>
      </c>
      <c r="B110400" s="14" t="s">
        <v>1</v>
      </c>
      <c r="C110400" s="14" t="s">
        <v>47</v>
      </c>
      <c r="D110400" s="14" t="s">
        <v>530</v>
      </c>
      <c r="E110400" s="15">
        <v>45546</v>
      </c>
      <c r="F110400" s="14" t="s">
        <v>25</v>
      </c>
      <c r="G110400" s="16">
        <v>4.2600806097910185E-2</v>
      </c>
    </row>
    <row r="110401" spans="1:7" x14ac:dyDescent="0.3">
      <c r="A110401" s="13" t="s">
        <v>529</v>
      </c>
      <c r="B110401" s="14" t="s">
        <v>1</v>
      </c>
      <c r="C110401" s="14" t="s">
        <v>47</v>
      </c>
      <c r="D110401" s="14" t="s">
        <v>530</v>
      </c>
      <c r="E110401" s="15">
        <v>45547</v>
      </c>
      <c r="F110401" s="14" t="s">
        <v>25</v>
      </c>
      <c r="G110401" s="16">
        <v>4.5240049764721582E-2</v>
      </c>
    </row>
    <row r="110402" spans="1:7" x14ac:dyDescent="0.3">
      <c r="A110402" s="13" t="s">
        <v>529</v>
      </c>
      <c r="B110402" s="14" t="s">
        <v>1</v>
      </c>
      <c r="C110402" s="14" t="s">
        <v>47</v>
      </c>
      <c r="D110402" s="14" t="s">
        <v>530</v>
      </c>
      <c r="E110402" s="15">
        <v>45548</v>
      </c>
      <c r="F110402" s="14" t="s">
        <v>25</v>
      </c>
      <c r="G110402" s="16">
        <v>4.9205315403307616E-2</v>
      </c>
    </row>
    <row r="110403" spans="1:7" x14ac:dyDescent="0.3">
      <c r="A110403" s="13" t="s">
        <v>529</v>
      </c>
      <c r="B110403" s="14" t="s">
        <v>1</v>
      </c>
      <c r="C110403" s="14" t="s">
        <v>47</v>
      </c>
      <c r="D110403" s="14" t="s">
        <v>530</v>
      </c>
      <c r="E110403" s="15">
        <v>45549</v>
      </c>
      <c r="F110403" s="14" t="s">
        <v>25</v>
      </c>
      <c r="G110403" s="16">
        <v>4.9205315403307616E-2</v>
      </c>
    </row>
    <row r="110404" spans="1:7" x14ac:dyDescent="0.3">
      <c r="A110404" s="13" t="s">
        <v>529</v>
      </c>
      <c r="B110404" s="14" t="s">
        <v>1</v>
      </c>
      <c r="C110404" s="14" t="s">
        <v>47</v>
      </c>
      <c r="D110404" s="14" t="s">
        <v>530</v>
      </c>
      <c r="E110404" s="15">
        <v>45550</v>
      </c>
      <c r="F110404" s="14" t="s">
        <v>25</v>
      </c>
      <c r="G110404" s="16">
        <v>4.9205315403307616E-2</v>
      </c>
    </row>
    <row r="110405" spans="1:7" x14ac:dyDescent="0.3">
      <c r="A110405" s="13" t="s">
        <v>529</v>
      </c>
      <c r="B110405" s="14" t="s">
        <v>1</v>
      </c>
      <c r="C110405" s="14" t="s">
        <v>47</v>
      </c>
      <c r="D110405" s="14" t="s">
        <v>530</v>
      </c>
      <c r="E110405" s="15">
        <v>45551</v>
      </c>
      <c r="F110405" s="14" t="s">
        <v>25</v>
      </c>
      <c r="G110405" s="16">
        <v>4.698989559168737E-2</v>
      </c>
    </row>
    <row r="110406" spans="1:7" x14ac:dyDescent="0.3">
      <c r="A110406" s="13" t="s">
        <v>529</v>
      </c>
      <c r="B110406" s="14" t="s">
        <v>1</v>
      </c>
      <c r="C110406" s="14" t="s">
        <v>47</v>
      </c>
      <c r="D110406" s="14" t="s">
        <v>530</v>
      </c>
      <c r="E110406" s="15">
        <v>45552</v>
      </c>
      <c r="F110406" s="14" t="s">
        <v>25</v>
      </c>
      <c r="G110406" s="16">
        <v>4.2709278867948806E-2</v>
      </c>
    </row>
    <row r="110407" spans="1:7" x14ac:dyDescent="0.3">
      <c r="A110407" s="13" t="s">
        <v>529</v>
      </c>
      <c r="B110407" s="14" t="s">
        <v>1</v>
      </c>
      <c r="C110407" s="14" t="s">
        <v>47</v>
      </c>
      <c r="D110407" s="14" t="s">
        <v>530</v>
      </c>
      <c r="E110407" s="15">
        <v>45553</v>
      </c>
      <c r="F110407" s="14" t="s">
        <v>25</v>
      </c>
      <c r="G110407" s="16">
        <v>4.1286682364072798E-2</v>
      </c>
    </row>
    <row r="110408" spans="1:7" x14ac:dyDescent="0.3">
      <c r="A110408" s="13" t="s">
        <v>529</v>
      </c>
      <c r="B110408" s="14" t="s">
        <v>1</v>
      </c>
      <c r="C110408" s="14" t="s">
        <v>47</v>
      </c>
      <c r="D110408" s="14" t="s">
        <v>530</v>
      </c>
      <c r="E110408" s="15">
        <v>45554</v>
      </c>
      <c r="F110408" s="14" t="s">
        <v>25</v>
      </c>
      <c r="G110408" s="16">
        <v>3.9342153233145959E-2</v>
      </c>
    </row>
    <row r="110409" spans="1:7" x14ac:dyDescent="0.3">
      <c r="A110409" s="13" t="s">
        <v>529</v>
      </c>
      <c r="B110409" s="14" t="s">
        <v>1</v>
      </c>
      <c r="C110409" s="14" t="s">
        <v>47</v>
      </c>
      <c r="D110409" s="14" t="s">
        <v>530</v>
      </c>
      <c r="E110409" s="15">
        <v>45555</v>
      </c>
      <c r="F110409" s="14" t="s">
        <v>25</v>
      </c>
      <c r="G110409" s="16">
        <v>4.778213484615014E-2</v>
      </c>
    </row>
    <row r="110410" spans="1:7" x14ac:dyDescent="0.3">
      <c r="A110410" s="13" t="s">
        <v>529</v>
      </c>
      <c r="B110410" s="14" t="s">
        <v>1</v>
      </c>
      <c r="C110410" s="14" t="s">
        <v>47</v>
      </c>
      <c r="D110410" s="14" t="s">
        <v>530</v>
      </c>
      <c r="E110410" s="15">
        <v>45556</v>
      </c>
      <c r="F110410" s="14" t="s">
        <v>25</v>
      </c>
      <c r="G110410" s="16">
        <v>4.778213484615014E-2</v>
      </c>
    </row>
    <row r="110411" spans="1:7" x14ac:dyDescent="0.3">
      <c r="A110411" s="13" t="s">
        <v>529</v>
      </c>
      <c r="B110411" s="14" t="s">
        <v>1</v>
      </c>
      <c r="C110411" s="14" t="s">
        <v>47</v>
      </c>
      <c r="D110411" s="14" t="s">
        <v>530</v>
      </c>
      <c r="E110411" s="15">
        <v>45557</v>
      </c>
      <c r="F110411" s="14" t="s">
        <v>25</v>
      </c>
      <c r="G110411" s="16">
        <v>4.778213484615014E-2</v>
      </c>
    </row>
    <row r="110412" spans="1:7" x14ac:dyDescent="0.3">
      <c r="A110412" s="13" t="s">
        <v>529</v>
      </c>
      <c r="B110412" s="14" t="s">
        <v>1</v>
      </c>
      <c r="C110412" s="14" t="s">
        <v>47</v>
      </c>
      <c r="D110412" s="14" t="s">
        <v>530</v>
      </c>
      <c r="E110412" s="15">
        <v>45558</v>
      </c>
      <c r="F110412" s="14" t="s">
        <v>25</v>
      </c>
      <c r="G110412" s="16">
        <v>4.5573191282442714E-2</v>
      </c>
    </row>
    <row r="110413" spans="1:7" x14ac:dyDescent="0.3">
      <c r="A110413" s="13" t="s">
        <v>529</v>
      </c>
      <c r="B110413" s="14" t="s">
        <v>1</v>
      </c>
      <c r="C110413" s="14" t="s">
        <v>47</v>
      </c>
      <c r="D110413" s="14" t="s">
        <v>530</v>
      </c>
      <c r="E110413" s="15">
        <v>45559</v>
      </c>
      <c r="F110413" s="14" t="s">
        <v>25</v>
      </c>
      <c r="G110413" s="16">
        <v>4.5978812557229597E-2</v>
      </c>
    </row>
    <row r="110414" spans="1:7" x14ac:dyDescent="0.3">
      <c r="A110414" s="13" t="s">
        <v>529</v>
      </c>
      <c r="B110414" s="14" t="s">
        <v>1</v>
      </c>
      <c r="C110414" s="14" t="s">
        <v>47</v>
      </c>
      <c r="D110414" s="14" t="s">
        <v>530</v>
      </c>
      <c r="E110414" s="15">
        <v>45560</v>
      </c>
      <c r="F110414" s="14" t="s">
        <v>25</v>
      </c>
      <c r="G110414" s="16">
        <v>4.4289201944859406E-2</v>
      </c>
    </row>
    <row r="110415" spans="1:7" x14ac:dyDescent="0.3">
      <c r="A110415" s="13" t="s">
        <v>529</v>
      </c>
      <c r="B110415" s="14" t="s">
        <v>1</v>
      </c>
      <c r="C110415" s="14" t="s">
        <v>47</v>
      </c>
      <c r="D110415" s="14" t="s">
        <v>530</v>
      </c>
      <c r="E110415" s="15">
        <v>45561</v>
      </c>
      <c r="F110415" s="14" t="s">
        <v>25</v>
      </c>
      <c r="G110415" s="16">
        <v>4.1980840931176912E-2</v>
      </c>
    </row>
    <row r="110416" spans="1:7" x14ac:dyDescent="0.3">
      <c r="A110416" s="13" t="s">
        <v>529</v>
      </c>
      <c r="B110416" s="14" t="s">
        <v>1</v>
      </c>
      <c r="C110416" s="14" t="s">
        <v>47</v>
      </c>
      <c r="D110416" s="14" t="s">
        <v>530</v>
      </c>
      <c r="E110416" s="15">
        <v>45562</v>
      </c>
      <c r="F110416" s="14" t="s">
        <v>25</v>
      </c>
      <c r="G110416" s="16">
        <v>3.9632367184609343E-2</v>
      </c>
    </row>
    <row r="110417" spans="1:7" x14ac:dyDescent="0.3">
      <c r="A110417" s="13" t="s">
        <v>529</v>
      </c>
      <c r="B110417" s="14" t="s">
        <v>1</v>
      </c>
      <c r="C110417" s="14" t="s">
        <v>47</v>
      </c>
      <c r="D110417" s="14" t="s">
        <v>530</v>
      </c>
      <c r="E110417" s="15">
        <v>45563</v>
      </c>
      <c r="F110417" s="14" t="s">
        <v>25</v>
      </c>
      <c r="G110417" s="16">
        <v>3.9632367184609343E-2</v>
      </c>
    </row>
    <row r="110418" spans="1:7" x14ac:dyDescent="0.3">
      <c r="A110418" s="13" t="s">
        <v>529</v>
      </c>
      <c r="B110418" s="14" t="s">
        <v>1</v>
      </c>
      <c r="C110418" s="14" t="s">
        <v>47</v>
      </c>
      <c r="D110418" s="14" t="s">
        <v>530</v>
      </c>
      <c r="E110418" s="15">
        <v>45564</v>
      </c>
      <c r="F110418" s="14" t="s">
        <v>25</v>
      </c>
      <c r="G110418" s="16">
        <v>3.9632367184609343E-2</v>
      </c>
    </row>
    <row r="110419" spans="1:7" x14ac:dyDescent="0.3">
      <c r="A110419" s="13" t="s">
        <v>529</v>
      </c>
      <c r="B110419" s="14" t="s">
        <v>1</v>
      </c>
      <c r="C110419" s="14" t="s">
        <v>47</v>
      </c>
      <c r="D110419" s="14" t="s">
        <v>530</v>
      </c>
      <c r="E110419" s="15">
        <v>45565</v>
      </c>
      <c r="F110419" s="14" t="s">
        <v>25</v>
      </c>
      <c r="G110419" s="16">
        <v>4.5376513989984629E-2</v>
      </c>
    </row>
    <row r="110420" spans="1:7" x14ac:dyDescent="0.3">
      <c r="A110420" s="13" t="s">
        <v>529</v>
      </c>
      <c r="B110420" s="14" t="s">
        <v>1</v>
      </c>
      <c r="C110420" s="14" t="s">
        <v>47</v>
      </c>
      <c r="D110420" s="14" t="s">
        <v>530</v>
      </c>
      <c r="E110420" s="15">
        <v>45566</v>
      </c>
      <c r="F110420" s="14" t="s">
        <v>25</v>
      </c>
      <c r="G110420" s="16">
        <v>4.3310648619986146E-2</v>
      </c>
    </row>
    <row r="110421" spans="1:7" x14ac:dyDescent="0.3">
      <c r="A110421" s="13" t="s">
        <v>529</v>
      </c>
      <c r="B110421" s="14" t="s">
        <v>1</v>
      </c>
      <c r="C110421" s="14" t="s">
        <v>47</v>
      </c>
      <c r="D110421" s="14" t="s">
        <v>530</v>
      </c>
      <c r="E110421" s="15">
        <v>45567</v>
      </c>
      <c r="F110421" s="14" t="s">
        <v>25</v>
      </c>
      <c r="G110421" s="16">
        <v>4.6043019994224846E-2</v>
      </c>
    </row>
    <row r="110422" spans="1:7" x14ac:dyDescent="0.3">
      <c r="A110422" s="13" t="s">
        <v>529</v>
      </c>
      <c r="B110422" s="14" t="s">
        <v>1</v>
      </c>
      <c r="C110422" s="14" t="s">
        <v>47</v>
      </c>
      <c r="D110422" s="14" t="s">
        <v>530</v>
      </c>
      <c r="E110422" s="15">
        <v>45568</v>
      </c>
      <c r="F110422" s="14" t="s">
        <v>25</v>
      </c>
      <c r="G110422" s="16">
        <v>4.4083153908026348E-2</v>
      </c>
    </row>
    <row r="110423" spans="1:7" x14ac:dyDescent="0.3">
      <c r="A110423" s="13" t="s">
        <v>529</v>
      </c>
      <c r="B110423" s="14" t="s">
        <v>1</v>
      </c>
      <c r="C110423" s="14" t="s">
        <v>47</v>
      </c>
      <c r="D110423" s="14" t="s">
        <v>530</v>
      </c>
      <c r="E110423" s="15">
        <v>45569</v>
      </c>
      <c r="F110423" s="14" t="s">
        <v>25</v>
      </c>
      <c r="G110423" s="16">
        <v>4.2212263961938008E-2</v>
      </c>
    </row>
    <row r="110424" spans="1:7" x14ac:dyDescent="0.3">
      <c r="A110424" s="13" t="s">
        <v>529</v>
      </c>
      <c r="B110424" s="14" t="s">
        <v>1</v>
      </c>
      <c r="C110424" s="14" t="s">
        <v>47</v>
      </c>
      <c r="D110424" s="14" t="s">
        <v>530</v>
      </c>
      <c r="E110424" s="15">
        <v>45570</v>
      </c>
      <c r="F110424" s="14" t="s">
        <v>25</v>
      </c>
      <c r="G110424" s="16">
        <v>4.2212263961938008E-2</v>
      </c>
    </row>
    <row r="110425" spans="1:7" x14ac:dyDescent="0.3">
      <c r="A110425" s="13" t="s">
        <v>529</v>
      </c>
      <c r="B110425" s="14" t="s">
        <v>1</v>
      </c>
      <c r="C110425" s="14" t="s">
        <v>47</v>
      </c>
      <c r="D110425" s="14" t="s">
        <v>530</v>
      </c>
      <c r="E110425" s="15">
        <v>45571</v>
      </c>
      <c r="F110425" s="14" t="s">
        <v>25</v>
      </c>
      <c r="G110425" s="16">
        <v>4.2212263961938008E-2</v>
      </c>
    </row>
    <row r="110426" spans="1:7" x14ac:dyDescent="0.3">
      <c r="A110426" s="13" t="s">
        <v>529</v>
      </c>
      <c r="B110426" s="14" t="s">
        <v>1</v>
      </c>
      <c r="C110426" s="14" t="s">
        <v>47</v>
      </c>
      <c r="D110426" s="14" t="s">
        <v>530</v>
      </c>
      <c r="E110426" s="15">
        <v>45572</v>
      </c>
      <c r="F110426" s="14" t="s">
        <v>25</v>
      </c>
      <c r="G110426" s="16">
        <v>3.9930444635738756E-2</v>
      </c>
    </row>
    <row r="110427" spans="1:7" x14ac:dyDescent="0.3">
      <c r="A110427" s="13" t="s">
        <v>529</v>
      </c>
      <c r="B110427" s="14" t="s">
        <v>1</v>
      </c>
      <c r="C110427" s="14" t="s">
        <v>47</v>
      </c>
      <c r="D110427" s="14" t="s">
        <v>530</v>
      </c>
      <c r="E110427" s="15">
        <v>45573</v>
      </c>
      <c r="F110427" s="14" t="s">
        <v>25</v>
      </c>
      <c r="G110427" s="16">
        <v>3.3659191564593655E-2</v>
      </c>
    </row>
    <row r="110428" spans="1:7" x14ac:dyDescent="0.3">
      <c r="A110428" s="13" t="s">
        <v>529</v>
      </c>
      <c r="B110428" s="14" t="s">
        <v>1</v>
      </c>
      <c r="C110428" s="14" t="s">
        <v>47</v>
      </c>
      <c r="D110428" s="14" t="s">
        <v>530</v>
      </c>
      <c r="E110428" s="15">
        <v>45574</v>
      </c>
      <c r="F110428" s="14" t="s">
        <v>25</v>
      </c>
      <c r="G110428" s="16">
        <v>3.1654583623268985E-2</v>
      </c>
    </row>
    <row r="110429" spans="1:7" x14ac:dyDescent="0.3">
      <c r="A110429" s="13" t="s">
        <v>529</v>
      </c>
      <c r="B110429" s="14" t="s">
        <v>1</v>
      </c>
      <c r="C110429" s="14" t="s">
        <v>47</v>
      </c>
      <c r="D110429" s="14" t="s">
        <v>530</v>
      </c>
      <c r="E110429" s="15">
        <v>45575</v>
      </c>
      <c r="F110429" s="14" t="s">
        <v>25</v>
      </c>
      <c r="G110429" s="16">
        <v>2.9353755862963068E-2</v>
      </c>
    </row>
    <row r="110430" spans="1:7" x14ac:dyDescent="0.3">
      <c r="A110430" s="13" t="s">
        <v>529</v>
      </c>
      <c r="B110430" s="14" t="s">
        <v>1</v>
      </c>
      <c r="C110430" s="14" t="s">
        <v>47</v>
      </c>
      <c r="D110430" s="14" t="s">
        <v>530</v>
      </c>
      <c r="E110430" s="15">
        <v>45576</v>
      </c>
      <c r="F110430" s="14" t="s">
        <v>25</v>
      </c>
      <c r="G110430" s="16">
        <v>2.7241094254772204E-2</v>
      </c>
    </row>
    <row r="110431" spans="1:7" x14ac:dyDescent="0.3">
      <c r="A110431" s="13" t="s">
        <v>529</v>
      </c>
      <c r="B110431" s="14" t="s">
        <v>1</v>
      </c>
      <c r="C110431" s="14" t="s">
        <v>47</v>
      </c>
      <c r="D110431" s="14" t="s">
        <v>530</v>
      </c>
      <c r="E110431" s="15">
        <v>45577</v>
      </c>
      <c r="F110431" s="14" t="s">
        <v>25</v>
      </c>
      <c r="G110431" s="16">
        <v>2.7241094254772204E-2</v>
      </c>
    </row>
    <row r="110432" spans="1:7" x14ac:dyDescent="0.3">
      <c r="A110432" s="13" t="s">
        <v>529</v>
      </c>
      <c r="B110432" s="14" t="s">
        <v>1</v>
      </c>
      <c r="C110432" s="14" t="s">
        <v>47</v>
      </c>
      <c r="D110432" s="14" t="s">
        <v>530</v>
      </c>
      <c r="E110432" s="15">
        <v>45578</v>
      </c>
      <c r="F110432" s="14" t="s">
        <v>25</v>
      </c>
      <c r="G110432" s="16">
        <v>2.7241094254772204E-2</v>
      </c>
    </row>
    <row r="110433" spans="1:7" x14ac:dyDescent="0.3">
      <c r="A110433" s="13" t="s">
        <v>529</v>
      </c>
      <c r="B110433" s="14" t="s">
        <v>1</v>
      </c>
      <c r="C110433" s="14" t="s">
        <v>47</v>
      </c>
      <c r="D110433" s="14" t="s">
        <v>530</v>
      </c>
      <c r="E110433" s="15">
        <v>45579</v>
      </c>
      <c r="F110433" s="14" t="s">
        <v>25</v>
      </c>
      <c r="G110433" s="16">
        <v>2.7241094254772204E-2</v>
      </c>
    </row>
    <row r="110434" spans="1:7" x14ac:dyDescent="0.3">
      <c r="A110434" s="13" t="s">
        <v>529</v>
      </c>
      <c r="B110434" s="14" t="s">
        <v>1</v>
      </c>
      <c r="C110434" s="14" t="s">
        <v>47</v>
      </c>
      <c r="D110434" s="14" t="s">
        <v>530</v>
      </c>
      <c r="E110434" s="15">
        <v>45580</v>
      </c>
      <c r="F110434" s="14" t="s">
        <v>25</v>
      </c>
      <c r="G110434" s="16">
        <v>2.83822219057842E-2</v>
      </c>
    </row>
    <row r="110435" spans="1:7" x14ac:dyDescent="0.3">
      <c r="A110435" s="13" t="s">
        <v>529</v>
      </c>
      <c r="B110435" s="14" t="s">
        <v>1</v>
      </c>
      <c r="C110435" s="14" t="s">
        <v>47</v>
      </c>
      <c r="D110435" s="14" t="s">
        <v>530</v>
      </c>
      <c r="E110435" s="15">
        <v>45581</v>
      </c>
      <c r="F110435" s="14" t="s">
        <v>25</v>
      </c>
      <c r="G110435" s="16">
        <v>1.9829104794867498E-2</v>
      </c>
    </row>
    <row r="110436" spans="1:7" x14ac:dyDescent="0.3">
      <c r="A110436" s="13" t="s">
        <v>529</v>
      </c>
      <c r="B110436" s="14" t="s">
        <v>1</v>
      </c>
      <c r="C110436" s="14" t="s">
        <v>47</v>
      </c>
      <c r="D110436" s="14" t="s">
        <v>530</v>
      </c>
      <c r="E110436" s="15">
        <v>45582</v>
      </c>
      <c r="F110436" s="14" t="s">
        <v>25</v>
      </c>
      <c r="G110436" s="16">
        <v>1.7698623611041658E-2</v>
      </c>
    </row>
    <row r="110437" spans="1:7" x14ac:dyDescent="0.3">
      <c r="A110437" s="13" t="s">
        <v>529</v>
      </c>
      <c r="B110437" s="14" t="s">
        <v>1</v>
      </c>
      <c r="C110437" s="14" t="s">
        <v>47</v>
      </c>
      <c r="D110437" s="14" t="s">
        <v>530</v>
      </c>
      <c r="E110437" s="15">
        <v>45583</v>
      </c>
      <c r="F110437" s="14" t="s">
        <v>25</v>
      </c>
      <c r="G110437" s="16">
        <v>1.5536319713460324E-2</v>
      </c>
    </row>
    <row r="110438" spans="1:7" x14ac:dyDescent="0.3">
      <c r="A110438" s="13" t="s">
        <v>529</v>
      </c>
      <c r="B110438" s="14" t="s">
        <v>1</v>
      </c>
      <c r="C110438" s="14" t="s">
        <v>47</v>
      </c>
      <c r="D110438" s="14" t="s">
        <v>530</v>
      </c>
      <c r="E110438" s="15">
        <v>45584</v>
      </c>
      <c r="F110438" s="14" t="s">
        <v>25</v>
      </c>
      <c r="G110438" s="16">
        <v>1.5536319713460324E-2</v>
      </c>
    </row>
    <row r="110439" spans="1:7" x14ac:dyDescent="0.3">
      <c r="A110439" s="13" t="s">
        <v>529</v>
      </c>
      <c r="B110439" s="14" t="s">
        <v>1</v>
      </c>
      <c r="C110439" s="14" t="s">
        <v>47</v>
      </c>
      <c r="D110439" s="14" t="s">
        <v>530</v>
      </c>
      <c r="E110439" s="15">
        <v>45585</v>
      </c>
      <c r="F110439" s="14" t="s">
        <v>25</v>
      </c>
      <c r="G110439" s="16">
        <v>1.5536319713460324E-2</v>
      </c>
    </row>
    <row r="110440" spans="1:7" x14ac:dyDescent="0.3">
      <c r="A110440" s="13" t="s">
        <v>529</v>
      </c>
      <c r="B110440" s="14" t="s">
        <v>1</v>
      </c>
      <c r="C110440" s="14" t="s">
        <v>47</v>
      </c>
      <c r="D110440" s="14" t="s">
        <v>530</v>
      </c>
      <c r="E110440" s="15">
        <v>45586</v>
      </c>
      <c r="F110440" s="14" t="s">
        <v>25</v>
      </c>
      <c r="G110440" s="16">
        <v>1.6054026362892219E-2</v>
      </c>
    </row>
    <row r="110441" spans="1:7" x14ac:dyDescent="0.3">
      <c r="A110441" s="13" t="s">
        <v>529</v>
      </c>
      <c r="B110441" s="14" t="s">
        <v>1</v>
      </c>
      <c r="C110441" s="14" t="s">
        <v>47</v>
      </c>
      <c r="D110441" s="14" t="s">
        <v>530</v>
      </c>
      <c r="E110441" s="15">
        <v>45587</v>
      </c>
      <c r="F110441" s="14" t="s">
        <v>25</v>
      </c>
      <c r="G110441" s="16">
        <v>9.5902864393431469E-3</v>
      </c>
    </row>
    <row r="110442" spans="1:7" x14ac:dyDescent="0.3">
      <c r="A110442" s="13" t="s">
        <v>529</v>
      </c>
      <c r="B110442" s="14" t="s">
        <v>1</v>
      </c>
      <c r="C110442" s="14" t="s">
        <v>47</v>
      </c>
      <c r="D110442" s="14" t="s">
        <v>530</v>
      </c>
      <c r="E110442" s="15">
        <v>45588</v>
      </c>
      <c r="F110442" s="14" t="s">
        <v>25</v>
      </c>
      <c r="G110442" s="16">
        <v>7.4578755939432688E-3</v>
      </c>
    </row>
    <row r="110443" spans="1:7" x14ac:dyDescent="0.3">
      <c r="A110443" s="13" t="s">
        <v>529</v>
      </c>
      <c r="B110443" s="14" t="s">
        <v>1</v>
      </c>
      <c r="C110443" s="14" t="s">
        <v>47</v>
      </c>
      <c r="D110443" s="14" t="s">
        <v>530</v>
      </c>
      <c r="E110443" s="15">
        <v>45589</v>
      </c>
      <c r="F110443" s="14" t="s">
        <v>25</v>
      </c>
      <c r="G110443" s="16">
        <v>5.3240486445209857E-3</v>
      </c>
    </row>
    <row r="110444" spans="1:7" x14ac:dyDescent="0.3">
      <c r="A110444" s="13" t="s">
        <v>529</v>
      </c>
      <c r="B110444" s="14" t="s">
        <v>1</v>
      </c>
      <c r="C110444" s="14" t="s">
        <v>47</v>
      </c>
      <c r="D110444" s="14" t="s">
        <v>530</v>
      </c>
      <c r="E110444" s="15">
        <v>45590</v>
      </c>
      <c r="F110444" s="14" t="s">
        <v>25</v>
      </c>
      <c r="G110444" s="16">
        <v>3.2182055927084882E-3</v>
      </c>
    </row>
    <row r="110445" spans="1:7" x14ac:dyDescent="0.3">
      <c r="A110445" s="13" t="s">
        <v>529</v>
      </c>
      <c r="B110445" s="14" t="s">
        <v>1</v>
      </c>
      <c r="C110445" s="14" t="s">
        <v>47</v>
      </c>
      <c r="D110445" s="14" t="s">
        <v>530</v>
      </c>
      <c r="E110445" s="15">
        <v>45591</v>
      </c>
      <c r="F110445" s="14" t="s">
        <v>25</v>
      </c>
      <c r="G110445" s="16">
        <v>3.2182055927084882E-3</v>
      </c>
    </row>
    <row r="110446" spans="1:7" x14ac:dyDescent="0.3">
      <c r="A110446" s="13" t="s">
        <v>529</v>
      </c>
      <c r="B110446" s="14" t="s">
        <v>1</v>
      </c>
      <c r="C110446" s="14" t="s">
        <v>47</v>
      </c>
      <c r="D110446" s="14" t="s">
        <v>530</v>
      </c>
      <c r="E110446" s="15">
        <v>45592</v>
      </c>
      <c r="F110446" s="14" t="s">
        <v>25</v>
      </c>
      <c r="G110446" s="16">
        <v>3.2182055927084882E-3</v>
      </c>
    </row>
    <row r="110447" spans="1:7" x14ac:dyDescent="0.3">
      <c r="A110447" s="13" t="s">
        <v>529</v>
      </c>
      <c r="B110447" s="14" t="s">
        <v>1</v>
      </c>
      <c r="C110447" s="14" t="s">
        <v>47</v>
      </c>
      <c r="D110447" s="14" t="s">
        <v>530</v>
      </c>
      <c r="E110447" s="15">
        <v>45593</v>
      </c>
      <c r="F110447" s="14" t="s">
        <v>25</v>
      </c>
      <c r="G110447" s="16">
        <v>3.2182055927084882E-3</v>
      </c>
    </row>
    <row r="110448" spans="1:7" x14ac:dyDescent="0.3">
      <c r="A110448" s="13" t="s">
        <v>529</v>
      </c>
      <c r="B110448" s="14" t="s">
        <v>1</v>
      </c>
      <c r="C110448" s="14" t="s">
        <v>47</v>
      </c>
      <c r="D110448" s="14" t="s">
        <v>530</v>
      </c>
      <c r="E110448" s="15">
        <v>45594</v>
      </c>
      <c r="F110448" s="14" t="s">
        <v>25</v>
      </c>
      <c r="G110448" s="16">
        <v>4.8831107461614004E-3</v>
      </c>
    </row>
    <row r="110449" spans="1:7" x14ac:dyDescent="0.3">
      <c r="A110449" s="13" t="s">
        <v>529</v>
      </c>
      <c r="B110449" s="14" t="s">
        <v>1</v>
      </c>
      <c r="C110449" s="14" t="s">
        <v>47</v>
      </c>
      <c r="D110449" s="14" t="s">
        <v>530</v>
      </c>
      <c r="E110449" s="15">
        <v>45595</v>
      </c>
      <c r="F110449" s="14" t="s">
        <v>25</v>
      </c>
      <c r="G110449" s="16">
        <v>0</v>
      </c>
    </row>
    <row r="110450" spans="1:7" x14ac:dyDescent="0.3">
      <c r="A110450" s="13" t="s">
        <v>529</v>
      </c>
      <c r="B110450" s="14" t="s">
        <v>1</v>
      </c>
      <c r="C110450" s="14" t="s">
        <v>47</v>
      </c>
      <c r="D110450" s="14" t="s">
        <v>530</v>
      </c>
      <c r="E110450" s="15">
        <v>45596</v>
      </c>
      <c r="F110450" s="14" t="s">
        <v>25</v>
      </c>
      <c r="G110450" s="16">
        <v>0</v>
      </c>
    </row>
    <row r="110451" spans="1:7" x14ac:dyDescent="0.3">
      <c r="A110451" s="13" t="s">
        <v>529</v>
      </c>
      <c r="B110451" s="14" t="s">
        <v>1</v>
      </c>
      <c r="C110451" s="14" t="s">
        <v>47</v>
      </c>
      <c r="D110451" s="14" t="s">
        <v>530</v>
      </c>
      <c r="E110451" s="15">
        <v>45597</v>
      </c>
      <c r="F110451" s="14" t="s">
        <v>25</v>
      </c>
      <c r="G110451" s="16">
        <v>0</v>
      </c>
    </row>
    <row r="110452" spans="1:7" x14ac:dyDescent="0.3">
      <c r="A110452" s="13" t="s">
        <v>529</v>
      </c>
      <c r="B110452" s="14" t="s">
        <v>1</v>
      </c>
      <c r="C110452" s="14" t="s">
        <v>47</v>
      </c>
      <c r="D110452" s="14" t="s">
        <v>530</v>
      </c>
      <c r="E110452" s="15">
        <v>45598</v>
      </c>
      <c r="F110452" s="14" t="s">
        <v>25</v>
      </c>
      <c r="G110452" s="16">
        <v>0</v>
      </c>
    </row>
    <row r="110453" spans="1:7" x14ac:dyDescent="0.3">
      <c r="A110453" s="13" t="s">
        <v>529</v>
      </c>
      <c r="B110453" s="14" t="s">
        <v>1</v>
      </c>
      <c r="C110453" s="14" t="s">
        <v>47</v>
      </c>
      <c r="D110453" s="14" t="s">
        <v>530</v>
      </c>
      <c r="E110453" s="15">
        <v>45599</v>
      </c>
      <c r="F110453" s="14" t="s">
        <v>25</v>
      </c>
      <c r="G110453" s="16">
        <v>0</v>
      </c>
    </row>
    <row r="110454" spans="1:7" x14ac:dyDescent="0.3">
      <c r="A110454" s="13" t="s">
        <v>529</v>
      </c>
      <c r="B110454" s="14" t="s">
        <v>1</v>
      </c>
      <c r="C110454" s="14" t="s">
        <v>47</v>
      </c>
      <c r="D110454" s="14" t="s">
        <v>530</v>
      </c>
      <c r="E110454" s="15">
        <v>45600</v>
      </c>
      <c r="F110454" s="14" t="s">
        <v>25</v>
      </c>
      <c r="G110454" s="16">
        <v>0</v>
      </c>
    </row>
    <row r="110455" spans="1:7" x14ac:dyDescent="0.3">
      <c r="A110455" s="13" t="s">
        <v>529</v>
      </c>
      <c r="B110455" s="14" t="s">
        <v>1</v>
      </c>
      <c r="C110455" s="14" t="s">
        <v>47</v>
      </c>
      <c r="D110455" s="14" t="s">
        <v>530</v>
      </c>
      <c r="E110455" s="15">
        <v>45601</v>
      </c>
      <c r="F110455" s="14" t="s">
        <v>25</v>
      </c>
      <c r="G110455" s="16">
        <v>0</v>
      </c>
    </row>
    <row r="110456" spans="1:7" x14ac:dyDescent="0.3">
      <c r="A110456" s="13" t="s">
        <v>529</v>
      </c>
      <c r="B110456" s="14" t="s">
        <v>1</v>
      </c>
      <c r="C110456" s="14" t="s">
        <v>47</v>
      </c>
      <c r="D110456" s="14" t="s">
        <v>530</v>
      </c>
      <c r="E110456" s="15">
        <v>45602</v>
      </c>
      <c r="F110456" s="14" t="s">
        <v>25</v>
      </c>
      <c r="G110456" s="16">
        <v>0</v>
      </c>
    </row>
    <row r="110457" spans="1:7" x14ac:dyDescent="0.3">
      <c r="A110457" s="13" t="s">
        <v>529</v>
      </c>
      <c r="B110457" s="14" t="s">
        <v>1</v>
      </c>
      <c r="C110457" s="14" t="s">
        <v>47</v>
      </c>
      <c r="D110457" s="14" t="s">
        <v>530</v>
      </c>
      <c r="E110457" s="15">
        <v>45603</v>
      </c>
      <c r="F110457" s="14" t="s">
        <v>25</v>
      </c>
      <c r="G110457" s="16">
        <v>0</v>
      </c>
    </row>
    <row r="110458" spans="1:7" x14ac:dyDescent="0.3">
      <c r="A110458" s="13" t="s">
        <v>529</v>
      </c>
      <c r="B110458" s="14" t="s">
        <v>1</v>
      </c>
      <c r="C110458" s="14" t="s">
        <v>47</v>
      </c>
      <c r="D110458" s="14" t="s">
        <v>530</v>
      </c>
      <c r="E110458" s="15">
        <v>45604</v>
      </c>
      <c r="F110458" s="14" t="s">
        <v>25</v>
      </c>
      <c r="G110458" s="16">
        <v>0</v>
      </c>
    </row>
    <row r="110459" spans="1:7" x14ac:dyDescent="0.3">
      <c r="A110459" s="13" t="s">
        <v>529</v>
      </c>
      <c r="B110459" s="14" t="s">
        <v>1</v>
      </c>
      <c r="C110459" s="14" t="s">
        <v>47</v>
      </c>
      <c r="D110459" s="14" t="s">
        <v>530</v>
      </c>
      <c r="E110459" s="15">
        <v>45605</v>
      </c>
      <c r="F110459" s="14" t="s">
        <v>25</v>
      </c>
      <c r="G110459" s="16">
        <v>0</v>
      </c>
    </row>
    <row r="110460" spans="1:7" x14ac:dyDescent="0.3">
      <c r="A110460" s="13" t="s">
        <v>529</v>
      </c>
      <c r="B110460" s="14" t="s">
        <v>1</v>
      </c>
      <c r="C110460" s="14" t="s">
        <v>47</v>
      </c>
      <c r="D110460" s="14" t="s">
        <v>530</v>
      </c>
      <c r="E110460" s="15">
        <v>45606</v>
      </c>
      <c r="F110460" s="14" t="s">
        <v>25</v>
      </c>
      <c r="G110460" s="16">
        <v>0</v>
      </c>
    </row>
    <row r="110461" spans="1:7" x14ac:dyDescent="0.3">
      <c r="A110461" s="13" t="s">
        <v>529</v>
      </c>
      <c r="B110461" s="14" t="s">
        <v>1</v>
      </c>
      <c r="C110461" s="14" t="s">
        <v>47</v>
      </c>
      <c r="D110461" s="14" t="s">
        <v>530</v>
      </c>
      <c r="E110461" s="15">
        <v>45607</v>
      </c>
      <c r="F110461" s="14" t="s">
        <v>25</v>
      </c>
      <c r="G110461" s="16">
        <v>0</v>
      </c>
    </row>
    <row r="110462" spans="1:7" x14ac:dyDescent="0.3">
      <c r="A110462" s="13" t="s">
        <v>529</v>
      </c>
      <c r="B110462" s="14" t="s">
        <v>1</v>
      </c>
      <c r="C110462" s="14" t="s">
        <v>47</v>
      </c>
      <c r="D110462" s="14" t="s">
        <v>530</v>
      </c>
      <c r="E110462" s="15">
        <v>45608</v>
      </c>
      <c r="F110462" s="14" t="s">
        <v>25</v>
      </c>
      <c r="G110462" s="16">
        <v>0</v>
      </c>
    </row>
    <row r="110463" spans="1:7" x14ac:dyDescent="0.3">
      <c r="A110463" s="13" t="s">
        <v>529</v>
      </c>
      <c r="B110463" s="14" t="s">
        <v>1</v>
      </c>
      <c r="C110463" s="14" t="s">
        <v>47</v>
      </c>
      <c r="D110463" s="14" t="s">
        <v>530</v>
      </c>
      <c r="E110463" s="15">
        <v>45609</v>
      </c>
      <c r="F110463" s="14" t="s">
        <v>25</v>
      </c>
      <c r="G110463" s="16">
        <v>0</v>
      </c>
    </row>
    <row r="110464" spans="1:7" x14ac:dyDescent="0.3">
      <c r="A110464" s="13" t="s">
        <v>529</v>
      </c>
      <c r="B110464" s="14" t="s">
        <v>1</v>
      </c>
      <c r="C110464" s="14" t="s">
        <v>47</v>
      </c>
      <c r="D110464" s="14" t="s">
        <v>530</v>
      </c>
      <c r="E110464" s="15">
        <v>45610</v>
      </c>
      <c r="F110464" s="14" t="s">
        <v>25</v>
      </c>
      <c r="G110464" s="16">
        <v>0</v>
      </c>
    </row>
    <row r="110465" spans="1:7" x14ac:dyDescent="0.3">
      <c r="A110465" s="13" t="s">
        <v>529</v>
      </c>
      <c r="B110465" s="14" t="s">
        <v>1</v>
      </c>
      <c r="C110465" s="14" t="s">
        <v>47</v>
      </c>
      <c r="D110465" s="14" t="s">
        <v>530</v>
      </c>
      <c r="E110465" s="15">
        <v>45611</v>
      </c>
      <c r="F110465" s="14" t="s">
        <v>25</v>
      </c>
      <c r="G110465" s="16">
        <v>0</v>
      </c>
    </row>
    <row r="110466" spans="1:7" x14ac:dyDescent="0.3">
      <c r="A110466" s="13" t="s">
        <v>529</v>
      </c>
      <c r="B110466" s="14" t="s">
        <v>1</v>
      </c>
      <c r="C110466" s="14" t="s">
        <v>47</v>
      </c>
      <c r="D110466" s="14" t="s">
        <v>530</v>
      </c>
      <c r="E110466" s="15">
        <v>45612</v>
      </c>
      <c r="F110466" s="14" t="s">
        <v>25</v>
      </c>
      <c r="G110466" s="16">
        <v>0</v>
      </c>
    </row>
    <row r="110467" spans="1:7" x14ac:dyDescent="0.3">
      <c r="A110467" s="13" t="s">
        <v>529</v>
      </c>
      <c r="B110467" s="14" t="s">
        <v>1</v>
      </c>
      <c r="C110467" s="14" t="s">
        <v>47</v>
      </c>
      <c r="D110467" s="14" t="s">
        <v>530</v>
      </c>
      <c r="E110467" s="15">
        <v>45613</v>
      </c>
      <c r="F110467" s="14" t="s">
        <v>25</v>
      </c>
      <c r="G110467" s="16">
        <v>0</v>
      </c>
    </row>
    <row r="110468" spans="1:7" x14ac:dyDescent="0.3">
      <c r="A110468" s="13" t="s">
        <v>529</v>
      </c>
      <c r="B110468" s="14" t="s">
        <v>1</v>
      </c>
      <c r="C110468" s="14" t="s">
        <v>47</v>
      </c>
      <c r="D110468" s="14" t="s">
        <v>530</v>
      </c>
      <c r="E110468" s="15">
        <v>45614</v>
      </c>
      <c r="F110468" s="14" t="s">
        <v>25</v>
      </c>
      <c r="G110468" s="16">
        <v>0</v>
      </c>
    </row>
    <row r="110469" spans="1:7" x14ac:dyDescent="0.3">
      <c r="A110469" s="13" t="s">
        <v>529</v>
      </c>
      <c r="B110469" s="14" t="s">
        <v>1</v>
      </c>
      <c r="C110469" s="14" t="s">
        <v>47</v>
      </c>
      <c r="D110469" s="14" t="s">
        <v>530</v>
      </c>
      <c r="E110469" s="15">
        <v>45615</v>
      </c>
      <c r="F110469" s="14" t="s">
        <v>25</v>
      </c>
      <c r="G110469" s="16">
        <v>0</v>
      </c>
    </row>
    <row r="110470" spans="1:7" x14ac:dyDescent="0.3">
      <c r="A110470" s="13" t="s">
        <v>529</v>
      </c>
      <c r="B110470" s="14" t="s">
        <v>1</v>
      </c>
      <c r="C110470" s="14" t="s">
        <v>47</v>
      </c>
      <c r="D110470" s="14" t="s">
        <v>530</v>
      </c>
      <c r="E110470" s="15">
        <v>45616</v>
      </c>
      <c r="F110470" s="14" t="s">
        <v>25</v>
      </c>
      <c r="G110470" s="16">
        <v>0</v>
      </c>
    </row>
    <row r="110471" spans="1:7" x14ac:dyDescent="0.3">
      <c r="A110471" s="13" t="s">
        <v>529</v>
      </c>
      <c r="B110471" s="14" t="s">
        <v>1</v>
      </c>
      <c r="C110471" s="14" t="s">
        <v>47</v>
      </c>
      <c r="D110471" s="14" t="s">
        <v>530</v>
      </c>
      <c r="E110471" s="15">
        <v>45617</v>
      </c>
      <c r="F110471" s="14" t="s">
        <v>25</v>
      </c>
      <c r="G110471" s="16">
        <v>0</v>
      </c>
    </row>
    <row r="110472" spans="1:7" x14ac:dyDescent="0.3">
      <c r="A110472" s="13" t="s">
        <v>529</v>
      </c>
      <c r="B110472" s="14" t="s">
        <v>1</v>
      </c>
      <c r="C110472" s="14" t="s">
        <v>47</v>
      </c>
      <c r="D110472" s="14" t="s">
        <v>530</v>
      </c>
      <c r="E110472" s="15">
        <v>45618</v>
      </c>
      <c r="F110472" s="14" t="s">
        <v>25</v>
      </c>
      <c r="G110472" s="16">
        <v>0</v>
      </c>
    </row>
    <row r="110473" spans="1:7" x14ac:dyDescent="0.3">
      <c r="A110473" s="13" t="s">
        <v>529</v>
      </c>
      <c r="B110473" s="14" t="s">
        <v>1</v>
      </c>
      <c r="C110473" s="14" t="s">
        <v>47</v>
      </c>
      <c r="D110473" s="14" t="s">
        <v>530</v>
      </c>
      <c r="E110473" s="15">
        <v>45619</v>
      </c>
      <c r="F110473" s="14" t="s">
        <v>25</v>
      </c>
      <c r="G110473" s="16">
        <v>0</v>
      </c>
    </row>
    <row r="110474" spans="1:7" x14ac:dyDescent="0.3">
      <c r="A110474" s="13" t="s">
        <v>529</v>
      </c>
      <c r="B110474" s="14" t="s">
        <v>1</v>
      </c>
      <c r="C110474" s="14" t="s">
        <v>47</v>
      </c>
      <c r="D110474" s="14" t="s">
        <v>530</v>
      </c>
      <c r="E110474" s="15">
        <v>45620</v>
      </c>
      <c r="F110474" s="14" t="s">
        <v>25</v>
      </c>
      <c r="G110474" s="16">
        <v>0</v>
      </c>
    </row>
    <row r="110475" spans="1:7" x14ac:dyDescent="0.3">
      <c r="A110475" s="13" t="s">
        <v>529</v>
      </c>
      <c r="B110475" s="14" t="s">
        <v>1</v>
      </c>
      <c r="C110475" s="14" t="s">
        <v>47</v>
      </c>
      <c r="D110475" s="14" t="s">
        <v>530</v>
      </c>
      <c r="E110475" s="15">
        <v>45621</v>
      </c>
      <c r="F110475" s="14" t="s">
        <v>25</v>
      </c>
      <c r="G110475" s="16">
        <v>0</v>
      </c>
    </row>
    <row r="110476" spans="1:7" x14ac:dyDescent="0.3">
      <c r="A110476" s="13" t="s">
        <v>529</v>
      </c>
      <c r="B110476" s="14" t="s">
        <v>1</v>
      </c>
      <c r="C110476" s="14" t="s">
        <v>47</v>
      </c>
      <c r="D110476" s="14" t="s">
        <v>530</v>
      </c>
      <c r="E110476" s="15">
        <v>45622</v>
      </c>
      <c r="F110476" s="14" t="s">
        <v>25</v>
      </c>
      <c r="G110476" s="16">
        <v>0</v>
      </c>
    </row>
    <row r="110477" spans="1:7" x14ac:dyDescent="0.3">
      <c r="A110477" s="13" t="s">
        <v>529</v>
      </c>
      <c r="B110477" s="14" t="s">
        <v>1</v>
      </c>
      <c r="C110477" s="14" t="s">
        <v>47</v>
      </c>
      <c r="D110477" s="14" t="s">
        <v>530</v>
      </c>
      <c r="E110477" s="15">
        <v>45623</v>
      </c>
      <c r="F110477" s="14" t="s">
        <v>25</v>
      </c>
      <c r="G110477" s="16">
        <v>0</v>
      </c>
    </row>
    <row r="110478" spans="1:7" x14ac:dyDescent="0.3">
      <c r="A110478" s="13" t="s">
        <v>529</v>
      </c>
      <c r="B110478" s="14" t="s">
        <v>1</v>
      </c>
      <c r="C110478" s="14" t="s">
        <v>47</v>
      </c>
      <c r="D110478" s="14" t="s">
        <v>530</v>
      </c>
      <c r="E110478" s="15">
        <v>45624</v>
      </c>
      <c r="F110478" s="14" t="s">
        <v>25</v>
      </c>
      <c r="G110478" s="16">
        <v>0</v>
      </c>
    </row>
    <row r="110479" spans="1:7" x14ac:dyDescent="0.3">
      <c r="A110479" s="13" t="s">
        <v>529</v>
      </c>
      <c r="B110479" s="14" t="s">
        <v>1</v>
      </c>
      <c r="C110479" s="14" t="s">
        <v>47</v>
      </c>
      <c r="D110479" s="14" t="s">
        <v>530</v>
      </c>
      <c r="E110479" s="15">
        <v>45625</v>
      </c>
      <c r="F110479" s="14" t="s">
        <v>25</v>
      </c>
      <c r="G110479" s="16">
        <v>0</v>
      </c>
    </row>
    <row r="110480" spans="1:7" x14ac:dyDescent="0.3">
      <c r="A110480" s="13" t="s">
        <v>529</v>
      </c>
      <c r="B110480" s="14" t="s">
        <v>1</v>
      </c>
      <c r="C110480" s="14" t="s">
        <v>47</v>
      </c>
      <c r="D110480" s="14" t="s">
        <v>530</v>
      </c>
      <c r="E110480" s="15">
        <v>45626</v>
      </c>
      <c r="F110480" s="14" t="s">
        <v>25</v>
      </c>
      <c r="G110480" s="16">
        <v>0</v>
      </c>
    </row>
    <row r="110481" spans="1:7" x14ac:dyDescent="0.3">
      <c r="A110481" s="13" t="s">
        <v>529</v>
      </c>
      <c r="B110481" s="14" t="s">
        <v>1</v>
      </c>
      <c r="C110481" s="14" t="s">
        <v>47</v>
      </c>
      <c r="D110481" s="14" t="s">
        <v>530</v>
      </c>
      <c r="E110481" s="15">
        <v>45627</v>
      </c>
      <c r="F110481" s="14" t="s">
        <v>25</v>
      </c>
      <c r="G110481" s="16">
        <v>0</v>
      </c>
    </row>
    <row r="110482" spans="1:7" x14ac:dyDescent="0.3">
      <c r="A110482" s="13" t="s">
        <v>529</v>
      </c>
      <c r="B110482" s="14" t="s">
        <v>1</v>
      </c>
      <c r="C110482" s="14" t="s">
        <v>47</v>
      </c>
      <c r="D110482" s="14" t="s">
        <v>530</v>
      </c>
      <c r="E110482" s="15">
        <v>45628</v>
      </c>
      <c r="F110482" s="14" t="s">
        <v>25</v>
      </c>
      <c r="G110482" s="16">
        <v>0</v>
      </c>
    </row>
    <row r="110483" spans="1:7" x14ac:dyDescent="0.3">
      <c r="A110483" s="13" t="s">
        <v>529</v>
      </c>
      <c r="B110483" s="14" t="s">
        <v>1</v>
      </c>
      <c r="C110483" s="14" t="s">
        <v>47</v>
      </c>
      <c r="D110483" s="14" t="s">
        <v>530</v>
      </c>
      <c r="E110483" s="15">
        <v>45629</v>
      </c>
      <c r="F110483" s="14" t="s">
        <v>25</v>
      </c>
      <c r="G110483" s="16">
        <v>0</v>
      </c>
    </row>
    <row r="110484" spans="1:7" x14ac:dyDescent="0.3">
      <c r="A110484" s="13" t="s">
        <v>529</v>
      </c>
      <c r="B110484" s="14" t="s">
        <v>1</v>
      </c>
      <c r="C110484" s="14" t="s">
        <v>47</v>
      </c>
      <c r="D110484" s="14" t="s">
        <v>530</v>
      </c>
      <c r="E110484" s="15">
        <v>45630</v>
      </c>
      <c r="F110484" s="14" t="s">
        <v>25</v>
      </c>
      <c r="G110484" s="16">
        <v>0</v>
      </c>
    </row>
    <row r="110485" spans="1:7" x14ac:dyDescent="0.3">
      <c r="A110485" s="13" t="s">
        <v>529</v>
      </c>
      <c r="B110485" s="14" t="s">
        <v>1</v>
      </c>
      <c r="C110485" s="14" t="s">
        <v>47</v>
      </c>
      <c r="D110485" s="14" t="s">
        <v>530</v>
      </c>
      <c r="E110485" s="15">
        <v>45631</v>
      </c>
      <c r="F110485" s="14" t="s">
        <v>25</v>
      </c>
      <c r="G110485" s="16">
        <v>0</v>
      </c>
    </row>
    <row r="110486" spans="1:7" x14ac:dyDescent="0.3">
      <c r="A110486" s="13" t="s">
        <v>529</v>
      </c>
      <c r="B110486" s="14" t="s">
        <v>1</v>
      </c>
      <c r="C110486" s="14" t="s">
        <v>47</v>
      </c>
      <c r="D110486" s="14" t="s">
        <v>530</v>
      </c>
      <c r="E110486" s="15">
        <v>45632</v>
      </c>
      <c r="F110486" s="14" t="s">
        <v>25</v>
      </c>
      <c r="G110486" s="16">
        <v>0</v>
      </c>
    </row>
    <row r="110487" spans="1:7" x14ac:dyDescent="0.3">
      <c r="A110487" s="13" t="s">
        <v>529</v>
      </c>
      <c r="B110487" s="14" t="s">
        <v>1</v>
      </c>
      <c r="C110487" s="14" t="s">
        <v>47</v>
      </c>
      <c r="D110487" s="14" t="s">
        <v>530</v>
      </c>
      <c r="E110487" s="15">
        <v>45633</v>
      </c>
      <c r="F110487" s="14" t="s">
        <v>25</v>
      </c>
      <c r="G110487" s="16">
        <v>0</v>
      </c>
    </row>
    <row r="110488" spans="1:7" x14ac:dyDescent="0.3">
      <c r="A110488" s="13" t="s">
        <v>529</v>
      </c>
      <c r="B110488" s="14" t="s">
        <v>1</v>
      </c>
      <c r="C110488" s="14" t="s">
        <v>47</v>
      </c>
      <c r="D110488" s="14" t="s">
        <v>530</v>
      </c>
      <c r="E110488" s="15">
        <v>45634</v>
      </c>
      <c r="F110488" s="14" t="s">
        <v>25</v>
      </c>
      <c r="G110488" s="16">
        <v>0</v>
      </c>
    </row>
    <row r="110489" spans="1:7" x14ac:dyDescent="0.3">
      <c r="A110489" s="13" t="s">
        <v>529</v>
      </c>
      <c r="B110489" s="14" t="s">
        <v>1</v>
      </c>
      <c r="C110489" s="14" t="s">
        <v>47</v>
      </c>
      <c r="D110489" s="14" t="s">
        <v>530</v>
      </c>
      <c r="E110489" s="15">
        <v>45635</v>
      </c>
      <c r="F110489" s="14" t="s">
        <v>25</v>
      </c>
      <c r="G110489" s="16">
        <v>0</v>
      </c>
    </row>
    <row r="110490" spans="1:7" x14ac:dyDescent="0.3">
      <c r="A110490" s="13" t="s">
        <v>529</v>
      </c>
      <c r="B110490" s="14" t="s">
        <v>1</v>
      </c>
      <c r="C110490" s="14" t="s">
        <v>47</v>
      </c>
      <c r="D110490" s="14" t="s">
        <v>530</v>
      </c>
      <c r="E110490" s="15">
        <v>45636</v>
      </c>
      <c r="F110490" s="14" t="s">
        <v>25</v>
      </c>
      <c r="G110490" s="16">
        <v>0</v>
      </c>
    </row>
    <row r="110491" spans="1:7" x14ac:dyDescent="0.3">
      <c r="A110491" s="13" t="s">
        <v>529</v>
      </c>
      <c r="B110491" s="14" t="s">
        <v>1</v>
      </c>
      <c r="C110491" s="14" t="s">
        <v>47</v>
      </c>
      <c r="D110491" s="14" t="s">
        <v>530</v>
      </c>
      <c r="E110491" s="15">
        <v>45637</v>
      </c>
      <c r="F110491" s="14" t="s">
        <v>25</v>
      </c>
      <c r="G110491" s="16">
        <v>0</v>
      </c>
    </row>
    <row r="110492" spans="1:7" x14ac:dyDescent="0.3">
      <c r="A110492" s="13" t="s">
        <v>529</v>
      </c>
      <c r="B110492" s="14" t="s">
        <v>1</v>
      </c>
      <c r="C110492" s="14" t="s">
        <v>47</v>
      </c>
      <c r="D110492" s="14" t="s">
        <v>530</v>
      </c>
      <c r="E110492" s="15">
        <v>45638</v>
      </c>
      <c r="F110492" s="14" t="s">
        <v>25</v>
      </c>
      <c r="G110492" s="16">
        <v>0</v>
      </c>
    </row>
    <row r="110493" spans="1:7" x14ac:dyDescent="0.3">
      <c r="A110493" s="13" t="s">
        <v>529</v>
      </c>
      <c r="B110493" s="14" t="s">
        <v>1</v>
      </c>
      <c r="C110493" s="14" t="s">
        <v>47</v>
      </c>
      <c r="D110493" s="14" t="s">
        <v>530</v>
      </c>
      <c r="E110493" s="15">
        <v>45639</v>
      </c>
      <c r="F110493" s="14" t="s">
        <v>25</v>
      </c>
      <c r="G110493" s="16">
        <v>0</v>
      </c>
    </row>
    <row r="110494" spans="1:7" x14ac:dyDescent="0.3">
      <c r="A110494" s="13" t="s">
        <v>529</v>
      </c>
      <c r="B110494" s="14" t="s">
        <v>1</v>
      </c>
      <c r="C110494" s="14" t="s">
        <v>47</v>
      </c>
      <c r="D110494" s="14" t="s">
        <v>530</v>
      </c>
      <c r="E110494" s="15">
        <v>45640</v>
      </c>
      <c r="F110494" s="14" t="s">
        <v>25</v>
      </c>
      <c r="G110494" s="16">
        <v>0</v>
      </c>
    </row>
    <row r="110495" spans="1:7" x14ac:dyDescent="0.3">
      <c r="A110495" s="13" t="s">
        <v>529</v>
      </c>
      <c r="B110495" s="14" t="s">
        <v>1</v>
      </c>
      <c r="C110495" s="14" t="s">
        <v>47</v>
      </c>
      <c r="D110495" s="14" t="s">
        <v>530</v>
      </c>
      <c r="E110495" s="15">
        <v>45641</v>
      </c>
      <c r="F110495" s="14" t="s">
        <v>25</v>
      </c>
      <c r="G110495" s="16">
        <v>0</v>
      </c>
    </row>
    <row r="110496" spans="1:7" x14ac:dyDescent="0.3">
      <c r="A110496" s="13" t="s">
        <v>529</v>
      </c>
      <c r="B110496" s="14" t="s">
        <v>1</v>
      </c>
      <c r="C110496" s="14" t="s">
        <v>47</v>
      </c>
      <c r="D110496" s="14" t="s">
        <v>530</v>
      </c>
      <c r="E110496" s="15">
        <v>45642</v>
      </c>
      <c r="F110496" s="14" t="s">
        <v>25</v>
      </c>
      <c r="G110496" s="16">
        <v>0</v>
      </c>
    </row>
    <row r="110497" spans="1:7" x14ac:dyDescent="0.3">
      <c r="A110497" s="13" t="s">
        <v>529</v>
      </c>
      <c r="B110497" s="14" t="s">
        <v>1</v>
      </c>
      <c r="C110497" s="14" t="s">
        <v>47</v>
      </c>
      <c r="D110497" s="14" t="s">
        <v>530</v>
      </c>
      <c r="E110497" s="15">
        <v>45643</v>
      </c>
      <c r="F110497" s="14" t="s">
        <v>25</v>
      </c>
      <c r="G110497" s="16">
        <v>0</v>
      </c>
    </row>
    <row r="110498" spans="1:7" x14ac:dyDescent="0.3">
      <c r="A110498" s="13" t="s">
        <v>529</v>
      </c>
      <c r="B110498" s="14" t="s">
        <v>1</v>
      </c>
      <c r="C110498" s="14" t="s">
        <v>47</v>
      </c>
      <c r="D110498" s="14" t="s">
        <v>530</v>
      </c>
      <c r="E110498" s="15">
        <v>45644</v>
      </c>
      <c r="F110498" s="14" t="s">
        <v>25</v>
      </c>
      <c r="G110498" s="16">
        <v>0</v>
      </c>
    </row>
    <row r="110499" spans="1:7" x14ac:dyDescent="0.3">
      <c r="A110499" s="13" t="s">
        <v>529</v>
      </c>
      <c r="B110499" s="14" t="s">
        <v>1</v>
      </c>
      <c r="C110499" s="14" t="s">
        <v>47</v>
      </c>
      <c r="D110499" s="14" t="s">
        <v>530</v>
      </c>
      <c r="E110499" s="15">
        <v>45645</v>
      </c>
      <c r="F110499" s="14" t="s">
        <v>25</v>
      </c>
      <c r="G110499" s="16">
        <v>0</v>
      </c>
    </row>
    <row r="110500" spans="1:7" x14ac:dyDescent="0.3">
      <c r="A110500" s="13" t="s">
        <v>529</v>
      </c>
      <c r="B110500" s="14" t="s">
        <v>1</v>
      </c>
      <c r="C110500" s="14" t="s">
        <v>47</v>
      </c>
      <c r="D110500" s="14" t="s">
        <v>530</v>
      </c>
      <c r="E110500" s="15">
        <v>45646</v>
      </c>
      <c r="F110500" s="14" t="s">
        <v>25</v>
      </c>
      <c r="G110500" s="16">
        <v>0</v>
      </c>
    </row>
    <row r="110501" spans="1:7" x14ac:dyDescent="0.3">
      <c r="A110501" s="13" t="s">
        <v>529</v>
      </c>
      <c r="B110501" s="14" t="s">
        <v>1</v>
      </c>
      <c r="C110501" s="14" t="s">
        <v>47</v>
      </c>
      <c r="D110501" s="14" t="s">
        <v>530</v>
      </c>
      <c r="E110501" s="15">
        <v>45647</v>
      </c>
      <c r="F110501" s="14" t="s">
        <v>25</v>
      </c>
      <c r="G110501" s="16">
        <v>0</v>
      </c>
    </row>
    <row r="110502" spans="1:7" x14ac:dyDescent="0.3">
      <c r="A110502" s="13" t="s">
        <v>529</v>
      </c>
      <c r="B110502" s="14" t="s">
        <v>1</v>
      </c>
      <c r="C110502" s="14" t="s">
        <v>47</v>
      </c>
      <c r="D110502" s="14" t="s">
        <v>530</v>
      </c>
      <c r="E110502" s="15">
        <v>45648</v>
      </c>
      <c r="F110502" s="14" t="s">
        <v>25</v>
      </c>
      <c r="G110502" s="16">
        <v>0</v>
      </c>
    </row>
    <row r="110503" spans="1:7" x14ac:dyDescent="0.3">
      <c r="A110503" s="13" t="s">
        <v>529</v>
      </c>
      <c r="B110503" s="14" t="s">
        <v>1</v>
      </c>
      <c r="C110503" s="14" t="s">
        <v>47</v>
      </c>
      <c r="D110503" s="14" t="s">
        <v>530</v>
      </c>
      <c r="E110503" s="15">
        <v>45649</v>
      </c>
      <c r="F110503" s="14" t="s">
        <v>25</v>
      </c>
      <c r="G110503" s="16">
        <v>0</v>
      </c>
    </row>
    <row r="110504" spans="1:7" x14ac:dyDescent="0.3">
      <c r="A110504" s="13" t="s">
        <v>529</v>
      </c>
      <c r="B110504" s="14" t="s">
        <v>1</v>
      </c>
      <c r="C110504" s="14" t="s">
        <v>47</v>
      </c>
      <c r="D110504" s="14" t="s">
        <v>530</v>
      </c>
      <c r="E110504" s="15">
        <v>45650</v>
      </c>
      <c r="F110504" s="14" t="s">
        <v>25</v>
      </c>
      <c r="G110504" s="16">
        <v>0</v>
      </c>
    </row>
    <row r="110505" spans="1:7" x14ac:dyDescent="0.3">
      <c r="A110505" s="13" t="s">
        <v>529</v>
      </c>
      <c r="B110505" s="14" t="s">
        <v>1</v>
      </c>
      <c r="C110505" s="14" t="s">
        <v>47</v>
      </c>
      <c r="D110505" s="14" t="s">
        <v>530</v>
      </c>
      <c r="E110505" s="15">
        <v>45651</v>
      </c>
      <c r="F110505" s="14" t="s">
        <v>25</v>
      </c>
      <c r="G110505" s="16">
        <v>0</v>
      </c>
    </row>
    <row r="110506" spans="1:7" x14ac:dyDescent="0.3">
      <c r="A110506" s="13" t="s">
        <v>529</v>
      </c>
      <c r="B110506" s="14" t="s">
        <v>1</v>
      </c>
      <c r="C110506" s="14" t="s">
        <v>47</v>
      </c>
      <c r="D110506" s="14" t="s">
        <v>530</v>
      </c>
      <c r="E110506" s="15">
        <v>45652</v>
      </c>
      <c r="F110506" s="14" t="s">
        <v>25</v>
      </c>
      <c r="G110506" s="16">
        <v>0</v>
      </c>
    </row>
    <row r="110507" spans="1:7" x14ac:dyDescent="0.3">
      <c r="A110507" s="13" t="s">
        <v>529</v>
      </c>
      <c r="B110507" s="14" t="s">
        <v>1</v>
      </c>
      <c r="C110507" s="14" t="s">
        <v>47</v>
      </c>
      <c r="D110507" s="14" t="s">
        <v>530</v>
      </c>
      <c r="E110507" s="15">
        <v>45653</v>
      </c>
      <c r="F110507" s="14" t="s">
        <v>25</v>
      </c>
      <c r="G110507" s="16">
        <v>0</v>
      </c>
    </row>
    <row r="110508" spans="1:7" x14ac:dyDescent="0.3">
      <c r="A110508" s="13" t="s">
        <v>529</v>
      </c>
      <c r="B110508" s="14" t="s">
        <v>1</v>
      </c>
      <c r="C110508" s="14" t="s">
        <v>47</v>
      </c>
      <c r="D110508" s="14" t="s">
        <v>530</v>
      </c>
      <c r="E110508" s="15">
        <v>45654</v>
      </c>
      <c r="F110508" s="14" t="s">
        <v>25</v>
      </c>
      <c r="G110508" s="16">
        <v>0</v>
      </c>
    </row>
    <row r="110509" spans="1:7" x14ac:dyDescent="0.3">
      <c r="A110509" s="13" t="s">
        <v>529</v>
      </c>
      <c r="B110509" s="14" t="s">
        <v>1</v>
      </c>
      <c r="C110509" s="14" t="s">
        <v>47</v>
      </c>
      <c r="D110509" s="14" t="s">
        <v>530</v>
      </c>
      <c r="E110509" s="15">
        <v>45655</v>
      </c>
      <c r="F110509" s="14" t="s">
        <v>25</v>
      </c>
      <c r="G110509" s="16">
        <v>0</v>
      </c>
    </row>
    <row r="110510" spans="1:7" x14ac:dyDescent="0.3">
      <c r="A110510" s="13" t="s">
        <v>529</v>
      </c>
      <c r="B110510" s="14" t="s">
        <v>1</v>
      </c>
      <c r="C110510" s="14" t="s">
        <v>47</v>
      </c>
      <c r="D110510" s="14" t="s">
        <v>530</v>
      </c>
      <c r="E110510" s="15">
        <v>45656</v>
      </c>
      <c r="F110510" s="14" t="s">
        <v>25</v>
      </c>
      <c r="G110510" s="16">
        <v>0</v>
      </c>
    </row>
    <row r="110511" spans="1:7" x14ac:dyDescent="0.3">
      <c r="A110511" s="13" t="s">
        <v>529</v>
      </c>
      <c r="B110511" s="14" t="s">
        <v>1</v>
      </c>
      <c r="C110511" s="14" t="s">
        <v>47</v>
      </c>
      <c r="D110511" s="14" t="s">
        <v>530</v>
      </c>
      <c r="E110511" s="15">
        <v>45657</v>
      </c>
      <c r="F110511" s="14" t="s">
        <v>25</v>
      </c>
      <c r="G110511" s="16">
        <v>0</v>
      </c>
    </row>
    <row r="110512" spans="1:7" x14ac:dyDescent="0.3">
      <c r="A110512" s="13" t="s">
        <v>529</v>
      </c>
      <c r="B110512" s="14" t="s">
        <v>1</v>
      </c>
      <c r="C110512" s="14" t="s">
        <v>47</v>
      </c>
      <c r="D110512" s="14" t="s">
        <v>530</v>
      </c>
      <c r="E110512" s="15">
        <v>45658</v>
      </c>
      <c r="F110512" s="14" t="s">
        <v>25</v>
      </c>
      <c r="G110512" s="16">
        <v>0</v>
      </c>
    </row>
    <row r="110513" spans="1:7" x14ac:dyDescent="0.3">
      <c r="A110513" s="13" t="s">
        <v>529</v>
      </c>
      <c r="B110513" s="14" t="s">
        <v>1</v>
      </c>
      <c r="C110513" s="14" t="s">
        <v>47</v>
      </c>
      <c r="D110513" s="14" t="s">
        <v>530</v>
      </c>
      <c r="E110513" s="15">
        <v>45659</v>
      </c>
      <c r="F110513" s="14" t="s">
        <v>25</v>
      </c>
      <c r="G110513" s="16">
        <v>0</v>
      </c>
    </row>
    <row r="110514" spans="1:7" x14ac:dyDescent="0.3">
      <c r="A110514" s="13" t="s">
        <v>529</v>
      </c>
      <c r="B110514" s="14" t="s">
        <v>1</v>
      </c>
      <c r="C110514" s="14" t="s">
        <v>47</v>
      </c>
      <c r="D110514" s="14" t="s">
        <v>530</v>
      </c>
      <c r="E110514" s="15">
        <v>45660</v>
      </c>
      <c r="F110514" s="14" t="s">
        <v>25</v>
      </c>
      <c r="G110514" s="16">
        <v>0</v>
      </c>
    </row>
    <row r="110515" spans="1:7" x14ac:dyDescent="0.3">
      <c r="A110515" s="13" t="s">
        <v>529</v>
      </c>
      <c r="B110515" s="14" t="s">
        <v>1</v>
      </c>
      <c r="C110515" s="14" t="s">
        <v>47</v>
      </c>
      <c r="D110515" s="14" t="s">
        <v>530</v>
      </c>
      <c r="E110515" s="15">
        <v>45661</v>
      </c>
      <c r="F110515" s="14" t="s">
        <v>25</v>
      </c>
      <c r="G110515" s="16">
        <v>0</v>
      </c>
    </row>
    <row r="110516" spans="1:7" x14ac:dyDescent="0.3">
      <c r="A110516" s="13" t="s">
        <v>529</v>
      </c>
      <c r="B110516" s="14" t="s">
        <v>1</v>
      </c>
      <c r="C110516" s="14" t="s">
        <v>47</v>
      </c>
      <c r="D110516" s="14" t="s">
        <v>530</v>
      </c>
      <c r="E110516" s="15">
        <v>45662</v>
      </c>
      <c r="F110516" s="14" t="s">
        <v>25</v>
      </c>
      <c r="G110516" s="16">
        <v>0</v>
      </c>
    </row>
    <row r="110517" spans="1:7" x14ac:dyDescent="0.3">
      <c r="A110517" s="13" t="s">
        <v>529</v>
      </c>
      <c r="B110517" s="14" t="s">
        <v>1</v>
      </c>
      <c r="C110517" s="14" t="s">
        <v>47</v>
      </c>
      <c r="D110517" s="14" t="s">
        <v>530</v>
      </c>
      <c r="E110517" s="15">
        <v>45663</v>
      </c>
      <c r="F110517" s="14" t="s">
        <v>25</v>
      </c>
      <c r="G110517" s="16">
        <v>0</v>
      </c>
    </row>
    <row r="110518" spans="1:7" x14ac:dyDescent="0.3">
      <c r="A110518" s="13" t="s">
        <v>529</v>
      </c>
      <c r="B110518" s="14" t="s">
        <v>1</v>
      </c>
      <c r="C110518" s="14" t="s">
        <v>47</v>
      </c>
      <c r="D110518" s="14" t="s">
        <v>530</v>
      </c>
      <c r="E110518" s="15">
        <v>45664</v>
      </c>
      <c r="F110518" s="14" t="s">
        <v>25</v>
      </c>
      <c r="G110518" s="16">
        <v>0</v>
      </c>
    </row>
    <row r="110519" spans="1:7" x14ac:dyDescent="0.3">
      <c r="A110519" s="13" t="s">
        <v>529</v>
      </c>
      <c r="B110519" s="14" t="s">
        <v>1</v>
      </c>
      <c r="C110519" s="14" t="s">
        <v>47</v>
      </c>
      <c r="D110519" s="14" t="s">
        <v>530</v>
      </c>
      <c r="E110519" s="15">
        <v>45665</v>
      </c>
      <c r="F110519" s="14" t="s">
        <v>25</v>
      </c>
      <c r="G110519" s="16">
        <v>0</v>
      </c>
    </row>
    <row r="110520" spans="1:7" x14ac:dyDescent="0.3">
      <c r="A110520" s="13" t="s">
        <v>529</v>
      </c>
      <c r="B110520" s="14" t="s">
        <v>1</v>
      </c>
      <c r="C110520" s="14" t="s">
        <v>47</v>
      </c>
      <c r="D110520" s="14" t="s">
        <v>530</v>
      </c>
      <c r="E110520" s="15">
        <v>45666</v>
      </c>
      <c r="F110520" s="14" t="s">
        <v>25</v>
      </c>
      <c r="G110520" s="16">
        <v>0</v>
      </c>
    </row>
    <row r="110521" spans="1:7" x14ac:dyDescent="0.3">
      <c r="A110521" s="13" t="s">
        <v>529</v>
      </c>
      <c r="B110521" s="14" t="s">
        <v>1</v>
      </c>
      <c r="C110521" s="14" t="s">
        <v>47</v>
      </c>
      <c r="D110521" s="14" t="s">
        <v>530</v>
      </c>
      <c r="E110521" s="15">
        <v>45667</v>
      </c>
      <c r="F110521" s="14" t="s">
        <v>25</v>
      </c>
      <c r="G110521" s="16">
        <v>0</v>
      </c>
    </row>
    <row r="110522" spans="1:7" x14ac:dyDescent="0.3">
      <c r="A110522" s="13" t="s">
        <v>529</v>
      </c>
      <c r="B110522" s="14" t="s">
        <v>1</v>
      </c>
      <c r="C110522" s="14" t="s">
        <v>47</v>
      </c>
      <c r="D110522" s="14" t="s">
        <v>530</v>
      </c>
      <c r="E110522" s="15">
        <v>45668</v>
      </c>
      <c r="F110522" s="14" t="s">
        <v>25</v>
      </c>
      <c r="G110522" s="16">
        <v>0</v>
      </c>
    </row>
    <row r="110523" spans="1:7" x14ac:dyDescent="0.3">
      <c r="A110523" s="13" t="s">
        <v>529</v>
      </c>
      <c r="B110523" s="14" t="s">
        <v>1</v>
      </c>
      <c r="C110523" s="14" t="s">
        <v>47</v>
      </c>
      <c r="D110523" s="14" t="s">
        <v>530</v>
      </c>
      <c r="E110523" s="15">
        <v>45669</v>
      </c>
      <c r="F110523" s="14" t="s">
        <v>25</v>
      </c>
      <c r="G110523" s="16">
        <v>0</v>
      </c>
    </row>
    <row r="110524" spans="1:7" x14ac:dyDescent="0.3">
      <c r="A110524" s="13" t="s">
        <v>529</v>
      </c>
      <c r="B110524" s="14" t="s">
        <v>1</v>
      </c>
      <c r="C110524" s="14" t="s">
        <v>47</v>
      </c>
      <c r="D110524" s="14" t="s">
        <v>530</v>
      </c>
      <c r="E110524" s="15">
        <v>45670</v>
      </c>
      <c r="F110524" s="14" t="s">
        <v>25</v>
      </c>
      <c r="G110524" s="16">
        <v>0</v>
      </c>
    </row>
    <row r="110525" spans="1:7" x14ac:dyDescent="0.3">
      <c r="A110525" s="13" t="s">
        <v>529</v>
      </c>
      <c r="B110525" s="14" t="s">
        <v>1</v>
      </c>
      <c r="C110525" s="14" t="s">
        <v>47</v>
      </c>
      <c r="D110525" s="14" t="s">
        <v>530</v>
      </c>
      <c r="E110525" s="15">
        <v>45671</v>
      </c>
      <c r="F110525" s="14" t="s">
        <v>25</v>
      </c>
      <c r="G110525" s="16">
        <v>0</v>
      </c>
    </row>
    <row r="110526" spans="1:7" x14ac:dyDescent="0.3">
      <c r="A110526" s="13" t="s">
        <v>529</v>
      </c>
      <c r="B110526" s="14" t="s">
        <v>1</v>
      </c>
      <c r="C110526" s="14" t="s">
        <v>47</v>
      </c>
      <c r="D110526" s="14" t="s">
        <v>530</v>
      </c>
      <c r="E110526" s="15">
        <v>45672</v>
      </c>
      <c r="F110526" s="14" t="s">
        <v>25</v>
      </c>
      <c r="G110526" s="16">
        <v>0</v>
      </c>
    </row>
    <row r="110527" spans="1:7" x14ac:dyDescent="0.3">
      <c r="A110527" s="13" t="s">
        <v>529</v>
      </c>
      <c r="B110527" s="14" t="s">
        <v>1</v>
      </c>
      <c r="C110527" s="14" t="s">
        <v>47</v>
      </c>
      <c r="D110527" s="14" t="s">
        <v>530</v>
      </c>
      <c r="E110527" s="15">
        <v>45673</v>
      </c>
      <c r="F110527" s="14" t="s">
        <v>25</v>
      </c>
      <c r="G110527" s="16">
        <v>0</v>
      </c>
    </row>
    <row r="110528" spans="1:7" x14ac:dyDescent="0.3">
      <c r="A110528" s="13" t="s">
        <v>529</v>
      </c>
      <c r="B110528" s="14" t="s">
        <v>1</v>
      </c>
      <c r="C110528" s="14" t="s">
        <v>47</v>
      </c>
      <c r="D110528" s="14" t="s">
        <v>530</v>
      </c>
      <c r="E110528" s="15">
        <v>45674</v>
      </c>
      <c r="F110528" s="14" t="s">
        <v>25</v>
      </c>
      <c r="G110528" s="16">
        <v>0</v>
      </c>
    </row>
    <row r="110529" spans="1:7" x14ac:dyDescent="0.3">
      <c r="A110529" s="13" t="s">
        <v>529</v>
      </c>
      <c r="B110529" s="14" t="s">
        <v>1</v>
      </c>
      <c r="C110529" s="14" t="s">
        <v>47</v>
      </c>
      <c r="D110529" s="14" t="s">
        <v>530</v>
      </c>
      <c r="E110529" s="15">
        <v>45675</v>
      </c>
      <c r="F110529" s="14" t="s">
        <v>25</v>
      </c>
      <c r="G110529" s="16">
        <v>0</v>
      </c>
    </row>
    <row r="110530" spans="1:7" x14ac:dyDescent="0.3">
      <c r="A110530" s="13" t="s">
        <v>529</v>
      </c>
      <c r="B110530" s="14" t="s">
        <v>1</v>
      </c>
      <c r="C110530" s="14" t="s">
        <v>47</v>
      </c>
      <c r="D110530" s="14" t="s">
        <v>530</v>
      </c>
      <c r="E110530" s="15">
        <v>45676</v>
      </c>
      <c r="F110530" s="14" t="s">
        <v>25</v>
      </c>
      <c r="G110530" s="16">
        <v>0</v>
      </c>
    </row>
    <row r="110531" spans="1:7" x14ac:dyDescent="0.3">
      <c r="A110531" s="13" t="s">
        <v>529</v>
      </c>
      <c r="B110531" s="14" t="s">
        <v>1</v>
      </c>
      <c r="C110531" s="14" t="s">
        <v>47</v>
      </c>
      <c r="D110531" s="14" t="s">
        <v>530</v>
      </c>
      <c r="E110531" s="15">
        <v>45677</v>
      </c>
      <c r="F110531" s="14" t="s">
        <v>25</v>
      </c>
      <c r="G110531" s="16">
        <v>0</v>
      </c>
    </row>
    <row r="110532" spans="1:7" x14ac:dyDescent="0.3">
      <c r="A110532" s="13" t="s">
        <v>529</v>
      </c>
      <c r="B110532" s="14" t="s">
        <v>1</v>
      </c>
      <c r="C110532" s="14" t="s">
        <v>47</v>
      </c>
      <c r="D110532" s="14" t="s">
        <v>530</v>
      </c>
      <c r="E110532" s="15">
        <v>45678</v>
      </c>
      <c r="F110532" s="14" t="s">
        <v>25</v>
      </c>
      <c r="G110532" s="16">
        <v>0</v>
      </c>
    </row>
    <row r="110533" spans="1:7" x14ac:dyDescent="0.3">
      <c r="A110533" s="13" t="s">
        <v>529</v>
      </c>
      <c r="B110533" s="14" t="s">
        <v>1</v>
      </c>
      <c r="C110533" s="14" t="s">
        <v>47</v>
      </c>
      <c r="D110533" s="14" t="s">
        <v>530</v>
      </c>
      <c r="E110533" s="15">
        <v>45679</v>
      </c>
      <c r="F110533" s="14" t="s">
        <v>25</v>
      </c>
      <c r="G110533" s="16">
        <v>0</v>
      </c>
    </row>
    <row r="110534" spans="1:7" x14ac:dyDescent="0.3">
      <c r="A110534" s="13" t="s">
        <v>529</v>
      </c>
      <c r="B110534" s="14" t="s">
        <v>1</v>
      </c>
      <c r="C110534" s="14" t="s">
        <v>47</v>
      </c>
      <c r="D110534" s="14" t="s">
        <v>530</v>
      </c>
      <c r="E110534" s="15">
        <v>45680</v>
      </c>
      <c r="F110534" s="14" t="s">
        <v>25</v>
      </c>
      <c r="G110534" s="16">
        <v>0</v>
      </c>
    </row>
    <row r="110535" spans="1:7" x14ac:dyDescent="0.3">
      <c r="A110535" s="13" t="s">
        <v>529</v>
      </c>
      <c r="B110535" s="14" t="s">
        <v>1</v>
      </c>
      <c r="C110535" s="14" t="s">
        <v>47</v>
      </c>
      <c r="D110535" s="14" t="s">
        <v>530</v>
      </c>
      <c r="E110535" s="15">
        <v>45681</v>
      </c>
      <c r="F110535" s="14" t="s">
        <v>25</v>
      </c>
      <c r="G110535" s="16">
        <v>0</v>
      </c>
    </row>
    <row r="110536" spans="1:7" x14ac:dyDescent="0.3">
      <c r="A110536" s="13" t="s">
        <v>529</v>
      </c>
      <c r="B110536" s="14" t="s">
        <v>1</v>
      </c>
      <c r="C110536" s="14" t="s">
        <v>47</v>
      </c>
      <c r="D110536" s="14" t="s">
        <v>530</v>
      </c>
      <c r="E110536" s="15">
        <v>45682</v>
      </c>
      <c r="F110536" s="14" t="s">
        <v>25</v>
      </c>
      <c r="G110536" s="16">
        <v>0</v>
      </c>
    </row>
    <row r="110537" spans="1:7" x14ac:dyDescent="0.3">
      <c r="A110537" s="13" t="s">
        <v>529</v>
      </c>
      <c r="B110537" s="14" t="s">
        <v>1</v>
      </c>
      <c r="C110537" s="14" t="s">
        <v>47</v>
      </c>
      <c r="D110537" s="14" t="s">
        <v>530</v>
      </c>
      <c r="E110537" s="15">
        <v>45683</v>
      </c>
      <c r="F110537" s="14" t="s">
        <v>25</v>
      </c>
      <c r="G110537" s="16">
        <v>0</v>
      </c>
    </row>
    <row r="110538" spans="1:7" x14ac:dyDescent="0.3">
      <c r="A110538" s="13" t="s">
        <v>529</v>
      </c>
      <c r="B110538" s="14" t="s">
        <v>1</v>
      </c>
      <c r="C110538" s="14" t="s">
        <v>47</v>
      </c>
      <c r="D110538" s="14" t="s">
        <v>530</v>
      </c>
      <c r="E110538" s="15">
        <v>45684</v>
      </c>
      <c r="F110538" s="14" t="s">
        <v>25</v>
      </c>
      <c r="G110538" s="16">
        <v>0</v>
      </c>
    </row>
    <row r="110539" spans="1:7" x14ac:dyDescent="0.3">
      <c r="A110539" s="13" t="s">
        <v>529</v>
      </c>
      <c r="B110539" s="14" t="s">
        <v>1</v>
      </c>
      <c r="C110539" s="14" t="s">
        <v>47</v>
      </c>
      <c r="D110539" s="14" t="s">
        <v>530</v>
      </c>
      <c r="E110539" s="15">
        <v>45685</v>
      </c>
      <c r="F110539" s="14" t="s">
        <v>25</v>
      </c>
      <c r="G110539" s="16">
        <v>0</v>
      </c>
    </row>
    <row r="110540" spans="1:7" x14ac:dyDescent="0.3">
      <c r="A110540" s="13" t="s">
        <v>529</v>
      </c>
      <c r="B110540" s="14" t="s">
        <v>1</v>
      </c>
      <c r="C110540" s="14" t="s">
        <v>47</v>
      </c>
      <c r="D110540" s="14" t="s">
        <v>530</v>
      </c>
      <c r="E110540" s="15">
        <v>45686</v>
      </c>
      <c r="F110540" s="14" t="s">
        <v>25</v>
      </c>
      <c r="G110540" s="16">
        <v>0</v>
      </c>
    </row>
    <row r="110541" spans="1:7" x14ac:dyDescent="0.3">
      <c r="A110541" s="13" t="s">
        <v>529</v>
      </c>
      <c r="B110541" s="14" t="s">
        <v>1</v>
      </c>
      <c r="C110541" s="14" t="s">
        <v>47</v>
      </c>
      <c r="D110541" s="14" t="s">
        <v>530</v>
      </c>
      <c r="E110541" s="15">
        <v>45687</v>
      </c>
      <c r="F110541" s="14" t="s">
        <v>25</v>
      </c>
      <c r="G110541" s="16">
        <v>0</v>
      </c>
    </row>
    <row r="110542" spans="1:7" x14ac:dyDescent="0.3">
      <c r="A110542" s="13" t="s">
        <v>529</v>
      </c>
      <c r="B110542" s="14" t="s">
        <v>1</v>
      </c>
      <c r="C110542" s="14" t="s">
        <v>47</v>
      </c>
      <c r="D110542" s="14" t="s">
        <v>530</v>
      </c>
      <c r="E110542" s="15">
        <v>45688</v>
      </c>
      <c r="F110542" s="14" t="s">
        <v>25</v>
      </c>
      <c r="G110542" s="16">
        <v>0</v>
      </c>
    </row>
    <row r="110543" spans="1:7" x14ac:dyDescent="0.3">
      <c r="A110543" s="13" t="s">
        <v>529</v>
      </c>
      <c r="B110543" s="14" t="s">
        <v>1</v>
      </c>
      <c r="C110543" s="14" t="s">
        <v>47</v>
      </c>
      <c r="D110543" s="14" t="s">
        <v>530</v>
      </c>
      <c r="E110543" s="15">
        <v>45689</v>
      </c>
      <c r="F110543" s="14" t="s">
        <v>25</v>
      </c>
      <c r="G110543" s="16">
        <v>0</v>
      </c>
    </row>
    <row r="110544" spans="1:7" x14ac:dyDescent="0.3">
      <c r="A110544" s="13" t="s">
        <v>529</v>
      </c>
      <c r="B110544" s="14" t="s">
        <v>1</v>
      </c>
      <c r="C110544" s="14" t="s">
        <v>47</v>
      </c>
      <c r="D110544" s="14" t="s">
        <v>530</v>
      </c>
      <c r="E110544" s="15">
        <v>45690</v>
      </c>
      <c r="F110544" s="14" t="s">
        <v>25</v>
      </c>
      <c r="G110544" s="16">
        <v>0</v>
      </c>
    </row>
    <row r="110545" spans="1:7" x14ac:dyDescent="0.3">
      <c r="A110545" s="13" t="s">
        <v>529</v>
      </c>
      <c r="B110545" s="14" t="s">
        <v>1</v>
      </c>
      <c r="C110545" s="14" t="s">
        <v>47</v>
      </c>
      <c r="D110545" s="14" t="s">
        <v>530</v>
      </c>
      <c r="E110545" s="15">
        <v>45691</v>
      </c>
      <c r="F110545" s="14" t="s">
        <v>25</v>
      </c>
      <c r="G110545" s="16">
        <v>0</v>
      </c>
    </row>
    <row r="110546" spans="1:7" x14ac:dyDescent="0.3">
      <c r="A110546" s="13" t="s">
        <v>529</v>
      </c>
      <c r="B110546" s="14" t="s">
        <v>1</v>
      </c>
      <c r="C110546" s="14" t="s">
        <v>47</v>
      </c>
      <c r="D110546" s="14" t="s">
        <v>530</v>
      </c>
      <c r="E110546" s="15">
        <v>45692</v>
      </c>
      <c r="F110546" s="14" t="s">
        <v>25</v>
      </c>
      <c r="G110546" s="16">
        <v>0</v>
      </c>
    </row>
    <row r="110547" spans="1:7" x14ac:dyDescent="0.3">
      <c r="A110547" s="13" t="s">
        <v>529</v>
      </c>
      <c r="B110547" s="14" t="s">
        <v>1</v>
      </c>
      <c r="C110547" s="14" t="s">
        <v>47</v>
      </c>
      <c r="D110547" s="14" t="s">
        <v>530</v>
      </c>
      <c r="E110547" s="15">
        <v>45693</v>
      </c>
      <c r="F110547" s="14" t="s">
        <v>25</v>
      </c>
      <c r="G110547" s="16">
        <v>0</v>
      </c>
    </row>
    <row r="110548" spans="1:7" x14ac:dyDescent="0.3">
      <c r="A110548" s="13" t="s">
        <v>529</v>
      </c>
      <c r="B110548" s="14" t="s">
        <v>1</v>
      </c>
      <c r="C110548" s="14" t="s">
        <v>47</v>
      </c>
      <c r="D110548" s="14" t="s">
        <v>530</v>
      </c>
      <c r="E110548" s="15">
        <v>45694</v>
      </c>
      <c r="F110548" s="14" t="s">
        <v>25</v>
      </c>
      <c r="G110548" s="16">
        <v>0</v>
      </c>
    </row>
    <row r="110549" spans="1:7" x14ac:dyDescent="0.3">
      <c r="A110549" s="13" t="s">
        <v>529</v>
      </c>
      <c r="B110549" s="14" t="s">
        <v>1</v>
      </c>
      <c r="C110549" s="14" t="s">
        <v>47</v>
      </c>
      <c r="D110549" s="14" t="s">
        <v>530</v>
      </c>
      <c r="E110549" s="15">
        <v>45695</v>
      </c>
      <c r="F110549" s="14" t="s">
        <v>25</v>
      </c>
      <c r="G110549" s="16">
        <v>0</v>
      </c>
    </row>
    <row r="110550" spans="1:7" x14ac:dyDescent="0.3">
      <c r="A110550" s="13" t="s">
        <v>529</v>
      </c>
      <c r="B110550" s="14" t="s">
        <v>1</v>
      </c>
      <c r="C110550" s="14" t="s">
        <v>47</v>
      </c>
      <c r="D110550" s="14" t="s">
        <v>530</v>
      </c>
      <c r="E110550" s="15">
        <v>45696</v>
      </c>
      <c r="F110550" s="14" t="s">
        <v>25</v>
      </c>
      <c r="G110550" s="16">
        <v>0</v>
      </c>
    </row>
    <row r="110551" spans="1:7" x14ac:dyDescent="0.3">
      <c r="A110551" s="13" t="s">
        <v>529</v>
      </c>
      <c r="B110551" s="14" t="s">
        <v>1</v>
      </c>
      <c r="C110551" s="14" t="s">
        <v>47</v>
      </c>
      <c r="D110551" s="14" t="s">
        <v>530</v>
      </c>
      <c r="E110551" s="15">
        <v>45697</v>
      </c>
      <c r="F110551" s="14" t="s">
        <v>25</v>
      </c>
      <c r="G110551" s="16">
        <v>0</v>
      </c>
    </row>
    <row r="110552" spans="1:7" x14ac:dyDescent="0.3">
      <c r="A110552" s="13" t="s">
        <v>529</v>
      </c>
      <c r="B110552" s="14" t="s">
        <v>1</v>
      </c>
      <c r="C110552" s="14" t="s">
        <v>47</v>
      </c>
      <c r="D110552" s="14" t="s">
        <v>530</v>
      </c>
      <c r="E110552" s="15">
        <v>45698</v>
      </c>
      <c r="F110552" s="14" t="s">
        <v>25</v>
      </c>
      <c r="G110552" s="16">
        <v>0</v>
      </c>
    </row>
    <row r="110553" spans="1:7" x14ac:dyDescent="0.3">
      <c r="A110553" s="13" t="s">
        <v>529</v>
      </c>
      <c r="B110553" s="14" t="s">
        <v>1</v>
      </c>
      <c r="C110553" s="14" t="s">
        <v>47</v>
      </c>
      <c r="D110553" s="14" t="s">
        <v>530</v>
      </c>
      <c r="E110553" s="15">
        <v>45699</v>
      </c>
      <c r="F110553" s="14" t="s">
        <v>25</v>
      </c>
      <c r="G110553" s="16">
        <v>0</v>
      </c>
    </row>
    <row r="110554" spans="1:7" x14ac:dyDescent="0.3">
      <c r="A110554" s="13" t="s">
        <v>529</v>
      </c>
      <c r="B110554" s="14" t="s">
        <v>1</v>
      </c>
      <c r="C110554" s="14" t="s">
        <v>47</v>
      </c>
      <c r="D110554" s="14" t="s">
        <v>530</v>
      </c>
      <c r="E110554" s="15">
        <v>45700</v>
      </c>
      <c r="F110554" s="14" t="s">
        <v>25</v>
      </c>
      <c r="G110554" s="16">
        <v>0</v>
      </c>
    </row>
    <row r="110555" spans="1:7" x14ac:dyDescent="0.3">
      <c r="A110555" s="13" t="s">
        <v>529</v>
      </c>
      <c r="B110555" s="14" t="s">
        <v>1</v>
      </c>
      <c r="C110555" s="14" t="s">
        <v>47</v>
      </c>
      <c r="D110555" s="14" t="s">
        <v>530</v>
      </c>
      <c r="E110555" s="15">
        <v>45701</v>
      </c>
      <c r="F110555" s="14" t="s">
        <v>25</v>
      </c>
      <c r="G110555" s="16">
        <v>0</v>
      </c>
    </row>
    <row r="110556" spans="1:7" x14ac:dyDescent="0.3">
      <c r="A110556" s="13" t="s">
        <v>529</v>
      </c>
      <c r="B110556" s="14" t="s">
        <v>1</v>
      </c>
      <c r="C110556" s="14" t="s">
        <v>47</v>
      </c>
      <c r="D110556" s="14" t="s">
        <v>530</v>
      </c>
      <c r="E110556" s="15">
        <v>45702</v>
      </c>
      <c r="F110556" s="14" t="s">
        <v>25</v>
      </c>
      <c r="G110556" s="16">
        <v>0</v>
      </c>
    </row>
    <row r="110557" spans="1:7" x14ac:dyDescent="0.3">
      <c r="A110557" s="13" t="s">
        <v>529</v>
      </c>
      <c r="B110557" s="14" t="s">
        <v>1</v>
      </c>
      <c r="C110557" s="14" t="s">
        <v>47</v>
      </c>
      <c r="D110557" s="14" t="s">
        <v>530</v>
      </c>
      <c r="E110557" s="15">
        <v>45703</v>
      </c>
      <c r="F110557" s="14" t="s">
        <v>25</v>
      </c>
      <c r="G110557" s="16">
        <v>0</v>
      </c>
    </row>
    <row r="110558" spans="1:7" x14ac:dyDescent="0.3">
      <c r="A110558" s="13" t="s">
        <v>529</v>
      </c>
      <c r="B110558" s="14" t="s">
        <v>1</v>
      </c>
      <c r="C110558" s="14" t="s">
        <v>47</v>
      </c>
      <c r="D110558" s="14" t="s">
        <v>530</v>
      </c>
      <c r="E110558" s="15">
        <v>45704</v>
      </c>
      <c r="F110558" s="14" t="s">
        <v>25</v>
      </c>
      <c r="G110558" s="16">
        <v>0</v>
      </c>
    </row>
    <row r="110559" spans="1:7" x14ac:dyDescent="0.3">
      <c r="A110559" s="13" t="s">
        <v>529</v>
      </c>
      <c r="B110559" s="14" t="s">
        <v>1</v>
      </c>
      <c r="C110559" s="14" t="s">
        <v>47</v>
      </c>
      <c r="D110559" s="14" t="s">
        <v>530</v>
      </c>
      <c r="E110559" s="15">
        <v>45705</v>
      </c>
      <c r="F110559" s="14" t="s">
        <v>25</v>
      </c>
      <c r="G110559" s="16">
        <v>0</v>
      </c>
    </row>
    <row r="110560" spans="1:7" x14ac:dyDescent="0.3">
      <c r="A110560" s="13" t="s">
        <v>529</v>
      </c>
      <c r="B110560" s="14" t="s">
        <v>1</v>
      </c>
      <c r="C110560" s="14" t="s">
        <v>47</v>
      </c>
      <c r="D110560" s="14" t="s">
        <v>530</v>
      </c>
      <c r="E110560" s="15">
        <v>45706</v>
      </c>
      <c r="F110560" s="14" t="s">
        <v>25</v>
      </c>
      <c r="G110560" s="16">
        <v>0</v>
      </c>
    </row>
    <row r="110561" spans="1:7" x14ac:dyDescent="0.3">
      <c r="A110561" s="13" t="s">
        <v>529</v>
      </c>
      <c r="B110561" s="14" t="s">
        <v>1</v>
      </c>
      <c r="C110561" s="14" t="s">
        <v>47</v>
      </c>
      <c r="D110561" s="14" t="s">
        <v>530</v>
      </c>
      <c r="E110561" s="15">
        <v>45707</v>
      </c>
      <c r="F110561" s="14" t="s">
        <v>25</v>
      </c>
      <c r="G110561" s="16">
        <v>0</v>
      </c>
    </row>
    <row r="110562" spans="1:7" x14ac:dyDescent="0.3">
      <c r="A110562" s="13" t="s">
        <v>529</v>
      </c>
      <c r="B110562" s="14" t="s">
        <v>1</v>
      </c>
      <c r="C110562" s="14" t="s">
        <v>47</v>
      </c>
      <c r="D110562" s="14" t="s">
        <v>530</v>
      </c>
      <c r="E110562" s="15">
        <v>45708</v>
      </c>
      <c r="F110562" s="14" t="s">
        <v>25</v>
      </c>
      <c r="G110562" s="16">
        <v>0</v>
      </c>
    </row>
    <row r="110563" spans="1:7" x14ac:dyDescent="0.3">
      <c r="A110563" s="13" t="s">
        <v>529</v>
      </c>
      <c r="B110563" s="14" t="s">
        <v>1</v>
      </c>
      <c r="C110563" s="14" t="s">
        <v>47</v>
      </c>
      <c r="D110563" s="14" t="s">
        <v>530</v>
      </c>
      <c r="E110563" s="15">
        <v>45709</v>
      </c>
      <c r="F110563" s="14" t="s">
        <v>25</v>
      </c>
      <c r="G110563" s="16">
        <v>0</v>
      </c>
    </row>
    <row r="110564" spans="1:7" x14ac:dyDescent="0.3">
      <c r="A110564" s="13" t="s">
        <v>529</v>
      </c>
      <c r="B110564" s="14" t="s">
        <v>1</v>
      </c>
      <c r="C110564" s="14" t="s">
        <v>47</v>
      </c>
      <c r="D110564" s="14" t="s">
        <v>530</v>
      </c>
      <c r="E110564" s="15">
        <v>45710</v>
      </c>
      <c r="F110564" s="14" t="s">
        <v>25</v>
      </c>
      <c r="G110564" s="16">
        <v>0</v>
      </c>
    </row>
    <row r="110565" spans="1:7" x14ac:dyDescent="0.3">
      <c r="A110565" s="13" t="s">
        <v>529</v>
      </c>
      <c r="B110565" s="14" t="s">
        <v>1</v>
      </c>
      <c r="C110565" s="14" t="s">
        <v>47</v>
      </c>
      <c r="D110565" s="14" t="s">
        <v>530</v>
      </c>
      <c r="E110565" s="15">
        <v>45711</v>
      </c>
      <c r="F110565" s="14" t="s">
        <v>25</v>
      </c>
      <c r="G110565" s="16">
        <v>0</v>
      </c>
    </row>
    <row r="110566" spans="1:7" x14ac:dyDescent="0.3">
      <c r="A110566" s="13" t="s">
        <v>529</v>
      </c>
      <c r="B110566" s="14" t="s">
        <v>1</v>
      </c>
      <c r="C110566" s="14" t="s">
        <v>47</v>
      </c>
      <c r="D110566" s="14" t="s">
        <v>530</v>
      </c>
      <c r="E110566" s="15">
        <v>45712</v>
      </c>
      <c r="F110566" s="14" t="s">
        <v>25</v>
      </c>
      <c r="G110566" s="16">
        <v>0</v>
      </c>
    </row>
    <row r="110567" spans="1:7" x14ac:dyDescent="0.3">
      <c r="A110567" s="13" t="s">
        <v>529</v>
      </c>
      <c r="B110567" s="14" t="s">
        <v>1</v>
      </c>
      <c r="C110567" s="14" t="s">
        <v>47</v>
      </c>
      <c r="D110567" s="14" t="s">
        <v>530</v>
      </c>
      <c r="E110567" s="15">
        <v>45713</v>
      </c>
      <c r="F110567" s="14" t="s">
        <v>25</v>
      </c>
      <c r="G110567" s="16">
        <v>0</v>
      </c>
    </row>
    <row r="110568" spans="1:7" x14ac:dyDescent="0.3">
      <c r="A110568" s="13" t="s">
        <v>529</v>
      </c>
      <c r="B110568" s="14" t="s">
        <v>1</v>
      </c>
      <c r="C110568" s="14" t="s">
        <v>47</v>
      </c>
      <c r="D110568" s="14" t="s">
        <v>530</v>
      </c>
      <c r="E110568" s="15">
        <v>45714</v>
      </c>
      <c r="F110568" s="14" t="s">
        <v>25</v>
      </c>
      <c r="G110568" s="16">
        <v>0</v>
      </c>
    </row>
    <row r="110569" spans="1:7" x14ac:dyDescent="0.3">
      <c r="A110569" s="13" t="s">
        <v>529</v>
      </c>
      <c r="B110569" s="14" t="s">
        <v>1</v>
      </c>
      <c r="C110569" s="14" t="s">
        <v>47</v>
      </c>
      <c r="D110569" s="14" t="s">
        <v>530</v>
      </c>
      <c r="E110569" s="15">
        <v>45715</v>
      </c>
      <c r="F110569" s="14" t="s">
        <v>25</v>
      </c>
      <c r="G110569" s="16">
        <v>0</v>
      </c>
    </row>
    <row r="110570" spans="1:7" x14ac:dyDescent="0.3">
      <c r="A110570" s="13" t="s">
        <v>529</v>
      </c>
      <c r="B110570" s="14" t="s">
        <v>1</v>
      </c>
      <c r="C110570" s="14" t="s">
        <v>47</v>
      </c>
      <c r="D110570" s="14" t="s">
        <v>530</v>
      </c>
      <c r="E110570" s="15">
        <v>45716</v>
      </c>
      <c r="F110570" s="14" t="s">
        <v>25</v>
      </c>
      <c r="G110570" s="16">
        <v>0</v>
      </c>
    </row>
    <row r="110571" spans="1:7" x14ac:dyDescent="0.3">
      <c r="A110571" s="13" t="s">
        <v>529</v>
      </c>
      <c r="B110571" s="14" t="s">
        <v>1</v>
      </c>
      <c r="C110571" s="14" t="s">
        <v>47</v>
      </c>
      <c r="D110571" s="14" t="s">
        <v>530</v>
      </c>
      <c r="E110571" s="15">
        <v>45717</v>
      </c>
      <c r="F110571" s="14" t="s">
        <v>25</v>
      </c>
      <c r="G110571" s="16">
        <v>0</v>
      </c>
    </row>
    <row r="110572" spans="1:7" x14ac:dyDescent="0.3">
      <c r="A110572" s="13" t="s">
        <v>529</v>
      </c>
      <c r="B110572" s="14" t="s">
        <v>1</v>
      </c>
      <c r="C110572" s="14" t="s">
        <v>47</v>
      </c>
      <c r="D110572" s="14" t="s">
        <v>530</v>
      </c>
      <c r="E110572" s="15">
        <v>45718</v>
      </c>
      <c r="F110572" s="14" t="s">
        <v>25</v>
      </c>
      <c r="G110572" s="16">
        <v>0</v>
      </c>
    </row>
    <row r="110573" spans="1:7" x14ac:dyDescent="0.3">
      <c r="A110573" s="13" t="s">
        <v>529</v>
      </c>
      <c r="B110573" s="14" t="s">
        <v>1</v>
      </c>
      <c r="C110573" s="14" t="s">
        <v>47</v>
      </c>
      <c r="D110573" s="14" t="s">
        <v>530</v>
      </c>
      <c r="E110573" s="15">
        <v>45719</v>
      </c>
      <c r="F110573" s="14" t="s">
        <v>25</v>
      </c>
      <c r="G110573" s="16">
        <v>0</v>
      </c>
    </row>
    <row r="110574" spans="1:7" x14ac:dyDescent="0.3">
      <c r="A110574" s="13" t="s">
        <v>529</v>
      </c>
      <c r="B110574" s="14" t="s">
        <v>1</v>
      </c>
      <c r="C110574" s="14" t="s">
        <v>47</v>
      </c>
      <c r="D110574" s="14" t="s">
        <v>530</v>
      </c>
      <c r="E110574" s="15">
        <v>45720</v>
      </c>
      <c r="F110574" s="14" t="s">
        <v>25</v>
      </c>
      <c r="G110574" s="16">
        <v>0</v>
      </c>
    </row>
    <row r="110575" spans="1:7" x14ac:dyDescent="0.3">
      <c r="A110575" s="13" t="s">
        <v>529</v>
      </c>
      <c r="B110575" s="14" t="s">
        <v>1</v>
      </c>
      <c r="C110575" s="14" t="s">
        <v>47</v>
      </c>
      <c r="D110575" s="14" t="s">
        <v>530</v>
      </c>
      <c r="E110575" s="15">
        <v>45721</v>
      </c>
      <c r="F110575" s="14" t="s">
        <v>25</v>
      </c>
      <c r="G110575" s="16">
        <v>0</v>
      </c>
    </row>
    <row r="110576" spans="1:7" x14ac:dyDescent="0.3">
      <c r="A110576" s="13" t="s">
        <v>529</v>
      </c>
      <c r="B110576" s="14" t="s">
        <v>1</v>
      </c>
      <c r="C110576" s="14" t="s">
        <v>47</v>
      </c>
      <c r="D110576" s="14" t="s">
        <v>530</v>
      </c>
      <c r="E110576" s="15">
        <v>45722</v>
      </c>
      <c r="F110576" s="14" t="s">
        <v>25</v>
      </c>
      <c r="G110576" s="16">
        <v>0</v>
      </c>
    </row>
    <row r="110577" spans="1:7" x14ac:dyDescent="0.3">
      <c r="A110577" s="13" t="s">
        <v>529</v>
      </c>
      <c r="B110577" s="14" t="s">
        <v>1</v>
      </c>
      <c r="C110577" s="14" t="s">
        <v>47</v>
      </c>
      <c r="D110577" s="14" t="s">
        <v>530</v>
      </c>
      <c r="E110577" s="15">
        <v>45723</v>
      </c>
      <c r="F110577" s="14" t="s">
        <v>25</v>
      </c>
      <c r="G110577" s="16">
        <v>0</v>
      </c>
    </row>
    <row r="110578" spans="1:7" x14ac:dyDescent="0.3">
      <c r="A110578" s="13" t="s">
        <v>529</v>
      </c>
      <c r="B110578" s="14" t="s">
        <v>1</v>
      </c>
      <c r="C110578" s="14" t="s">
        <v>47</v>
      </c>
      <c r="D110578" s="14" t="s">
        <v>530</v>
      </c>
      <c r="E110578" s="15">
        <v>45724</v>
      </c>
      <c r="F110578" s="14" t="s">
        <v>25</v>
      </c>
      <c r="G110578" s="16">
        <v>0</v>
      </c>
    </row>
    <row r="110579" spans="1:7" x14ac:dyDescent="0.3">
      <c r="A110579" s="13" t="s">
        <v>529</v>
      </c>
      <c r="B110579" s="14" t="s">
        <v>1</v>
      </c>
      <c r="C110579" s="14" t="s">
        <v>47</v>
      </c>
      <c r="D110579" s="14" t="s">
        <v>530</v>
      </c>
      <c r="E110579" s="15">
        <v>45725</v>
      </c>
      <c r="F110579" s="14" t="s">
        <v>25</v>
      </c>
      <c r="G110579" s="16">
        <v>0</v>
      </c>
    </row>
    <row r="110580" spans="1:7" x14ac:dyDescent="0.3">
      <c r="A110580" s="13" t="s">
        <v>529</v>
      </c>
      <c r="B110580" s="14" t="s">
        <v>1</v>
      </c>
      <c r="C110580" s="14" t="s">
        <v>47</v>
      </c>
      <c r="D110580" s="14" t="s">
        <v>530</v>
      </c>
      <c r="E110580" s="15">
        <v>45726</v>
      </c>
      <c r="F110580" s="14" t="s">
        <v>25</v>
      </c>
      <c r="G110580" s="16">
        <v>0</v>
      </c>
    </row>
    <row r="110581" spans="1:7" x14ac:dyDescent="0.3">
      <c r="A110581" s="13" t="s">
        <v>529</v>
      </c>
      <c r="B110581" s="14" t="s">
        <v>1</v>
      </c>
      <c r="C110581" s="14" t="s">
        <v>47</v>
      </c>
      <c r="D110581" s="14" t="s">
        <v>530</v>
      </c>
      <c r="E110581" s="15">
        <v>45727</v>
      </c>
      <c r="F110581" s="14" t="s">
        <v>25</v>
      </c>
      <c r="G110581" s="16">
        <v>0</v>
      </c>
    </row>
    <row r="110582" spans="1:7" x14ac:dyDescent="0.3">
      <c r="A110582" s="13" t="s">
        <v>529</v>
      </c>
      <c r="B110582" s="14" t="s">
        <v>1</v>
      </c>
      <c r="C110582" s="14" t="s">
        <v>47</v>
      </c>
      <c r="D110582" s="14" t="s">
        <v>530</v>
      </c>
      <c r="E110582" s="15">
        <v>45728</v>
      </c>
      <c r="F110582" s="14" t="s">
        <v>25</v>
      </c>
      <c r="G110582" s="16">
        <v>0</v>
      </c>
    </row>
    <row r="110583" spans="1:7" x14ac:dyDescent="0.3">
      <c r="A110583" s="13" t="s">
        <v>529</v>
      </c>
      <c r="B110583" s="14" t="s">
        <v>1</v>
      </c>
      <c r="C110583" s="14" t="s">
        <v>47</v>
      </c>
      <c r="D110583" s="14" t="s">
        <v>530</v>
      </c>
      <c r="E110583" s="15">
        <v>45729</v>
      </c>
      <c r="F110583" s="14" t="s">
        <v>25</v>
      </c>
      <c r="G110583" s="16">
        <v>0</v>
      </c>
    </row>
    <row r="110584" spans="1:7" x14ac:dyDescent="0.3">
      <c r="A110584" s="13" t="s">
        <v>529</v>
      </c>
      <c r="B110584" s="14" t="s">
        <v>1</v>
      </c>
      <c r="C110584" s="14" t="s">
        <v>47</v>
      </c>
      <c r="D110584" s="14" t="s">
        <v>530</v>
      </c>
      <c r="E110584" s="15">
        <v>45730</v>
      </c>
      <c r="F110584" s="14" t="s">
        <v>25</v>
      </c>
      <c r="G110584" s="16">
        <v>0</v>
      </c>
    </row>
    <row r="110585" spans="1:7" x14ac:dyDescent="0.3">
      <c r="A110585" s="13" t="s">
        <v>529</v>
      </c>
      <c r="B110585" s="14" t="s">
        <v>1</v>
      </c>
      <c r="C110585" s="14" t="s">
        <v>47</v>
      </c>
      <c r="D110585" s="14" t="s">
        <v>530</v>
      </c>
      <c r="E110585" s="15">
        <v>45731</v>
      </c>
      <c r="F110585" s="14" t="s">
        <v>25</v>
      </c>
      <c r="G110585" s="16">
        <v>0</v>
      </c>
    </row>
    <row r="110586" spans="1:7" x14ac:dyDescent="0.3">
      <c r="A110586" s="13" t="s">
        <v>529</v>
      </c>
      <c r="B110586" s="14" t="s">
        <v>1</v>
      </c>
      <c r="C110586" s="14" t="s">
        <v>47</v>
      </c>
      <c r="D110586" s="14" t="s">
        <v>530</v>
      </c>
      <c r="E110586" s="15">
        <v>45732</v>
      </c>
      <c r="F110586" s="14" t="s">
        <v>25</v>
      </c>
      <c r="G110586" s="16">
        <v>0</v>
      </c>
    </row>
    <row r="110587" spans="1:7" x14ac:dyDescent="0.3">
      <c r="A110587" s="13" t="s">
        <v>529</v>
      </c>
      <c r="B110587" s="14" t="s">
        <v>1</v>
      </c>
      <c r="C110587" s="14" t="s">
        <v>47</v>
      </c>
      <c r="D110587" s="14" t="s">
        <v>530</v>
      </c>
      <c r="E110587" s="15">
        <v>45733</v>
      </c>
      <c r="F110587" s="14" t="s">
        <v>25</v>
      </c>
      <c r="G110587" s="16">
        <v>0</v>
      </c>
    </row>
    <row r="110588" spans="1:7" x14ac:dyDescent="0.3">
      <c r="A110588" s="13" t="s">
        <v>529</v>
      </c>
      <c r="B110588" s="14" t="s">
        <v>1</v>
      </c>
      <c r="C110588" s="14" t="s">
        <v>47</v>
      </c>
      <c r="D110588" s="14" t="s">
        <v>530</v>
      </c>
      <c r="E110588" s="15">
        <v>45734</v>
      </c>
      <c r="F110588" s="14" t="s">
        <v>25</v>
      </c>
      <c r="G110588" s="16">
        <v>0</v>
      </c>
    </row>
    <row r="110589" spans="1:7" x14ac:dyDescent="0.3">
      <c r="A110589" s="13" t="s">
        <v>529</v>
      </c>
      <c r="B110589" s="14" t="s">
        <v>1</v>
      </c>
      <c r="C110589" s="14" t="s">
        <v>47</v>
      </c>
      <c r="D110589" s="14" t="s">
        <v>530</v>
      </c>
      <c r="E110589" s="15">
        <v>45735</v>
      </c>
      <c r="F110589" s="14" t="s">
        <v>25</v>
      </c>
      <c r="G110589" s="16">
        <v>0</v>
      </c>
    </row>
    <row r="110590" spans="1:7" x14ac:dyDescent="0.3">
      <c r="A110590" s="13" t="s">
        <v>529</v>
      </c>
      <c r="B110590" s="14" t="s">
        <v>1</v>
      </c>
      <c r="C110590" s="14" t="s">
        <v>47</v>
      </c>
      <c r="D110590" s="14" t="s">
        <v>530</v>
      </c>
      <c r="E110590" s="15">
        <v>45736</v>
      </c>
      <c r="F110590" s="14" t="s">
        <v>25</v>
      </c>
      <c r="G110590" s="16">
        <v>0</v>
      </c>
    </row>
    <row r="110591" spans="1:7" x14ac:dyDescent="0.3">
      <c r="A110591" s="13" t="s">
        <v>529</v>
      </c>
      <c r="B110591" s="14" t="s">
        <v>1</v>
      </c>
      <c r="C110591" s="14" t="s">
        <v>47</v>
      </c>
      <c r="D110591" s="14" t="s">
        <v>530</v>
      </c>
      <c r="E110591" s="15">
        <v>45737</v>
      </c>
      <c r="F110591" s="14" t="s">
        <v>25</v>
      </c>
      <c r="G110591" s="16">
        <v>0</v>
      </c>
    </row>
    <row r="110592" spans="1:7" x14ac:dyDescent="0.3">
      <c r="A110592" s="13" t="s">
        <v>529</v>
      </c>
      <c r="B110592" s="14" t="s">
        <v>1</v>
      </c>
      <c r="C110592" s="14" t="s">
        <v>47</v>
      </c>
      <c r="D110592" s="14" t="s">
        <v>530</v>
      </c>
      <c r="E110592" s="15">
        <v>45738</v>
      </c>
      <c r="F110592" s="14" t="s">
        <v>25</v>
      </c>
      <c r="G110592" s="16">
        <v>0</v>
      </c>
    </row>
    <row r="110593" spans="1:7" x14ac:dyDescent="0.3">
      <c r="A110593" s="13" t="s">
        <v>529</v>
      </c>
      <c r="B110593" s="14" t="s">
        <v>1</v>
      </c>
      <c r="C110593" s="14" t="s">
        <v>47</v>
      </c>
      <c r="D110593" s="14" t="s">
        <v>530</v>
      </c>
      <c r="E110593" s="15">
        <v>45739</v>
      </c>
      <c r="F110593" s="14" t="s">
        <v>25</v>
      </c>
      <c r="G110593" s="16">
        <v>0</v>
      </c>
    </row>
    <row r="110594" spans="1:7" x14ac:dyDescent="0.3">
      <c r="A110594" s="13" t="s">
        <v>529</v>
      </c>
      <c r="B110594" s="14" t="s">
        <v>1</v>
      </c>
      <c r="C110594" s="14" t="s">
        <v>47</v>
      </c>
      <c r="D110594" s="14" t="s">
        <v>530</v>
      </c>
      <c r="E110594" s="15">
        <v>45740</v>
      </c>
      <c r="F110594" s="14" t="s">
        <v>25</v>
      </c>
      <c r="G110594" s="16">
        <v>0</v>
      </c>
    </row>
    <row r="110595" spans="1:7" x14ac:dyDescent="0.3">
      <c r="A110595" s="13" t="s">
        <v>529</v>
      </c>
      <c r="B110595" s="14" t="s">
        <v>1</v>
      </c>
      <c r="C110595" s="14" t="s">
        <v>47</v>
      </c>
      <c r="D110595" s="14" t="s">
        <v>530</v>
      </c>
      <c r="E110595" s="15">
        <v>45741</v>
      </c>
      <c r="F110595" s="14" t="s">
        <v>25</v>
      </c>
      <c r="G110595" s="16">
        <v>0</v>
      </c>
    </row>
    <row r="110596" spans="1:7" x14ac:dyDescent="0.3">
      <c r="A110596" s="13" t="s">
        <v>529</v>
      </c>
      <c r="B110596" s="14" t="s">
        <v>1</v>
      </c>
      <c r="C110596" s="14" t="s">
        <v>47</v>
      </c>
      <c r="D110596" s="14" t="s">
        <v>530</v>
      </c>
      <c r="E110596" s="15">
        <v>45742</v>
      </c>
      <c r="F110596" s="14" t="s">
        <v>25</v>
      </c>
      <c r="G110596" s="16">
        <v>0</v>
      </c>
    </row>
    <row r="110597" spans="1:7" x14ac:dyDescent="0.3">
      <c r="A110597" s="13" t="s">
        <v>529</v>
      </c>
      <c r="B110597" s="14" t="s">
        <v>1</v>
      </c>
      <c r="C110597" s="14" t="s">
        <v>47</v>
      </c>
      <c r="D110597" s="14" t="s">
        <v>530</v>
      </c>
      <c r="E110597" s="15">
        <v>45743</v>
      </c>
      <c r="F110597" s="14" t="s">
        <v>25</v>
      </c>
      <c r="G110597" s="16">
        <v>0</v>
      </c>
    </row>
    <row r="110598" spans="1:7" x14ac:dyDescent="0.3">
      <c r="A110598" s="13" t="s">
        <v>529</v>
      </c>
      <c r="B110598" s="14" t="s">
        <v>1</v>
      </c>
      <c r="C110598" s="14" t="s">
        <v>47</v>
      </c>
      <c r="D110598" s="14" t="s">
        <v>530</v>
      </c>
      <c r="E110598" s="15">
        <v>45744</v>
      </c>
      <c r="F110598" s="14" t="s">
        <v>25</v>
      </c>
      <c r="G110598" s="16">
        <v>0</v>
      </c>
    </row>
    <row r="110599" spans="1:7" x14ac:dyDescent="0.3">
      <c r="A110599" s="13" t="s">
        <v>529</v>
      </c>
      <c r="B110599" s="14" t="s">
        <v>1</v>
      </c>
      <c r="C110599" s="14" t="s">
        <v>47</v>
      </c>
      <c r="D110599" s="14" t="s">
        <v>530</v>
      </c>
      <c r="E110599" s="15">
        <v>45745</v>
      </c>
      <c r="F110599" s="14" t="s">
        <v>25</v>
      </c>
      <c r="G110599" s="16">
        <v>0</v>
      </c>
    </row>
    <row r="110600" spans="1:7" x14ac:dyDescent="0.3">
      <c r="A110600" s="13" t="s">
        <v>529</v>
      </c>
      <c r="B110600" s="14" t="s">
        <v>1</v>
      </c>
      <c r="C110600" s="14" t="s">
        <v>47</v>
      </c>
      <c r="D110600" s="14" t="s">
        <v>530</v>
      </c>
      <c r="E110600" s="15">
        <v>45746</v>
      </c>
      <c r="F110600" s="14" t="s">
        <v>25</v>
      </c>
      <c r="G110600" s="16">
        <v>0</v>
      </c>
    </row>
    <row r="110601" spans="1:7" x14ac:dyDescent="0.3">
      <c r="A110601" s="13" t="s">
        <v>529</v>
      </c>
      <c r="B110601" s="14" t="s">
        <v>1</v>
      </c>
      <c r="C110601" s="14" t="s">
        <v>47</v>
      </c>
      <c r="D110601" s="14" t="s">
        <v>530</v>
      </c>
      <c r="E110601" s="15">
        <v>45747</v>
      </c>
      <c r="F110601" s="14" t="s">
        <v>25</v>
      </c>
      <c r="G110601" s="16">
        <v>0</v>
      </c>
    </row>
    <row r="110602" spans="1:7" x14ac:dyDescent="0.3">
      <c r="A110602" s="13" t="s">
        <v>531</v>
      </c>
      <c r="B110602" s="14" t="s">
        <v>1</v>
      </c>
      <c r="C110602" s="14" t="s">
        <v>23</v>
      </c>
      <c r="D110602" s="14" t="s">
        <v>532</v>
      </c>
      <c r="E110602" s="15">
        <v>45383</v>
      </c>
      <c r="F110602" s="14" t="s">
        <v>15</v>
      </c>
      <c r="G110602" s="16">
        <v>0</v>
      </c>
    </row>
    <row r="110603" spans="1:7" x14ac:dyDescent="0.3">
      <c r="A110603" s="13" t="s">
        <v>531</v>
      </c>
      <c r="B110603" s="14" t="s">
        <v>1</v>
      </c>
      <c r="C110603" s="14" t="s">
        <v>23</v>
      </c>
      <c r="D110603" s="14" t="s">
        <v>532</v>
      </c>
      <c r="E110603" s="15">
        <v>45384</v>
      </c>
      <c r="F110603" s="14" t="s">
        <v>15</v>
      </c>
      <c r="G110603" s="16">
        <v>0</v>
      </c>
    </row>
    <row r="110604" spans="1:7" x14ac:dyDescent="0.3">
      <c r="A110604" s="13" t="s">
        <v>531</v>
      </c>
      <c r="B110604" s="14" t="s">
        <v>1</v>
      </c>
      <c r="C110604" s="14" t="s">
        <v>23</v>
      </c>
      <c r="D110604" s="14" t="s">
        <v>532</v>
      </c>
      <c r="E110604" s="15">
        <v>45385</v>
      </c>
      <c r="F110604" s="14" t="s">
        <v>15</v>
      </c>
      <c r="G110604" s="16">
        <v>8.0439504685248256E-2</v>
      </c>
    </row>
    <row r="110605" spans="1:7" x14ac:dyDescent="0.3">
      <c r="A110605" s="13" t="s">
        <v>531</v>
      </c>
      <c r="B110605" s="14" t="s">
        <v>1</v>
      </c>
      <c r="C110605" s="14" t="s">
        <v>23</v>
      </c>
      <c r="D110605" s="14" t="s">
        <v>532</v>
      </c>
      <c r="E110605" s="15">
        <v>45386</v>
      </c>
      <c r="F110605" s="14" t="s">
        <v>15</v>
      </c>
      <c r="G110605" s="16">
        <v>0.10087044924991632</v>
      </c>
    </row>
    <row r="110606" spans="1:7" x14ac:dyDescent="0.3">
      <c r="A110606" s="13" t="s">
        <v>531</v>
      </c>
      <c r="B110606" s="14" t="s">
        <v>1</v>
      </c>
      <c r="C110606" s="14" t="s">
        <v>23</v>
      </c>
      <c r="D110606" s="14" t="s">
        <v>532</v>
      </c>
      <c r="E110606" s="15">
        <v>45387</v>
      </c>
      <c r="F110606" s="14" t="s">
        <v>15</v>
      </c>
      <c r="G110606" s="16">
        <v>0.13286064495509456</v>
      </c>
    </row>
    <row r="110607" spans="1:7" x14ac:dyDescent="0.3">
      <c r="A110607" s="13" t="s">
        <v>531</v>
      </c>
      <c r="B110607" s="14" t="s">
        <v>1</v>
      </c>
      <c r="C110607" s="14" t="s">
        <v>23</v>
      </c>
      <c r="D110607" s="14" t="s">
        <v>532</v>
      </c>
      <c r="E110607" s="15">
        <v>45388</v>
      </c>
      <c r="F110607" s="14" t="s">
        <v>15</v>
      </c>
      <c r="G110607" s="16">
        <v>0.13286064495509456</v>
      </c>
    </row>
    <row r="110608" spans="1:7" x14ac:dyDescent="0.3">
      <c r="A110608" s="13" t="s">
        <v>531</v>
      </c>
      <c r="B110608" s="14" t="s">
        <v>1</v>
      </c>
      <c r="C110608" s="14" t="s">
        <v>23</v>
      </c>
      <c r="D110608" s="14" t="s">
        <v>532</v>
      </c>
      <c r="E110608" s="15">
        <v>45389</v>
      </c>
      <c r="F110608" s="14" t="s">
        <v>15</v>
      </c>
      <c r="G110608" s="16">
        <v>0.13286064495509456</v>
      </c>
    </row>
    <row r="110609" spans="1:7" x14ac:dyDescent="0.3">
      <c r="A110609" s="13" t="s">
        <v>531</v>
      </c>
      <c r="B110609" s="14" t="s">
        <v>1</v>
      </c>
      <c r="C110609" s="14" t="s">
        <v>23</v>
      </c>
      <c r="D110609" s="14" t="s">
        <v>532</v>
      </c>
      <c r="E110609" s="15">
        <v>45390</v>
      </c>
      <c r="F110609" s="14" t="s">
        <v>15</v>
      </c>
      <c r="G110609" s="16">
        <v>0.15107582748440093</v>
      </c>
    </row>
    <row r="110610" spans="1:7" x14ac:dyDescent="0.3">
      <c r="A110610" s="13" t="s">
        <v>531</v>
      </c>
      <c r="B110610" s="14" t="s">
        <v>1</v>
      </c>
      <c r="C110610" s="14" t="s">
        <v>23</v>
      </c>
      <c r="D110610" s="14" t="s">
        <v>532</v>
      </c>
      <c r="E110610" s="15">
        <v>45391</v>
      </c>
      <c r="F110610" s="14" t="s">
        <v>15</v>
      </c>
      <c r="G110610" s="16">
        <v>0.20563580495685804</v>
      </c>
    </row>
    <row r="110611" spans="1:7" x14ac:dyDescent="0.3">
      <c r="A110611" s="13" t="s">
        <v>531</v>
      </c>
      <c r="B110611" s="14" t="s">
        <v>1</v>
      </c>
      <c r="C110611" s="14" t="s">
        <v>23</v>
      </c>
      <c r="D110611" s="14" t="s">
        <v>532</v>
      </c>
      <c r="E110611" s="15">
        <v>45392</v>
      </c>
      <c r="F110611" s="14" t="s">
        <v>15</v>
      </c>
      <c r="G110611" s="16">
        <v>0.22706214048405288</v>
      </c>
    </row>
    <row r="110612" spans="1:7" x14ac:dyDescent="0.3">
      <c r="A110612" s="13" t="s">
        <v>531</v>
      </c>
      <c r="B110612" s="14" t="s">
        <v>1</v>
      </c>
      <c r="C110612" s="14" t="s">
        <v>23</v>
      </c>
      <c r="D110612" s="14" t="s">
        <v>532</v>
      </c>
      <c r="E110612" s="15">
        <v>45393</v>
      </c>
      <c r="F110612" s="14" t="s">
        <v>15</v>
      </c>
      <c r="G110612" s="16">
        <v>0.24671696744944874</v>
      </c>
    </row>
    <row r="110613" spans="1:7" x14ac:dyDescent="0.3">
      <c r="A110613" s="13" t="s">
        <v>531</v>
      </c>
      <c r="B110613" s="14" t="s">
        <v>1</v>
      </c>
      <c r="C110613" s="14" t="s">
        <v>23</v>
      </c>
      <c r="D110613" s="14" t="s">
        <v>532</v>
      </c>
      <c r="E110613" s="15">
        <v>45394</v>
      </c>
      <c r="F110613" s="14" t="s">
        <v>15</v>
      </c>
      <c r="G110613" s="16">
        <v>0.26490740955182329</v>
      </c>
    </row>
    <row r="110614" spans="1:7" x14ac:dyDescent="0.3">
      <c r="A110614" s="13" t="s">
        <v>531</v>
      </c>
      <c r="B110614" s="14" t="s">
        <v>1</v>
      </c>
      <c r="C110614" s="14" t="s">
        <v>23</v>
      </c>
      <c r="D110614" s="14" t="s">
        <v>532</v>
      </c>
      <c r="E110614" s="15">
        <v>45395</v>
      </c>
      <c r="F110614" s="14" t="s">
        <v>15</v>
      </c>
      <c r="G110614" s="16">
        <v>0.26490740955182329</v>
      </c>
    </row>
    <row r="110615" spans="1:7" x14ac:dyDescent="0.3">
      <c r="A110615" s="13" t="s">
        <v>531</v>
      </c>
      <c r="B110615" s="14" t="s">
        <v>1</v>
      </c>
      <c r="C110615" s="14" t="s">
        <v>23</v>
      </c>
      <c r="D110615" s="14" t="s">
        <v>532</v>
      </c>
      <c r="E110615" s="15">
        <v>45396</v>
      </c>
      <c r="F110615" s="14" t="s">
        <v>15</v>
      </c>
      <c r="G110615" s="16">
        <v>0.26490740955182329</v>
      </c>
    </row>
    <row r="110616" spans="1:7" x14ac:dyDescent="0.3">
      <c r="A110616" s="13" t="s">
        <v>531</v>
      </c>
      <c r="B110616" s="14" t="s">
        <v>1</v>
      </c>
      <c r="C110616" s="14" t="s">
        <v>23</v>
      </c>
      <c r="D110616" s="14" t="s">
        <v>532</v>
      </c>
      <c r="E110616" s="15">
        <v>45397</v>
      </c>
      <c r="F110616" s="14" t="s">
        <v>15</v>
      </c>
      <c r="G110616" s="16">
        <v>0.28454142367502411</v>
      </c>
    </row>
    <row r="110617" spans="1:7" x14ac:dyDescent="0.3">
      <c r="A110617" s="13" t="s">
        <v>531</v>
      </c>
      <c r="B110617" s="14" t="s">
        <v>1</v>
      </c>
      <c r="C110617" s="14" t="s">
        <v>23</v>
      </c>
      <c r="D110617" s="14" t="s">
        <v>532</v>
      </c>
      <c r="E110617" s="15">
        <v>45398</v>
      </c>
      <c r="F110617" s="14" t="s">
        <v>15</v>
      </c>
      <c r="G110617" s="16">
        <v>0.33828026738468714</v>
      </c>
    </row>
    <row r="110618" spans="1:7" x14ac:dyDescent="0.3">
      <c r="A110618" s="13" t="s">
        <v>531</v>
      </c>
      <c r="B110618" s="14" t="s">
        <v>1</v>
      </c>
      <c r="C110618" s="14" t="s">
        <v>23</v>
      </c>
      <c r="D110618" s="14" t="s">
        <v>532</v>
      </c>
      <c r="E110618" s="15">
        <v>45399</v>
      </c>
      <c r="F110618" s="14" t="s">
        <v>15</v>
      </c>
      <c r="G110618" s="16">
        <v>0.35619114601964219</v>
      </c>
    </row>
    <row r="110619" spans="1:7" x14ac:dyDescent="0.3">
      <c r="A110619" s="13" t="s">
        <v>531</v>
      </c>
      <c r="B110619" s="14" t="s">
        <v>1</v>
      </c>
      <c r="C110619" s="14" t="s">
        <v>23</v>
      </c>
      <c r="D110619" s="14" t="s">
        <v>532</v>
      </c>
      <c r="E110619" s="15">
        <v>45400</v>
      </c>
      <c r="F110619" s="14" t="s">
        <v>15</v>
      </c>
      <c r="G110619" s="16">
        <v>0.37412216611478594</v>
      </c>
    </row>
    <row r="110620" spans="1:7" x14ac:dyDescent="0.3">
      <c r="A110620" s="13" t="s">
        <v>531</v>
      </c>
      <c r="B110620" s="14" t="s">
        <v>1</v>
      </c>
      <c r="C110620" s="14" t="s">
        <v>23</v>
      </c>
      <c r="D110620" s="14" t="s">
        <v>532</v>
      </c>
      <c r="E110620" s="15">
        <v>45401</v>
      </c>
      <c r="F110620" s="14" t="s">
        <v>15</v>
      </c>
      <c r="G110620" s="16">
        <v>0.39211911592294746</v>
      </c>
    </row>
    <row r="110621" spans="1:7" x14ac:dyDescent="0.3">
      <c r="A110621" s="13" t="s">
        <v>531</v>
      </c>
      <c r="B110621" s="14" t="s">
        <v>1</v>
      </c>
      <c r="C110621" s="14" t="s">
        <v>23</v>
      </c>
      <c r="D110621" s="14" t="s">
        <v>532</v>
      </c>
      <c r="E110621" s="15">
        <v>45402</v>
      </c>
      <c r="F110621" s="14" t="s">
        <v>15</v>
      </c>
      <c r="G110621" s="16">
        <v>0.39211911592294746</v>
      </c>
    </row>
    <row r="110622" spans="1:7" x14ac:dyDescent="0.3">
      <c r="A110622" s="13" t="s">
        <v>531</v>
      </c>
      <c r="B110622" s="14" t="s">
        <v>1</v>
      </c>
      <c r="C110622" s="14" t="s">
        <v>23</v>
      </c>
      <c r="D110622" s="14" t="s">
        <v>532</v>
      </c>
      <c r="E110622" s="15">
        <v>45403</v>
      </c>
      <c r="F110622" s="14" t="s">
        <v>15</v>
      </c>
      <c r="G110622" s="16">
        <v>0.39211911592294746</v>
      </c>
    </row>
    <row r="110623" spans="1:7" x14ac:dyDescent="0.3">
      <c r="A110623" s="13" t="s">
        <v>531</v>
      </c>
      <c r="B110623" s="14" t="s">
        <v>1</v>
      </c>
      <c r="C110623" s="14" t="s">
        <v>23</v>
      </c>
      <c r="D110623" s="14" t="s">
        <v>532</v>
      </c>
      <c r="E110623" s="15">
        <v>45404</v>
      </c>
      <c r="F110623" s="14" t="s">
        <v>15</v>
      </c>
      <c r="G110623" s="16">
        <v>0.41802937688645669</v>
      </c>
    </row>
    <row r="110624" spans="1:7" x14ac:dyDescent="0.3">
      <c r="A110624" s="13" t="s">
        <v>531</v>
      </c>
      <c r="B110624" s="14" t="s">
        <v>1</v>
      </c>
      <c r="C110624" s="14" t="s">
        <v>23</v>
      </c>
      <c r="D110624" s="14" t="s">
        <v>532</v>
      </c>
      <c r="E110624" s="15">
        <v>45405</v>
      </c>
      <c r="F110624" s="14" t="s">
        <v>15</v>
      </c>
      <c r="G110624" s="16">
        <v>0.46456808497695451</v>
      </c>
    </row>
    <row r="110625" spans="1:7" x14ac:dyDescent="0.3">
      <c r="A110625" s="13" t="s">
        <v>531</v>
      </c>
      <c r="B110625" s="14" t="s">
        <v>1</v>
      </c>
      <c r="C110625" s="14" t="s">
        <v>23</v>
      </c>
      <c r="D110625" s="14" t="s">
        <v>532</v>
      </c>
      <c r="E110625" s="15">
        <v>45406</v>
      </c>
      <c r="F110625" s="14" t="s">
        <v>15</v>
      </c>
      <c r="G110625" s="16">
        <v>0.47945438767356929</v>
      </c>
    </row>
    <row r="110626" spans="1:7" x14ac:dyDescent="0.3">
      <c r="A110626" s="13" t="s">
        <v>531</v>
      </c>
      <c r="B110626" s="14" t="s">
        <v>1</v>
      </c>
      <c r="C110626" s="14" t="s">
        <v>23</v>
      </c>
      <c r="D110626" s="14" t="s">
        <v>532</v>
      </c>
      <c r="E110626" s="15">
        <v>45407</v>
      </c>
      <c r="F110626" s="14" t="s">
        <v>15</v>
      </c>
      <c r="G110626" s="16">
        <v>0.44215997447555078</v>
      </c>
    </row>
    <row r="110627" spans="1:7" x14ac:dyDescent="0.3">
      <c r="A110627" s="13" t="s">
        <v>531</v>
      </c>
      <c r="B110627" s="14" t="s">
        <v>1</v>
      </c>
      <c r="C110627" s="14" t="s">
        <v>23</v>
      </c>
      <c r="D110627" s="14" t="s">
        <v>532</v>
      </c>
      <c r="E110627" s="15">
        <v>45408</v>
      </c>
      <c r="F110627" s="14" t="s">
        <v>15</v>
      </c>
      <c r="G110627" s="16">
        <v>0.45881311962902088</v>
      </c>
    </row>
    <row r="110628" spans="1:7" x14ac:dyDescent="0.3">
      <c r="A110628" s="13" t="s">
        <v>531</v>
      </c>
      <c r="B110628" s="14" t="s">
        <v>1</v>
      </c>
      <c r="C110628" s="14" t="s">
        <v>23</v>
      </c>
      <c r="D110628" s="14" t="s">
        <v>532</v>
      </c>
      <c r="E110628" s="15">
        <v>45409</v>
      </c>
      <c r="F110628" s="14" t="s">
        <v>15</v>
      </c>
      <c r="G110628" s="16">
        <v>0.45881311962902088</v>
      </c>
    </row>
    <row r="110629" spans="1:7" x14ac:dyDescent="0.3">
      <c r="A110629" s="13" t="s">
        <v>531</v>
      </c>
      <c r="B110629" s="14" t="s">
        <v>1</v>
      </c>
      <c r="C110629" s="14" t="s">
        <v>23</v>
      </c>
      <c r="D110629" s="14" t="s">
        <v>532</v>
      </c>
      <c r="E110629" s="15">
        <v>45410</v>
      </c>
      <c r="F110629" s="14" t="s">
        <v>15</v>
      </c>
      <c r="G110629" s="16">
        <v>0.45881311962902088</v>
      </c>
    </row>
    <row r="110630" spans="1:7" x14ac:dyDescent="0.3">
      <c r="A110630" s="13" t="s">
        <v>531</v>
      </c>
      <c r="B110630" s="14" t="s">
        <v>1</v>
      </c>
      <c r="C110630" s="14" t="s">
        <v>23</v>
      </c>
      <c r="D110630" s="14" t="s">
        <v>532</v>
      </c>
      <c r="E110630" s="15">
        <v>45411</v>
      </c>
      <c r="F110630" s="14" t="s">
        <v>15</v>
      </c>
      <c r="G110630" s="16">
        <v>0.4772684555019775</v>
      </c>
    </row>
    <row r="110631" spans="1:7" x14ac:dyDescent="0.3">
      <c r="A110631" s="13" t="s">
        <v>531</v>
      </c>
      <c r="B110631" s="14" t="s">
        <v>1</v>
      </c>
      <c r="C110631" s="14" t="s">
        <v>23</v>
      </c>
      <c r="D110631" s="14" t="s">
        <v>532</v>
      </c>
      <c r="E110631" s="15">
        <v>45412</v>
      </c>
      <c r="F110631" s="14" t="s">
        <v>15</v>
      </c>
      <c r="G110631" s="16">
        <v>0.53281006060583236</v>
      </c>
    </row>
    <row r="110632" spans="1:7" x14ac:dyDescent="0.3">
      <c r="A110632" s="13" t="s">
        <v>531</v>
      </c>
      <c r="B110632" s="14" t="s">
        <v>1</v>
      </c>
      <c r="C110632" s="14" t="s">
        <v>23</v>
      </c>
      <c r="D110632" s="14" t="s">
        <v>532</v>
      </c>
      <c r="E110632" s="15">
        <v>45413</v>
      </c>
      <c r="F110632" s="14" t="s">
        <v>15</v>
      </c>
      <c r="G110632" s="16">
        <v>0.55118570343464235</v>
      </c>
    </row>
    <row r="110633" spans="1:7" x14ac:dyDescent="0.3">
      <c r="A110633" s="13" t="s">
        <v>531</v>
      </c>
      <c r="B110633" s="14" t="s">
        <v>1</v>
      </c>
      <c r="C110633" s="14" t="s">
        <v>23</v>
      </c>
      <c r="D110633" s="14" t="s">
        <v>532</v>
      </c>
      <c r="E110633" s="15">
        <v>45414</v>
      </c>
      <c r="F110633" s="14" t="s">
        <v>15</v>
      </c>
      <c r="G110633" s="16">
        <v>0.57001332063008714</v>
      </c>
    </row>
    <row r="110634" spans="1:7" x14ac:dyDescent="0.3">
      <c r="A110634" s="13" t="s">
        <v>531</v>
      </c>
      <c r="B110634" s="14" t="s">
        <v>1</v>
      </c>
      <c r="C110634" s="14" t="s">
        <v>23</v>
      </c>
      <c r="D110634" s="14" t="s">
        <v>532</v>
      </c>
      <c r="E110634" s="15">
        <v>45415</v>
      </c>
      <c r="F110634" s="14" t="s">
        <v>15</v>
      </c>
      <c r="G110634" s="16">
        <v>0.58851936123811355</v>
      </c>
    </row>
    <row r="110635" spans="1:7" x14ac:dyDescent="0.3">
      <c r="A110635" s="13" t="s">
        <v>531</v>
      </c>
      <c r="B110635" s="14" t="s">
        <v>1</v>
      </c>
      <c r="C110635" s="14" t="s">
        <v>23</v>
      </c>
      <c r="D110635" s="14" t="s">
        <v>532</v>
      </c>
      <c r="E110635" s="15">
        <v>45416</v>
      </c>
      <c r="F110635" s="14" t="s">
        <v>15</v>
      </c>
      <c r="G110635" s="16">
        <v>0.58851936123811355</v>
      </c>
    </row>
    <row r="110636" spans="1:7" x14ac:dyDescent="0.3">
      <c r="A110636" s="13" t="s">
        <v>531</v>
      </c>
      <c r="B110636" s="14" t="s">
        <v>1</v>
      </c>
      <c r="C110636" s="14" t="s">
        <v>23</v>
      </c>
      <c r="D110636" s="14" t="s">
        <v>532</v>
      </c>
      <c r="E110636" s="15">
        <v>45417</v>
      </c>
      <c r="F110636" s="14" t="s">
        <v>15</v>
      </c>
      <c r="G110636" s="16">
        <v>0.58851936123811355</v>
      </c>
    </row>
    <row r="110637" spans="1:7" x14ac:dyDescent="0.3">
      <c r="A110637" s="13" t="s">
        <v>531</v>
      </c>
      <c r="B110637" s="14" t="s">
        <v>1</v>
      </c>
      <c r="C110637" s="14" t="s">
        <v>23</v>
      </c>
      <c r="D110637" s="14" t="s">
        <v>532</v>
      </c>
      <c r="E110637" s="15">
        <v>45418</v>
      </c>
      <c r="F110637" s="14" t="s">
        <v>15</v>
      </c>
      <c r="G110637" s="16">
        <v>0.58851936123811355</v>
      </c>
    </row>
    <row r="110638" spans="1:7" x14ac:dyDescent="0.3">
      <c r="A110638" s="13" t="s">
        <v>531</v>
      </c>
      <c r="B110638" s="14" t="s">
        <v>1</v>
      </c>
      <c r="C110638" s="14" t="s">
        <v>23</v>
      </c>
      <c r="D110638" s="14" t="s">
        <v>532</v>
      </c>
      <c r="E110638" s="15">
        <v>45419</v>
      </c>
      <c r="F110638" s="14" t="s">
        <v>15</v>
      </c>
      <c r="G110638" s="16">
        <v>0.60635891091867633</v>
      </c>
    </row>
    <row r="110639" spans="1:7" x14ac:dyDescent="0.3">
      <c r="A110639" s="13" t="s">
        <v>531</v>
      </c>
      <c r="B110639" s="14" t="s">
        <v>1</v>
      </c>
      <c r="C110639" s="14" t="s">
        <v>23</v>
      </c>
      <c r="D110639" s="14" t="s">
        <v>532</v>
      </c>
      <c r="E110639" s="15">
        <v>45420</v>
      </c>
      <c r="F110639" s="14" t="s">
        <v>15</v>
      </c>
      <c r="G110639" s="16">
        <v>0.69672744911873763</v>
      </c>
    </row>
    <row r="110640" spans="1:7" x14ac:dyDescent="0.3">
      <c r="A110640" s="13" t="s">
        <v>531</v>
      </c>
      <c r="B110640" s="14" t="s">
        <v>1</v>
      </c>
      <c r="C110640" s="14" t="s">
        <v>23</v>
      </c>
      <c r="D110640" s="14" t="s">
        <v>532</v>
      </c>
      <c r="E110640" s="15">
        <v>45421</v>
      </c>
      <c r="F110640" s="14" t="s">
        <v>15</v>
      </c>
      <c r="G110640" s="16">
        <v>0.71524819098701697</v>
      </c>
    </row>
    <row r="110641" spans="1:7" x14ac:dyDescent="0.3">
      <c r="A110641" s="13" t="s">
        <v>531</v>
      </c>
      <c r="B110641" s="14" t="s">
        <v>1</v>
      </c>
      <c r="C110641" s="14" t="s">
        <v>23</v>
      </c>
      <c r="D110641" s="14" t="s">
        <v>532</v>
      </c>
      <c r="E110641" s="15">
        <v>45422</v>
      </c>
      <c r="F110641" s="14" t="s">
        <v>15</v>
      </c>
      <c r="G110641" s="16">
        <v>0.73360819907653163</v>
      </c>
    </row>
    <row r="110642" spans="1:7" x14ac:dyDescent="0.3">
      <c r="A110642" s="13" t="s">
        <v>531</v>
      </c>
      <c r="B110642" s="14" t="s">
        <v>1</v>
      </c>
      <c r="C110642" s="14" t="s">
        <v>23</v>
      </c>
      <c r="D110642" s="14" t="s">
        <v>532</v>
      </c>
      <c r="E110642" s="15">
        <v>45423</v>
      </c>
      <c r="F110642" s="14" t="s">
        <v>15</v>
      </c>
      <c r="G110642" s="16">
        <v>0.73360819907653163</v>
      </c>
    </row>
    <row r="110643" spans="1:7" x14ac:dyDescent="0.3">
      <c r="A110643" s="13" t="s">
        <v>531</v>
      </c>
      <c r="B110643" s="14" t="s">
        <v>1</v>
      </c>
      <c r="C110643" s="14" t="s">
        <v>23</v>
      </c>
      <c r="D110643" s="14" t="s">
        <v>532</v>
      </c>
      <c r="E110643" s="15">
        <v>45424</v>
      </c>
      <c r="F110643" s="14" t="s">
        <v>15</v>
      </c>
      <c r="G110643" s="16">
        <v>0.73360819907653163</v>
      </c>
    </row>
    <row r="110644" spans="1:7" x14ac:dyDescent="0.3">
      <c r="A110644" s="13" t="s">
        <v>531</v>
      </c>
      <c r="B110644" s="14" t="s">
        <v>1</v>
      </c>
      <c r="C110644" s="14" t="s">
        <v>23</v>
      </c>
      <c r="D110644" s="14" t="s">
        <v>532</v>
      </c>
      <c r="E110644" s="15">
        <v>45425</v>
      </c>
      <c r="F110644" s="14" t="s">
        <v>15</v>
      </c>
      <c r="G110644" s="16">
        <v>0.75268596662639164</v>
      </c>
    </row>
    <row r="110645" spans="1:7" x14ac:dyDescent="0.3">
      <c r="A110645" s="13" t="s">
        <v>531</v>
      </c>
      <c r="B110645" s="14" t="s">
        <v>1</v>
      </c>
      <c r="C110645" s="14" t="s">
        <v>23</v>
      </c>
      <c r="D110645" s="14" t="s">
        <v>532</v>
      </c>
      <c r="E110645" s="15">
        <v>45426</v>
      </c>
      <c r="F110645" s="14" t="s">
        <v>15</v>
      </c>
      <c r="G110645" s="16">
        <v>0.80967010573624132</v>
      </c>
    </row>
    <row r="110646" spans="1:7" x14ac:dyDescent="0.3">
      <c r="A110646" s="13" t="s">
        <v>531</v>
      </c>
      <c r="B110646" s="14" t="s">
        <v>1</v>
      </c>
      <c r="C110646" s="14" t="s">
        <v>23</v>
      </c>
      <c r="D110646" s="14" t="s">
        <v>532</v>
      </c>
      <c r="E110646" s="15">
        <v>45427</v>
      </c>
      <c r="F110646" s="14" t="s">
        <v>15</v>
      </c>
      <c r="G110646" s="16">
        <v>0.82800801124137569</v>
      </c>
    </row>
    <row r="110647" spans="1:7" x14ac:dyDescent="0.3">
      <c r="A110647" s="13" t="s">
        <v>531</v>
      </c>
      <c r="B110647" s="14" t="s">
        <v>1</v>
      </c>
      <c r="C110647" s="14" t="s">
        <v>23</v>
      </c>
      <c r="D110647" s="14" t="s">
        <v>532</v>
      </c>
      <c r="E110647" s="15">
        <v>45428</v>
      </c>
      <c r="F110647" s="14" t="s">
        <v>15</v>
      </c>
      <c r="G110647" s="16">
        <v>0.84660972832704773</v>
      </c>
    </row>
    <row r="110648" spans="1:7" x14ac:dyDescent="0.3">
      <c r="A110648" s="13" t="s">
        <v>531</v>
      </c>
      <c r="B110648" s="14" t="s">
        <v>1</v>
      </c>
      <c r="C110648" s="14" t="s">
        <v>23</v>
      </c>
      <c r="D110648" s="14" t="s">
        <v>532</v>
      </c>
      <c r="E110648" s="15">
        <v>45429</v>
      </c>
      <c r="F110648" s="14" t="s">
        <v>15</v>
      </c>
      <c r="G110648" s="16">
        <v>0.86521016116469762</v>
      </c>
    </row>
    <row r="110649" spans="1:7" x14ac:dyDescent="0.3">
      <c r="A110649" s="13" t="s">
        <v>531</v>
      </c>
      <c r="B110649" s="14" t="s">
        <v>1</v>
      </c>
      <c r="C110649" s="14" t="s">
        <v>23</v>
      </c>
      <c r="D110649" s="14" t="s">
        <v>532</v>
      </c>
      <c r="E110649" s="15">
        <v>45430</v>
      </c>
      <c r="F110649" s="14" t="s">
        <v>15</v>
      </c>
      <c r="G110649" s="16">
        <v>0.86521016116469762</v>
      </c>
    </row>
    <row r="110650" spans="1:7" x14ac:dyDescent="0.3">
      <c r="A110650" s="13" t="s">
        <v>531</v>
      </c>
      <c r="B110650" s="14" t="s">
        <v>1</v>
      </c>
      <c r="C110650" s="14" t="s">
        <v>23</v>
      </c>
      <c r="D110650" s="14" t="s">
        <v>532</v>
      </c>
      <c r="E110650" s="15">
        <v>45431</v>
      </c>
      <c r="F110650" s="14" t="s">
        <v>15</v>
      </c>
      <c r="G110650" s="16">
        <v>0.86521016116469762</v>
      </c>
    </row>
    <row r="110651" spans="1:7" x14ac:dyDescent="0.3">
      <c r="A110651" s="13" t="s">
        <v>531</v>
      </c>
      <c r="B110651" s="14" t="s">
        <v>1</v>
      </c>
      <c r="C110651" s="14" t="s">
        <v>23</v>
      </c>
      <c r="D110651" s="14" t="s">
        <v>532</v>
      </c>
      <c r="E110651" s="15">
        <v>45432</v>
      </c>
      <c r="F110651" s="14" t="s">
        <v>15</v>
      </c>
      <c r="G110651" s="16">
        <v>0.88401979124594576</v>
      </c>
    </row>
    <row r="110652" spans="1:7" x14ac:dyDescent="0.3">
      <c r="A110652" s="13" t="s">
        <v>531</v>
      </c>
      <c r="B110652" s="14" t="s">
        <v>1</v>
      </c>
      <c r="C110652" s="14" t="s">
        <v>23</v>
      </c>
      <c r="D110652" s="14" t="s">
        <v>532</v>
      </c>
      <c r="E110652" s="15">
        <v>45433</v>
      </c>
      <c r="F110652" s="14" t="s">
        <v>15</v>
      </c>
      <c r="G110652" s="16">
        <v>0.93999103042237331</v>
      </c>
    </row>
    <row r="110653" spans="1:7" x14ac:dyDescent="0.3">
      <c r="A110653" s="13" t="s">
        <v>531</v>
      </c>
      <c r="B110653" s="14" t="s">
        <v>1</v>
      </c>
      <c r="C110653" s="14" t="s">
        <v>23</v>
      </c>
      <c r="D110653" s="14" t="s">
        <v>532</v>
      </c>
      <c r="E110653" s="15">
        <v>45434</v>
      </c>
      <c r="F110653" s="14" t="s">
        <v>15</v>
      </c>
      <c r="G110653" s="16">
        <v>0.95858696839194601</v>
      </c>
    </row>
    <row r="110654" spans="1:7" x14ac:dyDescent="0.3">
      <c r="A110654" s="13" t="s">
        <v>531</v>
      </c>
      <c r="B110654" s="14" t="s">
        <v>1</v>
      </c>
      <c r="C110654" s="14" t="s">
        <v>23</v>
      </c>
      <c r="D110654" s="14" t="s">
        <v>532</v>
      </c>
      <c r="E110654" s="15">
        <v>45435</v>
      </c>
      <c r="F110654" s="14" t="s">
        <v>15</v>
      </c>
      <c r="G110654" s="16">
        <v>0.97996448618936172</v>
      </c>
    </row>
    <row r="110655" spans="1:7" x14ac:dyDescent="0.3">
      <c r="A110655" s="13" t="s">
        <v>531</v>
      </c>
      <c r="B110655" s="14" t="s">
        <v>1</v>
      </c>
      <c r="C110655" s="14" t="s">
        <v>23</v>
      </c>
      <c r="D110655" s="14" t="s">
        <v>532</v>
      </c>
      <c r="E110655" s="15">
        <v>45436</v>
      </c>
      <c r="F110655" s="14" t="s">
        <v>15</v>
      </c>
      <c r="G110655" s="16">
        <v>0.99824311350947659</v>
      </c>
    </row>
    <row r="110656" spans="1:7" x14ac:dyDescent="0.3">
      <c r="A110656" s="13" t="s">
        <v>531</v>
      </c>
      <c r="B110656" s="14" t="s">
        <v>1</v>
      </c>
      <c r="C110656" s="14" t="s">
        <v>23</v>
      </c>
      <c r="D110656" s="14" t="s">
        <v>532</v>
      </c>
      <c r="E110656" s="15">
        <v>45437</v>
      </c>
      <c r="F110656" s="14" t="s">
        <v>15</v>
      </c>
      <c r="G110656" s="16">
        <v>0.99824311350947659</v>
      </c>
    </row>
    <row r="110657" spans="1:7" x14ac:dyDescent="0.3">
      <c r="A110657" s="13" t="s">
        <v>531</v>
      </c>
      <c r="B110657" s="14" t="s">
        <v>1</v>
      </c>
      <c r="C110657" s="14" t="s">
        <v>23</v>
      </c>
      <c r="D110657" s="14" t="s">
        <v>532</v>
      </c>
      <c r="E110657" s="15">
        <v>45438</v>
      </c>
      <c r="F110657" s="14" t="s">
        <v>15</v>
      </c>
      <c r="G110657" s="16">
        <v>0.99824311350947659</v>
      </c>
    </row>
    <row r="110658" spans="1:7" x14ac:dyDescent="0.3">
      <c r="A110658" s="13" t="s">
        <v>531</v>
      </c>
      <c r="B110658" s="14" t="s">
        <v>1</v>
      </c>
      <c r="C110658" s="14" t="s">
        <v>23</v>
      </c>
      <c r="D110658" s="14" t="s">
        <v>532</v>
      </c>
      <c r="E110658" s="15">
        <v>45439</v>
      </c>
      <c r="F110658" s="14" t="s">
        <v>15</v>
      </c>
      <c r="G110658" s="16">
        <v>0.99824311350947659</v>
      </c>
    </row>
    <row r="110659" spans="1:7" x14ac:dyDescent="0.3">
      <c r="A110659" s="13" t="s">
        <v>531</v>
      </c>
      <c r="B110659" s="14" t="s">
        <v>1</v>
      </c>
      <c r="C110659" s="14" t="s">
        <v>23</v>
      </c>
      <c r="D110659" s="14" t="s">
        <v>532</v>
      </c>
      <c r="E110659" s="15">
        <v>45440</v>
      </c>
      <c r="F110659" s="14" t="s">
        <v>15</v>
      </c>
      <c r="G110659" s="16">
        <v>1.0164484373043305</v>
      </c>
    </row>
    <row r="110660" spans="1:7" x14ac:dyDescent="0.3">
      <c r="A110660" s="13" t="s">
        <v>531</v>
      </c>
      <c r="B110660" s="14" t="s">
        <v>1</v>
      </c>
      <c r="C110660" s="14" t="s">
        <v>23</v>
      </c>
      <c r="D110660" s="14" t="s">
        <v>532</v>
      </c>
      <c r="E110660" s="15">
        <v>45441</v>
      </c>
      <c r="F110660" s="14" t="s">
        <v>15</v>
      </c>
      <c r="G110660" s="16">
        <v>1.0843331046456695</v>
      </c>
    </row>
    <row r="110661" spans="1:7" x14ac:dyDescent="0.3">
      <c r="A110661" s="13" t="s">
        <v>531</v>
      </c>
      <c r="B110661" s="14" t="s">
        <v>1</v>
      </c>
      <c r="C110661" s="14" t="s">
        <v>23</v>
      </c>
      <c r="D110661" s="14" t="s">
        <v>532</v>
      </c>
      <c r="E110661" s="15">
        <v>45442</v>
      </c>
      <c r="F110661" s="14" t="s">
        <v>15</v>
      </c>
      <c r="G110661" s="16">
        <v>1.1046282379324681</v>
      </c>
    </row>
    <row r="110662" spans="1:7" x14ac:dyDescent="0.3">
      <c r="A110662" s="13" t="s">
        <v>531</v>
      </c>
      <c r="B110662" s="14" t="s">
        <v>1</v>
      </c>
      <c r="C110662" s="14" t="s">
        <v>23</v>
      </c>
      <c r="D110662" s="14" t="s">
        <v>532</v>
      </c>
      <c r="E110662" s="15">
        <v>45443</v>
      </c>
      <c r="F110662" s="14" t="s">
        <v>15</v>
      </c>
      <c r="G110662" s="16">
        <v>1.1172999735721445</v>
      </c>
    </row>
    <row r="110663" spans="1:7" x14ac:dyDescent="0.3">
      <c r="A110663" s="13" t="s">
        <v>531</v>
      </c>
      <c r="B110663" s="14" t="s">
        <v>1</v>
      </c>
      <c r="C110663" s="14" t="s">
        <v>23</v>
      </c>
      <c r="D110663" s="14" t="s">
        <v>532</v>
      </c>
      <c r="E110663" s="15">
        <v>45444</v>
      </c>
      <c r="F110663" s="14" t="s">
        <v>15</v>
      </c>
      <c r="G110663" s="16">
        <v>1.1172999735721445</v>
      </c>
    </row>
    <row r="110664" spans="1:7" x14ac:dyDescent="0.3">
      <c r="A110664" s="13" t="s">
        <v>531</v>
      </c>
      <c r="B110664" s="14" t="s">
        <v>1</v>
      </c>
      <c r="C110664" s="14" t="s">
        <v>23</v>
      </c>
      <c r="D110664" s="14" t="s">
        <v>532</v>
      </c>
      <c r="E110664" s="15">
        <v>45445</v>
      </c>
      <c r="F110664" s="14" t="s">
        <v>15</v>
      </c>
      <c r="G110664" s="16">
        <v>1.1172999735721445</v>
      </c>
    </row>
    <row r="110665" spans="1:7" x14ac:dyDescent="0.3">
      <c r="A110665" s="13" t="s">
        <v>531</v>
      </c>
      <c r="B110665" s="14" t="s">
        <v>1</v>
      </c>
      <c r="C110665" s="14" t="s">
        <v>23</v>
      </c>
      <c r="D110665" s="14" t="s">
        <v>532</v>
      </c>
      <c r="E110665" s="15">
        <v>45446</v>
      </c>
      <c r="F110665" s="14" t="s">
        <v>15</v>
      </c>
      <c r="G110665" s="16">
        <v>1.1172999735721445</v>
      </c>
    </row>
    <row r="110666" spans="1:7" x14ac:dyDescent="0.3">
      <c r="A110666" s="13" t="s">
        <v>531</v>
      </c>
      <c r="B110666" s="14" t="s">
        <v>1</v>
      </c>
      <c r="C110666" s="14" t="s">
        <v>23</v>
      </c>
      <c r="D110666" s="14" t="s">
        <v>532</v>
      </c>
      <c r="E110666" s="15">
        <v>45447</v>
      </c>
      <c r="F110666" s="14" t="s">
        <v>15</v>
      </c>
      <c r="G110666" s="16">
        <v>1.1388877362891765</v>
      </c>
    </row>
    <row r="110667" spans="1:7" x14ac:dyDescent="0.3">
      <c r="A110667" s="13" t="s">
        <v>531</v>
      </c>
      <c r="B110667" s="14" t="s">
        <v>1</v>
      </c>
      <c r="C110667" s="14" t="s">
        <v>23</v>
      </c>
      <c r="D110667" s="14" t="s">
        <v>532</v>
      </c>
      <c r="E110667" s="15">
        <v>45448</v>
      </c>
      <c r="F110667" s="14" t="s">
        <v>15</v>
      </c>
      <c r="G110667" s="16">
        <v>1.2171871143536481</v>
      </c>
    </row>
    <row r="110668" spans="1:7" x14ac:dyDescent="0.3">
      <c r="A110668" s="13" t="s">
        <v>531</v>
      </c>
      <c r="B110668" s="14" t="s">
        <v>1</v>
      </c>
      <c r="C110668" s="14" t="s">
        <v>23</v>
      </c>
      <c r="D110668" s="14" t="s">
        <v>532</v>
      </c>
      <c r="E110668" s="15">
        <v>45449</v>
      </c>
      <c r="F110668" s="14" t="s">
        <v>15</v>
      </c>
      <c r="G110668" s="16">
        <v>1.2349382874926909</v>
      </c>
    </row>
    <row r="110669" spans="1:7" x14ac:dyDescent="0.3">
      <c r="A110669" s="13" t="s">
        <v>531</v>
      </c>
      <c r="B110669" s="14" t="s">
        <v>1</v>
      </c>
      <c r="C110669" s="14" t="s">
        <v>23</v>
      </c>
      <c r="D110669" s="14" t="s">
        <v>532</v>
      </c>
      <c r="E110669" s="15">
        <v>45450</v>
      </c>
      <c r="F110669" s="14" t="s">
        <v>15</v>
      </c>
      <c r="G110669" s="16">
        <v>1.2753595474536588</v>
      </c>
    </row>
    <row r="110670" spans="1:7" x14ac:dyDescent="0.3">
      <c r="A110670" s="13" t="s">
        <v>531</v>
      </c>
      <c r="B110670" s="14" t="s">
        <v>1</v>
      </c>
      <c r="C110670" s="14" t="s">
        <v>23</v>
      </c>
      <c r="D110670" s="14" t="s">
        <v>532</v>
      </c>
      <c r="E110670" s="15">
        <v>45451</v>
      </c>
      <c r="F110670" s="14" t="s">
        <v>15</v>
      </c>
      <c r="G110670" s="16">
        <v>1.2753595474536588</v>
      </c>
    </row>
    <row r="110671" spans="1:7" x14ac:dyDescent="0.3">
      <c r="A110671" s="13" t="s">
        <v>531</v>
      </c>
      <c r="B110671" s="14" t="s">
        <v>1</v>
      </c>
      <c r="C110671" s="14" t="s">
        <v>23</v>
      </c>
      <c r="D110671" s="14" t="s">
        <v>532</v>
      </c>
      <c r="E110671" s="15">
        <v>45452</v>
      </c>
      <c r="F110671" s="14" t="s">
        <v>15</v>
      </c>
      <c r="G110671" s="16">
        <v>1.2753595474536588</v>
      </c>
    </row>
    <row r="110672" spans="1:7" x14ac:dyDescent="0.3">
      <c r="A110672" s="13" t="s">
        <v>531</v>
      </c>
      <c r="B110672" s="14" t="s">
        <v>1</v>
      </c>
      <c r="C110672" s="14" t="s">
        <v>23</v>
      </c>
      <c r="D110672" s="14" t="s">
        <v>532</v>
      </c>
      <c r="E110672" s="15">
        <v>45453</v>
      </c>
      <c r="F110672" s="14" t="s">
        <v>15</v>
      </c>
      <c r="G110672" s="16">
        <v>1.2930704695560093</v>
      </c>
    </row>
    <row r="110673" spans="1:7" x14ac:dyDescent="0.3">
      <c r="A110673" s="13" t="s">
        <v>531</v>
      </c>
      <c r="B110673" s="14" t="s">
        <v>1</v>
      </c>
      <c r="C110673" s="14" t="s">
        <v>23</v>
      </c>
      <c r="D110673" s="14" t="s">
        <v>532</v>
      </c>
      <c r="E110673" s="15">
        <v>45454</v>
      </c>
      <c r="F110673" s="14" t="s">
        <v>15</v>
      </c>
      <c r="G110673" s="16">
        <v>1.3462179176998679</v>
      </c>
    </row>
    <row r="110674" spans="1:7" x14ac:dyDescent="0.3">
      <c r="A110674" s="13" t="s">
        <v>531</v>
      </c>
      <c r="B110674" s="14" t="s">
        <v>1</v>
      </c>
      <c r="C110674" s="14" t="s">
        <v>23</v>
      </c>
      <c r="D110674" s="14" t="s">
        <v>532</v>
      </c>
      <c r="E110674" s="15">
        <v>45455</v>
      </c>
      <c r="F110674" s="14" t="s">
        <v>15</v>
      </c>
      <c r="G110674" s="16">
        <v>1.3639696991669208</v>
      </c>
    </row>
    <row r="110675" spans="1:7" x14ac:dyDescent="0.3">
      <c r="A110675" s="13" t="s">
        <v>531</v>
      </c>
      <c r="B110675" s="14" t="s">
        <v>1</v>
      </c>
      <c r="C110675" s="14" t="s">
        <v>23</v>
      </c>
      <c r="D110675" s="14" t="s">
        <v>532</v>
      </c>
      <c r="E110675" s="15">
        <v>45456</v>
      </c>
      <c r="F110675" s="14" t="s">
        <v>15</v>
      </c>
      <c r="G110675" s="16">
        <v>1.3810718539108005</v>
      </c>
    </row>
    <row r="110676" spans="1:7" x14ac:dyDescent="0.3">
      <c r="A110676" s="13" t="s">
        <v>531</v>
      </c>
      <c r="B110676" s="14" t="s">
        <v>1</v>
      </c>
      <c r="C110676" s="14" t="s">
        <v>23</v>
      </c>
      <c r="D110676" s="14" t="s">
        <v>532</v>
      </c>
      <c r="E110676" s="15">
        <v>45457</v>
      </c>
      <c r="F110676" s="14" t="s">
        <v>15</v>
      </c>
      <c r="G110676" s="16">
        <v>1.4004948476065984</v>
      </c>
    </row>
    <row r="110677" spans="1:7" x14ac:dyDescent="0.3">
      <c r="A110677" s="13" t="s">
        <v>531</v>
      </c>
      <c r="B110677" s="14" t="s">
        <v>1</v>
      </c>
      <c r="C110677" s="14" t="s">
        <v>23</v>
      </c>
      <c r="D110677" s="14" t="s">
        <v>532</v>
      </c>
      <c r="E110677" s="15">
        <v>45458</v>
      </c>
      <c r="F110677" s="14" t="s">
        <v>15</v>
      </c>
      <c r="G110677" s="16">
        <v>1.4004948476065984</v>
      </c>
    </row>
    <row r="110678" spans="1:7" x14ac:dyDescent="0.3">
      <c r="A110678" s="13" t="s">
        <v>531</v>
      </c>
      <c r="B110678" s="14" t="s">
        <v>1</v>
      </c>
      <c r="C110678" s="14" t="s">
        <v>23</v>
      </c>
      <c r="D110678" s="14" t="s">
        <v>532</v>
      </c>
      <c r="E110678" s="15">
        <v>45459</v>
      </c>
      <c r="F110678" s="14" t="s">
        <v>15</v>
      </c>
      <c r="G110678" s="16">
        <v>1.4004948476065984</v>
      </c>
    </row>
    <row r="110679" spans="1:7" x14ac:dyDescent="0.3">
      <c r="A110679" s="13" t="s">
        <v>531</v>
      </c>
      <c r="B110679" s="14" t="s">
        <v>1</v>
      </c>
      <c r="C110679" s="14" t="s">
        <v>23</v>
      </c>
      <c r="D110679" s="14" t="s">
        <v>532</v>
      </c>
      <c r="E110679" s="15">
        <v>45460</v>
      </c>
      <c r="F110679" s="14" t="s">
        <v>15</v>
      </c>
      <c r="G110679" s="16">
        <v>1.4183500786314309</v>
      </c>
    </row>
    <row r="110680" spans="1:7" x14ac:dyDescent="0.3">
      <c r="A110680" s="13" t="s">
        <v>531</v>
      </c>
      <c r="B110680" s="14" t="s">
        <v>1</v>
      </c>
      <c r="C110680" s="14" t="s">
        <v>23</v>
      </c>
      <c r="D110680" s="14" t="s">
        <v>532</v>
      </c>
      <c r="E110680" s="15">
        <v>45461</v>
      </c>
      <c r="F110680" s="14" t="s">
        <v>15</v>
      </c>
      <c r="G110680" s="16">
        <v>1.471947148302748</v>
      </c>
    </row>
    <row r="110681" spans="1:7" x14ac:dyDescent="0.3">
      <c r="A110681" s="13" t="s">
        <v>531</v>
      </c>
      <c r="B110681" s="14" t="s">
        <v>1</v>
      </c>
      <c r="C110681" s="14" t="s">
        <v>23</v>
      </c>
      <c r="D110681" s="14" t="s">
        <v>532</v>
      </c>
      <c r="E110681" s="15">
        <v>45462</v>
      </c>
      <c r="F110681" s="14" t="s">
        <v>15</v>
      </c>
      <c r="G110681" s="16">
        <v>1.471947148302748</v>
      </c>
    </row>
    <row r="110682" spans="1:7" x14ac:dyDescent="0.3">
      <c r="A110682" s="13" t="s">
        <v>531</v>
      </c>
      <c r="B110682" s="14" t="s">
        <v>1</v>
      </c>
      <c r="C110682" s="14" t="s">
        <v>23</v>
      </c>
      <c r="D110682" s="14" t="s">
        <v>532</v>
      </c>
      <c r="E110682" s="15">
        <v>45463</v>
      </c>
      <c r="F110682" s="14" t="s">
        <v>15</v>
      </c>
      <c r="G110682" s="16">
        <v>1.4898409949106894</v>
      </c>
    </row>
    <row r="110683" spans="1:7" x14ac:dyDescent="0.3">
      <c r="A110683" s="13" t="s">
        <v>531</v>
      </c>
      <c r="B110683" s="14" t="s">
        <v>1</v>
      </c>
      <c r="C110683" s="14" t="s">
        <v>23</v>
      </c>
      <c r="D110683" s="14" t="s">
        <v>532</v>
      </c>
      <c r="E110683" s="15">
        <v>45464</v>
      </c>
      <c r="F110683" s="14" t="s">
        <v>15</v>
      </c>
      <c r="G110683" s="16">
        <v>1.5273238961711457</v>
      </c>
    </row>
    <row r="110684" spans="1:7" x14ac:dyDescent="0.3">
      <c r="A110684" s="13" t="s">
        <v>531</v>
      </c>
      <c r="B110684" s="14" t="s">
        <v>1</v>
      </c>
      <c r="C110684" s="14" t="s">
        <v>23</v>
      </c>
      <c r="D110684" s="14" t="s">
        <v>532</v>
      </c>
      <c r="E110684" s="15">
        <v>45465</v>
      </c>
      <c r="F110684" s="14" t="s">
        <v>15</v>
      </c>
      <c r="G110684" s="16">
        <v>1.5273238961711457</v>
      </c>
    </row>
    <row r="110685" spans="1:7" x14ac:dyDescent="0.3">
      <c r="A110685" s="13" t="s">
        <v>531</v>
      </c>
      <c r="B110685" s="14" t="s">
        <v>1</v>
      </c>
      <c r="C110685" s="14" t="s">
        <v>23</v>
      </c>
      <c r="D110685" s="14" t="s">
        <v>532</v>
      </c>
      <c r="E110685" s="15">
        <v>45466</v>
      </c>
      <c r="F110685" s="14" t="s">
        <v>15</v>
      </c>
      <c r="G110685" s="16">
        <v>1.5273238961711457</v>
      </c>
    </row>
    <row r="110686" spans="1:7" x14ac:dyDescent="0.3">
      <c r="A110686" s="13" t="s">
        <v>531</v>
      </c>
      <c r="B110686" s="14" t="s">
        <v>1</v>
      </c>
      <c r="C110686" s="14" t="s">
        <v>23</v>
      </c>
      <c r="D110686" s="14" t="s">
        <v>532</v>
      </c>
      <c r="E110686" s="15">
        <v>45467</v>
      </c>
      <c r="F110686" s="14" t="s">
        <v>15</v>
      </c>
      <c r="G110686" s="16">
        <v>1.545121677632922</v>
      </c>
    </row>
    <row r="110687" spans="1:7" x14ac:dyDescent="0.3">
      <c r="A110687" s="13" t="s">
        <v>531</v>
      </c>
      <c r="B110687" s="14" t="s">
        <v>1</v>
      </c>
      <c r="C110687" s="14" t="s">
        <v>23</v>
      </c>
      <c r="D110687" s="14" t="s">
        <v>532</v>
      </c>
      <c r="E110687" s="15">
        <v>45468</v>
      </c>
      <c r="F110687" s="14" t="s">
        <v>15</v>
      </c>
      <c r="G110687" s="16">
        <v>1.6014422895881364</v>
      </c>
    </row>
    <row r="110688" spans="1:7" x14ac:dyDescent="0.3">
      <c r="A110688" s="13" t="s">
        <v>531</v>
      </c>
      <c r="B110688" s="14" t="s">
        <v>1</v>
      </c>
      <c r="C110688" s="14" t="s">
        <v>23</v>
      </c>
      <c r="D110688" s="14" t="s">
        <v>532</v>
      </c>
      <c r="E110688" s="15">
        <v>45469</v>
      </c>
      <c r="F110688" s="14" t="s">
        <v>15</v>
      </c>
      <c r="G110688" s="16">
        <v>1.6179507198607617</v>
      </c>
    </row>
    <row r="110689" spans="1:7" x14ac:dyDescent="0.3">
      <c r="A110689" s="13" t="s">
        <v>531</v>
      </c>
      <c r="B110689" s="14" t="s">
        <v>1</v>
      </c>
      <c r="C110689" s="14" t="s">
        <v>23</v>
      </c>
      <c r="D110689" s="14" t="s">
        <v>532</v>
      </c>
      <c r="E110689" s="15">
        <v>45470</v>
      </c>
      <c r="F110689" s="14" t="s">
        <v>15</v>
      </c>
      <c r="G110689" s="16">
        <v>1.635621580814856</v>
      </c>
    </row>
    <row r="110690" spans="1:7" x14ac:dyDescent="0.3">
      <c r="A110690" s="13" t="s">
        <v>531</v>
      </c>
      <c r="B110690" s="14" t="s">
        <v>1</v>
      </c>
      <c r="C110690" s="14" t="s">
        <v>23</v>
      </c>
      <c r="D110690" s="14" t="s">
        <v>532</v>
      </c>
      <c r="E110690" s="15">
        <v>45471</v>
      </c>
      <c r="F110690" s="14" t="s">
        <v>15</v>
      </c>
      <c r="G110690" s="16">
        <v>1.6533585704990734</v>
      </c>
    </row>
    <row r="110691" spans="1:7" x14ac:dyDescent="0.3">
      <c r="A110691" s="13" t="s">
        <v>531</v>
      </c>
      <c r="B110691" s="14" t="s">
        <v>1</v>
      </c>
      <c r="C110691" s="14" t="s">
        <v>23</v>
      </c>
      <c r="D110691" s="14" t="s">
        <v>532</v>
      </c>
      <c r="E110691" s="15">
        <v>45472</v>
      </c>
      <c r="F110691" s="14" t="s">
        <v>15</v>
      </c>
      <c r="G110691" s="16">
        <v>1.6533585704990734</v>
      </c>
    </row>
    <row r="110692" spans="1:7" x14ac:dyDescent="0.3">
      <c r="A110692" s="13" t="s">
        <v>531</v>
      </c>
      <c r="B110692" s="14" t="s">
        <v>1</v>
      </c>
      <c r="C110692" s="14" t="s">
        <v>23</v>
      </c>
      <c r="D110692" s="14" t="s">
        <v>532</v>
      </c>
      <c r="E110692" s="15">
        <v>45473</v>
      </c>
      <c r="F110692" s="14" t="s">
        <v>15</v>
      </c>
      <c r="G110692" s="16">
        <v>1.6533585704990734</v>
      </c>
    </row>
    <row r="110693" spans="1:7" x14ac:dyDescent="0.3">
      <c r="A110693" s="13" t="s">
        <v>531</v>
      </c>
      <c r="B110693" s="14" t="s">
        <v>1</v>
      </c>
      <c r="C110693" s="14" t="s">
        <v>23</v>
      </c>
      <c r="D110693" s="14" t="s">
        <v>532</v>
      </c>
      <c r="E110693" s="15">
        <v>45474</v>
      </c>
      <c r="F110693" s="14" t="s">
        <v>15</v>
      </c>
      <c r="G110693" s="16">
        <v>1.6712428388676437</v>
      </c>
    </row>
    <row r="110694" spans="1:7" x14ac:dyDescent="0.3">
      <c r="A110694" s="13" t="s">
        <v>531</v>
      </c>
      <c r="B110694" s="14" t="s">
        <v>1</v>
      </c>
      <c r="C110694" s="14" t="s">
        <v>23</v>
      </c>
      <c r="D110694" s="14" t="s">
        <v>532</v>
      </c>
      <c r="E110694" s="15">
        <v>45475</v>
      </c>
      <c r="F110694" s="14" t="s">
        <v>15</v>
      </c>
      <c r="G110694" s="16">
        <v>1.7256174424039041</v>
      </c>
    </row>
    <row r="110695" spans="1:7" x14ac:dyDescent="0.3">
      <c r="A110695" s="13" t="s">
        <v>531</v>
      </c>
      <c r="B110695" s="14" t="s">
        <v>1</v>
      </c>
      <c r="C110695" s="14" t="s">
        <v>23</v>
      </c>
      <c r="D110695" s="14" t="s">
        <v>532</v>
      </c>
      <c r="E110695" s="15">
        <v>45476</v>
      </c>
      <c r="F110695" s="14" t="s">
        <v>15</v>
      </c>
      <c r="G110695" s="16">
        <v>1.7436183108155943</v>
      </c>
    </row>
    <row r="110696" spans="1:7" x14ac:dyDescent="0.3">
      <c r="A110696" s="13" t="s">
        <v>531</v>
      </c>
      <c r="B110696" s="14" t="s">
        <v>1</v>
      </c>
      <c r="C110696" s="14" t="s">
        <v>23</v>
      </c>
      <c r="D110696" s="14" t="s">
        <v>532</v>
      </c>
      <c r="E110696" s="15">
        <v>45477</v>
      </c>
      <c r="F110696" s="14" t="s">
        <v>15</v>
      </c>
      <c r="G110696" s="16">
        <v>1.7436183108155943</v>
      </c>
    </row>
    <row r="110697" spans="1:7" x14ac:dyDescent="0.3">
      <c r="A110697" s="13" t="s">
        <v>531</v>
      </c>
      <c r="B110697" s="14" t="s">
        <v>1</v>
      </c>
      <c r="C110697" s="14" t="s">
        <v>23</v>
      </c>
      <c r="D110697" s="14" t="s">
        <v>532</v>
      </c>
      <c r="E110697" s="15">
        <v>45478</v>
      </c>
      <c r="F110697" s="14" t="s">
        <v>15</v>
      </c>
      <c r="G110697" s="16">
        <v>1.7617689319956076</v>
      </c>
    </row>
    <row r="110698" spans="1:7" x14ac:dyDescent="0.3">
      <c r="A110698" s="13" t="s">
        <v>531</v>
      </c>
      <c r="B110698" s="14" t="s">
        <v>1</v>
      </c>
      <c r="C110698" s="14" t="s">
        <v>23</v>
      </c>
      <c r="D110698" s="14" t="s">
        <v>532</v>
      </c>
      <c r="E110698" s="15">
        <v>45479</v>
      </c>
      <c r="F110698" s="14" t="s">
        <v>15</v>
      </c>
      <c r="G110698" s="16">
        <v>1.7617689319956076</v>
      </c>
    </row>
    <row r="110699" spans="1:7" x14ac:dyDescent="0.3">
      <c r="A110699" s="13" t="s">
        <v>531</v>
      </c>
      <c r="B110699" s="14" t="s">
        <v>1</v>
      </c>
      <c r="C110699" s="14" t="s">
        <v>23</v>
      </c>
      <c r="D110699" s="14" t="s">
        <v>532</v>
      </c>
      <c r="E110699" s="15">
        <v>45480</v>
      </c>
      <c r="F110699" s="14" t="s">
        <v>15</v>
      </c>
      <c r="G110699" s="16">
        <v>1.7617689319956076</v>
      </c>
    </row>
    <row r="110700" spans="1:7" x14ac:dyDescent="0.3">
      <c r="A110700" s="13" t="s">
        <v>531</v>
      </c>
      <c r="B110700" s="14" t="s">
        <v>1</v>
      </c>
      <c r="C110700" s="14" t="s">
        <v>23</v>
      </c>
      <c r="D110700" s="14" t="s">
        <v>532</v>
      </c>
      <c r="E110700" s="15">
        <v>45481</v>
      </c>
      <c r="F110700" s="14" t="s">
        <v>15</v>
      </c>
      <c r="G110700" s="16">
        <v>1.8265318606830521</v>
      </c>
    </row>
    <row r="110701" spans="1:7" x14ac:dyDescent="0.3">
      <c r="A110701" s="13" t="s">
        <v>531</v>
      </c>
      <c r="B110701" s="14" t="s">
        <v>1</v>
      </c>
      <c r="C110701" s="14" t="s">
        <v>23</v>
      </c>
      <c r="D110701" s="14" t="s">
        <v>532</v>
      </c>
      <c r="E110701" s="15">
        <v>45482</v>
      </c>
      <c r="F110701" s="14" t="s">
        <v>15</v>
      </c>
      <c r="G110701" s="16">
        <v>1.8815229706006817</v>
      </c>
    </row>
    <row r="110702" spans="1:7" x14ac:dyDescent="0.3">
      <c r="A110702" s="13" t="s">
        <v>531</v>
      </c>
      <c r="B110702" s="14" t="s">
        <v>1</v>
      </c>
      <c r="C110702" s="14" t="s">
        <v>23</v>
      </c>
      <c r="D110702" s="14" t="s">
        <v>532</v>
      </c>
      <c r="E110702" s="15">
        <v>45483</v>
      </c>
      <c r="F110702" s="14" t="s">
        <v>15</v>
      </c>
      <c r="G110702" s="16">
        <v>1.9009380607539148</v>
      </c>
    </row>
    <row r="110703" spans="1:7" x14ac:dyDescent="0.3">
      <c r="A110703" s="13" t="s">
        <v>531</v>
      </c>
      <c r="B110703" s="14" t="s">
        <v>1</v>
      </c>
      <c r="C110703" s="14" t="s">
        <v>23</v>
      </c>
      <c r="D110703" s="14" t="s">
        <v>532</v>
      </c>
      <c r="E110703" s="15">
        <v>45484</v>
      </c>
      <c r="F110703" s="14" t="s">
        <v>15</v>
      </c>
      <c r="G110703" s="16">
        <v>1.9193069668282317</v>
      </c>
    </row>
    <row r="110704" spans="1:7" x14ac:dyDescent="0.3">
      <c r="A110704" s="13" t="s">
        <v>531</v>
      </c>
      <c r="B110704" s="14" t="s">
        <v>1</v>
      </c>
      <c r="C110704" s="14" t="s">
        <v>23</v>
      </c>
      <c r="D110704" s="14" t="s">
        <v>532</v>
      </c>
      <c r="E110704" s="15">
        <v>45485</v>
      </c>
      <c r="F110704" s="14" t="s">
        <v>15</v>
      </c>
      <c r="G110704" s="16">
        <v>1.9383842384873335</v>
      </c>
    </row>
    <row r="110705" spans="1:7" x14ac:dyDescent="0.3">
      <c r="A110705" s="13" t="s">
        <v>531</v>
      </c>
      <c r="B110705" s="14" t="s">
        <v>1</v>
      </c>
      <c r="C110705" s="14" t="s">
        <v>23</v>
      </c>
      <c r="D110705" s="14" t="s">
        <v>532</v>
      </c>
      <c r="E110705" s="15">
        <v>45486</v>
      </c>
      <c r="F110705" s="14" t="s">
        <v>15</v>
      </c>
      <c r="G110705" s="16">
        <v>1.9383842384873335</v>
      </c>
    </row>
    <row r="110706" spans="1:7" x14ac:dyDescent="0.3">
      <c r="A110706" s="13" t="s">
        <v>531</v>
      </c>
      <c r="B110706" s="14" t="s">
        <v>1</v>
      </c>
      <c r="C110706" s="14" t="s">
        <v>23</v>
      </c>
      <c r="D110706" s="14" t="s">
        <v>532</v>
      </c>
      <c r="E110706" s="15">
        <v>45487</v>
      </c>
      <c r="F110706" s="14" t="s">
        <v>15</v>
      </c>
      <c r="G110706" s="16">
        <v>1.9383842384873335</v>
      </c>
    </row>
    <row r="110707" spans="1:7" x14ac:dyDescent="0.3">
      <c r="A110707" s="13" t="s">
        <v>531</v>
      </c>
      <c r="B110707" s="14" t="s">
        <v>1</v>
      </c>
      <c r="C110707" s="14" t="s">
        <v>23</v>
      </c>
      <c r="D110707" s="14" t="s">
        <v>532</v>
      </c>
      <c r="E110707" s="15">
        <v>45488</v>
      </c>
      <c r="F110707" s="14" t="s">
        <v>15</v>
      </c>
      <c r="G110707" s="16">
        <v>1.9561746683853121</v>
      </c>
    </row>
    <row r="110708" spans="1:7" x14ac:dyDescent="0.3">
      <c r="A110708" s="13" t="s">
        <v>531</v>
      </c>
      <c r="B110708" s="14" t="s">
        <v>1</v>
      </c>
      <c r="C110708" s="14" t="s">
        <v>23</v>
      </c>
      <c r="D110708" s="14" t="s">
        <v>532</v>
      </c>
      <c r="E110708" s="15">
        <v>45489</v>
      </c>
      <c r="F110708" s="14" t="s">
        <v>15</v>
      </c>
      <c r="G110708" s="16">
        <v>2.0099178150042101</v>
      </c>
    </row>
    <row r="110709" spans="1:7" x14ac:dyDescent="0.3">
      <c r="A110709" s="13" t="s">
        <v>531</v>
      </c>
      <c r="B110709" s="14" t="s">
        <v>1</v>
      </c>
      <c r="C110709" s="14" t="s">
        <v>23</v>
      </c>
      <c r="D110709" s="14" t="s">
        <v>532</v>
      </c>
      <c r="E110709" s="15">
        <v>45490</v>
      </c>
      <c r="F110709" s="14" t="s">
        <v>15</v>
      </c>
      <c r="G110709" s="16">
        <v>2.027778014070154</v>
      </c>
    </row>
    <row r="110710" spans="1:7" x14ac:dyDescent="0.3">
      <c r="A110710" s="13" t="s">
        <v>531</v>
      </c>
      <c r="B110710" s="14" t="s">
        <v>1</v>
      </c>
      <c r="C110710" s="14" t="s">
        <v>23</v>
      </c>
      <c r="D110710" s="14" t="s">
        <v>532</v>
      </c>
      <c r="E110710" s="15">
        <v>45491</v>
      </c>
      <c r="F110710" s="14" t="s">
        <v>15</v>
      </c>
      <c r="G110710" s="16">
        <v>2.0456400510270476</v>
      </c>
    </row>
    <row r="110711" spans="1:7" x14ac:dyDescent="0.3">
      <c r="A110711" s="13" t="s">
        <v>531</v>
      </c>
      <c r="B110711" s="14" t="s">
        <v>1</v>
      </c>
      <c r="C110711" s="14" t="s">
        <v>23</v>
      </c>
      <c r="D110711" s="14" t="s">
        <v>532</v>
      </c>
      <c r="E110711" s="15">
        <v>45492</v>
      </c>
      <c r="F110711" s="14" t="s">
        <v>15</v>
      </c>
      <c r="G110711" s="16">
        <v>2.0634765342309325</v>
      </c>
    </row>
    <row r="110712" spans="1:7" x14ac:dyDescent="0.3">
      <c r="A110712" s="13" t="s">
        <v>531</v>
      </c>
      <c r="B110712" s="14" t="s">
        <v>1</v>
      </c>
      <c r="C110712" s="14" t="s">
        <v>23</v>
      </c>
      <c r="D110712" s="14" t="s">
        <v>532</v>
      </c>
      <c r="E110712" s="15">
        <v>45493</v>
      </c>
      <c r="F110712" s="14" t="s">
        <v>15</v>
      </c>
      <c r="G110712" s="16">
        <v>2.0634765342309325</v>
      </c>
    </row>
    <row r="110713" spans="1:7" x14ac:dyDescent="0.3">
      <c r="A110713" s="13" t="s">
        <v>531</v>
      </c>
      <c r="B110713" s="14" t="s">
        <v>1</v>
      </c>
      <c r="C110713" s="14" t="s">
        <v>23</v>
      </c>
      <c r="D110713" s="14" t="s">
        <v>532</v>
      </c>
      <c r="E110713" s="15">
        <v>45494</v>
      </c>
      <c r="F110713" s="14" t="s">
        <v>15</v>
      </c>
      <c r="G110713" s="16">
        <v>2.0634765342309325</v>
      </c>
    </row>
    <row r="110714" spans="1:7" x14ac:dyDescent="0.3">
      <c r="A110714" s="13" t="s">
        <v>531</v>
      </c>
      <c r="B110714" s="14" t="s">
        <v>1</v>
      </c>
      <c r="C110714" s="14" t="s">
        <v>23</v>
      </c>
      <c r="D110714" s="14" t="s">
        <v>532</v>
      </c>
      <c r="E110714" s="15">
        <v>45495</v>
      </c>
      <c r="F110714" s="14" t="s">
        <v>15</v>
      </c>
      <c r="G110714" s="16">
        <v>2.0812340941561613</v>
      </c>
    </row>
    <row r="110715" spans="1:7" x14ac:dyDescent="0.3">
      <c r="A110715" s="13" t="s">
        <v>531</v>
      </c>
      <c r="B110715" s="14" t="s">
        <v>1</v>
      </c>
      <c r="C110715" s="14" t="s">
        <v>23</v>
      </c>
      <c r="D110715" s="14" t="s">
        <v>532</v>
      </c>
      <c r="E110715" s="15">
        <v>45496</v>
      </c>
      <c r="F110715" s="14" t="s">
        <v>15</v>
      </c>
      <c r="G110715" s="16">
        <v>2.1341228335479068</v>
      </c>
    </row>
    <row r="110716" spans="1:7" x14ac:dyDescent="0.3">
      <c r="A110716" s="13" t="s">
        <v>531</v>
      </c>
      <c r="B110716" s="14" t="s">
        <v>1</v>
      </c>
      <c r="C110716" s="14" t="s">
        <v>23</v>
      </c>
      <c r="D110716" s="14" t="s">
        <v>532</v>
      </c>
      <c r="E110716" s="15">
        <v>45497</v>
      </c>
      <c r="F110716" s="14" t="s">
        <v>15</v>
      </c>
      <c r="G110716" s="16">
        <v>2.1539148327220032</v>
      </c>
    </row>
    <row r="110717" spans="1:7" x14ac:dyDescent="0.3">
      <c r="A110717" s="13" t="s">
        <v>531</v>
      </c>
      <c r="B110717" s="14" t="s">
        <v>1</v>
      </c>
      <c r="C110717" s="14" t="s">
        <v>23</v>
      </c>
      <c r="D110717" s="14" t="s">
        <v>532</v>
      </c>
      <c r="E110717" s="15">
        <v>45498</v>
      </c>
      <c r="F110717" s="14" t="s">
        <v>15</v>
      </c>
      <c r="G110717" s="16">
        <v>2.1709391095024593</v>
      </c>
    </row>
    <row r="110718" spans="1:7" x14ac:dyDescent="0.3">
      <c r="A110718" s="13" t="s">
        <v>531</v>
      </c>
      <c r="B110718" s="14" t="s">
        <v>1</v>
      </c>
      <c r="C110718" s="14" t="s">
        <v>23</v>
      </c>
      <c r="D110718" s="14" t="s">
        <v>532</v>
      </c>
      <c r="E110718" s="15">
        <v>45499</v>
      </c>
      <c r="F110718" s="14" t="s">
        <v>15</v>
      </c>
      <c r="G110718" s="16">
        <v>2.1880237539317928</v>
      </c>
    </row>
    <row r="110719" spans="1:7" x14ac:dyDescent="0.3">
      <c r="A110719" s="13" t="s">
        <v>531</v>
      </c>
      <c r="B110719" s="14" t="s">
        <v>1</v>
      </c>
      <c r="C110719" s="14" t="s">
        <v>23</v>
      </c>
      <c r="D110719" s="14" t="s">
        <v>532</v>
      </c>
      <c r="E110719" s="15">
        <v>45500</v>
      </c>
      <c r="F110719" s="14" t="s">
        <v>15</v>
      </c>
      <c r="G110719" s="16">
        <v>2.1880237539317928</v>
      </c>
    </row>
    <row r="110720" spans="1:7" x14ac:dyDescent="0.3">
      <c r="A110720" s="13" t="s">
        <v>531</v>
      </c>
      <c r="B110720" s="14" t="s">
        <v>1</v>
      </c>
      <c r="C110720" s="14" t="s">
        <v>23</v>
      </c>
      <c r="D110720" s="14" t="s">
        <v>532</v>
      </c>
      <c r="E110720" s="15">
        <v>45501</v>
      </c>
      <c r="F110720" s="14" t="s">
        <v>15</v>
      </c>
      <c r="G110720" s="16">
        <v>2.1880237539317928</v>
      </c>
    </row>
    <row r="110721" spans="1:7" x14ac:dyDescent="0.3">
      <c r="A110721" s="13" t="s">
        <v>531</v>
      </c>
      <c r="B110721" s="14" t="s">
        <v>1</v>
      </c>
      <c r="C110721" s="14" t="s">
        <v>23</v>
      </c>
      <c r="D110721" s="14" t="s">
        <v>532</v>
      </c>
      <c r="E110721" s="15">
        <v>45502</v>
      </c>
      <c r="F110721" s="14" t="s">
        <v>15</v>
      </c>
      <c r="G110721" s="16">
        <v>2.2051281556888336</v>
      </c>
    </row>
    <row r="110722" spans="1:7" x14ac:dyDescent="0.3">
      <c r="A110722" s="13" t="s">
        <v>531</v>
      </c>
      <c r="B110722" s="14" t="s">
        <v>1</v>
      </c>
      <c r="C110722" s="14" t="s">
        <v>23</v>
      </c>
      <c r="D110722" s="14" t="s">
        <v>532</v>
      </c>
      <c r="E110722" s="15">
        <v>45503</v>
      </c>
      <c r="F110722" s="14" t="s">
        <v>15</v>
      </c>
      <c r="G110722" s="16">
        <v>2.256417293761539</v>
      </c>
    </row>
    <row r="110723" spans="1:7" x14ac:dyDescent="0.3">
      <c r="A110723" s="13" t="s">
        <v>531</v>
      </c>
      <c r="B110723" s="14" t="s">
        <v>1</v>
      </c>
      <c r="C110723" s="14" t="s">
        <v>23</v>
      </c>
      <c r="D110723" s="14" t="s">
        <v>532</v>
      </c>
      <c r="E110723" s="15">
        <v>45504</v>
      </c>
      <c r="F110723" s="14" t="s">
        <v>15</v>
      </c>
      <c r="G110723" s="16">
        <v>2.2750614593495921</v>
      </c>
    </row>
    <row r="110724" spans="1:7" x14ac:dyDescent="0.3">
      <c r="A110724" s="13" t="s">
        <v>531</v>
      </c>
      <c r="B110724" s="14" t="s">
        <v>1</v>
      </c>
      <c r="C110724" s="14" t="s">
        <v>23</v>
      </c>
      <c r="D110724" s="14" t="s">
        <v>532</v>
      </c>
      <c r="E110724" s="15">
        <v>45505</v>
      </c>
      <c r="F110724" s="14" t="s">
        <v>15</v>
      </c>
      <c r="G110724" s="16">
        <v>2.2830852307100367</v>
      </c>
    </row>
    <row r="110725" spans="1:7" x14ac:dyDescent="0.3">
      <c r="A110725" s="13" t="s">
        <v>531</v>
      </c>
      <c r="B110725" s="14" t="s">
        <v>1</v>
      </c>
      <c r="C110725" s="14" t="s">
        <v>23</v>
      </c>
      <c r="D110725" s="14" t="s">
        <v>532</v>
      </c>
      <c r="E110725" s="15">
        <v>45506</v>
      </c>
      <c r="F110725" s="14" t="s">
        <v>15</v>
      </c>
      <c r="G110725" s="16">
        <v>2.2911322584598035</v>
      </c>
    </row>
    <row r="110726" spans="1:7" x14ac:dyDescent="0.3">
      <c r="A110726" s="13" t="s">
        <v>531</v>
      </c>
      <c r="B110726" s="14" t="s">
        <v>1</v>
      </c>
      <c r="C110726" s="14" t="s">
        <v>23</v>
      </c>
      <c r="D110726" s="14" t="s">
        <v>532</v>
      </c>
      <c r="E110726" s="15">
        <v>45507</v>
      </c>
      <c r="F110726" s="14" t="s">
        <v>15</v>
      </c>
      <c r="G110726" s="16">
        <v>2.2911322584598035</v>
      </c>
    </row>
    <row r="110727" spans="1:7" x14ac:dyDescent="0.3">
      <c r="A110727" s="13" t="s">
        <v>531</v>
      </c>
      <c r="B110727" s="14" t="s">
        <v>1</v>
      </c>
      <c r="C110727" s="14" t="s">
        <v>23</v>
      </c>
      <c r="D110727" s="14" t="s">
        <v>532</v>
      </c>
      <c r="E110727" s="15">
        <v>45508</v>
      </c>
      <c r="F110727" s="14" t="s">
        <v>15</v>
      </c>
      <c r="G110727" s="16">
        <v>2.2911322584598035</v>
      </c>
    </row>
    <row r="110728" spans="1:7" x14ac:dyDescent="0.3">
      <c r="A110728" s="13" t="s">
        <v>531</v>
      </c>
      <c r="B110728" s="14" t="s">
        <v>1</v>
      </c>
      <c r="C110728" s="14" t="s">
        <v>23</v>
      </c>
      <c r="D110728" s="14" t="s">
        <v>532</v>
      </c>
      <c r="E110728" s="15">
        <v>45509</v>
      </c>
      <c r="F110728" s="14" t="s">
        <v>15</v>
      </c>
      <c r="G110728" s="16">
        <v>2.2911322584598035</v>
      </c>
    </row>
    <row r="110729" spans="1:7" x14ac:dyDescent="0.3">
      <c r="A110729" s="13" t="s">
        <v>531</v>
      </c>
      <c r="B110729" s="14" t="s">
        <v>1</v>
      </c>
      <c r="C110729" s="14" t="s">
        <v>23</v>
      </c>
      <c r="D110729" s="14" t="s">
        <v>532</v>
      </c>
      <c r="E110729" s="15">
        <v>45510</v>
      </c>
      <c r="F110729" s="14" t="s">
        <v>15</v>
      </c>
      <c r="G110729" s="16">
        <v>2.3074892394493829</v>
      </c>
    </row>
    <row r="110730" spans="1:7" x14ac:dyDescent="0.3">
      <c r="A110730" s="13" t="s">
        <v>531</v>
      </c>
      <c r="B110730" s="14" t="s">
        <v>1</v>
      </c>
      <c r="C110730" s="14" t="s">
        <v>23</v>
      </c>
      <c r="D110730" s="14" t="s">
        <v>532</v>
      </c>
      <c r="E110730" s="15">
        <v>45511</v>
      </c>
      <c r="F110730" s="14" t="s">
        <v>15</v>
      </c>
      <c r="G110730" s="16">
        <v>2.3940978347787532</v>
      </c>
    </row>
    <row r="110731" spans="1:7" x14ac:dyDescent="0.3">
      <c r="A110731" s="13" t="s">
        <v>531</v>
      </c>
      <c r="B110731" s="14" t="s">
        <v>1</v>
      </c>
      <c r="C110731" s="14" t="s">
        <v>23</v>
      </c>
      <c r="D110731" s="14" t="s">
        <v>532</v>
      </c>
      <c r="E110731" s="15">
        <v>45512</v>
      </c>
      <c r="F110731" s="14" t="s">
        <v>15</v>
      </c>
      <c r="G110731" s="16">
        <v>2.4051335206207183</v>
      </c>
    </row>
    <row r="110732" spans="1:7" x14ac:dyDescent="0.3">
      <c r="A110732" s="13" t="s">
        <v>531</v>
      </c>
      <c r="B110732" s="14" t="s">
        <v>1</v>
      </c>
      <c r="C110732" s="14" t="s">
        <v>23</v>
      </c>
      <c r="D110732" s="14" t="s">
        <v>532</v>
      </c>
      <c r="E110732" s="15">
        <v>45513</v>
      </c>
      <c r="F110732" s="14" t="s">
        <v>15</v>
      </c>
      <c r="G110732" s="16">
        <v>2.4212759631860066</v>
      </c>
    </row>
    <row r="110733" spans="1:7" x14ac:dyDescent="0.3">
      <c r="A110733" s="13" t="s">
        <v>531</v>
      </c>
      <c r="B110733" s="14" t="s">
        <v>1</v>
      </c>
      <c r="C110733" s="14" t="s">
        <v>23</v>
      </c>
      <c r="D110733" s="14" t="s">
        <v>532</v>
      </c>
      <c r="E110733" s="15">
        <v>45514</v>
      </c>
      <c r="F110733" s="14" t="s">
        <v>15</v>
      </c>
      <c r="G110733" s="16">
        <v>2.4212759631860066</v>
      </c>
    </row>
    <row r="110734" spans="1:7" x14ac:dyDescent="0.3">
      <c r="A110734" s="13" t="s">
        <v>531</v>
      </c>
      <c r="B110734" s="14" t="s">
        <v>1</v>
      </c>
      <c r="C110734" s="14" t="s">
        <v>23</v>
      </c>
      <c r="D110734" s="14" t="s">
        <v>532</v>
      </c>
      <c r="E110734" s="15">
        <v>45515</v>
      </c>
      <c r="F110734" s="14" t="s">
        <v>15</v>
      </c>
      <c r="G110734" s="16">
        <v>2.4212759631860066</v>
      </c>
    </row>
    <row r="110735" spans="1:7" x14ac:dyDescent="0.3">
      <c r="A110735" s="13" t="s">
        <v>531</v>
      </c>
      <c r="B110735" s="14" t="s">
        <v>1</v>
      </c>
      <c r="C110735" s="14" t="s">
        <v>23</v>
      </c>
      <c r="D110735" s="14" t="s">
        <v>532</v>
      </c>
      <c r="E110735" s="15">
        <v>45516</v>
      </c>
      <c r="F110735" s="14" t="s">
        <v>15</v>
      </c>
      <c r="G110735" s="16">
        <v>2.4384011119043416</v>
      </c>
    </row>
    <row r="110736" spans="1:7" x14ac:dyDescent="0.3">
      <c r="A110736" s="13" t="s">
        <v>531</v>
      </c>
      <c r="B110736" s="14" t="s">
        <v>1</v>
      </c>
      <c r="C110736" s="14" t="s">
        <v>23</v>
      </c>
      <c r="D110736" s="14" t="s">
        <v>532</v>
      </c>
      <c r="E110736" s="15">
        <v>45517</v>
      </c>
      <c r="F110736" s="14" t="s">
        <v>15</v>
      </c>
      <c r="G110736" s="16">
        <v>2.4900803423310673</v>
      </c>
    </row>
    <row r="110737" spans="1:7" x14ac:dyDescent="0.3">
      <c r="A110737" s="13" t="s">
        <v>531</v>
      </c>
      <c r="B110737" s="14" t="s">
        <v>1</v>
      </c>
      <c r="C110737" s="14" t="s">
        <v>23</v>
      </c>
      <c r="D110737" s="14" t="s">
        <v>532</v>
      </c>
      <c r="E110737" s="15">
        <v>45518</v>
      </c>
      <c r="F110737" s="14" t="s">
        <v>15</v>
      </c>
      <c r="G110737" s="16">
        <v>2.5070899513279845</v>
      </c>
    </row>
    <row r="110738" spans="1:7" x14ac:dyDescent="0.3">
      <c r="A110738" s="13" t="s">
        <v>531</v>
      </c>
      <c r="B110738" s="14" t="s">
        <v>1</v>
      </c>
      <c r="C110738" s="14" t="s">
        <v>23</v>
      </c>
      <c r="D110738" s="14" t="s">
        <v>532</v>
      </c>
      <c r="E110738" s="15">
        <v>45519</v>
      </c>
      <c r="F110738" s="14" t="s">
        <v>15</v>
      </c>
      <c r="G110738" s="16">
        <v>2.5180981748378777</v>
      </c>
    </row>
    <row r="110739" spans="1:7" x14ac:dyDescent="0.3">
      <c r="A110739" s="13" t="s">
        <v>531</v>
      </c>
      <c r="B110739" s="14" t="s">
        <v>1</v>
      </c>
      <c r="C110739" s="14" t="s">
        <v>23</v>
      </c>
      <c r="D110739" s="14" t="s">
        <v>532</v>
      </c>
      <c r="E110739" s="15">
        <v>45520</v>
      </c>
      <c r="F110739" s="14" t="s">
        <v>15</v>
      </c>
      <c r="G110739" s="16">
        <v>2.5354433403092962</v>
      </c>
    </row>
    <row r="110740" spans="1:7" x14ac:dyDescent="0.3">
      <c r="A110740" s="13" t="s">
        <v>531</v>
      </c>
      <c r="B110740" s="14" t="s">
        <v>1</v>
      </c>
      <c r="C110740" s="14" t="s">
        <v>23</v>
      </c>
      <c r="D110740" s="14" t="s">
        <v>532</v>
      </c>
      <c r="E110740" s="15">
        <v>45521</v>
      </c>
      <c r="F110740" s="14" t="s">
        <v>15</v>
      </c>
      <c r="G110740" s="16">
        <v>2.5354433403092962</v>
      </c>
    </row>
    <row r="110741" spans="1:7" x14ac:dyDescent="0.3">
      <c r="A110741" s="13" t="s">
        <v>531</v>
      </c>
      <c r="B110741" s="14" t="s">
        <v>1</v>
      </c>
      <c r="C110741" s="14" t="s">
        <v>23</v>
      </c>
      <c r="D110741" s="14" t="s">
        <v>532</v>
      </c>
      <c r="E110741" s="15">
        <v>45522</v>
      </c>
      <c r="F110741" s="14" t="s">
        <v>15</v>
      </c>
      <c r="G110741" s="16">
        <v>2.5354433403092962</v>
      </c>
    </row>
    <row r="110742" spans="1:7" x14ac:dyDescent="0.3">
      <c r="A110742" s="13" t="s">
        <v>531</v>
      </c>
      <c r="B110742" s="14" t="s">
        <v>1</v>
      </c>
      <c r="C110742" s="14" t="s">
        <v>23</v>
      </c>
      <c r="D110742" s="14" t="s">
        <v>532</v>
      </c>
      <c r="E110742" s="15">
        <v>45523</v>
      </c>
      <c r="F110742" s="14" t="s">
        <v>15</v>
      </c>
      <c r="G110742" s="16">
        <v>2.5528143422861764</v>
      </c>
    </row>
    <row r="110743" spans="1:7" x14ac:dyDescent="0.3">
      <c r="A110743" s="13" t="s">
        <v>531</v>
      </c>
      <c r="B110743" s="14" t="s">
        <v>1</v>
      </c>
      <c r="C110743" s="14" t="s">
        <v>23</v>
      </c>
      <c r="D110743" s="14" t="s">
        <v>532</v>
      </c>
      <c r="E110743" s="15">
        <v>45524</v>
      </c>
      <c r="F110743" s="14" t="s">
        <v>15</v>
      </c>
      <c r="G110743" s="16">
        <v>2.6056549784167258</v>
      </c>
    </row>
    <row r="110744" spans="1:7" x14ac:dyDescent="0.3">
      <c r="A110744" s="13" t="s">
        <v>531</v>
      </c>
      <c r="B110744" s="14" t="s">
        <v>1</v>
      </c>
      <c r="C110744" s="14" t="s">
        <v>23</v>
      </c>
      <c r="D110744" s="14" t="s">
        <v>532</v>
      </c>
      <c r="E110744" s="15">
        <v>45525</v>
      </c>
      <c r="F110744" s="14" t="s">
        <v>15</v>
      </c>
      <c r="G110744" s="16">
        <v>2.617932371659383</v>
      </c>
    </row>
    <row r="110745" spans="1:7" x14ac:dyDescent="0.3">
      <c r="A110745" s="13" t="s">
        <v>531</v>
      </c>
      <c r="B110745" s="14" t="s">
        <v>1</v>
      </c>
      <c r="C110745" s="14" t="s">
        <v>23</v>
      </c>
      <c r="D110745" s="14" t="s">
        <v>532</v>
      </c>
      <c r="E110745" s="15">
        <v>45526</v>
      </c>
      <c r="F110745" s="14" t="s">
        <v>15</v>
      </c>
      <c r="G110745" s="16">
        <v>2.6353119268979897</v>
      </c>
    </row>
    <row r="110746" spans="1:7" x14ac:dyDescent="0.3">
      <c r="A110746" s="13" t="s">
        <v>531</v>
      </c>
      <c r="B110746" s="14" t="s">
        <v>1</v>
      </c>
      <c r="C110746" s="14" t="s">
        <v>23</v>
      </c>
      <c r="D110746" s="14" t="s">
        <v>532</v>
      </c>
      <c r="E110746" s="15">
        <v>45527</v>
      </c>
      <c r="F110746" s="14" t="s">
        <v>15</v>
      </c>
      <c r="G110746" s="16">
        <v>2.652629488661109</v>
      </c>
    </row>
    <row r="110747" spans="1:7" x14ac:dyDescent="0.3">
      <c r="A110747" s="13" t="s">
        <v>531</v>
      </c>
      <c r="B110747" s="14" t="s">
        <v>1</v>
      </c>
      <c r="C110747" s="14" t="s">
        <v>23</v>
      </c>
      <c r="D110747" s="14" t="s">
        <v>532</v>
      </c>
      <c r="E110747" s="15">
        <v>45528</v>
      </c>
      <c r="F110747" s="14" t="s">
        <v>15</v>
      </c>
      <c r="G110747" s="16">
        <v>2.652629488661109</v>
      </c>
    </row>
    <row r="110748" spans="1:7" x14ac:dyDescent="0.3">
      <c r="A110748" s="13" t="s">
        <v>531</v>
      </c>
      <c r="B110748" s="14" t="s">
        <v>1</v>
      </c>
      <c r="C110748" s="14" t="s">
        <v>23</v>
      </c>
      <c r="D110748" s="14" t="s">
        <v>532</v>
      </c>
      <c r="E110748" s="15">
        <v>45529</v>
      </c>
      <c r="F110748" s="14" t="s">
        <v>15</v>
      </c>
      <c r="G110748" s="16">
        <v>2.652629488661109</v>
      </c>
    </row>
    <row r="110749" spans="1:7" x14ac:dyDescent="0.3">
      <c r="A110749" s="13" t="s">
        <v>531</v>
      </c>
      <c r="B110749" s="14" t="s">
        <v>1</v>
      </c>
      <c r="C110749" s="14" t="s">
        <v>23</v>
      </c>
      <c r="D110749" s="14" t="s">
        <v>532</v>
      </c>
      <c r="E110749" s="15">
        <v>45530</v>
      </c>
      <c r="F110749" s="14" t="s">
        <v>15</v>
      </c>
      <c r="G110749" s="16">
        <v>2.6704052154314919</v>
      </c>
    </row>
    <row r="110750" spans="1:7" x14ac:dyDescent="0.3">
      <c r="A110750" s="13" t="s">
        <v>531</v>
      </c>
      <c r="B110750" s="14" t="s">
        <v>1</v>
      </c>
      <c r="C110750" s="14" t="s">
        <v>23</v>
      </c>
      <c r="D110750" s="14" t="s">
        <v>532</v>
      </c>
      <c r="E110750" s="15">
        <v>45531</v>
      </c>
      <c r="F110750" s="14" t="s">
        <v>15</v>
      </c>
      <c r="G110750" s="16">
        <v>2.7226536265476384</v>
      </c>
    </row>
    <row r="110751" spans="1:7" x14ac:dyDescent="0.3">
      <c r="A110751" s="13" t="s">
        <v>531</v>
      </c>
      <c r="B110751" s="14" t="s">
        <v>1</v>
      </c>
      <c r="C110751" s="14" t="s">
        <v>23</v>
      </c>
      <c r="D110751" s="14" t="s">
        <v>532</v>
      </c>
      <c r="E110751" s="15">
        <v>45532</v>
      </c>
      <c r="F110751" s="14" t="s">
        <v>15</v>
      </c>
      <c r="G110751" s="16">
        <v>2.7407191038950129</v>
      </c>
    </row>
    <row r="110752" spans="1:7" x14ac:dyDescent="0.3">
      <c r="A110752" s="13" t="s">
        <v>531</v>
      </c>
      <c r="B110752" s="14" t="s">
        <v>1</v>
      </c>
      <c r="C110752" s="14" t="s">
        <v>23</v>
      </c>
      <c r="D110752" s="14" t="s">
        <v>532</v>
      </c>
      <c r="E110752" s="15">
        <v>45533</v>
      </c>
      <c r="F110752" s="14" t="s">
        <v>15</v>
      </c>
      <c r="G110752" s="16">
        <v>2.7576735408193898</v>
      </c>
    </row>
    <row r="110753" spans="1:7" x14ac:dyDescent="0.3">
      <c r="A110753" s="13" t="s">
        <v>531</v>
      </c>
      <c r="B110753" s="14" t="s">
        <v>1</v>
      </c>
      <c r="C110753" s="14" t="s">
        <v>23</v>
      </c>
      <c r="D110753" s="14" t="s">
        <v>532</v>
      </c>
      <c r="E110753" s="15">
        <v>45534</v>
      </c>
      <c r="F110753" s="14" t="s">
        <v>15</v>
      </c>
      <c r="G110753" s="16">
        <v>2.7750012109827313</v>
      </c>
    </row>
    <row r="110754" spans="1:7" x14ac:dyDescent="0.3">
      <c r="A110754" s="13" t="s">
        <v>531</v>
      </c>
      <c r="B110754" s="14" t="s">
        <v>1</v>
      </c>
      <c r="C110754" s="14" t="s">
        <v>23</v>
      </c>
      <c r="D110754" s="14" t="s">
        <v>532</v>
      </c>
      <c r="E110754" s="15">
        <v>45535</v>
      </c>
      <c r="F110754" s="14" t="s">
        <v>15</v>
      </c>
      <c r="G110754" s="16">
        <v>2.7750012109827313</v>
      </c>
    </row>
    <row r="110755" spans="1:7" x14ac:dyDescent="0.3">
      <c r="A110755" s="13" t="s">
        <v>531</v>
      </c>
      <c r="B110755" s="14" t="s">
        <v>1</v>
      </c>
      <c r="C110755" s="14" t="s">
        <v>23</v>
      </c>
      <c r="D110755" s="14" t="s">
        <v>532</v>
      </c>
      <c r="E110755" s="15">
        <v>45536</v>
      </c>
      <c r="F110755" s="14" t="s">
        <v>15</v>
      </c>
      <c r="G110755" s="16">
        <v>2.7750012109827313</v>
      </c>
    </row>
    <row r="110756" spans="1:7" x14ac:dyDescent="0.3">
      <c r="A110756" s="13" t="s">
        <v>531</v>
      </c>
      <c r="B110756" s="14" t="s">
        <v>1</v>
      </c>
      <c r="C110756" s="14" t="s">
        <v>23</v>
      </c>
      <c r="D110756" s="14" t="s">
        <v>532</v>
      </c>
      <c r="E110756" s="15">
        <v>45537</v>
      </c>
      <c r="F110756" s="14" t="s">
        <v>15</v>
      </c>
      <c r="G110756" s="16">
        <v>2.7750012109827313</v>
      </c>
    </row>
    <row r="110757" spans="1:7" x14ac:dyDescent="0.3">
      <c r="A110757" s="13" t="s">
        <v>531</v>
      </c>
      <c r="B110757" s="14" t="s">
        <v>1</v>
      </c>
      <c r="C110757" s="14" t="s">
        <v>23</v>
      </c>
      <c r="D110757" s="14" t="s">
        <v>532</v>
      </c>
      <c r="E110757" s="15">
        <v>45538</v>
      </c>
      <c r="F110757" s="14" t="s">
        <v>15</v>
      </c>
      <c r="G110757" s="16">
        <v>2.7925776679613259</v>
      </c>
    </row>
    <row r="110758" spans="1:7" x14ac:dyDescent="0.3">
      <c r="A110758" s="13" t="s">
        <v>531</v>
      </c>
      <c r="B110758" s="14" t="s">
        <v>1</v>
      </c>
      <c r="C110758" s="14" t="s">
        <v>23</v>
      </c>
      <c r="D110758" s="14" t="s">
        <v>532</v>
      </c>
      <c r="E110758" s="15">
        <v>45539</v>
      </c>
      <c r="F110758" s="14" t="s">
        <v>15</v>
      </c>
      <c r="G110758" s="16">
        <v>2.8519684767475924</v>
      </c>
    </row>
    <row r="110759" spans="1:7" x14ac:dyDescent="0.3">
      <c r="A110759" s="13" t="s">
        <v>531</v>
      </c>
      <c r="B110759" s="14" t="s">
        <v>1</v>
      </c>
      <c r="C110759" s="14" t="s">
        <v>23</v>
      </c>
      <c r="D110759" s="14" t="s">
        <v>532</v>
      </c>
      <c r="E110759" s="15">
        <v>45540</v>
      </c>
      <c r="F110759" s="14" t="s">
        <v>15</v>
      </c>
      <c r="G110759" s="16">
        <v>2.869559424789442</v>
      </c>
    </row>
    <row r="110760" spans="1:7" x14ac:dyDescent="0.3">
      <c r="A110760" s="13" t="s">
        <v>531</v>
      </c>
      <c r="B110760" s="14" t="s">
        <v>1</v>
      </c>
      <c r="C110760" s="14" t="s">
        <v>23</v>
      </c>
      <c r="D110760" s="14" t="s">
        <v>532</v>
      </c>
      <c r="E110760" s="15">
        <v>45541</v>
      </c>
      <c r="F110760" s="14" t="s">
        <v>15</v>
      </c>
      <c r="G110760" s="16">
        <v>2.8876732174623529</v>
      </c>
    </row>
    <row r="110761" spans="1:7" x14ac:dyDescent="0.3">
      <c r="A110761" s="13" t="s">
        <v>531</v>
      </c>
      <c r="B110761" s="14" t="s">
        <v>1</v>
      </c>
      <c r="C110761" s="14" t="s">
        <v>23</v>
      </c>
      <c r="D110761" s="14" t="s">
        <v>532</v>
      </c>
      <c r="E110761" s="15">
        <v>45542</v>
      </c>
      <c r="F110761" s="14" t="s">
        <v>15</v>
      </c>
      <c r="G110761" s="16">
        <v>2.8876732174623529</v>
      </c>
    </row>
    <row r="110762" spans="1:7" x14ac:dyDescent="0.3">
      <c r="A110762" s="13" t="s">
        <v>531</v>
      </c>
      <c r="B110762" s="14" t="s">
        <v>1</v>
      </c>
      <c r="C110762" s="14" t="s">
        <v>23</v>
      </c>
      <c r="D110762" s="14" t="s">
        <v>532</v>
      </c>
      <c r="E110762" s="15">
        <v>45543</v>
      </c>
      <c r="F110762" s="14" t="s">
        <v>15</v>
      </c>
      <c r="G110762" s="16">
        <v>2.8876732174623529</v>
      </c>
    </row>
    <row r="110763" spans="1:7" x14ac:dyDescent="0.3">
      <c r="A110763" s="13" t="s">
        <v>531</v>
      </c>
      <c r="B110763" s="14" t="s">
        <v>1</v>
      </c>
      <c r="C110763" s="14" t="s">
        <v>23</v>
      </c>
      <c r="D110763" s="14" t="s">
        <v>532</v>
      </c>
      <c r="E110763" s="15">
        <v>45544</v>
      </c>
      <c r="F110763" s="14" t="s">
        <v>15</v>
      </c>
      <c r="G110763" s="16">
        <v>2.9368850792894454</v>
      </c>
    </row>
    <row r="110764" spans="1:7" x14ac:dyDescent="0.3">
      <c r="A110764" s="13" t="s">
        <v>531</v>
      </c>
      <c r="B110764" s="14" t="s">
        <v>1</v>
      </c>
      <c r="C110764" s="14" t="s">
        <v>23</v>
      </c>
      <c r="D110764" s="14" t="s">
        <v>532</v>
      </c>
      <c r="E110764" s="15">
        <v>45545</v>
      </c>
      <c r="F110764" s="14" t="s">
        <v>15</v>
      </c>
      <c r="G110764" s="16">
        <v>2.9853664854963027</v>
      </c>
    </row>
    <row r="110765" spans="1:7" x14ac:dyDescent="0.3">
      <c r="A110765" s="13" t="s">
        <v>531</v>
      </c>
      <c r="B110765" s="14" t="s">
        <v>1</v>
      </c>
      <c r="C110765" s="14" t="s">
        <v>23</v>
      </c>
      <c r="D110765" s="14" t="s">
        <v>532</v>
      </c>
      <c r="E110765" s="15">
        <v>45546</v>
      </c>
      <c r="F110765" s="14" t="s">
        <v>15</v>
      </c>
      <c r="G110765" s="16">
        <v>3.0010239369152774</v>
      </c>
    </row>
    <row r="110766" spans="1:7" x14ac:dyDescent="0.3">
      <c r="A110766" s="13" t="s">
        <v>531</v>
      </c>
      <c r="B110766" s="14" t="s">
        <v>1</v>
      </c>
      <c r="C110766" s="14" t="s">
        <v>23</v>
      </c>
      <c r="D110766" s="14" t="s">
        <v>532</v>
      </c>
      <c r="E110766" s="15">
        <v>45547</v>
      </c>
      <c r="F110766" s="14" t="s">
        <v>15</v>
      </c>
      <c r="G110766" s="16">
        <v>3.018713070746696</v>
      </c>
    </row>
    <row r="110767" spans="1:7" x14ac:dyDescent="0.3">
      <c r="A110767" s="13" t="s">
        <v>531</v>
      </c>
      <c r="B110767" s="14" t="s">
        <v>1</v>
      </c>
      <c r="C110767" s="14" t="s">
        <v>23</v>
      </c>
      <c r="D110767" s="14" t="s">
        <v>532</v>
      </c>
      <c r="E110767" s="15">
        <v>45548</v>
      </c>
      <c r="F110767" s="14" t="s">
        <v>15</v>
      </c>
      <c r="G110767" s="16">
        <v>3.0363293604772141</v>
      </c>
    </row>
    <row r="110768" spans="1:7" x14ac:dyDescent="0.3">
      <c r="A110768" s="13" t="s">
        <v>531</v>
      </c>
      <c r="B110768" s="14" t="s">
        <v>1</v>
      </c>
      <c r="C110768" s="14" t="s">
        <v>23</v>
      </c>
      <c r="D110768" s="14" t="s">
        <v>532</v>
      </c>
      <c r="E110768" s="15">
        <v>45549</v>
      </c>
      <c r="F110768" s="14" t="s">
        <v>15</v>
      </c>
      <c r="G110768" s="16">
        <v>3.0363293604772141</v>
      </c>
    </row>
    <row r="110769" spans="1:7" x14ac:dyDescent="0.3">
      <c r="A110769" s="13" t="s">
        <v>531</v>
      </c>
      <c r="B110769" s="14" t="s">
        <v>1</v>
      </c>
      <c r="C110769" s="14" t="s">
        <v>23</v>
      </c>
      <c r="D110769" s="14" t="s">
        <v>532</v>
      </c>
      <c r="E110769" s="15">
        <v>45550</v>
      </c>
      <c r="F110769" s="14" t="s">
        <v>15</v>
      </c>
      <c r="G110769" s="16">
        <v>3.0363293604772141</v>
      </c>
    </row>
    <row r="110770" spans="1:7" x14ac:dyDescent="0.3">
      <c r="A110770" s="13" t="s">
        <v>531</v>
      </c>
      <c r="B110770" s="14" t="s">
        <v>1</v>
      </c>
      <c r="C110770" s="14" t="s">
        <v>23</v>
      </c>
      <c r="D110770" s="14" t="s">
        <v>532</v>
      </c>
      <c r="E110770" s="15">
        <v>45551</v>
      </c>
      <c r="F110770" s="14" t="s">
        <v>15</v>
      </c>
      <c r="G110770" s="16">
        <v>3.0541034260769311</v>
      </c>
    </row>
    <row r="110771" spans="1:7" x14ac:dyDescent="0.3">
      <c r="A110771" s="13" t="s">
        <v>531</v>
      </c>
      <c r="B110771" s="14" t="s">
        <v>1</v>
      </c>
      <c r="C110771" s="14" t="s">
        <v>23</v>
      </c>
      <c r="D110771" s="14" t="s">
        <v>532</v>
      </c>
      <c r="E110771" s="15">
        <v>45552</v>
      </c>
      <c r="F110771" s="14" t="s">
        <v>15</v>
      </c>
      <c r="G110771" s="16">
        <v>3.108512808165004</v>
      </c>
    </row>
    <row r="110772" spans="1:7" x14ac:dyDescent="0.3">
      <c r="A110772" s="13" t="s">
        <v>531</v>
      </c>
      <c r="B110772" s="14" t="s">
        <v>1</v>
      </c>
      <c r="C110772" s="14" t="s">
        <v>23</v>
      </c>
      <c r="D110772" s="14" t="s">
        <v>532</v>
      </c>
      <c r="E110772" s="15">
        <v>45553</v>
      </c>
      <c r="F110772" s="14" t="s">
        <v>15</v>
      </c>
      <c r="G110772" s="16">
        <v>3.1266612733575574</v>
      </c>
    </row>
    <row r="110773" spans="1:7" x14ac:dyDescent="0.3">
      <c r="A110773" s="13" t="s">
        <v>531</v>
      </c>
      <c r="B110773" s="14" t="s">
        <v>1</v>
      </c>
      <c r="C110773" s="14" t="s">
        <v>23</v>
      </c>
      <c r="D110773" s="14" t="s">
        <v>532</v>
      </c>
      <c r="E110773" s="15">
        <v>45554</v>
      </c>
      <c r="F110773" s="14" t="s">
        <v>15</v>
      </c>
      <c r="G110773" s="16">
        <v>3.1440899568350051</v>
      </c>
    </row>
    <row r="110774" spans="1:7" x14ac:dyDescent="0.3">
      <c r="A110774" s="13" t="s">
        <v>531</v>
      </c>
      <c r="B110774" s="14" t="s">
        <v>1</v>
      </c>
      <c r="C110774" s="14" t="s">
        <v>23</v>
      </c>
      <c r="D110774" s="14" t="s">
        <v>532</v>
      </c>
      <c r="E110774" s="15">
        <v>45555</v>
      </c>
      <c r="F110774" s="14" t="s">
        <v>15</v>
      </c>
      <c r="G110774" s="16">
        <v>3.1626415916825654</v>
      </c>
    </row>
    <row r="110775" spans="1:7" x14ac:dyDescent="0.3">
      <c r="A110775" s="13" t="s">
        <v>531</v>
      </c>
      <c r="B110775" s="14" t="s">
        <v>1</v>
      </c>
      <c r="C110775" s="14" t="s">
        <v>23</v>
      </c>
      <c r="D110775" s="14" t="s">
        <v>532</v>
      </c>
      <c r="E110775" s="15">
        <v>45556</v>
      </c>
      <c r="F110775" s="14" t="s">
        <v>15</v>
      </c>
      <c r="G110775" s="16">
        <v>3.1626415916825654</v>
      </c>
    </row>
    <row r="110776" spans="1:7" x14ac:dyDescent="0.3">
      <c r="A110776" s="13" t="s">
        <v>531</v>
      </c>
      <c r="B110776" s="14" t="s">
        <v>1</v>
      </c>
      <c r="C110776" s="14" t="s">
        <v>23</v>
      </c>
      <c r="D110776" s="14" t="s">
        <v>532</v>
      </c>
      <c r="E110776" s="15">
        <v>45557</v>
      </c>
      <c r="F110776" s="14" t="s">
        <v>15</v>
      </c>
      <c r="G110776" s="16">
        <v>3.1626415916825654</v>
      </c>
    </row>
    <row r="110777" spans="1:7" x14ac:dyDescent="0.3">
      <c r="A110777" s="13" t="s">
        <v>531</v>
      </c>
      <c r="B110777" s="14" t="s">
        <v>1</v>
      </c>
      <c r="C110777" s="14" t="s">
        <v>23</v>
      </c>
      <c r="D110777" s="14" t="s">
        <v>532</v>
      </c>
      <c r="E110777" s="15">
        <v>45558</v>
      </c>
      <c r="F110777" s="14" t="s">
        <v>15</v>
      </c>
      <c r="G110777" s="16">
        <v>3.1811567514635901</v>
      </c>
    </row>
    <row r="110778" spans="1:7" x14ac:dyDescent="0.3">
      <c r="A110778" s="13" t="s">
        <v>531</v>
      </c>
      <c r="B110778" s="14" t="s">
        <v>1</v>
      </c>
      <c r="C110778" s="14" t="s">
        <v>23</v>
      </c>
      <c r="D110778" s="14" t="s">
        <v>532</v>
      </c>
      <c r="E110778" s="15">
        <v>45559</v>
      </c>
      <c r="F110778" s="14" t="s">
        <v>15</v>
      </c>
      <c r="G110778" s="16">
        <v>3.2503422466243692</v>
      </c>
    </row>
    <row r="110779" spans="1:7" x14ac:dyDescent="0.3">
      <c r="A110779" s="13" t="s">
        <v>531</v>
      </c>
      <c r="B110779" s="14" t="s">
        <v>1</v>
      </c>
      <c r="C110779" s="14" t="s">
        <v>23</v>
      </c>
      <c r="D110779" s="14" t="s">
        <v>532</v>
      </c>
      <c r="E110779" s="15">
        <v>45560</v>
      </c>
      <c r="F110779" s="14" t="s">
        <v>15</v>
      </c>
      <c r="G110779" s="16">
        <v>3.2690718387975153</v>
      </c>
    </row>
    <row r="110780" spans="1:7" x14ac:dyDescent="0.3">
      <c r="A110780" s="13" t="s">
        <v>531</v>
      </c>
      <c r="B110780" s="14" t="s">
        <v>1</v>
      </c>
      <c r="C110780" s="14" t="s">
        <v>23</v>
      </c>
      <c r="D110780" s="14" t="s">
        <v>532</v>
      </c>
      <c r="E110780" s="15">
        <v>45561</v>
      </c>
      <c r="F110780" s="14" t="s">
        <v>15</v>
      </c>
      <c r="G110780" s="16">
        <v>3.2877527268605005</v>
      </c>
    </row>
    <row r="110781" spans="1:7" x14ac:dyDescent="0.3">
      <c r="A110781" s="13" t="s">
        <v>531</v>
      </c>
      <c r="B110781" s="14" t="s">
        <v>1</v>
      </c>
      <c r="C110781" s="14" t="s">
        <v>23</v>
      </c>
      <c r="D110781" s="14" t="s">
        <v>532</v>
      </c>
      <c r="E110781" s="15">
        <v>45562</v>
      </c>
      <c r="F110781" s="14" t="s">
        <v>15</v>
      </c>
      <c r="G110781" s="16">
        <v>3.3095186562583603</v>
      </c>
    </row>
    <row r="110782" spans="1:7" x14ac:dyDescent="0.3">
      <c r="A110782" s="13" t="s">
        <v>531</v>
      </c>
      <c r="B110782" s="14" t="s">
        <v>1</v>
      </c>
      <c r="C110782" s="14" t="s">
        <v>23</v>
      </c>
      <c r="D110782" s="14" t="s">
        <v>532</v>
      </c>
      <c r="E110782" s="15">
        <v>45563</v>
      </c>
      <c r="F110782" s="14" t="s">
        <v>15</v>
      </c>
      <c r="G110782" s="16">
        <v>3.3095186562583603</v>
      </c>
    </row>
    <row r="110783" spans="1:7" x14ac:dyDescent="0.3">
      <c r="A110783" s="13" t="s">
        <v>531</v>
      </c>
      <c r="B110783" s="14" t="s">
        <v>1</v>
      </c>
      <c r="C110783" s="14" t="s">
        <v>23</v>
      </c>
      <c r="D110783" s="14" t="s">
        <v>532</v>
      </c>
      <c r="E110783" s="15">
        <v>45564</v>
      </c>
      <c r="F110783" s="14" t="s">
        <v>15</v>
      </c>
      <c r="G110783" s="16">
        <v>3.3095186562583603</v>
      </c>
    </row>
    <row r="110784" spans="1:7" x14ac:dyDescent="0.3">
      <c r="A110784" s="13" t="s">
        <v>531</v>
      </c>
      <c r="B110784" s="14" t="s">
        <v>1</v>
      </c>
      <c r="C110784" s="14" t="s">
        <v>23</v>
      </c>
      <c r="D110784" s="14" t="s">
        <v>532</v>
      </c>
      <c r="E110784" s="15">
        <v>45565</v>
      </c>
      <c r="F110784" s="14" t="s">
        <v>15</v>
      </c>
      <c r="G110784" s="16">
        <v>3.3281375155018025</v>
      </c>
    </row>
    <row r="110785" spans="1:7" x14ac:dyDescent="0.3">
      <c r="A110785" s="13" t="s">
        <v>531</v>
      </c>
      <c r="B110785" s="14" t="s">
        <v>1</v>
      </c>
      <c r="C110785" s="14" t="s">
        <v>23</v>
      </c>
      <c r="D110785" s="14" t="s">
        <v>532</v>
      </c>
      <c r="E110785" s="15">
        <v>45566</v>
      </c>
      <c r="F110785" s="14" t="s">
        <v>15</v>
      </c>
      <c r="G110785" s="16">
        <v>3.3838324669649569</v>
      </c>
    </row>
    <row r="110786" spans="1:7" x14ac:dyDescent="0.3">
      <c r="A110786" s="13" t="s">
        <v>531</v>
      </c>
      <c r="B110786" s="14" t="s">
        <v>1</v>
      </c>
      <c r="C110786" s="14" t="s">
        <v>23</v>
      </c>
      <c r="D110786" s="14" t="s">
        <v>532</v>
      </c>
      <c r="E110786" s="15">
        <v>45567</v>
      </c>
      <c r="F110786" s="14" t="s">
        <v>15</v>
      </c>
      <c r="G110786" s="16">
        <v>3.402175996006549</v>
      </c>
    </row>
    <row r="110787" spans="1:7" x14ac:dyDescent="0.3">
      <c r="A110787" s="13" t="s">
        <v>531</v>
      </c>
      <c r="B110787" s="14" t="s">
        <v>1</v>
      </c>
      <c r="C110787" s="14" t="s">
        <v>23</v>
      </c>
      <c r="D110787" s="14" t="s">
        <v>532</v>
      </c>
      <c r="E110787" s="15">
        <v>45568</v>
      </c>
      <c r="F110787" s="14" t="s">
        <v>15</v>
      </c>
      <c r="G110787" s="16">
        <v>3.410163751773196</v>
      </c>
    </row>
    <row r="110788" spans="1:7" x14ac:dyDescent="0.3">
      <c r="A110788" s="13" t="s">
        <v>531</v>
      </c>
      <c r="B110788" s="14" t="s">
        <v>1</v>
      </c>
      <c r="C110788" s="14" t="s">
        <v>23</v>
      </c>
      <c r="D110788" s="14" t="s">
        <v>532</v>
      </c>
      <c r="E110788" s="15">
        <v>45569</v>
      </c>
      <c r="F110788" s="14" t="s">
        <v>15</v>
      </c>
      <c r="G110788" s="16">
        <v>3.4291121590014964</v>
      </c>
    </row>
    <row r="110789" spans="1:7" x14ac:dyDescent="0.3">
      <c r="A110789" s="13" t="s">
        <v>531</v>
      </c>
      <c r="B110789" s="14" t="s">
        <v>1</v>
      </c>
      <c r="C110789" s="14" t="s">
        <v>23</v>
      </c>
      <c r="D110789" s="14" t="s">
        <v>532</v>
      </c>
      <c r="E110789" s="15">
        <v>45570</v>
      </c>
      <c r="F110789" s="14" t="s">
        <v>15</v>
      </c>
      <c r="G110789" s="16">
        <v>3.4291121590014964</v>
      </c>
    </row>
    <row r="110790" spans="1:7" x14ac:dyDescent="0.3">
      <c r="A110790" s="13" t="s">
        <v>531</v>
      </c>
      <c r="B110790" s="14" t="s">
        <v>1</v>
      </c>
      <c r="C110790" s="14" t="s">
        <v>23</v>
      </c>
      <c r="D110790" s="14" t="s">
        <v>532</v>
      </c>
      <c r="E110790" s="15">
        <v>45571</v>
      </c>
      <c r="F110790" s="14" t="s">
        <v>15</v>
      </c>
      <c r="G110790" s="16">
        <v>3.4291121590014964</v>
      </c>
    </row>
    <row r="110791" spans="1:7" x14ac:dyDescent="0.3">
      <c r="A110791" s="13" t="s">
        <v>531</v>
      </c>
      <c r="B110791" s="14" t="s">
        <v>1</v>
      </c>
      <c r="C110791" s="14" t="s">
        <v>23</v>
      </c>
      <c r="D110791" s="14" t="s">
        <v>532</v>
      </c>
      <c r="E110791" s="15">
        <v>45572</v>
      </c>
      <c r="F110791" s="14" t="s">
        <v>15</v>
      </c>
      <c r="G110791" s="16">
        <v>3.4743104911236764</v>
      </c>
    </row>
    <row r="110792" spans="1:7" x14ac:dyDescent="0.3">
      <c r="A110792" s="13" t="s">
        <v>531</v>
      </c>
      <c r="B110792" s="14" t="s">
        <v>1</v>
      </c>
      <c r="C110792" s="14" t="s">
        <v>23</v>
      </c>
      <c r="D110792" s="14" t="s">
        <v>532</v>
      </c>
      <c r="E110792" s="15">
        <v>45573</v>
      </c>
      <c r="F110792" s="14" t="s">
        <v>15</v>
      </c>
      <c r="G110792" s="16">
        <v>3.5339099712208184</v>
      </c>
    </row>
    <row r="110793" spans="1:7" x14ac:dyDescent="0.3">
      <c r="A110793" s="13" t="s">
        <v>531</v>
      </c>
      <c r="B110793" s="14" t="s">
        <v>1</v>
      </c>
      <c r="C110793" s="14" t="s">
        <v>23</v>
      </c>
      <c r="D110793" s="14" t="s">
        <v>532</v>
      </c>
      <c r="E110793" s="15">
        <v>45574</v>
      </c>
      <c r="F110793" s="14" t="s">
        <v>15</v>
      </c>
      <c r="G110793" s="16">
        <v>3.5530197947561599</v>
      </c>
    </row>
    <row r="110794" spans="1:7" x14ac:dyDescent="0.3">
      <c r="A110794" s="13" t="s">
        <v>531</v>
      </c>
      <c r="B110794" s="14" t="s">
        <v>1</v>
      </c>
      <c r="C110794" s="14" t="s">
        <v>23</v>
      </c>
      <c r="D110794" s="14" t="s">
        <v>532</v>
      </c>
      <c r="E110794" s="15">
        <v>45575</v>
      </c>
      <c r="F110794" s="14" t="s">
        <v>15</v>
      </c>
      <c r="G110794" s="16">
        <v>3.5721179547527835</v>
      </c>
    </row>
    <row r="110795" spans="1:7" x14ac:dyDescent="0.3">
      <c r="A110795" s="13" t="s">
        <v>531</v>
      </c>
      <c r="B110795" s="14" t="s">
        <v>1</v>
      </c>
      <c r="C110795" s="14" t="s">
        <v>23</v>
      </c>
      <c r="D110795" s="14" t="s">
        <v>532</v>
      </c>
      <c r="E110795" s="15">
        <v>45576</v>
      </c>
      <c r="F110795" s="14" t="s">
        <v>15</v>
      </c>
      <c r="G110795" s="16">
        <v>3.5910515881653748</v>
      </c>
    </row>
    <row r="110796" spans="1:7" x14ac:dyDescent="0.3">
      <c r="A110796" s="13" t="s">
        <v>531</v>
      </c>
      <c r="B110796" s="14" t="s">
        <v>1</v>
      </c>
      <c r="C110796" s="14" t="s">
        <v>23</v>
      </c>
      <c r="D110796" s="14" t="s">
        <v>532</v>
      </c>
      <c r="E110796" s="15">
        <v>45577</v>
      </c>
      <c r="F110796" s="14" t="s">
        <v>15</v>
      </c>
      <c r="G110796" s="16">
        <v>3.5910515881653748</v>
      </c>
    </row>
    <row r="110797" spans="1:7" x14ac:dyDescent="0.3">
      <c r="A110797" s="13" t="s">
        <v>531</v>
      </c>
      <c r="B110797" s="14" t="s">
        <v>1</v>
      </c>
      <c r="C110797" s="14" t="s">
        <v>23</v>
      </c>
      <c r="D110797" s="14" t="s">
        <v>532</v>
      </c>
      <c r="E110797" s="15">
        <v>45578</v>
      </c>
      <c r="F110797" s="14" t="s">
        <v>15</v>
      </c>
      <c r="G110797" s="16">
        <v>3.5910515881653748</v>
      </c>
    </row>
    <row r="110798" spans="1:7" x14ac:dyDescent="0.3">
      <c r="A110798" s="13" t="s">
        <v>531</v>
      </c>
      <c r="B110798" s="14" t="s">
        <v>1</v>
      </c>
      <c r="C110798" s="14" t="s">
        <v>23</v>
      </c>
      <c r="D110798" s="14" t="s">
        <v>532</v>
      </c>
      <c r="E110798" s="15">
        <v>45579</v>
      </c>
      <c r="F110798" s="14" t="s">
        <v>15</v>
      </c>
      <c r="G110798" s="16">
        <v>3.5910515881653748</v>
      </c>
    </row>
    <row r="110799" spans="1:7" x14ac:dyDescent="0.3">
      <c r="A110799" s="13" t="s">
        <v>531</v>
      </c>
      <c r="B110799" s="14" t="s">
        <v>1</v>
      </c>
      <c r="C110799" s="14" t="s">
        <v>23</v>
      </c>
      <c r="D110799" s="14" t="s">
        <v>532</v>
      </c>
      <c r="E110799" s="15">
        <v>45580</v>
      </c>
      <c r="F110799" s="14" t="s">
        <v>15</v>
      </c>
      <c r="G110799" s="16">
        <v>3.6100747480736386</v>
      </c>
    </row>
    <row r="110800" spans="1:7" x14ac:dyDescent="0.3">
      <c r="A110800" s="13" t="s">
        <v>531</v>
      </c>
      <c r="B110800" s="14" t="s">
        <v>1</v>
      </c>
      <c r="C110800" s="14" t="s">
        <v>23</v>
      </c>
      <c r="D110800" s="14" t="s">
        <v>532</v>
      </c>
      <c r="E110800" s="15">
        <v>45581</v>
      </c>
      <c r="F110800" s="14" t="s">
        <v>15</v>
      </c>
      <c r="G110800" s="16">
        <v>3.6860956424278664</v>
      </c>
    </row>
    <row r="110801" spans="1:7" x14ac:dyDescent="0.3">
      <c r="A110801" s="13" t="s">
        <v>531</v>
      </c>
      <c r="B110801" s="14" t="s">
        <v>1</v>
      </c>
      <c r="C110801" s="14" t="s">
        <v>23</v>
      </c>
      <c r="D110801" s="14" t="s">
        <v>532</v>
      </c>
      <c r="E110801" s="15">
        <v>45582</v>
      </c>
      <c r="F110801" s="14" t="s">
        <v>15</v>
      </c>
      <c r="G110801" s="16">
        <v>3.7048303948332939</v>
      </c>
    </row>
    <row r="110802" spans="1:7" x14ac:dyDescent="0.3">
      <c r="A110802" s="13" t="s">
        <v>531</v>
      </c>
      <c r="B110802" s="14" t="s">
        <v>1</v>
      </c>
      <c r="C110802" s="14" t="s">
        <v>23</v>
      </c>
      <c r="D110802" s="14" t="s">
        <v>532</v>
      </c>
      <c r="E110802" s="15">
        <v>45583</v>
      </c>
      <c r="F110802" s="14" t="s">
        <v>15</v>
      </c>
      <c r="G110802" s="16">
        <v>3.72363961716623</v>
      </c>
    </row>
    <row r="110803" spans="1:7" x14ac:dyDescent="0.3">
      <c r="A110803" s="13" t="s">
        <v>531</v>
      </c>
      <c r="B110803" s="14" t="s">
        <v>1</v>
      </c>
      <c r="C110803" s="14" t="s">
        <v>23</v>
      </c>
      <c r="D110803" s="14" t="s">
        <v>532</v>
      </c>
      <c r="E110803" s="15">
        <v>45584</v>
      </c>
      <c r="F110803" s="14" t="s">
        <v>15</v>
      </c>
      <c r="G110803" s="16">
        <v>3.72363961716623</v>
      </c>
    </row>
    <row r="110804" spans="1:7" x14ac:dyDescent="0.3">
      <c r="A110804" s="13" t="s">
        <v>531</v>
      </c>
      <c r="B110804" s="14" t="s">
        <v>1</v>
      </c>
      <c r="C110804" s="14" t="s">
        <v>23</v>
      </c>
      <c r="D110804" s="14" t="s">
        <v>532</v>
      </c>
      <c r="E110804" s="15">
        <v>45585</v>
      </c>
      <c r="F110804" s="14" t="s">
        <v>15</v>
      </c>
      <c r="G110804" s="16">
        <v>3.72363961716623</v>
      </c>
    </row>
    <row r="110805" spans="1:7" x14ac:dyDescent="0.3">
      <c r="A110805" s="13" t="s">
        <v>531</v>
      </c>
      <c r="B110805" s="14" t="s">
        <v>1</v>
      </c>
      <c r="C110805" s="14" t="s">
        <v>23</v>
      </c>
      <c r="D110805" s="14" t="s">
        <v>532</v>
      </c>
      <c r="E110805" s="15">
        <v>45586</v>
      </c>
      <c r="F110805" s="14" t="s">
        <v>15</v>
      </c>
      <c r="G110805" s="16">
        <v>3.7413420050189186</v>
      </c>
    </row>
    <row r="110806" spans="1:7" x14ac:dyDescent="0.3">
      <c r="A110806" s="13" t="s">
        <v>531</v>
      </c>
      <c r="B110806" s="14" t="s">
        <v>1</v>
      </c>
      <c r="C110806" s="14" t="s">
        <v>23</v>
      </c>
      <c r="D110806" s="14" t="s">
        <v>532</v>
      </c>
      <c r="E110806" s="15">
        <v>45587</v>
      </c>
      <c r="F110806" s="14" t="s">
        <v>15</v>
      </c>
      <c r="G110806" s="16">
        <v>3.7977267310930234</v>
      </c>
    </row>
    <row r="110807" spans="1:7" x14ac:dyDescent="0.3">
      <c r="A110807" s="13" t="s">
        <v>531</v>
      </c>
      <c r="B110807" s="14" t="s">
        <v>1</v>
      </c>
      <c r="C110807" s="14" t="s">
        <v>23</v>
      </c>
      <c r="D110807" s="14" t="s">
        <v>532</v>
      </c>
      <c r="E110807" s="15">
        <v>45588</v>
      </c>
      <c r="F110807" s="14" t="s">
        <v>15</v>
      </c>
      <c r="G110807" s="16">
        <v>3.81658228948432</v>
      </c>
    </row>
    <row r="110808" spans="1:7" x14ac:dyDescent="0.3">
      <c r="A110808" s="13" t="s">
        <v>531</v>
      </c>
      <c r="B110808" s="14" t="s">
        <v>1</v>
      </c>
      <c r="C110808" s="14" t="s">
        <v>23</v>
      </c>
      <c r="D110808" s="14" t="s">
        <v>532</v>
      </c>
      <c r="E110808" s="15">
        <v>45589</v>
      </c>
      <c r="F110808" s="14" t="s">
        <v>15</v>
      </c>
      <c r="G110808" s="16">
        <v>3.8350640491317445</v>
      </c>
    </row>
    <row r="110809" spans="1:7" x14ac:dyDescent="0.3">
      <c r="A110809" s="13" t="s">
        <v>531</v>
      </c>
      <c r="B110809" s="14" t="s">
        <v>1</v>
      </c>
      <c r="C110809" s="14" t="s">
        <v>23</v>
      </c>
      <c r="D110809" s="14" t="s">
        <v>532</v>
      </c>
      <c r="E110809" s="15">
        <v>45590</v>
      </c>
      <c r="F110809" s="14" t="s">
        <v>15</v>
      </c>
      <c r="G110809" s="16">
        <v>3.8536554460431147</v>
      </c>
    </row>
    <row r="110810" spans="1:7" x14ac:dyDescent="0.3">
      <c r="A110810" s="13" t="s">
        <v>531</v>
      </c>
      <c r="B110810" s="14" t="s">
        <v>1</v>
      </c>
      <c r="C110810" s="14" t="s">
        <v>23</v>
      </c>
      <c r="D110810" s="14" t="s">
        <v>532</v>
      </c>
      <c r="E110810" s="15">
        <v>45591</v>
      </c>
      <c r="F110810" s="14" t="s">
        <v>15</v>
      </c>
      <c r="G110810" s="16">
        <v>3.8536554460431147</v>
      </c>
    </row>
    <row r="110811" spans="1:7" x14ac:dyDescent="0.3">
      <c r="A110811" s="13" t="s">
        <v>531</v>
      </c>
      <c r="B110811" s="14" t="s">
        <v>1</v>
      </c>
      <c r="C110811" s="14" t="s">
        <v>23</v>
      </c>
      <c r="D110811" s="14" t="s">
        <v>532</v>
      </c>
      <c r="E110811" s="15">
        <v>45592</v>
      </c>
      <c r="F110811" s="14" t="s">
        <v>15</v>
      </c>
      <c r="G110811" s="16">
        <v>3.8536554460431147</v>
      </c>
    </row>
    <row r="110812" spans="1:7" x14ac:dyDescent="0.3">
      <c r="A110812" s="13" t="s">
        <v>531</v>
      </c>
      <c r="B110812" s="14" t="s">
        <v>1</v>
      </c>
      <c r="C110812" s="14" t="s">
        <v>23</v>
      </c>
      <c r="D110812" s="14" t="s">
        <v>532</v>
      </c>
      <c r="E110812" s="15">
        <v>45593</v>
      </c>
      <c r="F110812" s="14" t="s">
        <v>15</v>
      </c>
      <c r="G110812" s="16">
        <v>3.8536554460431147</v>
      </c>
    </row>
    <row r="110813" spans="1:7" x14ac:dyDescent="0.3">
      <c r="A110813" s="13" t="s">
        <v>531</v>
      </c>
      <c r="B110813" s="14" t="s">
        <v>1</v>
      </c>
      <c r="C110813" s="14" t="s">
        <v>23</v>
      </c>
      <c r="D110813" s="14" t="s">
        <v>532</v>
      </c>
      <c r="E110813" s="15">
        <v>45594</v>
      </c>
      <c r="F110813" s="14" t="s">
        <v>15</v>
      </c>
      <c r="G110813" s="16">
        <v>3.8755473416591255</v>
      </c>
    </row>
    <row r="110814" spans="1:7" x14ac:dyDescent="0.3">
      <c r="A110814" s="13" t="s">
        <v>531</v>
      </c>
      <c r="B110814" s="14" t="s">
        <v>1</v>
      </c>
      <c r="C110814" s="14" t="s">
        <v>23</v>
      </c>
      <c r="D110814" s="14" t="s">
        <v>532</v>
      </c>
      <c r="E110814" s="15">
        <v>45595</v>
      </c>
      <c r="F110814" s="14" t="s">
        <v>15</v>
      </c>
      <c r="G110814" s="16">
        <v>3.9484557323464076</v>
      </c>
    </row>
    <row r="110815" spans="1:7" x14ac:dyDescent="0.3">
      <c r="A110815" s="13" t="s">
        <v>531</v>
      </c>
      <c r="B110815" s="14" t="s">
        <v>1</v>
      </c>
      <c r="C110815" s="14" t="s">
        <v>23</v>
      </c>
      <c r="D110815" s="14" t="s">
        <v>532</v>
      </c>
      <c r="E110815" s="15">
        <v>45596</v>
      </c>
      <c r="F110815" s="14" t="s">
        <v>15</v>
      </c>
      <c r="G110815" s="16">
        <v>3.9528609898517661</v>
      </c>
    </row>
    <row r="110816" spans="1:7" x14ac:dyDescent="0.3">
      <c r="A110816" s="13" t="s">
        <v>531</v>
      </c>
      <c r="B110816" s="14" t="s">
        <v>1</v>
      </c>
      <c r="C110816" s="14" t="s">
        <v>23</v>
      </c>
      <c r="D110816" s="14" t="s">
        <v>532</v>
      </c>
      <c r="E110816" s="15">
        <v>45597</v>
      </c>
      <c r="F110816" s="14" t="s">
        <v>15</v>
      </c>
      <c r="G110816" s="16">
        <v>3.9705807743083907</v>
      </c>
    </row>
    <row r="110817" spans="1:7" x14ac:dyDescent="0.3">
      <c r="A110817" s="13" t="s">
        <v>531</v>
      </c>
      <c r="B110817" s="14" t="s">
        <v>1</v>
      </c>
      <c r="C110817" s="14" t="s">
        <v>23</v>
      </c>
      <c r="D110817" s="14" t="s">
        <v>532</v>
      </c>
      <c r="E110817" s="15">
        <v>45598</v>
      </c>
      <c r="F110817" s="14" t="s">
        <v>15</v>
      </c>
      <c r="G110817" s="16">
        <v>3.9705807743083907</v>
      </c>
    </row>
    <row r="110818" spans="1:7" x14ac:dyDescent="0.3">
      <c r="A110818" s="13" t="s">
        <v>531</v>
      </c>
      <c r="B110818" s="14" t="s">
        <v>1</v>
      </c>
      <c r="C110818" s="14" t="s">
        <v>23</v>
      </c>
      <c r="D110818" s="14" t="s">
        <v>532</v>
      </c>
      <c r="E110818" s="15">
        <v>45599</v>
      </c>
      <c r="F110818" s="14" t="s">
        <v>15</v>
      </c>
      <c r="G110818" s="16">
        <v>3.9705807743083907</v>
      </c>
    </row>
    <row r="110819" spans="1:7" x14ac:dyDescent="0.3">
      <c r="A110819" s="13" t="s">
        <v>531</v>
      </c>
      <c r="B110819" s="14" t="s">
        <v>1</v>
      </c>
      <c r="C110819" s="14" t="s">
        <v>23</v>
      </c>
      <c r="D110819" s="14" t="s">
        <v>532</v>
      </c>
      <c r="E110819" s="15">
        <v>45600</v>
      </c>
      <c r="F110819" s="14" t="s">
        <v>15</v>
      </c>
      <c r="G110819" s="16">
        <v>3.978943060713878</v>
      </c>
    </row>
    <row r="110820" spans="1:7" x14ac:dyDescent="0.3">
      <c r="A110820" s="13" t="s">
        <v>531</v>
      </c>
      <c r="B110820" s="14" t="s">
        <v>1</v>
      </c>
      <c r="C110820" s="14" t="s">
        <v>23</v>
      </c>
      <c r="D110820" s="14" t="s">
        <v>532</v>
      </c>
      <c r="E110820" s="15">
        <v>45601</v>
      </c>
      <c r="F110820" s="14" t="s">
        <v>15</v>
      </c>
      <c r="G110820" s="16">
        <v>4.0353713628597729</v>
      </c>
    </row>
    <row r="110821" spans="1:7" x14ac:dyDescent="0.3">
      <c r="A110821" s="13" t="s">
        <v>531</v>
      </c>
      <c r="B110821" s="14" t="s">
        <v>1</v>
      </c>
      <c r="C110821" s="14" t="s">
        <v>23</v>
      </c>
      <c r="D110821" s="14" t="s">
        <v>532</v>
      </c>
      <c r="E110821" s="15">
        <v>45602</v>
      </c>
      <c r="F110821" s="14" t="s">
        <v>15</v>
      </c>
      <c r="G110821" s="16">
        <v>4.0540330088990517</v>
      </c>
    </row>
    <row r="110822" spans="1:7" x14ac:dyDescent="0.3">
      <c r="A110822" s="13" t="s">
        <v>531</v>
      </c>
      <c r="B110822" s="14" t="s">
        <v>1</v>
      </c>
      <c r="C110822" s="14" t="s">
        <v>23</v>
      </c>
      <c r="D110822" s="14" t="s">
        <v>532</v>
      </c>
      <c r="E110822" s="15">
        <v>45603</v>
      </c>
      <c r="F110822" s="14" t="s">
        <v>15</v>
      </c>
      <c r="G110822" s="16">
        <v>4.0744711995236953</v>
      </c>
    </row>
    <row r="110823" spans="1:7" x14ac:dyDescent="0.3">
      <c r="A110823" s="13" t="s">
        <v>531</v>
      </c>
      <c r="B110823" s="14" t="s">
        <v>1</v>
      </c>
      <c r="C110823" s="14" t="s">
        <v>23</v>
      </c>
      <c r="D110823" s="14" t="s">
        <v>532</v>
      </c>
      <c r="E110823" s="15">
        <v>45604</v>
      </c>
      <c r="F110823" s="14" t="s">
        <v>15</v>
      </c>
      <c r="G110823" s="16">
        <v>4.0937819327118667</v>
      </c>
    </row>
    <row r="110824" spans="1:7" x14ac:dyDescent="0.3">
      <c r="A110824" s="13" t="s">
        <v>531</v>
      </c>
      <c r="B110824" s="14" t="s">
        <v>1</v>
      </c>
      <c r="C110824" s="14" t="s">
        <v>23</v>
      </c>
      <c r="D110824" s="14" t="s">
        <v>532</v>
      </c>
      <c r="E110824" s="15">
        <v>45605</v>
      </c>
      <c r="F110824" s="14" t="s">
        <v>15</v>
      </c>
      <c r="G110824" s="16">
        <v>4.0937819327118667</v>
      </c>
    </row>
    <row r="110825" spans="1:7" x14ac:dyDescent="0.3">
      <c r="A110825" s="13" t="s">
        <v>531</v>
      </c>
      <c r="B110825" s="14" t="s">
        <v>1</v>
      </c>
      <c r="C110825" s="14" t="s">
        <v>23</v>
      </c>
      <c r="D110825" s="14" t="s">
        <v>532</v>
      </c>
      <c r="E110825" s="15">
        <v>45606</v>
      </c>
      <c r="F110825" s="14" t="s">
        <v>15</v>
      </c>
      <c r="G110825" s="16">
        <v>4.0937819327118667</v>
      </c>
    </row>
    <row r="110826" spans="1:7" x14ac:dyDescent="0.3">
      <c r="A110826" s="13" t="s">
        <v>531</v>
      </c>
      <c r="B110826" s="14" t="s">
        <v>1</v>
      </c>
      <c r="C110826" s="14" t="s">
        <v>23</v>
      </c>
      <c r="D110826" s="14" t="s">
        <v>532</v>
      </c>
      <c r="E110826" s="15">
        <v>45607</v>
      </c>
      <c r="F110826" s="14" t="s">
        <v>15</v>
      </c>
      <c r="G110826" s="16">
        <v>4.0937819327118667</v>
      </c>
    </row>
    <row r="110827" spans="1:7" x14ac:dyDescent="0.3">
      <c r="A110827" s="13" t="s">
        <v>531</v>
      </c>
      <c r="B110827" s="14" t="s">
        <v>1</v>
      </c>
      <c r="C110827" s="14" t="s">
        <v>23</v>
      </c>
      <c r="D110827" s="14" t="s">
        <v>532</v>
      </c>
      <c r="E110827" s="15">
        <v>45608</v>
      </c>
      <c r="F110827" s="14" t="s">
        <v>15</v>
      </c>
      <c r="G110827" s="16">
        <v>4.1118227901645437</v>
      </c>
    </row>
    <row r="110828" spans="1:7" x14ac:dyDescent="0.3">
      <c r="A110828" s="13" t="s">
        <v>531</v>
      </c>
      <c r="B110828" s="14" t="s">
        <v>1</v>
      </c>
      <c r="C110828" s="14" t="s">
        <v>23</v>
      </c>
      <c r="D110828" s="14" t="s">
        <v>532</v>
      </c>
      <c r="E110828" s="15">
        <v>45609</v>
      </c>
      <c r="F110828" s="14" t="s">
        <v>15</v>
      </c>
      <c r="G110828" s="16">
        <v>4.2007087945668724</v>
      </c>
    </row>
    <row r="110829" spans="1:7" x14ac:dyDescent="0.3">
      <c r="A110829" s="13" t="s">
        <v>531</v>
      </c>
      <c r="B110829" s="14" t="s">
        <v>1</v>
      </c>
      <c r="C110829" s="14" t="s">
        <v>23</v>
      </c>
      <c r="D110829" s="14" t="s">
        <v>532</v>
      </c>
      <c r="E110829" s="15">
        <v>45610</v>
      </c>
      <c r="F110829" s="14" t="s">
        <v>15</v>
      </c>
      <c r="G110829" s="16">
        <v>4.2189148515867787</v>
      </c>
    </row>
    <row r="110830" spans="1:7" x14ac:dyDescent="0.3">
      <c r="A110830" s="13" t="s">
        <v>531</v>
      </c>
      <c r="B110830" s="14" t="s">
        <v>1</v>
      </c>
      <c r="C110830" s="14" t="s">
        <v>23</v>
      </c>
      <c r="D110830" s="14" t="s">
        <v>532</v>
      </c>
      <c r="E110830" s="15">
        <v>45611</v>
      </c>
      <c r="F110830" s="14" t="s">
        <v>15</v>
      </c>
      <c r="G110830" s="16">
        <v>4.2371448124374931</v>
      </c>
    </row>
    <row r="110831" spans="1:7" x14ac:dyDescent="0.3">
      <c r="A110831" s="13" t="s">
        <v>531</v>
      </c>
      <c r="B110831" s="14" t="s">
        <v>1</v>
      </c>
      <c r="C110831" s="14" t="s">
        <v>23</v>
      </c>
      <c r="D110831" s="14" t="s">
        <v>532</v>
      </c>
      <c r="E110831" s="15">
        <v>45612</v>
      </c>
      <c r="F110831" s="14" t="s">
        <v>15</v>
      </c>
      <c r="G110831" s="16">
        <v>4.2371448124374931</v>
      </c>
    </row>
    <row r="110832" spans="1:7" x14ac:dyDescent="0.3">
      <c r="A110832" s="13" t="s">
        <v>531</v>
      </c>
      <c r="B110832" s="14" t="s">
        <v>1</v>
      </c>
      <c r="C110832" s="14" t="s">
        <v>23</v>
      </c>
      <c r="D110832" s="14" t="s">
        <v>532</v>
      </c>
      <c r="E110832" s="15">
        <v>45613</v>
      </c>
      <c r="F110832" s="14" t="s">
        <v>15</v>
      </c>
      <c r="G110832" s="16">
        <v>4.2371448124374931</v>
      </c>
    </row>
    <row r="110833" spans="1:7" x14ac:dyDescent="0.3">
      <c r="A110833" s="13" t="s">
        <v>531</v>
      </c>
      <c r="B110833" s="14" t="s">
        <v>1</v>
      </c>
      <c r="C110833" s="14" t="s">
        <v>23</v>
      </c>
      <c r="D110833" s="14" t="s">
        <v>532</v>
      </c>
      <c r="E110833" s="15">
        <v>45614</v>
      </c>
      <c r="F110833" s="14" t="s">
        <v>15</v>
      </c>
      <c r="G110833" s="16">
        <v>4.2553878183666054</v>
      </c>
    </row>
    <row r="110834" spans="1:7" x14ac:dyDescent="0.3">
      <c r="A110834" s="13" t="s">
        <v>531</v>
      </c>
      <c r="B110834" s="14" t="s">
        <v>1</v>
      </c>
      <c r="C110834" s="14" t="s">
        <v>23</v>
      </c>
      <c r="D110834" s="14" t="s">
        <v>532</v>
      </c>
      <c r="E110834" s="15">
        <v>45615</v>
      </c>
      <c r="F110834" s="14" t="s">
        <v>15</v>
      </c>
      <c r="G110834" s="16">
        <v>4.3093948905705455</v>
      </c>
    </row>
    <row r="110835" spans="1:7" x14ac:dyDescent="0.3">
      <c r="A110835" s="13" t="s">
        <v>531</v>
      </c>
      <c r="B110835" s="14" t="s">
        <v>1</v>
      </c>
      <c r="C110835" s="14" t="s">
        <v>23</v>
      </c>
      <c r="D110835" s="14" t="s">
        <v>532</v>
      </c>
      <c r="E110835" s="15">
        <v>45616</v>
      </c>
      <c r="F110835" s="14" t="s">
        <v>15</v>
      </c>
      <c r="G110835" s="16">
        <v>4.3278797770315176</v>
      </c>
    </row>
    <row r="110836" spans="1:7" x14ac:dyDescent="0.3">
      <c r="A110836" s="13" t="s">
        <v>531</v>
      </c>
      <c r="B110836" s="14" t="s">
        <v>1</v>
      </c>
      <c r="C110836" s="14" t="s">
        <v>23</v>
      </c>
      <c r="D110836" s="14" t="s">
        <v>532</v>
      </c>
      <c r="E110836" s="15">
        <v>45617</v>
      </c>
      <c r="F110836" s="14" t="s">
        <v>15</v>
      </c>
      <c r="G110836" s="16">
        <v>4.3466949080330517</v>
      </c>
    </row>
    <row r="110837" spans="1:7" x14ac:dyDescent="0.3">
      <c r="A110837" s="13" t="s">
        <v>531</v>
      </c>
      <c r="B110837" s="14" t="s">
        <v>1</v>
      </c>
      <c r="C110837" s="14" t="s">
        <v>23</v>
      </c>
      <c r="D110837" s="14" t="s">
        <v>532</v>
      </c>
      <c r="E110837" s="15">
        <v>45618</v>
      </c>
      <c r="F110837" s="14" t="s">
        <v>15</v>
      </c>
      <c r="G110837" s="16">
        <v>4.3651250270280126</v>
      </c>
    </row>
    <row r="110838" spans="1:7" x14ac:dyDescent="0.3">
      <c r="A110838" s="13" t="s">
        <v>531</v>
      </c>
      <c r="B110838" s="14" t="s">
        <v>1</v>
      </c>
      <c r="C110838" s="14" t="s">
        <v>23</v>
      </c>
      <c r="D110838" s="14" t="s">
        <v>532</v>
      </c>
      <c r="E110838" s="15">
        <v>45619</v>
      </c>
      <c r="F110838" s="14" t="s">
        <v>15</v>
      </c>
      <c r="G110838" s="16">
        <v>4.3651250270280126</v>
      </c>
    </row>
    <row r="110839" spans="1:7" x14ac:dyDescent="0.3">
      <c r="A110839" s="13" t="s">
        <v>531</v>
      </c>
      <c r="B110839" s="14" t="s">
        <v>1</v>
      </c>
      <c r="C110839" s="14" t="s">
        <v>23</v>
      </c>
      <c r="D110839" s="14" t="s">
        <v>532</v>
      </c>
      <c r="E110839" s="15">
        <v>45620</v>
      </c>
      <c r="F110839" s="14" t="s">
        <v>15</v>
      </c>
      <c r="G110839" s="16">
        <v>4.3651250270280126</v>
      </c>
    </row>
    <row r="110840" spans="1:7" x14ac:dyDescent="0.3">
      <c r="A110840" s="13" t="s">
        <v>531</v>
      </c>
      <c r="B110840" s="14" t="s">
        <v>1</v>
      </c>
      <c r="C110840" s="14" t="s">
        <v>23</v>
      </c>
      <c r="D110840" s="14" t="s">
        <v>532</v>
      </c>
      <c r="E110840" s="15">
        <v>45621</v>
      </c>
      <c r="F110840" s="14" t="s">
        <v>15</v>
      </c>
      <c r="G110840" s="16">
        <v>4.3834688225851934</v>
      </c>
    </row>
    <row r="110841" spans="1:7" x14ac:dyDescent="0.3">
      <c r="A110841" s="13" t="s">
        <v>531</v>
      </c>
      <c r="B110841" s="14" t="s">
        <v>1</v>
      </c>
      <c r="C110841" s="14" t="s">
        <v>23</v>
      </c>
      <c r="D110841" s="14" t="s">
        <v>532</v>
      </c>
      <c r="E110841" s="15">
        <v>45622</v>
      </c>
      <c r="F110841" s="14" t="s">
        <v>15</v>
      </c>
      <c r="G110841" s="16">
        <v>4.4383137313466916</v>
      </c>
    </row>
    <row r="110842" spans="1:7" x14ac:dyDescent="0.3">
      <c r="A110842" s="13" t="s">
        <v>531</v>
      </c>
      <c r="B110842" s="14" t="s">
        <v>1</v>
      </c>
      <c r="C110842" s="14" t="s">
        <v>23</v>
      </c>
      <c r="D110842" s="14" t="s">
        <v>532</v>
      </c>
      <c r="E110842" s="15">
        <v>45623</v>
      </c>
      <c r="F110842" s="14" t="s">
        <v>15</v>
      </c>
      <c r="G110842" s="16">
        <v>4.4567143349408083</v>
      </c>
    </row>
    <row r="110843" spans="1:7" x14ac:dyDescent="0.3">
      <c r="A110843" s="13" t="s">
        <v>531</v>
      </c>
      <c r="B110843" s="14" t="s">
        <v>1</v>
      </c>
      <c r="C110843" s="14" t="s">
        <v>23</v>
      </c>
      <c r="D110843" s="14" t="s">
        <v>532</v>
      </c>
      <c r="E110843" s="15">
        <v>45624</v>
      </c>
      <c r="F110843" s="14" t="s">
        <v>15</v>
      </c>
      <c r="G110843" s="16">
        <v>4.4567143349408083</v>
      </c>
    </row>
    <row r="110844" spans="1:7" x14ac:dyDescent="0.3">
      <c r="A110844" s="13" t="s">
        <v>531</v>
      </c>
      <c r="B110844" s="14" t="s">
        <v>1</v>
      </c>
      <c r="C110844" s="14" t="s">
        <v>23</v>
      </c>
      <c r="D110844" s="14" t="s">
        <v>532</v>
      </c>
      <c r="E110844" s="15">
        <v>45625</v>
      </c>
      <c r="F110844" s="14" t="s">
        <v>15</v>
      </c>
      <c r="G110844" s="16">
        <v>4.4799150536814265</v>
      </c>
    </row>
    <row r="110845" spans="1:7" x14ac:dyDescent="0.3">
      <c r="A110845" s="13" t="s">
        <v>531</v>
      </c>
      <c r="B110845" s="14" t="s">
        <v>1</v>
      </c>
      <c r="C110845" s="14" t="s">
        <v>23</v>
      </c>
      <c r="D110845" s="14" t="s">
        <v>532</v>
      </c>
      <c r="E110845" s="15">
        <v>45626</v>
      </c>
      <c r="F110845" s="14" t="s">
        <v>15</v>
      </c>
      <c r="G110845" s="16">
        <v>4.4799150536814265</v>
      </c>
    </row>
    <row r="110846" spans="1:7" x14ac:dyDescent="0.3">
      <c r="A110846" s="13" t="s">
        <v>531</v>
      </c>
      <c r="B110846" s="14" t="s">
        <v>1</v>
      </c>
      <c r="C110846" s="14" t="s">
        <v>23</v>
      </c>
      <c r="D110846" s="14" t="s">
        <v>532</v>
      </c>
      <c r="E110846" s="15">
        <v>45627</v>
      </c>
      <c r="F110846" s="14" t="s">
        <v>15</v>
      </c>
      <c r="G110846" s="16">
        <v>4.4799150536814265</v>
      </c>
    </row>
    <row r="110847" spans="1:7" x14ac:dyDescent="0.3">
      <c r="A110847" s="13" t="s">
        <v>531</v>
      </c>
      <c r="B110847" s="14" t="s">
        <v>1</v>
      </c>
      <c r="C110847" s="14" t="s">
        <v>23</v>
      </c>
      <c r="D110847" s="14" t="s">
        <v>532</v>
      </c>
      <c r="E110847" s="15">
        <v>45628</v>
      </c>
      <c r="F110847" s="14" t="s">
        <v>15</v>
      </c>
      <c r="G110847" s="16">
        <v>4.516454061472591</v>
      </c>
    </row>
    <row r="110848" spans="1:7" x14ac:dyDescent="0.3">
      <c r="A110848" s="13" t="s">
        <v>531</v>
      </c>
      <c r="B110848" s="14" t="s">
        <v>1</v>
      </c>
      <c r="C110848" s="14" t="s">
        <v>23</v>
      </c>
      <c r="D110848" s="14" t="s">
        <v>532</v>
      </c>
      <c r="E110848" s="15">
        <v>45629</v>
      </c>
      <c r="F110848" s="14" t="s">
        <v>15</v>
      </c>
      <c r="G110848" s="16">
        <v>4.5573954330474225</v>
      </c>
    </row>
    <row r="110849" spans="1:7" x14ac:dyDescent="0.3">
      <c r="A110849" s="13" t="s">
        <v>531</v>
      </c>
      <c r="B110849" s="14" t="s">
        <v>1</v>
      </c>
      <c r="C110849" s="14" t="s">
        <v>23</v>
      </c>
      <c r="D110849" s="14" t="s">
        <v>532</v>
      </c>
      <c r="E110849" s="15">
        <v>45630</v>
      </c>
      <c r="F110849" s="14" t="s">
        <v>15</v>
      </c>
      <c r="G110849" s="16">
        <v>4.5736338355955919</v>
      </c>
    </row>
    <row r="110850" spans="1:7" x14ac:dyDescent="0.3">
      <c r="A110850" s="13" t="s">
        <v>531</v>
      </c>
      <c r="B110850" s="14" t="s">
        <v>1</v>
      </c>
      <c r="C110850" s="14" t="s">
        <v>23</v>
      </c>
      <c r="D110850" s="14" t="s">
        <v>532</v>
      </c>
      <c r="E110850" s="15">
        <v>45631</v>
      </c>
      <c r="F110850" s="14" t="s">
        <v>15</v>
      </c>
      <c r="G110850" s="16">
        <v>4.5920986965374295</v>
      </c>
    </row>
    <row r="110851" spans="1:7" x14ac:dyDescent="0.3">
      <c r="A110851" s="13" t="s">
        <v>531</v>
      </c>
      <c r="B110851" s="14" t="s">
        <v>1</v>
      </c>
      <c r="C110851" s="14" t="s">
        <v>23</v>
      </c>
      <c r="D110851" s="14" t="s">
        <v>532</v>
      </c>
      <c r="E110851" s="15">
        <v>45632</v>
      </c>
      <c r="F110851" s="14" t="s">
        <v>15</v>
      </c>
      <c r="G110851" s="16">
        <v>4.610492182063644</v>
      </c>
    </row>
    <row r="110852" spans="1:7" x14ac:dyDescent="0.3">
      <c r="A110852" s="13" t="s">
        <v>531</v>
      </c>
      <c r="B110852" s="14" t="s">
        <v>1</v>
      </c>
      <c r="C110852" s="14" t="s">
        <v>23</v>
      </c>
      <c r="D110852" s="14" t="s">
        <v>532</v>
      </c>
      <c r="E110852" s="15">
        <v>45633</v>
      </c>
      <c r="F110852" s="14" t="s">
        <v>15</v>
      </c>
      <c r="G110852" s="16">
        <v>4.610492182063644</v>
      </c>
    </row>
    <row r="110853" spans="1:7" x14ac:dyDescent="0.3">
      <c r="A110853" s="13" t="s">
        <v>531</v>
      </c>
      <c r="B110853" s="14" t="s">
        <v>1</v>
      </c>
      <c r="C110853" s="14" t="s">
        <v>23</v>
      </c>
      <c r="D110853" s="14" t="s">
        <v>532</v>
      </c>
      <c r="E110853" s="15">
        <v>45634</v>
      </c>
      <c r="F110853" s="14" t="s">
        <v>15</v>
      </c>
      <c r="G110853" s="16">
        <v>4.610492182063644</v>
      </c>
    </row>
    <row r="110854" spans="1:7" x14ac:dyDescent="0.3">
      <c r="A110854" s="13" t="s">
        <v>531</v>
      </c>
      <c r="B110854" s="14" t="s">
        <v>1</v>
      </c>
      <c r="C110854" s="14" t="s">
        <v>23</v>
      </c>
      <c r="D110854" s="14" t="s">
        <v>532</v>
      </c>
      <c r="E110854" s="15">
        <v>45635</v>
      </c>
      <c r="F110854" s="14" t="s">
        <v>15</v>
      </c>
      <c r="G110854" s="16">
        <v>4.6370596007161895</v>
      </c>
    </row>
    <row r="110855" spans="1:7" x14ac:dyDescent="0.3">
      <c r="A110855" s="13" t="s">
        <v>531</v>
      </c>
      <c r="B110855" s="14" t="s">
        <v>1</v>
      </c>
      <c r="C110855" s="14" t="s">
        <v>23</v>
      </c>
      <c r="D110855" s="14" t="s">
        <v>532</v>
      </c>
      <c r="E110855" s="15">
        <v>45636</v>
      </c>
      <c r="F110855" s="14" t="s">
        <v>15</v>
      </c>
      <c r="G110855" s="16">
        <v>4.6917205589221522</v>
      </c>
    </row>
    <row r="110856" spans="1:7" x14ac:dyDescent="0.3">
      <c r="A110856" s="13" t="s">
        <v>531</v>
      </c>
      <c r="B110856" s="14" t="s">
        <v>1</v>
      </c>
      <c r="C110856" s="14" t="s">
        <v>23</v>
      </c>
      <c r="D110856" s="14" t="s">
        <v>532</v>
      </c>
      <c r="E110856" s="15">
        <v>45637</v>
      </c>
      <c r="F110856" s="14" t="s">
        <v>15</v>
      </c>
      <c r="G110856" s="16">
        <v>4.7100592389802829</v>
      </c>
    </row>
    <row r="110857" spans="1:7" x14ac:dyDescent="0.3">
      <c r="A110857" s="13" t="s">
        <v>531</v>
      </c>
      <c r="B110857" s="14" t="s">
        <v>1</v>
      </c>
      <c r="C110857" s="14" t="s">
        <v>23</v>
      </c>
      <c r="D110857" s="14" t="s">
        <v>532</v>
      </c>
      <c r="E110857" s="15">
        <v>45638</v>
      </c>
      <c r="F110857" s="14" t="s">
        <v>15</v>
      </c>
      <c r="G110857" s="16">
        <v>4.7284424599372246</v>
      </c>
    </row>
    <row r="110858" spans="1:7" x14ac:dyDescent="0.3">
      <c r="A110858" s="13" t="s">
        <v>531</v>
      </c>
      <c r="B110858" s="14" t="s">
        <v>1</v>
      </c>
      <c r="C110858" s="14" t="s">
        <v>23</v>
      </c>
      <c r="D110858" s="14" t="s">
        <v>532</v>
      </c>
      <c r="E110858" s="15">
        <v>45639</v>
      </c>
      <c r="F110858" s="14" t="s">
        <v>15</v>
      </c>
      <c r="G110858" s="16">
        <v>4.7468118237256469</v>
      </c>
    </row>
    <row r="110859" spans="1:7" x14ac:dyDescent="0.3">
      <c r="A110859" s="13" t="s">
        <v>531</v>
      </c>
      <c r="B110859" s="14" t="s">
        <v>1</v>
      </c>
      <c r="C110859" s="14" t="s">
        <v>23</v>
      </c>
      <c r="D110859" s="14" t="s">
        <v>532</v>
      </c>
      <c r="E110859" s="15">
        <v>45640</v>
      </c>
      <c r="F110859" s="14" t="s">
        <v>15</v>
      </c>
      <c r="G110859" s="16">
        <v>4.7468118237256469</v>
      </c>
    </row>
    <row r="110860" spans="1:7" x14ac:dyDescent="0.3">
      <c r="A110860" s="13" t="s">
        <v>531</v>
      </c>
      <c r="B110860" s="14" t="s">
        <v>1</v>
      </c>
      <c r="C110860" s="14" t="s">
        <v>23</v>
      </c>
      <c r="D110860" s="14" t="s">
        <v>532</v>
      </c>
      <c r="E110860" s="15">
        <v>45641</v>
      </c>
      <c r="F110860" s="14" t="s">
        <v>15</v>
      </c>
      <c r="G110860" s="16">
        <v>4.7468118237256469</v>
      </c>
    </row>
    <row r="110861" spans="1:7" x14ac:dyDescent="0.3">
      <c r="A110861" s="13" t="s">
        <v>531</v>
      </c>
      <c r="B110861" s="14" t="s">
        <v>1</v>
      </c>
      <c r="C110861" s="14" t="s">
        <v>23</v>
      </c>
      <c r="D110861" s="14" t="s">
        <v>532</v>
      </c>
      <c r="E110861" s="15">
        <v>45642</v>
      </c>
      <c r="F110861" s="14" t="s">
        <v>15</v>
      </c>
      <c r="G110861" s="16">
        <v>4.7652965906000393</v>
      </c>
    </row>
    <row r="110862" spans="1:7" x14ac:dyDescent="0.3">
      <c r="A110862" s="13" t="s">
        <v>531</v>
      </c>
      <c r="B110862" s="14" t="s">
        <v>1</v>
      </c>
      <c r="C110862" s="14" t="s">
        <v>23</v>
      </c>
      <c r="D110862" s="14" t="s">
        <v>532</v>
      </c>
      <c r="E110862" s="15">
        <v>45643</v>
      </c>
      <c r="F110862" s="14" t="s">
        <v>15</v>
      </c>
      <c r="G110862" s="16">
        <v>4.8200467039219737</v>
      </c>
    </row>
    <row r="110863" spans="1:7" x14ac:dyDescent="0.3">
      <c r="A110863" s="13" t="s">
        <v>531</v>
      </c>
      <c r="B110863" s="14" t="s">
        <v>1</v>
      </c>
      <c r="C110863" s="14" t="s">
        <v>23</v>
      </c>
      <c r="D110863" s="14" t="s">
        <v>532</v>
      </c>
      <c r="E110863" s="15">
        <v>45644</v>
      </c>
      <c r="F110863" s="14" t="s">
        <v>15</v>
      </c>
      <c r="G110863" s="16">
        <v>4.8388221780618474</v>
      </c>
    </row>
    <row r="110864" spans="1:7" x14ac:dyDescent="0.3">
      <c r="A110864" s="13" t="s">
        <v>531</v>
      </c>
      <c r="B110864" s="14" t="s">
        <v>1</v>
      </c>
      <c r="C110864" s="14" t="s">
        <v>23</v>
      </c>
      <c r="D110864" s="14" t="s">
        <v>532</v>
      </c>
      <c r="E110864" s="15">
        <v>45645</v>
      </c>
      <c r="F110864" s="14" t="s">
        <v>15</v>
      </c>
      <c r="G110864" s="16">
        <v>4.8564563787352668</v>
      </c>
    </row>
    <row r="110865" spans="1:7" x14ac:dyDescent="0.3">
      <c r="A110865" s="13" t="s">
        <v>531</v>
      </c>
      <c r="B110865" s="14" t="s">
        <v>1</v>
      </c>
      <c r="C110865" s="14" t="s">
        <v>23</v>
      </c>
      <c r="D110865" s="14" t="s">
        <v>532</v>
      </c>
      <c r="E110865" s="15">
        <v>45646</v>
      </c>
      <c r="F110865" s="14" t="s">
        <v>15</v>
      </c>
      <c r="G110865" s="16">
        <v>4.8740214035436207</v>
      </c>
    </row>
    <row r="110866" spans="1:7" x14ac:dyDescent="0.3">
      <c r="A110866" s="13" t="s">
        <v>531</v>
      </c>
      <c r="B110866" s="14" t="s">
        <v>1</v>
      </c>
      <c r="C110866" s="14" t="s">
        <v>23</v>
      </c>
      <c r="D110866" s="14" t="s">
        <v>532</v>
      </c>
      <c r="E110866" s="15">
        <v>45647</v>
      </c>
      <c r="F110866" s="14" t="s">
        <v>15</v>
      </c>
      <c r="G110866" s="16">
        <v>4.8740214035436207</v>
      </c>
    </row>
    <row r="110867" spans="1:7" x14ac:dyDescent="0.3">
      <c r="A110867" s="13" t="s">
        <v>531</v>
      </c>
      <c r="B110867" s="14" t="s">
        <v>1</v>
      </c>
      <c r="C110867" s="14" t="s">
        <v>23</v>
      </c>
      <c r="D110867" s="14" t="s">
        <v>532</v>
      </c>
      <c r="E110867" s="15">
        <v>45648</v>
      </c>
      <c r="F110867" s="14" t="s">
        <v>15</v>
      </c>
      <c r="G110867" s="16">
        <v>4.8740214035436207</v>
      </c>
    </row>
    <row r="110868" spans="1:7" x14ac:dyDescent="0.3">
      <c r="A110868" s="13" t="s">
        <v>531</v>
      </c>
      <c r="B110868" s="14" t="s">
        <v>1</v>
      </c>
      <c r="C110868" s="14" t="s">
        <v>23</v>
      </c>
      <c r="D110868" s="14" t="s">
        <v>532</v>
      </c>
      <c r="E110868" s="15">
        <v>45649</v>
      </c>
      <c r="F110868" s="14" t="s">
        <v>15</v>
      </c>
      <c r="G110868" s="16">
        <v>4.8485751629957514</v>
      </c>
    </row>
    <row r="110869" spans="1:7" x14ac:dyDescent="0.3">
      <c r="A110869" s="13" t="s">
        <v>531</v>
      </c>
      <c r="B110869" s="14" t="s">
        <v>1</v>
      </c>
      <c r="C110869" s="14" t="s">
        <v>23</v>
      </c>
      <c r="D110869" s="14" t="s">
        <v>532</v>
      </c>
      <c r="E110869" s="15">
        <v>45650</v>
      </c>
      <c r="F110869" s="14" t="s">
        <v>15</v>
      </c>
      <c r="G110869" s="16">
        <v>4.8981110379870021</v>
      </c>
    </row>
    <row r="110870" spans="1:7" x14ac:dyDescent="0.3">
      <c r="A110870" s="13" t="s">
        <v>531</v>
      </c>
      <c r="B110870" s="14" t="s">
        <v>1</v>
      </c>
      <c r="C110870" s="14" t="s">
        <v>23</v>
      </c>
      <c r="D110870" s="14" t="s">
        <v>532</v>
      </c>
      <c r="E110870" s="15">
        <v>45651</v>
      </c>
      <c r="F110870" s="14" t="s">
        <v>15</v>
      </c>
      <c r="G110870" s="16">
        <v>4.8981110379870021</v>
      </c>
    </row>
    <row r="110871" spans="1:7" x14ac:dyDescent="0.3">
      <c r="A110871" s="13" t="s">
        <v>531</v>
      </c>
      <c r="B110871" s="14" t="s">
        <v>1</v>
      </c>
      <c r="C110871" s="14" t="s">
        <v>23</v>
      </c>
      <c r="D110871" s="14" t="s">
        <v>532</v>
      </c>
      <c r="E110871" s="15">
        <v>45652</v>
      </c>
      <c r="F110871" s="14" t="s">
        <v>15</v>
      </c>
      <c r="G110871" s="16">
        <v>4.8981110379870021</v>
      </c>
    </row>
    <row r="110872" spans="1:7" x14ac:dyDescent="0.3">
      <c r="A110872" s="13" t="s">
        <v>531</v>
      </c>
      <c r="B110872" s="14" t="s">
        <v>1</v>
      </c>
      <c r="C110872" s="14" t="s">
        <v>23</v>
      </c>
      <c r="D110872" s="14" t="s">
        <v>532</v>
      </c>
      <c r="E110872" s="15">
        <v>45653</v>
      </c>
      <c r="F110872" s="14" t="s">
        <v>15</v>
      </c>
      <c r="G110872" s="16">
        <v>4.8981110379870021</v>
      </c>
    </row>
    <row r="110873" spans="1:7" x14ac:dyDescent="0.3">
      <c r="A110873" s="13" t="s">
        <v>531</v>
      </c>
      <c r="B110873" s="14" t="s">
        <v>1</v>
      </c>
      <c r="C110873" s="14" t="s">
        <v>23</v>
      </c>
      <c r="D110873" s="14" t="s">
        <v>532</v>
      </c>
      <c r="E110873" s="15">
        <v>45654</v>
      </c>
      <c r="F110873" s="14" t="s">
        <v>15</v>
      </c>
      <c r="G110873" s="16">
        <v>4.8981110379870021</v>
      </c>
    </row>
    <row r="110874" spans="1:7" x14ac:dyDescent="0.3">
      <c r="A110874" s="13" t="s">
        <v>531</v>
      </c>
      <c r="B110874" s="14" t="s">
        <v>1</v>
      </c>
      <c r="C110874" s="14" t="s">
        <v>23</v>
      </c>
      <c r="D110874" s="14" t="s">
        <v>532</v>
      </c>
      <c r="E110874" s="15">
        <v>45655</v>
      </c>
      <c r="F110874" s="14" t="s">
        <v>15</v>
      </c>
      <c r="G110874" s="16">
        <v>4.8981110379870021</v>
      </c>
    </row>
    <row r="110875" spans="1:7" x14ac:dyDescent="0.3">
      <c r="A110875" s="13" t="s">
        <v>531</v>
      </c>
      <c r="B110875" s="14" t="s">
        <v>1</v>
      </c>
      <c r="C110875" s="14" t="s">
        <v>23</v>
      </c>
      <c r="D110875" s="14" t="s">
        <v>532</v>
      </c>
      <c r="E110875" s="15">
        <v>45656</v>
      </c>
      <c r="F110875" s="14" t="s">
        <v>15</v>
      </c>
      <c r="G110875" s="16">
        <v>4.9167718033786079</v>
      </c>
    </row>
    <row r="110876" spans="1:7" x14ac:dyDescent="0.3">
      <c r="A110876" s="13" t="s">
        <v>531</v>
      </c>
      <c r="B110876" s="14" t="s">
        <v>1</v>
      </c>
      <c r="C110876" s="14" t="s">
        <v>23</v>
      </c>
      <c r="D110876" s="14" t="s">
        <v>532</v>
      </c>
      <c r="E110876" s="15">
        <v>45657</v>
      </c>
      <c r="F110876" s="14" t="s">
        <v>15</v>
      </c>
      <c r="G110876" s="16">
        <v>5.0326099789535341</v>
      </c>
    </row>
    <row r="110877" spans="1:7" x14ac:dyDescent="0.3">
      <c r="A110877" s="13" t="s">
        <v>531</v>
      </c>
      <c r="B110877" s="14" t="s">
        <v>1</v>
      </c>
      <c r="C110877" s="14" t="s">
        <v>23</v>
      </c>
      <c r="D110877" s="14" t="s">
        <v>532</v>
      </c>
      <c r="E110877" s="15">
        <v>45658</v>
      </c>
      <c r="F110877" s="14" t="s">
        <v>15</v>
      </c>
      <c r="G110877" s="16">
        <v>5.0326099789535341</v>
      </c>
    </row>
    <row r="110878" spans="1:7" x14ac:dyDescent="0.3">
      <c r="A110878" s="13" t="s">
        <v>531</v>
      </c>
      <c r="B110878" s="14" t="s">
        <v>1</v>
      </c>
      <c r="C110878" s="14" t="s">
        <v>23</v>
      </c>
      <c r="D110878" s="14" t="s">
        <v>532</v>
      </c>
      <c r="E110878" s="15">
        <v>45659</v>
      </c>
      <c r="F110878" s="14" t="s">
        <v>15</v>
      </c>
      <c r="G110878" s="16">
        <v>5.0496370401156021</v>
      </c>
    </row>
    <row r="110879" spans="1:7" x14ac:dyDescent="0.3">
      <c r="A110879" s="13" t="s">
        <v>531</v>
      </c>
      <c r="B110879" s="14" t="s">
        <v>1</v>
      </c>
      <c r="C110879" s="14" t="s">
        <v>23</v>
      </c>
      <c r="D110879" s="14" t="s">
        <v>532</v>
      </c>
      <c r="E110879" s="15">
        <v>45660</v>
      </c>
      <c r="F110879" s="14" t="s">
        <v>15</v>
      </c>
      <c r="G110879" s="16">
        <v>5.0759471086552397</v>
      </c>
    </row>
    <row r="110880" spans="1:7" x14ac:dyDescent="0.3">
      <c r="A110880" s="13" t="s">
        <v>531</v>
      </c>
      <c r="B110880" s="14" t="s">
        <v>1</v>
      </c>
      <c r="C110880" s="14" t="s">
        <v>23</v>
      </c>
      <c r="D110880" s="14" t="s">
        <v>532</v>
      </c>
      <c r="E110880" s="15">
        <v>45661</v>
      </c>
      <c r="F110880" s="14" t="s">
        <v>15</v>
      </c>
      <c r="G110880" s="16">
        <v>5.0759471086552397</v>
      </c>
    </row>
    <row r="110881" spans="1:7" x14ac:dyDescent="0.3">
      <c r="A110881" s="13" t="s">
        <v>531</v>
      </c>
      <c r="B110881" s="14" t="s">
        <v>1</v>
      </c>
      <c r="C110881" s="14" t="s">
        <v>23</v>
      </c>
      <c r="D110881" s="14" t="s">
        <v>532</v>
      </c>
      <c r="E110881" s="15">
        <v>45662</v>
      </c>
      <c r="F110881" s="14" t="s">
        <v>15</v>
      </c>
      <c r="G110881" s="16">
        <v>5.0759471086552397</v>
      </c>
    </row>
    <row r="110882" spans="1:7" x14ac:dyDescent="0.3">
      <c r="A110882" s="13" t="s">
        <v>531</v>
      </c>
      <c r="B110882" s="14" t="s">
        <v>1</v>
      </c>
      <c r="C110882" s="14" t="s">
        <v>23</v>
      </c>
      <c r="D110882" s="14" t="s">
        <v>532</v>
      </c>
      <c r="E110882" s="15">
        <v>45663</v>
      </c>
      <c r="F110882" s="14" t="s">
        <v>15</v>
      </c>
      <c r="G110882" s="16">
        <v>5.0945150215945647</v>
      </c>
    </row>
    <row r="110883" spans="1:7" x14ac:dyDescent="0.3">
      <c r="A110883" s="13" t="s">
        <v>531</v>
      </c>
      <c r="B110883" s="14" t="s">
        <v>1</v>
      </c>
      <c r="C110883" s="14" t="s">
        <v>23</v>
      </c>
      <c r="D110883" s="14" t="s">
        <v>532</v>
      </c>
      <c r="E110883" s="15">
        <v>45664</v>
      </c>
      <c r="F110883" s="14" t="s">
        <v>15</v>
      </c>
      <c r="G110883" s="16">
        <v>5.1516431528893998</v>
      </c>
    </row>
    <row r="110884" spans="1:7" x14ac:dyDescent="0.3">
      <c r="A110884" s="13" t="s">
        <v>531</v>
      </c>
      <c r="B110884" s="14" t="s">
        <v>1</v>
      </c>
      <c r="C110884" s="14" t="s">
        <v>23</v>
      </c>
      <c r="D110884" s="14" t="s">
        <v>532</v>
      </c>
      <c r="E110884" s="15">
        <v>45665</v>
      </c>
      <c r="F110884" s="14" t="s">
        <v>15</v>
      </c>
      <c r="G110884" s="16">
        <v>5.1722921934118826</v>
      </c>
    </row>
    <row r="110885" spans="1:7" x14ac:dyDescent="0.3">
      <c r="A110885" s="13" t="s">
        <v>531</v>
      </c>
      <c r="B110885" s="14" t="s">
        <v>1</v>
      </c>
      <c r="C110885" s="14" t="s">
        <v>23</v>
      </c>
      <c r="D110885" s="14" t="s">
        <v>532</v>
      </c>
      <c r="E110885" s="15">
        <v>45666</v>
      </c>
      <c r="F110885" s="14" t="s">
        <v>15</v>
      </c>
      <c r="G110885" s="16">
        <v>5.1722921934118826</v>
      </c>
    </row>
    <row r="110886" spans="1:7" x14ac:dyDescent="0.3">
      <c r="A110886" s="13" t="s">
        <v>531</v>
      </c>
      <c r="B110886" s="14" t="s">
        <v>1</v>
      </c>
      <c r="C110886" s="14" t="s">
        <v>23</v>
      </c>
      <c r="D110886" s="14" t="s">
        <v>532</v>
      </c>
      <c r="E110886" s="15">
        <v>45667</v>
      </c>
      <c r="F110886" s="14" t="s">
        <v>15</v>
      </c>
      <c r="G110886" s="16">
        <v>5.1972584510755677</v>
      </c>
    </row>
    <row r="110887" spans="1:7" x14ac:dyDescent="0.3">
      <c r="A110887" s="13" t="s">
        <v>531</v>
      </c>
      <c r="B110887" s="14" t="s">
        <v>1</v>
      </c>
      <c r="C110887" s="14" t="s">
        <v>23</v>
      </c>
      <c r="D110887" s="14" t="s">
        <v>532</v>
      </c>
      <c r="E110887" s="15">
        <v>45668</v>
      </c>
      <c r="F110887" s="14" t="s">
        <v>15</v>
      </c>
      <c r="G110887" s="16">
        <v>5.1972584510755677</v>
      </c>
    </row>
    <row r="110888" spans="1:7" x14ac:dyDescent="0.3">
      <c r="A110888" s="13" t="s">
        <v>531</v>
      </c>
      <c r="B110888" s="14" t="s">
        <v>1</v>
      </c>
      <c r="C110888" s="14" t="s">
        <v>23</v>
      </c>
      <c r="D110888" s="14" t="s">
        <v>532</v>
      </c>
      <c r="E110888" s="15">
        <v>45669</v>
      </c>
      <c r="F110888" s="14" t="s">
        <v>15</v>
      </c>
      <c r="G110888" s="16">
        <v>5.1972584510755677</v>
      </c>
    </row>
    <row r="110889" spans="1:7" x14ac:dyDescent="0.3">
      <c r="A110889" s="13" t="s">
        <v>531</v>
      </c>
      <c r="B110889" s="14" t="s">
        <v>1</v>
      </c>
      <c r="C110889" s="14" t="s">
        <v>23</v>
      </c>
      <c r="D110889" s="14" t="s">
        <v>532</v>
      </c>
      <c r="E110889" s="15">
        <v>45670</v>
      </c>
      <c r="F110889" s="14" t="s">
        <v>15</v>
      </c>
      <c r="G110889" s="16">
        <v>5.2371343325969386</v>
      </c>
    </row>
    <row r="110890" spans="1:7" x14ac:dyDescent="0.3">
      <c r="A110890" s="13" t="s">
        <v>531</v>
      </c>
      <c r="B110890" s="14" t="s">
        <v>1</v>
      </c>
      <c r="C110890" s="14" t="s">
        <v>23</v>
      </c>
      <c r="D110890" s="14" t="s">
        <v>532</v>
      </c>
      <c r="E110890" s="15">
        <v>45671</v>
      </c>
      <c r="F110890" s="14" t="s">
        <v>15</v>
      </c>
      <c r="G110890" s="16">
        <v>5.2874576007858574</v>
      </c>
    </row>
    <row r="110891" spans="1:7" x14ac:dyDescent="0.3">
      <c r="A110891" s="13" t="s">
        <v>531</v>
      </c>
      <c r="B110891" s="14" t="s">
        <v>1</v>
      </c>
      <c r="C110891" s="14" t="s">
        <v>23</v>
      </c>
      <c r="D110891" s="14" t="s">
        <v>532</v>
      </c>
      <c r="E110891" s="15">
        <v>45672</v>
      </c>
      <c r="F110891" s="14" t="s">
        <v>15</v>
      </c>
      <c r="G110891" s="16">
        <v>5.3062783908305047</v>
      </c>
    </row>
    <row r="110892" spans="1:7" x14ac:dyDescent="0.3">
      <c r="A110892" s="13" t="s">
        <v>531</v>
      </c>
      <c r="B110892" s="14" t="s">
        <v>1</v>
      </c>
      <c r="C110892" s="14" t="s">
        <v>23</v>
      </c>
      <c r="D110892" s="14" t="s">
        <v>532</v>
      </c>
      <c r="E110892" s="15">
        <v>45673</v>
      </c>
      <c r="F110892" s="14" t="s">
        <v>15</v>
      </c>
      <c r="G110892" s="16">
        <v>5.3251041334950875</v>
      </c>
    </row>
    <row r="110893" spans="1:7" x14ac:dyDescent="0.3">
      <c r="A110893" s="13" t="s">
        <v>531</v>
      </c>
      <c r="B110893" s="14" t="s">
        <v>1</v>
      </c>
      <c r="C110893" s="14" t="s">
        <v>23</v>
      </c>
      <c r="D110893" s="14" t="s">
        <v>532</v>
      </c>
      <c r="E110893" s="15">
        <v>45674</v>
      </c>
      <c r="F110893" s="14" t="s">
        <v>15</v>
      </c>
      <c r="G110893" s="16">
        <v>5.3340989989589653</v>
      </c>
    </row>
    <row r="110894" spans="1:7" x14ac:dyDescent="0.3">
      <c r="A110894" s="13" t="s">
        <v>531</v>
      </c>
      <c r="B110894" s="14" t="s">
        <v>1</v>
      </c>
      <c r="C110894" s="14" t="s">
        <v>23</v>
      </c>
      <c r="D110894" s="14" t="s">
        <v>532</v>
      </c>
      <c r="E110894" s="15">
        <v>45675</v>
      </c>
      <c r="F110894" s="14" t="s">
        <v>15</v>
      </c>
      <c r="G110894" s="16">
        <v>5.3340989989589653</v>
      </c>
    </row>
    <row r="110895" spans="1:7" x14ac:dyDescent="0.3">
      <c r="A110895" s="13" t="s">
        <v>531</v>
      </c>
      <c r="B110895" s="14" t="s">
        <v>1</v>
      </c>
      <c r="C110895" s="14" t="s">
        <v>23</v>
      </c>
      <c r="D110895" s="14" t="s">
        <v>532</v>
      </c>
      <c r="E110895" s="15">
        <v>45676</v>
      </c>
      <c r="F110895" s="14" t="s">
        <v>15</v>
      </c>
      <c r="G110895" s="16">
        <v>5.3340989989589653</v>
      </c>
    </row>
    <row r="110896" spans="1:7" x14ac:dyDescent="0.3">
      <c r="A110896" s="13" t="s">
        <v>531</v>
      </c>
      <c r="B110896" s="14" t="s">
        <v>1</v>
      </c>
      <c r="C110896" s="14" t="s">
        <v>23</v>
      </c>
      <c r="D110896" s="14" t="s">
        <v>532</v>
      </c>
      <c r="E110896" s="15">
        <v>45677</v>
      </c>
      <c r="F110896" s="14" t="s">
        <v>15</v>
      </c>
      <c r="G110896" s="16">
        <v>5.3340989989589653</v>
      </c>
    </row>
    <row r="110897" spans="1:7" x14ac:dyDescent="0.3">
      <c r="A110897" s="13" t="s">
        <v>531</v>
      </c>
      <c r="B110897" s="14" t="s">
        <v>1</v>
      </c>
      <c r="C110897" s="14" t="s">
        <v>23</v>
      </c>
      <c r="D110897" s="14" t="s">
        <v>532</v>
      </c>
      <c r="E110897" s="15">
        <v>45678</v>
      </c>
      <c r="F110897" s="14" t="s">
        <v>15</v>
      </c>
      <c r="G110897" s="16">
        <v>5.3539613433191793</v>
      </c>
    </row>
    <row r="110898" spans="1:7" x14ac:dyDescent="0.3">
      <c r="A110898" s="13" t="s">
        <v>531</v>
      </c>
      <c r="B110898" s="14" t="s">
        <v>1</v>
      </c>
      <c r="C110898" s="14" t="s">
        <v>23</v>
      </c>
      <c r="D110898" s="14" t="s">
        <v>532</v>
      </c>
      <c r="E110898" s="15">
        <v>45679</v>
      </c>
      <c r="F110898" s="14" t="s">
        <v>15</v>
      </c>
      <c r="G110898" s="16">
        <v>5.4243922851341129</v>
      </c>
    </row>
    <row r="110899" spans="1:7" x14ac:dyDescent="0.3">
      <c r="A110899" s="13" t="s">
        <v>531</v>
      </c>
      <c r="B110899" s="14" t="s">
        <v>1</v>
      </c>
      <c r="C110899" s="14" t="s">
        <v>23</v>
      </c>
      <c r="D110899" s="14" t="s">
        <v>532</v>
      </c>
      <c r="E110899" s="15">
        <v>45680</v>
      </c>
      <c r="F110899" s="14" t="s">
        <v>15</v>
      </c>
      <c r="G110899" s="16">
        <v>5.4420583443261386</v>
      </c>
    </row>
    <row r="110900" spans="1:7" x14ac:dyDescent="0.3">
      <c r="A110900" s="13" t="s">
        <v>531</v>
      </c>
      <c r="B110900" s="14" t="s">
        <v>1</v>
      </c>
      <c r="C110900" s="14" t="s">
        <v>23</v>
      </c>
      <c r="D110900" s="14" t="s">
        <v>532</v>
      </c>
      <c r="E110900" s="15">
        <v>45681</v>
      </c>
      <c r="F110900" s="14" t="s">
        <v>15</v>
      </c>
      <c r="G110900" s="16">
        <v>5.4597797261171532</v>
      </c>
    </row>
    <row r="110901" spans="1:7" x14ac:dyDescent="0.3">
      <c r="A110901" s="13" t="s">
        <v>531</v>
      </c>
      <c r="B110901" s="14" t="s">
        <v>1</v>
      </c>
      <c r="C110901" s="14" t="s">
        <v>23</v>
      </c>
      <c r="D110901" s="14" t="s">
        <v>532</v>
      </c>
      <c r="E110901" s="15">
        <v>45682</v>
      </c>
      <c r="F110901" s="14" t="s">
        <v>15</v>
      </c>
      <c r="G110901" s="16">
        <v>5.4597797261171532</v>
      </c>
    </row>
    <row r="110902" spans="1:7" x14ac:dyDescent="0.3">
      <c r="A110902" s="13" t="s">
        <v>531</v>
      </c>
      <c r="B110902" s="14" t="s">
        <v>1</v>
      </c>
      <c r="C110902" s="14" t="s">
        <v>23</v>
      </c>
      <c r="D110902" s="14" t="s">
        <v>532</v>
      </c>
      <c r="E110902" s="15">
        <v>45683</v>
      </c>
      <c r="F110902" s="14" t="s">
        <v>15</v>
      </c>
      <c r="G110902" s="16">
        <v>5.4597797261171532</v>
      </c>
    </row>
    <row r="110903" spans="1:7" x14ac:dyDescent="0.3">
      <c r="A110903" s="13" t="s">
        <v>531</v>
      </c>
      <c r="B110903" s="14" t="s">
        <v>1</v>
      </c>
      <c r="C110903" s="14" t="s">
        <v>23</v>
      </c>
      <c r="D110903" s="14" t="s">
        <v>532</v>
      </c>
      <c r="E110903" s="15">
        <v>45684</v>
      </c>
      <c r="F110903" s="14" t="s">
        <v>15</v>
      </c>
      <c r="G110903" s="16">
        <v>5.4793068331368131</v>
      </c>
    </row>
    <row r="110904" spans="1:7" x14ac:dyDescent="0.3">
      <c r="A110904" s="13" t="s">
        <v>531</v>
      </c>
      <c r="B110904" s="14" t="s">
        <v>1</v>
      </c>
      <c r="C110904" s="14" t="s">
        <v>23</v>
      </c>
      <c r="D110904" s="14" t="s">
        <v>532</v>
      </c>
      <c r="E110904" s="15">
        <v>45685</v>
      </c>
      <c r="F110904" s="14" t="s">
        <v>15</v>
      </c>
      <c r="G110904" s="16">
        <v>5.5327143362193238</v>
      </c>
    </row>
    <row r="110905" spans="1:7" x14ac:dyDescent="0.3">
      <c r="A110905" s="13" t="s">
        <v>531</v>
      </c>
      <c r="B110905" s="14" t="s">
        <v>1</v>
      </c>
      <c r="C110905" s="14" t="s">
        <v>23</v>
      </c>
      <c r="D110905" s="14" t="s">
        <v>532</v>
      </c>
      <c r="E110905" s="15">
        <v>45686</v>
      </c>
      <c r="F110905" s="14" t="s">
        <v>15</v>
      </c>
      <c r="G110905" s="16">
        <v>5.5505666139209415</v>
      </c>
    </row>
    <row r="110906" spans="1:7" x14ac:dyDescent="0.3">
      <c r="A110906" s="13" t="s">
        <v>531</v>
      </c>
      <c r="B110906" s="14" t="s">
        <v>1</v>
      </c>
      <c r="C110906" s="14" t="s">
        <v>23</v>
      </c>
      <c r="D110906" s="14" t="s">
        <v>532</v>
      </c>
      <c r="E110906" s="15">
        <v>45687</v>
      </c>
      <c r="F110906" s="14" t="s">
        <v>15</v>
      </c>
      <c r="G110906" s="16">
        <v>5.5694083883996868</v>
      </c>
    </row>
    <row r="110907" spans="1:7" x14ac:dyDescent="0.3">
      <c r="A110907" s="13" t="s">
        <v>531</v>
      </c>
      <c r="B110907" s="14" t="s">
        <v>1</v>
      </c>
      <c r="C110907" s="14" t="s">
        <v>23</v>
      </c>
      <c r="D110907" s="14" t="s">
        <v>532</v>
      </c>
      <c r="E110907" s="15">
        <v>45688</v>
      </c>
      <c r="F110907" s="14" t="s">
        <v>15</v>
      </c>
      <c r="G110907" s="16">
        <v>5.587130361415813</v>
      </c>
    </row>
    <row r="110908" spans="1:7" x14ac:dyDescent="0.3">
      <c r="A110908" s="13" t="s">
        <v>531</v>
      </c>
      <c r="B110908" s="14" t="s">
        <v>1</v>
      </c>
      <c r="C110908" s="14" t="s">
        <v>23</v>
      </c>
      <c r="D110908" s="14" t="s">
        <v>532</v>
      </c>
      <c r="E110908" s="15">
        <v>45689</v>
      </c>
      <c r="F110908" s="14" t="s">
        <v>15</v>
      </c>
      <c r="G110908" s="16">
        <v>5.587130361415813</v>
      </c>
    </row>
    <row r="110909" spans="1:7" x14ac:dyDescent="0.3">
      <c r="A110909" s="13" t="s">
        <v>531</v>
      </c>
      <c r="B110909" s="14" t="s">
        <v>1</v>
      </c>
      <c r="C110909" s="14" t="s">
        <v>23</v>
      </c>
      <c r="D110909" s="14" t="s">
        <v>532</v>
      </c>
      <c r="E110909" s="15">
        <v>45690</v>
      </c>
      <c r="F110909" s="14" t="s">
        <v>15</v>
      </c>
      <c r="G110909" s="16">
        <v>5.587130361415813</v>
      </c>
    </row>
    <row r="110910" spans="1:7" x14ac:dyDescent="0.3">
      <c r="A110910" s="13" t="s">
        <v>531</v>
      </c>
      <c r="B110910" s="14" t="s">
        <v>1</v>
      </c>
      <c r="C110910" s="14" t="s">
        <v>23</v>
      </c>
      <c r="D110910" s="14" t="s">
        <v>532</v>
      </c>
      <c r="E110910" s="15">
        <v>45691</v>
      </c>
      <c r="F110910" s="14" t="s">
        <v>15</v>
      </c>
      <c r="G110910" s="16">
        <v>5.587130361415813</v>
      </c>
    </row>
    <row r="110911" spans="1:7" x14ac:dyDescent="0.3">
      <c r="A110911" s="13" t="s">
        <v>531</v>
      </c>
      <c r="B110911" s="14" t="s">
        <v>1</v>
      </c>
      <c r="C110911" s="14" t="s">
        <v>23</v>
      </c>
      <c r="D110911" s="14" t="s">
        <v>532</v>
      </c>
      <c r="E110911" s="15">
        <v>45692</v>
      </c>
      <c r="F110911" s="14" t="s">
        <v>15</v>
      </c>
      <c r="G110911" s="16">
        <v>5.6035982388662697</v>
      </c>
    </row>
    <row r="110912" spans="1:7" x14ac:dyDescent="0.3">
      <c r="A110912" s="13" t="s">
        <v>531</v>
      </c>
      <c r="B110912" s="14" t="s">
        <v>1</v>
      </c>
      <c r="C110912" s="14" t="s">
        <v>23</v>
      </c>
      <c r="D110912" s="14" t="s">
        <v>532</v>
      </c>
      <c r="E110912" s="15">
        <v>45693</v>
      </c>
      <c r="F110912" s="14" t="s">
        <v>15</v>
      </c>
      <c r="G110912" s="16">
        <v>5.6639033833698456</v>
      </c>
    </row>
    <row r="110913" spans="1:7" x14ac:dyDescent="0.3">
      <c r="A110913" s="13" t="s">
        <v>531</v>
      </c>
      <c r="B110913" s="14" t="s">
        <v>1</v>
      </c>
      <c r="C110913" s="14" t="s">
        <v>23</v>
      </c>
      <c r="D110913" s="14" t="s">
        <v>532</v>
      </c>
      <c r="E110913" s="15">
        <v>45694</v>
      </c>
      <c r="F110913" s="14" t="s">
        <v>15</v>
      </c>
      <c r="G110913" s="16">
        <v>5.6818551898947414</v>
      </c>
    </row>
    <row r="110914" spans="1:7" x14ac:dyDescent="0.3">
      <c r="A110914" s="13" t="s">
        <v>531</v>
      </c>
      <c r="B110914" s="14" t="s">
        <v>1</v>
      </c>
      <c r="C110914" s="14" t="s">
        <v>23</v>
      </c>
      <c r="D110914" s="14" t="s">
        <v>532</v>
      </c>
      <c r="E110914" s="15">
        <v>45695</v>
      </c>
      <c r="F110914" s="14" t="s">
        <v>15</v>
      </c>
      <c r="G110914" s="16">
        <v>5.6998993227009365</v>
      </c>
    </row>
    <row r="110915" spans="1:7" x14ac:dyDescent="0.3">
      <c r="A110915" s="13" t="s">
        <v>531</v>
      </c>
      <c r="B110915" s="14" t="s">
        <v>1</v>
      </c>
      <c r="C110915" s="14" t="s">
        <v>23</v>
      </c>
      <c r="D110915" s="14" t="s">
        <v>532</v>
      </c>
      <c r="E110915" s="15">
        <v>45696</v>
      </c>
      <c r="F110915" s="14" t="s">
        <v>15</v>
      </c>
      <c r="G110915" s="16">
        <v>5.6998993227009365</v>
      </c>
    </row>
    <row r="110916" spans="1:7" x14ac:dyDescent="0.3">
      <c r="A110916" s="13" t="s">
        <v>531</v>
      </c>
      <c r="B110916" s="14" t="s">
        <v>1</v>
      </c>
      <c r="C110916" s="14" t="s">
        <v>23</v>
      </c>
      <c r="D110916" s="14" t="s">
        <v>532</v>
      </c>
      <c r="E110916" s="15">
        <v>45697</v>
      </c>
      <c r="F110916" s="14" t="s">
        <v>15</v>
      </c>
      <c r="G110916" s="16">
        <v>5.6998993227009365</v>
      </c>
    </row>
    <row r="110917" spans="1:7" x14ac:dyDescent="0.3">
      <c r="A110917" s="13" t="s">
        <v>531</v>
      </c>
      <c r="B110917" s="14" t="s">
        <v>1</v>
      </c>
      <c r="C110917" s="14" t="s">
        <v>23</v>
      </c>
      <c r="D110917" s="14" t="s">
        <v>532</v>
      </c>
      <c r="E110917" s="15">
        <v>45698</v>
      </c>
      <c r="F110917" s="14" t="s">
        <v>15</v>
      </c>
      <c r="G110917" s="16">
        <v>5.7276924584870734</v>
      </c>
    </row>
    <row r="110918" spans="1:7" x14ac:dyDescent="0.3">
      <c r="A110918" s="13" t="s">
        <v>531</v>
      </c>
      <c r="B110918" s="14" t="s">
        <v>1</v>
      </c>
      <c r="C110918" s="14" t="s">
        <v>23</v>
      </c>
      <c r="D110918" s="14" t="s">
        <v>532</v>
      </c>
      <c r="E110918" s="15">
        <v>45699</v>
      </c>
      <c r="F110918" s="14" t="s">
        <v>15</v>
      </c>
      <c r="G110918" s="16">
        <v>5.7814685300339841</v>
      </c>
    </row>
    <row r="110919" spans="1:7" x14ac:dyDescent="0.3">
      <c r="A110919" s="13" t="s">
        <v>531</v>
      </c>
      <c r="B110919" s="14" t="s">
        <v>1</v>
      </c>
      <c r="C110919" s="14" t="s">
        <v>23</v>
      </c>
      <c r="D110919" s="14" t="s">
        <v>532</v>
      </c>
      <c r="E110919" s="15">
        <v>45700</v>
      </c>
      <c r="F110919" s="14" t="s">
        <v>15</v>
      </c>
      <c r="G110919" s="16">
        <v>5.7993413162330132</v>
      </c>
    </row>
    <row r="110920" spans="1:7" x14ac:dyDescent="0.3">
      <c r="A110920" s="13" t="s">
        <v>531</v>
      </c>
      <c r="B110920" s="14" t="s">
        <v>1</v>
      </c>
      <c r="C110920" s="14" t="s">
        <v>23</v>
      </c>
      <c r="D110920" s="14" t="s">
        <v>532</v>
      </c>
      <c r="E110920" s="15">
        <v>45701</v>
      </c>
      <c r="F110920" s="14" t="s">
        <v>15</v>
      </c>
      <c r="G110920" s="16">
        <v>5.8190094056892221</v>
      </c>
    </row>
    <row r="110921" spans="1:7" x14ac:dyDescent="0.3">
      <c r="A110921" s="13" t="s">
        <v>531</v>
      </c>
      <c r="B110921" s="14" t="s">
        <v>1</v>
      </c>
      <c r="C110921" s="14" t="s">
        <v>23</v>
      </c>
      <c r="D110921" s="14" t="s">
        <v>532</v>
      </c>
      <c r="E110921" s="15">
        <v>45702</v>
      </c>
      <c r="F110921" s="14" t="s">
        <v>15</v>
      </c>
      <c r="G110921" s="16">
        <v>5.8367157006575798</v>
      </c>
    </row>
    <row r="110922" spans="1:7" x14ac:dyDescent="0.3">
      <c r="A110922" s="13" t="s">
        <v>531</v>
      </c>
      <c r="B110922" s="14" t="s">
        <v>1</v>
      </c>
      <c r="C110922" s="14" t="s">
        <v>23</v>
      </c>
      <c r="D110922" s="14" t="s">
        <v>532</v>
      </c>
      <c r="E110922" s="15">
        <v>45703</v>
      </c>
      <c r="F110922" s="14" t="s">
        <v>15</v>
      </c>
      <c r="G110922" s="16">
        <v>5.8367157006575798</v>
      </c>
    </row>
    <row r="110923" spans="1:7" x14ac:dyDescent="0.3">
      <c r="A110923" s="13" t="s">
        <v>531</v>
      </c>
      <c r="B110923" s="14" t="s">
        <v>1</v>
      </c>
      <c r="C110923" s="14" t="s">
        <v>23</v>
      </c>
      <c r="D110923" s="14" t="s">
        <v>532</v>
      </c>
      <c r="E110923" s="15">
        <v>45704</v>
      </c>
      <c r="F110923" s="14" t="s">
        <v>15</v>
      </c>
      <c r="G110923" s="16">
        <v>5.8367157006575798</v>
      </c>
    </row>
    <row r="110924" spans="1:7" x14ac:dyDescent="0.3">
      <c r="A110924" s="13" t="s">
        <v>531</v>
      </c>
      <c r="B110924" s="14" t="s">
        <v>1</v>
      </c>
      <c r="C110924" s="14" t="s">
        <v>23</v>
      </c>
      <c r="D110924" s="14" t="s">
        <v>532</v>
      </c>
      <c r="E110924" s="15">
        <v>45705</v>
      </c>
      <c r="F110924" s="14" t="s">
        <v>15</v>
      </c>
      <c r="G110924" s="16">
        <v>5.8367157006575798</v>
      </c>
    </row>
    <row r="110925" spans="1:7" x14ac:dyDescent="0.3">
      <c r="A110925" s="13" t="s">
        <v>531</v>
      </c>
      <c r="B110925" s="14" t="s">
        <v>1</v>
      </c>
      <c r="C110925" s="14" t="s">
        <v>23</v>
      </c>
      <c r="D110925" s="14" t="s">
        <v>532</v>
      </c>
      <c r="E110925" s="15">
        <v>45706</v>
      </c>
      <c r="F110925" s="14" t="s">
        <v>15</v>
      </c>
      <c r="G110925" s="16">
        <v>5.8546400057369814</v>
      </c>
    </row>
    <row r="110926" spans="1:7" x14ac:dyDescent="0.3">
      <c r="A110926" s="13" t="s">
        <v>531</v>
      </c>
      <c r="B110926" s="14" t="s">
        <v>1</v>
      </c>
      <c r="C110926" s="14" t="s">
        <v>23</v>
      </c>
      <c r="D110926" s="14" t="s">
        <v>532</v>
      </c>
      <c r="E110926" s="15">
        <v>45707</v>
      </c>
      <c r="F110926" s="14" t="s">
        <v>15</v>
      </c>
      <c r="G110926" s="16">
        <v>5.9259003251082394</v>
      </c>
    </row>
    <row r="110927" spans="1:7" x14ac:dyDescent="0.3">
      <c r="A110927" s="13" t="s">
        <v>531</v>
      </c>
      <c r="B110927" s="14" t="s">
        <v>1</v>
      </c>
      <c r="C110927" s="14" t="s">
        <v>23</v>
      </c>
      <c r="D110927" s="14" t="s">
        <v>532</v>
      </c>
      <c r="E110927" s="15">
        <v>45708</v>
      </c>
      <c r="F110927" s="14" t="s">
        <v>15</v>
      </c>
      <c r="G110927" s="16">
        <v>5.9437219630663236</v>
      </c>
    </row>
    <row r="110928" spans="1:7" x14ac:dyDescent="0.3">
      <c r="A110928" s="13" t="s">
        <v>531</v>
      </c>
      <c r="B110928" s="14" t="s">
        <v>1</v>
      </c>
      <c r="C110928" s="14" t="s">
        <v>23</v>
      </c>
      <c r="D110928" s="14" t="s">
        <v>532</v>
      </c>
      <c r="E110928" s="15">
        <v>45709</v>
      </c>
      <c r="F110928" s="14" t="s">
        <v>15</v>
      </c>
      <c r="G110928" s="16">
        <v>5.9545716139523108</v>
      </c>
    </row>
    <row r="110929" spans="1:7" x14ac:dyDescent="0.3">
      <c r="A110929" s="13" t="s">
        <v>531</v>
      </c>
      <c r="B110929" s="14" t="s">
        <v>1</v>
      </c>
      <c r="C110929" s="14" t="s">
        <v>23</v>
      </c>
      <c r="D110929" s="14" t="s">
        <v>532</v>
      </c>
      <c r="E110929" s="15">
        <v>45710</v>
      </c>
      <c r="F110929" s="14" t="s">
        <v>15</v>
      </c>
      <c r="G110929" s="16">
        <v>5.9545716139523108</v>
      </c>
    </row>
    <row r="110930" spans="1:7" x14ac:dyDescent="0.3">
      <c r="A110930" s="13" t="s">
        <v>531</v>
      </c>
      <c r="B110930" s="14" t="s">
        <v>1</v>
      </c>
      <c r="C110930" s="14" t="s">
        <v>23</v>
      </c>
      <c r="D110930" s="14" t="s">
        <v>532</v>
      </c>
      <c r="E110930" s="15">
        <v>45711</v>
      </c>
      <c r="F110930" s="14" t="s">
        <v>15</v>
      </c>
      <c r="G110930" s="16">
        <v>5.9545716139523108</v>
      </c>
    </row>
    <row r="110931" spans="1:7" x14ac:dyDescent="0.3">
      <c r="A110931" s="13" t="s">
        <v>531</v>
      </c>
      <c r="B110931" s="14" t="s">
        <v>1</v>
      </c>
      <c r="C110931" s="14" t="s">
        <v>23</v>
      </c>
      <c r="D110931" s="14" t="s">
        <v>532</v>
      </c>
      <c r="E110931" s="15">
        <v>45712</v>
      </c>
      <c r="F110931" s="14" t="s">
        <v>15</v>
      </c>
      <c r="G110931" s="16">
        <v>5.96893042403119</v>
      </c>
    </row>
    <row r="110932" spans="1:7" x14ac:dyDescent="0.3">
      <c r="A110932" s="13" t="s">
        <v>531</v>
      </c>
      <c r="B110932" s="14" t="s">
        <v>1</v>
      </c>
      <c r="C110932" s="14" t="s">
        <v>23</v>
      </c>
      <c r="D110932" s="14" t="s">
        <v>532</v>
      </c>
      <c r="E110932" s="15">
        <v>45713</v>
      </c>
      <c r="F110932" s="14" t="s">
        <v>15</v>
      </c>
      <c r="G110932" s="16">
        <v>6.0224535644799273</v>
      </c>
    </row>
    <row r="110933" spans="1:7" x14ac:dyDescent="0.3">
      <c r="A110933" s="13" t="s">
        <v>531</v>
      </c>
      <c r="B110933" s="14" t="s">
        <v>1</v>
      </c>
      <c r="C110933" s="14" t="s">
        <v>23</v>
      </c>
      <c r="D110933" s="14" t="s">
        <v>532</v>
      </c>
      <c r="E110933" s="15">
        <v>45714</v>
      </c>
      <c r="F110933" s="14" t="s">
        <v>15</v>
      </c>
      <c r="G110933" s="16">
        <v>6.0374830541588116</v>
      </c>
    </row>
    <row r="110934" spans="1:7" x14ac:dyDescent="0.3">
      <c r="A110934" s="13" t="s">
        <v>531</v>
      </c>
      <c r="B110934" s="14" t="s">
        <v>1</v>
      </c>
      <c r="C110934" s="14" t="s">
        <v>23</v>
      </c>
      <c r="D110934" s="14" t="s">
        <v>532</v>
      </c>
      <c r="E110934" s="15">
        <v>45715</v>
      </c>
      <c r="F110934" s="14" t="s">
        <v>15</v>
      </c>
      <c r="G110934" s="16">
        <v>6.0556958919134374</v>
      </c>
    </row>
    <row r="110935" spans="1:7" x14ac:dyDescent="0.3">
      <c r="A110935" s="13" t="s">
        <v>531</v>
      </c>
      <c r="B110935" s="14" t="s">
        <v>1</v>
      </c>
      <c r="C110935" s="14" t="s">
        <v>23</v>
      </c>
      <c r="D110935" s="14" t="s">
        <v>532</v>
      </c>
      <c r="E110935" s="15">
        <v>45716</v>
      </c>
      <c r="F110935" s="14" t="s">
        <v>15</v>
      </c>
      <c r="G110935" s="16">
        <v>6.0736361700362718</v>
      </c>
    </row>
    <row r="110936" spans="1:7" x14ac:dyDescent="0.3">
      <c r="A110936" s="13" t="s">
        <v>531</v>
      </c>
      <c r="B110936" s="14" t="s">
        <v>1</v>
      </c>
      <c r="C110936" s="14" t="s">
        <v>23</v>
      </c>
      <c r="D110936" s="14" t="s">
        <v>532</v>
      </c>
      <c r="E110936" s="15">
        <v>45717</v>
      </c>
      <c r="F110936" s="14" t="s">
        <v>15</v>
      </c>
      <c r="G110936" s="16">
        <v>6.0736361700362718</v>
      </c>
    </row>
    <row r="110937" spans="1:7" x14ac:dyDescent="0.3">
      <c r="A110937" s="13" t="s">
        <v>531</v>
      </c>
      <c r="B110937" s="14" t="s">
        <v>1</v>
      </c>
      <c r="C110937" s="14" t="s">
        <v>23</v>
      </c>
      <c r="D110937" s="14" t="s">
        <v>532</v>
      </c>
      <c r="E110937" s="15">
        <v>45718</v>
      </c>
      <c r="F110937" s="14" t="s">
        <v>15</v>
      </c>
      <c r="G110937" s="16">
        <v>6.0736361700362718</v>
      </c>
    </row>
    <row r="110938" spans="1:7" x14ac:dyDescent="0.3">
      <c r="A110938" s="13" t="s">
        <v>531</v>
      </c>
      <c r="B110938" s="14" t="s">
        <v>1</v>
      </c>
      <c r="C110938" s="14" t="s">
        <v>23</v>
      </c>
      <c r="D110938" s="14" t="s">
        <v>532</v>
      </c>
      <c r="E110938" s="15">
        <v>45719</v>
      </c>
      <c r="F110938" s="14" t="s">
        <v>15</v>
      </c>
      <c r="G110938" s="16">
        <v>6.1155318611214318</v>
      </c>
    </row>
    <row r="110939" spans="1:7" x14ac:dyDescent="0.3">
      <c r="A110939" s="13" t="s">
        <v>531</v>
      </c>
      <c r="B110939" s="14" t="s">
        <v>1</v>
      </c>
      <c r="C110939" s="14" t="s">
        <v>23</v>
      </c>
      <c r="D110939" s="14" t="s">
        <v>532</v>
      </c>
      <c r="E110939" s="15">
        <v>45720</v>
      </c>
      <c r="F110939" s="14" t="s">
        <v>15</v>
      </c>
      <c r="G110939" s="16">
        <v>6.169252487364985</v>
      </c>
    </row>
    <row r="110940" spans="1:7" x14ac:dyDescent="0.3">
      <c r="A110940" s="13" t="s">
        <v>531</v>
      </c>
      <c r="B110940" s="14" t="s">
        <v>1</v>
      </c>
      <c r="C110940" s="14" t="s">
        <v>23</v>
      </c>
      <c r="D110940" s="14" t="s">
        <v>532</v>
      </c>
      <c r="E110940" s="15">
        <v>45721</v>
      </c>
      <c r="F110940" s="14" t="s">
        <v>15</v>
      </c>
      <c r="G110940" s="16">
        <v>6.1875358637921938</v>
      </c>
    </row>
    <row r="110941" spans="1:7" x14ac:dyDescent="0.3">
      <c r="A110941" s="13" t="s">
        <v>531</v>
      </c>
      <c r="B110941" s="14" t="s">
        <v>1</v>
      </c>
      <c r="C110941" s="14" t="s">
        <v>23</v>
      </c>
      <c r="D110941" s="14" t="s">
        <v>532</v>
      </c>
      <c r="E110941" s="15">
        <v>45722</v>
      </c>
      <c r="F110941" s="14" t="s">
        <v>15</v>
      </c>
      <c r="G110941" s="16">
        <v>6.2062491438190479</v>
      </c>
    </row>
    <row r="110942" spans="1:7" x14ac:dyDescent="0.3">
      <c r="A110942" s="13" t="s">
        <v>531</v>
      </c>
      <c r="B110942" s="14" t="s">
        <v>1</v>
      </c>
      <c r="C110942" s="14" t="s">
        <v>23</v>
      </c>
      <c r="D110942" s="14" t="s">
        <v>532</v>
      </c>
      <c r="E110942" s="15">
        <v>45723</v>
      </c>
      <c r="F110942" s="14" t="s">
        <v>15</v>
      </c>
      <c r="G110942" s="16">
        <v>6.2242811372085214</v>
      </c>
    </row>
    <row r="110943" spans="1:7" x14ac:dyDescent="0.3">
      <c r="A110943" s="13" t="s">
        <v>531</v>
      </c>
      <c r="B110943" s="14" t="s">
        <v>1</v>
      </c>
      <c r="C110943" s="14" t="s">
        <v>23</v>
      </c>
      <c r="D110943" s="14" t="s">
        <v>532</v>
      </c>
      <c r="E110943" s="15">
        <v>45724</v>
      </c>
      <c r="F110943" s="14" t="s">
        <v>15</v>
      </c>
      <c r="G110943" s="16">
        <v>6.2242811372085214</v>
      </c>
    </row>
    <row r="110944" spans="1:7" x14ac:dyDescent="0.3">
      <c r="A110944" s="13" t="s">
        <v>531</v>
      </c>
      <c r="B110944" s="14" t="s">
        <v>1</v>
      </c>
      <c r="C110944" s="14" t="s">
        <v>23</v>
      </c>
      <c r="D110944" s="14" t="s">
        <v>532</v>
      </c>
      <c r="E110944" s="15">
        <v>45725</v>
      </c>
      <c r="F110944" s="14" t="s">
        <v>15</v>
      </c>
      <c r="G110944" s="16">
        <v>6.2242811372085214</v>
      </c>
    </row>
    <row r="110945" spans="1:7" x14ac:dyDescent="0.3">
      <c r="A110945" s="13" t="s">
        <v>531</v>
      </c>
      <c r="B110945" s="14" t="s">
        <v>1</v>
      </c>
      <c r="C110945" s="14" t="s">
        <v>23</v>
      </c>
      <c r="D110945" s="14" t="s">
        <v>532</v>
      </c>
      <c r="E110945" s="15">
        <v>45726</v>
      </c>
      <c r="F110945" s="14" t="s">
        <v>15</v>
      </c>
      <c r="G110945" s="16">
        <v>6.2518629874217311</v>
      </c>
    </row>
    <row r="110946" spans="1:7" x14ac:dyDescent="0.3">
      <c r="A110946" s="13" t="s">
        <v>531</v>
      </c>
      <c r="B110946" s="14" t="s">
        <v>1</v>
      </c>
      <c r="C110946" s="14" t="s">
        <v>23</v>
      </c>
      <c r="D110946" s="14" t="s">
        <v>532</v>
      </c>
      <c r="E110946" s="15">
        <v>45727</v>
      </c>
      <c r="F110946" s="14" t="s">
        <v>15</v>
      </c>
      <c r="G110946" s="16">
        <v>6.3054921607635288</v>
      </c>
    </row>
    <row r="110947" spans="1:7" x14ac:dyDescent="0.3">
      <c r="A110947" s="13" t="s">
        <v>531</v>
      </c>
      <c r="B110947" s="14" t="s">
        <v>1</v>
      </c>
      <c r="C110947" s="14" t="s">
        <v>23</v>
      </c>
      <c r="D110947" s="14" t="s">
        <v>532</v>
      </c>
      <c r="E110947" s="15">
        <v>45728</v>
      </c>
      <c r="F110947" s="14" t="s">
        <v>15</v>
      </c>
      <c r="G110947" s="16">
        <v>6.3250121753221</v>
      </c>
    </row>
    <row r="110948" spans="1:7" x14ac:dyDescent="0.3">
      <c r="A110948" s="13" t="s">
        <v>531</v>
      </c>
      <c r="B110948" s="14" t="s">
        <v>1</v>
      </c>
      <c r="C110948" s="14" t="s">
        <v>23</v>
      </c>
      <c r="D110948" s="14" t="s">
        <v>532</v>
      </c>
      <c r="E110948" s="15">
        <v>45729</v>
      </c>
      <c r="F110948" s="14" t="s">
        <v>15</v>
      </c>
      <c r="G110948" s="16">
        <v>6.3407799222984762</v>
      </c>
    </row>
    <row r="110949" spans="1:7" x14ac:dyDescent="0.3">
      <c r="A110949" s="13" t="s">
        <v>531</v>
      </c>
      <c r="B110949" s="14" t="s">
        <v>1</v>
      </c>
      <c r="C110949" s="14" t="s">
        <v>23</v>
      </c>
      <c r="D110949" s="14" t="s">
        <v>532</v>
      </c>
      <c r="E110949" s="15">
        <v>45730</v>
      </c>
      <c r="F110949" s="14" t="s">
        <v>15</v>
      </c>
      <c r="G110949" s="16">
        <v>6.2439992816944558</v>
      </c>
    </row>
    <row r="110950" spans="1:7" x14ac:dyDescent="0.3">
      <c r="A110950" s="13" t="s">
        <v>531</v>
      </c>
      <c r="B110950" s="14" t="s">
        <v>1</v>
      </c>
      <c r="C110950" s="14" t="s">
        <v>23</v>
      </c>
      <c r="D110950" s="14" t="s">
        <v>532</v>
      </c>
      <c r="E110950" s="15">
        <v>45731</v>
      </c>
      <c r="F110950" s="14" t="s">
        <v>15</v>
      </c>
      <c r="G110950" s="16">
        <v>6.2439992816944558</v>
      </c>
    </row>
    <row r="110951" spans="1:7" x14ac:dyDescent="0.3">
      <c r="A110951" s="13" t="s">
        <v>531</v>
      </c>
      <c r="B110951" s="14" t="s">
        <v>1</v>
      </c>
      <c r="C110951" s="14" t="s">
        <v>23</v>
      </c>
      <c r="D110951" s="14" t="s">
        <v>532</v>
      </c>
      <c r="E110951" s="15">
        <v>45732</v>
      </c>
      <c r="F110951" s="14" t="s">
        <v>15</v>
      </c>
      <c r="G110951" s="16">
        <v>6.2439992816944558</v>
      </c>
    </row>
    <row r="110952" spans="1:7" x14ac:dyDescent="0.3">
      <c r="A110952" s="13" t="s">
        <v>531</v>
      </c>
      <c r="B110952" s="14" t="s">
        <v>1</v>
      </c>
      <c r="C110952" s="14" t="s">
        <v>23</v>
      </c>
      <c r="D110952" s="14" t="s">
        <v>532</v>
      </c>
      <c r="E110952" s="15">
        <v>45733</v>
      </c>
      <c r="F110952" s="14" t="s">
        <v>15</v>
      </c>
      <c r="G110952" s="16">
        <v>6.2439992816944558</v>
      </c>
    </row>
    <row r="110953" spans="1:7" x14ac:dyDescent="0.3">
      <c r="A110953" s="13" t="s">
        <v>531</v>
      </c>
      <c r="B110953" s="14" t="s">
        <v>1</v>
      </c>
      <c r="C110953" s="14" t="s">
        <v>23</v>
      </c>
      <c r="D110953" s="14" t="s">
        <v>532</v>
      </c>
      <c r="E110953" s="15">
        <v>45734</v>
      </c>
      <c r="F110953" s="14" t="s">
        <v>15</v>
      </c>
      <c r="G110953" s="16">
        <v>6.2598419151043183</v>
      </c>
    </row>
    <row r="110954" spans="1:7" x14ac:dyDescent="0.3">
      <c r="A110954" s="13" t="s">
        <v>531</v>
      </c>
      <c r="B110954" s="14" t="s">
        <v>1</v>
      </c>
      <c r="C110954" s="14" t="s">
        <v>23</v>
      </c>
      <c r="D110954" s="14" t="s">
        <v>532</v>
      </c>
      <c r="E110954" s="15">
        <v>45735</v>
      </c>
      <c r="F110954" s="14" t="s">
        <v>15</v>
      </c>
      <c r="G110954" s="16">
        <v>6.32358071948613</v>
      </c>
    </row>
    <row r="110955" spans="1:7" x14ac:dyDescent="0.3">
      <c r="A110955" s="13" t="s">
        <v>531</v>
      </c>
      <c r="B110955" s="14" t="s">
        <v>1</v>
      </c>
      <c r="C110955" s="14" t="s">
        <v>23</v>
      </c>
      <c r="D110955" s="14" t="s">
        <v>532</v>
      </c>
      <c r="E110955" s="15">
        <v>45736</v>
      </c>
      <c r="F110955" s="14" t="s">
        <v>15</v>
      </c>
      <c r="G110955" s="16">
        <v>6.3417078014050103</v>
      </c>
    </row>
    <row r="110956" spans="1:7" x14ac:dyDescent="0.3">
      <c r="A110956" s="13" t="s">
        <v>531</v>
      </c>
      <c r="B110956" s="14" t="s">
        <v>1</v>
      </c>
      <c r="C110956" s="14" t="s">
        <v>23</v>
      </c>
      <c r="D110956" s="14" t="s">
        <v>532</v>
      </c>
      <c r="E110956" s="15">
        <v>45737</v>
      </c>
      <c r="F110956" s="14" t="s">
        <v>15</v>
      </c>
      <c r="G110956" s="16">
        <v>6.358704727853957</v>
      </c>
    </row>
    <row r="110957" spans="1:7" x14ac:dyDescent="0.3">
      <c r="A110957" s="13" t="s">
        <v>531</v>
      </c>
      <c r="B110957" s="14" t="s">
        <v>1</v>
      </c>
      <c r="C110957" s="14" t="s">
        <v>23</v>
      </c>
      <c r="D110957" s="14" t="s">
        <v>532</v>
      </c>
      <c r="E110957" s="15">
        <v>45738</v>
      </c>
      <c r="F110957" s="14" t="s">
        <v>15</v>
      </c>
      <c r="G110957" s="16">
        <v>6.358704727853957</v>
      </c>
    </row>
    <row r="110958" spans="1:7" x14ac:dyDescent="0.3">
      <c r="A110958" s="13" t="s">
        <v>531</v>
      </c>
      <c r="B110958" s="14" t="s">
        <v>1</v>
      </c>
      <c r="C110958" s="14" t="s">
        <v>23</v>
      </c>
      <c r="D110958" s="14" t="s">
        <v>532</v>
      </c>
      <c r="E110958" s="15">
        <v>45739</v>
      </c>
      <c r="F110958" s="14" t="s">
        <v>15</v>
      </c>
      <c r="G110958" s="16">
        <v>6.358704727853957</v>
      </c>
    </row>
    <row r="110959" spans="1:7" x14ac:dyDescent="0.3">
      <c r="A110959" s="13" t="s">
        <v>531</v>
      </c>
      <c r="B110959" s="14" t="s">
        <v>1</v>
      </c>
      <c r="C110959" s="14" t="s">
        <v>23</v>
      </c>
      <c r="D110959" s="14" t="s">
        <v>532</v>
      </c>
      <c r="E110959" s="15">
        <v>45740</v>
      </c>
      <c r="F110959" s="14" t="s">
        <v>15</v>
      </c>
      <c r="G110959" s="16">
        <v>6.3768970636670819</v>
      </c>
    </row>
    <row r="110960" spans="1:7" x14ac:dyDescent="0.3">
      <c r="A110960" s="13" t="s">
        <v>531</v>
      </c>
      <c r="B110960" s="14" t="s">
        <v>1</v>
      </c>
      <c r="C110960" s="14" t="s">
        <v>23</v>
      </c>
      <c r="D110960" s="14" t="s">
        <v>532</v>
      </c>
      <c r="E110960" s="15">
        <v>45741</v>
      </c>
      <c r="F110960" s="14" t="s">
        <v>15</v>
      </c>
      <c r="G110960" s="16">
        <v>6.4315656142296103</v>
      </c>
    </row>
    <row r="110961" spans="1:7" x14ac:dyDescent="0.3">
      <c r="A110961" s="13" t="s">
        <v>531</v>
      </c>
      <c r="B110961" s="14" t="s">
        <v>1</v>
      </c>
      <c r="C110961" s="14" t="s">
        <v>23</v>
      </c>
      <c r="D110961" s="14" t="s">
        <v>532</v>
      </c>
      <c r="E110961" s="15">
        <v>45742</v>
      </c>
      <c r="F110961" s="14" t="s">
        <v>15</v>
      </c>
      <c r="G110961" s="16">
        <v>6.4497260539692132</v>
      </c>
    </row>
    <row r="110962" spans="1:7" x14ac:dyDescent="0.3">
      <c r="A110962" s="13" t="s">
        <v>531</v>
      </c>
      <c r="B110962" s="14" t="s">
        <v>1</v>
      </c>
      <c r="C110962" s="14" t="s">
        <v>23</v>
      </c>
      <c r="D110962" s="14" t="s">
        <v>532</v>
      </c>
      <c r="E110962" s="15">
        <v>45743</v>
      </c>
      <c r="F110962" s="14" t="s">
        <v>15</v>
      </c>
      <c r="G110962" s="16">
        <v>6.4681256580391855</v>
      </c>
    </row>
    <row r="110963" spans="1:7" x14ac:dyDescent="0.3">
      <c r="A110963" s="13" t="s">
        <v>531</v>
      </c>
      <c r="B110963" s="14" t="s">
        <v>1</v>
      </c>
      <c r="C110963" s="14" t="s">
        <v>23</v>
      </c>
      <c r="D110963" s="14" t="s">
        <v>532</v>
      </c>
      <c r="E110963" s="15">
        <v>45744</v>
      </c>
      <c r="F110963" s="14" t="s">
        <v>15</v>
      </c>
      <c r="G110963" s="16">
        <v>6.4862562256629275</v>
      </c>
    </row>
    <row r="110964" spans="1:7" x14ac:dyDescent="0.3">
      <c r="A110964" s="13" t="s">
        <v>531</v>
      </c>
      <c r="B110964" s="14" t="s">
        <v>1</v>
      </c>
      <c r="C110964" s="14" t="s">
        <v>23</v>
      </c>
      <c r="D110964" s="14" t="s">
        <v>532</v>
      </c>
      <c r="E110964" s="15">
        <v>45745</v>
      </c>
      <c r="F110964" s="14" t="s">
        <v>15</v>
      </c>
      <c r="G110964" s="16">
        <v>6.4862562256629275</v>
      </c>
    </row>
    <row r="110965" spans="1:7" x14ac:dyDescent="0.3">
      <c r="A110965" s="13" t="s">
        <v>531</v>
      </c>
      <c r="B110965" s="14" t="s">
        <v>1</v>
      </c>
      <c r="C110965" s="14" t="s">
        <v>23</v>
      </c>
      <c r="D110965" s="14" t="s">
        <v>532</v>
      </c>
      <c r="E110965" s="15">
        <v>45746</v>
      </c>
      <c r="F110965" s="14" t="s">
        <v>15</v>
      </c>
      <c r="G110965" s="16">
        <v>6.4862562256629275</v>
      </c>
    </row>
    <row r="110966" spans="1:7" x14ac:dyDescent="0.3">
      <c r="A110966" s="13" t="s">
        <v>531</v>
      </c>
      <c r="B110966" s="14" t="s">
        <v>1</v>
      </c>
      <c r="C110966" s="14" t="s">
        <v>23</v>
      </c>
      <c r="D110966" s="14" t="s">
        <v>532</v>
      </c>
      <c r="E110966" s="15">
        <v>45747</v>
      </c>
      <c r="F110966" s="14" t="s">
        <v>15</v>
      </c>
      <c r="G110966" s="16">
        <v>6.5042516753723962</v>
      </c>
    </row>
    <row r="110967" spans="1:7" x14ac:dyDescent="0.3">
      <c r="A110967" s="13" t="s">
        <v>533</v>
      </c>
      <c r="B110967" s="14" t="s">
        <v>1</v>
      </c>
      <c r="C110967" s="14" t="s">
        <v>47</v>
      </c>
      <c r="D110967" s="14" t="s">
        <v>179</v>
      </c>
      <c r="E110967" s="15">
        <v>45383</v>
      </c>
      <c r="F110967" s="14" t="s">
        <v>53</v>
      </c>
      <c r="G110967" s="16">
        <v>0</v>
      </c>
    </row>
    <row r="110968" spans="1:7" x14ac:dyDescent="0.3">
      <c r="A110968" s="13" t="s">
        <v>533</v>
      </c>
      <c r="B110968" s="14" t="s">
        <v>1</v>
      </c>
      <c r="C110968" s="14" t="s">
        <v>47</v>
      </c>
      <c r="D110968" s="14" t="s">
        <v>179</v>
      </c>
      <c r="E110968" s="15">
        <v>45384</v>
      </c>
      <c r="F110968" s="14" t="s">
        <v>53</v>
      </c>
      <c r="G110968" s="16">
        <v>0</v>
      </c>
    </row>
    <row r="110969" spans="1:7" x14ac:dyDescent="0.3">
      <c r="A110969" s="13" t="s">
        <v>533</v>
      </c>
      <c r="B110969" s="14" t="s">
        <v>1</v>
      </c>
      <c r="C110969" s="14" t="s">
        <v>47</v>
      </c>
      <c r="D110969" s="14" t="s">
        <v>179</v>
      </c>
      <c r="E110969" s="15">
        <v>45385</v>
      </c>
      <c r="F110969" s="14" t="s">
        <v>53</v>
      </c>
      <c r="G110969" s="16">
        <v>0</v>
      </c>
    </row>
    <row r="110970" spans="1:7" x14ac:dyDescent="0.3">
      <c r="A110970" s="13" t="s">
        <v>533</v>
      </c>
      <c r="B110970" s="14" t="s">
        <v>1</v>
      </c>
      <c r="C110970" s="14" t="s">
        <v>47</v>
      </c>
      <c r="D110970" s="14" t="s">
        <v>179</v>
      </c>
      <c r="E110970" s="15">
        <v>45386</v>
      </c>
      <c r="F110970" s="14" t="s">
        <v>53</v>
      </c>
      <c r="G110970" s="16">
        <v>0</v>
      </c>
    </row>
    <row r="110971" spans="1:7" x14ac:dyDescent="0.3">
      <c r="A110971" s="13" t="s">
        <v>533</v>
      </c>
      <c r="B110971" s="14" t="s">
        <v>1</v>
      </c>
      <c r="C110971" s="14" t="s">
        <v>47</v>
      </c>
      <c r="D110971" s="14" t="s">
        <v>179</v>
      </c>
      <c r="E110971" s="15">
        <v>45387</v>
      </c>
      <c r="F110971" s="14" t="s">
        <v>53</v>
      </c>
      <c r="G110971" s="16">
        <v>0</v>
      </c>
    </row>
    <row r="110972" spans="1:7" x14ac:dyDescent="0.3">
      <c r="A110972" s="13" t="s">
        <v>533</v>
      </c>
      <c r="B110972" s="14" t="s">
        <v>1</v>
      </c>
      <c r="C110972" s="14" t="s">
        <v>47</v>
      </c>
      <c r="D110972" s="14" t="s">
        <v>179</v>
      </c>
      <c r="E110972" s="15">
        <v>45388</v>
      </c>
      <c r="F110972" s="14" t="s">
        <v>53</v>
      </c>
      <c r="G110972" s="16">
        <v>0</v>
      </c>
    </row>
    <row r="110973" spans="1:7" x14ac:dyDescent="0.3">
      <c r="A110973" s="13" t="s">
        <v>533</v>
      </c>
      <c r="B110973" s="14" t="s">
        <v>1</v>
      </c>
      <c r="C110973" s="14" t="s">
        <v>47</v>
      </c>
      <c r="D110973" s="14" t="s">
        <v>179</v>
      </c>
      <c r="E110973" s="15">
        <v>45389</v>
      </c>
      <c r="F110973" s="14" t="s">
        <v>53</v>
      </c>
      <c r="G110973" s="16">
        <v>0</v>
      </c>
    </row>
    <row r="110974" spans="1:7" x14ac:dyDescent="0.3">
      <c r="A110974" s="13" t="s">
        <v>533</v>
      </c>
      <c r="B110974" s="14" t="s">
        <v>1</v>
      </c>
      <c r="C110974" s="14" t="s">
        <v>47</v>
      </c>
      <c r="D110974" s="14" t="s">
        <v>179</v>
      </c>
      <c r="E110974" s="15">
        <v>45390</v>
      </c>
      <c r="F110974" s="14" t="s">
        <v>53</v>
      </c>
      <c r="G110974" s="16">
        <v>0</v>
      </c>
    </row>
    <row r="110975" spans="1:7" x14ac:dyDescent="0.3">
      <c r="A110975" s="13" t="s">
        <v>533</v>
      </c>
      <c r="B110975" s="14" t="s">
        <v>1</v>
      </c>
      <c r="C110975" s="14" t="s">
        <v>47</v>
      </c>
      <c r="D110975" s="14" t="s">
        <v>179</v>
      </c>
      <c r="E110975" s="15">
        <v>45391</v>
      </c>
      <c r="F110975" s="14" t="s">
        <v>53</v>
      </c>
      <c r="G110975" s="16">
        <v>0</v>
      </c>
    </row>
    <row r="110976" spans="1:7" x14ac:dyDescent="0.3">
      <c r="A110976" s="13" t="s">
        <v>533</v>
      </c>
      <c r="B110976" s="14" t="s">
        <v>1</v>
      </c>
      <c r="C110976" s="14" t="s">
        <v>47</v>
      </c>
      <c r="D110976" s="14" t="s">
        <v>179</v>
      </c>
      <c r="E110976" s="15">
        <v>45392</v>
      </c>
      <c r="F110976" s="14" t="s">
        <v>53</v>
      </c>
      <c r="G110976" s="16">
        <v>0</v>
      </c>
    </row>
    <row r="110977" spans="1:7" x14ac:dyDescent="0.3">
      <c r="A110977" s="13" t="s">
        <v>533</v>
      </c>
      <c r="B110977" s="14" t="s">
        <v>1</v>
      </c>
      <c r="C110977" s="14" t="s">
        <v>47</v>
      </c>
      <c r="D110977" s="14" t="s">
        <v>179</v>
      </c>
      <c r="E110977" s="15">
        <v>45393</v>
      </c>
      <c r="F110977" s="14" t="s">
        <v>53</v>
      </c>
      <c r="G110977" s="16">
        <v>0</v>
      </c>
    </row>
    <row r="110978" spans="1:7" x14ac:dyDescent="0.3">
      <c r="A110978" s="13" t="s">
        <v>533</v>
      </c>
      <c r="B110978" s="14" t="s">
        <v>1</v>
      </c>
      <c r="C110978" s="14" t="s">
        <v>47</v>
      </c>
      <c r="D110978" s="14" t="s">
        <v>179</v>
      </c>
      <c r="E110978" s="15">
        <v>45394</v>
      </c>
      <c r="F110978" s="14" t="s">
        <v>53</v>
      </c>
      <c r="G110978" s="16">
        <v>0</v>
      </c>
    </row>
    <row r="110979" spans="1:7" x14ac:dyDescent="0.3">
      <c r="A110979" s="13" t="s">
        <v>533</v>
      </c>
      <c r="B110979" s="14" t="s">
        <v>1</v>
      </c>
      <c r="C110979" s="14" t="s">
        <v>47</v>
      </c>
      <c r="D110979" s="14" t="s">
        <v>179</v>
      </c>
      <c r="E110979" s="15">
        <v>45395</v>
      </c>
      <c r="F110979" s="14" t="s">
        <v>53</v>
      </c>
      <c r="G110979" s="16">
        <v>0</v>
      </c>
    </row>
    <row r="110980" spans="1:7" x14ac:dyDescent="0.3">
      <c r="A110980" s="13" t="s">
        <v>533</v>
      </c>
      <c r="B110980" s="14" t="s">
        <v>1</v>
      </c>
      <c r="C110980" s="14" t="s">
        <v>47</v>
      </c>
      <c r="D110980" s="14" t="s">
        <v>179</v>
      </c>
      <c r="E110980" s="15">
        <v>45396</v>
      </c>
      <c r="F110980" s="14" t="s">
        <v>53</v>
      </c>
      <c r="G110980" s="16">
        <v>0</v>
      </c>
    </row>
    <row r="110981" spans="1:7" x14ac:dyDescent="0.3">
      <c r="A110981" s="13" t="s">
        <v>533</v>
      </c>
      <c r="B110981" s="14" t="s">
        <v>1</v>
      </c>
      <c r="C110981" s="14" t="s">
        <v>47</v>
      </c>
      <c r="D110981" s="14" t="s">
        <v>179</v>
      </c>
      <c r="E110981" s="15">
        <v>45397</v>
      </c>
      <c r="F110981" s="14" t="s">
        <v>53</v>
      </c>
      <c r="G110981" s="16">
        <v>0</v>
      </c>
    </row>
    <row r="110982" spans="1:7" x14ac:dyDescent="0.3">
      <c r="A110982" s="13" t="s">
        <v>533</v>
      </c>
      <c r="B110982" s="14" t="s">
        <v>1</v>
      </c>
      <c r="C110982" s="14" t="s">
        <v>47</v>
      </c>
      <c r="D110982" s="14" t="s">
        <v>179</v>
      </c>
      <c r="E110982" s="15">
        <v>45398</v>
      </c>
      <c r="F110982" s="14" t="s">
        <v>53</v>
      </c>
      <c r="G110982" s="16">
        <v>0</v>
      </c>
    </row>
    <row r="110983" spans="1:7" x14ac:dyDescent="0.3">
      <c r="A110983" s="13" t="s">
        <v>533</v>
      </c>
      <c r="B110983" s="14" t="s">
        <v>1</v>
      </c>
      <c r="C110983" s="14" t="s">
        <v>47</v>
      </c>
      <c r="D110983" s="14" t="s">
        <v>179</v>
      </c>
      <c r="E110983" s="15">
        <v>45399</v>
      </c>
      <c r="F110983" s="14" t="s">
        <v>53</v>
      </c>
      <c r="G110983" s="16">
        <v>0</v>
      </c>
    </row>
    <row r="110984" spans="1:7" x14ac:dyDescent="0.3">
      <c r="A110984" s="13" t="s">
        <v>533</v>
      </c>
      <c r="B110984" s="14" t="s">
        <v>1</v>
      </c>
      <c r="C110984" s="14" t="s">
        <v>47</v>
      </c>
      <c r="D110984" s="14" t="s">
        <v>179</v>
      </c>
      <c r="E110984" s="15">
        <v>45400</v>
      </c>
      <c r="F110984" s="14" t="s">
        <v>53</v>
      </c>
      <c r="G110984" s="16">
        <v>0</v>
      </c>
    </row>
    <row r="110985" spans="1:7" x14ac:dyDescent="0.3">
      <c r="A110985" s="13" t="s">
        <v>533</v>
      </c>
      <c r="B110985" s="14" t="s">
        <v>1</v>
      </c>
      <c r="C110985" s="14" t="s">
        <v>47</v>
      </c>
      <c r="D110985" s="14" t="s">
        <v>179</v>
      </c>
      <c r="E110985" s="15">
        <v>45401</v>
      </c>
      <c r="F110985" s="14" t="s">
        <v>53</v>
      </c>
      <c r="G110985" s="16">
        <v>0</v>
      </c>
    </row>
    <row r="110986" spans="1:7" x14ac:dyDescent="0.3">
      <c r="A110986" s="13" t="s">
        <v>533</v>
      </c>
      <c r="B110986" s="14" t="s">
        <v>1</v>
      </c>
      <c r="C110986" s="14" t="s">
        <v>47</v>
      </c>
      <c r="D110986" s="14" t="s">
        <v>179</v>
      </c>
      <c r="E110986" s="15">
        <v>45402</v>
      </c>
      <c r="F110986" s="14" t="s">
        <v>53</v>
      </c>
      <c r="G110986" s="16">
        <v>0</v>
      </c>
    </row>
    <row r="110987" spans="1:7" x14ac:dyDescent="0.3">
      <c r="A110987" s="13" t="s">
        <v>533</v>
      </c>
      <c r="B110987" s="14" t="s">
        <v>1</v>
      </c>
      <c r="C110987" s="14" t="s">
        <v>47</v>
      </c>
      <c r="D110987" s="14" t="s">
        <v>179</v>
      </c>
      <c r="E110987" s="15">
        <v>45403</v>
      </c>
      <c r="F110987" s="14" t="s">
        <v>53</v>
      </c>
      <c r="G110987" s="16">
        <v>0</v>
      </c>
    </row>
    <row r="110988" spans="1:7" x14ac:dyDescent="0.3">
      <c r="A110988" s="13" t="s">
        <v>533</v>
      </c>
      <c r="B110988" s="14" t="s">
        <v>1</v>
      </c>
      <c r="C110988" s="14" t="s">
        <v>47</v>
      </c>
      <c r="D110988" s="14" t="s">
        <v>179</v>
      </c>
      <c r="E110988" s="15">
        <v>45404</v>
      </c>
      <c r="F110988" s="14" t="s">
        <v>53</v>
      </c>
      <c r="G110988" s="16">
        <v>0</v>
      </c>
    </row>
    <row r="110989" spans="1:7" x14ac:dyDescent="0.3">
      <c r="A110989" s="13" t="s">
        <v>533</v>
      </c>
      <c r="B110989" s="14" t="s">
        <v>1</v>
      </c>
      <c r="C110989" s="14" t="s">
        <v>47</v>
      </c>
      <c r="D110989" s="14" t="s">
        <v>179</v>
      </c>
      <c r="E110989" s="15">
        <v>45405</v>
      </c>
      <c r="F110989" s="14" t="s">
        <v>53</v>
      </c>
      <c r="G110989" s="16">
        <v>0</v>
      </c>
    </row>
    <row r="110990" spans="1:7" x14ac:dyDescent="0.3">
      <c r="A110990" s="13" t="s">
        <v>533</v>
      </c>
      <c r="B110990" s="14" t="s">
        <v>1</v>
      </c>
      <c r="C110990" s="14" t="s">
        <v>47</v>
      </c>
      <c r="D110990" s="14" t="s">
        <v>179</v>
      </c>
      <c r="E110990" s="15">
        <v>45406</v>
      </c>
      <c r="F110990" s="14" t="s">
        <v>53</v>
      </c>
      <c r="G110990" s="16">
        <v>0</v>
      </c>
    </row>
    <row r="110991" spans="1:7" x14ac:dyDescent="0.3">
      <c r="A110991" s="13" t="s">
        <v>533</v>
      </c>
      <c r="B110991" s="14" t="s">
        <v>1</v>
      </c>
      <c r="C110991" s="14" t="s">
        <v>47</v>
      </c>
      <c r="D110991" s="14" t="s">
        <v>179</v>
      </c>
      <c r="E110991" s="15">
        <v>45407</v>
      </c>
      <c r="F110991" s="14" t="s">
        <v>53</v>
      </c>
      <c r="G110991" s="16">
        <v>0</v>
      </c>
    </row>
    <row r="110992" spans="1:7" x14ac:dyDescent="0.3">
      <c r="A110992" s="13" t="s">
        <v>533</v>
      </c>
      <c r="B110992" s="14" t="s">
        <v>1</v>
      </c>
      <c r="C110992" s="14" t="s">
        <v>47</v>
      </c>
      <c r="D110992" s="14" t="s">
        <v>179</v>
      </c>
      <c r="E110992" s="15">
        <v>45408</v>
      </c>
      <c r="F110992" s="14" t="s">
        <v>53</v>
      </c>
      <c r="G110992" s="16">
        <v>0</v>
      </c>
    </row>
    <row r="110993" spans="1:7" x14ac:dyDescent="0.3">
      <c r="A110993" s="13" t="s">
        <v>533</v>
      </c>
      <c r="B110993" s="14" t="s">
        <v>1</v>
      </c>
      <c r="C110993" s="14" t="s">
        <v>47</v>
      </c>
      <c r="D110993" s="14" t="s">
        <v>179</v>
      </c>
      <c r="E110993" s="15">
        <v>45409</v>
      </c>
      <c r="F110993" s="14" t="s">
        <v>53</v>
      </c>
      <c r="G110993" s="16">
        <v>0</v>
      </c>
    </row>
    <row r="110994" spans="1:7" x14ac:dyDescent="0.3">
      <c r="A110994" s="13" t="s">
        <v>533</v>
      </c>
      <c r="B110994" s="14" t="s">
        <v>1</v>
      </c>
      <c r="C110994" s="14" t="s">
        <v>47</v>
      </c>
      <c r="D110994" s="14" t="s">
        <v>179</v>
      </c>
      <c r="E110994" s="15">
        <v>45410</v>
      </c>
      <c r="F110994" s="14" t="s">
        <v>53</v>
      </c>
      <c r="G110994" s="16">
        <v>0</v>
      </c>
    </row>
    <row r="110995" spans="1:7" x14ac:dyDescent="0.3">
      <c r="A110995" s="13" t="s">
        <v>533</v>
      </c>
      <c r="B110995" s="14" t="s">
        <v>1</v>
      </c>
      <c r="C110995" s="14" t="s">
        <v>47</v>
      </c>
      <c r="D110995" s="14" t="s">
        <v>179</v>
      </c>
      <c r="E110995" s="15">
        <v>45411</v>
      </c>
      <c r="F110995" s="14" t="s">
        <v>53</v>
      </c>
      <c r="G110995" s="16">
        <v>0</v>
      </c>
    </row>
    <row r="110996" spans="1:7" x14ac:dyDescent="0.3">
      <c r="A110996" s="13" t="s">
        <v>533</v>
      </c>
      <c r="B110996" s="14" t="s">
        <v>1</v>
      </c>
      <c r="C110996" s="14" t="s">
        <v>47</v>
      </c>
      <c r="D110996" s="14" t="s">
        <v>179</v>
      </c>
      <c r="E110996" s="15">
        <v>45412</v>
      </c>
      <c r="F110996" s="14" t="s">
        <v>53</v>
      </c>
      <c r="G110996" s="16">
        <v>0</v>
      </c>
    </row>
    <row r="110997" spans="1:7" x14ac:dyDescent="0.3">
      <c r="A110997" s="13" t="s">
        <v>533</v>
      </c>
      <c r="B110997" s="14" t="s">
        <v>1</v>
      </c>
      <c r="C110997" s="14" t="s">
        <v>47</v>
      </c>
      <c r="D110997" s="14" t="s">
        <v>179</v>
      </c>
      <c r="E110997" s="15">
        <v>45413</v>
      </c>
      <c r="F110997" s="14" t="s">
        <v>53</v>
      </c>
      <c r="G110997" s="16">
        <v>0</v>
      </c>
    </row>
    <row r="110998" spans="1:7" x14ac:dyDescent="0.3">
      <c r="A110998" s="13" t="s">
        <v>533</v>
      </c>
      <c r="B110998" s="14" t="s">
        <v>1</v>
      </c>
      <c r="C110998" s="14" t="s">
        <v>47</v>
      </c>
      <c r="D110998" s="14" t="s">
        <v>179</v>
      </c>
      <c r="E110998" s="15">
        <v>45414</v>
      </c>
      <c r="F110998" s="14" t="s">
        <v>53</v>
      </c>
      <c r="G110998" s="16">
        <v>4.7016873229447578E-5</v>
      </c>
    </row>
    <row r="110999" spans="1:7" x14ac:dyDescent="0.3">
      <c r="A110999" s="13" t="s">
        <v>533</v>
      </c>
      <c r="B110999" s="14" t="s">
        <v>1</v>
      </c>
      <c r="C110999" s="14" t="s">
        <v>47</v>
      </c>
      <c r="D110999" s="14" t="s">
        <v>179</v>
      </c>
      <c r="E110999" s="15">
        <v>45415</v>
      </c>
      <c r="F110999" s="14" t="s">
        <v>53</v>
      </c>
      <c r="G110999" s="16">
        <v>3.981237823365997E-4</v>
      </c>
    </row>
    <row r="111000" spans="1:7" x14ac:dyDescent="0.3">
      <c r="A111000" s="13" t="s">
        <v>533</v>
      </c>
      <c r="B111000" s="14" t="s">
        <v>1</v>
      </c>
      <c r="C111000" s="14" t="s">
        <v>47</v>
      </c>
      <c r="D111000" s="14" t="s">
        <v>179</v>
      </c>
      <c r="E111000" s="15">
        <v>45416</v>
      </c>
      <c r="F111000" s="14" t="s">
        <v>53</v>
      </c>
      <c r="G111000" s="16">
        <v>3.981237823365997E-4</v>
      </c>
    </row>
    <row r="111001" spans="1:7" x14ac:dyDescent="0.3">
      <c r="A111001" s="13" t="s">
        <v>533</v>
      </c>
      <c r="B111001" s="14" t="s">
        <v>1</v>
      </c>
      <c r="C111001" s="14" t="s">
        <v>47</v>
      </c>
      <c r="D111001" s="14" t="s">
        <v>179</v>
      </c>
      <c r="E111001" s="15">
        <v>45417</v>
      </c>
      <c r="F111001" s="14" t="s">
        <v>53</v>
      </c>
      <c r="G111001" s="16">
        <v>3.981237823365997E-4</v>
      </c>
    </row>
    <row r="111002" spans="1:7" x14ac:dyDescent="0.3">
      <c r="A111002" s="13" t="s">
        <v>533</v>
      </c>
      <c r="B111002" s="14" t="s">
        <v>1</v>
      </c>
      <c r="C111002" s="14" t="s">
        <v>47</v>
      </c>
      <c r="D111002" s="14" t="s">
        <v>179</v>
      </c>
      <c r="E111002" s="15">
        <v>45418</v>
      </c>
      <c r="F111002" s="14" t="s">
        <v>53</v>
      </c>
      <c r="G111002" s="16">
        <v>3.981237823365997E-4</v>
      </c>
    </row>
    <row r="111003" spans="1:7" x14ac:dyDescent="0.3">
      <c r="A111003" s="13" t="s">
        <v>533</v>
      </c>
      <c r="B111003" s="14" t="s">
        <v>1</v>
      </c>
      <c r="C111003" s="14" t="s">
        <v>47</v>
      </c>
      <c r="D111003" s="14" t="s">
        <v>179</v>
      </c>
      <c r="E111003" s="15">
        <v>45419</v>
      </c>
      <c r="F111003" s="14" t="s">
        <v>53</v>
      </c>
      <c r="G111003" s="16">
        <v>0</v>
      </c>
    </row>
    <row r="111004" spans="1:7" x14ac:dyDescent="0.3">
      <c r="A111004" s="13" t="s">
        <v>533</v>
      </c>
      <c r="B111004" s="14" t="s">
        <v>1</v>
      </c>
      <c r="C111004" s="14" t="s">
        <v>47</v>
      </c>
      <c r="D111004" s="14" t="s">
        <v>179</v>
      </c>
      <c r="E111004" s="15">
        <v>45420</v>
      </c>
      <c r="F111004" s="14" t="s">
        <v>53</v>
      </c>
      <c r="G111004" s="16">
        <v>0</v>
      </c>
    </row>
    <row r="111005" spans="1:7" x14ac:dyDescent="0.3">
      <c r="A111005" s="13" t="s">
        <v>533</v>
      </c>
      <c r="B111005" s="14" t="s">
        <v>1</v>
      </c>
      <c r="C111005" s="14" t="s">
        <v>47</v>
      </c>
      <c r="D111005" s="14" t="s">
        <v>179</v>
      </c>
      <c r="E111005" s="15">
        <v>45421</v>
      </c>
      <c r="F111005" s="14" t="s">
        <v>53</v>
      </c>
      <c r="G111005" s="16">
        <v>0</v>
      </c>
    </row>
    <row r="111006" spans="1:7" x14ac:dyDescent="0.3">
      <c r="A111006" s="13" t="s">
        <v>533</v>
      </c>
      <c r="B111006" s="14" t="s">
        <v>1</v>
      </c>
      <c r="C111006" s="14" t="s">
        <v>47</v>
      </c>
      <c r="D111006" s="14" t="s">
        <v>179</v>
      </c>
      <c r="E111006" s="15">
        <v>45422</v>
      </c>
      <c r="F111006" s="14" t="s">
        <v>53</v>
      </c>
      <c r="G111006" s="16">
        <v>0</v>
      </c>
    </row>
    <row r="111007" spans="1:7" x14ac:dyDescent="0.3">
      <c r="A111007" s="13" t="s">
        <v>533</v>
      </c>
      <c r="B111007" s="14" t="s">
        <v>1</v>
      </c>
      <c r="C111007" s="14" t="s">
        <v>47</v>
      </c>
      <c r="D111007" s="14" t="s">
        <v>179</v>
      </c>
      <c r="E111007" s="15">
        <v>45423</v>
      </c>
      <c r="F111007" s="14" t="s">
        <v>53</v>
      </c>
      <c r="G111007" s="16">
        <v>0</v>
      </c>
    </row>
    <row r="111008" spans="1:7" x14ac:dyDescent="0.3">
      <c r="A111008" s="13" t="s">
        <v>533</v>
      </c>
      <c r="B111008" s="14" t="s">
        <v>1</v>
      </c>
      <c r="C111008" s="14" t="s">
        <v>47</v>
      </c>
      <c r="D111008" s="14" t="s">
        <v>179</v>
      </c>
      <c r="E111008" s="15">
        <v>45424</v>
      </c>
      <c r="F111008" s="14" t="s">
        <v>53</v>
      </c>
      <c r="G111008" s="16">
        <v>0</v>
      </c>
    </row>
    <row r="111009" spans="1:7" x14ac:dyDescent="0.3">
      <c r="A111009" s="13" t="s">
        <v>533</v>
      </c>
      <c r="B111009" s="14" t="s">
        <v>1</v>
      </c>
      <c r="C111009" s="14" t="s">
        <v>47</v>
      </c>
      <c r="D111009" s="14" t="s">
        <v>179</v>
      </c>
      <c r="E111009" s="15">
        <v>45425</v>
      </c>
      <c r="F111009" s="14" t="s">
        <v>53</v>
      </c>
      <c r="G111009" s="16">
        <v>0</v>
      </c>
    </row>
    <row r="111010" spans="1:7" x14ac:dyDescent="0.3">
      <c r="A111010" s="13" t="s">
        <v>533</v>
      </c>
      <c r="B111010" s="14" t="s">
        <v>1</v>
      </c>
      <c r="C111010" s="14" t="s">
        <v>47</v>
      </c>
      <c r="D111010" s="14" t="s">
        <v>179</v>
      </c>
      <c r="E111010" s="15">
        <v>45426</v>
      </c>
      <c r="F111010" s="14" t="s">
        <v>53</v>
      </c>
      <c r="G111010" s="16">
        <v>0</v>
      </c>
    </row>
    <row r="111011" spans="1:7" x14ac:dyDescent="0.3">
      <c r="A111011" s="13" t="s">
        <v>533</v>
      </c>
      <c r="B111011" s="14" t="s">
        <v>1</v>
      </c>
      <c r="C111011" s="14" t="s">
        <v>47</v>
      </c>
      <c r="D111011" s="14" t="s">
        <v>179</v>
      </c>
      <c r="E111011" s="15">
        <v>45427</v>
      </c>
      <c r="F111011" s="14" t="s">
        <v>53</v>
      </c>
      <c r="G111011" s="16">
        <v>0</v>
      </c>
    </row>
    <row r="111012" spans="1:7" x14ac:dyDescent="0.3">
      <c r="A111012" s="13" t="s">
        <v>533</v>
      </c>
      <c r="B111012" s="14" t="s">
        <v>1</v>
      </c>
      <c r="C111012" s="14" t="s">
        <v>47</v>
      </c>
      <c r="D111012" s="14" t="s">
        <v>179</v>
      </c>
      <c r="E111012" s="15">
        <v>45428</v>
      </c>
      <c r="F111012" s="14" t="s">
        <v>53</v>
      </c>
      <c r="G111012" s="16">
        <v>0</v>
      </c>
    </row>
    <row r="111013" spans="1:7" x14ac:dyDescent="0.3">
      <c r="A111013" s="13" t="s">
        <v>533</v>
      </c>
      <c r="B111013" s="14" t="s">
        <v>1</v>
      </c>
      <c r="C111013" s="14" t="s">
        <v>47</v>
      </c>
      <c r="D111013" s="14" t="s">
        <v>179</v>
      </c>
      <c r="E111013" s="15">
        <v>45429</v>
      </c>
      <c r="F111013" s="14" t="s">
        <v>53</v>
      </c>
      <c r="G111013" s="16">
        <v>4.3017022583534664E-4</v>
      </c>
    </row>
    <row r="111014" spans="1:7" x14ac:dyDescent="0.3">
      <c r="A111014" s="13" t="s">
        <v>533</v>
      </c>
      <c r="B111014" s="14" t="s">
        <v>1</v>
      </c>
      <c r="C111014" s="14" t="s">
        <v>47</v>
      </c>
      <c r="D111014" s="14" t="s">
        <v>179</v>
      </c>
      <c r="E111014" s="15">
        <v>45430</v>
      </c>
      <c r="F111014" s="14" t="s">
        <v>53</v>
      </c>
      <c r="G111014" s="16">
        <v>4.3017022583534664E-4</v>
      </c>
    </row>
    <row r="111015" spans="1:7" x14ac:dyDescent="0.3">
      <c r="A111015" s="13" t="s">
        <v>533</v>
      </c>
      <c r="B111015" s="14" t="s">
        <v>1</v>
      </c>
      <c r="C111015" s="14" t="s">
        <v>47</v>
      </c>
      <c r="D111015" s="14" t="s">
        <v>179</v>
      </c>
      <c r="E111015" s="15">
        <v>45431</v>
      </c>
      <c r="F111015" s="14" t="s">
        <v>53</v>
      </c>
      <c r="G111015" s="16">
        <v>4.3017022583534664E-4</v>
      </c>
    </row>
    <row r="111016" spans="1:7" x14ac:dyDescent="0.3">
      <c r="A111016" s="13" t="s">
        <v>533</v>
      </c>
      <c r="B111016" s="14" t="s">
        <v>1</v>
      </c>
      <c r="C111016" s="14" t="s">
        <v>47</v>
      </c>
      <c r="D111016" s="14" t="s">
        <v>179</v>
      </c>
      <c r="E111016" s="15">
        <v>45432</v>
      </c>
      <c r="F111016" s="14" t="s">
        <v>53</v>
      </c>
      <c r="G111016" s="16">
        <v>0</v>
      </c>
    </row>
    <row r="111017" spans="1:7" x14ac:dyDescent="0.3">
      <c r="A111017" s="13" t="s">
        <v>533</v>
      </c>
      <c r="B111017" s="14" t="s">
        <v>1</v>
      </c>
      <c r="C111017" s="14" t="s">
        <v>47</v>
      </c>
      <c r="D111017" s="14" t="s">
        <v>179</v>
      </c>
      <c r="E111017" s="15">
        <v>45433</v>
      </c>
      <c r="F111017" s="14" t="s">
        <v>53</v>
      </c>
      <c r="G111017" s="16">
        <v>4.1280033631846662E-3</v>
      </c>
    </row>
    <row r="111018" spans="1:7" x14ac:dyDescent="0.3">
      <c r="A111018" s="13" t="s">
        <v>533</v>
      </c>
      <c r="B111018" s="14" t="s">
        <v>1</v>
      </c>
      <c r="C111018" s="14" t="s">
        <v>47</v>
      </c>
      <c r="D111018" s="14" t="s">
        <v>179</v>
      </c>
      <c r="E111018" s="15">
        <v>45434</v>
      </c>
      <c r="F111018" s="14" t="s">
        <v>53</v>
      </c>
      <c r="G111018" s="16">
        <v>5.1473064969610086E-2</v>
      </c>
    </row>
    <row r="111019" spans="1:7" x14ac:dyDescent="0.3">
      <c r="A111019" s="13" t="s">
        <v>533</v>
      </c>
      <c r="B111019" s="14" t="s">
        <v>1</v>
      </c>
      <c r="C111019" s="14" t="s">
        <v>47</v>
      </c>
      <c r="D111019" s="14" t="s">
        <v>179</v>
      </c>
      <c r="E111019" s="15">
        <v>45435</v>
      </c>
      <c r="F111019" s="14" t="s">
        <v>53</v>
      </c>
      <c r="G111019" s="16">
        <v>4.9304397943944471E-2</v>
      </c>
    </row>
    <row r="111020" spans="1:7" x14ac:dyDescent="0.3">
      <c r="A111020" s="13" t="s">
        <v>533</v>
      </c>
      <c r="B111020" s="14" t="s">
        <v>1</v>
      </c>
      <c r="C111020" s="14" t="s">
        <v>47</v>
      </c>
      <c r="D111020" s="14" t="s">
        <v>179</v>
      </c>
      <c r="E111020" s="15">
        <v>45436</v>
      </c>
      <c r="F111020" s="14" t="s">
        <v>53</v>
      </c>
      <c r="G111020" s="16">
        <v>4.6899788554230826E-2</v>
      </c>
    </row>
    <row r="111021" spans="1:7" x14ac:dyDescent="0.3">
      <c r="A111021" s="13" t="s">
        <v>533</v>
      </c>
      <c r="B111021" s="14" t="s">
        <v>1</v>
      </c>
      <c r="C111021" s="14" t="s">
        <v>47</v>
      </c>
      <c r="D111021" s="14" t="s">
        <v>179</v>
      </c>
      <c r="E111021" s="15">
        <v>45437</v>
      </c>
      <c r="F111021" s="14" t="s">
        <v>53</v>
      </c>
      <c r="G111021" s="16">
        <v>4.6899788554230826E-2</v>
      </c>
    </row>
    <row r="111022" spans="1:7" x14ac:dyDescent="0.3">
      <c r="A111022" s="13" t="s">
        <v>533</v>
      </c>
      <c r="B111022" s="14" t="s">
        <v>1</v>
      </c>
      <c r="C111022" s="14" t="s">
        <v>47</v>
      </c>
      <c r="D111022" s="14" t="s">
        <v>179</v>
      </c>
      <c r="E111022" s="15">
        <v>45438</v>
      </c>
      <c r="F111022" s="14" t="s">
        <v>53</v>
      </c>
      <c r="G111022" s="16">
        <v>4.6899788554230826E-2</v>
      </c>
    </row>
    <row r="111023" spans="1:7" x14ac:dyDescent="0.3">
      <c r="A111023" s="13" t="s">
        <v>533</v>
      </c>
      <c r="B111023" s="14" t="s">
        <v>1</v>
      </c>
      <c r="C111023" s="14" t="s">
        <v>47</v>
      </c>
      <c r="D111023" s="14" t="s">
        <v>179</v>
      </c>
      <c r="E111023" s="15">
        <v>45439</v>
      </c>
      <c r="F111023" s="14" t="s">
        <v>53</v>
      </c>
      <c r="G111023" s="16">
        <v>4.6899788554230826E-2</v>
      </c>
    </row>
    <row r="111024" spans="1:7" x14ac:dyDescent="0.3">
      <c r="A111024" s="13" t="s">
        <v>533</v>
      </c>
      <c r="B111024" s="14" t="s">
        <v>1</v>
      </c>
      <c r="C111024" s="14" t="s">
        <v>47</v>
      </c>
      <c r="D111024" s="14" t="s">
        <v>179</v>
      </c>
      <c r="E111024" s="15">
        <v>45440</v>
      </c>
      <c r="F111024" s="14" t="s">
        <v>53</v>
      </c>
      <c r="G111024" s="16">
        <v>4.4563576882191813E-2</v>
      </c>
    </row>
    <row r="111025" spans="1:7" x14ac:dyDescent="0.3">
      <c r="A111025" s="13" t="s">
        <v>533</v>
      </c>
      <c r="B111025" s="14" t="s">
        <v>1</v>
      </c>
      <c r="C111025" s="14" t="s">
        <v>47</v>
      </c>
      <c r="D111025" s="14" t="s">
        <v>179</v>
      </c>
      <c r="E111025" s="15">
        <v>45441</v>
      </c>
      <c r="F111025" s="14" t="s">
        <v>53</v>
      </c>
      <c r="G111025" s="16">
        <v>8.8685883161505219E-2</v>
      </c>
    </row>
    <row r="111026" spans="1:7" x14ac:dyDescent="0.3">
      <c r="A111026" s="13" t="s">
        <v>533</v>
      </c>
      <c r="B111026" s="14" t="s">
        <v>1</v>
      </c>
      <c r="C111026" s="14" t="s">
        <v>47</v>
      </c>
      <c r="D111026" s="14" t="s">
        <v>179</v>
      </c>
      <c r="E111026" s="15">
        <v>45442</v>
      </c>
      <c r="F111026" s="14" t="s">
        <v>53</v>
      </c>
      <c r="G111026" s="16">
        <v>0.10505420583017934</v>
      </c>
    </row>
    <row r="111027" spans="1:7" x14ac:dyDescent="0.3">
      <c r="A111027" s="13" t="s">
        <v>533</v>
      </c>
      <c r="B111027" s="14" t="s">
        <v>1</v>
      </c>
      <c r="C111027" s="14" t="s">
        <v>47</v>
      </c>
      <c r="D111027" s="14" t="s">
        <v>179</v>
      </c>
      <c r="E111027" s="15">
        <v>45443</v>
      </c>
      <c r="F111027" s="14" t="s">
        <v>53</v>
      </c>
      <c r="G111027" s="16">
        <v>0.10270662488886756</v>
      </c>
    </row>
    <row r="111028" spans="1:7" x14ac:dyDescent="0.3">
      <c r="A111028" s="13" t="s">
        <v>533</v>
      </c>
      <c r="B111028" s="14" t="s">
        <v>1</v>
      </c>
      <c r="C111028" s="14" t="s">
        <v>47</v>
      </c>
      <c r="D111028" s="14" t="s">
        <v>179</v>
      </c>
      <c r="E111028" s="15">
        <v>45444</v>
      </c>
      <c r="F111028" s="14" t="s">
        <v>53</v>
      </c>
      <c r="G111028" s="16">
        <v>0.10270662488886756</v>
      </c>
    </row>
    <row r="111029" spans="1:7" x14ac:dyDescent="0.3">
      <c r="A111029" s="13" t="s">
        <v>533</v>
      </c>
      <c r="B111029" s="14" t="s">
        <v>1</v>
      </c>
      <c r="C111029" s="14" t="s">
        <v>47</v>
      </c>
      <c r="D111029" s="14" t="s">
        <v>179</v>
      </c>
      <c r="E111029" s="15">
        <v>45445</v>
      </c>
      <c r="F111029" s="14" t="s">
        <v>53</v>
      </c>
      <c r="G111029" s="16">
        <v>0.10270662488886756</v>
      </c>
    </row>
    <row r="111030" spans="1:7" x14ac:dyDescent="0.3">
      <c r="A111030" s="13" t="s">
        <v>533</v>
      </c>
      <c r="B111030" s="14" t="s">
        <v>1</v>
      </c>
      <c r="C111030" s="14" t="s">
        <v>47</v>
      </c>
      <c r="D111030" s="14" t="s">
        <v>179</v>
      </c>
      <c r="E111030" s="15">
        <v>45446</v>
      </c>
      <c r="F111030" s="14" t="s">
        <v>53</v>
      </c>
      <c r="G111030" s="16">
        <v>0.10270662488886756</v>
      </c>
    </row>
    <row r="111031" spans="1:7" x14ac:dyDescent="0.3">
      <c r="A111031" s="13" t="s">
        <v>533</v>
      </c>
      <c r="B111031" s="14" t="s">
        <v>1</v>
      </c>
      <c r="C111031" s="14" t="s">
        <v>47</v>
      </c>
      <c r="D111031" s="14" t="s">
        <v>179</v>
      </c>
      <c r="E111031" s="15">
        <v>45447</v>
      </c>
      <c r="F111031" s="14" t="s">
        <v>53</v>
      </c>
      <c r="G111031" s="16">
        <v>0.12737863323055018</v>
      </c>
    </row>
    <row r="111032" spans="1:7" x14ac:dyDescent="0.3">
      <c r="A111032" s="13" t="s">
        <v>533</v>
      </c>
      <c r="B111032" s="14" t="s">
        <v>1</v>
      </c>
      <c r="C111032" s="14" t="s">
        <v>47</v>
      </c>
      <c r="D111032" s="14" t="s">
        <v>179</v>
      </c>
      <c r="E111032" s="15">
        <v>45448</v>
      </c>
      <c r="F111032" s="14" t="s">
        <v>53</v>
      </c>
      <c r="G111032" s="16">
        <v>0.14546411205054191</v>
      </c>
    </row>
    <row r="111033" spans="1:7" x14ac:dyDescent="0.3">
      <c r="A111033" s="13" t="s">
        <v>533</v>
      </c>
      <c r="B111033" s="14" t="s">
        <v>1</v>
      </c>
      <c r="C111033" s="14" t="s">
        <v>47</v>
      </c>
      <c r="D111033" s="14" t="s">
        <v>179</v>
      </c>
      <c r="E111033" s="15">
        <v>45449</v>
      </c>
      <c r="F111033" s="14" t="s">
        <v>53</v>
      </c>
      <c r="G111033" s="16">
        <v>0.14320592988789413</v>
      </c>
    </row>
    <row r="111034" spans="1:7" x14ac:dyDescent="0.3">
      <c r="A111034" s="13" t="s">
        <v>533</v>
      </c>
      <c r="B111034" s="14" t="s">
        <v>1</v>
      </c>
      <c r="C111034" s="14" t="s">
        <v>47</v>
      </c>
      <c r="D111034" s="14" t="s">
        <v>179</v>
      </c>
      <c r="E111034" s="15">
        <v>45450</v>
      </c>
      <c r="F111034" s="14" t="s">
        <v>53</v>
      </c>
      <c r="G111034" s="16">
        <v>0.1417007318925414</v>
      </c>
    </row>
    <row r="111035" spans="1:7" x14ac:dyDescent="0.3">
      <c r="A111035" s="13" t="s">
        <v>533</v>
      </c>
      <c r="B111035" s="14" t="s">
        <v>1</v>
      </c>
      <c r="C111035" s="14" t="s">
        <v>47</v>
      </c>
      <c r="D111035" s="14" t="s">
        <v>179</v>
      </c>
      <c r="E111035" s="15">
        <v>45451</v>
      </c>
      <c r="F111035" s="14" t="s">
        <v>53</v>
      </c>
      <c r="G111035" s="16">
        <v>0.1417007318925414</v>
      </c>
    </row>
    <row r="111036" spans="1:7" x14ac:dyDescent="0.3">
      <c r="A111036" s="13" t="s">
        <v>533</v>
      </c>
      <c r="B111036" s="14" t="s">
        <v>1</v>
      </c>
      <c r="C111036" s="14" t="s">
        <v>47</v>
      </c>
      <c r="D111036" s="14" t="s">
        <v>179</v>
      </c>
      <c r="E111036" s="15">
        <v>45452</v>
      </c>
      <c r="F111036" s="14" t="s">
        <v>53</v>
      </c>
      <c r="G111036" s="16">
        <v>0.1417007318925414</v>
      </c>
    </row>
    <row r="111037" spans="1:7" x14ac:dyDescent="0.3">
      <c r="A111037" s="13" t="s">
        <v>533</v>
      </c>
      <c r="B111037" s="14" t="s">
        <v>1</v>
      </c>
      <c r="C111037" s="14" t="s">
        <v>47</v>
      </c>
      <c r="D111037" s="14" t="s">
        <v>179</v>
      </c>
      <c r="E111037" s="15">
        <v>45453</v>
      </c>
      <c r="F111037" s="14" t="s">
        <v>53</v>
      </c>
      <c r="G111037" s="16">
        <v>0.13934725268157724</v>
      </c>
    </row>
    <row r="111038" spans="1:7" x14ac:dyDescent="0.3">
      <c r="A111038" s="13" t="s">
        <v>533</v>
      </c>
      <c r="B111038" s="14" t="s">
        <v>1</v>
      </c>
      <c r="C111038" s="14" t="s">
        <v>47</v>
      </c>
      <c r="D111038" s="14" t="s">
        <v>179</v>
      </c>
      <c r="E111038" s="15">
        <v>45454</v>
      </c>
      <c r="F111038" s="14" t="s">
        <v>53</v>
      </c>
      <c r="G111038" s="16">
        <v>0.13252092081706615</v>
      </c>
    </row>
    <row r="111039" spans="1:7" x14ac:dyDescent="0.3">
      <c r="A111039" s="13" t="s">
        <v>533</v>
      </c>
      <c r="B111039" s="14" t="s">
        <v>1</v>
      </c>
      <c r="C111039" s="14" t="s">
        <v>47</v>
      </c>
      <c r="D111039" s="14" t="s">
        <v>179</v>
      </c>
      <c r="E111039" s="15">
        <v>45455</v>
      </c>
      <c r="F111039" s="14" t="s">
        <v>53</v>
      </c>
      <c r="G111039" s="16">
        <v>0.12971105043172818</v>
      </c>
    </row>
    <row r="111040" spans="1:7" x14ac:dyDescent="0.3">
      <c r="A111040" s="13" t="s">
        <v>533</v>
      </c>
      <c r="B111040" s="14" t="s">
        <v>1</v>
      </c>
      <c r="C111040" s="14" t="s">
        <v>47</v>
      </c>
      <c r="D111040" s="14" t="s">
        <v>179</v>
      </c>
      <c r="E111040" s="15">
        <v>45456</v>
      </c>
      <c r="F111040" s="14" t="s">
        <v>53</v>
      </c>
      <c r="G111040" s="16">
        <v>0.1583341025716585</v>
      </c>
    </row>
    <row r="111041" spans="1:7" x14ac:dyDescent="0.3">
      <c r="A111041" s="13" t="s">
        <v>533</v>
      </c>
      <c r="B111041" s="14" t="s">
        <v>1</v>
      </c>
      <c r="C111041" s="14" t="s">
        <v>47</v>
      </c>
      <c r="D111041" s="14" t="s">
        <v>179</v>
      </c>
      <c r="E111041" s="15">
        <v>45457</v>
      </c>
      <c r="F111041" s="14" t="s">
        <v>53</v>
      </c>
      <c r="G111041" s="16">
        <v>0.1631785484019265</v>
      </c>
    </row>
    <row r="111042" spans="1:7" x14ac:dyDescent="0.3">
      <c r="A111042" s="13" t="s">
        <v>533</v>
      </c>
      <c r="B111042" s="14" t="s">
        <v>1</v>
      </c>
      <c r="C111042" s="14" t="s">
        <v>47</v>
      </c>
      <c r="D111042" s="14" t="s">
        <v>179</v>
      </c>
      <c r="E111042" s="15">
        <v>45458</v>
      </c>
      <c r="F111042" s="14" t="s">
        <v>53</v>
      </c>
      <c r="G111042" s="16">
        <v>0.1631785484019265</v>
      </c>
    </row>
    <row r="111043" spans="1:7" x14ac:dyDescent="0.3">
      <c r="A111043" s="13" t="s">
        <v>533</v>
      </c>
      <c r="B111043" s="14" t="s">
        <v>1</v>
      </c>
      <c r="C111043" s="14" t="s">
        <v>47</v>
      </c>
      <c r="D111043" s="14" t="s">
        <v>179</v>
      </c>
      <c r="E111043" s="15">
        <v>45459</v>
      </c>
      <c r="F111043" s="14" t="s">
        <v>53</v>
      </c>
      <c r="G111043" s="16">
        <v>0.1631785484019265</v>
      </c>
    </row>
    <row r="111044" spans="1:7" x14ac:dyDescent="0.3">
      <c r="A111044" s="13" t="s">
        <v>533</v>
      </c>
      <c r="B111044" s="14" t="s">
        <v>1</v>
      </c>
      <c r="C111044" s="14" t="s">
        <v>47</v>
      </c>
      <c r="D111044" s="14" t="s">
        <v>179</v>
      </c>
      <c r="E111044" s="15">
        <v>45460</v>
      </c>
      <c r="F111044" s="14" t="s">
        <v>53</v>
      </c>
      <c r="G111044" s="16">
        <v>0.16178071815611458</v>
      </c>
    </row>
    <row r="111045" spans="1:7" x14ac:dyDescent="0.3">
      <c r="A111045" s="13" t="s">
        <v>533</v>
      </c>
      <c r="B111045" s="14" t="s">
        <v>1</v>
      </c>
      <c r="C111045" s="14" t="s">
        <v>47</v>
      </c>
      <c r="D111045" s="14" t="s">
        <v>179</v>
      </c>
      <c r="E111045" s="15">
        <v>45461</v>
      </c>
      <c r="F111045" s="14" t="s">
        <v>53</v>
      </c>
      <c r="G111045" s="16">
        <v>0.16237855939686041</v>
      </c>
    </row>
    <row r="111046" spans="1:7" x14ac:dyDescent="0.3">
      <c r="A111046" s="13" t="s">
        <v>533</v>
      </c>
      <c r="B111046" s="14" t="s">
        <v>1</v>
      </c>
      <c r="C111046" s="14" t="s">
        <v>47</v>
      </c>
      <c r="D111046" s="14" t="s">
        <v>179</v>
      </c>
      <c r="E111046" s="15">
        <v>45462</v>
      </c>
      <c r="F111046" s="14" t="s">
        <v>53</v>
      </c>
      <c r="G111046" s="16">
        <v>0.16237855939686041</v>
      </c>
    </row>
    <row r="111047" spans="1:7" x14ac:dyDescent="0.3">
      <c r="A111047" s="13" t="s">
        <v>533</v>
      </c>
      <c r="B111047" s="14" t="s">
        <v>1</v>
      </c>
      <c r="C111047" s="14" t="s">
        <v>47</v>
      </c>
      <c r="D111047" s="14" t="s">
        <v>179</v>
      </c>
      <c r="E111047" s="15">
        <v>45463</v>
      </c>
      <c r="F111047" s="14" t="s">
        <v>53</v>
      </c>
      <c r="G111047" s="16">
        <v>0.19915148982764003</v>
      </c>
    </row>
    <row r="111048" spans="1:7" x14ac:dyDescent="0.3">
      <c r="A111048" s="13" t="s">
        <v>533</v>
      </c>
      <c r="B111048" s="14" t="s">
        <v>1</v>
      </c>
      <c r="C111048" s="14" t="s">
        <v>47</v>
      </c>
      <c r="D111048" s="14" t="s">
        <v>179</v>
      </c>
      <c r="E111048" s="15">
        <v>45464</v>
      </c>
      <c r="F111048" s="14" t="s">
        <v>53</v>
      </c>
      <c r="G111048" s="16">
        <v>0.19478923149828903</v>
      </c>
    </row>
    <row r="111049" spans="1:7" x14ac:dyDescent="0.3">
      <c r="A111049" s="13" t="s">
        <v>533</v>
      </c>
      <c r="B111049" s="14" t="s">
        <v>1</v>
      </c>
      <c r="C111049" s="14" t="s">
        <v>47</v>
      </c>
      <c r="D111049" s="14" t="s">
        <v>179</v>
      </c>
      <c r="E111049" s="15">
        <v>45465</v>
      </c>
      <c r="F111049" s="14" t="s">
        <v>53</v>
      </c>
      <c r="G111049" s="16">
        <v>0.19478923149828903</v>
      </c>
    </row>
    <row r="111050" spans="1:7" x14ac:dyDescent="0.3">
      <c r="A111050" s="13" t="s">
        <v>533</v>
      </c>
      <c r="B111050" s="14" t="s">
        <v>1</v>
      </c>
      <c r="C111050" s="14" t="s">
        <v>47</v>
      </c>
      <c r="D111050" s="14" t="s">
        <v>179</v>
      </c>
      <c r="E111050" s="15">
        <v>45466</v>
      </c>
      <c r="F111050" s="14" t="s">
        <v>53</v>
      </c>
      <c r="G111050" s="16">
        <v>0.19478923149828903</v>
      </c>
    </row>
    <row r="111051" spans="1:7" x14ac:dyDescent="0.3">
      <c r="A111051" s="13" t="s">
        <v>533</v>
      </c>
      <c r="B111051" s="14" t="s">
        <v>1</v>
      </c>
      <c r="C111051" s="14" t="s">
        <v>47</v>
      </c>
      <c r="D111051" s="14" t="s">
        <v>179</v>
      </c>
      <c r="E111051" s="15">
        <v>45467</v>
      </c>
      <c r="F111051" s="14" t="s">
        <v>53</v>
      </c>
      <c r="G111051" s="16">
        <v>0.19485031386943816</v>
      </c>
    </row>
    <row r="111052" spans="1:7" x14ac:dyDescent="0.3">
      <c r="A111052" s="13" t="s">
        <v>533</v>
      </c>
      <c r="B111052" s="14" t="s">
        <v>1</v>
      </c>
      <c r="C111052" s="14" t="s">
        <v>47</v>
      </c>
      <c r="D111052" s="14" t="s">
        <v>179</v>
      </c>
      <c r="E111052" s="15">
        <v>45468</v>
      </c>
      <c r="F111052" s="14" t="s">
        <v>53</v>
      </c>
      <c r="G111052" s="16">
        <v>0.19130608284493819</v>
      </c>
    </row>
    <row r="111053" spans="1:7" x14ac:dyDescent="0.3">
      <c r="A111053" s="13" t="s">
        <v>533</v>
      </c>
      <c r="B111053" s="14" t="s">
        <v>1</v>
      </c>
      <c r="C111053" s="14" t="s">
        <v>47</v>
      </c>
      <c r="D111053" s="14" t="s">
        <v>179</v>
      </c>
      <c r="E111053" s="15">
        <v>45469</v>
      </c>
      <c r="F111053" s="14" t="s">
        <v>53</v>
      </c>
      <c r="G111053" s="16">
        <v>0.19005565941534924</v>
      </c>
    </row>
    <row r="111054" spans="1:7" x14ac:dyDescent="0.3">
      <c r="A111054" s="13" t="s">
        <v>533</v>
      </c>
      <c r="B111054" s="14" t="s">
        <v>1</v>
      </c>
      <c r="C111054" s="14" t="s">
        <v>47</v>
      </c>
      <c r="D111054" s="14" t="s">
        <v>179</v>
      </c>
      <c r="E111054" s="15">
        <v>45470</v>
      </c>
      <c r="F111054" s="14" t="s">
        <v>53</v>
      </c>
      <c r="G111054" s="16">
        <v>0.1876061735759173</v>
      </c>
    </row>
    <row r="111055" spans="1:7" x14ac:dyDescent="0.3">
      <c r="A111055" s="13" t="s">
        <v>533</v>
      </c>
      <c r="B111055" s="14" t="s">
        <v>1</v>
      </c>
      <c r="C111055" s="14" t="s">
        <v>47</v>
      </c>
      <c r="D111055" s="14" t="s">
        <v>179</v>
      </c>
      <c r="E111055" s="15">
        <v>45471</v>
      </c>
      <c r="F111055" s="14" t="s">
        <v>53</v>
      </c>
      <c r="G111055" s="16">
        <v>0.18538671446891319</v>
      </c>
    </row>
    <row r="111056" spans="1:7" x14ac:dyDescent="0.3">
      <c r="A111056" s="13" t="s">
        <v>533</v>
      </c>
      <c r="B111056" s="14" t="s">
        <v>1</v>
      </c>
      <c r="C111056" s="14" t="s">
        <v>47</v>
      </c>
      <c r="D111056" s="14" t="s">
        <v>179</v>
      </c>
      <c r="E111056" s="15">
        <v>45472</v>
      </c>
      <c r="F111056" s="14" t="s">
        <v>53</v>
      </c>
      <c r="G111056" s="16">
        <v>0.18538671446891319</v>
      </c>
    </row>
    <row r="111057" spans="1:7" x14ac:dyDescent="0.3">
      <c r="A111057" s="13" t="s">
        <v>533</v>
      </c>
      <c r="B111057" s="14" t="s">
        <v>1</v>
      </c>
      <c r="C111057" s="14" t="s">
        <v>47</v>
      </c>
      <c r="D111057" s="14" t="s">
        <v>179</v>
      </c>
      <c r="E111057" s="15">
        <v>45473</v>
      </c>
      <c r="F111057" s="14" t="s">
        <v>53</v>
      </c>
      <c r="G111057" s="16">
        <v>0.18538671446891319</v>
      </c>
    </row>
    <row r="111058" spans="1:7" x14ac:dyDescent="0.3">
      <c r="A111058" s="13" t="s">
        <v>533</v>
      </c>
      <c r="B111058" s="14" t="s">
        <v>1</v>
      </c>
      <c r="C111058" s="14" t="s">
        <v>47</v>
      </c>
      <c r="D111058" s="14" t="s">
        <v>179</v>
      </c>
      <c r="E111058" s="15">
        <v>45474</v>
      </c>
      <c r="F111058" s="14" t="s">
        <v>53</v>
      </c>
      <c r="G111058" s="16">
        <v>0.19197510781291088</v>
      </c>
    </row>
    <row r="111059" spans="1:7" x14ac:dyDescent="0.3">
      <c r="A111059" s="13" t="s">
        <v>533</v>
      </c>
      <c r="B111059" s="14" t="s">
        <v>1</v>
      </c>
      <c r="C111059" s="14" t="s">
        <v>47</v>
      </c>
      <c r="D111059" s="14" t="s">
        <v>179</v>
      </c>
      <c r="E111059" s="15">
        <v>45475</v>
      </c>
      <c r="F111059" s="14" t="s">
        <v>53</v>
      </c>
      <c r="G111059" s="16">
        <v>0.18619383683160404</v>
      </c>
    </row>
    <row r="111060" spans="1:7" x14ac:dyDescent="0.3">
      <c r="A111060" s="13" t="s">
        <v>533</v>
      </c>
      <c r="B111060" s="14" t="s">
        <v>1</v>
      </c>
      <c r="C111060" s="14" t="s">
        <v>47</v>
      </c>
      <c r="D111060" s="14" t="s">
        <v>179</v>
      </c>
      <c r="E111060" s="15">
        <v>45476</v>
      </c>
      <c r="F111060" s="14" t="s">
        <v>53</v>
      </c>
      <c r="G111060" s="16">
        <v>0.1939317152511984</v>
      </c>
    </row>
    <row r="111061" spans="1:7" x14ac:dyDescent="0.3">
      <c r="A111061" s="13" t="s">
        <v>533</v>
      </c>
      <c r="B111061" s="14" t="s">
        <v>1</v>
      </c>
      <c r="C111061" s="14" t="s">
        <v>47</v>
      </c>
      <c r="D111061" s="14" t="s">
        <v>179</v>
      </c>
      <c r="E111061" s="15">
        <v>45477</v>
      </c>
      <c r="F111061" s="14" t="s">
        <v>53</v>
      </c>
      <c r="G111061" s="16">
        <v>0.1939317152511984</v>
      </c>
    </row>
    <row r="111062" spans="1:7" x14ac:dyDescent="0.3">
      <c r="A111062" s="13" t="s">
        <v>533</v>
      </c>
      <c r="B111062" s="14" t="s">
        <v>1</v>
      </c>
      <c r="C111062" s="14" t="s">
        <v>47</v>
      </c>
      <c r="D111062" s="14" t="s">
        <v>179</v>
      </c>
      <c r="E111062" s="15">
        <v>45478</v>
      </c>
      <c r="F111062" s="14" t="s">
        <v>53</v>
      </c>
      <c r="G111062" s="16">
        <v>0.19064168862105721</v>
      </c>
    </row>
    <row r="111063" spans="1:7" x14ac:dyDescent="0.3">
      <c r="A111063" s="13" t="s">
        <v>533</v>
      </c>
      <c r="B111063" s="14" t="s">
        <v>1</v>
      </c>
      <c r="C111063" s="14" t="s">
        <v>47</v>
      </c>
      <c r="D111063" s="14" t="s">
        <v>179</v>
      </c>
      <c r="E111063" s="15">
        <v>45479</v>
      </c>
      <c r="F111063" s="14" t="s">
        <v>53</v>
      </c>
      <c r="G111063" s="16">
        <v>0.19064168862105721</v>
      </c>
    </row>
    <row r="111064" spans="1:7" x14ac:dyDescent="0.3">
      <c r="A111064" s="13" t="s">
        <v>533</v>
      </c>
      <c r="B111064" s="14" t="s">
        <v>1</v>
      </c>
      <c r="C111064" s="14" t="s">
        <v>47</v>
      </c>
      <c r="D111064" s="14" t="s">
        <v>179</v>
      </c>
      <c r="E111064" s="15">
        <v>45480</v>
      </c>
      <c r="F111064" s="14" t="s">
        <v>53</v>
      </c>
      <c r="G111064" s="16">
        <v>0.19064168862105721</v>
      </c>
    </row>
    <row r="111065" spans="1:7" x14ac:dyDescent="0.3">
      <c r="A111065" s="13" t="s">
        <v>533</v>
      </c>
      <c r="B111065" s="14" t="s">
        <v>1</v>
      </c>
      <c r="C111065" s="14" t="s">
        <v>47</v>
      </c>
      <c r="D111065" s="14" t="s">
        <v>179</v>
      </c>
      <c r="E111065" s="15">
        <v>45481</v>
      </c>
      <c r="F111065" s="14" t="s">
        <v>53</v>
      </c>
      <c r="G111065" s="16">
        <v>0.18636019949601082</v>
      </c>
    </row>
    <row r="111066" spans="1:7" x14ac:dyDescent="0.3">
      <c r="A111066" s="13" t="s">
        <v>533</v>
      </c>
      <c r="B111066" s="14" t="s">
        <v>1</v>
      </c>
      <c r="C111066" s="14" t="s">
        <v>47</v>
      </c>
      <c r="D111066" s="14" t="s">
        <v>179</v>
      </c>
      <c r="E111066" s="15">
        <v>45482</v>
      </c>
      <c r="F111066" s="14" t="s">
        <v>53</v>
      </c>
      <c r="G111066" s="16">
        <v>0.18001045299926299</v>
      </c>
    </row>
    <row r="111067" spans="1:7" x14ac:dyDescent="0.3">
      <c r="A111067" s="13" t="s">
        <v>533</v>
      </c>
      <c r="B111067" s="14" t="s">
        <v>1</v>
      </c>
      <c r="C111067" s="14" t="s">
        <v>47</v>
      </c>
      <c r="D111067" s="14" t="s">
        <v>179</v>
      </c>
      <c r="E111067" s="15">
        <v>45483</v>
      </c>
      <c r="F111067" s="14" t="s">
        <v>53</v>
      </c>
      <c r="G111067" s="16">
        <v>0.17689632372891176</v>
      </c>
    </row>
    <row r="111068" spans="1:7" x14ac:dyDescent="0.3">
      <c r="A111068" s="13" t="s">
        <v>533</v>
      </c>
      <c r="B111068" s="14" t="s">
        <v>1</v>
      </c>
      <c r="C111068" s="14" t="s">
        <v>47</v>
      </c>
      <c r="D111068" s="14" t="s">
        <v>179</v>
      </c>
      <c r="E111068" s="15">
        <v>45484</v>
      </c>
      <c r="F111068" s="14" t="s">
        <v>53</v>
      </c>
      <c r="G111068" s="16">
        <v>0.17380553333142212</v>
      </c>
    </row>
    <row r="111069" spans="1:7" x14ac:dyDescent="0.3">
      <c r="A111069" s="13" t="s">
        <v>533</v>
      </c>
      <c r="B111069" s="14" t="s">
        <v>1</v>
      </c>
      <c r="C111069" s="14" t="s">
        <v>47</v>
      </c>
      <c r="D111069" s="14" t="s">
        <v>179</v>
      </c>
      <c r="E111069" s="15">
        <v>45485</v>
      </c>
      <c r="F111069" s="14" t="s">
        <v>53</v>
      </c>
      <c r="G111069" s="16">
        <v>0.17052174880586332</v>
      </c>
    </row>
    <row r="111070" spans="1:7" x14ac:dyDescent="0.3">
      <c r="A111070" s="13" t="s">
        <v>533</v>
      </c>
      <c r="B111070" s="14" t="s">
        <v>1</v>
      </c>
      <c r="C111070" s="14" t="s">
        <v>47</v>
      </c>
      <c r="D111070" s="14" t="s">
        <v>179</v>
      </c>
      <c r="E111070" s="15">
        <v>45486</v>
      </c>
      <c r="F111070" s="14" t="s">
        <v>53</v>
      </c>
      <c r="G111070" s="16">
        <v>0.17052174880586332</v>
      </c>
    </row>
    <row r="111071" spans="1:7" x14ac:dyDescent="0.3">
      <c r="A111071" s="13" t="s">
        <v>533</v>
      </c>
      <c r="B111071" s="14" t="s">
        <v>1</v>
      </c>
      <c r="C111071" s="14" t="s">
        <v>47</v>
      </c>
      <c r="D111071" s="14" t="s">
        <v>179</v>
      </c>
      <c r="E111071" s="15">
        <v>45487</v>
      </c>
      <c r="F111071" s="14" t="s">
        <v>53</v>
      </c>
      <c r="G111071" s="16">
        <v>0.17052174880586332</v>
      </c>
    </row>
    <row r="111072" spans="1:7" x14ac:dyDescent="0.3">
      <c r="A111072" s="13" t="s">
        <v>533</v>
      </c>
      <c r="B111072" s="14" t="s">
        <v>1</v>
      </c>
      <c r="C111072" s="14" t="s">
        <v>47</v>
      </c>
      <c r="D111072" s="14" t="s">
        <v>179</v>
      </c>
      <c r="E111072" s="15">
        <v>45488</v>
      </c>
      <c r="F111072" s="14" t="s">
        <v>53</v>
      </c>
      <c r="G111072" s="16">
        <v>0.17165827150261478</v>
      </c>
    </row>
    <row r="111073" spans="1:7" x14ac:dyDescent="0.3">
      <c r="A111073" s="13" t="s">
        <v>533</v>
      </c>
      <c r="B111073" s="14" t="s">
        <v>1</v>
      </c>
      <c r="C111073" s="14" t="s">
        <v>47</v>
      </c>
      <c r="D111073" s="14" t="s">
        <v>179</v>
      </c>
      <c r="E111073" s="15">
        <v>45489</v>
      </c>
      <c r="F111073" s="14" t="s">
        <v>53</v>
      </c>
      <c r="G111073" s="16">
        <v>0.16477971623290519</v>
      </c>
    </row>
    <row r="111074" spans="1:7" x14ac:dyDescent="0.3">
      <c r="A111074" s="13" t="s">
        <v>533</v>
      </c>
      <c r="B111074" s="14" t="s">
        <v>1</v>
      </c>
      <c r="C111074" s="14" t="s">
        <v>47</v>
      </c>
      <c r="D111074" s="14" t="s">
        <v>179</v>
      </c>
      <c r="E111074" s="15">
        <v>45490</v>
      </c>
      <c r="F111074" s="14" t="s">
        <v>53</v>
      </c>
      <c r="G111074" s="16">
        <v>0.16196973130539385</v>
      </c>
    </row>
    <row r="111075" spans="1:7" x14ac:dyDescent="0.3">
      <c r="A111075" s="13" t="s">
        <v>533</v>
      </c>
      <c r="B111075" s="14" t="s">
        <v>1</v>
      </c>
      <c r="C111075" s="14" t="s">
        <v>47</v>
      </c>
      <c r="D111075" s="14" t="s">
        <v>179</v>
      </c>
      <c r="E111075" s="15">
        <v>45491</v>
      </c>
      <c r="F111075" s="14" t="s">
        <v>53</v>
      </c>
      <c r="G111075" s="16">
        <v>0.16047819723615392</v>
      </c>
    </row>
    <row r="111076" spans="1:7" x14ac:dyDescent="0.3">
      <c r="A111076" s="13" t="s">
        <v>533</v>
      </c>
      <c r="B111076" s="14" t="s">
        <v>1</v>
      </c>
      <c r="C111076" s="14" t="s">
        <v>47</v>
      </c>
      <c r="D111076" s="14" t="s">
        <v>179</v>
      </c>
      <c r="E111076" s="15">
        <v>45492</v>
      </c>
      <c r="F111076" s="14" t="s">
        <v>53</v>
      </c>
      <c r="G111076" s="16">
        <v>0.15848549452651092</v>
      </c>
    </row>
    <row r="111077" spans="1:7" x14ac:dyDescent="0.3">
      <c r="A111077" s="13" t="s">
        <v>533</v>
      </c>
      <c r="B111077" s="14" t="s">
        <v>1</v>
      </c>
      <c r="C111077" s="14" t="s">
        <v>47</v>
      </c>
      <c r="D111077" s="14" t="s">
        <v>179</v>
      </c>
      <c r="E111077" s="15">
        <v>45493</v>
      </c>
      <c r="F111077" s="14" t="s">
        <v>53</v>
      </c>
      <c r="G111077" s="16">
        <v>0.15848549452651092</v>
      </c>
    </row>
    <row r="111078" spans="1:7" x14ac:dyDescent="0.3">
      <c r="A111078" s="13" t="s">
        <v>533</v>
      </c>
      <c r="B111078" s="14" t="s">
        <v>1</v>
      </c>
      <c r="C111078" s="14" t="s">
        <v>47</v>
      </c>
      <c r="D111078" s="14" t="s">
        <v>179</v>
      </c>
      <c r="E111078" s="15">
        <v>45494</v>
      </c>
      <c r="F111078" s="14" t="s">
        <v>53</v>
      </c>
      <c r="G111078" s="16">
        <v>0.15848549452651092</v>
      </c>
    </row>
    <row r="111079" spans="1:7" x14ac:dyDescent="0.3">
      <c r="A111079" s="13" t="s">
        <v>533</v>
      </c>
      <c r="B111079" s="14" t="s">
        <v>1</v>
      </c>
      <c r="C111079" s="14" t="s">
        <v>47</v>
      </c>
      <c r="D111079" s="14" t="s">
        <v>179</v>
      </c>
      <c r="E111079" s="15">
        <v>45495</v>
      </c>
      <c r="F111079" s="14" t="s">
        <v>53</v>
      </c>
      <c r="G111079" s="16">
        <v>0.15614563081755911</v>
      </c>
    </row>
    <row r="111080" spans="1:7" x14ac:dyDescent="0.3">
      <c r="A111080" s="13" t="s">
        <v>533</v>
      </c>
      <c r="B111080" s="14" t="s">
        <v>1</v>
      </c>
      <c r="C111080" s="14" t="s">
        <v>47</v>
      </c>
      <c r="D111080" s="14" t="s">
        <v>179</v>
      </c>
      <c r="E111080" s="15">
        <v>45496</v>
      </c>
      <c r="F111080" s="14" t="s">
        <v>53</v>
      </c>
      <c r="G111080" s="16">
        <v>0.14993202795853405</v>
      </c>
    </row>
    <row r="111081" spans="1:7" x14ac:dyDescent="0.3">
      <c r="A111081" s="13" t="s">
        <v>533</v>
      </c>
      <c r="B111081" s="14" t="s">
        <v>1</v>
      </c>
      <c r="C111081" s="14" t="s">
        <v>47</v>
      </c>
      <c r="D111081" s="14" t="s">
        <v>179</v>
      </c>
      <c r="E111081" s="15">
        <v>45497</v>
      </c>
      <c r="F111081" s="14" t="s">
        <v>53</v>
      </c>
      <c r="G111081" s="16">
        <v>0.14773243768550959</v>
      </c>
    </row>
    <row r="111082" spans="1:7" x14ac:dyDescent="0.3">
      <c r="A111082" s="13" t="s">
        <v>533</v>
      </c>
      <c r="B111082" s="14" t="s">
        <v>1</v>
      </c>
      <c r="C111082" s="14" t="s">
        <v>47</v>
      </c>
      <c r="D111082" s="14" t="s">
        <v>179</v>
      </c>
      <c r="E111082" s="15">
        <v>45498</v>
      </c>
      <c r="F111082" s="14" t="s">
        <v>53</v>
      </c>
      <c r="G111082" s="16">
        <v>0.14618583151575457</v>
      </c>
    </row>
    <row r="111083" spans="1:7" x14ac:dyDescent="0.3">
      <c r="A111083" s="13" t="s">
        <v>533</v>
      </c>
      <c r="B111083" s="14" t="s">
        <v>1</v>
      </c>
      <c r="C111083" s="14" t="s">
        <v>47</v>
      </c>
      <c r="D111083" s="14" t="s">
        <v>179</v>
      </c>
      <c r="E111083" s="15">
        <v>45499</v>
      </c>
      <c r="F111083" s="14" t="s">
        <v>53</v>
      </c>
      <c r="G111083" s="16">
        <v>0.14382128578239811</v>
      </c>
    </row>
    <row r="111084" spans="1:7" x14ac:dyDescent="0.3">
      <c r="A111084" s="13" t="s">
        <v>533</v>
      </c>
      <c r="B111084" s="14" t="s">
        <v>1</v>
      </c>
      <c r="C111084" s="14" t="s">
        <v>47</v>
      </c>
      <c r="D111084" s="14" t="s">
        <v>179</v>
      </c>
      <c r="E111084" s="15">
        <v>45500</v>
      </c>
      <c r="F111084" s="14" t="s">
        <v>53</v>
      </c>
      <c r="G111084" s="16">
        <v>0.14382128578239811</v>
      </c>
    </row>
    <row r="111085" spans="1:7" x14ac:dyDescent="0.3">
      <c r="A111085" s="13" t="s">
        <v>533</v>
      </c>
      <c r="B111085" s="14" t="s">
        <v>1</v>
      </c>
      <c r="C111085" s="14" t="s">
        <v>47</v>
      </c>
      <c r="D111085" s="14" t="s">
        <v>179</v>
      </c>
      <c r="E111085" s="15">
        <v>45501</v>
      </c>
      <c r="F111085" s="14" t="s">
        <v>53</v>
      </c>
      <c r="G111085" s="16">
        <v>0.14382128578239811</v>
      </c>
    </row>
    <row r="111086" spans="1:7" x14ac:dyDescent="0.3">
      <c r="A111086" s="13" t="s">
        <v>533</v>
      </c>
      <c r="B111086" s="14" t="s">
        <v>1</v>
      </c>
      <c r="C111086" s="14" t="s">
        <v>47</v>
      </c>
      <c r="D111086" s="14" t="s">
        <v>179</v>
      </c>
      <c r="E111086" s="15">
        <v>45502</v>
      </c>
      <c r="F111086" s="14" t="s">
        <v>53</v>
      </c>
      <c r="G111086" s="16">
        <v>0.14183340570670314</v>
      </c>
    </row>
    <row r="111087" spans="1:7" x14ac:dyDescent="0.3">
      <c r="A111087" s="13" t="s">
        <v>533</v>
      </c>
      <c r="B111087" s="14" t="s">
        <v>1</v>
      </c>
      <c r="C111087" s="14" t="s">
        <v>47</v>
      </c>
      <c r="D111087" s="14" t="s">
        <v>179</v>
      </c>
      <c r="E111087" s="15">
        <v>45503</v>
      </c>
      <c r="F111087" s="14" t="s">
        <v>53</v>
      </c>
      <c r="G111087" s="16">
        <v>0.13580196390875104</v>
      </c>
    </row>
    <row r="111088" spans="1:7" x14ac:dyDescent="0.3">
      <c r="A111088" s="13" t="s">
        <v>533</v>
      </c>
      <c r="B111088" s="14" t="s">
        <v>1</v>
      </c>
      <c r="C111088" s="14" t="s">
        <v>47</v>
      </c>
      <c r="D111088" s="14" t="s">
        <v>179</v>
      </c>
      <c r="E111088" s="15">
        <v>45504</v>
      </c>
      <c r="F111088" s="14" t="s">
        <v>53</v>
      </c>
      <c r="G111088" s="16">
        <v>0.13349023645167055</v>
      </c>
    </row>
    <row r="111089" spans="1:7" x14ac:dyDescent="0.3">
      <c r="A111089" s="13" t="s">
        <v>533</v>
      </c>
      <c r="B111089" s="14" t="s">
        <v>1</v>
      </c>
      <c r="C111089" s="14" t="s">
        <v>47</v>
      </c>
      <c r="D111089" s="14" t="s">
        <v>179</v>
      </c>
      <c r="E111089" s="15">
        <v>45505</v>
      </c>
      <c r="F111089" s="14" t="s">
        <v>53</v>
      </c>
      <c r="G111089" s="16">
        <v>0.13262190183017383</v>
      </c>
    </row>
    <row r="111090" spans="1:7" x14ac:dyDescent="0.3">
      <c r="A111090" s="13" t="s">
        <v>533</v>
      </c>
      <c r="B111090" s="14" t="s">
        <v>1</v>
      </c>
      <c r="C111090" s="14" t="s">
        <v>47</v>
      </c>
      <c r="D111090" s="14" t="s">
        <v>179</v>
      </c>
      <c r="E111090" s="15">
        <v>45506</v>
      </c>
      <c r="F111090" s="14" t="s">
        <v>53</v>
      </c>
      <c r="G111090" s="16">
        <v>0.12937149054503347</v>
      </c>
    </row>
    <row r="111091" spans="1:7" x14ac:dyDescent="0.3">
      <c r="A111091" s="13" t="s">
        <v>533</v>
      </c>
      <c r="B111091" s="14" t="s">
        <v>1</v>
      </c>
      <c r="C111091" s="14" t="s">
        <v>47</v>
      </c>
      <c r="D111091" s="14" t="s">
        <v>179</v>
      </c>
      <c r="E111091" s="15">
        <v>45507</v>
      </c>
      <c r="F111091" s="14" t="s">
        <v>53</v>
      </c>
      <c r="G111091" s="16">
        <v>0.12937149054503347</v>
      </c>
    </row>
    <row r="111092" spans="1:7" x14ac:dyDescent="0.3">
      <c r="A111092" s="13" t="s">
        <v>533</v>
      </c>
      <c r="B111092" s="14" t="s">
        <v>1</v>
      </c>
      <c r="C111092" s="14" t="s">
        <v>47</v>
      </c>
      <c r="D111092" s="14" t="s">
        <v>179</v>
      </c>
      <c r="E111092" s="15">
        <v>45508</v>
      </c>
      <c r="F111092" s="14" t="s">
        <v>53</v>
      </c>
      <c r="G111092" s="16">
        <v>0.12937149054503347</v>
      </c>
    </row>
    <row r="111093" spans="1:7" x14ac:dyDescent="0.3">
      <c r="A111093" s="13" t="s">
        <v>533</v>
      </c>
      <c r="B111093" s="14" t="s">
        <v>1</v>
      </c>
      <c r="C111093" s="14" t="s">
        <v>47</v>
      </c>
      <c r="D111093" s="14" t="s">
        <v>179</v>
      </c>
      <c r="E111093" s="15">
        <v>45509</v>
      </c>
      <c r="F111093" s="14" t="s">
        <v>53</v>
      </c>
      <c r="G111093" s="16">
        <v>0.12937149054503347</v>
      </c>
    </row>
    <row r="111094" spans="1:7" x14ac:dyDescent="0.3">
      <c r="A111094" s="13" t="s">
        <v>533</v>
      </c>
      <c r="B111094" s="14" t="s">
        <v>1</v>
      </c>
      <c r="C111094" s="14" t="s">
        <v>47</v>
      </c>
      <c r="D111094" s="14" t="s">
        <v>179</v>
      </c>
      <c r="E111094" s="15">
        <v>45510</v>
      </c>
      <c r="F111094" s="14" t="s">
        <v>53</v>
      </c>
      <c r="G111094" s="16">
        <v>0.12839043689521951</v>
      </c>
    </row>
    <row r="111095" spans="1:7" x14ac:dyDescent="0.3">
      <c r="A111095" s="13" t="s">
        <v>533</v>
      </c>
      <c r="B111095" s="14" t="s">
        <v>1</v>
      </c>
      <c r="C111095" s="14" t="s">
        <v>47</v>
      </c>
      <c r="D111095" s="14" t="s">
        <v>179</v>
      </c>
      <c r="E111095" s="15">
        <v>45511</v>
      </c>
      <c r="F111095" s="14" t="s">
        <v>53</v>
      </c>
      <c r="G111095" s="16">
        <v>0.12046423515537526</v>
      </c>
    </row>
    <row r="111096" spans="1:7" x14ac:dyDescent="0.3">
      <c r="A111096" s="13" t="s">
        <v>533</v>
      </c>
      <c r="B111096" s="14" t="s">
        <v>1</v>
      </c>
      <c r="C111096" s="14" t="s">
        <v>47</v>
      </c>
      <c r="D111096" s="14" t="s">
        <v>179</v>
      </c>
      <c r="E111096" s="15">
        <v>45512</v>
      </c>
      <c r="F111096" s="14" t="s">
        <v>53</v>
      </c>
      <c r="G111096" s="16">
        <v>0.11797086609713812</v>
      </c>
    </row>
    <row r="111097" spans="1:7" x14ac:dyDescent="0.3">
      <c r="A111097" s="13" t="s">
        <v>533</v>
      </c>
      <c r="B111097" s="14" t="s">
        <v>1</v>
      </c>
      <c r="C111097" s="14" t="s">
        <v>47</v>
      </c>
      <c r="D111097" s="14" t="s">
        <v>179</v>
      </c>
      <c r="E111097" s="15">
        <v>45513</v>
      </c>
      <c r="F111097" s="14" t="s">
        <v>53</v>
      </c>
      <c r="G111097" s="16">
        <v>0.11589887496136821</v>
      </c>
    </row>
    <row r="111098" spans="1:7" x14ac:dyDescent="0.3">
      <c r="A111098" s="13" t="s">
        <v>533</v>
      </c>
      <c r="B111098" s="14" t="s">
        <v>1</v>
      </c>
      <c r="C111098" s="14" t="s">
        <v>47</v>
      </c>
      <c r="D111098" s="14" t="s">
        <v>179</v>
      </c>
      <c r="E111098" s="15">
        <v>45514</v>
      </c>
      <c r="F111098" s="14" t="s">
        <v>53</v>
      </c>
      <c r="G111098" s="16">
        <v>0.11589887496136821</v>
      </c>
    </row>
    <row r="111099" spans="1:7" x14ac:dyDescent="0.3">
      <c r="A111099" s="13" t="s">
        <v>533</v>
      </c>
      <c r="B111099" s="14" t="s">
        <v>1</v>
      </c>
      <c r="C111099" s="14" t="s">
        <v>47</v>
      </c>
      <c r="D111099" s="14" t="s">
        <v>179</v>
      </c>
      <c r="E111099" s="15">
        <v>45515</v>
      </c>
      <c r="F111099" s="14" t="s">
        <v>53</v>
      </c>
      <c r="G111099" s="16">
        <v>0.11589887496136821</v>
      </c>
    </row>
    <row r="111100" spans="1:7" x14ac:dyDescent="0.3">
      <c r="A111100" s="13" t="s">
        <v>533</v>
      </c>
      <c r="B111100" s="14" t="s">
        <v>1</v>
      </c>
      <c r="C111100" s="14" t="s">
        <v>47</v>
      </c>
      <c r="D111100" s="14" t="s">
        <v>179</v>
      </c>
      <c r="E111100" s="15">
        <v>45516</v>
      </c>
      <c r="F111100" s="14" t="s">
        <v>53</v>
      </c>
      <c r="G111100" s="16">
        <v>0.11392134931214314</v>
      </c>
    </row>
    <row r="111101" spans="1:7" x14ac:dyDescent="0.3">
      <c r="A111101" s="13" t="s">
        <v>533</v>
      </c>
      <c r="B111101" s="14" t="s">
        <v>1</v>
      </c>
      <c r="C111101" s="14" t="s">
        <v>47</v>
      </c>
      <c r="D111101" s="14" t="s">
        <v>179</v>
      </c>
      <c r="E111101" s="15">
        <v>45517</v>
      </c>
      <c r="F111101" s="14" t="s">
        <v>53</v>
      </c>
      <c r="G111101" s="16">
        <v>0.10797677909400778</v>
      </c>
    </row>
    <row r="111102" spans="1:7" x14ac:dyDescent="0.3">
      <c r="A111102" s="13" t="s">
        <v>533</v>
      </c>
      <c r="B111102" s="14" t="s">
        <v>1</v>
      </c>
      <c r="C111102" s="14" t="s">
        <v>47</v>
      </c>
      <c r="D111102" s="14" t="s">
        <v>179</v>
      </c>
      <c r="E111102" s="15">
        <v>45518</v>
      </c>
      <c r="F111102" s="14" t="s">
        <v>53</v>
      </c>
      <c r="G111102" s="16">
        <v>0.10627795353854368</v>
      </c>
    </row>
    <row r="111103" spans="1:7" x14ac:dyDescent="0.3">
      <c r="A111103" s="13" t="s">
        <v>533</v>
      </c>
      <c r="B111103" s="14" t="s">
        <v>1</v>
      </c>
      <c r="C111103" s="14" t="s">
        <v>47</v>
      </c>
      <c r="D111103" s="14" t="s">
        <v>179</v>
      </c>
      <c r="E111103" s="15">
        <v>45519</v>
      </c>
      <c r="F111103" s="14" t="s">
        <v>53</v>
      </c>
      <c r="G111103" s="16">
        <v>0.10400956497478878</v>
      </c>
    </row>
    <row r="111104" spans="1:7" x14ac:dyDescent="0.3">
      <c r="A111104" s="13" t="s">
        <v>533</v>
      </c>
      <c r="B111104" s="14" t="s">
        <v>1</v>
      </c>
      <c r="C111104" s="14" t="s">
        <v>47</v>
      </c>
      <c r="D111104" s="14" t="s">
        <v>179</v>
      </c>
      <c r="E111104" s="15">
        <v>45520</v>
      </c>
      <c r="F111104" s="14" t="s">
        <v>53</v>
      </c>
      <c r="G111104" s="16">
        <v>0.1030247989136599</v>
      </c>
    </row>
    <row r="111105" spans="1:7" x14ac:dyDescent="0.3">
      <c r="A111105" s="13" t="s">
        <v>533</v>
      </c>
      <c r="B111105" s="14" t="s">
        <v>1</v>
      </c>
      <c r="C111105" s="14" t="s">
        <v>47</v>
      </c>
      <c r="D111105" s="14" t="s">
        <v>179</v>
      </c>
      <c r="E111105" s="15">
        <v>45521</v>
      </c>
      <c r="F111105" s="14" t="s">
        <v>53</v>
      </c>
      <c r="G111105" s="16">
        <v>0.1030247989136599</v>
      </c>
    </row>
    <row r="111106" spans="1:7" x14ac:dyDescent="0.3">
      <c r="A111106" s="13" t="s">
        <v>533</v>
      </c>
      <c r="B111106" s="14" t="s">
        <v>1</v>
      </c>
      <c r="C111106" s="14" t="s">
        <v>47</v>
      </c>
      <c r="D111106" s="14" t="s">
        <v>179</v>
      </c>
      <c r="E111106" s="15">
        <v>45522</v>
      </c>
      <c r="F111106" s="14" t="s">
        <v>53</v>
      </c>
      <c r="G111106" s="16">
        <v>0.1030247989136599</v>
      </c>
    </row>
    <row r="111107" spans="1:7" x14ac:dyDescent="0.3">
      <c r="A111107" s="13" t="s">
        <v>533</v>
      </c>
      <c r="B111107" s="14" t="s">
        <v>1</v>
      </c>
      <c r="C111107" s="14" t="s">
        <v>47</v>
      </c>
      <c r="D111107" s="14" t="s">
        <v>179</v>
      </c>
      <c r="E111107" s="15">
        <v>45523</v>
      </c>
      <c r="F111107" s="14" t="s">
        <v>53</v>
      </c>
      <c r="G111107" s="16">
        <v>0.10054867454667089</v>
      </c>
    </row>
    <row r="111108" spans="1:7" x14ac:dyDescent="0.3">
      <c r="A111108" s="13" t="s">
        <v>533</v>
      </c>
      <c r="B111108" s="14" t="s">
        <v>1</v>
      </c>
      <c r="C111108" s="14" t="s">
        <v>47</v>
      </c>
      <c r="D111108" s="14" t="s">
        <v>179</v>
      </c>
      <c r="E111108" s="15">
        <v>45524</v>
      </c>
      <c r="F111108" s="14" t="s">
        <v>53</v>
      </c>
      <c r="G111108" s="16">
        <v>9.3909740783385653E-2</v>
      </c>
    </row>
    <row r="111109" spans="1:7" x14ac:dyDescent="0.3">
      <c r="A111109" s="13" t="s">
        <v>533</v>
      </c>
      <c r="B111109" s="14" t="s">
        <v>1</v>
      </c>
      <c r="C111109" s="14" t="s">
        <v>47</v>
      </c>
      <c r="D111109" s="14" t="s">
        <v>179</v>
      </c>
      <c r="E111109" s="15">
        <v>45525</v>
      </c>
      <c r="F111109" s="14" t="s">
        <v>53</v>
      </c>
      <c r="G111109" s="16">
        <v>9.1369773209245816E-2</v>
      </c>
    </row>
    <row r="111110" spans="1:7" x14ac:dyDescent="0.3">
      <c r="A111110" s="13" t="s">
        <v>533</v>
      </c>
      <c r="B111110" s="14" t="s">
        <v>1</v>
      </c>
      <c r="C111110" s="14" t="s">
        <v>47</v>
      </c>
      <c r="D111110" s="14" t="s">
        <v>179</v>
      </c>
      <c r="E111110" s="15">
        <v>45526</v>
      </c>
      <c r="F111110" s="14" t="s">
        <v>53</v>
      </c>
      <c r="G111110" s="16">
        <v>8.9229427179193216E-2</v>
      </c>
    </row>
    <row r="111111" spans="1:7" x14ac:dyDescent="0.3">
      <c r="A111111" s="13" t="s">
        <v>533</v>
      </c>
      <c r="B111111" s="14" t="s">
        <v>1</v>
      </c>
      <c r="C111111" s="14" t="s">
        <v>47</v>
      </c>
      <c r="D111111" s="14" t="s">
        <v>179</v>
      </c>
      <c r="E111111" s="15">
        <v>45527</v>
      </c>
      <c r="F111111" s="14" t="s">
        <v>53</v>
      </c>
      <c r="G111111" s="16">
        <v>8.6248467579264673E-2</v>
      </c>
    </row>
    <row r="111112" spans="1:7" x14ac:dyDescent="0.3">
      <c r="A111112" s="13" t="s">
        <v>533</v>
      </c>
      <c r="B111112" s="14" t="s">
        <v>1</v>
      </c>
      <c r="C111112" s="14" t="s">
        <v>47</v>
      </c>
      <c r="D111112" s="14" t="s">
        <v>179</v>
      </c>
      <c r="E111112" s="15">
        <v>45528</v>
      </c>
      <c r="F111112" s="14" t="s">
        <v>53</v>
      </c>
      <c r="G111112" s="16">
        <v>8.6248467579264673E-2</v>
      </c>
    </row>
    <row r="111113" spans="1:7" x14ac:dyDescent="0.3">
      <c r="A111113" s="13" t="s">
        <v>533</v>
      </c>
      <c r="B111113" s="14" t="s">
        <v>1</v>
      </c>
      <c r="C111113" s="14" t="s">
        <v>47</v>
      </c>
      <c r="D111113" s="14" t="s">
        <v>179</v>
      </c>
      <c r="E111113" s="15">
        <v>45529</v>
      </c>
      <c r="F111113" s="14" t="s">
        <v>53</v>
      </c>
      <c r="G111113" s="16">
        <v>8.6248467579264673E-2</v>
      </c>
    </row>
    <row r="111114" spans="1:7" x14ac:dyDescent="0.3">
      <c r="A111114" s="13" t="s">
        <v>533</v>
      </c>
      <c r="B111114" s="14" t="s">
        <v>1</v>
      </c>
      <c r="C111114" s="14" t="s">
        <v>47</v>
      </c>
      <c r="D111114" s="14" t="s">
        <v>179</v>
      </c>
      <c r="E111114" s="15">
        <v>45530</v>
      </c>
      <c r="F111114" s="14" t="s">
        <v>53</v>
      </c>
      <c r="G111114" s="16">
        <v>8.6248467579264673E-2</v>
      </c>
    </row>
    <row r="111115" spans="1:7" x14ac:dyDescent="0.3">
      <c r="A111115" s="13" t="s">
        <v>533</v>
      </c>
      <c r="B111115" s="14" t="s">
        <v>1</v>
      </c>
      <c r="C111115" s="14" t="s">
        <v>47</v>
      </c>
      <c r="D111115" s="14" t="s">
        <v>179</v>
      </c>
      <c r="E111115" s="15">
        <v>45531</v>
      </c>
      <c r="F111115" s="14" t="s">
        <v>53</v>
      </c>
      <c r="G111115" s="16">
        <v>8.379844951329822E-2</v>
      </c>
    </row>
    <row r="111116" spans="1:7" x14ac:dyDescent="0.3">
      <c r="A111116" s="13" t="s">
        <v>533</v>
      </c>
      <c r="B111116" s="14" t="s">
        <v>1</v>
      </c>
      <c r="C111116" s="14" t="s">
        <v>47</v>
      </c>
      <c r="D111116" s="14" t="s">
        <v>179</v>
      </c>
      <c r="E111116" s="15">
        <v>45532</v>
      </c>
      <c r="F111116" s="14" t="s">
        <v>53</v>
      </c>
      <c r="G111116" s="16">
        <v>7.5401259828257391E-2</v>
      </c>
    </row>
    <row r="111117" spans="1:7" x14ac:dyDescent="0.3">
      <c r="A111117" s="13" t="s">
        <v>533</v>
      </c>
      <c r="B111117" s="14" t="s">
        <v>1</v>
      </c>
      <c r="C111117" s="14" t="s">
        <v>47</v>
      </c>
      <c r="D111117" s="14" t="s">
        <v>179</v>
      </c>
      <c r="E111117" s="15">
        <v>45533</v>
      </c>
      <c r="F111117" s="14" t="s">
        <v>53</v>
      </c>
      <c r="G111117" s="16">
        <v>7.332426713113209E-2</v>
      </c>
    </row>
    <row r="111118" spans="1:7" x14ac:dyDescent="0.3">
      <c r="A111118" s="13" t="s">
        <v>533</v>
      </c>
      <c r="B111118" s="14" t="s">
        <v>1</v>
      </c>
      <c r="C111118" s="14" t="s">
        <v>47</v>
      </c>
      <c r="D111118" s="14" t="s">
        <v>179</v>
      </c>
      <c r="E111118" s="15">
        <v>45534</v>
      </c>
      <c r="F111118" s="14" t="s">
        <v>53</v>
      </c>
      <c r="G111118" s="16">
        <v>7.1318068290563169E-2</v>
      </c>
    </row>
    <row r="111119" spans="1:7" x14ac:dyDescent="0.3">
      <c r="A111119" s="13" t="s">
        <v>533</v>
      </c>
      <c r="B111119" s="14" t="s">
        <v>1</v>
      </c>
      <c r="C111119" s="14" t="s">
        <v>47</v>
      </c>
      <c r="D111119" s="14" t="s">
        <v>179</v>
      </c>
      <c r="E111119" s="15">
        <v>45535</v>
      </c>
      <c r="F111119" s="14" t="s">
        <v>53</v>
      </c>
      <c r="G111119" s="16">
        <v>7.1318068290563169E-2</v>
      </c>
    </row>
    <row r="111120" spans="1:7" x14ac:dyDescent="0.3">
      <c r="A111120" s="13" t="s">
        <v>533</v>
      </c>
      <c r="B111120" s="14" t="s">
        <v>1</v>
      </c>
      <c r="C111120" s="14" t="s">
        <v>47</v>
      </c>
      <c r="D111120" s="14" t="s">
        <v>179</v>
      </c>
      <c r="E111120" s="15">
        <v>45536</v>
      </c>
      <c r="F111120" s="14" t="s">
        <v>53</v>
      </c>
      <c r="G111120" s="16">
        <v>7.1318068290563169E-2</v>
      </c>
    </row>
    <row r="111121" spans="1:7" x14ac:dyDescent="0.3">
      <c r="A111121" s="13" t="s">
        <v>533</v>
      </c>
      <c r="B111121" s="14" t="s">
        <v>1</v>
      </c>
      <c r="C111121" s="14" t="s">
        <v>47</v>
      </c>
      <c r="D111121" s="14" t="s">
        <v>179</v>
      </c>
      <c r="E111121" s="15">
        <v>45537</v>
      </c>
      <c r="F111121" s="14" t="s">
        <v>53</v>
      </c>
      <c r="G111121" s="16">
        <v>7.1318068290563169E-2</v>
      </c>
    </row>
    <row r="111122" spans="1:7" x14ac:dyDescent="0.3">
      <c r="A111122" s="13" t="s">
        <v>533</v>
      </c>
      <c r="B111122" s="14" t="s">
        <v>1</v>
      </c>
      <c r="C111122" s="14" t="s">
        <v>47</v>
      </c>
      <c r="D111122" s="14" t="s">
        <v>179</v>
      </c>
      <c r="E111122" s="15">
        <v>45538</v>
      </c>
      <c r="F111122" s="14" t="s">
        <v>53</v>
      </c>
      <c r="G111122" s="16">
        <v>7.2509345401552835E-2</v>
      </c>
    </row>
    <row r="111123" spans="1:7" x14ac:dyDescent="0.3">
      <c r="A111123" s="13" t="s">
        <v>533</v>
      </c>
      <c r="B111123" s="14" t="s">
        <v>1</v>
      </c>
      <c r="C111123" s="14" t="s">
        <v>47</v>
      </c>
      <c r="D111123" s="14" t="s">
        <v>179</v>
      </c>
      <c r="E111123" s="15">
        <v>45539</v>
      </c>
      <c r="F111123" s="14" t="s">
        <v>53</v>
      </c>
      <c r="G111123" s="16">
        <v>6.809561294286641E-2</v>
      </c>
    </row>
    <row r="111124" spans="1:7" x14ac:dyDescent="0.3">
      <c r="A111124" s="13" t="s">
        <v>533</v>
      </c>
      <c r="B111124" s="14" t="s">
        <v>1</v>
      </c>
      <c r="C111124" s="14" t="s">
        <v>47</v>
      </c>
      <c r="D111124" s="14" t="s">
        <v>179</v>
      </c>
      <c r="E111124" s="15">
        <v>45540</v>
      </c>
      <c r="F111124" s="14" t="s">
        <v>53</v>
      </c>
      <c r="G111124" s="16">
        <v>7.2260718546649658E-2</v>
      </c>
    </row>
    <row r="111125" spans="1:7" x14ac:dyDescent="0.3">
      <c r="A111125" s="13" t="s">
        <v>533</v>
      </c>
      <c r="B111125" s="14" t="s">
        <v>1</v>
      </c>
      <c r="C111125" s="14" t="s">
        <v>47</v>
      </c>
      <c r="D111125" s="14" t="s">
        <v>179</v>
      </c>
      <c r="E111125" s="15">
        <v>45541</v>
      </c>
      <c r="F111125" s="14" t="s">
        <v>53</v>
      </c>
      <c r="G111125" s="16">
        <v>7.0415382300434898E-2</v>
      </c>
    </row>
    <row r="111126" spans="1:7" x14ac:dyDescent="0.3">
      <c r="A111126" s="13" t="s">
        <v>533</v>
      </c>
      <c r="B111126" s="14" t="s">
        <v>1</v>
      </c>
      <c r="C111126" s="14" t="s">
        <v>47</v>
      </c>
      <c r="D111126" s="14" t="s">
        <v>179</v>
      </c>
      <c r="E111126" s="15">
        <v>45542</v>
      </c>
      <c r="F111126" s="14" t="s">
        <v>53</v>
      </c>
      <c r="G111126" s="16">
        <v>7.0415382300434898E-2</v>
      </c>
    </row>
    <row r="111127" spans="1:7" x14ac:dyDescent="0.3">
      <c r="A111127" s="13" t="s">
        <v>533</v>
      </c>
      <c r="B111127" s="14" t="s">
        <v>1</v>
      </c>
      <c r="C111127" s="14" t="s">
        <v>47</v>
      </c>
      <c r="D111127" s="14" t="s">
        <v>179</v>
      </c>
      <c r="E111127" s="15">
        <v>45543</v>
      </c>
      <c r="F111127" s="14" t="s">
        <v>53</v>
      </c>
      <c r="G111127" s="16">
        <v>7.0415382300434898E-2</v>
      </c>
    </row>
    <row r="111128" spans="1:7" x14ac:dyDescent="0.3">
      <c r="A111128" s="13" t="s">
        <v>533</v>
      </c>
      <c r="B111128" s="14" t="s">
        <v>1</v>
      </c>
      <c r="C111128" s="14" t="s">
        <v>47</v>
      </c>
      <c r="D111128" s="14" t="s">
        <v>179</v>
      </c>
      <c r="E111128" s="15">
        <v>45544</v>
      </c>
      <c r="F111128" s="14" t="s">
        <v>53</v>
      </c>
      <c r="G111128" s="16">
        <v>6.8585847300509678E-2</v>
      </c>
    </row>
    <row r="111129" spans="1:7" x14ac:dyDescent="0.3">
      <c r="A111129" s="13" t="s">
        <v>533</v>
      </c>
      <c r="B111129" s="14" t="s">
        <v>1</v>
      </c>
      <c r="C111129" s="14" t="s">
        <v>47</v>
      </c>
      <c r="D111129" s="14" t="s">
        <v>179</v>
      </c>
      <c r="E111129" s="15">
        <v>45545</v>
      </c>
      <c r="F111129" s="14" t="s">
        <v>53</v>
      </c>
      <c r="G111129" s="16">
        <v>6.2381330649216145E-2</v>
      </c>
    </row>
    <row r="111130" spans="1:7" x14ac:dyDescent="0.3">
      <c r="A111130" s="13" t="s">
        <v>533</v>
      </c>
      <c r="B111130" s="14" t="s">
        <v>1</v>
      </c>
      <c r="C111130" s="14" t="s">
        <v>47</v>
      </c>
      <c r="D111130" s="14" t="s">
        <v>179</v>
      </c>
      <c r="E111130" s="15">
        <v>45546</v>
      </c>
      <c r="F111130" s="14" t="s">
        <v>53</v>
      </c>
      <c r="G111130" s="16">
        <v>6.0490787425324606E-2</v>
      </c>
    </row>
    <row r="111131" spans="1:7" x14ac:dyDescent="0.3">
      <c r="A111131" s="13" t="s">
        <v>533</v>
      </c>
      <c r="B111131" s="14" t="s">
        <v>1</v>
      </c>
      <c r="C111131" s="14" t="s">
        <v>47</v>
      </c>
      <c r="D111131" s="14" t="s">
        <v>179</v>
      </c>
      <c r="E111131" s="15">
        <v>45547</v>
      </c>
      <c r="F111131" s="14" t="s">
        <v>53</v>
      </c>
      <c r="G111131" s="16">
        <v>6.2965650563374442E-2</v>
      </c>
    </row>
    <row r="111132" spans="1:7" x14ac:dyDescent="0.3">
      <c r="A111132" s="13" t="s">
        <v>533</v>
      </c>
      <c r="B111132" s="14" t="s">
        <v>1</v>
      </c>
      <c r="C111132" s="14" t="s">
        <v>47</v>
      </c>
      <c r="D111132" s="14" t="s">
        <v>179</v>
      </c>
      <c r="E111132" s="15">
        <v>45548</v>
      </c>
      <c r="F111132" s="14" t="s">
        <v>53</v>
      </c>
      <c r="G111132" s="16">
        <v>6.7288849021238106E-2</v>
      </c>
    </row>
    <row r="111133" spans="1:7" x14ac:dyDescent="0.3">
      <c r="A111133" s="13" t="s">
        <v>533</v>
      </c>
      <c r="B111133" s="14" t="s">
        <v>1</v>
      </c>
      <c r="C111133" s="14" t="s">
        <v>47</v>
      </c>
      <c r="D111133" s="14" t="s">
        <v>179</v>
      </c>
      <c r="E111133" s="15">
        <v>45549</v>
      </c>
      <c r="F111133" s="14" t="s">
        <v>53</v>
      </c>
      <c r="G111133" s="16">
        <v>6.7288849021238106E-2</v>
      </c>
    </row>
    <row r="111134" spans="1:7" x14ac:dyDescent="0.3">
      <c r="A111134" s="13" t="s">
        <v>533</v>
      </c>
      <c r="B111134" s="14" t="s">
        <v>1</v>
      </c>
      <c r="C111134" s="14" t="s">
        <v>47</v>
      </c>
      <c r="D111134" s="14" t="s">
        <v>179</v>
      </c>
      <c r="E111134" s="15">
        <v>45550</v>
      </c>
      <c r="F111134" s="14" t="s">
        <v>53</v>
      </c>
      <c r="G111134" s="16">
        <v>6.7288849021238106E-2</v>
      </c>
    </row>
    <row r="111135" spans="1:7" x14ac:dyDescent="0.3">
      <c r="A111135" s="13" t="s">
        <v>533</v>
      </c>
      <c r="B111135" s="14" t="s">
        <v>1</v>
      </c>
      <c r="C111135" s="14" t="s">
        <v>47</v>
      </c>
      <c r="D111135" s="14" t="s">
        <v>179</v>
      </c>
      <c r="E111135" s="15">
        <v>45551</v>
      </c>
      <c r="F111135" s="14" t="s">
        <v>53</v>
      </c>
      <c r="G111135" s="16">
        <v>6.4691556766923869E-2</v>
      </c>
    </row>
    <row r="111136" spans="1:7" x14ac:dyDescent="0.3">
      <c r="A111136" s="13" t="s">
        <v>533</v>
      </c>
      <c r="B111136" s="14" t="s">
        <v>1</v>
      </c>
      <c r="C111136" s="14" t="s">
        <v>47</v>
      </c>
      <c r="D111136" s="14" t="s">
        <v>179</v>
      </c>
      <c r="E111136" s="15">
        <v>45552</v>
      </c>
      <c r="F111136" s="14" t="s">
        <v>53</v>
      </c>
      <c r="G111136" s="16">
        <v>6.021458710337925E-2</v>
      </c>
    </row>
    <row r="111137" spans="1:7" x14ac:dyDescent="0.3">
      <c r="A111137" s="13" t="s">
        <v>533</v>
      </c>
      <c r="B111137" s="14" t="s">
        <v>1</v>
      </c>
      <c r="C111137" s="14" t="s">
        <v>47</v>
      </c>
      <c r="D111137" s="14" t="s">
        <v>179</v>
      </c>
      <c r="E111137" s="15">
        <v>45553</v>
      </c>
      <c r="F111137" s="14" t="s">
        <v>53</v>
      </c>
      <c r="G111137" s="16">
        <v>5.849063346877538E-2</v>
      </c>
    </row>
    <row r="111138" spans="1:7" x14ac:dyDescent="0.3">
      <c r="A111138" s="13" t="s">
        <v>533</v>
      </c>
      <c r="B111138" s="14" t="s">
        <v>1</v>
      </c>
      <c r="C111138" s="14" t="s">
        <v>47</v>
      </c>
      <c r="D111138" s="14" t="s">
        <v>179</v>
      </c>
      <c r="E111138" s="15">
        <v>45554</v>
      </c>
      <c r="F111138" s="14" t="s">
        <v>53</v>
      </c>
      <c r="G111138" s="16">
        <v>5.6021550449279908E-2</v>
      </c>
    </row>
    <row r="111139" spans="1:7" x14ac:dyDescent="0.3">
      <c r="A111139" s="13" t="s">
        <v>533</v>
      </c>
      <c r="B111139" s="14" t="s">
        <v>1</v>
      </c>
      <c r="C111139" s="14" t="s">
        <v>47</v>
      </c>
      <c r="D111139" s="14" t="s">
        <v>179</v>
      </c>
      <c r="E111139" s="15">
        <v>45555</v>
      </c>
      <c r="F111139" s="14" t="s">
        <v>53</v>
      </c>
      <c r="G111139" s="16">
        <v>6.4666436140582734E-2</v>
      </c>
    </row>
    <row r="111140" spans="1:7" x14ac:dyDescent="0.3">
      <c r="A111140" s="13" t="s">
        <v>533</v>
      </c>
      <c r="B111140" s="14" t="s">
        <v>1</v>
      </c>
      <c r="C111140" s="14" t="s">
        <v>47</v>
      </c>
      <c r="D111140" s="14" t="s">
        <v>179</v>
      </c>
      <c r="E111140" s="15">
        <v>45556</v>
      </c>
      <c r="F111140" s="14" t="s">
        <v>53</v>
      </c>
      <c r="G111140" s="16">
        <v>6.4666436140582734E-2</v>
      </c>
    </row>
    <row r="111141" spans="1:7" x14ac:dyDescent="0.3">
      <c r="A111141" s="13" t="s">
        <v>533</v>
      </c>
      <c r="B111141" s="14" t="s">
        <v>1</v>
      </c>
      <c r="C111141" s="14" t="s">
        <v>47</v>
      </c>
      <c r="D111141" s="14" t="s">
        <v>179</v>
      </c>
      <c r="E111141" s="15">
        <v>45557</v>
      </c>
      <c r="F111141" s="14" t="s">
        <v>53</v>
      </c>
      <c r="G111141" s="16">
        <v>6.4666436140582734E-2</v>
      </c>
    </row>
    <row r="111142" spans="1:7" x14ac:dyDescent="0.3">
      <c r="A111142" s="13" t="s">
        <v>533</v>
      </c>
      <c r="B111142" s="14" t="s">
        <v>1</v>
      </c>
      <c r="C111142" s="14" t="s">
        <v>47</v>
      </c>
      <c r="D111142" s="14" t="s">
        <v>179</v>
      </c>
      <c r="E111142" s="15">
        <v>45558</v>
      </c>
      <c r="F111142" s="14" t="s">
        <v>53</v>
      </c>
      <c r="G111142" s="16">
        <v>6.2331510844884391E-2</v>
      </c>
    </row>
    <row r="111143" spans="1:7" x14ac:dyDescent="0.3">
      <c r="A111143" s="13" t="s">
        <v>533</v>
      </c>
      <c r="B111143" s="14" t="s">
        <v>1</v>
      </c>
      <c r="C111143" s="14" t="s">
        <v>47</v>
      </c>
      <c r="D111143" s="14" t="s">
        <v>179</v>
      </c>
      <c r="E111143" s="15">
        <v>45559</v>
      </c>
      <c r="F111143" s="14" t="s">
        <v>53</v>
      </c>
      <c r="G111143" s="16">
        <v>6.2689644625680052E-2</v>
      </c>
    </row>
    <row r="111144" spans="1:7" x14ac:dyDescent="0.3">
      <c r="A111144" s="13" t="s">
        <v>533</v>
      </c>
      <c r="B111144" s="14" t="s">
        <v>1</v>
      </c>
      <c r="C111144" s="14" t="s">
        <v>47</v>
      </c>
      <c r="D111144" s="14" t="s">
        <v>179</v>
      </c>
      <c r="E111144" s="15">
        <v>45560</v>
      </c>
      <c r="F111144" s="14" t="s">
        <v>53</v>
      </c>
      <c r="G111144" s="16">
        <v>6.0871608334413824E-2</v>
      </c>
    </row>
    <row r="111145" spans="1:7" x14ac:dyDescent="0.3">
      <c r="A111145" s="13" t="s">
        <v>533</v>
      </c>
      <c r="B111145" s="14" t="s">
        <v>1</v>
      </c>
      <c r="C111145" s="14" t="s">
        <v>47</v>
      </c>
      <c r="D111145" s="14" t="s">
        <v>179</v>
      </c>
      <c r="E111145" s="15">
        <v>45561</v>
      </c>
      <c r="F111145" s="14" t="s">
        <v>53</v>
      </c>
      <c r="G111145" s="16">
        <v>5.821292661583298E-2</v>
      </c>
    </row>
    <row r="111146" spans="1:7" x14ac:dyDescent="0.3">
      <c r="A111146" s="13" t="s">
        <v>533</v>
      </c>
      <c r="B111146" s="14" t="s">
        <v>1</v>
      </c>
      <c r="C111146" s="14" t="s">
        <v>47</v>
      </c>
      <c r="D111146" s="14" t="s">
        <v>179</v>
      </c>
      <c r="E111146" s="15">
        <v>45562</v>
      </c>
      <c r="F111146" s="14" t="s">
        <v>53</v>
      </c>
      <c r="G111146" s="16">
        <v>5.612606929786873E-2</v>
      </c>
    </row>
    <row r="111147" spans="1:7" x14ac:dyDescent="0.3">
      <c r="A111147" s="13" t="s">
        <v>533</v>
      </c>
      <c r="B111147" s="14" t="s">
        <v>1</v>
      </c>
      <c r="C111147" s="14" t="s">
        <v>47</v>
      </c>
      <c r="D111147" s="14" t="s">
        <v>179</v>
      </c>
      <c r="E111147" s="15">
        <v>45563</v>
      </c>
      <c r="F111147" s="14" t="s">
        <v>53</v>
      </c>
      <c r="G111147" s="16">
        <v>5.612606929786873E-2</v>
      </c>
    </row>
    <row r="111148" spans="1:7" x14ac:dyDescent="0.3">
      <c r="A111148" s="13" t="s">
        <v>533</v>
      </c>
      <c r="B111148" s="14" t="s">
        <v>1</v>
      </c>
      <c r="C111148" s="14" t="s">
        <v>47</v>
      </c>
      <c r="D111148" s="14" t="s">
        <v>179</v>
      </c>
      <c r="E111148" s="15">
        <v>45564</v>
      </c>
      <c r="F111148" s="14" t="s">
        <v>53</v>
      </c>
      <c r="G111148" s="16">
        <v>5.612606929786873E-2</v>
      </c>
    </row>
    <row r="111149" spans="1:7" x14ac:dyDescent="0.3">
      <c r="A111149" s="13" t="s">
        <v>533</v>
      </c>
      <c r="B111149" s="14" t="s">
        <v>1</v>
      </c>
      <c r="C111149" s="14" t="s">
        <v>47</v>
      </c>
      <c r="D111149" s="14" t="s">
        <v>179</v>
      </c>
      <c r="E111149" s="15">
        <v>45565</v>
      </c>
      <c r="F111149" s="14" t="s">
        <v>53</v>
      </c>
      <c r="G111149" s="16">
        <v>6.2038168476304771E-2</v>
      </c>
    </row>
    <row r="111150" spans="1:7" x14ac:dyDescent="0.3">
      <c r="A111150" s="13" t="s">
        <v>533</v>
      </c>
      <c r="B111150" s="14" t="s">
        <v>1</v>
      </c>
      <c r="C111150" s="14" t="s">
        <v>47</v>
      </c>
      <c r="D111150" s="14" t="s">
        <v>179</v>
      </c>
      <c r="E111150" s="15">
        <v>45566</v>
      </c>
      <c r="F111150" s="14" t="s">
        <v>53</v>
      </c>
      <c r="G111150" s="16">
        <v>6.0179700744162602E-2</v>
      </c>
    </row>
    <row r="111151" spans="1:7" x14ac:dyDescent="0.3">
      <c r="A111151" s="13" t="s">
        <v>533</v>
      </c>
      <c r="B111151" s="14" t="s">
        <v>1</v>
      </c>
      <c r="C111151" s="14" t="s">
        <v>47</v>
      </c>
      <c r="D111151" s="14" t="s">
        <v>179</v>
      </c>
      <c r="E111151" s="15">
        <v>45567</v>
      </c>
      <c r="F111151" s="14" t="s">
        <v>53</v>
      </c>
      <c r="G111151" s="16">
        <v>6.3006191451824387E-2</v>
      </c>
    </row>
    <row r="111152" spans="1:7" x14ac:dyDescent="0.3">
      <c r="A111152" s="13" t="s">
        <v>533</v>
      </c>
      <c r="B111152" s="14" t="s">
        <v>1</v>
      </c>
      <c r="C111152" s="14" t="s">
        <v>47</v>
      </c>
      <c r="D111152" s="14" t="s">
        <v>179</v>
      </c>
      <c r="E111152" s="15">
        <v>45568</v>
      </c>
      <c r="F111152" s="14" t="s">
        <v>53</v>
      </c>
      <c r="G111152" s="16">
        <v>6.1389521861544505E-2</v>
      </c>
    </row>
    <row r="111153" spans="1:7" x14ac:dyDescent="0.3">
      <c r="A111153" s="13" t="s">
        <v>533</v>
      </c>
      <c r="B111153" s="14" t="s">
        <v>1</v>
      </c>
      <c r="C111153" s="14" t="s">
        <v>47</v>
      </c>
      <c r="D111153" s="14" t="s">
        <v>179</v>
      </c>
      <c r="E111153" s="15">
        <v>45569</v>
      </c>
      <c r="F111153" s="14" t="s">
        <v>53</v>
      </c>
      <c r="G111153" s="16">
        <v>5.9088257136363766E-2</v>
      </c>
    </row>
    <row r="111154" spans="1:7" x14ac:dyDescent="0.3">
      <c r="A111154" s="13" t="s">
        <v>533</v>
      </c>
      <c r="B111154" s="14" t="s">
        <v>1</v>
      </c>
      <c r="C111154" s="14" t="s">
        <v>47</v>
      </c>
      <c r="D111154" s="14" t="s">
        <v>179</v>
      </c>
      <c r="E111154" s="15">
        <v>45570</v>
      </c>
      <c r="F111154" s="14" t="s">
        <v>53</v>
      </c>
      <c r="G111154" s="16">
        <v>5.9088257136363766E-2</v>
      </c>
    </row>
    <row r="111155" spans="1:7" x14ac:dyDescent="0.3">
      <c r="A111155" s="13" t="s">
        <v>533</v>
      </c>
      <c r="B111155" s="14" t="s">
        <v>1</v>
      </c>
      <c r="C111155" s="14" t="s">
        <v>47</v>
      </c>
      <c r="D111155" s="14" t="s">
        <v>179</v>
      </c>
      <c r="E111155" s="15">
        <v>45571</v>
      </c>
      <c r="F111155" s="14" t="s">
        <v>53</v>
      </c>
      <c r="G111155" s="16">
        <v>5.9088257136363766E-2</v>
      </c>
    </row>
    <row r="111156" spans="1:7" x14ac:dyDescent="0.3">
      <c r="A111156" s="13" t="s">
        <v>533</v>
      </c>
      <c r="B111156" s="14" t="s">
        <v>1</v>
      </c>
      <c r="C111156" s="14" t="s">
        <v>47</v>
      </c>
      <c r="D111156" s="14" t="s">
        <v>179</v>
      </c>
      <c r="E111156" s="15">
        <v>45572</v>
      </c>
      <c r="F111156" s="14" t="s">
        <v>53</v>
      </c>
      <c r="G111156" s="16">
        <v>5.6971536103325782E-2</v>
      </c>
    </row>
    <row r="111157" spans="1:7" x14ac:dyDescent="0.3">
      <c r="A111157" s="13" t="s">
        <v>533</v>
      </c>
      <c r="B111157" s="14" t="s">
        <v>1</v>
      </c>
      <c r="C111157" s="14" t="s">
        <v>47</v>
      </c>
      <c r="D111157" s="14" t="s">
        <v>179</v>
      </c>
      <c r="E111157" s="15">
        <v>45573</v>
      </c>
      <c r="F111157" s="14" t="s">
        <v>53</v>
      </c>
      <c r="G111157" s="16">
        <v>4.9999865292671392E-2</v>
      </c>
    </row>
    <row r="111158" spans="1:7" x14ac:dyDescent="0.3">
      <c r="A111158" s="13" t="s">
        <v>533</v>
      </c>
      <c r="B111158" s="14" t="s">
        <v>1</v>
      </c>
      <c r="C111158" s="14" t="s">
        <v>47</v>
      </c>
      <c r="D111158" s="14" t="s">
        <v>179</v>
      </c>
      <c r="E111158" s="15">
        <v>45574</v>
      </c>
      <c r="F111158" s="14" t="s">
        <v>53</v>
      </c>
      <c r="G111158" s="16">
        <v>4.7815381911160505E-2</v>
      </c>
    </row>
    <row r="111159" spans="1:7" x14ac:dyDescent="0.3">
      <c r="A111159" s="13" t="s">
        <v>533</v>
      </c>
      <c r="B111159" s="14" t="s">
        <v>1</v>
      </c>
      <c r="C111159" s="14" t="s">
        <v>47</v>
      </c>
      <c r="D111159" s="14" t="s">
        <v>179</v>
      </c>
      <c r="E111159" s="15">
        <v>45575</v>
      </c>
      <c r="F111159" s="14" t="s">
        <v>53</v>
      </c>
      <c r="G111159" s="16">
        <v>4.5529151796338763E-2</v>
      </c>
    </row>
    <row r="111160" spans="1:7" x14ac:dyDescent="0.3">
      <c r="A111160" s="13" t="s">
        <v>533</v>
      </c>
      <c r="B111160" s="14" t="s">
        <v>1</v>
      </c>
      <c r="C111160" s="14" t="s">
        <v>47</v>
      </c>
      <c r="D111160" s="14" t="s">
        <v>179</v>
      </c>
      <c r="E111160" s="15">
        <v>45576</v>
      </c>
      <c r="F111160" s="14" t="s">
        <v>53</v>
      </c>
      <c r="G111160" s="16">
        <v>4.317242630703854E-2</v>
      </c>
    </row>
    <row r="111161" spans="1:7" x14ac:dyDescent="0.3">
      <c r="A111161" s="13" t="s">
        <v>533</v>
      </c>
      <c r="B111161" s="14" t="s">
        <v>1</v>
      </c>
      <c r="C111161" s="14" t="s">
        <v>47</v>
      </c>
      <c r="D111161" s="14" t="s">
        <v>179</v>
      </c>
      <c r="E111161" s="15">
        <v>45577</v>
      </c>
      <c r="F111161" s="14" t="s">
        <v>53</v>
      </c>
      <c r="G111161" s="16">
        <v>4.317242630703854E-2</v>
      </c>
    </row>
    <row r="111162" spans="1:7" x14ac:dyDescent="0.3">
      <c r="A111162" s="13" t="s">
        <v>533</v>
      </c>
      <c r="B111162" s="14" t="s">
        <v>1</v>
      </c>
      <c r="C111162" s="14" t="s">
        <v>47</v>
      </c>
      <c r="D111162" s="14" t="s">
        <v>179</v>
      </c>
      <c r="E111162" s="15">
        <v>45578</v>
      </c>
      <c r="F111162" s="14" t="s">
        <v>53</v>
      </c>
      <c r="G111162" s="16">
        <v>4.317242630703854E-2</v>
      </c>
    </row>
    <row r="111163" spans="1:7" x14ac:dyDescent="0.3">
      <c r="A111163" s="13" t="s">
        <v>533</v>
      </c>
      <c r="B111163" s="14" t="s">
        <v>1</v>
      </c>
      <c r="C111163" s="14" t="s">
        <v>47</v>
      </c>
      <c r="D111163" s="14" t="s">
        <v>179</v>
      </c>
      <c r="E111163" s="15">
        <v>45579</v>
      </c>
      <c r="F111163" s="14" t="s">
        <v>53</v>
      </c>
      <c r="G111163" s="16">
        <v>4.317242630703854E-2</v>
      </c>
    </row>
    <row r="111164" spans="1:7" x14ac:dyDescent="0.3">
      <c r="A111164" s="13" t="s">
        <v>533</v>
      </c>
      <c r="B111164" s="14" t="s">
        <v>1</v>
      </c>
      <c r="C111164" s="14" t="s">
        <v>47</v>
      </c>
      <c r="D111164" s="14" t="s">
        <v>179</v>
      </c>
      <c r="E111164" s="15">
        <v>45580</v>
      </c>
      <c r="F111164" s="14" t="s">
        <v>53</v>
      </c>
      <c r="G111164" s="16">
        <v>4.4207094827117981E-2</v>
      </c>
    </row>
    <row r="111165" spans="1:7" x14ac:dyDescent="0.3">
      <c r="A111165" s="13" t="s">
        <v>533</v>
      </c>
      <c r="B111165" s="14" t="s">
        <v>1</v>
      </c>
      <c r="C111165" s="14" t="s">
        <v>47</v>
      </c>
      <c r="D111165" s="14" t="s">
        <v>179</v>
      </c>
      <c r="E111165" s="15">
        <v>45581</v>
      </c>
      <c r="F111165" s="14" t="s">
        <v>53</v>
      </c>
      <c r="G111165" s="16">
        <v>3.5163740651870931E-2</v>
      </c>
    </row>
    <row r="111166" spans="1:7" x14ac:dyDescent="0.3">
      <c r="A111166" s="13" t="s">
        <v>533</v>
      </c>
      <c r="B111166" s="14" t="s">
        <v>1</v>
      </c>
      <c r="C111166" s="14" t="s">
        <v>47</v>
      </c>
      <c r="D111166" s="14" t="s">
        <v>179</v>
      </c>
      <c r="E111166" s="15">
        <v>45582</v>
      </c>
      <c r="F111166" s="14" t="s">
        <v>53</v>
      </c>
      <c r="G111166" s="16">
        <v>3.2784948036776951E-2</v>
      </c>
    </row>
    <row r="111167" spans="1:7" x14ac:dyDescent="0.3">
      <c r="A111167" s="13" t="s">
        <v>533</v>
      </c>
      <c r="B111167" s="14" t="s">
        <v>1</v>
      </c>
      <c r="C111167" s="14" t="s">
        <v>47</v>
      </c>
      <c r="D111167" s="14" t="s">
        <v>179</v>
      </c>
      <c r="E111167" s="15">
        <v>45583</v>
      </c>
      <c r="F111167" s="14" t="s">
        <v>53</v>
      </c>
      <c r="G111167" s="16">
        <v>3.0368027714114419E-2</v>
      </c>
    </row>
    <row r="111168" spans="1:7" x14ac:dyDescent="0.3">
      <c r="A111168" s="13" t="s">
        <v>533</v>
      </c>
      <c r="B111168" s="14" t="s">
        <v>1</v>
      </c>
      <c r="C111168" s="14" t="s">
        <v>47</v>
      </c>
      <c r="D111168" s="14" t="s">
        <v>179</v>
      </c>
      <c r="E111168" s="15">
        <v>45584</v>
      </c>
      <c r="F111168" s="14" t="s">
        <v>53</v>
      </c>
      <c r="G111168" s="16">
        <v>3.0368027714114419E-2</v>
      </c>
    </row>
    <row r="111169" spans="1:7" x14ac:dyDescent="0.3">
      <c r="A111169" s="13" t="s">
        <v>533</v>
      </c>
      <c r="B111169" s="14" t="s">
        <v>1</v>
      </c>
      <c r="C111169" s="14" t="s">
        <v>47</v>
      </c>
      <c r="D111169" s="14" t="s">
        <v>179</v>
      </c>
      <c r="E111169" s="15">
        <v>45585</v>
      </c>
      <c r="F111169" s="14" t="s">
        <v>53</v>
      </c>
      <c r="G111169" s="16">
        <v>3.0368027714114419E-2</v>
      </c>
    </row>
    <row r="111170" spans="1:7" x14ac:dyDescent="0.3">
      <c r="A111170" s="13" t="s">
        <v>533</v>
      </c>
      <c r="B111170" s="14" t="s">
        <v>1</v>
      </c>
      <c r="C111170" s="14" t="s">
        <v>47</v>
      </c>
      <c r="D111170" s="14" t="s">
        <v>179</v>
      </c>
      <c r="E111170" s="15">
        <v>45586</v>
      </c>
      <c r="F111170" s="14" t="s">
        <v>53</v>
      </c>
      <c r="G111170" s="16">
        <v>3.1048359350617519E-2</v>
      </c>
    </row>
    <row r="111171" spans="1:7" x14ac:dyDescent="0.3">
      <c r="A111171" s="13" t="s">
        <v>533</v>
      </c>
      <c r="B111171" s="14" t="s">
        <v>1</v>
      </c>
      <c r="C111171" s="14" t="s">
        <v>47</v>
      </c>
      <c r="D111171" s="14" t="s">
        <v>179</v>
      </c>
      <c r="E111171" s="15">
        <v>45587</v>
      </c>
      <c r="F111171" s="14" t="s">
        <v>53</v>
      </c>
      <c r="G111171" s="16">
        <v>2.4064909568136141E-2</v>
      </c>
    </row>
    <row r="111172" spans="1:7" x14ac:dyDescent="0.3">
      <c r="A111172" s="13" t="s">
        <v>533</v>
      </c>
      <c r="B111172" s="14" t="s">
        <v>1</v>
      </c>
      <c r="C111172" s="14" t="s">
        <v>47</v>
      </c>
      <c r="D111172" s="14" t="s">
        <v>179</v>
      </c>
      <c r="E111172" s="15">
        <v>45588</v>
      </c>
      <c r="F111172" s="14" t="s">
        <v>53</v>
      </c>
      <c r="G111172" s="16">
        <v>2.1848841371949108E-2</v>
      </c>
    </row>
    <row r="111173" spans="1:7" x14ac:dyDescent="0.3">
      <c r="A111173" s="13" t="s">
        <v>533</v>
      </c>
      <c r="B111173" s="14" t="s">
        <v>1</v>
      </c>
      <c r="C111173" s="14" t="s">
        <v>47</v>
      </c>
      <c r="D111173" s="14" t="s">
        <v>179</v>
      </c>
      <c r="E111173" s="15">
        <v>45589</v>
      </c>
      <c r="F111173" s="14" t="s">
        <v>53</v>
      </c>
      <c r="G111173" s="16">
        <v>1.9454136148957312E-2</v>
      </c>
    </row>
    <row r="111174" spans="1:7" x14ac:dyDescent="0.3">
      <c r="A111174" s="13" t="s">
        <v>533</v>
      </c>
      <c r="B111174" s="14" t="s">
        <v>1</v>
      </c>
      <c r="C111174" s="14" t="s">
        <v>47</v>
      </c>
      <c r="D111174" s="14" t="s">
        <v>179</v>
      </c>
      <c r="E111174" s="15">
        <v>45590</v>
      </c>
      <c r="F111174" s="14" t="s">
        <v>53</v>
      </c>
      <c r="G111174" s="16">
        <v>1.7184829164488227E-2</v>
      </c>
    </row>
    <row r="111175" spans="1:7" x14ac:dyDescent="0.3">
      <c r="A111175" s="13" t="s">
        <v>533</v>
      </c>
      <c r="B111175" s="14" t="s">
        <v>1</v>
      </c>
      <c r="C111175" s="14" t="s">
        <v>47</v>
      </c>
      <c r="D111175" s="14" t="s">
        <v>179</v>
      </c>
      <c r="E111175" s="15">
        <v>45591</v>
      </c>
      <c r="F111175" s="14" t="s">
        <v>53</v>
      </c>
      <c r="G111175" s="16">
        <v>1.7184829164488227E-2</v>
      </c>
    </row>
    <row r="111176" spans="1:7" x14ac:dyDescent="0.3">
      <c r="A111176" s="13" t="s">
        <v>533</v>
      </c>
      <c r="B111176" s="14" t="s">
        <v>1</v>
      </c>
      <c r="C111176" s="14" t="s">
        <v>47</v>
      </c>
      <c r="D111176" s="14" t="s">
        <v>179</v>
      </c>
      <c r="E111176" s="15">
        <v>45592</v>
      </c>
      <c r="F111176" s="14" t="s">
        <v>53</v>
      </c>
      <c r="G111176" s="16">
        <v>1.7184829164488227E-2</v>
      </c>
    </row>
    <row r="111177" spans="1:7" x14ac:dyDescent="0.3">
      <c r="A111177" s="13" t="s">
        <v>533</v>
      </c>
      <c r="B111177" s="14" t="s">
        <v>1</v>
      </c>
      <c r="C111177" s="14" t="s">
        <v>47</v>
      </c>
      <c r="D111177" s="14" t="s">
        <v>179</v>
      </c>
      <c r="E111177" s="15">
        <v>45593</v>
      </c>
      <c r="F111177" s="14" t="s">
        <v>53</v>
      </c>
      <c r="G111177" s="16">
        <v>1.7184829164488227E-2</v>
      </c>
    </row>
    <row r="111178" spans="1:7" x14ac:dyDescent="0.3">
      <c r="A111178" s="13" t="s">
        <v>533</v>
      </c>
      <c r="B111178" s="14" t="s">
        <v>1</v>
      </c>
      <c r="C111178" s="14" t="s">
        <v>47</v>
      </c>
      <c r="D111178" s="14" t="s">
        <v>179</v>
      </c>
      <c r="E111178" s="15">
        <v>45594</v>
      </c>
      <c r="F111178" s="14" t="s">
        <v>53</v>
      </c>
      <c r="G111178" s="16">
        <v>1.8888507711153989E-2</v>
      </c>
    </row>
    <row r="111179" spans="1:7" x14ac:dyDescent="0.3">
      <c r="A111179" s="13" t="s">
        <v>533</v>
      </c>
      <c r="B111179" s="14" t="s">
        <v>1</v>
      </c>
      <c r="C111179" s="14" t="s">
        <v>47</v>
      </c>
      <c r="D111179" s="14" t="s">
        <v>179</v>
      </c>
      <c r="E111179" s="15">
        <v>45595</v>
      </c>
      <c r="F111179" s="14" t="s">
        <v>53</v>
      </c>
      <c r="G111179" s="16">
        <v>9.6999879912157156E-3</v>
      </c>
    </row>
    <row r="111180" spans="1:7" x14ac:dyDescent="0.3">
      <c r="A111180" s="13" t="s">
        <v>533</v>
      </c>
      <c r="B111180" s="14" t="s">
        <v>1</v>
      </c>
      <c r="C111180" s="14" t="s">
        <v>47</v>
      </c>
      <c r="D111180" s="14" t="s">
        <v>179</v>
      </c>
      <c r="E111180" s="15">
        <v>45596</v>
      </c>
      <c r="F111180" s="14" t="s">
        <v>53</v>
      </c>
      <c r="G111180" s="16">
        <v>7.3742087962981664E-3</v>
      </c>
    </row>
    <row r="111181" spans="1:7" x14ac:dyDescent="0.3">
      <c r="A111181" s="13" t="s">
        <v>533</v>
      </c>
      <c r="B111181" s="14" t="s">
        <v>1</v>
      </c>
      <c r="C111181" s="14" t="s">
        <v>47</v>
      </c>
      <c r="D111181" s="14" t="s">
        <v>179</v>
      </c>
      <c r="E111181" s="15">
        <v>45597</v>
      </c>
      <c r="F111181" s="14" t="s">
        <v>53</v>
      </c>
      <c r="G111181" s="16">
        <v>5.0101265798629478E-3</v>
      </c>
    </row>
    <row r="111182" spans="1:7" x14ac:dyDescent="0.3">
      <c r="A111182" s="13" t="s">
        <v>533</v>
      </c>
      <c r="B111182" s="14" t="s">
        <v>1</v>
      </c>
      <c r="C111182" s="14" t="s">
        <v>47</v>
      </c>
      <c r="D111182" s="14" t="s">
        <v>179</v>
      </c>
      <c r="E111182" s="15">
        <v>45598</v>
      </c>
      <c r="F111182" s="14" t="s">
        <v>53</v>
      </c>
      <c r="G111182" s="16">
        <v>5.0101265798629478E-3</v>
      </c>
    </row>
    <row r="111183" spans="1:7" x14ac:dyDescent="0.3">
      <c r="A111183" s="13" t="s">
        <v>533</v>
      </c>
      <c r="B111183" s="14" t="s">
        <v>1</v>
      </c>
      <c r="C111183" s="14" t="s">
        <v>47</v>
      </c>
      <c r="D111183" s="14" t="s">
        <v>179</v>
      </c>
      <c r="E111183" s="15">
        <v>45599</v>
      </c>
      <c r="F111183" s="14" t="s">
        <v>53</v>
      </c>
      <c r="G111183" s="16">
        <v>5.0101265798629478E-3</v>
      </c>
    </row>
    <row r="111184" spans="1:7" x14ac:dyDescent="0.3">
      <c r="A111184" s="13" t="s">
        <v>533</v>
      </c>
      <c r="B111184" s="14" t="s">
        <v>1</v>
      </c>
      <c r="C111184" s="14" t="s">
        <v>47</v>
      </c>
      <c r="D111184" s="14" t="s">
        <v>179</v>
      </c>
      <c r="E111184" s="15">
        <v>45600</v>
      </c>
      <c r="F111184" s="14" t="s">
        <v>53</v>
      </c>
      <c r="G111184" s="16">
        <v>5.4134224650681153E-3</v>
      </c>
    </row>
    <row r="111185" spans="1:7" x14ac:dyDescent="0.3">
      <c r="A111185" s="13" t="s">
        <v>533</v>
      </c>
      <c r="B111185" s="14" t="s">
        <v>1</v>
      </c>
      <c r="C111185" s="14" t="s">
        <v>47</v>
      </c>
      <c r="D111185" s="14" t="s">
        <v>179</v>
      </c>
      <c r="E111185" s="15">
        <v>45601</v>
      </c>
      <c r="F111185" s="14" t="s">
        <v>53</v>
      </c>
      <c r="G111185" s="16">
        <v>0</v>
      </c>
    </row>
    <row r="111186" spans="1:7" x14ac:dyDescent="0.3">
      <c r="A111186" s="13" t="s">
        <v>533</v>
      </c>
      <c r="B111186" s="14" t="s">
        <v>1</v>
      </c>
      <c r="C111186" s="14" t="s">
        <v>47</v>
      </c>
      <c r="D111186" s="14" t="s">
        <v>179</v>
      </c>
      <c r="E111186" s="15">
        <v>45602</v>
      </c>
      <c r="F111186" s="14" t="s">
        <v>53</v>
      </c>
      <c r="G111186" s="16">
        <v>0</v>
      </c>
    </row>
    <row r="111187" spans="1:7" x14ac:dyDescent="0.3">
      <c r="A111187" s="13" t="s">
        <v>533</v>
      </c>
      <c r="B111187" s="14" t="s">
        <v>1</v>
      </c>
      <c r="C111187" s="14" t="s">
        <v>47</v>
      </c>
      <c r="D111187" s="14" t="s">
        <v>179</v>
      </c>
      <c r="E111187" s="15">
        <v>45603</v>
      </c>
      <c r="F111187" s="14" t="s">
        <v>53</v>
      </c>
      <c r="G111187" s="16">
        <v>0</v>
      </c>
    </row>
    <row r="111188" spans="1:7" x14ac:dyDescent="0.3">
      <c r="A111188" s="13" t="s">
        <v>533</v>
      </c>
      <c r="B111188" s="14" t="s">
        <v>1</v>
      </c>
      <c r="C111188" s="14" t="s">
        <v>47</v>
      </c>
      <c r="D111188" s="14" t="s">
        <v>179</v>
      </c>
      <c r="E111188" s="15">
        <v>45604</v>
      </c>
      <c r="F111188" s="14" t="s">
        <v>53</v>
      </c>
      <c r="G111188" s="16">
        <v>0</v>
      </c>
    </row>
    <row r="111189" spans="1:7" x14ac:dyDescent="0.3">
      <c r="A111189" s="13" t="s">
        <v>533</v>
      </c>
      <c r="B111189" s="14" t="s">
        <v>1</v>
      </c>
      <c r="C111189" s="14" t="s">
        <v>47</v>
      </c>
      <c r="D111189" s="14" t="s">
        <v>179</v>
      </c>
      <c r="E111189" s="15">
        <v>45605</v>
      </c>
      <c r="F111189" s="14" t="s">
        <v>53</v>
      </c>
      <c r="G111189" s="16">
        <v>0</v>
      </c>
    </row>
    <row r="111190" spans="1:7" x14ac:dyDescent="0.3">
      <c r="A111190" s="13" t="s">
        <v>533</v>
      </c>
      <c r="B111190" s="14" t="s">
        <v>1</v>
      </c>
      <c r="C111190" s="14" t="s">
        <v>47</v>
      </c>
      <c r="D111190" s="14" t="s">
        <v>179</v>
      </c>
      <c r="E111190" s="15">
        <v>45606</v>
      </c>
      <c r="F111190" s="14" t="s">
        <v>53</v>
      </c>
      <c r="G111190" s="16">
        <v>0</v>
      </c>
    </row>
    <row r="111191" spans="1:7" x14ac:dyDescent="0.3">
      <c r="A111191" s="13" t="s">
        <v>533</v>
      </c>
      <c r="B111191" s="14" t="s">
        <v>1</v>
      </c>
      <c r="C111191" s="14" t="s">
        <v>47</v>
      </c>
      <c r="D111191" s="14" t="s">
        <v>179</v>
      </c>
      <c r="E111191" s="15">
        <v>45607</v>
      </c>
      <c r="F111191" s="14" t="s">
        <v>53</v>
      </c>
      <c r="G111191" s="16">
        <v>0</v>
      </c>
    </row>
    <row r="111192" spans="1:7" x14ac:dyDescent="0.3">
      <c r="A111192" s="13" t="s">
        <v>533</v>
      </c>
      <c r="B111192" s="14" t="s">
        <v>1</v>
      </c>
      <c r="C111192" s="14" t="s">
        <v>47</v>
      </c>
      <c r="D111192" s="14" t="s">
        <v>179</v>
      </c>
      <c r="E111192" s="15">
        <v>45608</v>
      </c>
      <c r="F111192" s="14" t="s">
        <v>53</v>
      </c>
      <c r="G111192" s="16">
        <v>0</v>
      </c>
    </row>
    <row r="111193" spans="1:7" x14ac:dyDescent="0.3">
      <c r="A111193" s="13" t="s">
        <v>533</v>
      </c>
      <c r="B111193" s="14" t="s">
        <v>1</v>
      </c>
      <c r="C111193" s="14" t="s">
        <v>47</v>
      </c>
      <c r="D111193" s="14" t="s">
        <v>179</v>
      </c>
      <c r="E111193" s="15">
        <v>45609</v>
      </c>
      <c r="F111193" s="14" t="s">
        <v>53</v>
      </c>
      <c r="G111193" s="16">
        <v>0</v>
      </c>
    </row>
    <row r="111194" spans="1:7" x14ac:dyDescent="0.3">
      <c r="A111194" s="13" t="s">
        <v>533</v>
      </c>
      <c r="B111194" s="14" t="s">
        <v>1</v>
      </c>
      <c r="C111194" s="14" t="s">
        <v>47</v>
      </c>
      <c r="D111194" s="14" t="s">
        <v>179</v>
      </c>
      <c r="E111194" s="15">
        <v>45610</v>
      </c>
      <c r="F111194" s="14" t="s">
        <v>53</v>
      </c>
      <c r="G111194" s="16">
        <v>0</v>
      </c>
    </row>
    <row r="111195" spans="1:7" x14ac:dyDescent="0.3">
      <c r="A111195" s="13" t="s">
        <v>533</v>
      </c>
      <c r="B111195" s="14" t="s">
        <v>1</v>
      </c>
      <c r="C111195" s="14" t="s">
        <v>47</v>
      </c>
      <c r="D111195" s="14" t="s">
        <v>179</v>
      </c>
      <c r="E111195" s="15">
        <v>45611</v>
      </c>
      <c r="F111195" s="14" t="s">
        <v>53</v>
      </c>
      <c r="G111195" s="16">
        <v>0</v>
      </c>
    </row>
    <row r="111196" spans="1:7" x14ac:dyDescent="0.3">
      <c r="A111196" s="13" t="s">
        <v>533</v>
      </c>
      <c r="B111196" s="14" t="s">
        <v>1</v>
      </c>
      <c r="C111196" s="14" t="s">
        <v>47</v>
      </c>
      <c r="D111196" s="14" t="s">
        <v>179</v>
      </c>
      <c r="E111196" s="15">
        <v>45612</v>
      </c>
      <c r="F111196" s="14" t="s">
        <v>53</v>
      </c>
      <c r="G111196" s="16">
        <v>0</v>
      </c>
    </row>
    <row r="111197" spans="1:7" x14ac:dyDescent="0.3">
      <c r="A111197" s="13" t="s">
        <v>533</v>
      </c>
      <c r="B111197" s="14" t="s">
        <v>1</v>
      </c>
      <c r="C111197" s="14" t="s">
        <v>47</v>
      </c>
      <c r="D111197" s="14" t="s">
        <v>179</v>
      </c>
      <c r="E111197" s="15">
        <v>45613</v>
      </c>
      <c r="F111197" s="14" t="s">
        <v>53</v>
      </c>
      <c r="G111197" s="16">
        <v>0</v>
      </c>
    </row>
    <row r="111198" spans="1:7" x14ac:dyDescent="0.3">
      <c r="A111198" s="13" t="s">
        <v>533</v>
      </c>
      <c r="B111198" s="14" t="s">
        <v>1</v>
      </c>
      <c r="C111198" s="14" t="s">
        <v>47</v>
      </c>
      <c r="D111198" s="14" t="s">
        <v>179</v>
      </c>
      <c r="E111198" s="15">
        <v>45614</v>
      </c>
      <c r="F111198" s="14" t="s">
        <v>53</v>
      </c>
      <c r="G111198" s="16">
        <v>0</v>
      </c>
    </row>
    <row r="111199" spans="1:7" x14ac:dyDescent="0.3">
      <c r="A111199" s="13" t="s">
        <v>533</v>
      </c>
      <c r="B111199" s="14" t="s">
        <v>1</v>
      </c>
      <c r="C111199" s="14" t="s">
        <v>47</v>
      </c>
      <c r="D111199" s="14" t="s">
        <v>179</v>
      </c>
      <c r="E111199" s="15">
        <v>45615</v>
      </c>
      <c r="F111199" s="14" t="s">
        <v>53</v>
      </c>
      <c r="G111199" s="16">
        <v>0</v>
      </c>
    </row>
    <row r="111200" spans="1:7" x14ac:dyDescent="0.3">
      <c r="A111200" s="13" t="s">
        <v>533</v>
      </c>
      <c r="B111200" s="14" t="s">
        <v>1</v>
      </c>
      <c r="C111200" s="14" t="s">
        <v>47</v>
      </c>
      <c r="D111200" s="14" t="s">
        <v>179</v>
      </c>
      <c r="E111200" s="15">
        <v>45616</v>
      </c>
      <c r="F111200" s="14" t="s">
        <v>53</v>
      </c>
      <c r="G111200" s="16">
        <v>0</v>
      </c>
    </row>
    <row r="111201" spans="1:7" x14ac:dyDescent="0.3">
      <c r="A111201" s="13" t="s">
        <v>533</v>
      </c>
      <c r="B111201" s="14" t="s">
        <v>1</v>
      </c>
      <c r="C111201" s="14" t="s">
        <v>47</v>
      </c>
      <c r="D111201" s="14" t="s">
        <v>179</v>
      </c>
      <c r="E111201" s="15">
        <v>45617</v>
      </c>
      <c r="F111201" s="14" t="s">
        <v>53</v>
      </c>
      <c r="G111201" s="16">
        <v>0</v>
      </c>
    </row>
    <row r="111202" spans="1:7" x14ac:dyDescent="0.3">
      <c r="A111202" s="13" t="s">
        <v>533</v>
      </c>
      <c r="B111202" s="14" t="s">
        <v>1</v>
      </c>
      <c r="C111202" s="14" t="s">
        <v>47</v>
      </c>
      <c r="D111202" s="14" t="s">
        <v>179</v>
      </c>
      <c r="E111202" s="15">
        <v>45618</v>
      </c>
      <c r="F111202" s="14" t="s">
        <v>53</v>
      </c>
      <c r="G111202" s="16">
        <v>0</v>
      </c>
    </row>
    <row r="111203" spans="1:7" x14ac:dyDescent="0.3">
      <c r="A111203" s="13" t="s">
        <v>533</v>
      </c>
      <c r="B111203" s="14" t="s">
        <v>1</v>
      </c>
      <c r="C111203" s="14" t="s">
        <v>47</v>
      </c>
      <c r="D111203" s="14" t="s">
        <v>179</v>
      </c>
      <c r="E111203" s="15">
        <v>45619</v>
      </c>
      <c r="F111203" s="14" t="s">
        <v>53</v>
      </c>
      <c r="G111203" s="16">
        <v>0</v>
      </c>
    </row>
    <row r="111204" spans="1:7" x14ac:dyDescent="0.3">
      <c r="A111204" s="13" t="s">
        <v>533</v>
      </c>
      <c r="B111204" s="14" t="s">
        <v>1</v>
      </c>
      <c r="C111204" s="14" t="s">
        <v>47</v>
      </c>
      <c r="D111204" s="14" t="s">
        <v>179</v>
      </c>
      <c r="E111204" s="15">
        <v>45620</v>
      </c>
      <c r="F111204" s="14" t="s">
        <v>53</v>
      </c>
      <c r="G111204" s="16">
        <v>0</v>
      </c>
    </row>
    <row r="111205" spans="1:7" x14ac:dyDescent="0.3">
      <c r="A111205" s="13" t="s">
        <v>533</v>
      </c>
      <c r="B111205" s="14" t="s">
        <v>1</v>
      </c>
      <c r="C111205" s="14" t="s">
        <v>47</v>
      </c>
      <c r="D111205" s="14" t="s">
        <v>179</v>
      </c>
      <c r="E111205" s="15">
        <v>45621</v>
      </c>
      <c r="F111205" s="14" t="s">
        <v>53</v>
      </c>
      <c r="G111205" s="16">
        <v>0</v>
      </c>
    </row>
    <row r="111206" spans="1:7" x14ac:dyDescent="0.3">
      <c r="A111206" s="13" t="s">
        <v>533</v>
      </c>
      <c r="B111206" s="14" t="s">
        <v>1</v>
      </c>
      <c r="C111206" s="14" t="s">
        <v>47</v>
      </c>
      <c r="D111206" s="14" t="s">
        <v>179</v>
      </c>
      <c r="E111206" s="15">
        <v>45622</v>
      </c>
      <c r="F111206" s="14" t="s">
        <v>53</v>
      </c>
      <c r="G111206" s="16">
        <v>0</v>
      </c>
    </row>
    <row r="111207" spans="1:7" x14ac:dyDescent="0.3">
      <c r="A111207" s="13" t="s">
        <v>533</v>
      </c>
      <c r="B111207" s="14" t="s">
        <v>1</v>
      </c>
      <c r="C111207" s="14" t="s">
        <v>47</v>
      </c>
      <c r="D111207" s="14" t="s">
        <v>179</v>
      </c>
      <c r="E111207" s="15">
        <v>45623</v>
      </c>
      <c r="F111207" s="14" t="s">
        <v>53</v>
      </c>
      <c r="G111207" s="16">
        <v>0</v>
      </c>
    </row>
    <row r="111208" spans="1:7" x14ac:dyDescent="0.3">
      <c r="A111208" s="13" t="s">
        <v>533</v>
      </c>
      <c r="B111208" s="14" t="s">
        <v>1</v>
      </c>
      <c r="C111208" s="14" t="s">
        <v>47</v>
      </c>
      <c r="D111208" s="14" t="s">
        <v>179</v>
      </c>
      <c r="E111208" s="15">
        <v>45624</v>
      </c>
      <c r="F111208" s="14" t="s">
        <v>53</v>
      </c>
      <c r="G111208" s="16">
        <v>0</v>
      </c>
    </row>
    <row r="111209" spans="1:7" x14ac:dyDescent="0.3">
      <c r="A111209" s="13" t="s">
        <v>533</v>
      </c>
      <c r="B111209" s="14" t="s">
        <v>1</v>
      </c>
      <c r="C111209" s="14" t="s">
        <v>47</v>
      </c>
      <c r="D111209" s="14" t="s">
        <v>179</v>
      </c>
      <c r="E111209" s="15">
        <v>45625</v>
      </c>
      <c r="F111209" s="14" t="s">
        <v>53</v>
      </c>
      <c r="G111209" s="16">
        <v>0</v>
      </c>
    </row>
    <row r="111210" spans="1:7" x14ac:dyDescent="0.3">
      <c r="A111210" s="13" t="s">
        <v>533</v>
      </c>
      <c r="B111210" s="14" t="s">
        <v>1</v>
      </c>
      <c r="C111210" s="14" t="s">
        <v>47</v>
      </c>
      <c r="D111210" s="14" t="s">
        <v>179</v>
      </c>
      <c r="E111210" s="15">
        <v>45626</v>
      </c>
      <c r="F111210" s="14" t="s">
        <v>53</v>
      </c>
      <c r="G111210" s="16">
        <v>0</v>
      </c>
    </row>
    <row r="111211" spans="1:7" x14ac:dyDescent="0.3">
      <c r="A111211" s="13" t="s">
        <v>533</v>
      </c>
      <c r="B111211" s="14" t="s">
        <v>1</v>
      </c>
      <c r="C111211" s="14" t="s">
        <v>47</v>
      </c>
      <c r="D111211" s="14" t="s">
        <v>179</v>
      </c>
      <c r="E111211" s="15">
        <v>45627</v>
      </c>
      <c r="F111211" s="14" t="s">
        <v>53</v>
      </c>
      <c r="G111211" s="16">
        <v>0</v>
      </c>
    </row>
    <row r="111212" spans="1:7" x14ac:dyDescent="0.3">
      <c r="A111212" s="13" t="s">
        <v>533</v>
      </c>
      <c r="B111212" s="14" t="s">
        <v>1</v>
      </c>
      <c r="C111212" s="14" t="s">
        <v>47</v>
      </c>
      <c r="D111212" s="14" t="s">
        <v>179</v>
      </c>
      <c r="E111212" s="15">
        <v>45628</v>
      </c>
      <c r="F111212" s="14" t="s">
        <v>53</v>
      </c>
      <c r="G111212" s="16">
        <v>0</v>
      </c>
    </row>
    <row r="111213" spans="1:7" x14ac:dyDescent="0.3">
      <c r="A111213" s="13" t="s">
        <v>533</v>
      </c>
      <c r="B111213" s="14" t="s">
        <v>1</v>
      </c>
      <c r="C111213" s="14" t="s">
        <v>47</v>
      </c>
      <c r="D111213" s="14" t="s">
        <v>179</v>
      </c>
      <c r="E111213" s="15">
        <v>45629</v>
      </c>
      <c r="F111213" s="14" t="s">
        <v>53</v>
      </c>
      <c r="G111213" s="16">
        <v>0</v>
      </c>
    </row>
    <row r="111214" spans="1:7" x14ac:dyDescent="0.3">
      <c r="A111214" s="13" t="s">
        <v>533</v>
      </c>
      <c r="B111214" s="14" t="s">
        <v>1</v>
      </c>
      <c r="C111214" s="14" t="s">
        <v>47</v>
      </c>
      <c r="D111214" s="14" t="s">
        <v>179</v>
      </c>
      <c r="E111214" s="15">
        <v>45630</v>
      </c>
      <c r="F111214" s="14" t="s">
        <v>53</v>
      </c>
      <c r="G111214" s="16">
        <v>0</v>
      </c>
    </row>
    <row r="111215" spans="1:7" x14ac:dyDescent="0.3">
      <c r="A111215" s="13" t="s">
        <v>533</v>
      </c>
      <c r="B111215" s="14" t="s">
        <v>1</v>
      </c>
      <c r="C111215" s="14" t="s">
        <v>47</v>
      </c>
      <c r="D111215" s="14" t="s">
        <v>179</v>
      </c>
      <c r="E111215" s="15">
        <v>45631</v>
      </c>
      <c r="F111215" s="14" t="s">
        <v>53</v>
      </c>
      <c r="G111215" s="16">
        <v>0</v>
      </c>
    </row>
    <row r="111216" spans="1:7" x14ac:dyDescent="0.3">
      <c r="A111216" s="13" t="s">
        <v>533</v>
      </c>
      <c r="B111216" s="14" t="s">
        <v>1</v>
      </c>
      <c r="C111216" s="14" t="s">
        <v>47</v>
      </c>
      <c r="D111216" s="14" t="s">
        <v>179</v>
      </c>
      <c r="E111216" s="15">
        <v>45632</v>
      </c>
      <c r="F111216" s="14" t="s">
        <v>53</v>
      </c>
      <c r="G111216" s="16">
        <v>0</v>
      </c>
    </row>
    <row r="111217" spans="1:7" x14ac:dyDescent="0.3">
      <c r="A111217" s="13" t="s">
        <v>533</v>
      </c>
      <c r="B111217" s="14" t="s">
        <v>1</v>
      </c>
      <c r="C111217" s="14" t="s">
        <v>47</v>
      </c>
      <c r="D111217" s="14" t="s">
        <v>179</v>
      </c>
      <c r="E111217" s="15">
        <v>45633</v>
      </c>
      <c r="F111217" s="14" t="s">
        <v>53</v>
      </c>
      <c r="G111217" s="16">
        <v>0</v>
      </c>
    </row>
    <row r="111218" spans="1:7" x14ac:dyDescent="0.3">
      <c r="A111218" s="13" t="s">
        <v>533</v>
      </c>
      <c r="B111218" s="14" t="s">
        <v>1</v>
      </c>
      <c r="C111218" s="14" t="s">
        <v>47</v>
      </c>
      <c r="D111218" s="14" t="s">
        <v>179</v>
      </c>
      <c r="E111218" s="15">
        <v>45634</v>
      </c>
      <c r="F111218" s="14" t="s">
        <v>53</v>
      </c>
      <c r="G111218" s="16">
        <v>0</v>
      </c>
    </row>
    <row r="111219" spans="1:7" x14ac:dyDescent="0.3">
      <c r="A111219" s="13" t="s">
        <v>533</v>
      </c>
      <c r="B111219" s="14" t="s">
        <v>1</v>
      </c>
      <c r="C111219" s="14" t="s">
        <v>47</v>
      </c>
      <c r="D111219" s="14" t="s">
        <v>179</v>
      </c>
      <c r="E111219" s="15">
        <v>45635</v>
      </c>
      <c r="F111219" s="14" t="s">
        <v>53</v>
      </c>
      <c r="G111219" s="16">
        <v>0</v>
      </c>
    </row>
    <row r="111220" spans="1:7" x14ac:dyDescent="0.3">
      <c r="A111220" s="13" t="s">
        <v>533</v>
      </c>
      <c r="B111220" s="14" t="s">
        <v>1</v>
      </c>
      <c r="C111220" s="14" t="s">
        <v>47</v>
      </c>
      <c r="D111220" s="14" t="s">
        <v>179</v>
      </c>
      <c r="E111220" s="15">
        <v>45636</v>
      </c>
      <c r="F111220" s="14" t="s">
        <v>53</v>
      </c>
      <c r="G111220" s="16">
        <v>0</v>
      </c>
    </row>
    <row r="111221" spans="1:7" x14ac:dyDescent="0.3">
      <c r="A111221" s="13" t="s">
        <v>533</v>
      </c>
      <c r="B111221" s="14" t="s">
        <v>1</v>
      </c>
      <c r="C111221" s="14" t="s">
        <v>47</v>
      </c>
      <c r="D111221" s="14" t="s">
        <v>179</v>
      </c>
      <c r="E111221" s="15">
        <v>45637</v>
      </c>
      <c r="F111221" s="14" t="s">
        <v>53</v>
      </c>
      <c r="G111221" s="16">
        <v>0</v>
      </c>
    </row>
    <row r="111222" spans="1:7" x14ac:dyDescent="0.3">
      <c r="A111222" s="13" t="s">
        <v>533</v>
      </c>
      <c r="B111222" s="14" t="s">
        <v>1</v>
      </c>
      <c r="C111222" s="14" t="s">
        <v>47</v>
      </c>
      <c r="D111222" s="14" t="s">
        <v>179</v>
      </c>
      <c r="E111222" s="15">
        <v>45638</v>
      </c>
      <c r="F111222" s="14" t="s">
        <v>53</v>
      </c>
      <c r="G111222" s="16">
        <v>0</v>
      </c>
    </row>
    <row r="111223" spans="1:7" x14ac:dyDescent="0.3">
      <c r="A111223" s="13" t="s">
        <v>533</v>
      </c>
      <c r="B111223" s="14" t="s">
        <v>1</v>
      </c>
      <c r="C111223" s="14" t="s">
        <v>47</v>
      </c>
      <c r="D111223" s="14" t="s">
        <v>179</v>
      </c>
      <c r="E111223" s="15">
        <v>45639</v>
      </c>
      <c r="F111223" s="14" t="s">
        <v>53</v>
      </c>
      <c r="G111223" s="16">
        <v>0</v>
      </c>
    </row>
    <row r="111224" spans="1:7" x14ac:dyDescent="0.3">
      <c r="A111224" s="13" t="s">
        <v>533</v>
      </c>
      <c r="B111224" s="14" t="s">
        <v>1</v>
      </c>
      <c r="C111224" s="14" t="s">
        <v>47</v>
      </c>
      <c r="D111224" s="14" t="s">
        <v>179</v>
      </c>
      <c r="E111224" s="15">
        <v>45640</v>
      </c>
      <c r="F111224" s="14" t="s">
        <v>53</v>
      </c>
      <c r="G111224" s="16">
        <v>0</v>
      </c>
    </row>
    <row r="111225" spans="1:7" x14ac:dyDescent="0.3">
      <c r="A111225" s="13" t="s">
        <v>533</v>
      </c>
      <c r="B111225" s="14" t="s">
        <v>1</v>
      </c>
      <c r="C111225" s="14" t="s">
        <v>47</v>
      </c>
      <c r="D111225" s="14" t="s">
        <v>179</v>
      </c>
      <c r="E111225" s="15">
        <v>45641</v>
      </c>
      <c r="F111225" s="14" t="s">
        <v>53</v>
      </c>
      <c r="G111225" s="16">
        <v>0</v>
      </c>
    </row>
    <row r="111226" spans="1:7" x14ac:dyDescent="0.3">
      <c r="A111226" s="13" t="s">
        <v>533</v>
      </c>
      <c r="B111226" s="14" t="s">
        <v>1</v>
      </c>
      <c r="C111226" s="14" t="s">
        <v>47</v>
      </c>
      <c r="D111226" s="14" t="s">
        <v>179</v>
      </c>
      <c r="E111226" s="15">
        <v>45642</v>
      </c>
      <c r="F111226" s="14" t="s">
        <v>53</v>
      </c>
      <c r="G111226" s="16">
        <v>0</v>
      </c>
    </row>
    <row r="111227" spans="1:7" x14ac:dyDescent="0.3">
      <c r="A111227" s="13" t="s">
        <v>533</v>
      </c>
      <c r="B111227" s="14" t="s">
        <v>1</v>
      </c>
      <c r="C111227" s="14" t="s">
        <v>47</v>
      </c>
      <c r="D111227" s="14" t="s">
        <v>179</v>
      </c>
      <c r="E111227" s="15">
        <v>45643</v>
      </c>
      <c r="F111227" s="14" t="s">
        <v>53</v>
      </c>
      <c r="G111227" s="16">
        <v>0</v>
      </c>
    </row>
    <row r="111228" spans="1:7" x14ac:dyDescent="0.3">
      <c r="A111228" s="13" t="s">
        <v>533</v>
      </c>
      <c r="B111228" s="14" t="s">
        <v>1</v>
      </c>
      <c r="C111228" s="14" t="s">
        <v>47</v>
      </c>
      <c r="D111228" s="14" t="s">
        <v>179</v>
      </c>
      <c r="E111228" s="15">
        <v>45644</v>
      </c>
      <c r="F111228" s="14" t="s">
        <v>53</v>
      </c>
      <c r="G111228" s="16">
        <v>0</v>
      </c>
    </row>
    <row r="111229" spans="1:7" x14ac:dyDescent="0.3">
      <c r="A111229" s="13" t="s">
        <v>533</v>
      </c>
      <c r="B111229" s="14" t="s">
        <v>1</v>
      </c>
      <c r="C111229" s="14" t="s">
        <v>47</v>
      </c>
      <c r="D111229" s="14" t="s">
        <v>179</v>
      </c>
      <c r="E111229" s="15">
        <v>45645</v>
      </c>
      <c r="F111229" s="14" t="s">
        <v>53</v>
      </c>
      <c r="G111229" s="16">
        <v>0</v>
      </c>
    </row>
    <row r="111230" spans="1:7" x14ac:dyDescent="0.3">
      <c r="A111230" s="13" t="s">
        <v>533</v>
      </c>
      <c r="B111230" s="14" t="s">
        <v>1</v>
      </c>
      <c r="C111230" s="14" t="s">
        <v>47</v>
      </c>
      <c r="D111230" s="14" t="s">
        <v>179</v>
      </c>
      <c r="E111230" s="15">
        <v>45646</v>
      </c>
      <c r="F111230" s="14" t="s">
        <v>53</v>
      </c>
      <c r="G111230" s="16">
        <v>0</v>
      </c>
    </row>
    <row r="111231" spans="1:7" x14ac:dyDescent="0.3">
      <c r="A111231" s="13" t="s">
        <v>533</v>
      </c>
      <c r="B111231" s="14" t="s">
        <v>1</v>
      </c>
      <c r="C111231" s="14" t="s">
        <v>47</v>
      </c>
      <c r="D111231" s="14" t="s">
        <v>179</v>
      </c>
      <c r="E111231" s="15">
        <v>45647</v>
      </c>
      <c r="F111231" s="14" t="s">
        <v>53</v>
      </c>
      <c r="G111231" s="16">
        <v>0</v>
      </c>
    </row>
    <row r="111232" spans="1:7" x14ac:dyDescent="0.3">
      <c r="A111232" s="13" t="s">
        <v>533</v>
      </c>
      <c r="B111232" s="14" t="s">
        <v>1</v>
      </c>
      <c r="C111232" s="14" t="s">
        <v>47</v>
      </c>
      <c r="D111232" s="14" t="s">
        <v>179</v>
      </c>
      <c r="E111232" s="15">
        <v>45648</v>
      </c>
      <c r="F111232" s="14" t="s">
        <v>53</v>
      </c>
      <c r="G111232" s="16">
        <v>0</v>
      </c>
    </row>
    <row r="111233" spans="1:7" x14ac:dyDescent="0.3">
      <c r="A111233" s="13" t="s">
        <v>533</v>
      </c>
      <c r="B111233" s="14" t="s">
        <v>1</v>
      </c>
      <c r="C111233" s="14" t="s">
        <v>47</v>
      </c>
      <c r="D111233" s="14" t="s">
        <v>179</v>
      </c>
      <c r="E111233" s="15">
        <v>45649</v>
      </c>
      <c r="F111233" s="14" t="s">
        <v>53</v>
      </c>
      <c r="G111233" s="16">
        <v>0</v>
      </c>
    </row>
    <row r="111234" spans="1:7" x14ac:dyDescent="0.3">
      <c r="A111234" s="13" t="s">
        <v>533</v>
      </c>
      <c r="B111234" s="14" t="s">
        <v>1</v>
      </c>
      <c r="C111234" s="14" t="s">
        <v>47</v>
      </c>
      <c r="D111234" s="14" t="s">
        <v>179</v>
      </c>
      <c r="E111234" s="15">
        <v>45650</v>
      </c>
      <c r="F111234" s="14" t="s">
        <v>53</v>
      </c>
      <c r="G111234" s="16">
        <v>0</v>
      </c>
    </row>
    <row r="111235" spans="1:7" x14ac:dyDescent="0.3">
      <c r="A111235" s="13" t="s">
        <v>533</v>
      </c>
      <c r="B111235" s="14" t="s">
        <v>1</v>
      </c>
      <c r="C111235" s="14" t="s">
        <v>47</v>
      </c>
      <c r="D111235" s="14" t="s">
        <v>179</v>
      </c>
      <c r="E111235" s="15">
        <v>45651</v>
      </c>
      <c r="F111235" s="14" t="s">
        <v>53</v>
      </c>
      <c r="G111235" s="16">
        <v>0</v>
      </c>
    </row>
    <row r="111236" spans="1:7" x14ac:dyDescent="0.3">
      <c r="A111236" s="13" t="s">
        <v>533</v>
      </c>
      <c r="B111236" s="14" t="s">
        <v>1</v>
      </c>
      <c r="C111236" s="14" t="s">
        <v>47</v>
      </c>
      <c r="D111236" s="14" t="s">
        <v>179</v>
      </c>
      <c r="E111236" s="15">
        <v>45652</v>
      </c>
      <c r="F111236" s="14" t="s">
        <v>53</v>
      </c>
      <c r="G111236" s="16">
        <v>0</v>
      </c>
    </row>
    <row r="111237" spans="1:7" x14ac:dyDescent="0.3">
      <c r="A111237" s="13" t="s">
        <v>533</v>
      </c>
      <c r="B111237" s="14" t="s">
        <v>1</v>
      </c>
      <c r="C111237" s="14" t="s">
        <v>47</v>
      </c>
      <c r="D111237" s="14" t="s">
        <v>179</v>
      </c>
      <c r="E111237" s="15">
        <v>45653</v>
      </c>
      <c r="F111237" s="14" t="s">
        <v>53</v>
      </c>
      <c r="G111237" s="16">
        <v>0</v>
      </c>
    </row>
    <row r="111238" spans="1:7" x14ac:dyDescent="0.3">
      <c r="A111238" s="13" t="s">
        <v>533</v>
      </c>
      <c r="B111238" s="14" t="s">
        <v>1</v>
      </c>
      <c r="C111238" s="14" t="s">
        <v>47</v>
      </c>
      <c r="D111238" s="14" t="s">
        <v>179</v>
      </c>
      <c r="E111238" s="15">
        <v>45654</v>
      </c>
      <c r="F111238" s="14" t="s">
        <v>53</v>
      </c>
      <c r="G111238" s="16">
        <v>0</v>
      </c>
    </row>
    <row r="111239" spans="1:7" x14ac:dyDescent="0.3">
      <c r="A111239" s="13" t="s">
        <v>533</v>
      </c>
      <c r="B111239" s="14" t="s">
        <v>1</v>
      </c>
      <c r="C111239" s="14" t="s">
        <v>47</v>
      </c>
      <c r="D111239" s="14" t="s">
        <v>179</v>
      </c>
      <c r="E111239" s="15">
        <v>45655</v>
      </c>
      <c r="F111239" s="14" t="s">
        <v>53</v>
      </c>
      <c r="G111239" s="16">
        <v>0</v>
      </c>
    </row>
    <row r="111240" spans="1:7" x14ac:dyDescent="0.3">
      <c r="A111240" s="13" t="s">
        <v>533</v>
      </c>
      <c r="B111240" s="14" t="s">
        <v>1</v>
      </c>
      <c r="C111240" s="14" t="s">
        <v>47</v>
      </c>
      <c r="D111240" s="14" t="s">
        <v>179</v>
      </c>
      <c r="E111240" s="15">
        <v>45656</v>
      </c>
      <c r="F111240" s="14" t="s">
        <v>53</v>
      </c>
      <c r="G111240" s="16">
        <v>0</v>
      </c>
    </row>
    <row r="111241" spans="1:7" x14ac:dyDescent="0.3">
      <c r="A111241" s="13" t="s">
        <v>533</v>
      </c>
      <c r="B111241" s="14" t="s">
        <v>1</v>
      </c>
      <c r="C111241" s="14" t="s">
        <v>47</v>
      </c>
      <c r="D111241" s="14" t="s">
        <v>179</v>
      </c>
      <c r="E111241" s="15">
        <v>45657</v>
      </c>
      <c r="F111241" s="14" t="s">
        <v>53</v>
      </c>
      <c r="G111241" s="16">
        <v>0</v>
      </c>
    </row>
    <row r="111242" spans="1:7" x14ac:dyDescent="0.3">
      <c r="A111242" s="13" t="s">
        <v>533</v>
      </c>
      <c r="B111242" s="14" t="s">
        <v>1</v>
      </c>
      <c r="C111242" s="14" t="s">
        <v>47</v>
      </c>
      <c r="D111242" s="14" t="s">
        <v>179</v>
      </c>
      <c r="E111242" s="15">
        <v>45658</v>
      </c>
      <c r="F111242" s="14" t="s">
        <v>53</v>
      </c>
      <c r="G111242" s="16">
        <v>0</v>
      </c>
    </row>
    <row r="111243" spans="1:7" x14ac:dyDescent="0.3">
      <c r="A111243" s="13" t="s">
        <v>533</v>
      </c>
      <c r="B111243" s="14" t="s">
        <v>1</v>
      </c>
      <c r="C111243" s="14" t="s">
        <v>47</v>
      </c>
      <c r="D111243" s="14" t="s">
        <v>179</v>
      </c>
      <c r="E111243" s="15">
        <v>45659</v>
      </c>
      <c r="F111243" s="14" t="s">
        <v>53</v>
      </c>
      <c r="G111243" s="16">
        <v>0</v>
      </c>
    </row>
    <row r="111244" spans="1:7" x14ac:dyDescent="0.3">
      <c r="A111244" s="13" t="s">
        <v>533</v>
      </c>
      <c r="B111244" s="14" t="s">
        <v>1</v>
      </c>
      <c r="C111244" s="14" t="s">
        <v>47</v>
      </c>
      <c r="D111244" s="14" t="s">
        <v>179</v>
      </c>
      <c r="E111244" s="15">
        <v>45660</v>
      </c>
      <c r="F111244" s="14" t="s">
        <v>53</v>
      </c>
      <c r="G111244" s="16">
        <v>0</v>
      </c>
    </row>
    <row r="111245" spans="1:7" x14ac:dyDescent="0.3">
      <c r="A111245" s="13" t="s">
        <v>533</v>
      </c>
      <c r="B111245" s="14" t="s">
        <v>1</v>
      </c>
      <c r="C111245" s="14" t="s">
        <v>47</v>
      </c>
      <c r="D111245" s="14" t="s">
        <v>179</v>
      </c>
      <c r="E111245" s="15">
        <v>45661</v>
      </c>
      <c r="F111245" s="14" t="s">
        <v>53</v>
      </c>
      <c r="G111245" s="16">
        <v>0</v>
      </c>
    </row>
    <row r="111246" spans="1:7" x14ac:dyDescent="0.3">
      <c r="A111246" s="13" t="s">
        <v>533</v>
      </c>
      <c r="B111246" s="14" t="s">
        <v>1</v>
      </c>
      <c r="C111246" s="14" t="s">
        <v>47</v>
      </c>
      <c r="D111246" s="14" t="s">
        <v>179</v>
      </c>
      <c r="E111246" s="15">
        <v>45662</v>
      </c>
      <c r="F111246" s="14" t="s">
        <v>53</v>
      </c>
      <c r="G111246" s="16">
        <v>0</v>
      </c>
    </row>
    <row r="111247" spans="1:7" x14ac:dyDescent="0.3">
      <c r="A111247" s="13" t="s">
        <v>533</v>
      </c>
      <c r="B111247" s="14" t="s">
        <v>1</v>
      </c>
      <c r="C111247" s="14" t="s">
        <v>47</v>
      </c>
      <c r="D111247" s="14" t="s">
        <v>179</v>
      </c>
      <c r="E111247" s="15">
        <v>45663</v>
      </c>
      <c r="F111247" s="14" t="s">
        <v>53</v>
      </c>
      <c r="G111247" s="16">
        <v>0</v>
      </c>
    </row>
    <row r="111248" spans="1:7" x14ac:dyDescent="0.3">
      <c r="A111248" s="13" t="s">
        <v>533</v>
      </c>
      <c r="B111248" s="14" t="s">
        <v>1</v>
      </c>
      <c r="C111248" s="14" t="s">
        <v>47</v>
      </c>
      <c r="D111248" s="14" t="s">
        <v>179</v>
      </c>
      <c r="E111248" s="15">
        <v>45664</v>
      </c>
      <c r="F111248" s="14" t="s">
        <v>53</v>
      </c>
      <c r="G111248" s="16">
        <v>0</v>
      </c>
    </row>
    <row r="111249" spans="1:7" x14ac:dyDescent="0.3">
      <c r="A111249" s="13" t="s">
        <v>533</v>
      </c>
      <c r="B111249" s="14" t="s">
        <v>1</v>
      </c>
      <c r="C111249" s="14" t="s">
        <v>47</v>
      </c>
      <c r="D111249" s="14" t="s">
        <v>179</v>
      </c>
      <c r="E111249" s="15">
        <v>45665</v>
      </c>
      <c r="F111249" s="14" t="s">
        <v>53</v>
      </c>
      <c r="G111249" s="16">
        <v>0</v>
      </c>
    </row>
    <row r="111250" spans="1:7" x14ac:dyDescent="0.3">
      <c r="A111250" s="13" t="s">
        <v>533</v>
      </c>
      <c r="B111250" s="14" t="s">
        <v>1</v>
      </c>
      <c r="C111250" s="14" t="s">
        <v>47</v>
      </c>
      <c r="D111250" s="14" t="s">
        <v>179</v>
      </c>
      <c r="E111250" s="15">
        <v>45666</v>
      </c>
      <c r="F111250" s="14" t="s">
        <v>53</v>
      </c>
      <c r="G111250" s="16">
        <v>0</v>
      </c>
    </row>
    <row r="111251" spans="1:7" x14ac:dyDescent="0.3">
      <c r="A111251" s="13" t="s">
        <v>533</v>
      </c>
      <c r="B111251" s="14" t="s">
        <v>1</v>
      </c>
      <c r="C111251" s="14" t="s">
        <v>47</v>
      </c>
      <c r="D111251" s="14" t="s">
        <v>179</v>
      </c>
      <c r="E111251" s="15">
        <v>45667</v>
      </c>
      <c r="F111251" s="14" t="s">
        <v>53</v>
      </c>
      <c r="G111251" s="16">
        <v>0</v>
      </c>
    </row>
    <row r="111252" spans="1:7" x14ac:dyDescent="0.3">
      <c r="A111252" s="13" t="s">
        <v>533</v>
      </c>
      <c r="B111252" s="14" t="s">
        <v>1</v>
      </c>
      <c r="C111252" s="14" t="s">
        <v>47</v>
      </c>
      <c r="D111252" s="14" t="s">
        <v>179</v>
      </c>
      <c r="E111252" s="15">
        <v>45668</v>
      </c>
      <c r="F111252" s="14" t="s">
        <v>53</v>
      </c>
      <c r="G111252" s="16">
        <v>0</v>
      </c>
    </row>
    <row r="111253" spans="1:7" x14ac:dyDescent="0.3">
      <c r="A111253" s="13" t="s">
        <v>533</v>
      </c>
      <c r="B111253" s="14" t="s">
        <v>1</v>
      </c>
      <c r="C111253" s="14" t="s">
        <v>47</v>
      </c>
      <c r="D111253" s="14" t="s">
        <v>179</v>
      </c>
      <c r="E111253" s="15">
        <v>45669</v>
      </c>
      <c r="F111253" s="14" t="s">
        <v>53</v>
      </c>
      <c r="G111253" s="16">
        <v>0</v>
      </c>
    </row>
    <row r="111254" spans="1:7" x14ac:dyDescent="0.3">
      <c r="A111254" s="13" t="s">
        <v>533</v>
      </c>
      <c r="B111254" s="14" t="s">
        <v>1</v>
      </c>
      <c r="C111254" s="14" t="s">
        <v>47</v>
      </c>
      <c r="D111254" s="14" t="s">
        <v>179</v>
      </c>
      <c r="E111254" s="15">
        <v>45670</v>
      </c>
      <c r="F111254" s="14" t="s">
        <v>53</v>
      </c>
      <c r="G111254" s="16">
        <v>0</v>
      </c>
    </row>
    <row r="111255" spans="1:7" x14ac:dyDescent="0.3">
      <c r="A111255" s="13" t="s">
        <v>533</v>
      </c>
      <c r="B111255" s="14" t="s">
        <v>1</v>
      </c>
      <c r="C111255" s="14" t="s">
        <v>47</v>
      </c>
      <c r="D111255" s="14" t="s">
        <v>179</v>
      </c>
      <c r="E111255" s="15">
        <v>45671</v>
      </c>
      <c r="F111255" s="14" t="s">
        <v>53</v>
      </c>
      <c r="G111255" s="16">
        <v>0</v>
      </c>
    </row>
    <row r="111256" spans="1:7" x14ac:dyDescent="0.3">
      <c r="A111256" s="13" t="s">
        <v>533</v>
      </c>
      <c r="B111256" s="14" t="s">
        <v>1</v>
      </c>
      <c r="C111256" s="14" t="s">
        <v>47</v>
      </c>
      <c r="D111256" s="14" t="s">
        <v>179</v>
      </c>
      <c r="E111256" s="15">
        <v>45672</v>
      </c>
      <c r="F111256" s="14" t="s">
        <v>53</v>
      </c>
      <c r="G111256" s="16">
        <v>0</v>
      </c>
    </row>
    <row r="111257" spans="1:7" x14ac:dyDescent="0.3">
      <c r="A111257" s="13" t="s">
        <v>533</v>
      </c>
      <c r="B111257" s="14" t="s">
        <v>1</v>
      </c>
      <c r="C111257" s="14" t="s">
        <v>47</v>
      </c>
      <c r="D111257" s="14" t="s">
        <v>179</v>
      </c>
      <c r="E111257" s="15">
        <v>45673</v>
      </c>
      <c r="F111257" s="14" t="s">
        <v>53</v>
      </c>
      <c r="G111257" s="16">
        <v>0</v>
      </c>
    </row>
    <row r="111258" spans="1:7" x14ac:dyDescent="0.3">
      <c r="A111258" s="13" t="s">
        <v>533</v>
      </c>
      <c r="B111258" s="14" t="s">
        <v>1</v>
      </c>
      <c r="C111258" s="14" t="s">
        <v>47</v>
      </c>
      <c r="D111258" s="14" t="s">
        <v>179</v>
      </c>
      <c r="E111258" s="15">
        <v>45674</v>
      </c>
      <c r="F111258" s="14" t="s">
        <v>53</v>
      </c>
      <c r="G111258" s="16">
        <v>0</v>
      </c>
    </row>
    <row r="111259" spans="1:7" x14ac:dyDescent="0.3">
      <c r="A111259" s="13" t="s">
        <v>533</v>
      </c>
      <c r="B111259" s="14" t="s">
        <v>1</v>
      </c>
      <c r="C111259" s="14" t="s">
        <v>47</v>
      </c>
      <c r="D111259" s="14" t="s">
        <v>179</v>
      </c>
      <c r="E111259" s="15">
        <v>45675</v>
      </c>
      <c r="F111259" s="14" t="s">
        <v>53</v>
      </c>
      <c r="G111259" s="16">
        <v>0</v>
      </c>
    </row>
    <row r="111260" spans="1:7" x14ac:dyDescent="0.3">
      <c r="A111260" s="13" t="s">
        <v>533</v>
      </c>
      <c r="B111260" s="14" t="s">
        <v>1</v>
      </c>
      <c r="C111260" s="14" t="s">
        <v>47</v>
      </c>
      <c r="D111260" s="14" t="s">
        <v>179</v>
      </c>
      <c r="E111260" s="15">
        <v>45676</v>
      </c>
      <c r="F111260" s="14" t="s">
        <v>53</v>
      </c>
      <c r="G111260" s="16">
        <v>0</v>
      </c>
    </row>
    <row r="111261" spans="1:7" x14ac:dyDescent="0.3">
      <c r="A111261" s="13" t="s">
        <v>533</v>
      </c>
      <c r="B111261" s="14" t="s">
        <v>1</v>
      </c>
      <c r="C111261" s="14" t="s">
        <v>47</v>
      </c>
      <c r="D111261" s="14" t="s">
        <v>179</v>
      </c>
      <c r="E111261" s="15">
        <v>45677</v>
      </c>
      <c r="F111261" s="14" t="s">
        <v>53</v>
      </c>
      <c r="G111261" s="16">
        <v>0</v>
      </c>
    </row>
    <row r="111262" spans="1:7" x14ac:dyDescent="0.3">
      <c r="A111262" s="13" t="s">
        <v>533</v>
      </c>
      <c r="B111262" s="14" t="s">
        <v>1</v>
      </c>
      <c r="C111262" s="14" t="s">
        <v>47</v>
      </c>
      <c r="D111262" s="14" t="s">
        <v>179</v>
      </c>
      <c r="E111262" s="15">
        <v>45678</v>
      </c>
      <c r="F111262" s="14" t="s">
        <v>53</v>
      </c>
      <c r="G111262" s="16">
        <v>0</v>
      </c>
    </row>
    <row r="111263" spans="1:7" x14ac:dyDescent="0.3">
      <c r="A111263" s="13" t="s">
        <v>533</v>
      </c>
      <c r="B111263" s="14" t="s">
        <v>1</v>
      </c>
      <c r="C111263" s="14" t="s">
        <v>47</v>
      </c>
      <c r="D111263" s="14" t="s">
        <v>179</v>
      </c>
      <c r="E111263" s="15">
        <v>45679</v>
      </c>
      <c r="F111263" s="14" t="s">
        <v>53</v>
      </c>
      <c r="G111263" s="16">
        <v>0</v>
      </c>
    </row>
    <row r="111264" spans="1:7" x14ac:dyDescent="0.3">
      <c r="A111264" s="13" t="s">
        <v>533</v>
      </c>
      <c r="B111264" s="14" t="s">
        <v>1</v>
      </c>
      <c r="C111264" s="14" t="s">
        <v>47</v>
      </c>
      <c r="D111264" s="14" t="s">
        <v>179</v>
      </c>
      <c r="E111264" s="15">
        <v>45680</v>
      </c>
      <c r="F111264" s="14" t="s">
        <v>53</v>
      </c>
      <c r="G111264" s="16">
        <v>0</v>
      </c>
    </row>
    <row r="111265" spans="1:7" x14ac:dyDescent="0.3">
      <c r="A111265" s="13" t="s">
        <v>533</v>
      </c>
      <c r="B111265" s="14" t="s">
        <v>1</v>
      </c>
      <c r="C111265" s="14" t="s">
        <v>47</v>
      </c>
      <c r="D111265" s="14" t="s">
        <v>179</v>
      </c>
      <c r="E111265" s="15">
        <v>45681</v>
      </c>
      <c r="F111265" s="14" t="s">
        <v>53</v>
      </c>
      <c r="G111265" s="16">
        <v>0</v>
      </c>
    </row>
    <row r="111266" spans="1:7" x14ac:dyDescent="0.3">
      <c r="A111266" s="13" t="s">
        <v>533</v>
      </c>
      <c r="B111266" s="14" t="s">
        <v>1</v>
      </c>
      <c r="C111266" s="14" t="s">
        <v>47</v>
      </c>
      <c r="D111266" s="14" t="s">
        <v>179</v>
      </c>
      <c r="E111266" s="15">
        <v>45682</v>
      </c>
      <c r="F111266" s="14" t="s">
        <v>53</v>
      </c>
      <c r="G111266" s="16">
        <v>0</v>
      </c>
    </row>
    <row r="111267" spans="1:7" x14ac:dyDescent="0.3">
      <c r="A111267" s="13" t="s">
        <v>533</v>
      </c>
      <c r="B111267" s="14" t="s">
        <v>1</v>
      </c>
      <c r="C111267" s="14" t="s">
        <v>47</v>
      </c>
      <c r="D111267" s="14" t="s">
        <v>179</v>
      </c>
      <c r="E111267" s="15">
        <v>45683</v>
      </c>
      <c r="F111267" s="14" t="s">
        <v>53</v>
      </c>
      <c r="G111267" s="16">
        <v>0</v>
      </c>
    </row>
    <row r="111268" spans="1:7" x14ac:dyDescent="0.3">
      <c r="A111268" s="13" t="s">
        <v>533</v>
      </c>
      <c r="B111268" s="14" t="s">
        <v>1</v>
      </c>
      <c r="C111268" s="14" t="s">
        <v>47</v>
      </c>
      <c r="D111268" s="14" t="s">
        <v>179</v>
      </c>
      <c r="E111268" s="15">
        <v>45684</v>
      </c>
      <c r="F111268" s="14" t="s">
        <v>53</v>
      </c>
      <c r="G111268" s="16">
        <v>0</v>
      </c>
    </row>
    <row r="111269" spans="1:7" x14ac:dyDescent="0.3">
      <c r="A111269" s="13" t="s">
        <v>533</v>
      </c>
      <c r="B111269" s="14" t="s">
        <v>1</v>
      </c>
      <c r="C111269" s="14" t="s">
        <v>47</v>
      </c>
      <c r="D111269" s="14" t="s">
        <v>179</v>
      </c>
      <c r="E111269" s="15">
        <v>45685</v>
      </c>
      <c r="F111269" s="14" t="s">
        <v>53</v>
      </c>
      <c r="G111269" s="16">
        <v>0</v>
      </c>
    </row>
    <row r="111270" spans="1:7" x14ac:dyDescent="0.3">
      <c r="A111270" s="13" t="s">
        <v>533</v>
      </c>
      <c r="B111270" s="14" t="s">
        <v>1</v>
      </c>
      <c r="C111270" s="14" t="s">
        <v>47</v>
      </c>
      <c r="D111270" s="14" t="s">
        <v>179</v>
      </c>
      <c r="E111270" s="15">
        <v>45686</v>
      </c>
      <c r="F111270" s="14" t="s">
        <v>53</v>
      </c>
      <c r="G111270" s="16">
        <v>0</v>
      </c>
    </row>
    <row r="111271" spans="1:7" x14ac:dyDescent="0.3">
      <c r="A111271" s="13" t="s">
        <v>533</v>
      </c>
      <c r="B111271" s="14" t="s">
        <v>1</v>
      </c>
      <c r="C111271" s="14" t="s">
        <v>47</v>
      </c>
      <c r="D111271" s="14" t="s">
        <v>179</v>
      </c>
      <c r="E111271" s="15">
        <v>45687</v>
      </c>
      <c r="F111271" s="14" t="s">
        <v>53</v>
      </c>
      <c r="G111271" s="16">
        <v>0</v>
      </c>
    </row>
    <row r="111272" spans="1:7" x14ac:dyDescent="0.3">
      <c r="A111272" s="13" t="s">
        <v>533</v>
      </c>
      <c r="B111272" s="14" t="s">
        <v>1</v>
      </c>
      <c r="C111272" s="14" t="s">
        <v>47</v>
      </c>
      <c r="D111272" s="14" t="s">
        <v>179</v>
      </c>
      <c r="E111272" s="15">
        <v>45688</v>
      </c>
      <c r="F111272" s="14" t="s">
        <v>53</v>
      </c>
      <c r="G111272" s="16">
        <v>0</v>
      </c>
    </row>
    <row r="111273" spans="1:7" x14ac:dyDescent="0.3">
      <c r="A111273" s="13" t="s">
        <v>533</v>
      </c>
      <c r="B111273" s="14" t="s">
        <v>1</v>
      </c>
      <c r="C111273" s="14" t="s">
        <v>47</v>
      </c>
      <c r="D111273" s="14" t="s">
        <v>179</v>
      </c>
      <c r="E111273" s="15">
        <v>45689</v>
      </c>
      <c r="F111273" s="14" t="s">
        <v>53</v>
      </c>
      <c r="G111273" s="16">
        <v>0</v>
      </c>
    </row>
    <row r="111274" spans="1:7" x14ac:dyDescent="0.3">
      <c r="A111274" s="13" t="s">
        <v>533</v>
      </c>
      <c r="B111274" s="14" t="s">
        <v>1</v>
      </c>
      <c r="C111274" s="14" t="s">
        <v>47</v>
      </c>
      <c r="D111274" s="14" t="s">
        <v>179</v>
      </c>
      <c r="E111274" s="15">
        <v>45690</v>
      </c>
      <c r="F111274" s="14" t="s">
        <v>53</v>
      </c>
      <c r="G111274" s="16">
        <v>0</v>
      </c>
    </row>
    <row r="111275" spans="1:7" x14ac:dyDescent="0.3">
      <c r="A111275" s="13" t="s">
        <v>533</v>
      </c>
      <c r="B111275" s="14" t="s">
        <v>1</v>
      </c>
      <c r="C111275" s="14" t="s">
        <v>47</v>
      </c>
      <c r="D111275" s="14" t="s">
        <v>179</v>
      </c>
      <c r="E111275" s="15">
        <v>45691</v>
      </c>
      <c r="F111275" s="14" t="s">
        <v>53</v>
      </c>
      <c r="G111275" s="16">
        <v>0</v>
      </c>
    </row>
    <row r="111276" spans="1:7" x14ac:dyDescent="0.3">
      <c r="A111276" s="13" t="s">
        <v>533</v>
      </c>
      <c r="B111276" s="14" t="s">
        <v>1</v>
      </c>
      <c r="C111276" s="14" t="s">
        <v>47</v>
      </c>
      <c r="D111276" s="14" t="s">
        <v>179</v>
      </c>
      <c r="E111276" s="15">
        <v>45692</v>
      </c>
      <c r="F111276" s="14" t="s">
        <v>53</v>
      </c>
      <c r="G111276" s="16">
        <v>0</v>
      </c>
    </row>
    <row r="111277" spans="1:7" x14ac:dyDescent="0.3">
      <c r="A111277" s="13" t="s">
        <v>533</v>
      </c>
      <c r="B111277" s="14" t="s">
        <v>1</v>
      </c>
      <c r="C111277" s="14" t="s">
        <v>47</v>
      </c>
      <c r="D111277" s="14" t="s">
        <v>179</v>
      </c>
      <c r="E111277" s="15">
        <v>45693</v>
      </c>
      <c r="F111277" s="14" t="s">
        <v>53</v>
      </c>
      <c r="G111277" s="16">
        <v>0</v>
      </c>
    </row>
    <row r="111278" spans="1:7" x14ac:dyDescent="0.3">
      <c r="A111278" s="13" t="s">
        <v>533</v>
      </c>
      <c r="B111278" s="14" t="s">
        <v>1</v>
      </c>
      <c r="C111278" s="14" t="s">
        <v>47</v>
      </c>
      <c r="D111278" s="14" t="s">
        <v>179</v>
      </c>
      <c r="E111278" s="15">
        <v>45694</v>
      </c>
      <c r="F111278" s="14" t="s">
        <v>53</v>
      </c>
      <c r="G111278" s="16">
        <v>0</v>
      </c>
    </row>
    <row r="111279" spans="1:7" x14ac:dyDescent="0.3">
      <c r="A111279" s="13" t="s">
        <v>533</v>
      </c>
      <c r="B111279" s="14" t="s">
        <v>1</v>
      </c>
      <c r="C111279" s="14" t="s">
        <v>47</v>
      </c>
      <c r="D111279" s="14" t="s">
        <v>179</v>
      </c>
      <c r="E111279" s="15">
        <v>45695</v>
      </c>
      <c r="F111279" s="14" t="s">
        <v>53</v>
      </c>
      <c r="G111279" s="16">
        <v>0</v>
      </c>
    </row>
    <row r="111280" spans="1:7" x14ac:dyDescent="0.3">
      <c r="A111280" s="13" t="s">
        <v>533</v>
      </c>
      <c r="B111280" s="14" t="s">
        <v>1</v>
      </c>
      <c r="C111280" s="14" t="s">
        <v>47</v>
      </c>
      <c r="D111280" s="14" t="s">
        <v>179</v>
      </c>
      <c r="E111280" s="15">
        <v>45696</v>
      </c>
      <c r="F111280" s="14" t="s">
        <v>53</v>
      </c>
      <c r="G111280" s="16">
        <v>0</v>
      </c>
    </row>
    <row r="111281" spans="1:7" x14ac:dyDescent="0.3">
      <c r="A111281" s="13" t="s">
        <v>533</v>
      </c>
      <c r="B111281" s="14" t="s">
        <v>1</v>
      </c>
      <c r="C111281" s="14" t="s">
        <v>47</v>
      </c>
      <c r="D111281" s="14" t="s">
        <v>179</v>
      </c>
      <c r="E111281" s="15">
        <v>45697</v>
      </c>
      <c r="F111281" s="14" t="s">
        <v>53</v>
      </c>
      <c r="G111281" s="16">
        <v>0</v>
      </c>
    </row>
    <row r="111282" spans="1:7" x14ac:dyDescent="0.3">
      <c r="A111282" s="13" t="s">
        <v>533</v>
      </c>
      <c r="B111282" s="14" t="s">
        <v>1</v>
      </c>
      <c r="C111282" s="14" t="s">
        <v>47</v>
      </c>
      <c r="D111282" s="14" t="s">
        <v>179</v>
      </c>
      <c r="E111282" s="15">
        <v>45698</v>
      </c>
      <c r="F111282" s="14" t="s">
        <v>53</v>
      </c>
      <c r="G111282" s="16">
        <v>0</v>
      </c>
    </row>
    <row r="111283" spans="1:7" x14ac:dyDescent="0.3">
      <c r="A111283" s="13" t="s">
        <v>533</v>
      </c>
      <c r="B111283" s="14" t="s">
        <v>1</v>
      </c>
      <c r="C111283" s="14" t="s">
        <v>47</v>
      </c>
      <c r="D111283" s="14" t="s">
        <v>179</v>
      </c>
      <c r="E111283" s="15">
        <v>45699</v>
      </c>
      <c r="F111283" s="14" t="s">
        <v>53</v>
      </c>
      <c r="G111283" s="16">
        <v>0</v>
      </c>
    </row>
    <row r="111284" spans="1:7" x14ac:dyDescent="0.3">
      <c r="A111284" s="13" t="s">
        <v>533</v>
      </c>
      <c r="B111284" s="14" t="s">
        <v>1</v>
      </c>
      <c r="C111284" s="14" t="s">
        <v>47</v>
      </c>
      <c r="D111284" s="14" t="s">
        <v>179</v>
      </c>
      <c r="E111284" s="15">
        <v>45700</v>
      </c>
      <c r="F111284" s="14" t="s">
        <v>53</v>
      </c>
      <c r="G111284" s="16">
        <v>0</v>
      </c>
    </row>
    <row r="111285" spans="1:7" x14ac:dyDescent="0.3">
      <c r="A111285" s="13" t="s">
        <v>533</v>
      </c>
      <c r="B111285" s="14" t="s">
        <v>1</v>
      </c>
      <c r="C111285" s="14" t="s">
        <v>47</v>
      </c>
      <c r="D111285" s="14" t="s">
        <v>179</v>
      </c>
      <c r="E111285" s="15">
        <v>45701</v>
      </c>
      <c r="F111285" s="14" t="s">
        <v>53</v>
      </c>
      <c r="G111285" s="16">
        <v>0</v>
      </c>
    </row>
    <row r="111286" spans="1:7" x14ac:dyDescent="0.3">
      <c r="A111286" s="13" t="s">
        <v>533</v>
      </c>
      <c r="B111286" s="14" t="s">
        <v>1</v>
      </c>
      <c r="C111286" s="14" t="s">
        <v>47</v>
      </c>
      <c r="D111286" s="14" t="s">
        <v>179</v>
      </c>
      <c r="E111286" s="15">
        <v>45702</v>
      </c>
      <c r="F111286" s="14" t="s">
        <v>53</v>
      </c>
      <c r="G111286" s="16">
        <v>0</v>
      </c>
    </row>
    <row r="111287" spans="1:7" x14ac:dyDescent="0.3">
      <c r="A111287" s="13" t="s">
        <v>533</v>
      </c>
      <c r="B111287" s="14" t="s">
        <v>1</v>
      </c>
      <c r="C111287" s="14" t="s">
        <v>47</v>
      </c>
      <c r="D111287" s="14" t="s">
        <v>179</v>
      </c>
      <c r="E111287" s="15">
        <v>45703</v>
      </c>
      <c r="F111287" s="14" t="s">
        <v>53</v>
      </c>
      <c r="G111287" s="16">
        <v>0</v>
      </c>
    </row>
    <row r="111288" spans="1:7" x14ac:dyDescent="0.3">
      <c r="A111288" s="13" t="s">
        <v>533</v>
      </c>
      <c r="B111288" s="14" t="s">
        <v>1</v>
      </c>
      <c r="C111288" s="14" t="s">
        <v>47</v>
      </c>
      <c r="D111288" s="14" t="s">
        <v>179</v>
      </c>
      <c r="E111288" s="15">
        <v>45704</v>
      </c>
      <c r="F111288" s="14" t="s">
        <v>53</v>
      </c>
      <c r="G111288" s="16">
        <v>0</v>
      </c>
    </row>
    <row r="111289" spans="1:7" x14ac:dyDescent="0.3">
      <c r="A111289" s="13" t="s">
        <v>533</v>
      </c>
      <c r="B111289" s="14" t="s">
        <v>1</v>
      </c>
      <c r="C111289" s="14" t="s">
        <v>47</v>
      </c>
      <c r="D111289" s="14" t="s">
        <v>179</v>
      </c>
      <c r="E111289" s="15">
        <v>45705</v>
      </c>
      <c r="F111289" s="14" t="s">
        <v>53</v>
      </c>
      <c r="G111289" s="16">
        <v>0</v>
      </c>
    </row>
    <row r="111290" spans="1:7" x14ac:dyDescent="0.3">
      <c r="A111290" s="13" t="s">
        <v>533</v>
      </c>
      <c r="B111290" s="14" t="s">
        <v>1</v>
      </c>
      <c r="C111290" s="14" t="s">
        <v>47</v>
      </c>
      <c r="D111290" s="14" t="s">
        <v>179</v>
      </c>
      <c r="E111290" s="15">
        <v>45706</v>
      </c>
      <c r="F111290" s="14" t="s">
        <v>53</v>
      </c>
      <c r="G111290" s="16">
        <v>0</v>
      </c>
    </row>
    <row r="111291" spans="1:7" x14ac:dyDescent="0.3">
      <c r="A111291" s="13" t="s">
        <v>533</v>
      </c>
      <c r="B111291" s="14" t="s">
        <v>1</v>
      </c>
      <c r="C111291" s="14" t="s">
        <v>47</v>
      </c>
      <c r="D111291" s="14" t="s">
        <v>179</v>
      </c>
      <c r="E111291" s="15">
        <v>45707</v>
      </c>
      <c r="F111291" s="14" t="s">
        <v>53</v>
      </c>
      <c r="G111291" s="16">
        <v>0</v>
      </c>
    </row>
    <row r="111292" spans="1:7" x14ac:dyDescent="0.3">
      <c r="A111292" s="13" t="s">
        <v>533</v>
      </c>
      <c r="B111292" s="14" t="s">
        <v>1</v>
      </c>
      <c r="C111292" s="14" t="s">
        <v>47</v>
      </c>
      <c r="D111292" s="14" t="s">
        <v>179</v>
      </c>
      <c r="E111292" s="15">
        <v>45708</v>
      </c>
      <c r="F111292" s="14" t="s">
        <v>53</v>
      </c>
      <c r="G111292" s="16">
        <v>0</v>
      </c>
    </row>
    <row r="111293" spans="1:7" x14ac:dyDescent="0.3">
      <c r="A111293" s="13" t="s">
        <v>533</v>
      </c>
      <c r="B111293" s="14" t="s">
        <v>1</v>
      </c>
      <c r="C111293" s="14" t="s">
        <v>47</v>
      </c>
      <c r="D111293" s="14" t="s">
        <v>179</v>
      </c>
      <c r="E111293" s="15">
        <v>45709</v>
      </c>
      <c r="F111293" s="14" t="s">
        <v>53</v>
      </c>
      <c r="G111293" s="16">
        <v>0</v>
      </c>
    </row>
    <row r="111294" spans="1:7" x14ac:dyDescent="0.3">
      <c r="A111294" s="13" t="s">
        <v>533</v>
      </c>
      <c r="B111294" s="14" t="s">
        <v>1</v>
      </c>
      <c r="C111294" s="14" t="s">
        <v>47</v>
      </c>
      <c r="D111294" s="14" t="s">
        <v>179</v>
      </c>
      <c r="E111294" s="15">
        <v>45710</v>
      </c>
      <c r="F111294" s="14" t="s">
        <v>53</v>
      </c>
      <c r="G111294" s="16">
        <v>0</v>
      </c>
    </row>
    <row r="111295" spans="1:7" x14ac:dyDescent="0.3">
      <c r="A111295" s="13" t="s">
        <v>533</v>
      </c>
      <c r="B111295" s="14" t="s">
        <v>1</v>
      </c>
      <c r="C111295" s="14" t="s">
        <v>47</v>
      </c>
      <c r="D111295" s="14" t="s">
        <v>179</v>
      </c>
      <c r="E111295" s="15">
        <v>45711</v>
      </c>
      <c r="F111295" s="14" t="s">
        <v>53</v>
      </c>
      <c r="G111295" s="16">
        <v>0</v>
      </c>
    </row>
    <row r="111296" spans="1:7" x14ac:dyDescent="0.3">
      <c r="A111296" s="13" t="s">
        <v>533</v>
      </c>
      <c r="B111296" s="14" t="s">
        <v>1</v>
      </c>
      <c r="C111296" s="14" t="s">
        <v>47</v>
      </c>
      <c r="D111296" s="14" t="s">
        <v>179</v>
      </c>
      <c r="E111296" s="15">
        <v>45712</v>
      </c>
      <c r="F111296" s="14" t="s">
        <v>53</v>
      </c>
      <c r="G111296" s="16">
        <v>0</v>
      </c>
    </row>
    <row r="111297" spans="1:7" x14ac:dyDescent="0.3">
      <c r="A111297" s="13" t="s">
        <v>533</v>
      </c>
      <c r="B111297" s="14" t="s">
        <v>1</v>
      </c>
      <c r="C111297" s="14" t="s">
        <v>47</v>
      </c>
      <c r="D111297" s="14" t="s">
        <v>179</v>
      </c>
      <c r="E111297" s="15">
        <v>45713</v>
      </c>
      <c r="F111297" s="14" t="s">
        <v>53</v>
      </c>
      <c r="G111297" s="16">
        <v>0</v>
      </c>
    </row>
    <row r="111298" spans="1:7" x14ac:dyDescent="0.3">
      <c r="A111298" s="13" t="s">
        <v>533</v>
      </c>
      <c r="B111298" s="14" t="s">
        <v>1</v>
      </c>
      <c r="C111298" s="14" t="s">
        <v>47</v>
      </c>
      <c r="D111298" s="14" t="s">
        <v>179</v>
      </c>
      <c r="E111298" s="15">
        <v>45714</v>
      </c>
      <c r="F111298" s="14" t="s">
        <v>53</v>
      </c>
      <c r="G111298" s="16">
        <v>0</v>
      </c>
    </row>
    <row r="111299" spans="1:7" x14ac:dyDescent="0.3">
      <c r="A111299" s="13" t="s">
        <v>533</v>
      </c>
      <c r="B111299" s="14" t="s">
        <v>1</v>
      </c>
      <c r="C111299" s="14" t="s">
        <v>47</v>
      </c>
      <c r="D111299" s="14" t="s">
        <v>179</v>
      </c>
      <c r="E111299" s="15">
        <v>45715</v>
      </c>
      <c r="F111299" s="14" t="s">
        <v>53</v>
      </c>
      <c r="G111299" s="16">
        <v>0</v>
      </c>
    </row>
    <row r="111300" spans="1:7" x14ac:dyDescent="0.3">
      <c r="A111300" s="13" t="s">
        <v>533</v>
      </c>
      <c r="B111300" s="14" t="s">
        <v>1</v>
      </c>
      <c r="C111300" s="14" t="s">
        <v>47</v>
      </c>
      <c r="D111300" s="14" t="s">
        <v>179</v>
      </c>
      <c r="E111300" s="15">
        <v>45716</v>
      </c>
      <c r="F111300" s="14" t="s">
        <v>53</v>
      </c>
      <c r="G111300" s="16">
        <v>0</v>
      </c>
    </row>
    <row r="111301" spans="1:7" x14ac:dyDescent="0.3">
      <c r="A111301" s="13" t="s">
        <v>533</v>
      </c>
      <c r="B111301" s="14" t="s">
        <v>1</v>
      </c>
      <c r="C111301" s="14" t="s">
        <v>47</v>
      </c>
      <c r="D111301" s="14" t="s">
        <v>179</v>
      </c>
      <c r="E111301" s="15">
        <v>45717</v>
      </c>
      <c r="F111301" s="14" t="s">
        <v>53</v>
      </c>
      <c r="G111301" s="16">
        <v>0</v>
      </c>
    </row>
    <row r="111302" spans="1:7" x14ac:dyDescent="0.3">
      <c r="A111302" s="13" t="s">
        <v>533</v>
      </c>
      <c r="B111302" s="14" t="s">
        <v>1</v>
      </c>
      <c r="C111302" s="14" t="s">
        <v>47</v>
      </c>
      <c r="D111302" s="14" t="s">
        <v>179</v>
      </c>
      <c r="E111302" s="15">
        <v>45718</v>
      </c>
      <c r="F111302" s="14" t="s">
        <v>53</v>
      </c>
      <c r="G111302" s="16">
        <v>0</v>
      </c>
    </row>
    <row r="111303" spans="1:7" x14ac:dyDescent="0.3">
      <c r="A111303" s="13" t="s">
        <v>533</v>
      </c>
      <c r="B111303" s="14" t="s">
        <v>1</v>
      </c>
      <c r="C111303" s="14" t="s">
        <v>47</v>
      </c>
      <c r="D111303" s="14" t="s">
        <v>179</v>
      </c>
      <c r="E111303" s="15">
        <v>45719</v>
      </c>
      <c r="F111303" s="14" t="s">
        <v>53</v>
      </c>
      <c r="G111303" s="16">
        <v>0</v>
      </c>
    </row>
    <row r="111304" spans="1:7" x14ac:dyDescent="0.3">
      <c r="A111304" s="13" t="s">
        <v>533</v>
      </c>
      <c r="B111304" s="14" t="s">
        <v>1</v>
      </c>
      <c r="C111304" s="14" t="s">
        <v>47</v>
      </c>
      <c r="D111304" s="14" t="s">
        <v>179</v>
      </c>
      <c r="E111304" s="15">
        <v>45720</v>
      </c>
      <c r="F111304" s="14" t="s">
        <v>53</v>
      </c>
      <c r="G111304" s="16">
        <v>0</v>
      </c>
    </row>
    <row r="111305" spans="1:7" x14ac:dyDescent="0.3">
      <c r="A111305" s="13" t="s">
        <v>533</v>
      </c>
      <c r="B111305" s="14" t="s">
        <v>1</v>
      </c>
      <c r="C111305" s="14" t="s">
        <v>47</v>
      </c>
      <c r="D111305" s="14" t="s">
        <v>179</v>
      </c>
      <c r="E111305" s="15">
        <v>45721</v>
      </c>
      <c r="F111305" s="14" t="s">
        <v>53</v>
      </c>
      <c r="G111305" s="16">
        <v>0</v>
      </c>
    </row>
    <row r="111306" spans="1:7" x14ac:dyDescent="0.3">
      <c r="A111306" s="13" t="s">
        <v>533</v>
      </c>
      <c r="B111306" s="14" t="s">
        <v>1</v>
      </c>
      <c r="C111306" s="14" t="s">
        <v>47</v>
      </c>
      <c r="D111306" s="14" t="s">
        <v>179</v>
      </c>
      <c r="E111306" s="15">
        <v>45722</v>
      </c>
      <c r="F111306" s="14" t="s">
        <v>53</v>
      </c>
      <c r="G111306" s="16">
        <v>0</v>
      </c>
    </row>
    <row r="111307" spans="1:7" x14ac:dyDescent="0.3">
      <c r="A111307" s="13" t="s">
        <v>533</v>
      </c>
      <c r="B111307" s="14" t="s">
        <v>1</v>
      </c>
      <c r="C111307" s="14" t="s">
        <v>47</v>
      </c>
      <c r="D111307" s="14" t="s">
        <v>179</v>
      </c>
      <c r="E111307" s="15">
        <v>45723</v>
      </c>
      <c r="F111307" s="14" t="s">
        <v>53</v>
      </c>
      <c r="G111307" s="16">
        <v>0</v>
      </c>
    </row>
    <row r="111308" spans="1:7" x14ac:dyDescent="0.3">
      <c r="A111308" s="13" t="s">
        <v>533</v>
      </c>
      <c r="B111308" s="14" t="s">
        <v>1</v>
      </c>
      <c r="C111308" s="14" t="s">
        <v>47</v>
      </c>
      <c r="D111308" s="14" t="s">
        <v>179</v>
      </c>
      <c r="E111308" s="15">
        <v>45724</v>
      </c>
      <c r="F111308" s="14" t="s">
        <v>53</v>
      </c>
      <c r="G111308" s="16">
        <v>0</v>
      </c>
    </row>
    <row r="111309" spans="1:7" x14ac:dyDescent="0.3">
      <c r="A111309" s="13" t="s">
        <v>533</v>
      </c>
      <c r="B111309" s="14" t="s">
        <v>1</v>
      </c>
      <c r="C111309" s="14" t="s">
        <v>47</v>
      </c>
      <c r="D111309" s="14" t="s">
        <v>179</v>
      </c>
      <c r="E111309" s="15">
        <v>45725</v>
      </c>
      <c r="F111309" s="14" t="s">
        <v>53</v>
      </c>
      <c r="G111309" s="16">
        <v>0</v>
      </c>
    </row>
    <row r="111310" spans="1:7" x14ac:dyDescent="0.3">
      <c r="A111310" s="13" t="s">
        <v>533</v>
      </c>
      <c r="B111310" s="14" t="s">
        <v>1</v>
      </c>
      <c r="C111310" s="14" t="s">
        <v>47</v>
      </c>
      <c r="D111310" s="14" t="s">
        <v>179</v>
      </c>
      <c r="E111310" s="15">
        <v>45726</v>
      </c>
      <c r="F111310" s="14" t="s">
        <v>53</v>
      </c>
      <c r="G111310" s="16">
        <v>0</v>
      </c>
    </row>
    <row r="111311" spans="1:7" x14ac:dyDescent="0.3">
      <c r="A111311" s="13" t="s">
        <v>533</v>
      </c>
      <c r="B111311" s="14" t="s">
        <v>1</v>
      </c>
      <c r="C111311" s="14" t="s">
        <v>47</v>
      </c>
      <c r="D111311" s="14" t="s">
        <v>179</v>
      </c>
      <c r="E111311" s="15">
        <v>45727</v>
      </c>
      <c r="F111311" s="14" t="s">
        <v>53</v>
      </c>
      <c r="G111311" s="16">
        <v>0</v>
      </c>
    </row>
    <row r="111312" spans="1:7" x14ac:dyDescent="0.3">
      <c r="A111312" s="13" t="s">
        <v>533</v>
      </c>
      <c r="B111312" s="14" t="s">
        <v>1</v>
      </c>
      <c r="C111312" s="14" t="s">
        <v>47</v>
      </c>
      <c r="D111312" s="14" t="s">
        <v>179</v>
      </c>
      <c r="E111312" s="15">
        <v>45728</v>
      </c>
      <c r="F111312" s="14" t="s">
        <v>53</v>
      </c>
      <c r="G111312" s="16">
        <v>0</v>
      </c>
    </row>
    <row r="111313" spans="1:7" x14ac:dyDescent="0.3">
      <c r="A111313" s="13" t="s">
        <v>533</v>
      </c>
      <c r="B111313" s="14" t="s">
        <v>1</v>
      </c>
      <c r="C111313" s="14" t="s">
        <v>47</v>
      </c>
      <c r="D111313" s="14" t="s">
        <v>179</v>
      </c>
      <c r="E111313" s="15">
        <v>45729</v>
      </c>
      <c r="F111313" s="14" t="s">
        <v>53</v>
      </c>
      <c r="G111313" s="16">
        <v>0</v>
      </c>
    </row>
    <row r="111314" spans="1:7" x14ac:dyDescent="0.3">
      <c r="A111314" s="13" t="s">
        <v>533</v>
      </c>
      <c r="B111314" s="14" t="s">
        <v>1</v>
      </c>
      <c r="C111314" s="14" t="s">
        <v>47</v>
      </c>
      <c r="D111314" s="14" t="s">
        <v>179</v>
      </c>
      <c r="E111314" s="15">
        <v>45730</v>
      </c>
      <c r="F111314" s="14" t="s">
        <v>53</v>
      </c>
      <c r="G111314" s="16">
        <v>0</v>
      </c>
    </row>
    <row r="111315" spans="1:7" x14ac:dyDescent="0.3">
      <c r="A111315" s="13" t="s">
        <v>533</v>
      </c>
      <c r="B111315" s="14" t="s">
        <v>1</v>
      </c>
      <c r="C111315" s="14" t="s">
        <v>47</v>
      </c>
      <c r="D111315" s="14" t="s">
        <v>179</v>
      </c>
      <c r="E111315" s="15">
        <v>45731</v>
      </c>
      <c r="F111315" s="14" t="s">
        <v>53</v>
      </c>
      <c r="G111315" s="16">
        <v>0</v>
      </c>
    </row>
    <row r="111316" spans="1:7" x14ac:dyDescent="0.3">
      <c r="A111316" s="13" t="s">
        <v>533</v>
      </c>
      <c r="B111316" s="14" t="s">
        <v>1</v>
      </c>
      <c r="C111316" s="14" t="s">
        <v>47</v>
      </c>
      <c r="D111316" s="14" t="s">
        <v>179</v>
      </c>
      <c r="E111316" s="15">
        <v>45732</v>
      </c>
      <c r="F111316" s="14" t="s">
        <v>53</v>
      </c>
      <c r="G111316" s="16">
        <v>0</v>
      </c>
    </row>
    <row r="111317" spans="1:7" x14ac:dyDescent="0.3">
      <c r="A111317" s="13" t="s">
        <v>533</v>
      </c>
      <c r="B111317" s="14" t="s">
        <v>1</v>
      </c>
      <c r="C111317" s="14" t="s">
        <v>47</v>
      </c>
      <c r="D111317" s="14" t="s">
        <v>179</v>
      </c>
      <c r="E111317" s="15">
        <v>45733</v>
      </c>
      <c r="F111317" s="14" t="s">
        <v>53</v>
      </c>
      <c r="G111317" s="16">
        <v>0</v>
      </c>
    </row>
    <row r="111318" spans="1:7" x14ac:dyDescent="0.3">
      <c r="A111318" s="13" t="s">
        <v>533</v>
      </c>
      <c r="B111318" s="14" t="s">
        <v>1</v>
      </c>
      <c r="C111318" s="14" t="s">
        <v>47</v>
      </c>
      <c r="D111318" s="14" t="s">
        <v>179</v>
      </c>
      <c r="E111318" s="15">
        <v>45734</v>
      </c>
      <c r="F111318" s="14" t="s">
        <v>53</v>
      </c>
      <c r="G111318" s="16">
        <v>0</v>
      </c>
    </row>
    <row r="111319" spans="1:7" x14ac:dyDescent="0.3">
      <c r="A111319" s="13" t="s">
        <v>533</v>
      </c>
      <c r="B111319" s="14" t="s">
        <v>1</v>
      </c>
      <c r="C111319" s="14" t="s">
        <v>47</v>
      </c>
      <c r="D111319" s="14" t="s">
        <v>179</v>
      </c>
      <c r="E111319" s="15">
        <v>45735</v>
      </c>
      <c r="F111319" s="14" t="s">
        <v>53</v>
      </c>
      <c r="G111319" s="16">
        <v>0</v>
      </c>
    </row>
    <row r="111320" spans="1:7" x14ac:dyDescent="0.3">
      <c r="A111320" s="13" t="s">
        <v>533</v>
      </c>
      <c r="B111320" s="14" t="s">
        <v>1</v>
      </c>
      <c r="C111320" s="14" t="s">
        <v>47</v>
      </c>
      <c r="D111320" s="14" t="s">
        <v>179</v>
      </c>
      <c r="E111320" s="15">
        <v>45736</v>
      </c>
      <c r="F111320" s="14" t="s">
        <v>53</v>
      </c>
      <c r="G111320" s="16">
        <v>0</v>
      </c>
    </row>
    <row r="111321" spans="1:7" x14ac:dyDescent="0.3">
      <c r="A111321" s="13" t="s">
        <v>533</v>
      </c>
      <c r="B111321" s="14" t="s">
        <v>1</v>
      </c>
      <c r="C111321" s="14" t="s">
        <v>47</v>
      </c>
      <c r="D111321" s="14" t="s">
        <v>179</v>
      </c>
      <c r="E111321" s="15">
        <v>45737</v>
      </c>
      <c r="F111321" s="14" t="s">
        <v>53</v>
      </c>
      <c r="G111321" s="16">
        <v>0</v>
      </c>
    </row>
    <row r="111322" spans="1:7" x14ac:dyDescent="0.3">
      <c r="A111322" s="13" t="s">
        <v>533</v>
      </c>
      <c r="B111322" s="14" t="s">
        <v>1</v>
      </c>
      <c r="C111322" s="14" t="s">
        <v>47</v>
      </c>
      <c r="D111322" s="14" t="s">
        <v>179</v>
      </c>
      <c r="E111322" s="15">
        <v>45738</v>
      </c>
      <c r="F111322" s="14" t="s">
        <v>53</v>
      </c>
      <c r="G111322" s="16">
        <v>0</v>
      </c>
    </row>
    <row r="111323" spans="1:7" x14ac:dyDescent="0.3">
      <c r="A111323" s="13" t="s">
        <v>533</v>
      </c>
      <c r="B111323" s="14" t="s">
        <v>1</v>
      </c>
      <c r="C111323" s="14" t="s">
        <v>47</v>
      </c>
      <c r="D111323" s="14" t="s">
        <v>179</v>
      </c>
      <c r="E111323" s="15">
        <v>45739</v>
      </c>
      <c r="F111323" s="14" t="s">
        <v>53</v>
      </c>
      <c r="G111323" s="16">
        <v>0</v>
      </c>
    </row>
    <row r="111324" spans="1:7" x14ac:dyDescent="0.3">
      <c r="A111324" s="13" t="s">
        <v>533</v>
      </c>
      <c r="B111324" s="14" t="s">
        <v>1</v>
      </c>
      <c r="C111324" s="14" t="s">
        <v>47</v>
      </c>
      <c r="D111324" s="14" t="s">
        <v>179</v>
      </c>
      <c r="E111324" s="15">
        <v>45740</v>
      </c>
      <c r="F111324" s="14" t="s">
        <v>53</v>
      </c>
      <c r="G111324" s="16">
        <v>0</v>
      </c>
    </row>
    <row r="111325" spans="1:7" x14ac:dyDescent="0.3">
      <c r="A111325" s="13" t="s">
        <v>533</v>
      </c>
      <c r="B111325" s="14" t="s">
        <v>1</v>
      </c>
      <c r="C111325" s="14" t="s">
        <v>47</v>
      </c>
      <c r="D111325" s="14" t="s">
        <v>179</v>
      </c>
      <c r="E111325" s="15">
        <v>45741</v>
      </c>
      <c r="F111325" s="14" t="s">
        <v>53</v>
      </c>
      <c r="G111325" s="16">
        <v>0</v>
      </c>
    </row>
    <row r="111326" spans="1:7" x14ac:dyDescent="0.3">
      <c r="A111326" s="13" t="s">
        <v>533</v>
      </c>
      <c r="B111326" s="14" t="s">
        <v>1</v>
      </c>
      <c r="C111326" s="14" t="s">
        <v>47</v>
      </c>
      <c r="D111326" s="14" t="s">
        <v>179</v>
      </c>
      <c r="E111326" s="15">
        <v>45742</v>
      </c>
      <c r="F111326" s="14" t="s">
        <v>53</v>
      </c>
      <c r="G111326" s="16">
        <v>0</v>
      </c>
    </row>
    <row r="111327" spans="1:7" x14ac:dyDescent="0.3">
      <c r="A111327" s="13" t="s">
        <v>533</v>
      </c>
      <c r="B111327" s="14" t="s">
        <v>1</v>
      </c>
      <c r="C111327" s="14" t="s">
        <v>47</v>
      </c>
      <c r="D111327" s="14" t="s">
        <v>179</v>
      </c>
      <c r="E111327" s="15">
        <v>45743</v>
      </c>
      <c r="F111327" s="14" t="s">
        <v>53</v>
      </c>
      <c r="G111327" s="16">
        <v>0</v>
      </c>
    </row>
    <row r="111328" spans="1:7" x14ac:dyDescent="0.3">
      <c r="A111328" s="13" t="s">
        <v>533</v>
      </c>
      <c r="B111328" s="14" t="s">
        <v>1</v>
      </c>
      <c r="C111328" s="14" t="s">
        <v>47</v>
      </c>
      <c r="D111328" s="14" t="s">
        <v>179</v>
      </c>
      <c r="E111328" s="15">
        <v>45744</v>
      </c>
      <c r="F111328" s="14" t="s">
        <v>53</v>
      </c>
      <c r="G111328" s="16">
        <v>0</v>
      </c>
    </row>
    <row r="111329" spans="1:7" x14ac:dyDescent="0.3">
      <c r="A111329" s="13" t="s">
        <v>533</v>
      </c>
      <c r="B111329" s="14" t="s">
        <v>1</v>
      </c>
      <c r="C111329" s="14" t="s">
        <v>47</v>
      </c>
      <c r="D111329" s="14" t="s">
        <v>179</v>
      </c>
      <c r="E111329" s="15">
        <v>45745</v>
      </c>
      <c r="F111329" s="14" t="s">
        <v>53</v>
      </c>
      <c r="G111329" s="16">
        <v>0</v>
      </c>
    </row>
    <row r="111330" spans="1:7" x14ac:dyDescent="0.3">
      <c r="A111330" s="13" t="s">
        <v>533</v>
      </c>
      <c r="B111330" s="14" t="s">
        <v>1</v>
      </c>
      <c r="C111330" s="14" t="s">
        <v>47</v>
      </c>
      <c r="D111330" s="14" t="s">
        <v>179</v>
      </c>
      <c r="E111330" s="15">
        <v>45746</v>
      </c>
      <c r="F111330" s="14" t="s">
        <v>53</v>
      </c>
      <c r="G111330" s="16">
        <v>0</v>
      </c>
    </row>
    <row r="111331" spans="1:7" x14ac:dyDescent="0.3">
      <c r="A111331" s="13" t="s">
        <v>533</v>
      </c>
      <c r="B111331" s="14" t="s">
        <v>1</v>
      </c>
      <c r="C111331" s="14" t="s">
        <v>47</v>
      </c>
      <c r="D111331" s="14" t="s">
        <v>179</v>
      </c>
      <c r="E111331" s="15">
        <v>45747</v>
      </c>
      <c r="F111331" s="14" t="s">
        <v>53</v>
      </c>
      <c r="G111331" s="16">
        <v>0</v>
      </c>
    </row>
    <row r="111332" spans="1:7" x14ac:dyDescent="0.3">
      <c r="A111332" s="13" t="s">
        <v>534</v>
      </c>
      <c r="B111332" s="14" t="s">
        <v>1</v>
      </c>
      <c r="C111332" s="14" t="s">
        <v>137</v>
      </c>
      <c r="D111332" s="14" t="s">
        <v>535</v>
      </c>
      <c r="E111332" s="15">
        <v>45383</v>
      </c>
      <c r="F111332" s="14" t="s">
        <v>25</v>
      </c>
      <c r="G111332" s="16">
        <v>0</v>
      </c>
    </row>
    <row r="111333" spans="1:7" x14ac:dyDescent="0.3">
      <c r="A111333" s="13" t="s">
        <v>534</v>
      </c>
      <c r="B111333" s="14" t="s">
        <v>1</v>
      </c>
      <c r="C111333" s="14" t="s">
        <v>137</v>
      </c>
      <c r="D111333" s="14" t="s">
        <v>535</v>
      </c>
      <c r="E111333" s="15">
        <v>45384</v>
      </c>
      <c r="F111333" s="14" t="s">
        <v>25</v>
      </c>
      <c r="G111333" s="16">
        <v>0</v>
      </c>
    </row>
    <row r="111334" spans="1:7" x14ac:dyDescent="0.3">
      <c r="A111334" s="13" t="s">
        <v>534</v>
      </c>
      <c r="B111334" s="14" t="s">
        <v>1</v>
      </c>
      <c r="C111334" s="14" t="s">
        <v>137</v>
      </c>
      <c r="D111334" s="14" t="s">
        <v>535</v>
      </c>
      <c r="E111334" s="15">
        <v>45385</v>
      </c>
      <c r="F111334" s="14" t="s">
        <v>25</v>
      </c>
      <c r="G111334" s="16">
        <v>8.1881797224088351E-2</v>
      </c>
    </row>
    <row r="111335" spans="1:7" x14ac:dyDescent="0.3">
      <c r="A111335" s="13" t="s">
        <v>534</v>
      </c>
      <c r="B111335" s="14" t="s">
        <v>1</v>
      </c>
      <c r="C111335" s="14" t="s">
        <v>137</v>
      </c>
      <c r="D111335" s="14" t="s">
        <v>535</v>
      </c>
      <c r="E111335" s="15">
        <v>45386</v>
      </c>
      <c r="F111335" s="14" t="s">
        <v>25</v>
      </c>
      <c r="G111335" s="16">
        <v>0.10173682343345765</v>
      </c>
    </row>
    <row r="111336" spans="1:7" x14ac:dyDescent="0.3">
      <c r="A111336" s="13" t="s">
        <v>534</v>
      </c>
      <c r="B111336" s="14" t="s">
        <v>1</v>
      </c>
      <c r="C111336" s="14" t="s">
        <v>137</v>
      </c>
      <c r="D111336" s="14" t="s">
        <v>535</v>
      </c>
      <c r="E111336" s="15">
        <v>45387</v>
      </c>
      <c r="F111336" s="14" t="s">
        <v>25</v>
      </c>
      <c r="G111336" s="16">
        <v>0.12342800434608169</v>
      </c>
    </row>
    <row r="111337" spans="1:7" x14ac:dyDescent="0.3">
      <c r="A111337" s="13" t="s">
        <v>534</v>
      </c>
      <c r="B111337" s="14" t="s">
        <v>1</v>
      </c>
      <c r="C111337" s="14" t="s">
        <v>137</v>
      </c>
      <c r="D111337" s="14" t="s">
        <v>535</v>
      </c>
      <c r="E111337" s="15">
        <v>45388</v>
      </c>
      <c r="F111337" s="14" t="s">
        <v>25</v>
      </c>
      <c r="G111337" s="16">
        <v>0.12342800434608169</v>
      </c>
    </row>
    <row r="111338" spans="1:7" x14ac:dyDescent="0.3">
      <c r="A111338" s="13" t="s">
        <v>534</v>
      </c>
      <c r="B111338" s="14" t="s">
        <v>1</v>
      </c>
      <c r="C111338" s="14" t="s">
        <v>137</v>
      </c>
      <c r="D111338" s="14" t="s">
        <v>535</v>
      </c>
      <c r="E111338" s="15">
        <v>45389</v>
      </c>
      <c r="F111338" s="14" t="s">
        <v>25</v>
      </c>
      <c r="G111338" s="16">
        <v>0.12342800434608169</v>
      </c>
    </row>
    <row r="111339" spans="1:7" x14ac:dyDescent="0.3">
      <c r="A111339" s="13" t="s">
        <v>534</v>
      </c>
      <c r="B111339" s="14" t="s">
        <v>1</v>
      </c>
      <c r="C111339" s="14" t="s">
        <v>137</v>
      </c>
      <c r="D111339" s="14" t="s">
        <v>535</v>
      </c>
      <c r="E111339" s="15">
        <v>45390</v>
      </c>
      <c r="F111339" s="14" t="s">
        <v>25</v>
      </c>
      <c r="G111339" s="16">
        <v>0.1432880927760905</v>
      </c>
    </row>
    <row r="111340" spans="1:7" x14ac:dyDescent="0.3">
      <c r="A111340" s="13" t="s">
        <v>534</v>
      </c>
      <c r="B111340" s="14" t="s">
        <v>1</v>
      </c>
      <c r="C111340" s="14" t="s">
        <v>137</v>
      </c>
      <c r="D111340" s="14" t="s">
        <v>535</v>
      </c>
      <c r="E111340" s="15">
        <v>45391</v>
      </c>
      <c r="F111340" s="14" t="s">
        <v>25</v>
      </c>
      <c r="G111340" s="16">
        <v>0.18827640966768142</v>
      </c>
    </row>
    <row r="111341" spans="1:7" x14ac:dyDescent="0.3">
      <c r="A111341" s="13" t="s">
        <v>534</v>
      </c>
      <c r="B111341" s="14" t="s">
        <v>1</v>
      </c>
      <c r="C111341" s="14" t="s">
        <v>137</v>
      </c>
      <c r="D111341" s="14" t="s">
        <v>535</v>
      </c>
      <c r="E111341" s="15">
        <v>45392</v>
      </c>
      <c r="F111341" s="14" t="s">
        <v>25</v>
      </c>
      <c r="G111341" s="16">
        <v>0.2072113654938913</v>
      </c>
    </row>
    <row r="111342" spans="1:7" x14ac:dyDescent="0.3">
      <c r="A111342" s="13" t="s">
        <v>534</v>
      </c>
      <c r="B111342" s="14" t="s">
        <v>1</v>
      </c>
      <c r="C111342" s="14" t="s">
        <v>137</v>
      </c>
      <c r="D111342" s="14" t="s">
        <v>535</v>
      </c>
      <c r="E111342" s="15">
        <v>45393</v>
      </c>
      <c r="F111342" s="14" t="s">
        <v>25</v>
      </c>
      <c r="G111342" s="16">
        <v>0.22100919297997579</v>
      </c>
    </row>
    <row r="111343" spans="1:7" x14ac:dyDescent="0.3">
      <c r="A111343" s="13" t="s">
        <v>534</v>
      </c>
      <c r="B111343" s="14" t="s">
        <v>1</v>
      </c>
      <c r="C111343" s="14" t="s">
        <v>137</v>
      </c>
      <c r="D111343" s="14" t="s">
        <v>535</v>
      </c>
      <c r="E111343" s="15">
        <v>45394</v>
      </c>
      <c r="F111343" s="14" t="s">
        <v>25</v>
      </c>
      <c r="G111343" s="16">
        <v>0.23912892030416288</v>
      </c>
    </row>
    <row r="111344" spans="1:7" x14ac:dyDescent="0.3">
      <c r="A111344" s="13" t="s">
        <v>534</v>
      </c>
      <c r="B111344" s="14" t="s">
        <v>1</v>
      </c>
      <c r="C111344" s="14" t="s">
        <v>137</v>
      </c>
      <c r="D111344" s="14" t="s">
        <v>535</v>
      </c>
      <c r="E111344" s="15">
        <v>45395</v>
      </c>
      <c r="F111344" s="14" t="s">
        <v>25</v>
      </c>
      <c r="G111344" s="16">
        <v>0.23912892030416288</v>
      </c>
    </row>
    <row r="111345" spans="1:7" x14ac:dyDescent="0.3">
      <c r="A111345" s="13" t="s">
        <v>534</v>
      </c>
      <c r="B111345" s="14" t="s">
        <v>1</v>
      </c>
      <c r="C111345" s="14" t="s">
        <v>137</v>
      </c>
      <c r="D111345" s="14" t="s">
        <v>535</v>
      </c>
      <c r="E111345" s="15">
        <v>45396</v>
      </c>
      <c r="F111345" s="14" t="s">
        <v>25</v>
      </c>
      <c r="G111345" s="16">
        <v>0.23912892030416288</v>
      </c>
    </row>
    <row r="111346" spans="1:7" x14ac:dyDescent="0.3">
      <c r="A111346" s="13" t="s">
        <v>534</v>
      </c>
      <c r="B111346" s="14" t="s">
        <v>1</v>
      </c>
      <c r="C111346" s="14" t="s">
        <v>137</v>
      </c>
      <c r="D111346" s="14" t="s">
        <v>535</v>
      </c>
      <c r="E111346" s="15">
        <v>45397</v>
      </c>
      <c r="F111346" s="14" t="s">
        <v>25</v>
      </c>
      <c r="G111346" s="16">
        <v>0.25561595590618935</v>
      </c>
    </row>
    <row r="111347" spans="1:7" x14ac:dyDescent="0.3">
      <c r="A111347" s="13" t="s">
        <v>534</v>
      </c>
      <c r="B111347" s="14" t="s">
        <v>1</v>
      </c>
      <c r="C111347" s="14" t="s">
        <v>137</v>
      </c>
      <c r="D111347" s="14" t="s">
        <v>535</v>
      </c>
      <c r="E111347" s="15">
        <v>45398</v>
      </c>
      <c r="F111347" s="14" t="s">
        <v>25</v>
      </c>
      <c r="G111347" s="16">
        <v>0.3107101228585803</v>
      </c>
    </row>
    <row r="111348" spans="1:7" x14ac:dyDescent="0.3">
      <c r="A111348" s="13" t="s">
        <v>534</v>
      </c>
      <c r="B111348" s="14" t="s">
        <v>1</v>
      </c>
      <c r="C111348" s="14" t="s">
        <v>137</v>
      </c>
      <c r="D111348" s="14" t="s">
        <v>535</v>
      </c>
      <c r="E111348" s="15">
        <v>45399</v>
      </c>
      <c r="F111348" s="14" t="s">
        <v>25</v>
      </c>
      <c r="G111348" s="16">
        <v>0.32809885297177532</v>
      </c>
    </row>
    <row r="111349" spans="1:7" x14ac:dyDescent="0.3">
      <c r="A111349" s="13" t="s">
        <v>534</v>
      </c>
      <c r="B111349" s="14" t="s">
        <v>1</v>
      </c>
      <c r="C111349" s="14" t="s">
        <v>137</v>
      </c>
      <c r="D111349" s="14" t="s">
        <v>535</v>
      </c>
      <c r="E111349" s="15">
        <v>45400</v>
      </c>
      <c r="F111349" s="14" t="s">
        <v>25</v>
      </c>
      <c r="G111349" s="16">
        <v>0.31255162242002676</v>
      </c>
    </row>
    <row r="111350" spans="1:7" x14ac:dyDescent="0.3">
      <c r="A111350" s="13" t="s">
        <v>534</v>
      </c>
      <c r="B111350" s="14" t="s">
        <v>1</v>
      </c>
      <c r="C111350" s="14" t="s">
        <v>137</v>
      </c>
      <c r="D111350" s="14" t="s">
        <v>535</v>
      </c>
      <c r="E111350" s="15">
        <v>45401</v>
      </c>
      <c r="F111350" s="14" t="s">
        <v>25</v>
      </c>
      <c r="G111350" s="16">
        <v>0.32987661237908172</v>
      </c>
    </row>
    <row r="111351" spans="1:7" x14ac:dyDescent="0.3">
      <c r="A111351" s="13" t="s">
        <v>534</v>
      </c>
      <c r="B111351" s="14" t="s">
        <v>1</v>
      </c>
      <c r="C111351" s="14" t="s">
        <v>137</v>
      </c>
      <c r="D111351" s="14" t="s">
        <v>535</v>
      </c>
      <c r="E111351" s="15">
        <v>45402</v>
      </c>
      <c r="F111351" s="14" t="s">
        <v>25</v>
      </c>
      <c r="G111351" s="16">
        <v>0.32987661237908172</v>
      </c>
    </row>
    <row r="111352" spans="1:7" x14ac:dyDescent="0.3">
      <c r="A111352" s="13" t="s">
        <v>534</v>
      </c>
      <c r="B111352" s="14" t="s">
        <v>1</v>
      </c>
      <c r="C111352" s="14" t="s">
        <v>137</v>
      </c>
      <c r="D111352" s="14" t="s">
        <v>535</v>
      </c>
      <c r="E111352" s="15">
        <v>45403</v>
      </c>
      <c r="F111352" s="14" t="s">
        <v>25</v>
      </c>
      <c r="G111352" s="16">
        <v>0.32987661237908172</v>
      </c>
    </row>
    <row r="111353" spans="1:7" x14ac:dyDescent="0.3">
      <c r="A111353" s="13" t="s">
        <v>534</v>
      </c>
      <c r="B111353" s="14" t="s">
        <v>1</v>
      </c>
      <c r="C111353" s="14" t="s">
        <v>137</v>
      </c>
      <c r="D111353" s="14" t="s">
        <v>535</v>
      </c>
      <c r="E111353" s="15">
        <v>45404</v>
      </c>
      <c r="F111353" s="14" t="s">
        <v>25</v>
      </c>
      <c r="G111353" s="16">
        <v>0.3479391390438602</v>
      </c>
    </row>
    <row r="111354" spans="1:7" x14ac:dyDescent="0.3">
      <c r="A111354" s="13" t="s">
        <v>534</v>
      </c>
      <c r="B111354" s="14" t="s">
        <v>1</v>
      </c>
      <c r="C111354" s="14" t="s">
        <v>137</v>
      </c>
      <c r="D111354" s="14" t="s">
        <v>535</v>
      </c>
      <c r="E111354" s="15">
        <v>45405</v>
      </c>
      <c r="F111354" s="14" t="s">
        <v>25</v>
      </c>
      <c r="G111354" s="16">
        <v>0.40425758625885932</v>
      </c>
    </row>
    <row r="111355" spans="1:7" x14ac:dyDescent="0.3">
      <c r="A111355" s="13" t="s">
        <v>534</v>
      </c>
      <c r="B111355" s="14" t="s">
        <v>1</v>
      </c>
      <c r="C111355" s="14" t="s">
        <v>137</v>
      </c>
      <c r="D111355" s="14" t="s">
        <v>535</v>
      </c>
      <c r="E111355" s="15">
        <v>45406</v>
      </c>
      <c r="F111355" s="14" t="s">
        <v>25</v>
      </c>
      <c r="G111355" s="16">
        <v>0.42643913946175477</v>
      </c>
    </row>
    <row r="111356" spans="1:7" x14ac:dyDescent="0.3">
      <c r="A111356" s="13" t="s">
        <v>534</v>
      </c>
      <c r="B111356" s="14" t="s">
        <v>1</v>
      </c>
      <c r="C111356" s="14" t="s">
        <v>137</v>
      </c>
      <c r="D111356" s="14" t="s">
        <v>535</v>
      </c>
      <c r="E111356" s="15">
        <v>45407</v>
      </c>
      <c r="F111356" s="14" t="s">
        <v>25</v>
      </c>
      <c r="G111356" s="16">
        <v>0.44769037217011731</v>
      </c>
    </row>
    <row r="111357" spans="1:7" x14ac:dyDescent="0.3">
      <c r="A111357" s="13" t="s">
        <v>534</v>
      </c>
      <c r="B111357" s="14" t="s">
        <v>1</v>
      </c>
      <c r="C111357" s="14" t="s">
        <v>137</v>
      </c>
      <c r="D111357" s="14" t="s">
        <v>535</v>
      </c>
      <c r="E111357" s="15">
        <v>45408</v>
      </c>
      <c r="F111357" s="14" t="s">
        <v>25</v>
      </c>
      <c r="G111357" s="16">
        <v>0.4704962404826305</v>
      </c>
    </row>
    <row r="111358" spans="1:7" x14ac:dyDescent="0.3">
      <c r="A111358" s="13" t="s">
        <v>534</v>
      </c>
      <c r="B111358" s="14" t="s">
        <v>1</v>
      </c>
      <c r="C111358" s="14" t="s">
        <v>137</v>
      </c>
      <c r="D111358" s="14" t="s">
        <v>535</v>
      </c>
      <c r="E111358" s="15">
        <v>45409</v>
      </c>
      <c r="F111358" s="14" t="s">
        <v>25</v>
      </c>
      <c r="G111358" s="16">
        <v>0.4704962404826305</v>
      </c>
    </row>
    <row r="111359" spans="1:7" x14ac:dyDescent="0.3">
      <c r="A111359" s="13" t="s">
        <v>534</v>
      </c>
      <c r="B111359" s="14" t="s">
        <v>1</v>
      </c>
      <c r="C111359" s="14" t="s">
        <v>137</v>
      </c>
      <c r="D111359" s="14" t="s">
        <v>535</v>
      </c>
      <c r="E111359" s="15">
        <v>45410</v>
      </c>
      <c r="F111359" s="14" t="s">
        <v>25</v>
      </c>
      <c r="G111359" s="16">
        <v>0.4704962404826305</v>
      </c>
    </row>
    <row r="111360" spans="1:7" x14ac:dyDescent="0.3">
      <c r="A111360" s="13" t="s">
        <v>534</v>
      </c>
      <c r="B111360" s="14" t="s">
        <v>1</v>
      </c>
      <c r="C111360" s="14" t="s">
        <v>137</v>
      </c>
      <c r="D111360" s="14" t="s">
        <v>535</v>
      </c>
      <c r="E111360" s="15">
        <v>45411</v>
      </c>
      <c r="F111360" s="14" t="s">
        <v>25</v>
      </c>
      <c r="G111360" s="16">
        <v>0.49551425741033139</v>
      </c>
    </row>
    <row r="111361" spans="1:7" x14ac:dyDescent="0.3">
      <c r="A111361" s="13" t="s">
        <v>534</v>
      </c>
      <c r="B111361" s="14" t="s">
        <v>1</v>
      </c>
      <c r="C111361" s="14" t="s">
        <v>137</v>
      </c>
      <c r="D111361" s="14" t="s">
        <v>535</v>
      </c>
      <c r="E111361" s="15">
        <v>45412</v>
      </c>
      <c r="F111361" s="14" t="s">
        <v>25</v>
      </c>
      <c r="G111361" s="16">
        <v>0.55330275753661129</v>
      </c>
    </row>
    <row r="111362" spans="1:7" x14ac:dyDescent="0.3">
      <c r="A111362" s="13" t="s">
        <v>534</v>
      </c>
      <c r="B111362" s="14" t="s">
        <v>1</v>
      </c>
      <c r="C111362" s="14" t="s">
        <v>137</v>
      </c>
      <c r="D111362" s="14" t="s">
        <v>535</v>
      </c>
      <c r="E111362" s="15">
        <v>45413</v>
      </c>
      <c r="F111362" s="14" t="s">
        <v>25</v>
      </c>
      <c r="G111362" s="16">
        <v>0.57121300940373043</v>
      </c>
    </row>
    <row r="111363" spans="1:7" x14ac:dyDescent="0.3">
      <c r="A111363" s="13" t="s">
        <v>534</v>
      </c>
      <c r="B111363" s="14" t="s">
        <v>1</v>
      </c>
      <c r="C111363" s="14" t="s">
        <v>137</v>
      </c>
      <c r="D111363" s="14" t="s">
        <v>535</v>
      </c>
      <c r="E111363" s="15">
        <v>45414</v>
      </c>
      <c r="F111363" s="14" t="s">
        <v>25</v>
      </c>
      <c r="G111363" s="16">
        <v>0.59294954701334457</v>
      </c>
    </row>
    <row r="111364" spans="1:7" x14ac:dyDescent="0.3">
      <c r="A111364" s="13" t="s">
        <v>534</v>
      </c>
      <c r="B111364" s="14" t="s">
        <v>1</v>
      </c>
      <c r="C111364" s="14" t="s">
        <v>137</v>
      </c>
      <c r="D111364" s="14" t="s">
        <v>535</v>
      </c>
      <c r="E111364" s="15">
        <v>45415</v>
      </c>
      <c r="F111364" s="14" t="s">
        <v>25</v>
      </c>
      <c r="G111364" s="16">
        <v>0.60845784671007996</v>
      </c>
    </row>
    <row r="111365" spans="1:7" x14ac:dyDescent="0.3">
      <c r="A111365" s="13" t="s">
        <v>534</v>
      </c>
      <c r="B111365" s="14" t="s">
        <v>1</v>
      </c>
      <c r="C111365" s="14" t="s">
        <v>137</v>
      </c>
      <c r="D111365" s="14" t="s">
        <v>535</v>
      </c>
      <c r="E111365" s="15">
        <v>45416</v>
      </c>
      <c r="F111365" s="14" t="s">
        <v>25</v>
      </c>
      <c r="G111365" s="16">
        <v>0.60845784671007996</v>
      </c>
    </row>
    <row r="111366" spans="1:7" x14ac:dyDescent="0.3">
      <c r="A111366" s="13" t="s">
        <v>534</v>
      </c>
      <c r="B111366" s="14" t="s">
        <v>1</v>
      </c>
      <c r="C111366" s="14" t="s">
        <v>137</v>
      </c>
      <c r="D111366" s="14" t="s">
        <v>535</v>
      </c>
      <c r="E111366" s="15">
        <v>45417</v>
      </c>
      <c r="F111366" s="14" t="s">
        <v>25</v>
      </c>
      <c r="G111366" s="16">
        <v>0.60845784671007996</v>
      </c>
    </row>
    <row r="111367" spans="1:7" x14ac:dyDescent="0.3">
      <c r="A111367" s="13" t="s">
        <v>534</v>
      </c>
      <c r="B111367" s="14" t="s">
        <v>1</v>
      </c>
      <c r="C111367" s="14" t="s">
        <v>137</v>
      </c>
      <c r="D111367" s="14" t="s">
        <v>535</v>
      </c>
      <c r="E111367" s="15">
        <v>45418</v>
      </c>
      <c r="F111367" s="14" t="s">
        <v>25</v>
      </c>
      <c r="G111367" s="16">
        <v>0.60845784671007996</v>
      </c>
    </row>
    <row r="111368" spans="1:7" x14ac:dyDescent="0.3">
      <c r="A111368" s="13" t="s">
        <v>534</v>
      </c>
      <c r="B111368" s="14" t="s">
        <v>1</v>
      </c>
      <c r="C111368" s="14" t="s">
        <v>137</v>
      </c>
      <c r="D111368" s="14" t="s">
        <v>535</v>
      </c>
      <c r="E111368" s="15">
        <v>45419</v>
      </c>
      <c r="F111368" s="14" t="s">
        <v>25</v>
      </c>
      <c r="G111368" s="16">
        <v>0.62924493443118579</v>
      </c>
    </row>
    <row r="111369" spans="1:7" x14ac:dyDescent="0.3">
      <c r="A111369" s="13" t="s">
        <v>534</v>
      </c>
      <c r="B111369" s="14" t="s">
        <v>1</v>
      </c>
      <c r="C111369" s="14" t="s">
        <v>137</v>
      </c>
      <c r="D111369" s="14" t="s">
        <v>535</v>
      </c>
      <c r="E111369" s="15">
        <v>45420</v>
      </c>
      <c r="F111369" s="14" t="s">
        <v>25</v>
      </c>
      <c r="G111369" s="16">
        <v>0.700940046393008</v>
      </c>
    </row>
    <row r="111370" spans="1:7" x14ac:dyDescent="0.3">
      <c r="A111370" s="13" t="s">
        <v>534</v>
      </c>
      <c r="B111370" s="14" t="s">
        <v>1</v>
      </c>
      <c r="C111370" s="14" t="s">
        <v>137</v>
      </c>
      <c r="D111370" s="14" t="s">
        <v>535</v>
      </c>
      <c r="E111370" s="15">
        <v>45421</v>
      </c>
      <c r="F111370" s="14" t="s">
        <v>25</v>
      </c>
      <c r="G111370" s="16">
        <v>0.71867002014381509</v>
      </c>
    </row>
    <row r="111371" spans="1:7" x14ac:dyDescent="0.3">
      <c r="A111371" s="13" t="s">
        <v>534</v>
      </c>
      <c r="B111371" s="14" t="s">
        <v>1</v>
      </c>
      <c r="C111371" s="14" t="s">
        <v>137</v>
      </c>
      <c r="D111371" s="14" t="s">
        <v>535</v>
      </c>
      <c r="E111371" s="15">
        <v>45422</v>
      </c>
      <c r="F111371" s="14" t="s">
        <v>25</v>
      </c>
      <c r="G111371" s="16">
        <v>0.73778455061810189</v>
      </c>
    </row>
    <row r="111372" spans="1:7" x14ac:dyDescent="0.3">
      <c r="A111372" s="13" t="s">
        <v>534</v>
      </c>
      <c r="B111372" s="14" t="s">
        <v>1</v>
      </c>
      <c r="C111372" s="14" t="s">
        <v>137</v>
      </c>
      <c r="D111372" s="14" t="s">
        <v>535</v>
      </c>
      <c r="E111372" s="15">
        <v>45423</v>
      </c>
      <c r="F111372" s="14" t="s">
        <v>25</v>
      </c>
      <c r="G111372" s="16">
        <v>0.73778455061810189</v>
      </c>
    </row>
    <row r="111373" spans="1:7" x14ac:dyDescent="0.3">
      <c r="A111373" s="13" t="s">
        <v>534</v>
      </c>
      <c r="B111373" s="14" t="s">
        <v>1</v>
      </c>
      <c r="C111373" s="14" t="s">
        <v>137</v>
      </c>
      <c r="D111373" s="14" t="s">
        <v>535</v>
      </c>
      <c r="E111373" s="15">
        <v>45424</v>
      </c>
      <c r="F111373" s="14" t="s">
        <v>25</v>
      </c>
      <c r="G111373" s="16">
        <v>0.73778455061810189</v>
      </c>
    </row>
    <row r="111374" spans="1:7" x14ac:dyDescent="0.3">
      <c r="A111374" s="13" t="s">
        <v>534</v>
      </c>
      <c r="B111374" s="14" t="s">
        <v>1</v>
      </c>
      <c r="C111374" s="14" t="s">
        <v>137</v>
      </c>
      <c r="D111374" s="14" t="s">
        <v>535</v>
      </c>
      <c r="E111374" s="15">
        <v>45425</v>
      </c>
      <c r="F111374" s="14" t="s">
        <v>25</v>
      </c>
      <c r="G111374" s="16">
        <v>0.76337149043620511</v>
      </c>
    </row>
    <row r="111375" spans="1:7" x14ac:dyDescent="0.3">
      <c r="A111375" s="13" t="s">
        <v>534</v>
      </c>
      <c r="B111375" s="14" t="s">
        <v>1</v>
      </c>
      <c r="C111375" s="14" t="s">
        <v>137</v>
      </c>
      <c r="D111375" s="14" t="s">
        <v>535</v>
      </c>
      <c r="E111375" s="15">
        <v>45426</v>
      </c>
      <c r="F111375" s="14" t="s">
        <v>25</v>
      </c>
      <c r="G111375" s="16">
        <v>0.81977976589031576</v>
      </c>
    </row>
    <row r="111376" spans="1:7" x14ac:dyDescent="0.3">
      <c r="A111376" s="13" t="s">
        <v>534</v>
      </c>
      <c r="B111376" s="14" t="s">
        <v>1</v>
      </c>
      <c r="C111376" s="14" t="s">
        <v>137</v>
      </c>
      <c r="D111376" s="14" t="s">
        <v>535</v>
      </c>
      <c r="E111376" s="15">
        <v>45427</v>
      </c>
      <c r="F111376" s="14" t="s">
        <v>25</v>
      </c>
      <c r="G111376" s="16">
        <v>0.83440622017755839</v>
      </c>
    </row>
    <row r="111377" spans="1:7" x14ac:dyDescent="0.3">
      <c r="A111377" s="13" t="s">
        <v>534</v>
      </c>
      <c r="B111377" s="14" t="s">
        <v>1</v>
      </c>
      <c r="C111377" s="14" t="s">
        <v>137</v>
      </c>
      <c r="D111377" s="14" t="s">
        <v>535</v>
      </c>
      <c r="E111377" s="15">
        <v>45428</v>
      </c>
      <c r="F111377" s="14" t="s">
        <v>25</v>
      </c>
      <c r="G111377" s="16">
        <v>0.85685347126313283</v>
      </c>
    </row>
    <row r="111378" spans="1:7" x14ac:dyDescent="0.3">
      <c r="A111378" s="13" t="s">
        <v>534</v>
      </c>
      <c r="B111378" s="14" t="s">
        <v>1</v>
      </c>
      <c r="C111378" s="14" t="s">
        <v>137</v>
      </c>
      <c r="D111378" s="14" t="s">
        <v>535</v>
      </c>
      <c r="E111378" s="15">
        <v>45429</v>
      </c>
      <c r="F111378" s="14" t="s">
        <v>25</v>
      </c>
      <c r="G111378" s="16">
        <v>0.87711780406816775</v>
      </c>
    </row>
    <row r="111379" spans="1:7" x14ac:dyDescent="0.3">
      <c r="A111379" s="13" t="s">
        <v>534</v>
      </c>
      <c r="B111379" s="14" t="s">
        <v>1</v>
      </c>
      <c r="C111379" s="14" t="s">
        <v>137</v>
      </c>
      <c r="D111379" s="14" t="s">
        <v>535</v>
      </c>
      <c r="E111379" s="15">
        <v>45430</v>
      </c>
      <c r="F111379" s="14" t="s">
        <v>25</v>
      </c>
      <c r="G111379" s="16">
        <v>0.87711780406816775</v>
      </c>
    </row>
    <row r="111380" spans="1:7" x14ac:dyDescent="0.3">
      <c r="A111380" s="13" t="s">
        <v>534</v>
      </c>
      <c r="B111380" s="14" t="s">
        <v>1</v>
      </c>
      <c r="C111380" s="14" t="s">
        <v>137</v>
      </c>
      <c r="D111380" s="14" t="s">
        <v>535</v>
      </c>
      <c r="E111380" s="15">
        <v>45431</v>
      </c>
      <c r="F111380" s="14" t="s">
        <v>25</v>
      </c>
      <c r="G111380" s="16">
        <v>0.87711780406816775</v>
      </c>
    </row>
    <row r="111381" spans="1:7" x14ac:dyDescent="0.3">
      <c r="A111381" s="13" t="s">
        <v>534</v>
      </c>
      <c r="B111381" s="14" t="s">
        <v>1</v>
      </c>
      <c r="C111381" s="14" t="s">
        <v>137</v>
      </c>
      <c r="D111381" s="14" t="s">
        <v>535</v>
      </c>
      <c r="E111381" s="15">
        <v>45432</v>
      </c>
      <c r="F111381" s="14" t="s">
        <v>25</v>
      </c>
      <c r="G111381" s="16">
        <v>0.8973243417342911</v>
      </c>
    </row>
    <row r="111382" spans="1:7" x14ac:dyDescent="0.3">
      <c r="A111382" s="13" t="s">
        <v>534</v>
      </c>
      <c r="B111382" s="14" t="s">
        <v>1</v>
      </c>
      <c r="C111382" s="14" t="s">
        <v>137</v>
      </c>
      <c r="D111382" s="14" t="s">
        <v>535</v>
      </c>
      <c r="E111382" s="15">
        <v>45433</v>
      </c>
      <c r="F111382" s="14" t="s">
        <v>25</v>
      </c>
      <c r="G111382" s="16">
        <v>0.95398526495697</v>
      </c>
    </row>
    <row r="111383" spans="1:7" x14ac:dyDescent="0.3">
      <c r="A111383" s="13" t="s">
        <v>534</v>
      </c>
      <c r="B111383" s="14" t="s">
        <v>1</v>
      </c>
      <c r="C111383" s="14" t="s">
        <v>137</v>
      </c>
      <c r="D111383" s="14" t="s">
        <v>535</v>
      </c>
      <c r="E111383" s="15">
        <v>45434</v>
      </c>
      <c r="F111383" s="14" t="s">
        <v>25</v>
      </c>
      <c r="G111383" s="16">
        <v>0.97743171124150507</v>
      </c>
    </row>
    <row r="111384" spans="1:7" x14ac:dyDescent="0.3">
      <c r="A111384" s="13" t="s">
        <v>534</v>
      </c>
      <c r="B111384" s="14" t="s">
        <v>1</v>
      </c>
      <c r="C111384" s="14" t="s">
        <v>137</v>
      </c>
      <c r="D111384" s="14" t="s">
        <v>535</v>
      </c>
      <c r="E111384" s="15">
        <v>45435</v>
      </c>
      <c r="F111384" s="14" t="s">
        <v>25</v>
      </c>
      <c r="G111384" s="16">
        <v>0.99731323668597094</v>
      </c>
    </row>
    <row r="111385" spans="1:7" x14ac:dyDescent="0.3">
      <c r="A111385" s="13" t="s">
        <v>534</v>
      </c>
      <c r="B111385" s="14" t="s">
        <v>1</v>
      </c>
      <c r="C111385" s="14" t="s">
        <v>137</v>
      </c>
      <c r="D111385" s="14" t="s">
        <v>535</v>
      </c>
      <c r="E111385" s="15">
        <v>45436</v>
      </c>
      <c r="F111385" s="14" t="s">
        <v>25</v>
      </c>
      <c r="G111385" s="16">
        <v>1.0179629771837653</v>
      </c>
    </row>
    <row r="111386" spans="1:7" x14ac:dyDescent="0.3">
      <c r="A111386" s="13" t="s">
        <v>534</v>
      </c>
      <c r="B111386" s="14" t="s">
        <v>1</v>
      </c>
      <c r="C111386" s="14" t="s">
        <v>137</v>
      </c>
      <c r="D111386" s="14" t="s">
        <v>535</v>
      </c>
      <c r="E111386" s="15">
        <v>45437</v>
      </c>
      <c r="F111386" s="14" t="s">
        <v>25</v>
      </c>
      <c r="G111386" s="16">
        <v>1.0179629771837653</v>
      </c>
    </row>
    <row r="111387" spans="1:7" x14ac:dyDescent="0.3">
      <c r="A111387" s="13" t="s">
        <v>534</v>
      </c>
      <c r="B111387" s="14" t="s">
        <v>1</v>
      </c>
      <c r="C111387" s="14" t="s">
        <v>137</v>
      </c>
      <c r="D111387" s="14" t="s">
        <v>535</v>
      </c>
      <c r="E111387" s="15">
        <v>45438</v>
      </c>
      <c r="F111387" s="14" t="s">
        <v>25</v>
      </c>
      <c r="G111387" s="16">
        <v>1.0179629771837653</v>
      </c>
    </row>
    <row r="111388" spans="1:7" x14ac:dyDescent="0.3">
      <c r="A111388" s="13" t="s">
        <v>534</v>
      </c>
      <c r="B111388" s="14" t="s">
        <v>1</v>
      </c>
      <c r="C111388" s="14" t="s">
        <v>137</v>
      </c>
      <c r="D111388" s="14" t="s">
        <v>535</v>
      </c>
      <c r="E111388" s="15">
        <v>45439</v>
      </c>
      <c r="F111388" s="14" t="s">
        <v>25</v>
      </c>
      <c r="G111388" s="16">
        <v>1.0377029628052508</v>
      </c>
    </row>
    <row r="111389" spans="1:7" x14ac:dyDescent="0.3">
      <c r="A111389" s="13" t="s">
        <v>534</v>
      </c>
      <c r="B111389" s="14" t="s">
        <v>1</v>
      </c>
      <c r="C111389" s="14" t="s">
        <v>137</v>
      </c>
      <c r="D111389" s="14" t="s">
        <v>535</v>
      </c>
      <c r="E111389" s="15">
        <v>45440</v>
      </c>
      <c r="F111389" s="14" t="s">
        <v>25</v>
      </c>
      <c r="G111389" s="16">
        <v>1.0935784258661359</v>
      </c>
    </row>
    <row r="111390" spans="1:7" x14ac:dyDescent="0.3">
      <c r="A111390" s="13" t="s">
        <v>534</v>
      </c>
      <c r="B111390" s="14" t="s">
        <v>1</v>
      </c>
      <c r="C111390" s="14" t="s">
        <v>137</v>
      </c>
      <c r="D111390" s="14" t="s">
        <v>535</v>
      </c>
      <c r="E111390" s="15">
        <v>45441</v>
      </c>
      <c r="F111390" s="14" t="s">
        <v>25</v>
      </c>
      <c r="G111390" s="16">
        <v>1.1137870729267014</v>
      </c>
    </row>
    <row r="111391" spans="1:7" x14ac:dyDescent="0.3">
      <c r="A111391" s="13" t="s">
        <v>534</v>
      </c>
      <c r="B111391" s="14" t="s">
        <v>1</v>
      </c>
      <c r="C111391" s="14" t="s">
        <v>137</v>
      </c>
      <c r="D111391" s="14" t="s">
        <v>535</v>
      </c>
      <c r="E111391" s="15">
        <v>45442</v>
      </c>
      <c r="F111391" s="14" t="s">
        <v>25</v>
      </c>
      <c r="G111391" s="16">
        <v>1.1208198416339965</v>
      </c>
    </row>
    <row r="111392" spans="1:7" x14ac:dyDescent="0.3">
      <c r="A111392" s="13" t="s">
        <v>534</v>
      </c>
      <c r="B111392" s="14" t="s">
        <v>1</v>
      </c>
      <c r="C111392" s="14" t="s">
        <v>137</v>
      </c>
      <c r="D111392" s="14" t="s">
        <v>535</v>
      </c>
      <c r="E111392" s="15">
        <v>45443</v>
      </c>
      <c r="F111392" s="14" t="s">
        <v>25</v>
      </c>
      <c r="G111392" s="16">
        <v>1.1382188696864686</v>
      </c>
    </row>
    <row r="111393" spans="1:7" x14ac:dyDescent="0.3">
      <c r="A111393" s="13" t="s">
        <v>534</v>
      </c>
      <c r="B111393" s="14" t="s">
        <v>1</v>
      </c>
      <c r="C111393" s="14" t="s">
        <v>137</v>
      </c>
      <c r="D111393" s="14" t="s">
        <v>535</v>
      </c>
      <c r="E111393" s="15">
        <v>45444</v>
      </c>
      <c r="F111393" s="14" t="s">
        <v>25</v>
      </c>
      <c r="G111393" s="16">
        <v>1.1382188696864686</v>
      </c>
    </row>
    <row r="111394" spans="1:7" x14ac:dyDescent="0.3">
      <c r="A111394" s="13" t="s">
        <v>534</v>
      </c>
      <c r="B111394" s="14" t="s">
        <v>1</v>
      </c>
      <c r="C111394" s="14" t="s">
        <v>137</v>
      </c>
      <c r="D111394" s="14" t="s">
        <v>535</v>
      </c>
      <c r="E111394" s="15">
        <v>45445</v>
      </c>
      <c r="F111394" s="14" t="s">
        <v>25</v>
      </c>
      <c r="G111394" s="16">
        <v>1.1382188696864686</v>
      </c>
    </row>
    <row r="111395" spans="1:7" x14ac:dyDescent="0.3">
      <c r="A111395" s="13" t="s">
        <v>534</v>
      </c>
      <c r="B111395" s="14" t="s">
        <v>1</v>
      </c>
      <c r="C111395" s="14" t="s">
        <v>137</v>
      </c>
      <c r="D111395" s="14" t="s">
        <v>535</v>
      </c>
      <c r="E111395" s="15">
        <v>45446</v>
      </c>
      <c r="F111395" s="14" t="s">
        <v>25</v>
      </c>
      <c r="G111395" s="16">
        <v>1.1382188696864686</v>
      </c>
    </row>
    <row r="111396" spans="1:7" x14ac:dyDescent="0.3">
      <c r="A111396" s="13" t="s">
        <v>534</v>
      </c>
      <c r="B111396" s="14" t="s">
        <v>1</v>
      </c>
      <c r="C111396" s="14" t="s">
        <v>137</v>
      </c>
      <c r="D111396" s="14" t="s">
        <v>535</v>
      </c>
      <c r="E111396" s="15">
        <v>45447</v>
      </c>
      <c r="F111396" s="14" t="s">
        <v>25</v>
      </c>
      <c r="G111396" s="16">
        <v>1.140683297092256</v>
      </c>
    </row>
    <row r="111397" spans="1:7" x14ac:dyDescent="0.3">
      <c r="A111397" s="13" t="s">
        <v>534</v>
      </c>
      <c r="B111397" s="14" t="s">
        <v>1</v>
      </c>
      <c r="C111397" s="14" t="s">
        <v>137</v>
      </c>
      <c r="D111397" s="14" t="s">
        <v>535</v>
      </c>
      <c r="E111397" s="15">
        <v>45448</v>
      </c>
      <c r="F111397" s="14" t="s">
        <v>25</v>
      </c>
      <c r="G111397" s="16">
        <v>1.2101270783919782</v>
      </c>
    </row>
    <row r="111398" spans="1:7" x14ac:dyDescent="0.3">
      <c r="A111398" s="13" t="s">
        <v>534</v>
      </c>
      <c r="B111398" s="14" t="s">
        <v>1</v>
      </c>
      <c r="C111398" s="14" t="s">
        <v>137</v>
      </c>
      <c r="D111398" s="14" t="s">
        <v>535</v>
      </c>
      <c r="E111398" s="15">
        <v>45449</v>
      </c>
      <c r="F111398" s="14" t="s">
        <v>25</v>
      </c>
      <c r="G111398" s="16">
        <v>1.2241974242481319</v>
      </c>
    </row>
    <row r="111399" spans="1:7" x14ac:dyDescent="0.3">
      <c r="A111399" s="13" t="s">
        <v>534</v>
      </c>
      <c r="B111399" s="14" t="s">
        <v>1</v>
      </c>
      <c r="C111399" s="14" t="s">
        <v>137</v>
      </c>
      <c r="D111399" s="14" t="s">
        <v>535</v>
      </c>
      <c r="E111399" s="15">
        <v>45450</v>
      </c>
      <c r="F111399" s="14" t="s">
        <v>25</v>
      </c>
      <c r="G111399" s="16">
        <v>1.2533904221300118</v>
      </c>
    </row>
    <row r="111400" spans="1:7" x14ac:dyDescent="0.3">
      <c r="A111400" s="13" t="s">
        <v>534</v>
      </c>
      <c r="B111400" s="14" t="s">
        <v>1</v>
      </c>
      <c r="C111400" s="14" t="s">
        <v>137</v>
      </c>
      <c r="D111400" s="14" t="s">
        <v>535</v>
      </c>
      <c r="E111400" s="15">
        <v>45451</v>
      </c>
      <c r="F111400" s="14" t="s">
        <v>25</v>
      </c>
      <c r="G111400" s="16">
        <v>1.2533904221300118</v>
      </c>
    </row>
    <row r="111401" spans="1:7" x14ac:dyDescent="0.3">
      <c r="A111401" s="13" t="s">
        <v>534</v>
      </c>
      <c r="B111401" s="14" t="s">
        <v>1</v>
      </c>
      <c r="C111401" s="14" t="s">
        <v>137</v>
      </c>
      <c r="D111401" s="14" t="s">
        <v>535</v>
      </c>
      <c r="E111401" s="15">
        <v>45452</v>
      </c>
      <c r="F111401" s="14" t="s">
        <v>25</v>
      </c>
      <c r="G111401" s="16">
        <v>1.2533904221300118</v>
      </c>
    </row>
    <row r="111402" spans="1:7" x14ac:dyDescent="0.3">
      <c r="A111402" s="13" t="s">
        <v>534</v>
      </c>
      <c r="B111402" s="14" t="s">
        <v>1</v>
      </c>
      <c r="C111402" s="14" t="s">
        <v>137</v>
      </c>
      <c r="D111402" s="14" t="s">
        <v>535</v>
      </c>
      <c r="E111402" s="15">
        <v>45453</v>
      </c>
      <c r="F111402" s="14" t="s">
        <v>25</v>
      </c>
      <c r="G111402" s="16">
        <v>1.2805901688676531</v>
      </c>
    </row>
    <row r="111403" spans="1:7" x14ac:dyDescent="0.3">
      <c r="A111403" s="13" t="s">
        <v>534</v>
      </c>
      <c r="B111403" s="14" t="s">
        <v>1</v>
      </c>
      <c r="C111403" s="14" t="s">
        <v>137</v>
      </c>
      <c r="D111403" s="14" t="s">
        <v>535</v>
      </c>
      <c r="E111403" s="15">
        <v>45454</v>
      </c>
      <c r="F111403" s="14" t="s">
        <v>25</v>
      </c>
      <c r="G111403" s="16">
        <v>1.3416047218041183</v>
      </c>
    </row>
    <row r="111404" spans="1:7" x14ac:dyDescent="0.3">
      <c r="A111404" s="13" t="s">
        <v>534</v>
      </c>
      <c r="B111404" s="14" t="s">
        <v>1</v>
      </c>
      <c r="C111404" s="14" t="s">
        <v>137</v>
      </c>
      <c r="D111404" s="14" t="s">
        <v>535</v>
      </c>
      <c r="E111404" s="15">
        <v>45455</v>
      </c>
      <c r="F111404" s="14" t="s">
        <v>25</v>
      </c>
      <c r="G111404" s="16">
        <v>1.3564211669696504</v>
      </c>
    </row>
    <row r="111405" spans="1:7" x14ac:dyDescent="0.3">
      <c r="A111405" s="13" t="s">
        <v>534</v>
      </c>
      <c r="B111405" s="14" t="s">
        <v>1</v>
      </c>
      <c r="C111405" s="14" t="s">
        <v>137</v>
      </c>
      <c r="D111405" s="14" t="s">
        <v>535</v>
      </c>
      <c r="E111405" s="15">
        <v>45456</v>
      </c>
      <c r="F111405" s="14" t="s">
        <v>25</v>
      </c>
      <c r="G111405" s="16">
        <v>1.3755194123017285</v>
      </c>
    </row>
    <row r="111406" spans="1:7" x14ac:dyDescent="0.3">
      <c r="A111406" s="13" t="s">
        <v>534</v>
      </c>
      <c r="B111406" s="14" t="s">
        <v>1</v>
      </c>
      <c r="C111406" s="14" t="s">
        <v>137</v>
      </c>
      <c r="D111406" s="14" t="s">
        <v>535</v>
      </c>
      <c r="E111406" s="15">
        <v>45457</v>
      </c>
      <c r="F111406" s="14" t="s">
        <v>25</v>
      </c>
      <c r="G111406" s="16">
        <v>1.3895884540522585</v>
      </c>
    </row>
    <row r="111407" spans="1:7" x14ac:dyDescent="0.3">
      <c r="A111407" s="13" t="s">
        <v>534</v>
      </c>
      <c r="B111407" s="14" t="s">
        <v>1</v>
      </c>
      <c r="C111407" s="14" t="s">
        <v>137</v>
      </c>
      <c r="D111407" s="14" t="s">
        <v>535</v>
      </c>
      <c r="E111407" s="15">
        <v>45458</v>
      </c>
      <c r="F111407" s="14" t="s">
        <v>25</v>
      </c>
      <c r="G111407" s="16">
        <v>1.3895884540522585</v>
      </c>
    </row>
    <row r="111408" spans="1:7" x14ac:dyDescent="0.3">
      <c r="A111408" s="13" t="s">
        <v>534</v>
      </c>
      <c r="B111408" s="14" t="s">
        <v>1</v>
      </c>
      <c r="C111408" s="14" t="s">
        <v>137</v>
      </c>
      <c r="D111408" s="14" t="s">
        <v>535</v>
      </c>
      <c r="E111408" s="15">
        <v>45459</v>
      </c>
      <c r="F111408" s="14" t="s">
        <v>25</v>
      </c>
      <c r="G111408" s="16">
        <v>1.3895884540522585</v>
      </c>
    </row>
    <row r="111409" spans="1:7" x14ac:dyDescent="0.3">
      <c r="A111409" s="13" t="s">
        <v>534</v>
      </c>
      <c r="B111409" s="14" t="s">
        <v>1</v>
      </c>
      <c r="C111409" s="14" t="s">
        <v>137</v>
      </c>
      <c r="D111409" s="14" t="s">
        <v>535</v>
      </c>
      <c r="E111409" s="15">
        <v>45460</v>
      </c>
      <c r="F111409" s="14" t="s">
        <v>25</v>
      </c>
      <c r="G111409" s="16">
        <v>1.407951218169867</v>
      </c>
    </row>
    <row r="111410" spans="1:7" x14ac:dyDescent="0.3">
      <c r="A111410" s="13" t="s">
        <v>534</v>
      </c>
      <c r="B111410" s="14" t="s">
        <v>1</v>
      </c>
      <c r="C111410" s="14" t="s">
        <v>137</v>
      </c>
      <c r="D111410" s="14" t="s">
        <v>535</v>
      </c>
      <c r="E111410" s="15">
        <v>45461</v>
      </c>
      <c r="F111410" s="14" t="s">
        <v>25</v>
      </c>
      <c r="G111410" s="16">
        <v>1.4587021899830857</v>
      </c>
    </row>
    <row r="111411" spans="1:7" x14ac:dyDescent="0.3">
      <c r="A111411" s="13" t="s">
        <v>534</v>
      </c>
      <c r="B111411" s="14" t="s">
        <v>1</v>
      </c>
      <c r="C111411" s="14" t="s">
        <v>137</v>
      </c>
      <c r="D111411" s="14" t="s">
        <v>535</v>
      </c>
      <c r="E111411" s="15">
        <v>45462</v>
      </c>
      <c r="F111411" s="14" t="s">
        <v>25</v>
      </c>
      <c r="G111411" s="16">
        <v>1.4785011401129107</v>
      </c>
    </row>
    <row r="111412" spans="1:7" x14ac:dyDescent="0.3">
      <c r="A111412" s="13" t="s">
        <v>534</v>
      </c>
      <c r="B111412" s="14" t="s">
        <v>1</v>
      </c>
      <c r="C111412" s="14" t="s">
        <v>137</v>
      </c>
      <c r="D111412" s="14" t="s">
        <v>535</v>
      </c>
      <c r="E111412" s="15">
        <v>45463</v>
      </c>
      <c r="F111412" s="14" t="s">
        <v>25</v>
      </c>
      <c r="G111412" s="16">
        <v>1.5099713156322581</v>
      </c>
    </row>
    <row r="111413" spans="1:7" x14ac:dyDescent="0.3">
      <c r="A111413" s="13" t="s">
        <v>534</v>
      </c>
      <c r="B111413" s="14" t="s">
        <v>1</v>
      </c>
      <c r="C111413" s="14" t="s">
        <v>137</v>
      </c>
      <c r="D111413" s="14" t="s">
        <v>535</v>
      </c>
      <c r="E111413" s="15">
        <v>45464</v>
      </c>
      <c r="F111413" s="14" t="s">
        <v>25</v>
      </c>
      <c r="G111413" s="16">
        <v>1.5348912142137829</v>
      </c>
    </row>
    <row r="111414" spans="1:7" x14ac:dyDescent="0.3">
      <c r="A111414" s="13" t="s">
        <v>534</v>
      </c>
      <c r="B111414" s="14" t="s">
        <v>1</v>
      </c>
      <c r="C111414" s="14" t="s">
        <v>137</v>
      </c>
      <c r="D111414" s="14" t="s">
        <v>535</v>
      </c>
      <c r="E111414" s="15">
        <v>45465</v>
      </c>
      <c r="F111414" s="14" t="s">
        <v>25</v>
      </c>
      <c r="G111414" s="16">
        <v>1.5348912142137829</v>
      </c>
    </row>
    <row r="111415" spans="1:7" x14ac:dyDescent="0.3">
      <c r="A111415" s="13" t="s">
        <v>534</v>
      </c>
      <c r="B111415" s="14" t="s">
        <v>1</v>
      </c>
      <c r="C111415" s="14" t="s">
        <v>137</v>
      </c>
      <c r="D111415" s="14" t="s">
        <v>535</v>
      </c>
      <c r="E111415" s="15">
        <v>45466</v>
      </c>
      <c r="F111415" s="14" t="s">
        <v>25</v>
      </c>
      <c r="G111415" s="16">
        <v>1.5348912142137829</v>
      </c>
    </row>
    <row r="111416" spans="1:7" x14ac:dyDescent="0.3">
      <c r="A111416" s="13" t="s">
        <v>534</v>
      </c>
      <c r="B111416" s="14" t="s">
        <v>1</v>
      </c>
      <c r="C111416" s="14" t="s">
        <v>137</v>
      </c>
      <c r="D111416" s="14" t="s">
        <v>535</v>
      </c>
      <c r="E111416" s="15">
        <v>45467</v>
      </c>
      <c r="F111416" s="14" t="s">
        <v>25</v>
      </c>
      <c r="G111416" s="16">
        <v>1.5539489900896524</v>
      </c>
    </row>
    <row r="111417" spans="1:7" x14ac:dyDescent="0.3">
      <c r="A111417" s="13" t="s">
        <v>534</v>
      </c>
      <c r="B111417" s="14" t="s">
        <v>1</v>
      </c>
      <c r="C111417" s="14" t="s">
        <v>137</v>
      </c>
      <c r="D111417" s="14" t="s">
        <v>535</v>
      </c>
      <c r="E111417" s="15">
        <v>45468</v>
      </c>
      <c r="F111417" s="14" t="s">
        <v>25</v>
      </c>
      <c r="G111417" s="16">
        <v>1.6181256999117619</v>
      </c>
    </row>
    <row r="111418" spans="1:7" x14ac:dyDescent="0.3">
      <c r="A111418" s="13" t="s">
        <v>534</v>
      </c>
      <c r="B111418" s="14" t="s">
        <v>1</v>
      </c>
      <c r="C111418" s="14" t="s">
        <v>137</v>
      </c>
      <c r="D111418" s="14" t="s">
        <v>535</v>
      </c>
      <c r="E111418" s="15">
        <v>45469</v>
      </c>
      <c r="F111418" s="14" t="s">
        <v>25</v>
      </c>
      <c r="G111418" s="16">
        <v>1.6427770813937459</v>
      </c>
    </row>
    <row r="111419" spans="1:7" x14ac:dyDescent="0.3">
      <c r="A111419" s="13" t="s">
        <v>534</v>
      </c>
      <c r="B111419" s="14" t="s">
        <v>1</v>
      </c>
      <c r="C111419" s="14" t="s">
        <v>137</v>
      </c>
      <c r="D111419" s="14" t="s">
        <v>535</v>
      </c>
      <c r="E111419" s="15">
        <v>45470</v>
      </c>
      <c r="F111419" s="14" t="s">
        <v>25</v>
      </c>
      <c r="G111419" s="16">
        <v>1.6651345519714391</v>
      </c>
    </row>
    <row r="111420" spans="1:7" x14ac:dyDescent="0.3">
      <c r="A111420" s="13" t="s">
        <v>534</v>
      </c>
      <c r="B111420" s="14" t="s">
        <v>1</v>
      </c>
      <c r="C111420" s="14" t="s">
        <v>137</v>
      </c>
      <c r="D111420" s="14" t="s">
        <v>535</v>
      </c>
      <c r="E111420" s="15">
        <v>45471</v>
      </c>
      <c r="F111420" s="14" t="s">
        <v>25</v>
      </c>
      <c r="G111420" s="16">
        <v>1.6854982942988594</v>
      </c>
    </row>
    <row r="111421" spans="1:7" x14ac:dyDescent="0.3">
      <c r="A111421" s="13" t="s">
        <v>534</v>
      </c>
      <c r="B111421" s="14" t="s">
        <v>1</v>
      </c>
      <c r="C111421" s="14" t="s">
        <v>137</v>
      </c>
      <c r="D111421" s="14" t="s">
        <v>535</v>
      </c>
      <c r="E111421" s="15">
        <v>45472</v>
      </c>
      <c r="F111421" s="14" t="s">
        <v>25</v>
      </c>
      <c r="G111421" s="16">
        <v>1.6854982942988594</v>
      </c>
    </row>
    <row r="111422" spans="1:7" x14ac:dyDescent="0.3">
      <c r="A111422" s="13" t="s">
        <v>534</v>
      </c>
      <c r="B111422" s="14" t="s">
        <v>1</v>
      </c>
      <c r="C111422" s="14" t="s">
        <v>137</v>
      </c>
      <c r="D111422" s="14" t="s">
        <v>535</v>
      </c>
      <c r="E111422" s="15">
        <v>45473</v>
      </c>
      <c r="F111422" s="14" t="s">
        <v>25</v>
      </c>
      <c r="G111422" s="16">
        <v>1.6854982942988594</v>
      </c>
    </row>
    <row r="111423" spans="1:7" x14ac:dyDescent="0.3">
      <c r="A111423" s="13" t="s">
        <v>534</v>
      </c>
      <c r="B111423" s="14" t="s">
        <v>1</v>
      </c>
      <c r="C111423" s="14" t="s">
        <v>137</v>
      </c>
      <c r="D111423" s="14" t="s">
        <v>535</v>
      </c>
      <c r="E111423" s="15">
        <v>45474</v>
      </c>
      <c r="F111423" s="14" t="s">
        <v>25</v>
      </c>
      <c r="G111423" s="16">
        <v>1.7136669600691701</v>
      </c>
    </row>
    <row r="111424" spans="1:7" x14ac:dyDescent="0.3">
      <c r="A111424" s="13" t="s">
        <v>534</v>
      </c>
      <c r="B111424" s="14" t="s">
        <v>1</v>
      </c>
      <c r="C111424" s="14" t="s">
        <v>137</v>
      </c>
      <c r="D111424" s="14" t="s">
        <v>535</v>
      </c>
      <c r="E111424" s="15">
        <v>45475</v>
      </c>
      <c r="F111424" s="14" t="s">
        <v>25</v>
      </c>
      <c r="G111424" s="16">
        <v>1.7776069214565335</v>
      </c>
    </row>
    <row r="111425" spans="1:7" x14ac:dyDescent="0.3">
      <c r="A111425" s="13" t="s">
        <v>534</v>
      </c>
      <c r="B111425" s="14" t="s">
        <v>1</v>
      </c>
      <c r="C111425" s="14" t="s">
        <v>137</v>
      </c>
      <c r="D111425" s="14" t="s">
        <v>535</v>
      </c>
      <c r="E111425" s="15">
        <v>45476</v>
      </c>
      <c r="F111425" s="14" t="s">
        <v>25</v>
      </c>
      <c r="G111425" s="16">
        <v>1.7932011205188336</v>
      </c>
    </row>
    <row r="111426" spans="1:7" x14ac:dyDescent="0.3">
      <c r="A111426" s="13" t="s">
        <v>534</v>
      </c>
      <c r="B111426" s="14" t="s">
        <v>1</v>
      </c>
      <c r="C111426" s="14" t="s">
        <v>137</v>
      </c>
      <c r="D111426" s="14" t="s">
        <v>535</v>
      </c>
      <c r="E111426" s="15">
        <v>45477</v>
      </c>
      <c r="F111426" s="14" t="s">
        <v>25</v>
      </c>
      <c r="G111426" s="16">
        <v>1.8106420260346807</v>
      </c>
    </row>
    <row r="111427" spans="1:7" x14ac:dyDescent="0.3">
      <c r="A111427" s="13" t="s">
        <v>534</v>
      </c>
      <c r="B111427" s="14" t="s">
        <v>1</v>
      </c>
      <c r="C111427" s="14" t="s">
        <v>137</v>
      </c>
      <c r="D111427" s="14" t="s">
        <v>535</v>
      </c>
      <c r="E111427" s="15">
        <v>45478</v>
      </c>
      <c r="F111427" s="14" t="s">
        <v>25</v>
      </c>
      <c r="G111427" s="16">
        <v>1.8223080919668815</v>
      </c>
    </row>
    <row r="111428" spans="1:7" x14ac:dyDescent="0.3">
      <c r="A111428" s="13" t="s">
        <v>534</v>
      </c>
      <c r="B111428" s="14" t="s">
        <v>1</v>
      </c>
      <c r="C111428" s="14" t="s">
        <v>137</v>
      </c>
      <c r="D111428" s="14" t="s">
        <v>535</v>
      </c>
      <c r="E111428" s="15">
        <v>45479</v>
      </c>
      <c r="F111428" s="14" t="s">
        <v>25</v>
      </c>
      <c r="G111428" s="16">
        <v>1.8223080919668815</v>
      </c>
    </row>
    <row r="111429" spans="1:7" x14ac:dyDescent="0.3">
      <c r="A111429" s="13" t="s">
        <v>534</v>
      </c>
      <c r="B111429" s="14" t="s">
        <v>1</v>
      </c>
      <c r="C111429" s="14" t="s">
        <v>137</v>
      </c>
      <c r="D111429" s="14" t="s">
        <v>535</v>
      </c>
      <c r="E111429" s="15">
        <v>45480</v>
      </c>
      <c r="F111429" s="14" t="s">
        <v>25</v>
      </c>
      <c r="G111429" s="16">
        <v>1.8223080919668815</v>
      </c>
    </row>
    <row r="111430" spans="1:7" x14ac:dyDescent="0.3">
      <c r="A111430" s="13" t="s">
        <v>534</v>
      </c>
      <c r="B111430" s="14" t="s">
        <v>1</v>
      </c>
      <c r="C111430" s="14" t="s">
        <v>137</v>
      </c>
      <c r="D111430" s="14" t="s">
        <v>535</v>
      </c>
      <c r="E111430" s="15">
        <v>45481</v>
      </c>
      <c r="F111430" s="14" t="s">
        <v>25</v>
      </c>
      <c r="G111430" s="16">
        <v>1.8452959234980921</v>
      </c>
    </row>
    <row r="111431" spans="1:7" x14ac:dyDescent="0.3">
      <c r="A111431" s="13" t="s">
        <v>534</v>
      </c>
      <c r="B111431" s="14" t="s">
        <v>1</v>
      </c>
      <c r="C111431" s="14" t="s">
        <v>137</v>
      </c>
      <c r="D111431" s="14" t="s">
        <v>535</v>
      </c>
      <c r="E111431" s="15">
        <v>45482</v>
      </c>
      <c r="F111431" s="14" t="s">
        <v>25</v>
      </c>
      <c r="G111431" s="16">
        <v>1.9058972229136804</v>
      </c>
    </row>
    <row r="111432" spans="1:7" x14ac:dyDescent="0.3">
      <c r="A111432" s="13" t="s">
        <v>534</v>
      </c>
      <c r="B111432" s="14" t="s">
        <v>1</v>
      </c>
      <c r="C111432" s="14" t="s">
        <v>137</v>
      </c>
      <c r="D111432" s="14" t="s">
        <v>535</v>
      </c>
      <c r="E111432" s="15">
        <v>45483</v>
      </c>
      <c r="F111432" s="14" t="s">
        <v>25</v>
      </c>
      <c r="G111432" s="16">
        <v>1.9361081350477223</v>
      </c>
    </row>
    <row r="111433" spans="1:7" x14ac:dyDescent="0.3">
      <c r="A111433" s="13" t="s">
        <v>534</v>
      </c>
      <c r="B111433" s="14" t="s">
        <v>1</v>
      </c>
      <c r="C111433" s="14" t="s">
        <v>137</v>
      </c>
      <c r="D111433" s="14" t="s">
        <v>535</v>
      </c>
      <c r="E111433" s="15">
        <v>45484</v>
      </c>
      <c r="F111433" s="14" t="s">
        <v>25</v>
      </c>
      <c r="G111433" s="16">
        <v>1.9493450398963377</v>
      </c>
    </row>
    <row r="111434" spans="1:7" x14ac:dyDescent="0.3">
      <c r="A111434" s="13" t="s">
        <v>534</v>
      </c>
      <c r="B111434" s="14" t="s">
        <v>1</v>
      </c>
      <c r="C111434" s="14" t="s">
        <v>137</v>
      </c>
      <c r="D111434" s="14" t="s">
        <v>535</v>
      </c>
      <c r="E111434" s="15">
        <v>45485</v>
      </c>
      <c r="F111434" s="14" t="s">
        <v>25</v>
      </c>
      <c r="G111434" s="16">
        <v>1.9676015273150806</v>
      </c>
    </row>
    <row r="111435" spans="1:7" x14ac:dyDescent="0.3">
      <c r="A111435" s="13" t="s">
        <v>534</v>
      </c>
      <c r="B111435" s="14" t="s">
        <v>1</v>
      </c>
      <c r="C111435" s="14" t="s">
        <v>137</v>
      </c>
      <c r="D111435" s="14" t="s">
        <v>535</v>
      </c>
      <c r="E111435" s="15">
        <v>45486</v>
      </c>
      <c r="F111435" s="14" t="s">
        <v>25</v>
      </c>
      <c r="G111435" s="16">
        <v>1.9676015273150806</v>
      </c>
    </row>
    <row r="111436" spans="1:7" x14ac:dyDescent="0.3">
      <c r="A111436" s="13" t="s">
        <v>534</v>
      </c>
      <c r="B111436" s="14" t="s">
        <v>1</v>
      </c>
      <c r="C111436" s="14" t="s">
        <v>137</v>
      </c>
      <c r="D111436" s="14" t="s">
        <v>535</v>
      </c>
      <c r="E111436" s="15">
        <v>45487</v>
      </c>
      <c r="F111436" s="14" t="s">
        <v>25</v>
      </c>
      <c r="G111436" s="16">
        <v>1.9676015273150806</v>
      </c>
    </row>
    <row r="111437" spans="1:7" x14ac:dyDescent="0.3">
      <c r="A111437" s="13" t="s">
        <v>534</v>
      </c>
      <c r="B111437" s="14" t="s">
        <v>1</v>
      </c>
      <c r="C111437" s="14" t="s">
        <v>137</v>
      </c>
      <c r="D111437" s="14" t="s">
        <v>535</v>
      </c>
      <c r="E111437" s="15">
        <v>45488</v>
      </c>
      <c r="F111437" s="14" t="s">
        <v>25</v>
      </c>
      <c r="G111437" s="16">
        <v>1.9906832890442465</v>
      </c>
    </row>
    <row r="111438" spans="1:7" x14ac:dyDescent="0.3">
      <c r="A111438" s="13" t="s">
        <v>534</v>
      </c>
      <c r="B111438" s="14" t="s">
        <v>1</v>
      </c>
      <c r="C111438" s="14" t="s">
        <v>137</v>
      </c>
      <c r="D111438" s="14" t="s">
        <v>535</v>
      </c>
      <c r="E111438" s="15">
        <v>45489</v>
      </c>
      <c r="F111438" s="14" t="s">
        <v>25</v>
      </c>
      <c r="G111438" s="16">
        <v>2.0439403261984159</v>
      </c>
    </row>
    <row r="111439" spans="1:7" x14ac:dyDescent="0.3">
      <c r="A111439" s="13" t="s">
        <v>534</v>
      </c>
      <c r="B111439" s="14" t="s">
        <v>1</v>
      </c>
      <c r="C111439" s="14" t="s">
        <v>137</v>
      </c>
      <c r="D111439" s="14" t="s">
        <v>535</v>
      </c>
      <c r="E111439" s="15">
        <v>45490</v>
      </c>
      <c r="F111439" s="14" t="s">
        <v>25</v>
      </c>
      <c r="G111439" s="16">
        <v>2.0397473940099036</v>
      </c>
    </row>
    <row r="111440" spans="1:7" x14ac:dyDescent="0.3">
      <c r="A111440" s="13" t="s">
        <v>534</v>
      </c>
      <c r="B111440" s="14" t="s">
        <v>1</v>
      </c>
      <c r="C111440" s="14" t="s">
        <v>137</v>
      </c>
      <c r="D111440" s="14" t="s">
        <v>535</v>
      </c>
      <c r="E111440" s="15">
        <v>45491</v>
      </c>
      <c r="F111440" s="14" t="s">
        <v>25</v>
      </c>
      <c r="G111440" s="16">
        <v>2.0689370680300296</v>
      </c>
    </row>
    <row r="111441" spans="1:7" x14ac:dyDescent="0.3">
      <c r="A111441" s="13" t="s">
        <v>534</v>
      </c>
      <c r="B111441" s="14" t="s">
        <v>1</v>
      </c>
      <c r="C111441" s="14" t="s">
        <v>137</v>
      </c>
      <c r="D111441" s="14" t="s">
        <v>535</v>
      </c>
      <c r="E111441" s="15">
        <v>45492</v>
      </c>
      <c r="F111441" s="14" t="s">
        <v>25</v>
      </c>
      <c r="G111441" s="16">
        <v>2.0918221715484324</v>
      </c>
    </row>
    <row r="111442" spans="1:7" x14ac:dyDescent="0.3">
      <c r="A111442" s="13" t="s">
        <v>534</v>
      </c>
      <c r="B111442" s="14" t="s">
        <v>1</v>
      </c>
      <c r="C111442" s="14" t="s">
        <v>137</v>
      </c>
      <c r="D111442" s="14" t="s">
        <v>535</v>
      </c>
      <c r="E111442" s="15">
        <v>45493</v>
      </c>
      <c r="F111442" s="14" t="s">
        <v>25</v>
      </c>
      <c r="G111442" s="16">
        <v>2.0918221715484324</v>
      </c>
    </row>
    <row r="111443" spans="1:7" x14ac:dyDescent="0.3">
      <c r="A111443" s="13" t="s">
        <v>534</v>
      </c>
      <c r="B111443" s="14" t="s">
        <v>1</v>
      </c>
      <c r="C111443" s="14" t="s">
        <v>137</v>
      </c>
      <c r="D111443" s="14" t="s">
        <v>535</v>
      </c>
      <c r="E111443" s="15">
        <v>45494</v>
      </c>
      <c r="F111443" s="14" t="s">
        <v>25</v>
      </c>
      <c r="G111443" s="16">
        <v>2.0918221715484324</v>
      </c>
    </row>
    <row r="111444" spans="1:7" x14ac:dyDescent="0.3">
      <c r="A111444" s="13" t="s">
        <v>534</v>
      </c>
      <c r="B111444" s="14" t="s">
        <v>1</v>
      </c>
      <c r="C111444" s="14" t="s">
        <v>137</v>
      </c>
      <c r="D111444" s="14" t="s">
        <v>535</v>
      </c>
      <c r="E111444" s="15">
        <v>45495</v>
      </c>
      <c r="F111444" s="14" t="s">
        <v>25</v>
      </c>
      <c r="G111444" s="16">
        <v>2.1125713676155793</v>
      </c>
    </row>
    <row r="111445" spans="1:7" x14ac:dyDescent="0.3">
      <c r="A111445" s="13" t="s">
        <v>534</v>
      </c>
      <c r="B111445" s="14" t="s">
        <v>1</v>
      </c>
      <c r="C111445" s="14" t="s">
        <v>137</v>
      </c>
      <c r="D111445" s="14" t="s">
        <v>535</v>
      </c>
      <c r="E111445" s="15">
        <v>45496</v>
      </c>
      <c r="F111445" s="14" t="s">
        <v>25</v>
      </c>
      <c r="G111445" s="16">
        <v>2.1747648021865396</v>
      </c>
    </row>
    <row r="111446" spans="1:7" x14ac:dyDescent="0.3">
      <c r="A111446" s="13" t="s">
        <v>534</v>
      </c>
      <c r="B111446" s="14" t="s">
        <v>1</v>
      </c>
      <c r="C111446" s="14" t="s">
        <v>137</v>
      </c>
      <c r="D111446" s="14" t="s">
        <v>535</v>
      </c>
      <c r="E111446" s="15">
        <v>45497</v>
      </c>
      <c r="F111446" s="14" t="s">
        <v>25</v>
      </c>
      <c r="G111446" s="16">
        <v>2.1797870490943621</v>
      </c>
    </row>
    <row r="111447" spans="1:7" x14ac:dyDescent="0.3">
      <c r="A111447" s="13" t="s">
        <v>534</v>
      </c>
      <c r="B111447" s="14" t="s">
        <v>1</v>
      </c>
      <c r="C111447" s="14" t="s">
        <v>137</v>
      </c>
      <c r="D111447" s="14" t="s">
        <v>535</v>
      </c>
      <c r="E111447" s="15">
        <v>45498</v>
      </c>
      <c r="F111447" s="14" t="s">
        <v>25</v>
      </c>
      <c r="G111447" s="16">
        <v>2.1902399289742855</v>
      </c>
    </row>
    <row r="111448" spans="1:7" x14ac:dyDescent="0.3">
      <c r="A111448" s="13" t="s">
        <v>534</v>
      </c>
      <c r="B111448" s="14" t="s">
        <v>1</v>
      </c>
      <c r="C111448" s="14" t="s">
        <v>137</v>
      </c>
      <c r="D111448" s="14" t="s">
        <v>535</v>
      </c>
      <c r="E111448" s="15">
        <v>45499</v>
      </c>
      <c r="F111448" s="14" t="s">
        <v>25</v>
      </c>
      <c r="G111448" s="16">
        <v>2.2153476655452558</v>
      </c>
    </row>
    <row r="111449" spans="1:7" x14ac:dyDescent="0.3">
      <c r="A111449" s="13" t="s">
        <v>534</v>
      </c>
      <c r="B111449" s="14" t="s">
        <v>1</v>
      </c>
      <c r="C111449" s="14" t="s">
        <v>137</v>
      </c>
      <c r="D111449" s="14" t="s">
        <v>535</v>
      </c>
      <c r="E111449" s="15">
        <v>45500</v>
      </c>
      <c r="F111449" s="14" t="s">
        <v>25</v>
      </c>
      <c r="G111449" s="16">
        <v>2.2153476655452558</v>
      </c>
    </row>
    <row r="111450" spans="1:7" x14ac:dyDescent="0.3">
      <c r="A111450" s="13" t="s">
        <v>534</v>
      </c>
      <c r="B111450" s="14" t="s">
        <v>1</v>
      </c>
      <c r="C111450" s="14" t="s">
        <v>137</v>
      </c>
      <c r="D111450" s="14" t="s">
        <v>535</v>
      </c>
      <c r="E111450" s="15">
        <v>45501</v>
      </c>
      <c r="F111450" s="14" t="s">
        <v>25</v>
      </c>
      <c r="G111450" s="16">
        <v>2.2153476655452558</v>
      </c>
    </row>
    <row r="111451" spans="1:7" x14ac:dyDescent="0.3">
      <c r="A111451" s="13" t="s">
        <v>534</v>
      </c>
      <c r="B111451" s="14" t="s">
        <v>1</v>
      </c>
      <c r="C111451" s="14" t="s">
        <v>137</v>
      </c>
      <c r="D111451" s="14" t="s">
        <v>535</v>
      </c>
      <c r="E111451" s="15">
        <v>45502</v>
      </c>
      <c r="F111451" s="14" t="s">
        <v>25</v>
      </c>
      <c r="G111451" s="16">
        <v>2.2361698867235678</v>
      </c>
    </row>
    <row r="111452" spans="1:7" x14ac:dyDescent="0.3">
      <c r="A111452" s="13" t="s">
        <v>534</v>
      </c>
      <c r="B111452" s="14" t="s">
        <v>1</v>
      </c>
      <c r="C111452" s="14" t="s">
        <v>137</v>
      </c>
      <c r="D111452" s="14" t="s">
        <v>535</v>
      </c>
      <c r="E111452" s="15">
        <v>45503</v>
      </c>
      <c r="F111452" s="14" t="s">
        <v>25</v>
      </c>
      <c r="G111452" s="16">
        <v>2.2871079681441833</v>
      </c>
    </row>
    <row r="111453" spans="1:7" x14ac:dyDescent="0.3">
      <c r="A111453" s="13" t="s">
        <v>534</v>
      </c>
      <c r="B111453" s="14" t="s">
        <v>1</v>
      </c>
      <c r="C111453" s="14" t="s">
        <v>137</v>
      </c>
      <c r="D111453" s="14" t="s">
        <v>535</v>
      </c>
      <c r="E111453" s="15">
        <v>45504</v>
      </c>
      <c r="F111453" s="14" t="s">
        <v>25</v>
      </c>
      <c r="G111453" s="16">
        <v>2.2948863146045122</v>
      </c>
    </row>
    <row r="111454" spans="1:7" x14ac:dyDescent="0.3">
      <c r="A111454" s="13" t="s">
        <v>534</v>
      </c>
      <c r="B111454" s="14" t="s">
        <v>1</v>
      </c>
      <c r="C111454" s="14" t="s">
        <v>137</v>
      </c>
      <c r="D111454" s="14" t="s">
        <v>535</v>
      </c>
      <c r="E111454" s="15">
        <v>45505</v>
      </c>
      <c r="F111454" s="14" t="s">
        <v>25</v>
      </c>
      <c r="G111454" s="16">
        <v>2.3062571382044119</v>
      </c>
    </row>
    <row r="111455" spans="1:7" x14ac:dyDescent="0.3">
      <c r="A111455" s="13" t="s">
        <v>534</v>
      </c>
      <c r="B111455" s="14" t="s">
        <v>1</v>
      </c>
      <c r="C111455" s="14" t="s">
        <v>137</v>
      </c>
      <c r="D111455" s="14" t="s">
        <v>535</v>
      </c>
      <c r="E111455" s="15">
        <v>45506</v>
      </c>
      <c r="F111455" s="14" t="s">
        <v>25</v>
      </c>
      <c r="G111455" s="16">
        <v>2.2720836999617542</v>
      </c>
    </row>
    <row r="111456" spans="1:7" x14ac:dyDescent="0.3">
      <c r="A111456" s="13" t="s">
        <v>534</v>
      </c>
      <c r="B111456" s="14" t="s">
        <v>1</v>
      </c>
      <c r="C111456" s="14" t="s">
        <v>137</v>
      </c>
      <c r="D111456" s="14" t="s">
        <v>535</v>
      </c>
      <c r="E111456" s="15">
        <v>45507</v>
      </c>
      <c r="F111456" s="14" t="s">
        <v>25</v>
      </c>
      <c r="G111456" s="16">
        <v>2.2720836999617542</v>
      </c>
    </row>
    <row r="111457" spans="1:7" x14ac:dyDescent="0.3">
      <c r="A111457" s="13" t="s">
        <v>534</v>
      </c>
      <c r="B111457" s="14" t="s">
        <v>1</v>
      </c>
      <c r="C111457" s="14" t="s">
        <v>137</v>
      </c>
      <c r="D111457" s="14" t="s">
        <v>535</v>
      </c>
      <c r="E111457" s="15">
        <v>45508</v>
      </c>
      <c r="F111457" s="14" t="s">
        <v>25</v>
      </c>
      <c r="G111457" s="16">
        <v>2.2720836999617542</v>
      </c>
    </row>
    <row r="111458" spans="1:7" x14ac:dyDescent="0.3">
      <c r="A111458" s="13" t="s">
        <v>534</v>
      </c>
      <c r="B111458" s="14" t="s">
        <v>1</v>
      </c>
      <c r="C111458" s="14" t="s">
        <v>137</v>
      </c>
      <c r="D111458" s="14" t="s">
        <v>535</v>
      </c>
      <c r="E111458" s="15">
        <v>45509</v>
      </c>
      <c r="F111458" s="14" t="s">
        <v>25</v>
      </c>
      <c r="G111458" s="16">
        <v>2.2720836999617542</v>
      </c>
    </row>
    <row r="111459" spans="1:7" x14ac:dyDescent="0.3">
      <c r="A111459" s="13" t="s">
        <v>534</v>
      </c>
      <c r="B111459" s="14" t="s">
        <v>1</v>
      </c>
      <c r="C111459" s="14" t="s">
        <v>137</v>
      </c>
      <c r="D111459" s="14" t="s">
        <v>535</v>
      </c>
      <c r="E111459" s="15">
        <v>45510</v>
      </c>
      <c r="F111459" s="14" t="s">
        <v>25</v>
      </c>
      <c r="G111459" s="16">
        <v>2.2770943747339549</v>
      </c>
    </row>
    <row r="111460" spans="1:7" x14ac:dyDescent="0.3">
      <c r="A111460" s="13" t="s">
        <v>534</v>
      </c>
      <c r="B111460" s="14" t="s">
        <v>1</v>
      </c>
      <c r="C111460" s="14" t="s">
        <v>137</v>
      </c>
      <c r="D111460" s="14" t="s">
        <v>535</v>
      </c>
      <c r="E111460" s="15">
        <v>45511</v>
      </c>
      <c r="F111460" s="14" t="s">
        <v>25</v>
      </c>
      <c r="G111460" s="16">
        <v>2.3856697706860506</v>
      </c>
    </row>
    <row r="111461" spans="1:7" x14ac:dyDescent="0.3">
      <c r="A111461" s="13" t="s">
        <v>534</v>
      </c>
      <c r="B111461" s="14" t="s">
        <v>1</v>
      </c>
      <c r="C111461" s="14" t="s">
        <v>137</v>
      </c>
      <c r="D111461" s="14" t="s">
        <v>535</v>
      </c>
      <c r="E111461" s="15">
        <v>45512</v>
      </c>
      <c r="F111461" s="14" t="s">
        <v>25</v>
      </c>
      <c r="G111461" s="16">
        <v>2.4188298084968061</v>
      </c>
    </row>
    <row r="111462" spans="1:7" x14ac:dyDescent="0.3">
      <c r="A111462" s="13" t="s">
        <v>534</v>
      </c>
      <c r="B111462" s="14" t="s">
        <v>1</v>
      </c>
      <c r="C111462" s="14" t="s">
        <v>137</v>
      </c>
      <c r="D111462" s="14" t="s">
        <v>535</v>
      </c>
      <c r="E111462" s="15">
        <v>45513</v>
      </c>
      <c r="F111462" s="14" t="s">
        <v>25</v>
      </c>
      <c r="G111462" s="16">
        <v>2.4423622033330501</v>
      </c>
    </row>
    <row r="111463" spans="1:7" x14ac:dyDescent="0.3">
      <c r="A111463" s="13" t="s">
        <v>534</v>
      </c>
      <c r="B111463" s="14" t="s">
        <v>1</v>
      </c>
      <c r="C111463" s="14" t="s">
        <v>137</v>
      </c>
      <c r="D111463" s="14" t="s">
        <v>535</v>
      </c>
      <c r="E111463" s="15">
        <v>45514</v>
      </c>
      <c r="F111463" s="14" t="s">
        <v>25</v>
      </c>
      <c r="G111463" s="16">
        <v>2.4423622033330501</v>
      </c>
    </row>
    <row r="111464" spans="1:7" x14ac:dyDescent="0.3">
      <c r="A111464" s="13" t="s">
        <v>534</v>
      </c>
      <c r="B111464" s="14" t="s">
        <v>1</v>
      </c>
      <c r="C111464" s="14" t="s">
        <v>137</v>
      </c>
      <c r="D111464" s="14" t="s">
        <v>535</v>
      </c>
      <c r="E111464" s="15">
        <v>45515</v>
      </c>
      <c r="F111464" s="14" t="s">
        <v>25</v>
      </c>
      <c r="G111464" s="16">
        <v>2.4423622033330501</v>
      </c>
    </row>
    <row r="111465" spans="1:7" x14ac:dyDescent="0.3">
      <c r="A111465" s="13" t="s">
        <v>534</v>
      </c>
      <c r="B111465" s="14" t="s">
        <v>1</v>
      </c>
      <c r="C111465" s="14" t="s">
        <v>137</v>
      </c>
      <c r="D111465" s="14" t="s">
        <v>535</v>
      </c>
      <c r="E111465" s="15">
        <v>45516</v>
      </c>
      <c r="F111465" s="14" t="s">
        <v>25</v>
      </c>
      <c r="G111465" s="16">
        <v>2.4619007699785551</v>
      </c>
    </row>
    <row r="111466" spans="1:7" x14ac:dyDescent="0.3">
      <c r="A111466" s="13" t="s">
        <v>534</v>
      </c>
      <c r="B111466" s="14" t="s">
        <v>1</v>
      </c>
      <c r="C111466" s="14" t="s">
        <v>137</v>
      </c>
      <c r="D111466" s="14" t="s">
        <v>535</v>
      </c>
      <c r="E111466" s="15">
        <v>45517</v>
      </c>
      <c r="F111466" s="14" t="s">
        <v>25</v>
      </c>
      <c r="G111466" s="16">
        <v>2.5203724892744162</v>
      </c>
    </row>
    <row r="111467" spans="1:7" x14ac:dyDescent="0.3">
      <c r="A111467" s="13" t="s">
        <v>534</v>
      </c>
      <c r="B111467" s="14" t="s">
        <v>1</v>
      </c>
      <c r="C111467" s="14" t="s">
        <v>137</v>
      </c>
      <c r="D111467" s="14" t="s">
        <v>535</v>
      </c>
      <c r="E111467" s="15">
        <v>45518</v>
      </c>
      <c r="F111467" s="14" t="s">
        <v>25</v>
      </c>
      <c r="G111467" s="16">
        <v>2.5412977277887321</v>
      </c>
    </row>
    <row r="111468" spans="1:7" x14ac:dyDescent="0.3">
      <c r="A111468" s="13" t="s">
        <v>534</v>
      </c>
      <c r="B111468" s="14" t="s">
        <v>1</v>
      </c>
      <c r="C111468" s="14" t="s">
        <v>137</v>
      </c>
      <c r="D111468" s="14" t="s">
        <v>535</v>
      </c>
      <c r="E111468" s="15">
        <v>45519</v>
      </c>
      <c r="F111468" s="14" t="s">
        <v>25</v>
      </c>
      <c r="G111468" s="16">
        <v>2.5832798685027747</v>
      </c>
    </row>
    <row r="111469" spans="1:7" x14ac:dyDescent="0.3">
      <c r="A111469" s="13" t="s">
        <v>534</v>
      </c>
      <c r="B111469" s="14" t="s">
        <v>1</v>
      </c>
      <c r="C111469" s="14" t="s">
        <v>137</v>
      </c>
      <c r="D111469" s="14" t="s">
        <v>535</v>
      </c>
      <c r="E111469" s="15">
        <v>45520</v>
      </c>
      <c r="F111469" s="14" t="s">
        <v>25</v>
      </c>
      <c r="G111469" s="16">
        <v>2.584620309019996</v>
      </c>
    </row>
    <row r="111470" spans="1:7" x14ac:dyDescent="0.3">
      <c r="A111470" s="13" t="s">
        <v>534</v>
      </c>
      <c r="B111470" s="14" t="s">
        <v>1</v>
      </c>
      <c r="C111470" s="14" t="s">
        <v>137</v>
      </c>
      <c r="D111470" s="14" t="s">
        <v>535</v>
      </c>
      <c r="E111470" s="15">
        <v>45521</v>
      </c>
      <c r="F111470" s="14" t="s">
        <v>25</v>
      </c>
      <c r="G111470" s="16">
        <v>2.584620309019996</v>
      </c>
    </row>
    <row r="111471" spans="1:7" x14ac:dyDescent="0.3">
      <c r="A111471" s="13" t="s">
        <v>534</v>
      </c>
      <c r="B111471" s="14" t="s">
        <v>1</v>
      </c>
      <c r="C111471" s="14" t="s">
        <v>137</v>
      </c>
      <c r="D111471" s="14" t="s">
        <v>535</v>
      </c>
      <c r="E111471" s="15">
        <v>45522</v>
      </c>
      <c r="F111471" s="14" t="s">
        <v>25</v>
      </c>
      <c r="G111471" s="16">
        <v>2.584620309019996</v>
      </c>
    </row>
    <row r="111472" spans="1:7" x14ac:dyDescent="0.3">
      <c r="A111472" s="13" t="s">
        <v>534</v>
      </c>
      <c r="B111472" s="14" t="s">
        <v>1</v>
      </c>
      <c r="C111472" s="14" t="s">
        <v>137</v>
      </c>
      <c r="D111472" s="14" t="s">
        <v>535</v>
      </c>
      <c r="E111472" s="15">
        <v>45523</v>
      </c>
      <c r="F111472" s="14" t="s">
        <v>25</v>
      </c>
      <c r="G111472" s="16">
        <v>2.5951002511750745</v>
      </c>
    </row>
    <row r="111473" spans="1:7" x14ac:dyDescent="0.3">
      <c r="A111473" s="13" t="s">
        <v>534</v>
      </c>
      <c r="B111473" s="14" t="s">
        <v>1</v>
      </c>
      <c r="C111473" s="14" t="s">
        <v>137</v>
      </c>
      <c r="D111473" s="14" t="s">
        <v>535</v>
      </c>
      <c r="E111473" s="15">
        <v>45524</v>
      </c>
      <c r="F111473" s="14" t="s">
        <v>25</v>
      </c>
      <c r="G111473" s="16">
        <v>2.6267402877942683</v>
      </c>
    </row>
    <row r="111474" spans="1:7" x14ac:dyDescent="0.3">
      <c r="A111474" s="13" t="s">
        <v>534</v>
      </c>
      <c r="B111474" s="14" t="s">
        <v>1</v>
      </c>
      <c r="C111474" s="14" t="s">
        <v>137</v>
      </c>
      <c r="D111474" s="14" t="s">
        <v>535</v>
      </c>
      <c r="E111474" s="15">
        <v>45525</v>
      </c>
      <c r="F111474" s="14" t="s">
        <v>25</v>
      </c>
      <c r="G111474" s="16">
        <v>2.6395399962245567</v>
      </c>
    </row>
    <row r="111475" spans="1:7" x14ac:dyDescent="0.3">
      <c r="A111475" s="13" t="s">
        <v>534</v>
      </c>
      <c r="B111475" s="14" t="s">
        <v>1</v>
      </c>
      <c r="C111475" s="14" t="s">
        <v>137</v>
      </c>
      <c r="D111475" s="14" t="s">
        <v>535</v>
      </c>
      <c r="E111475" s="15">
        <v>45526</v>
      </c>
      <c r="F111475" s="14" t="s">
        <v>25</v>
      </c>
      <c r="G111475" s="16">
        <v>2.6597112399936345</v>
      </c>
    </row>
    <row r="111476" spans="1:7" x14ac:dyDescent="0.3">
      <c r="A111476" s="13" t="s">
        <v>534</v>
      </c>
      <c r="B111476" s="14" t="s">
        <v>1</v>
      </c>
      <c r="C111476" s="14" t="s">
        <v>137</v>
      </c>
      <c r="D111476" s="14" t="s">
        <v>535</v>
      </c>
      <c r="E111476" s="15">
        <v>45527</v>
      </c>
      <c r="F111476" s="14" t="s">
        <v>25</v>
      </c>
      <c r="G111476" s="16">
        <v>2.6664047410172036</v>
      </c>
    </row>
    <row r="111477" spans="1:7" x14ac:dyDescent="0.3">
      <c r="A111477" s="13" t="s">
        <v>534</v>
      </c>
      <c r="B111477" s="14" t="s">
        <v>1</v>
      </c>
      <c r="C111477" s="14" t="s">
        <v>137</v>
      </c>
      <c r="D111477" s="14" t="s">
        <v>535</v>
      </c>
      <c r="E111477" s="15">
        <v>45528</v>
      </c>
      <c r="F111477" s="14" t="s">
        <v>25</v>
      </c>
      <c r="G111477" s="16">
        <v>2.6664047410172036</v>
      </c>
    </row>
    <row r="111478" spans="1:7" x14ac:dyDescent="0.3">
      <c r="A111478" s="13" t="s">
        <v>534</v>
      </c>
      <c r="B111478" s="14" t="s">
        <v>1</v>
      </c>
      <c r="C111478" s="14" t="s">
        <v>137</v>
      </c>
      <c r="D111478" s="14" t="s">
        <v>535</v>
      </c>
      <c r="E111478" s="15">
        <v>45529</v>
      </c>
      <c r="F111478" s="14" t="s">
        <v>25</v>
      </c>
      <c r="G111478" s="16">
        <v>2.6664047410172036</v>
      </c>
    </row>
    <row r="111479" spans="1:7" x14ac:dyDescent="0.3">
      <c r="A111479" s="13" t="s">
        <v>534</v>
      </c>
      <c r="B111479" s="14" t="s">
        <v>1</v>
      </c>
      <c r="C111479" s="14" t="s">
        <v>137</v>
      </c>
      <c r="D111479" s="14" t="s">
        <v>535</v>
      </c>
      <c r="E111479" s="15">
        <v>45530</v>
      </c>
      <c r="F111479" s="14" t="s">
        <v>25</v>
      </c>
      <c r="G111479" s="16">
        <v>2.6833429025110918</v>
      </c>
    </row>
    <row r="111480" spans="1:7" x14ac:dyDescent="0.3">
      <c r="A111480" s="13" t="s">
        <v>534</v>
      </c>
      <c r="B111480" s="14" t="s">
        <v>1</v>
      </c>
      <c r="C111480" s="14" t="s">
        <v>137</v>
      </c>
      <c r="D111480" s="14" t="s">
        <v>535</v>
      </c>
      <c r="E111480" s="15">
        <v>45531</v>
      </c>
      <c r="F111480" s="14" t="s">
        <v>25</v>
      </c>
      <c r="G111480" s="16">
        <v>2.7221804832774499</v>
      </c>
    </row>
    <row r="111481" spans="1:7" x14ac:dyDescent="0.3">
      <c r="A111481" s="13" t="s">
        <v>534</v>
      </c>
      <c r="B111481" s="14" t="s">
        <v>1</v>
      </c>
      <c r="C111481" s="14" t="s">
        <v>137</v>
      </c>
      <c r="D111481" s="14" t="s">
        <v>535</v>
      </c>
      <c r="E111481" s="15">
        <v>45532</v>
      </c>
      <c r="F111481" s="14" t="s">
        <v>25</v>
      </c>
      <c r="G111481" s="16">
        <v>2.7431428688019839</v>
      </c>
    </row>
    <row r="111482" spans="1:7" x14ac:dyDescent="0.3">
      <c r="A111482" s="13" t="s">
        <v>534</v>
      </c>
      <c r="B111482" s="14" t="s">
        <v>1</v>
      </c>
      <c r="C111482" s="14" t="s">
        <v>137</v>
      </c>
      <c r="D111482" s="14" t="s">
        <v>535</v>
      </c>
      <c r="E111482" s="15">
        <v>45533</v>
      </c>
      <c r="F111482" s="14" t="s">
        <v>25</v>
      </c>
      <c r="G111482" s="16">
        <v>2.7785834459472714</v>
      </c>
    </row>
    <row r="111483" spans="1:7" x14ac:dyDescent="0.3">
      <c r="A111483" s="13" t="s">
        <v>534</v>
      </c>
      <c r="B111483" s="14" t="s">
        <v>1</v>
      </c>
      <c r="C111483" s="14" t="s">
        <v>137</v>
      </c>
      <c r="D111483" s="14" t="s">
        <v>535</v>
      </c>
      <c r="E111483" s="15">
        <v>45534</v>
      </c>
      <c r="F111483" s="14" t="s">
        <v>25</v>
      </c>
      <c r="G111483" s="16">
        <v>2.8057754764812408</v>
      </c>
    </row>
    <row r="111484" spans="1:7" x14ac:dyDescent="0.3">
      <c r="A111484" s="13" t="s">
        <v>534</v>
      </c>
      <c r="B111484" s="14" t="s">
        <v>1</v>
      </c>
      <c r="C111484" s="14" t="s">
        <v>137</v>
      </c>
      <c r="D111484" s="14" t="s">
        <v>535</v>
      </c>
      <c r="E111484" s="15">
        <v>45535</v>
      </c>
      <c r="F111484" s="14" t="s">
        <v>25</v>
      </c>
      <c r="G111484" s="16">
        <v>2.8057754764812408</v>
      </c>
    </row>
    <row r="111485" spans="1:7" x14ac:dyDescent="0.3">
      <c r="A111485" s="13" t="s">
        <v>534</v>
      </c>
      <c r="B111485" s="14" t="s">
        <v>1</v>
      </c>
      <c r="C111485" s="14" t="s">
        <v>137</v>
      </c>
      <c r="D111485" s="14" t="s">
        <v>535</v>
      </c>
      <c r="E111485" s="15">
        <v>45536</v>
      </c>
      <c r="F111485" s="14" t="s">
        <v>25</v>
      </c>
      <c r="G111485" s="16">
        <v>2.8057754764812408</v>
      </c>
    </row>
    <row r="111486" spans="1:7" x14ac:dyDescent="0.3">
      <c r="A111486" s="13" t="s">
        <v>534</v>
      </c>
      <c r="B111486" s="14" t="s">
        <v>1</v>
      </c>
      <c r="C111486" s="14" t="s">
        <v>137</v>
      </c>
      <c r="D111486" s="14" t="s">
        <v>535</v>
      </c>
      <c r="E111486" s="15">
        <v>45537</v>
      </c>
      <c r="F111486" s="14" t="s">
        <v>25</v>
      </c>
      <c r="G111486" s="16">
        <v>2.8307991828436445</v>
      </c>
    </row>
    <row r="111487" spans="1:7" x14ac:dyDescent="0.3">
      <c r="A111487" s="13" t="s">
        <v>534</v>
      </c>
      <c r="B111487" s="14" t="s">
        <v>1</v>
      </c>
      <c r="C111487" s="14" t="s">
        <v>137</v>
      </c>
      <c r="D111487" s="14" t="s">
        <v>535</v>
      </c>
      <c r="E111487" s="15">
        <v>45538</v>
      </c>
      <c r="F111487" s="14" t="s">
        <v>25</v>
      </c>
      <c r="G111487" s="16">
        <v>2.8713497362447535</v>
      </c>
    </row>
    <row r="111488" spans="1:7" x14ac:dyDescent="0.3">
      <c r="A111488" s="13" t="s">
        <v>534</v>
      </c>
      <c r="B111488" s="14" t="s">
        <v>1</v>
      </c>
      <c r="C111488" s="14" t="s">
        <v>137</v>
      </c>
      <c r="D111488" s="14" t="s">
        <v>535</v>
      </c>
      <c r="E111488" s="15">
        <v>45539</v>
      </c>
      <c r="F111488" s="14" t="s">
        <v>25</v>
      </c>
      <c r="G111488" s="16">
        <v>2.8771340685055797</v>
      </c>
    </row>
    <row r="111489" spans="1:7" x14ac:dyDescent="0.3">
      <c r="A111489" s="13" t="s">
        <v>534</v>
      </c>
      <c r="B111489" s="14" t="s">
        <v>1</v>
      </c>
      <c r="C111489" s="14" t="s">
        <v>137</v>
      </c>
      <c r="D111489" s="14" t="s">
        <v>535</v>
      </c>
      <c r="E111489" s="15">
        <v>45540</v>
      </c>
      <c r="F111489" s="14" t="s">
        <v>25</v>
      </c>
      <c r="G111489" s="16">
        <v>2.8880242912295757</v>
      </c>
    </row>
    <row r="111490" spans="1:7" x14ac:dyDescent="0.3">
      <c r="A111490" s="13" t="s">
        <v>534</v>
      </c>
      <c r="B111490" s="14" t="s">
        <v>1</v>
      </c>
      <c r="C111490" s="14" t="s">
        <v>137</v>
      </c>
      <c r="D111490" s="14" t="s">
        <v>535</v>
      </c>
      <c r="E111490" s="15">
        <v>45541</v>
      </c>
      <c r="F111490" s="14" t="s">
        <v>25</v>
      </c>
      <c r="G111490" s="16">
        <v>2.9027659148173446</v>
      </c>
    </row>
    <row r="111491" spans="1:7" x14ac:dyDescent="0.3">
      <c r="A111491" s="13" t="s">
        <v>534</v>
      </c>
      <c r="B111491" s="14" t="s">
        <v>1</v>
      </c>
      <c r="C111491" s="14" t="s">
        <v>137</v>
      </c>
      <c r="D111491" s="14" t="s">
        <v>535</v>
      </c>
      <c r="E111491" s="15">
        <v>45542</v>
      </c>
      <c r="F111491" s="14" t="s">
        <v>25</v>
      </c>
      <c r="G111491" s="16">
        <v>2.9027659148173446</v>
      </c>
    </row>
    <row r="111492" spans="1:7" x14ac:dyDescent="0.3">
      <c r="A111492" s="13" t="s">
        <v>534</v>
      </c>
      <c r="B111492" s="14" t="s">
        <v>1</v>
      </c>
      <c r="C111492" s="14" t="s">
        <v>137</v>
      </c>
      <c r="D111492" s="14" t="s">
        <v>535</v>
      </c>
      <c r="E111492" s="15">
        <v>45543</v>
      </c>
      <c r="F111492" s="14" t="s">
        <v>25</v>
      </c>
      <c r="G111492" s="16">
        <v>2.9027659148173446</v>
      </c>
    </row>
    <row r="111493" spans="1:7" x14ac:dyDescent="0.3">
      <c r="A111493" s="13" t="s">
        <v>534</v>
      </c>
      <c r="B111493" s="14" t="s">
        <v>1</v>
      </c>
      <c r="C111493" s="14" t="s">
        <v>137</v>
      </c>
      <c r="D111493" s="14" t="s">
        <v>535</v>
      </c>
      <c r="E111493" s="15">
        <v>45544</v>
      </c>
      <c r="F111493" s="14" t="s">
        <v>25</v>
      </c>
      <c r="G111493" s="16">
        <v>2.9506170571052155</v>
      </c>
    </row>
    <row r="111494" spans="1:7" x14ac:dyDescent="0.3">
      <c r="A111494" s="13" t="s">
        <v>534</v>
      </c>
      <c r="B111494" s="14" t="s">
        <v>1</v>
      </c>
      <c r="C111494" s="14" t="s">
        <v>137</v>
      </c>
      <c r="D111494" s="14" t="s">
        <v>535</v>
      </c>
      <c r="E111494" s="15">
        <v>45545</v>
      </c>
      <c r="F111494" s="14" t="s">
        <v>25</v>
      </c>
      <c r="G111494" s="16">
        <v>2.9948974614197832</v>
      </c>
    </row>
    <row r="111495" spans="1:7" x14ac:dyDescent="0.3">
      <c r="A111495" s="13" t="s">
        <v>534</v>
      </c>
      <c r="B111495" s="14" t="s">
        <v>1</v>
      </c>
      <c r="C111495" s="14" t="s">
        <v>137</v>
      </c>
      <c r="D111495" s="14" t="s">
        <v>535</v>
      </c>
      <c r="E111495" s="15">
        <v>45546</v>
      </c>
      <c r="F111495" s="14" t="s">
        <v>25</v>
      </c>
      <c r="G111495" s="16">
        <v>3.032448647314578</v>
      </c>
    </row>
    <row r="111496" spans="1:7" x14ac:dyDescent="0.3">
      <c r="A111496" s="13" t="s">
        <v>534</v>
      </c>
      <c r="B111496" s="14" t="s">
        <v>1</v>
      </c>
      <c r="C111496" s="14" t="s">
        <v>137</v>
      </c>
      <c r="D111496" s="14" t="s">
        <v>535</v>
      </c>
      <c r="E111496" s="15">
        <v>45547</v>
      </c>
      <c r="F111496" s="14" t="s">
        <v>25</v>
      </c>
      <c r="G111496" s="16">
        <v>3.0481031168950166</v>
      </c>
    </row>
    <row r="111497" spans="1:7" x14ac:dyDescent="0.3">
      <c r="A111497" s="13" t="s">
        <v>534</v>
      </c>
      <c r="B111497" s="14" t="s">
        <v>1</v>
      </c>
      <c r="C111497" s="14" t="s">
        <v>137</v>
      </c>
      <c r="D111497" s="14" t="s">
        <v>535</v>
      </c>
      <c r="E111497" s="15">
        <v>45548</v>
      </c>
      <c r="F111497" s="14" t="s">
        <v>25</v>
      </c>
      <c r="G111497" s="16">
        <v>3.0610257722342618</v>
      </c>
    </row>
    <row r="111498" spans="1:7" x14ac:dyDescent="0.3">
      <c r="A111498" s="13" t="s">
        <v>534</v>
      </c>
      <c r="B111498" s="14" t="s">
        <v>1</v>
      </c>
      <c r="C111498" s="14" t="s">
        <v>137</v>
      </c>
      <c r="D111498" s="14" t="s">
        <v>535</v>
      </c>
      <c r="E111498" s="15">
        <v>45549</v>
      </c>
      <c r="F111498" s="14" t="s">
        <v>25</v>
      </c>
      <c r="G111498" s="16">
        <v>3.0610257722342618</v>
      </c>
    </row>
    <row r="111499" spans="1:7" x14ac:dyDescent="0.3">
      <c r="A111499" s="13" t="s">
        <v>534</v>
      </c>
      <c r="B111499" s="14" t="s">
        <v>1</v>
      </c>
      <c r="C111499" s="14" t="s">
        <v>137</v>
      </c>
      <c r="D111499" s="14" t="s">
        <v>535</v>
      </c>
      <c r="E111499" s="15">
        <v>45550</v>
      </c>
      <c r="F111499" s="14" t="s">
        <v>25</v>
      </c>
      <c r="G111499" s="16">
        <v>3.0610257722342618</v>
      </c>
    </row>
    <row r="111500" spans="1:7" x14ac:dyDescent="0.3">
      <c r="A111500" s="13" t="s">
        <v>534</v>
      </c>
      <c r="B111500" s="14" t="s">
        <v>1</v>
      </c>
      <c r="C111500" s="14" t="s">
        <v>137</v>
      </c>
      <c r="D111500" s="14" t="s">
        <v>535</v>
      </c>
      <c r="E111500" s="15">
        <v>45551</v>
      </c>
      <c r="F111500" s="14" t="s">
        <v>25</v>
      </c>
      <c r="G111500" s="16">
        <v>3.0652629442869785</v>
      </c>
    </row>
    <row r="111501" spans="1:7" x14ac:dyDescent="0.3">
      <c r="A111501" s="13" t="s">
        <v>534</v>
      </c>
      <c r="B111501" s="14" t="s">
        <v>1</v>
      </c>
      <c r="C111501" s="14" t="s">
        <v>137</v>
      </c>
      <c r="D111501" s="14" t="s">
        <v>535</v>
      </c>
      <c r="E111501" s="15">
        <v>45552</v>
      </c>
      <c r="F111501" s="14" t="s">
        <v>25</v>
      </c>
      <c r="G111501" s="16">
        <v>3.1323335748682761</v>
      </c>
    </row>
    <row r="111502" spans="1:7" x14ac:dyDescent="0.3">
      <c r="A111502" s="13" t="s">
        <v>534</v>
      </c>
      <c r="B111502" s="14" t="s">
        <v>1</v>
      </c>
      <c r="C111502" s="14" t="s">
        <v>137</v>
      </c>
      <c r="D111502" s="14" t="s">
        <v>535</v>
      </c>
      <c r="E111502" s="15">
        <v>45553</v>
      </c>
      <c r="F111502" s="14" t="s">
        <v>25</v>
      </c>
      <c r="G111502" s="16">
        <v>3.1478769778735725</v>
      </c>
    </row>
    <row r="111503" spans="1:7" x14ac:dyDescent="0.3">
      <c r="A111503" s="13" t="s">
        <v>534</v>
      </c>
      <c r="B111503" s="14" t="s">
        <v>1</v>
      </c>
      <c r="C111503" s="14" t="s">
        <v>137</v>
      </c>
      <c r="D111503" s="14" t="s">
        <v>535</v>
      </c>
      <c r="E111503" s="15">
        <v>45554</v>
      </c>
      <c r="F111503" s="14" t="s">
        <v>25</v>
      </c>
      <c r="G111503" s="16">
        <v>3.1727356790363257</v>
      </c>
    </row>
    <row r="111504" spans="1:7" x14ac:dyDescent="0.3">
      <c r="A111504" s="13" t="s">
        <v>534</v>
      </c>
      <c r="B111504" s="14" t="s">
        <v>1</v>
      </c>
      <c r="C111504" s="14" t="s">
        <v>137</v>
      </c>
      <c r="D111504" s="14" t="s">
        <v>535</v>
      </c>
      <c r="E111504" s="15">
        <v>45555</v>
      </c>
      <c r="F111504" s="14" t="s">
        <v>25</v>
      </c>
      <c r="G111504" s="16">
        <v>3.2064021333812849</v>
      </c>
    </row>
    <row r="111505" spans="1:7" x14ac:dyDescent="0.3">
      <c r="A111505" s="13" t="s">
        <v>534</v>
      </c>
      <c r="B111505" s="14" t="s">
        <v>1</v>
      </c>
      <c r="C111505" s="14" t="s">
        <v>137</v>
      </c>
      <c r="D111505" s="14" t="s">
        <v>535</v>
      </c>
      <c r="E111505" s="15">
        <v>45556</v>
      </c>
      <c r="F111505" s="14" t="s">
        <v>25</v>
      </c>
      <c r="G111505" s="16">
        <v>3.2064021333812849</v>
      </c>
    </row>
    <row r="111506" spans="1:7" x14ac:dyDescent="0.3">
      <c r="A111506" s="13" t="s">
        <v>534</v>
      </c>
      <c r="B111506" s="14" t="s">
        <v>1</v>
      </c>
      <c r="C111506" s="14" t="s">
        <v>137</v>
      </c>
      <c r="D111506" s="14" t="s">
        <v>535</v>
      </c>
      <c r="E111506" s="15">
        <v>45557</v>
      </c>
      <c r="F111506" s="14" t="s">
        <v>25</v>
      </c>
      <c r="G111506" s="16">
        <v>3.2064021333812849</v>
      </c>
    </row>
    <row r="111507" spans="1:7" x14ac:dyDescent="0.3">
      <c r="A111507" s="13" t="s">
        <v>534</v>
      </c>
      <c r="B111507" s="14" t="s">
        <v>1</v>
      </c>
      <c r="C111507" s="14" t="s">
        <v>137</v>
      </c>
      <c r="D111507" s="14" t="s">
        <v>535</v>
      </c>
      <c r="E111507" s="15">
        <v>45558</v>
      </c>
      <c r="F111507" s="14" t="s">
        <v>25</v>
      </c>
      <c r="G111507" s="16">
        <v>3.2161750093319781</v>
      </c>
    </row>
    <row r="111508" spans="1:7" x14ac:dyDescent="0.3">
      <c r="A111508" s="13" t="s">
        <v>534</v>
      </c>
      <c r="B111508" s="14" t="s">
        <v>1</v>
      </c>
      <c r="C111508" s="14" t="s">
        <v>137</v>
      </c>
      <c r="D111508" s="14" t="s">
        <v>535</v>
      </c>
      <c r="E111508" s="15">
        <v>45559</v>
      </c>
      <c r="F111508" s="14" t="s">
        <v>25</v>
      </c>
      <c r="G111508" s="16">
        <v>3.2541835081566979</v>
      </c>
    </row>
    <row r="111509" spans="1:7" x14ac:dyDescent="0.3">
      <c r="A111509" s="13" t="s">
        <v>534</v>
      </c>
      <c r="B111509" s="14" t="s">
        <v>1</v>
      </c>
      <c r="C111509" s="14" t="s">
        <v>137</v>
      </c>
      <c r="D111509" s="14" t="s">
        <v>535</v>
      </c>
      <c r="E111509" s="15">
        <v>45560</v>
      </c>
      <c r="F111509" s="14" t="s">
        <v>25</v>
      </c>
      <c r="G111509" s="16">
        <v>3.300251194782831</v>
      </c>
    </row>
    <row r="111510" spans="1:7" x14ac:dyDescent="0.3">
      <c r="A111510" s="13" t="s">
        <v>534</v>
      </c>
      <c r="B111510" s="14" t="s">
        <v>1</v>
      </c>
      <c r="C111510" s="14" t="s">
        <v>137</v>
      </c>
      <c r="D111510" s="14" t="s">
        <v>535</v>
      </c>
      <c r="E111510" s="15">
        <v>45561</v>
      </c>
      <c r="F111510" s="14" t="s">
        <v>25</v>
      </c>
      <c r="G111510" s="16">
        <v>3.3027838275396615</v>
      </c>
    </row>
    <row r="111511" spans="1:7" x14ac:dyDescent="0.3">
      <c r="A111511" s="13" t="s">
        <v>534</v>
      </c>
      <c r="B111511" s="14" t="s">
        <v>1</v>
      </c>
      <c r="C111511" s="14" t="s">
        <v>137</v>
      </c>
      <c r="D111511" s="14" t="s">
        <v>535</v>
      </c>
      <c r="E111511" s="15">
        <v>45562</v>
      </c>
      <c r="F111511" s="14" t="s">
        <v>25</v>
      </c>
      <c r="G111511" s="16">
        <v>3.300642087330754</v>
      </c>
    </row>
    <row r="111512" spans="1:7" x14ac:dyDescent="0.3">
      <c r="A111512" s="13" t="s">
        <v>534</v>
      </c>
      <c r="B111512" s="14" t="s">
        <v>1</v>
      </c>
      <c r="C111512" s="14" t="s">
        <v>137</v>
      </c>
      <c r="D111512" s="14" t="s">
        <v>535</v>
      </c>
      <c r="E111512" s="15">
        <v>45563</v>
      </c>
      <c r="F111512" s="14" t="s">
        <v>25</v>
      </c>
      <c r="G111512" s="16">
        <v>3.300642087330754</v>
      </c>
    </row>
    <row r="111513" spans="1:7" x14ac:dyDescent="0.3">
      <c r="A111513" s="13" t="s">
        <v>534</v>
      </c>
      <c r="B111513" s="14" t="s">
        <v>1</v>
      </c>
      <c r="C111513" s="14" t="s">
        <v>137</v>
      </c>
      <c r="D111513" s="14" t="s">
        <v>535</v>
      </c>
      <c r="E111513" s="15">
        <v>45564</v>
      </c>
      <c r="F111513" s="14" t="s">
        <v>25</v>
      </c>
      <c r="G111513" s="16">
        <v>3.300642087330754</v>
      </c>
    </row>
    <row r="111514" spans="1:7" x14ac:dyDescent="0.3">
      <c r="A111514" s="13" t="s">
        <v>534</v>
      </c>
      <c r="B111514" s="14" t="s">
        <v>1</v>
      </c>
      <c r="C111514" s="14" t="s">
        <v>137</v>
      </c>
      <c r="D111514" s="14" t="s">
        <v>535</v>
      </c>
      <c r="E111514" s="15">
        <v>45565</v>
      </c>
      <c r="F111514" s="14" t="s">
        <v>25</v>
      </c>
      <c r="G111514" s="16">
        <v>3.3393119722912008</v>
      </c>
    </row>
    <row r="111515" spans="1:7" x14ac:dyDescent="0.3">
      <c r="A111515" s="13" t="s">
        <v>534</v>
      </c>
      <c r="B111515" s="14" t="s">
        <v>1</v>
      </c>
      <c r="C111515" s="14" t="s">
        <v>137</v>
      </c>
      <c r="D111515" s="14" t="s">
        <v>535</v>
      </c>
      <c r="E111515" s="15">
        <v>45566</v>
      </c>
      <c r="F111515" s="14" t="s">
        <v>25</v>
      </c>
      <c r="G111515" s="16">
        <v>3.4018189623942563</v>
      </c>
    </row>
    <row r="111516" spans="1:7" x14ac:dyDescent="0.3">
      <c r="A111516" s="13" t="s">
        <v>534</v>
      </c>
      <c r="B111516" s="14" t="s">
        <v>1</v>
      </c>
      <c r="C111516" s="14" t="s">
        <v>137</v>
      </c>
      <c r="D111516" s="14" t="s">
        <v>535</v>
      </c>
      <c r="E111516" s="15">
        <v>45567</v>
      </c>
      <c r="F111516" s="14" t="s">
        <v>25</v>
      </c>
      <c r="G111516" s="16">
        <v>3.4342169770163871</v>
      </c>
    </row>
    <row r="111517" spans="1:7" x14ac:dyDescent="0.3">
      <c r="A111517" s="13" t="s">
        <v>534</v>
      </c>
      <c r="B111517" s="14" t="s">
        <v>1</v>
      </c>
      <c r="C111517" s="14" t="s">
        <v>137</v>
      </c>
      <c r="D111517" s="14" t="s">
        <v>535</v>
      </c>
      <c r="E111517" s="15">
        <v>45568</v>
      </c>
      <c r="F111517" s="14" t="s">
        <v>25</v>
      </c>
      <c r="G111517" s="16">
        <v>3.4665335144713634</v>
      </c>
    </row>
    <row r="111518" spans="1:7" x14ac:dyDescent="0.3">
      <c r="A111518" s="13" t="s">
        <v>534</v>
      </c>
      <c r="B111518" s="14" t="s">
        <v>1</v>
      </c>
      <c r="C111518" s="14" t="s">
        <v>137</v>
      </c>
      <c r="D111518" s="14" t="s">
        <v>535</v>
      </c>
      <c r="E111518" s="15">
        <v>45569</v>
      </c>
      <c r="F111518" s="14" t="s">
        <v>25</v>
      </c>
      <c r="G111518" s="16">
        <v>3.5050045271707337</v>
      </c>
    </row>
    <row r="111519" spans="1:7" x14ac:dyDescent="0.3">
      <c r="A111519" s="13" t="s">
        <v>534</v>
      </c>
      <c r="B111519" s="14" t="s">
        <v>1</v>
      </c>
      <c r="C111519" s="14" t="s">
        <v>137</v>
      </c>
      <c r="D111519" s="14" t="s">
        <v>535</v>
      </c>
      <c r="E111519" s="15">
        <v>45570</v>
      </c>
      <c r="F111519" s="14" t="s">
        <v>25</v>
      </c>
      <c r="G111519" s="16">
        <v>3.5050045271707337</v>
      </c>
    </row>
    <row r="111520" spans="1:7" x14ac:dyDescent="0.3">
      <c r="A111520" s="13" t="s">
        <v>534</v>
      </c>
      <c r="B111520" s="14" t="s">
        <v>1</v>
      </c>
      <c r="C111520" s="14" t="s">
        <v>137</v>
      </c>
      <c r="D111520" s="14" t="s">
        <v>535</v>
      </c>
      <c r="E111520" s="15">
        <v>45571</v>
      </c>
      <c r="F111520" s="14" t="s">
        <v>25</v>
      </c>
      <c r="G111520" s="16">
        <v>3.5050045271707337</v>
      </c>
    </row>
    <row r="111521" spans="1:7" x14ac:dyDescent="0.3">
      <c r="A111521" s="13" t="s">
        <v>534</v>
      </c>
      <c r="B111521" s="14" t="s">
        <v>1</v>
      </c>
      <c r="C111521" s="14" t="s">
        <v>137</v>
      </c>
      <c r="D111521" s="14" t="s">
        <v>535</v>
      </c>
      <c r="E111521" s="15">
        <v>45572</v>
      </c>
      <c r="F111521" s="14" t="s">
        <v>25</v>
      </c>
      <c r="G111521" s="16">
        <v>3.5147843207211493</v>
      </c>
    </row>
    <row r="111522" spans="1:7" x14ac:dyDescent="0.3">
      <c r="A111522" s="13" t="s">
        <v>534</v>
      </c>
      <c r="B111522" s="14" t="s">
        <v>1</v>
      </c>
      <c r="C111522" s="14" t="s">
        <v>137</v>
      </c>
      <c r="D111522" s="14" t="s">
        <v>535</v>
      </c>
      <c r="E111522" s="15">
        <v>45573</v>
      </c>
      <c r="F111522" s="14" t="s">
        <v>25</v>
      </c>
      <c r="G111522" s="16">
        <v>3.5825904665174053</v>
      </c>
    </row>
    <row r="111523" spans="1:7" x14ac:dyDescent="0.3">
      <c r="A111523" s="13" t="s">
        <v>534</v>
      </c>
      <c r="B111523" s="14" t="s">
        <v>1</v>
      </c>
      <c r="C111523" s="14" t="s">
        <v>137</v>
      </c>
      <c r="D111523" s="14" t="s">
        <v>535</v>
      </c>
      <c r="E111523" s="15">
        <v>45574</v>
      </c>
      <c r="F111523" s="14" t="s">
        <v>25</v>
      </c>
      <c r="G111523" s="16">
        <v>3.6240180514070239</v>
      </c>
    </row>
    <row r="111524" spans="1:7" x14ac:dyDescent="0.3">
      <c r="A111524" s="13" t="s">
        <v>534</v>
      </c>
      <c r="B111524" s="14" t="s">
        <v>1</v>
      </c>
      <c r="C111524" s="14" t="s">
        <v>137</v>
      </c>
      <c r="D111524" s="14" t="s">
        <v>535</v>
      </c>
      <c r="E111524" s="15">
        <v>45575</v>
      </c>
      <c r="F111524" s="14" t="s">
        <v>25</v>
      </c>
      <c r="G111524" s="16">
        <v>3.6250288875953522</v>
      </c>
    </row>
    <row r="111525" spans="1:7" x14ac:dyDescent="0.3">
      <c r="A111525" s="13" t="s">
        <v>534</v>
      </c>
      <c r="B111525" s="14" t="s">
        <v>1</v>
      </c>
      <c r="C111525" s="14" t="s">
        <v>137</v>
      </c>
      <c r="D111525" s="14" t="s">
        <v>535</v>
      </c>
      <c r="E111525" s="15">
        <v>45576</v>
      </c>
      <c r="F111525" s="14" t="s">
        <v>25</v>
      </c>
      <c r="G111525" s="16">
        <v>3.6487305885633998</v>
      </c>
    </row>
    <row r="111526" spans="1:7" x14ac:dyDescent="0.3">
      <c r="A111526" s="13" t="s">
        <v>534</v>
      </c>
      <c r="B111526" s="14" t="s">
        <v>1</v>
      </c>
      <c r="C111526" s="14" t="s">
        <v>137</v>
      </c>
      <c r="D111526" s="14" t="s">
        <v>535</v>
      </c>
      <c r="E111526" s="15">
        <v>45577</v>
      </c>
      <c r="F111526" s="14" t="s">
        <v>25</v>
      </c>
      <c r="G111526" s="16">
        <v>3.6487305885633998</v>
      </c>
    </row>
    <row r="111527" spans="1:7" x14ac:dyDescent="0.3">
      <c r="A111527" s="13" t="s">
        <v>534</v>
      </c>
      <c r="B111527" s="14" t="s">
        <v>1</v>
      </c>
      <c r="C111527" s="14" t="s">
        <v>137</v>
      </c>
      <c r="D111527" s="14" t="s">
        <v>535</v>
      </c>
      <c r="E111527" s="15">
        <v>45578</v>
      </c>
      <c r="F111527" s="14" t="s">
        <v>25</v>
      </c>
      <c r="G111527" s="16">
        <v>3.6487305885633998</v>
      </c>
    </row>
    <row r="111528" spans="1:7" x14ac:dyDescent="0.3">
      <c r="A111528" s="13" t="s">
        <v>534</v>
      </c>
      <c r="B111528" s="14" t="s">
        <v>1</v>
      </c>
      <c r="C111528" s="14" t="s">
        <v>137</v>
      </c>
      <c r="D111528" s="14" t="s">
        <v>535</v>
      </c>
      <c r="E111528" s="15">
        <v>45579</v>
      </c>
      <c r="F111528" s="14" t="s">
        <v>25</v>
      </c>
      <c r="G111528" s="16">
        <v>3.6917931114966094</v>
      </c>
    </row>
    <row r="111529" spans="1:7" x14ac:dyDescent="0.3">
      <c r="A111529" s="13" t="s">
        <v>534</v>
      </c>
      <c r="B111529" s="14" t="s">
        <v>1</v>
      </c>
      <c r="C111529" s="14" t="s">
        <v>137</v>
      </c>
      <c r="D111529" s="14" t="s">
        <v>535</v>
      </c>
      <c r="E111529" s="15">
        <v>45580</v>
      </c>
      <c r="F111529" s="14" t="s">
        <v>25</v>
      </c>
      <c r="G111529" s="16">
        <v>3.7466421196827913</v>
      </c>
    </row>
    <row r="111530" spans="1:7" x14ac:dyDescent="0.3">
      <c r="A111530" s="13" t="s">
        <v>534</v>
      </c>
      <c r="B111530" s="14" t="s">
        <v>1</v>
      </c>
      <c r="C111530" s="14" t="s">
        <v>137</v>
      </c>
      <c r="D111530" s="14" t="s">
        <v>535</v>
      </c>
      <c r="E111530" s="15">
        <v>45581</v>
      </c>
      <c r="F111530" s="14" t="s">
        <v>25</v>
      </c>
      <c r="G111530" s="16">
        <v>3.7827260766420454</v>
      </c>
    </row>
    <row r="111531" spans="1:7" x14ac:dyDescent="0.3">
      <c r="A111531" s="13" t="s">
        <v>534</v>
      </c>
      <c r="B111531" s="14" t="s">
        <v>1</v>
      </c>
      <c r="C111531" s="14" t="s">
        <v>137</v>
      </c>
      <c r="D111531" s="14" t="s">
        <v>535</v>
      </c>
      <c r="E111531" s="15">
        <v>45582</v>
      </c>
      <c r="F111531" s="14" t="s">
        <v>25</v>
      </c>
      <c r="G111531" s="16">
        <v>3.8047489031470674</v>
      </c>
    </row>
    <row r="111532" spans="1:7" x14ac:dyDescent="0.3">
      <c r="A111532" s="13" t="s">
        <v>534</v>
      </c>
      <c r="B111532" s="14" t="s">
        <v>1</v>
      </c>
      <c r="C111532" s="14" t="s">
        <v>137</v>
      </c>
      <c r="D111532" s="14" t="s">
        <v>535</v>
      </c>
      <c r="E111532" s="15">
        <v>45583</v>
      </c>
      <c r="F111532" s="14" t="s">
        <v>25</v>
      </c>
      <c r="G111532" s="16">
        <v>3.8198032627041907</v>
      </c>
    </row>
    <row r="111533" spans="1:7" x14ac:dyDescent="0.3">
      <c r="A111533" s="13" t="s">
        <v>534</v>
      </c>
      <c r="B111533" s="14" t="s">
        <v>1</v>
      </c>
      <c r="C111533" s="14" t="s">
        <v>137</v>
      </c>
      <c r="D111533" s="14" t="s">
        <v>535</v>
      </c>
      <c r="E111533" s="15">
        <v>45584</v>
      </c>
      <c r="F111533" s="14" t="s">
        <v>25</v>
      </c>
      <c r="G111533" s="16">
        <v>3.8198032627041907</v>
      </c>
    </row>
    <row r="111534" spans="1:7" x14ac:dyDescent="0.3">
      <c r="A111534" s="13" t="s">
        <v>534</v>
      </c>
      <c r="B111534" s="14" t="s">
        <v>1</v>
      </c>
      <c r="C111534" s="14" t="s">
        <v>137</v>
      </c>
      <c r="D111534" s="14" t="s">
        <v>535</v>
      </c>
      <c r="E111534" s="15">
        <v>45585</v>
      </c>
      <c r="F111534" s="14" t="s">
        <v>25</v>
      </c>
      <c r="G111534" s="16">
        <v>3.8198032627041907</v>
      </c>
    </row>
    <row r="111535" spans="1:7" x14ac:dyDescent="0.3">
      <c r="A111535" s="13" t="s">
        <v>534</v>
      </c>
      <c r="B111535" s="14" t="s">
        <v>1</v>
      </c>
      <c r="C111535" s="14" t="s">
        <v>137</v>
      </c>
      <c r="D111535" s="14" t="s">
        <v>535</v>
      </c>
      <c r="E111535" s="15">
        <v>45586</v>
      </c>
      <c r="F111535" s="14" t="s">
        <v>25</v>
      </c>
      <c r="G111535" s="16">
        <v>3.8468333155738521</v>
      </c>
    </row>
    <row r="111536" spans="1:7" x14ac:dyDescent="0.3">
      <c r="A111536" s="13" t="s">
        <v>534</v>
      </c>
      <c r="B111536" s="14" t="s">
        <v>1</v>
      </c>
      <c r="C111536" s="14" t="s">
        <v>137</v>
      </c>
      <c r="D111536" s="14" t="s">
        <v>535</v>
      </c>
      <c r="E111536" s="15">
        <v>45587</v>
      </c>
      <c r="F111536" s="14" t="s">
        <v>25</v>
      </c>
      <c r="G111536" s="16">
        <v>3.9026497201803587</v>
      </c>
    </row>
    <row r="111537" spans="1:7" x14ac:dyDescent="0.3">
      <c r="A111537" s="13" t="s">
        <v>534</v>
      </c>
      <c r="B111537" s="14" t="s">
        <v>1</v>
      </c>
      <c r="C111537" s="14" t="s">
        <v>137</v>
      </c>
      <c r="D111537" s="14" t="s">
        <v>535</v>
      </c>
      <c r="E111537" s="15">
        <v>45588</v>
      </c>
      <c r="F111537" s="14" t="s">
        <v>25</v>
      </c>
      <c r="G111537" s="16">
        <v>3.931430763082679</v>
      </c>
    </row>
    <row r="111538" spans="1:7" x14ac:dyDescent="0.3">
      <c r="A111538" s="13" t="s">
        <v>534</v>
      </c>
      <c r="B111538" s="14" t="s">
        <v>1</v>
      </c>
      <c r="C111538" s="14" t="s">
        <v>137</v>
      </c>
      <c r="D111538" s="14" t="s">
        <v>535</v>
      </c>
      <c r="E111538" s="15">
        <v>45589</v>
      </c>
      <c r="F111538" s="14" t="s">
        <v>25</v>
      </c>
      <c r="G111538" s="16">
        <v>3.9484579160369631</v>
      </c>
    </row>
    <row r="111539" spans="1:7" x14ac:dyDescent="0.3">
      <c r="A111539" s="13" t="s">
        <v>534</v>
      </c>
      <c r="B111539" s="14" t="s">
        <v>1</v>
      </c>
      <c r="C111539" s="14" t="s">
        <v>137</v>
      </c>
      <c r="D111539" s="14" t="s">
        <v>535</v>
      </c>
      <c r="E111539" s="15">
        <v>45590</v>
      </c>
      <c r="F111539" s="14" t="s">
        <v>25</v>
      </c>
      <c r="G111539" s="16">
        <v>3.9721114072741459</v>
      </c>
    </row>
    <row r="111540" spans="1:7" x14ac:dyDescent="0.3">
      <c r="A111540" s="13" t="s">
        <v>534</v>
      </c>
      <c r="B111540" s="14" t="s">
        <v>1</v>
      </c>
      <c r="C111540" s="14" t="s">
        <v>137</v>
      </c>
      <c r="D111540" s="14" t="s">
        <v>535</v>
      </c>
      <c r="E111540" s="15">
        <v>45591</v>
      </c>
      <c r="F111540" s="14" t="s">
        <v>25</v>
      </c>
      <c r="G111540" s="16">
        <v>3.9721114072741459</v>
      </c>
    </row>
    <row r="111541" spans="1:7" x14ac:dyDescent="0.3">
      <c r="A111541" s="13" t="s">
        <v>534</v>
      </c>
      <c r="B111541" s="14" t="s">
        <v>1</v>
      </c>
      <c r="C111541" s="14" t="s">
        <v>137</v>
      </c>
      <c r="D111541" s="14" t="s">
        <v>535</v>
      </c>
      <c r="E111541" s="15">
        <v>45592</v>
      </c>
      <c r="F111541" s="14" t="s">
        <v>25</v>
      </c>
      <c r="G111541" s="16">
        <v>3.9721114072741459</v>
      </c>
    </row>
    <row r="111542" spans="1:7" x14ac:dyDescent="0.3">
      <c r="A111542" s="13" t="s">
        <v>534</v>
      </c>
      <c r="B111542" s="14" t="s">
        <v>1</v>
      </c>
      <c r="C111542" s="14" t="s">
        <v>137</v>
      </c>
      <c r="D111542" s="14" t="s">
        <v>535</v>
      </c>
      <c r="E111542" s="15">
        <v>45593</v>
      </c>
      <c r="F111542" s="14" t="s">
        <v>25</v>
      </c>
      <c r="G111542" s="16">
        <v>3.9721114072741459</v>
      </c>
    </row>
    <row r="111543" spans="1:7" x14ac:dyDescent="0.3">
      <c r="A111543" s="13" t="s">
        <v>534</v>
      </c>
      <c r="B111543" s="14" t="s">
        <v>1</v>
      </c>
      <c r="C111543" s="14" t="s">
        <v>137</v>
      </c>
      <c r="D111543" s="14" t="s">
        <v>535</v>
      </c>
      <c r="E111543" s="15">
        <v>45594</v>
      </c>
      <c r="F111543" s="14" t="s">
        <v>25</v>
      </c>
      <c r="G111543" s="16">
        <v>3.9947061762558826</v>
      </c>
    </row>
    <row r="111544" spans="1:7" x14ac:dyDescent="0.3">
      <c r="A111544" s="13" t="s">
        <v>534</v>
      </c>
      <c r="B111544" s="14" t="s">
        <v>1</v>
      </c>
      <c r="C111544" s="14" t="s">
        <v>137</v>
      </c>
      <c r="D111544" s="14" t="s">
        <v>535</v>
      </c>
      <c r="E111544" s="15">
        <v>45595</v>
      </c>
      <c r="F111544" s="14" t="s">
        <v>25</v>
      </c>
      <c r="G111544" s="16">
        <v>4.072551074989045</v>
      </c>
    </row>
    <row r="111545" spans="1:7" x14ac:dyDescent="0.3">
      <c r="A111545" s="13" t="s">
        <v>534</v>
      </c>
      <c r="B111545" s="14" t="s">
        <v>1</v>
      </c>
      <c r="C111545" s="14" t="s">
        <v>137</v>
      </c>
      <c r="D111545" s="14" t="s">
        <v>535</v>
      </c>
      <c r="E111545" s="15">
        <v>45596</v>
      </c>
      <c r="F111545" s="14" t="s">
        <v>25</v>
      </c>
      <c r="G111545" s="16">
        <v>4.0781338262827216</v>
      </c>
    </row>
    <row r="111546" spans="1:7" x14ac:dyDescent="0.3">
      <c r="A111546" s="13" t="s">
        <v>534</v>
      </c>
      <c r="B111546" s="14" t="s">
        <v>1</v>
      </c>
      <c r="C111546" s="14" t="s">
        <v>137</v>
      </c>
      <c r="D111546" s="14" t="s">
        <v>535</v>
      </c>
      <c r="E111546" s="15">
        <v>45597</v>
      </c>
      <c r="F111546" s="14" t="s">
        <v>25</v>
      </c>
      <c r="G111546" s="16">
        <v>4.1263911824606181</v>
      </c>
    </row>
    <row r="111547" spans="1:7" x14ac:dyDescent="0.3">
      <c r="A111547" s="13" t="s">
        <v>534</v>
      </c>
      <c r="B111547" s="14" t="s">
        <v>1</v>
      </c>
      <c r="C111547" s="14" t="s">
        <v>137</v>
      </c>
      <c r="D111547" s="14" t="s">
        <v>535</v>
      </c>
      <c r="E111547" s="15">
        <v>45598</v>
      </c>
      <c r="F111547" s="14" t="s">
        <v>25</v>
      </c>
      <c r="G111547" s="16">
        <v>4.1263911824606181</v>
      </c>
    </row>
    <row r="111548" spans="1:7" x14ac:dyDescent="0.3">
      <c r="A111548" s="13" t="s">
        <v>534</v>
      </c>
      <c r="B111548" s="14" t="s">
        <v>1</v>
      </c>
      <c r="C111548" s="14" t="s">
        <v>137</v>
      </c>
      <c r="D111548" s="14" t="s">
        <v>535</v>
      </c>
      <c r="E111548" s="15">
        <v>45599</v>
      </c>
      <c r="F111548" s="14" t="s">
        <v>25</v>
      </c>
      <c r="G111548" s="16">
        <v>4.1263911824606181</v>
      </c>
    </row>
    <row r="111549" spans="1:7" x14ac:dyDescent="0.3">
      <c r="A111549" s="13" t="s">
        <v>534</v>
      </c>
      <c r="B111549" s="14" t="s">
        <v>1</v>
      </c>
      <c r="C111549" s="14" t="s">
        <v>137</v>
      </c>
      <c r="D111549" s="14" t="s">
        <v>535</v>
      </c>
      <c r="E111549" s="15">
        <v>45600</v>
      </c>
      <c r="F111549" s="14" t="s">
        <v>25</v>
      </c>
      <c r="G111549" s="16">
        <v>4.1026164705546835</v>
      </c>
    </row>
    <row r="111550" spans="1:7" x14ac:dyDescent="0.3">
      <c r="A111550" s="13" t="s">
        <v>534</v>
      </c>
      <c r="B111550" s="14" t="s">
        <v>1</v>
      </c>
      <c r="C111550" s="14" t="s">
        <v>137</v>
      </c>
      <c r="D111550" s="14" t="s">
        <v>535</v>
      </c>
      <c r="E111550" s="15">
        <v>45601</v>
      </c>
      <c r="F111550" s="14" t="s">
        <v>25</v>
      </c>
      <c r="G111550" s="16">
        <v>4.1560272425771192</v>
      </c>
    </row>
    <row r="111551" spans="1:7" x14ac:dyDescent="0.3">
      <c r="A111551" s="13" t="s">
        <v>534</v>
      </c>
      <c r="B111551" s="14" t="s">
        <v>1</v>
      </c>
      <c r="C111551" s="14" t="s">
        <v>137</v>
      </c>
      <c r="D111551" s="14" t="s">
        <v>535</v>
      </c>
      <c r="E111551" s="15">
        <v>45602</v>
      </c>
      <c r="F111551" s="14" t="s">
        <v>25</v>
      </c>
      <c r="G111551" s="16">
        <v>4.2405605841576115</v>
      </c>
    </row>
    <row r="111552" spans="1:7" x14ac:dyDescent="0.3">
      <c r="A111552" s="13" t="s">
        <v>534</v>
      </c>
      <c r="B111552" s="14" t="s">
        <v>1</v>
      </c>
      <c r="C111552" s="14" t="s">
        <v>137</v>
      </c>
      <c r="D111552" s="14" t="s">
        <v>535</v>
      </c>
      <c r="E111552" s="15">
        <v>45603</v>
      </c>
      <c r="F111552" s="14" t="s">
        <v>25</v>
      </c>
      <c r="G111552" s="16">
        <v>4.2419707132988664</v>
      </c>
    </row>
    <row r="111553" spans="1:7" x14ac:dyDescent="0.3">
      <c r="A111553" s="13" t="s">
        <v>534</v>
      </c>
      <c r="B111553" s="14" t="s">
        <v>1</v>
      </c>
      <c r="C111553" s="14" t="s">
        <v>137</v>
      </c>
      <c r="D111553" s="14" t="s">
        <v>535</v>
      </c>
      <c r="E111553" s="15">
        <v>45604</v>
      </c>
      <c r="F111553" s="14" t="s">
        <v>25</v>
      </c>
      <c r="G111553" s="16">
        <v>4.274705848317871</v>
      </c>
    </row>
    <row r="111554" spans="1:7" x14ac:dyDescent="0.3">
      <c r="A111554" s="13" t="s">
        <v>534</v>
      </c>
      <c r="B111554" s="14" t="s">
        <v>1</v>
      </c>
      <c r="C111554" s="14" t="s">
        <v>137</v>
      </c>
      <c r="D111554" s="14" t="s">
        <v>535</v>
      </c>
      <c r="E111554" s="15">
        <v>45605</v>
      </c>
      <c r="F111554" s="14" t="s">
        <v>25</v>
      </c>
      <c r="G111554" s="16">
        <v>4.274705848317871</v>
      </c>
    </row>
    <row r="111555" spans="1:7" x14ac:dyDescent="0.3">
      <c r="A111555" s="13" t="s">
        <v>534</v>
      </c>
      <c r="B111555" s="14" t="s">
        <v>1</v>
      </c>
      <c r="C111555" s="14" t="s">
        <v>137</v>
      </c>
      <c r="D111555" s="14" t="s">
        <v>535</v>
      </c>
      <c r="E111555" s="15">
        <v>45606</v>
      </c>
      <c r="F111555" s="14" t="s">
        <v>25</v>
      </c>
      <c r="G111555" s="16">
        <v>4.274705848317871</v>
      </c>
    </row>
    <row r="111556" spans="1:7" x14ac:dyDescent="0.3">
      <c r="A111556" s="13" t="s">
        <v>534</v>
      </c>
      <c r="B111556" s="14" t="s">
        <v>1</v>
      </c>
      <c r="C111556" s="14" t="s">
        <v>137</v>
      </c>
      <c r="D111556" s="14" t="s">
        <v>535</v>
      </c>
      <c r="E111556" s="15">
        <v>45607</v>
      </c>
      <c r="F111556" s="14" t="s">
        <v>25</v>
      </c>
      <c r="G111556" s="16">
        <v>4.319811679005344</v>
      </c>
    </row>
    <row r="111557" spans="1:7" x14ac:dyDescent="0.3">
      <c r="A111557" s="13" t="s">
        <v>534</v>
      </c>
      <c r="B111557" s="14" t="s">
        <v>1</v>
      </c>
      <c r="C111557" s="14" t="s">
        <v>137</v>
      </c>
      <c r="D111557" s="14" t="s">
        <v>535</v>
      </c>
      <c r="E111557" s="15">
        <v>45608</v>
      </c>
      <c r="F111557" s="14" t="s">
        <v>25</v>
      </c>
      <c r="G111557" s="16">
        <v>4.3838650697978716</v>
      </c>
    </row>
    <row r="111558" spans="1:7" x14ac:dyDescent="0.3">
      <c r="A111558" s="13" t="s">
        <v>534</v>
      </c>
      <c r="B111558" s="14" t="s">
        <v>1</v>
      </c>
      <c r="C111558" s="14" t="s">
        <v>137</v>
      </c>
      <c r="D111558" s="14" t="s">
        <v>535</v>
      </c>
      <c r="E111558" s="15">
        <v>45609</v>
      </c>
      <c r="F111558" s="14" t="s">
        <v>25</v>
      </c>
      <c r="G111558" s="16">
        <v>4.4312305347021841</v>
      </c>
    </row>
    <row r="111559" spans="1:7" x14ac:dyDescent="0.3">
      <c r="A111559" s="13" t="s">
        <v>534</v>
      </c>
      <c r="B111559" s="14" t="s">
        <v>1</v>
      </c>
      <c r="C111559" s="14" t="s">
        <v>137</v>
      </c>
      <c r="D111559" s="14" t="s">
        <v>535</v>
      </c>
      <c r="E111559" s="15">
        <v>45610</v>
      </c>
      <c r="F111559" s="14" t="s">
        <v>25</v>
      </c>
      <c r="G111559" s="16">
        <v>4.4722159362933303</v>
      </c>
    </row>
    <row r="111560" spans="1:7" x14ac:dyDescent="0.3">
      <c r="A111560" s="13" t="s">
        <v>534</v>
      </c>
      <c r="B111560" s="14" t="s">
        <v>1</v>
      </c>
      <c r="C111560" s="14" t="s">
        <v>137</v>
      </c>
      <c r="D111560" s="14" t="s">
        <v>535</v>
      </c>
      <c r="E111560" s="15">
        <v>45611</v>
      </c>
      <c r="F111560" s="14" t="s">
        <v>25</v>
      </c>
      <c r="G111560" s="16">
        <v>4.4814897434181304</v>
      </c>
    </row>
    <row r="111561" spans="1:7" x14ac:dyDescent="0.3">
      <c r="A111561" s="13" t="s">
        <v>534</v>
      </c>
      <c r="B111561" s="14" t="s">
        <v>1</v>
      </c>
      <c r="C111561" s="14" t="s">
        <v>137</v>
      </c>
      <c r="D111561" s="14" t="s">
        <v>535</v>
      </c>
      <c r="E111561" s="15">
        <v>45612</v>
      </c>
      <c r="F111561" s="14" t="s">
        <v>25</v>
      </c>
      <c r="G111561" s="16">
        <v>4.4814897434181304</v>
      </c>
    </row>
    <row r="111562" spans="1:7" x14ac:dyDescent="0.3">
      <c r="A111562" s="13" t="s">
        <v>534</v>
      </c>
      <c r="B111562" s="14" t="s">
        <v>1</v>
      </c>
      <c r="C111562" s="14" t="s">
        <v>137</v>
      </c>
      <c r="D111562" s="14" t="s">
        <v>535</v>
      </c>
      <c r="E111562" s="15">
        <v>45613</v>
      </c>
      <c r="F111562" s="14" t="s">
        <v>25</v>
      </c>
      <c r="G111562" s="16">
        <v>4.4814897434181304</v>
      </c>
    </row>
    <row r="111563" spans="1:7" x14ac:dyDescent="0.3">
      <c r="A111563" s="13" t="s">
        <v>534</v>
      </c>
      <c r="B111563" s="14" t="s">
        <v>1</v>
      </c>
      <c r="C111563" s="14" t="s">
        <v>137</v>
      </c>
      <c r="D111563" s="14" t="s">
        <v>535</v>
      </c>
      <c r="E111563" s="15">
        <v>45614</v>
      </c>
      <c r="F111563" s="14" t="s">
        <v>25</v>
      </c>
      <c r="G111563" s="16">
        <v>4.4759161200432303</v>
      </c>
    </row>
    <row r="111564" spans="1:7" x14ac:dyDescent="0.3">
      <c r="A111564" s="13" t="s">
        <v>534</v>
      </c>
      <c r="B111564" s="14" t="s">
        <v>1</v>
      </c>
      <c r="C111564" s="14" t="s">
        <v>137</v>
      </c>
      <c r="D111564" s="14" t="s">
        <v>535</v>
      </c>
      <c r="E111564" s="15">
        <v>45615</v>
      </c>
      <c r="F111564" s="14" t="s">
        <v>25</v>
      </c>
      <c r="G111564" s="16">
        <v>4.5308742670911197</v>
      </c>
    </row>
    <row r="111565" spans="1:7" x14ac:dyDescent="0.3">
      <c r="A111565" s="13" t="s">
        <v>534</v>
      </c>
      <c r="B111565" s="14" t="s">
        <v>1</v>
      </c>
      <c r="C111565" s="14" t="s">
        <v>137</v>
      </c>
      <c r="D111565" s="14" t="s">
        <v>535</v>
      </c>
      <c r="E111565" s="15">
        <v>45616</v>
      </c>
      <c r="F111565" s="14" t="s">
        <v>25</v>
      </c>
      <c r="G111565" s="16">
        <v>4.5593570508174297</v>
      </c>
    </row>
    <row r="111566" spans="1:7" x14ac:dyDescent="0.3">
      <c r="A111566" s="13" t="s">
        <v>534</v>
      </c>
      <c r="B111566" s="14" t="s">
        <v>1</v>
      </c>
      <c r="C111566" s="14" t="s">
        <v>137</v>
      </c>
      <c r="D111566" s="14" t="s">
        <v>535</v>
      </c>
      <c r="E111566" s="15">
        <v>45617</v>
      </c>
      <c r="F111566" s="14" t="s">
        <v>25</v>
      </c>
      <c r="G111566" s="16">
        <v>4.594623797705081</v>
      </c>
    </row>
    <row r="111567" spans="1:7" x14ac:dyDescent="0.3">
      <c r="A111567" s="13" t="s">
        <v>534</v>
      </c>
      <c r="B111567" s="14" t="s">
        <v>1</v>
      </c>
      <c r="C111567" s="14" t="s">
        <v>137</v>
      </c>
      <c r="D111567" s="14" t="s">
        <v>535</v>
      </c>
      <c r="E111567" s="15">
        <v>45618</v>
      </c>
      <c r="F111567" s="14" t="s">
        <v>25</v>
      </c>
      <c r="G111567" s="16">
        <v>4.6520393673265206</v>
      </c>
    </row>
    <row r="111568" spans="1:7" x14ac:dyDescent="0.3">
      <c r="A111568" s="13" t="s">
        <v>534</v>
      </c>
      <c r="B111568" s="14" t="s">
        <v>1</v>
      </c>
      <c r="C111568" s="14" t="s">
        <v>137</v>
      </c>
      <c r="D111568" s="14" t="s">
        <v>535</v>
      </c>
      <c r="E111568" s="15">
        <v>45619</v>
      </c>
      <c r="F111568" s="14" t="s">
        <v>25</v>
      </c>
      <c r="G111568" s="16">
        <v>4.6520393673265206</v>
      </c>
    </row>
    <row r="111569" spans="1:7" x14ac:dyDescent="0.3">
      <c r="A111569" s="13" t="s">
        <v>534</v>
      </c>
      <c r="B111569" s="14" t="s">
        <v>1</v>
      </c>
      <c r="C111569" s="14" t="s">
        <v>137</v>
      </c>
      <c r="D111569" s="14" t="s">
        <v>535</v>
      </c>
      <c r="E111569" s="15">
        <v>45620</v>
      </c>
      <c r="F111569" s="14" t="s">
        <v>25</v>
      </c>
      <c r="G111569" s="16">
        <v>4.6520393673265206</v>
      </c>
    </row>
    <row r="111570" spans="1:7" x14ac:dyDescent="0.3">
      <c r="A111570" s="13" t="s">
        <v>534</v>
      </c>
      <c r="B111570" s="14" t="s">
        <v>1</v>
      </c>
      <c r="C111570" s="14" t="s">
        <v>137</v>
      </c>
      <c r="D111570" s="14" t="s">
        <v>535</v>
      </c>
      <c r="E111570" s="15">
        <v>45621</v>
      </c>
      <c r="F111570" s="14" t="s">
        <v>25</v>
      </c>
      <c r="G111570" s="16">
        <v>4.6311003133082771</v>
      </c>
    </row>
    <row r="111571" spans="1:7" x14ac:dyDescent="0.3">
      <c r="A111571" s="13" t="s">
        <v>534</v>
      </c>
      <c r="B111571" s="14" t="s">
        <v>1</v>
      </c>
      <c r="C111571" s="14" t="s">
        <v>137</v>
      </c>
      <c r="D111571" s="14" t="s">
        <v>535</v>
      </c>
      <c r="E111571" s="15">
        <v>45622</v>
      </c>
      <c r="F111571" s="14" t="s">
        <v>25</v>
      </c>
      <c r="G111571" s="16">
        <v>4.6905630170329164</v>
      </c>
    </row>
    <row r="111572" spans="1:7" x14ac:dyDescent="0.3">
      <c r="A111572" s="13" t="s">
        <v>534</v>
      </c>
      <c r="B111572" s="14" t="s">
        <v>1</v>
      </c>
      <c r="C111572" s="14" t="s">
        <v>137</v>
      </c>
      <c r="D111572" s="14" t="s">
        <v>535</v>
      </c>
      <c r="E111572" s="15">
        <v>45623</v>
      </c>
      <c r="F111572" s="14" t="s">
        <v>25</v>
      </c>
      <c r="G111572" s="16">
        <v>4.7193839563305513</v>
      </c>
    </row>
    <row r="111573" spans="1:7" x14ac:dyDescent="0.3">
      <c r="A111573" s="13" t="s">
        <v>534</v>
      </c>
      <c r="B111573" s="14" t="s">
        <v>1</v>
      </c>
      <c r="C111573" s="14" t="s">
        <v>137</v>
      </c>
      <c r="D111573" s="14" t="s">
        <v>535</v>
      </c>
      <c r="E111573" s="15">
        <v>45624</v>
      </c>
      <c r="F111573" s="14" t="s">
        <v>25</v>
      </c>
      <c r="G111573" s="16">
        <v>4.7445179105095647</v>
      </c>
    </row>
    <row r="111574" spans="1:7" x14ac:dyDescent="0.3">
      <c r="A111574" s="13" t="s">
        <v>534</v>
      </c>
      <c r="B111574" s="14" t="s">
        <v>1</v>
      </c>
      <c r="C111574" s="14" t="s">
        <v>137</v>
      </c>
      <c r="D111574" s="14" t="s">
        <v>535</v>
      </c>
      <c r="E111574" s="15">
        <v>45625</v>
      </c>
      <c r="F111574" s="14" t="s">
        <v>25</v>
      </c>
      <c r="G111574" s="16">
        <v>4.7534889497093058</v>
      </c>
    </row>
    <row r="111575" spans="1:7" x14ac:dyDescent="0.3">
      <c r="A111575" s="13" t="s">
        <v>534</v>
      </c>
      <c r="B111575" s="14" t="s">
        <v>1</v>
      </c>
      <c r="C111575" s="14" t="s">
        <v>137</v>
      </c>
      <c r="D111575" s="14" t="s">
        <v>535</v>
      </c>
      <c r="E111575" s="15">
        <v>45626</v>
      </c>
      <c r="F111575" s="14" t="s">
        <v>25</v>
      </c>
      <c r="G111575" s="16">
        <v>4.7534889497093058</v>
      </c>
    </row>
    <row r="111576" spans="1:7" x14ac:dyDescent="0.3">
      <c r="A111576" s="13" t="s">
        <v>534</v>
      </c>
      <c r="B111576" s="14" t="s">
        <v>1</v>
      </c>
      <c r="C111576" s="14" t="s">
        <v>137</v>
      </c>
      <c r="D111576" s="14" t="s">
        <v>535</v>
      </c>
      <c r="E111576" s="15">
        <v>45627</v>
      </c>
      <c r="F111576" s="14" t="s">
        <v>25</v>
      </c>
      <c r="G111576" s="16">
        <v>4.7534889497093058</v>
      </c>
    </row>
    <row r="111577" spans="1:7" x14ac:dyDescent="0.3">
      <c r="A111577" s="13" t="s">
        <v>534</v>
      </c>
      <c r="B111577" s="14" t="s">
        <v>1</v>
      </c>
      <c r="C111577" s="14" t="s">
        <v>137</v>
      </c>
      <c r="D111577" s="14" t="s">
        <v>535</v>
      </c>
      <c r="E111577" s="15">
        <v>45628</v>
      </c>
      <c r="F111577" s="14" t="s">
        <v>25</v>
      </c>
      <c r="G111577" s="16">
        <v>4.8040954988972322</v>
      </c>
    </row>
    <row r="111578" spans="1:7" x14ac:dyDescent="0.3">
      <c r="A111578" s="13" t="s">
        <v>534</v>
      </c>
      <c r="B111578" s="14" t="s">
        <v>1</v>
      </c>
      <c r="C111578" s="14" t="s">
        <v>137</v>
      </c>
      <c r="D111578" s="14" t="s">
        <v>535</v>
      </c>
      <c r="E111578" s="15">
        <v>45629</v>
      </c>
      <c r="F111578" s="14" t="s">
        <v>25</v>
      </c>
      <c r="G111578" s="16">
        <v>4.8593565726603476</v>
      </c>
    </row>
    <row r="111579" spans="1:7" x14ac:dyDescent="0.3">
      <c r="A111579" s="13" t="s">
        <v>534</v>
      </c>
      <c r="B111579" s="14" t="s">
        <v>1</v>
      </c>
      <c r="C111579" s="14" t="s">
        <v>137</v>
      </c>
      <c r="D111579" s="14" t="s">
        <v>535</v>
      </c>
      <c r="E111579" s="15">
        <v>45630</v>
      </c>
      <c r="F111579" s="14" t="s">
        <v>25</v>
      </c>
      <c r="G111579" s="16">
        <v>4.866382111244496</v>
      </c>
    </row>
    <row r="111580" spans="1:7" x14ac:dyDescent="0.3">
      <c r="A111580" s="13" t="s">
        <v>534</v>
      </c>
      <c r="B111580" s="14" t="s">
        <v>1</v>
      </c>
      <c r="C111580" s="14" t="s">
        <v>137</v>
      </c>
      <c r="D111580" s="14" t="s">
        <v>535</v>
      </c>
      <c r="E111580" s="15">
        <v>45631</v>
      </c>
      <c r="F111580" s="14" t="s">
        <v>25</v>
      </c>
      <c r="G111580" s="16">
        <v>4.854995117199139</v>
      </c>
    </row>
    <row r="111581" spans="1:7" x14ac:dyDescent="0.3">
      <c r="A111581" s="13" t="s">
        <v>534</v>
      </c>
      <c r="B111581" s="14" t="s">
        <v>1</v>
      </c>
      <c r="C111581" s="14" t="s">
        <v>137</v>
      </c>
      <c r="D111581" s="14" t="s">
        <v>535</v>
      </c>
      <c r="E111581" s="15">
        <v>45632</v>
      </c>
      <c r="F111581" s="14" t="s">
        <v>25</v>
      </c>
      <c r="G111581" s="16">
        <v>4.8734831008918365</v>
      </c>
    </row>
    <row r="111582" spans="1:7" x14ac:dyDescent="0.3">
      <c r="A111582" s="13" t="s">
        <v>534</v>
      </c>
      <c r="B111582" s="14" t="s">
        <v>1</v>
      </c>
      <c r="C111582" s="14" t="s">
        <v>137</v>
      </c>
      <c r="D111582" s="14" t="s">
        <v>535</v>
      </c>
      <c r="E111582" s="15">
        <v>45633</v>
      </c>
      <c r="F111582" s="14" t="s">
        <v>25</v>
      </c>
      <c r="G111582" s="16">
        <v>4.8734831008918365</v>
      </c>
    </row>
    <row r="111583" spans="1:7" x14ac:dyDescent="0.3">
      <c r="A111583" s="13" t="s">
        <v>534</v>
      </c>
      <c r="B111583" s="14" t="s">
        <v>1</v>
      </c>
      <c r="C111583" s="14" t="s">
        <v>137</v>
      </c>
      <c r="D111583" s="14" t="s">
        <v>535</v>
      </c>
      <c r="E111583" s="15">
        <v>45634</v>
      </c>
      <c r="F111583" s="14" t="s">
        <v>25</v>
      </c>
      <c r="G111583" s="16">
        <v>4.8734831008918365</v>
      </c>
    </row>
    <row r="111584" spans="1:7" x14ac:dyDescent="0.3">
      <c r="A111584" s="13" t="s">
        <v>534</v>
      </c>
      <c r="B111584" s="14" t="s">
        <v>1</v>
      </c>
      <c r="C111584" s="14" t="s">
        <v>137</v>
      </c>
      <c r="D111584" s="14" t="s">
        <v>535</v>
      </c>
      <c r="E111584" s="15">
        <v>45635</v>
      </c>
      <c r="F111584" s="14" t="s">
        <v>25</v>
      </c>
      <c r="G111584" s="16">
        <v>4.8985814386855866</v>
      </c>
    </row>
    <row r="111585" spans="1:7" x14ac:dyDescent="0.3">
      <c r="A111585" s="13" t="s">
        <v>534</v>
      </c>
      <c r="B111585" s="14" t="s">
        <v>1</v>
      </c>
      <c r="C111585" s="14" t="s">
        <v>137</v>
      </c>
      <c r="D111585" s="14" t="s">
        <v>535</v>
      </c>
      <c r="E111585" s="15">
        <v>45636</v>
      </c>
      <c r="F111585" s="14" t="s">
        <v>25</v>
      </c>
      <c r="G111585" s="16">
        <v>4.9775928526129318</v>
      </c>
    </row>
    <row r="111586" spans="1:7" x14ac:dyDescent="0.3">
      <c r="A111586" s="13" t="s">
        <v>534</v>
      </c>
      <c r="B111586" s="14" t="s">
        <v>1</v>
      </c>
      <c r="C111586" s="14" t="s">
        <v>137</v>
      </c>
      <c r="D111586" s="14" t="s">
        <v>535</v>
      </c>
      <c r="E111586" s="15">
        <v>45637</v>
      </c>
      <c r="F111586" s="14" t="s">
        <v>25</v>
      </c>
      <c r="G111586" s="16">
        <v>5.006275585357634</v>
      </c>
    </row>
    <row r="111587" spans="1:7" x14ac:dyDescent="0.3">
      <c r="A111587" s="13" t="s">
        <v>534</v>
      </c>
      <c r="B111587" s="14" t="s">
        <v>1</v>
      </c>
      <c r="C111587" s="14" t="s">
        <v>137</v>
      </c>
      <c r="D111587" s="14" t="s">
        <v>535</v>
      </c>
      <c r="E111587" s="15">
        <v>45638</v>
      </c>
      <c r="F111587" s="14" t="s">
        <v>25</v>
      </c>
      <c r="G111587" s="16">
        <v>5.0696455768633442</v>
      </c>
    </row>
    <row r="111588" spans="1:7" x14ac:dyDescent="0.3">
      <c r="A111588" s="13" t="s">
        <v>534</v>
      </c>
      <c r="B111588" s="14" t="s">
        <v>1</v>
      </c>
      <c r="C111588" s="14" t="s">
        <v>137</v>
      </c>
      <c r="D111588" s="14" t="s">
        <v>535</v>
      </c>
      <c r="E111588" s="15">
        <v>45639</v>
      </c>
      <c r="F111588" s="14" t="s">
        <v>25</v>
      </c>
      <c r="G111588" s="16">
        <v>5.0929195211238403</v>
      </c>
    </row>
    <row r="111589" spans="1:7" x14ac:dyDescent="0.3">
      <c r="A111589" s="13" t="s">
        <v>534</v>
      </c>
      <c r="B111589" s="14" t="s">
        <v>1</v>
      </c>
      <c r="C111589" s="14" t="s">
        <v>137</v>
      </c>
      <c r="D111589" s="14" t="s">
        <v>535</v>
      </c>
      <c r="E111589" s="15">
        <v>45640</v>
      </c>
      <c r="F111589" s="14" t="s">
        <v>25</v>
      </c>
      <c r="G111589" s="16">
        <v>5.0929195211238403</v>
      </c>
    </row>
    <row r="111590" spans="1:7" x14ac:dyDescent="0.3">
      <c r="A111590" s="13" t="s">
        <v>534</v>
      </c>
      <c r="B111590" s="14" t="s">
        <v>1</v>
      </c>
      <c r="C111590" s="14" t="s">
        <v>137</v>
      </c>
      <c r="D111590" s="14" t="s">
        <v>535</v>
      </c>
      <c r="E111590" s="15">
        <v>45641</v>
      </c>
      <c r="F111590" s="14" t="s">
        <v>25</v>
      </c>
      <c r="G111590" s="16">
        <v>5.0929195211238403</v>
      </c>
    </row>
    <row r="111591" spans="1:7" x14ac:dyDescent="0.3">
      <c r="A111591" s="13" t="s">
        <v>534</v>
      </c>
      <c r="B111591" s="14" t="s">
        <v>1</v>
      </c>
      <c r="C111591" s="14" t="s">
        <v>137</v>
      </c>
      <c r="D111591" s="14" t="s">
        <v>535</v>
      </c>
      <c r="E111591" s="15">
        <v>45642</v>
      </c>
      <c r="F111591" s="14" t="s">
        <v>25</v>
      </c>
      <c r="G111591" s="16">
        <v>5.1200613890814441</v>
      </c>
    </row>
    <row r="111592" spans="1:7" x14ac:dyDescent="0.3">
      <c r="A111592" s="13" t="s">
        <v>534</v>
      </c>
      <c r="B111592" s="14" t="s">
        <v>1</v>
      </c>
      <c r="C111592" s="14" t="s">
        <v>137</v>
      </c>
      <c r="D111592" s="14" t="s">
        <v>535</v>
      </c>
      <c r="E111592" s="15">
        <v>45643</v>
      </c>
      <c r="F111592" s="14" t="s">
        <v>25</v>
      </c>
      <c r="G111592" s="16">
        <v>5.1693016261828815</v>
      </c>
    </row>
    <row r="111593" spans="1:7" x14ac:dyDescent="0.3">
      <c r="A111593" s="13" t="s">
        <v>534</v>
      </c>
      <c r="B111593" s="14" t="s">
        <v>1</v>
      </c>
      <c r="C111593" s="14" t="s">
        <v>137</v>
      </c>
      <c r="D111593" s="14" t="s">
        <v>535</v>
      </c>
      <c r="E111593" s="15">
        <v>45644</v>
      </c>
      <c r="F111593" s="14" t="s">
        <v>25</v>
      </c>
      <c r="G111593" s="16">
        <v>5.2354167603220061</v>
      </c>
    </row>
    <row r="111594" spans="1:7" x14ac:dyDescent="0.3">
      <c r="A111594" s="13" t="s">
        <v>534</v>
      </c>
      <c r="B111594" s="14" t="s">
        <v>1</v>
      </c>
      <c r="C111594" s="14" t="s">
        <v>137</v>
      </c>
      <c r="D111594" s="14" t="s">
        <v>535</v>
      </c>
      <c r="E111594" s="15">
        <v>45645</v>
      </c>
      <c r="F111594" s="14" t="s">
        <v>25</v>
      </c>
      <c r="G111594" s="16">
        <v>5.2434426013230144</v>
      </c>
    </row>
    <row r="111595" spans="1:7" x14ac:dyDescent="0.3">
      <c r="A111595" s="13" t="s">
        <v>534</v>
      </c>
      <c r="B111595" s="14" t="s">
        <v>1</v>
      </c>
      <c r="C111595" s="14" t="s">
        <v>137</v>
      </c>
      <c r="D111595" s="14" t="s">
        <v>535</v>
      </c>
      <c r="E111595" s="15">
        <v>45646</v>
      </c>
      <c r="F111595" s="14" t="s">
        <v>25</v>
      </c>
      <c r="G111595" s="16">
        <v>5.2301864019150193</v>
      </c>
    </row>
    <row r="111596" spans="1:7" x14ac:dyDescent="0.3">
      <c r="A111596" s="13" t="s">
        <v>534</v>
      </c>
      <c r="B111596" s="14" t="s">
        <v>1</v>
      </c>
      <c r="C111596" s="14" t="s">
        <v>137</v>
      </c>
      <c r="D111596" s="14" t="s">
        <v>535</v>
      </c>
      <c r="E111596" s="15">
        <v>45647</v>
      </c>
      <c r="F111596" s="14" t="s">
        <v>25</v>
      </c>
      <c r="G111596" s="16">
        <v>5.2301864019150193</v>
      </c>
    </row>
    <row r="111597" spans="1:7" x14ac:dyDescent="0.3">
      <c r="A111597" s="13" t="s">
        <v>534</v>
      </c>
      <c r="B111597" s="14" t="s">
        <v>1</v>
      </c>
      <c r="C111597" s="14" t="s">
        <v>137</v>
      </c>
      <c r="D111597" s="14" t="s">
        <v>535</v>
      </c>
      <c r="E111597" s="15">
        <v>45648</v>
      </c>
      <c r="F111597" s="14" t="s">
        <v>25</v>
      </c>
      <c r="G111597" s="16">
        <v>5.2301864019150193</v>
      </c>
    </row>
    <row r="111598" spans="1:7" x14ac:dyDescent="0.3">
      <c r="A111598" s="13" t="s">
        <v>534</v>
      </c>
      <c r="B111598" s="14" t="s">
        <v>1</v>
      </c>
      <c r="C111598" s="14" t="s">
        <v>137</v>
      </c>
      <c r="D111598" s="14" t="s">
        <v>535</v>
      </c>
      <c r="E111598" s="15">
        <v>45649</v>
      </c>
      <c r="F111598" s="14" t="s">
        <v>25</v>
      </c>
      <c r="G111598" s="16">
        <v>5.2815808349224698</v>
      </c>
    </row>
    <row r="111599" spans="1:7" x14ac:dyDescent="0.3">
      <c r="A111599" s="13" t="s">
        <v>534</v>
      </c>
      <c r="B111599" s="14" t="s">
        <v>1</v>
      </c>
      <c r="C111599" s="14" t="s">
        <v>137</v>
      </c>
      <c r="D111599" s="14" t="s">
        <v>535</v>
      </c>
      <c r="E111599" s="15">
        <v>45650</v>
      </c>
      <c r="F111599" s="14" t="s">
        <v>25</v>
      </c>
      <c r="G111599" s="16">
        <v>5.3510180293551137</v>
      </c>
    </row>
    <row r="111600" spans="1:7" x14ac:dyDescent="0.3">
      <c r="A111600" s="13" t="s">
        <v>534</v>
      </c>
      <c r="B111600" s="14" t="s">
        <v>1</v>
      </c>
      <c r="C111600" s="14" t="s">
        <v>137</v>
      </c>
      <c r="D111600" s="14" t="s">
        <v>535</v>
      </c>
      <c r="E111600" s="15">
        <v>45651</v>
      </c>
      <c r="F111600" s="14" t="s">
        <v>25</v>
      </c>
      <c r="G111600" s="16">
        <v>5.3510180293551137</v>
      </c>
    </row>
    <row r="111601" spans="1:7" x14ac:dyDescent="0.3">
      <c r="A111601" s="13" t="s">
        <v>534</v>
      </c>
      <c r="B111601" s="14" t="s">
        <v>1</v>
      </c>
      <c r="C111601" s="14" t="s">
        <v>137</v>
      </c>
      <c r="D111601" s="14" t="s">
        <v>535</v>
      </c>
      <c r="E111601" s="15">
        <v>45652</v>
      </c>
      <c r="F111601" s="14" t="s">
        <v>25</v>
      </c>
      <c r="G111601" s="16">
        <v>5.3510180293551137</v>
      </c>
    </row>
    <row r="111602" spans="1:7" x14ac:dyDescent="0.3">
      <c r="A111602" s="13" t="s">
        <v>534</v>
      </c>
      <c r="B111602" s="14" t="s">
        <v>1</v>
      </c>
      <c r="C111602" s="14" t="s">
        <v>137</v>
      </c>
      <c r="D111602" s="14" t="s">
        <v>535</v>
      </c>
      <c r="E111602" s="15">
        <v>45653</v>
      </c>
      <c r="F111602" s="14" t="s">
        <v>25</v>
      </c>
      <c r="G111602" s="16">
        <v>5.3510180293551137</v>
      </c>
    </row>
    <row r="111603" spans="1:7" x14ac:dyDescent="0.3">
      <c r="A111603" s="13" t="s">
        <v>534</v>
      </c>
      <c r="B111603" s="14" t="s">
        <v>1</v>
      </c>
      <c r="C111603" s="14" t="s">
        <v>137</v>
      </c>
      <c r="D111603" s="14" t="s">
        <v>535</v>
      </c>
      <c r="E111603" s="15">
        <v>45654</v>
      </c>
      <c r="F111603" s="14" t="s">
        <v>25</v>
      </c>
      <c r="G111603" s="16">
        <v>5.3510180293551137</v>
      </c>
    </row>
    <row r="111604" spans="1:7" x14ac:dyDescent="0.3">
      <c r="A111604" s="13" t="s">
        <v>534</v>
      </c>
      <c r="B111604" s="14" t="s">
        <v>1</v>
      </c>
      <c r="C111604" s="14" t="s">
        <v>137</v>
      </c>
      <c r="D111604" s="14" t="s">
        <v>535</v>
      </c>
      <c r="E111604" s="15">
        <v>45655</v>
      </c>
      <c r="F111604" s="14" t="s">
        <v>25</v>
      </c>
      <c r="G111604" s="16">
        <v>5.3510180293551137</v>
      </c>
    </row>
    <row r="111605" spans="1:7" x14ac:dyDescent="0.3">
      <c r="A111605" s="13" t="s">
        <v>534</v>
      </c>
      <c r="B111605" s="14" t="s">
        <v>1</v>
      </c>
      <c r="C111605" s="14" t="s">
        <v>137</v>
      </c>
      <c r="D111605" s="14" t="s">
        <v>535</v>
      </c>
      <c r="E111605" s="15">
        <v>45656</v>
      </c>
      <c r="F111605" s="14" t="s">
        <v>25</v>
      </c>
      <c r="G111605" s="16">
        <v>5.3904785378507265</v>
      </c>
    </row>
    <row r="111606" spans="1:7" x14ac:dyDescent="0.3">
      <c r="A111606" s="13" t="s">
        <v>534</v>
      </c>
      <c r="B111606" s="14" t="s">
        <v>1</v>
      </c>
      <c r="C111606" s="14" t="s">
        <v>137</v>
      </c>
      <c r="D111606" s="14" t="s">
        <v>535</v>
      </c>
      <c r="E111606" s="15">
        <v>45657</v>
      </c>
      <c r="F111606" s="14" t="s">
        <v>25</v>
      </c>
      <c r="G111606" s="16">
        <v>5.5271564537615046</v>
      </c>
    </row>
    <row r="111607" spans="1:7" x14ac:dyDescent="0.3">
      <c r="A111607" s="13" t="s">
        <v>534</v>
      </c>
      <c r="B111607" s="14" t="s">
        <v>1</v>
      </c>
      <c r="C111607" s="14" t="s">
        <v>137</v>
      </c>
      <c r="D111607" s="14" t="s">
        <v>535</v>
      </c>
      <c r="E111607" s="15">
        <v>45658</v>
      </c>
      <c r="F111607" s="14" t="s">
        <v>25</v>
      </c>
      <c r="G111607" s="16">
        <v>5.5271564537615046</v>
      </c>
    </row>
    <row r="111608" spans="1:7" x14ac:dyDescent="0.3">
      <c r="A111608" s="13" t="s">
        <v>534</v>
      </c>
      <c r="B111608" s="14" t="s">
        <v>1</v>
      </c>
      <c r="C111608" s="14" t="s">
        <v>137</v>
      </c>
      <c r="D111608" s="14" t="s">
        <v>535</v>
      </c>
      <c r="E111608" s="15">
        <v>45659</v>
      </c>
      <c r="F111608" s="14" t="s">
        <v>25</v>
      </c>
      <c r="G111608" s="16">
        <v>5.57546522649604</v>
      </c>
    </row>
    <row r="111609" spans="1:7" x14ac:dyDescent="0.3">
      <c r="A111609" s="13" t="s">
        <v>534</v>
      </c>
      <c r="B111609" s="14" t="s">
        <v>1</v>
      </c>
      <c r="C111609" s="14" t="s">
        <v>137</v>
      </c>
      <c r="D111609" s="14" t="s">
        <v>535</v>
      </c>
      <c r="E111609" s="15">
        <v>45660</v>
      </c>
      <c r="F111609" s="14" t="s">
        <v>25</v>
      </c>
      <c r="G111609" s="16">
        <v>5.5752959157482733</v>
      </c>
    </row>
    <row r="111610" spans="1:7" x14ac:dyDescent="0.3">
      <c r="A111610" s="13" t="s">
        <v>534</v>
      </c>
      <c r="B111610" s="14" t="s">
        <v>1</v>
      </c>
      <c r="C111610" s="14" t="s">
        <v>137</v>
      </c>
      <c r="D111610" s="14" t="s">
        <v>535</v>
      </c>
      <c r="E111610" s="15">
        <v>45661</v>
      </c>
      <c r="F111610" s="14" t="s">
        <v>25</v>
      </c>
      <c r="G111610" s="16">
        <v>5.5752959157482733</v>
      </c>
    </row>
    <row r="111611" spans="1:7" x14ac:dyDescent="0.3">
      <c r="A111611" s="13" t="s">
        <v>534</v>
      </c>
      <c r="B111611" s="14" t="s">
        <v>1</v>
      </c>
      <c r="C111611" s="14" t="s">
        <v>137</v>
      </c>
      <c r="D111611" s="14" t="s">
        <v>535</v>
      </c>
      <c r="E111611" s="15">
        <v>45662</v>
      </c>
      <c r="F111611" s="14" t="s">
        <v>25</v>
      </c>
      <c r="G111611" s="16">
        <v>5.5752959157482733</v>
      </c>
    </row>
    <row r="111612" spans="1:7" x14ac:dyDescent="0.3">
      <c r="A111612" s="13" t="s">
        <v>534</v>
      </c>
      <c r="B111612" s="14" t="s">
        <v>1</v>
      </c>
      <c r="C111612" s="14" t="s">
        <v>137</v>
      </c>
      <c r="D111612" s="14" t="s">
        <v>535</v>
      </c>
      <c r="E111612" s="15">
        <v>45663</v>
      </c>
      <c r="F111612" s="14" t="s">
        <v>25</v>
      </c>
      <c r="G111612" s="16">
        <v>5.5724948093218369</v>
      </c>
    </row>
    <row r="111613" spans="1:7" x14ac:dyDescent="0.3">
      <c r="A111613" s="13" t="s">
        <v>534</v>
      </c>
      <c r="B111613" s="14" t="s">
        <v>1</v>
      </c>
      <c r="C111613" s="14" t="s">
        <v>137</v>
      </c>
      <c r="D111613" s="14" t="s">
        <v>535</v>
      </c>
      <c r="E111613" s="15">
        <v>45664</v>
      </c>
      <c r="F111613" s="14" t="s">
        <v>25</v>
      </c>
      <c r="G111613" s="16">
        <v>5.6618560376214448</v>
      </c>
    </row>
    <row r="111614" spans="1:7" x14ac:dyDescent="0.3">
      <c r="A111614" s="13" t="s">
        <v>534</v>
      </c>
      <c r="B111614" s="14" t="s">
        <v>1</v>
      </c>
      <c r="C111614" s="14" t="s">
        <v>137</v>
      </c>
      <c r="D111614" s="14" t="s">
        <v>535</v>
      </c>
      <c r="E111614" s="15">
        <v>45665</v>
      </c>
      <c r="F111614" s="14" t="s">
        <v>25</v>
      </c>
      <c r="G111614" s="16">
        <v>5.6911776434488806</v>
      </c>
    </row>
    <row r="111615" spans="1:7" x14ac:dyDescent="0.3">
      <c r="A111615" s="13" t="s">
        <v>534</v>
      </c>
      <c r="B111615" s="14" t="s">
        <v>1</v>
      </c>
      <c r="C111615" s="14" t="s">
        <v>137</v>
      </c>
      <c r="D111615" s="14" t="s">
        <v>535</v>
      </c>
      <c r="E111615" s="15">
        <v>45666</v>
      </c>
      <c r="F111615" s="14" t="s">
        <v>25</v>
      </c>
      <c r="G111615" s="16">
        <v>5.7183199472127715</v>
      </c>
    </row>
    <row r="111616" spans="1:7" x14ac:dyDescent="0.3">
      <c r="A111616" s="13" t="s">
        <v>534</v>
      </c>
      <c r="B111616" s="14" t="s">
        <v>1</v>
      </c>
      <c r="C111616" s="14" t="s">
        <v>137</v>
      </c>
      <c r="D111616" s="14" t="s">
        <v>535</v>
      </c>
      <c r="E111616" s="15">
        <v>45667</v>
      </c>
      <c r="F111616" s="14" t="s">
        <v>25</v>
      </c>
      <c r="G111616" s="16">
        <v>5.7706215116934612</v>
      </c>
    </row>
    <row r="111617" spans="1:7" x14ac:dyDescent="0.3">
      <c r="A111617" s="13" t="s">
        <v>534</v>
      </c>
      <c r="B111617" s="14" t="s">
        <v>1</v>
      </c>
      <c r="C111617" s="14" t="s">
        <v>137</v>
      </c>
      <c r="D111617" s="14" t="s">
        <v>535</v>
      </c>
      <c r="E111617" s="15">
        <v>45668</v>
      </c>
      <c r="F111617" s="14" t="s">
        <v>25</v>
      </c>
      <c r="G111617" s="16">
        <v>5.7706215116934612</v>
      </c>
    </row>
    <row r="111618" spans="1:7" x14ac:dyDescent="0.3">
      <c r="A111618" s="13" t="s">
        <v>534</v>
      </c>
      <c r="B111618" s="14" t="s">
        <v>1</v>
      </c>
      <c r="C111618" s="14" t="s">
        <v>137</v>
      </c>
      <c r="D111618" s="14" t="s">
        <v>535</v>
      </c>
      <c r="E111618" s="15">
        <v>45669</v>
      </c>
      <c r="F111618" s="14" t="s">
        <v>25</v>
      </c>
      <c r="G111618" s="16">
        <v>5.7706215116934612</v>
      </c>
    </row>
    <row r="111619" spans="1:7" x14ac:dyDescent="0.3">
      <c r="A111619" s="13" t="s">
        <v>534</v>
      </c>
      <c r="B111619" s="14" t="s">
        <v>1</v>
      </c>
      <c r="C111619" s="14" t="s">
        <v>137</v>
      </c>
      <c r="D111619" s="14" t="s">
        <v>535</v>
      </c>
      <c r="E111619" s="15">
        <v>45670</v>
      </c>
      <c r="F111619" s="14" t="s">
        <v>25</v>
      </c>
      <c r="G111619" s="16">
        <v>5.790788568604353</v>
      </c>
    </row>
    <row r="111620" spans="1:7" x14ac:dyDescent="0.3">
      <c r="A111620" s="13" t="s">
        <v>534</v>
      </c>
      <c r="B111620" s="14" t="s">
        <v>1</v>
      </c>
      <c r="C111620" s="14" t="s">
        <v>137</v>
      </c>
      <c r="D111620" s="14" t="s">
        <v>535</v>
      </c>
      <c r="E111620" s="15">
        <v>45671</v>
      </c>
      <c r="F111620" s="14" t="s">
        <v>25</v>
      </c>
      <c r="G111620" s="16">
        <v>5.8228343013077248</v>
      </c>
    </row>
    <row r="111621" spans="1:7" x14ac:dyDescent="0.3">
      <c r="A111621" s="13" t="s">
        <v>534</v>
      </c>
      <c r="B111621" s="14" t="s">
        <v>1</v>
      </c>
      <c r="C111621" s="14" t="s">
        <v>137</v>
      </c>
      <c r="D111621" s="14" t="s">
        <v>535</v>
      </c>
      <c r="E111621" s="15">
        <v>45672</v>
      </c>
      <c r="F111621" s="14" t="s">
        <v>25</v>
      </c>
      <c r="G111621" s="16">
        <v>5.8467710876476531</v>
      </c>
    </row>
    <row r="111622" spans="1:7" x14ac:dyDescent="0.3">
      <c r="A111622" s="13" t="s">
        <v>534</v>
      </c>
      <c r="B111622" s="14" t="s">
        <v>1</v>
      </c>
      <c r="C111622" s="14" t="s">
        <v>137</v>
      </c>
      <c r="D111622" s="14" t="s">
        <v>535</v>
      </c>
      <c r="E111622" s="15">
        <v>45673</v>
      </c>
      <c r="F111622" s="14" t="s">
        <v>25</v>
      </c>
      <c r="G111622" s="16">
        <v>5.8524432083165712</v>
      </c>
    </row>
    <row r="111623" spans="1:7" x14ac:dyDescent="0.3">
      <c r="A111623" s="13" t="s">
        <v>534</v>
      </c>
      <c r="B111623" s="14" t="s">
        <v>1</v>
      </c>
      <c r="C111623" s="14" t="s">
        <v>137</v>
      </c>
      <c r="D111623" s="14" t="s">
        <v>535</v>
      </c>
      <c r="E111623" s="15">
        <v>45674</v>
      </c>
      <c r="F111623" s="14" t="s">
        <v>25</v>
      </c>
      <c r="G111623" s="16">
        <v>5.8993557589172019</v>
      </c>
    </row>
    <row r="111624" spans="1:7" x14ac:dyDescent="0.3">
      <c r="A111624" s="13" t="s">
        <v>534</v>
      </c>
      <c r="B111624" s="14" t="s">
        <v>1</v>
      </c>
      <c r="C111624" s="14" t="s">
        <v>137</v>
      </c>
      <c r="D111624" s="14" t="s">
        <v>535</v>
      </c>
      <c r="E111624" s="15">
        <v>45675</v>
      </c>
      <c r="F111624" s="14" t="s">
        <v>25</v>
      </c>
      <c r="G111624" s="16">
        <v>5.8993557589172019</v>
      </c>
    </row>
    <row r="111625" spans="1:7" x14ac:dyDescent="0.3">
      <c r="A111625" s="13" t="s">
        <v>534</v>
      </c>
      <c r="B111625" s="14" t="s">
        <v>1</v>
      </c>
      <c r="C111625" s="14" t="s">
        <v>137</v>
      </c>
      <c r="D111625" s="14" t="s">
        <v>535</v>
      </c>
      <c r="E111625" s="15">
        <v>45676</v>
      </c>
      <c r="F111625" s="14" t="s">
        <v>25</v>
      </c>
      <c r="G111625" s="16">
        <v>5.8993557589172019</v>
      </c>
    </row>
    <row r="111626" spans="1:7" x14ac:dyDescent="0.3">
      <c r="A111626" s="13" t="s">
        <v>534</v>
      </c>
      <c r="B111626" s="14" t="s">
        <v>1</v>
      </c>
      <c r="C111626" s="14" t="s">
        <v>137</v>
      </c>
      <c r="D111626" s="14" t="s">
        <v>535</v>
      </c>
      <c r="E111626" s="15">
        <v>45677</v>
      </c>
      <c r="F111626" s="14" t="s">
        <v>25</v>
      </c>
      <c r="G111626" s="16">
        <v>5.8633685199997299</v>
      </c>
    </row>
    <row r="111627" spans="1:7" x14ac:dyDescent="0.3">
      <c r="A111627" s="13" t="s">
        <v>534</v>
      </c>
      <c r="B111627" s="14" t="s">
        <v>1</v>
      </c>
      <c r="C111627" s="14" t="s">
        <v>137</v>
      </c>
      <c r="D111627" s="14" t="s">
        <v>535</v>
      </c>
      <c r="E111627" s="15">
        <v>45678</v>
      </c>
      <c r="F111627" s="14" t="s">
        <v>25</v>
      </c>
      <c r="G111627" s="16">
        <v>5.9186963631168119</v>
      </c>
    </row>
    <row r="111628" spans="1:7" x14ac:dyDescent="0.3">
      <c r="A111628" s="13" t="s">
        <v>534</v>
      </c>
      <c r="B111628" s="14" t="s">
        <v>1</v>
      </c>
      <c r="C111628" s="14" t="s">
        <v>137</v>
      </c>
      <c r="D111628" s="14" t="s">
        <v>535</v>
      </c>
      <c r="E111628" s="15">
        <v>45679</v>
      </c>
      <c r="F111628" s="14" t="s">
        <v>25</v>
      </c>
      <c r="G111628" s="16">
        <v>5.9434975864283741</v>
      </c>
    </row>
    <row r="111629" spans="1:7" x14ac:dyDescent="0.3">
      <c r="A111629" s="13" t="s">
        <v>534</v>
      </c>
      <c r="B111629" s="14" t="s">
        <v>1</v>
      </c>
      <c r="C111629" s="14" t="s">
        <v>137</v>
      </c>
      <c r="D111629" s="14" t="s">
        <v>535</v>
      </c>
      <c r="E111629" s="15">
        <v>45680</v>
      </c>
      <c r="F111629" s="14" t="s">
        <v>25</v>
      </c>
      <c r="G111629" s="16">
        <v>5.9658396179865036</v>
      </c>
    </row>
    <row r="111630" spans="1:7" x14ac:dyDescent="0.3">
      <c r="A111630" s="13" t="s">
        <v>534</v>
      </c>
      <c r="B111630" s="14" t="s">
        <v>1</v>
      </c>
      <c r="C111630" s="14" t="s">
        <v>137</v>
      </c>
      <c r="D111630" s="14" t="s">
        <v>535</v>
      </c>
      <c r="E111630" s="15">
        <v>45681</v>
      </c>
      <c r="F111630" s="14" t="s">
        <v>25</v>
      </c>
      <c r="G111630" s="16">
        <v>5.9768765660651644</v>
      </c>
    </row>
    <row r="111631" spans="1:7" x14ac:dyDescent="0.3">
      <c r="A111631" s="13" t="s">
        <v>534</v>
      </c>
      <c r="B111631" s="14" t="s">
        <v>1</v>
      </c>
      <c r="C111631" s="14" t="s">
        <v>137</v>
      </c>
      <c r="D111631" s="14" t="s">
        <v>535</v>
      </c>
      <c r="E111631" s="15">
        <v>45682</v>
      </c>
      <c r="F111631" s="14" t="s">
        <v>25</v>
      </c>
      <c r="G111631" s="16">
        <v>5.9768765660651644</v>
      </c>
    </row>
    <row r="111632" spans="1:7" x14ac:dyDescent="0.3">
      <c r="A111632" s="13" t="s">
        <v>534</v>
      </c>
      <c r="B111632" s="14" t="s">
        <v>1</v>
      </c>
      <c r="C111632" s="14" t="s">
        <v>137</v>
      </c>
      <c r="D111632" s="14" t="s">
        <v>535</v>
      </c>
      <c r="E111632" s="15">
        <v>45683</v>
      </c>
      <c r="F111632" s="14" t="s">
        <v>25</v>
      </c>
      <c r="G111632" s="16">
        <v>5.9768765660651644</v>
      </c>
    </row>
    <row r="111633" spans="1:7" x14ac:dyDescent="0.3">
      <c r="A111633" s="13" t="s">
        <v>534</v>
      </c>
      <c r="B111633" s="14" t="s">
        <v>1</v>
      </c>
      <c r="C111633" s="14" t="s">
        <v>137</v>
      </c>
      <c r="D111633" s="14" t="s">
        <v>535</v>
      </c>
      <c r="E111633" s="15">
        <v>45684</v>
      </c>
      <c r="F111633" s="14" t="s">
        <v>25</v>
      </c>
      <c r="G111633" s="16">
        <v>5.970678926608521</v>
      </c>
    </row>
    <row r="111634" spans="1:7" x14ac:dyDescent="0.3">
      <c r="A111634" s="13" t="s">
        <v>534</v>
      </c>
      <c r="B111634" s="14" t="s">
        <v>1</v>
      </c>
      <c r="C111634" s="14" t="s">
        <v>137</v>
      </c>
      <c r="D111634" s="14" t="s">
        <v>535</v>
      </c>
      <c r="E111634" s="15">
        <v>45685</v>
      </c>
      <c r="F111634" s="14" t="s">
        <v>25</v>
      </c>
      <c r="G111634" s="16">
        <v>6.040131170204643</v>
      </c>
    </row>
    <row r="111635" spans="1:7" x14ac:dyDescent="0.3">
      <c r="A111635" s="13" t="s">
        <v>534</v>
      </c>
      <c r="B111635" s="14" t="s">
        <v>1</v>
      </c>
      <c r="C111635" s="14" t="s">
        <v>137</v>
      </c>
      <c r="D111635" s="14" t="s">
        <v>535</v>
      </c>
      <c r="E111635" s="15">
        <v>45686</v>
      </c>
      <c r="F111635" s="14" t="s">
        <v>25</v>
      </c>
      <c r="G111635" s="16">
        <v>6.0804892542222282</v>
      </c>
    </row>
    <row r="111636" spans="1:7" x14ac:dyDescent="0.3">
      <c r="A111636" s="13" t="s">
        <v>534</v>
      </c>
      <c r="B111636" s="14" t="s">
        <v>1</v>
      </c>
      <c r="C111636" s="14" t="s">
        <v>137</v>
      </c>
      <c r="D111636" s="14" t="s">
        <v>535</v>
      </c>
      <c r="E111636" s="15">
        <v>45687</v>
      </c>
      <c r="F111636" s="14" t="s">
        <v>25</v>
      </c>
      <c r="G111636" s="16">
        <v>6.1226703318005109</v>
      </c>
    </row>
    <row r="111637" spans="1:7" x14ac:dyDescent="0.3">
      <c r="A111637" s="13" t="s">
        <v>534</v>
      </c>
      <c r="B111637" s="14" t="s">
        <v>1</v>
      </c>
      <c r="C111637" s="14" t="s">
        <v>137</v>
      </c>
      <c r="D111637" s="14" t="s">
        <v>535</v>
      </c>
      <c r="E111637" s="15">
        <v>45688</v>
      </c>
      <c r="F111637" s="14" t="s">
        <v>25</v>
      </c>
      <c r="G111637" s="16">
        <v>6.1515122913099773</v>
      </c>
    </row>
    <row r="111638" spans="1:7" x14ac:dyDescent="0.3">
      <c r="A111638" s="13" t="s">
        <v>534</v>
      </c>
      <c r="B111638" s="14" t="s">
        <v>1</v>
      </c>
      <c r="C111638" s="14" t="s">
        <v>137</v>
      </c>
      <c r="D111638" s="14" t="s">
        <v>535</v>
      </c>
      <c r="E111638" s="15">
        <v>45689</v>
      </c>
      <c r="F111638" s="14" t="s">
        <v>25</v>
      </c>
      <c r="G111638" s="16">
        <v>6.1515122913099773</v>
      </c>
    </row>
    <row r="111639" spans="1:7" x14ac:dyDescent="0.3">
      <c r="A111639" s="13" t="s">
        <v>534</v>
      </c>
      <c r="B111639" s="14" t="s">
        <v>1</v>
      </c>
      <c r="C111639" s="14" t="s">
        <v>137</v>
      </c>
      <c r="D111639" s="14" t="s">
        <v>535</v>
      </c>
      <c r="E111639" s="15">
        <v>45690</v>
      </c>
      <c r="F111639" s="14" t="s">
        <v>25</v>
      </c>
      <c r="G111639" s="16">
        <v>6.1515122913099773</v>
      </c>
    </row>
    <row r="111640" spans="1:7" x14ac:dyDescent="0.3">
      <c r="A111640" s="13" t="s">
        <v>534</v>
      </c>
      <c r="B111640" s="14" t="s">
        <v>1</v>
      </c>
      <c r="C111640" s="14" t="s">
        <v>137</v>
      </c>
      <c r="D111640" s="14" t="s">
        <v>535</v>
      </c>
      <c r="E111640" s="15">
        <v>45691</v>
      </c>
      <c r="F111640" s="14" t="s">
        <v>25</v>
      </c>
      <c r="G111640" s="16">
        <v>6.1515122913099773</v>
      </c>
    </row>
    <row r="111641" spans="1:7" x14ac:dyDescent="0.3">
      <c r="A111641" s="13" t="s">
        <v>534</v>
      </c>
      <c r="B111641" s="14" t="s">
        <v>1</v>
      </c>
      <c r="C111641" s="14" t="s">
        <v>137</v>
      </c>
      <c r="D111641" s="14" t="s">
        <v>535</v>
      </c>
      <c r="E111641" s="15">
        <v>45692</v>
      </c>
      <c r="F111641" s="14" t="s">
        <v>25</v>
      </c>
      <c r="G111641" s="16">
        <v>6.1324287561155195</v>
      </c>
    </row>
    <row r="111642" spans="1:7" x14ac:dyDescent="0.3">
      <c r="A111642" s="13" t="s">
        <v>534</v>
      </c>
      <c r="B111642" s="14" t="s">
        <v>1</v>
      </c>
      <c r="C111642" s="14" t="s">
        <v>137</v>
      </c>
      <c r="D111642" s="14" t="s">
        <v>535</v>
      </c>
      <c r="E111642" s="15">
        <v>45693</v>
      </c>
      <c r="F111642" s="14" t="s">
        <v>25</v>
      </c>
      <c r="G111642" s="16">
        <v>6.1715663910209599</v>
      </c>
    </row>
    <row r="111643" spans="1:7" x14ac:dyDescent="0.3">
      <c r="A111643" s="13" t="s">
        <v>534</v>
      </c>
      <c r="B111643" s="14" t="s">
        <v>1</v>
      </c>
      <c r="C111643" s="14" t="s">
        <v>137</v>
      </c>
      <c r="D111643" s="14" t="s">
        <v>535</v>
      </c>
      <c r="E111643" s="15">
        <v>45694</v>
      </c>
      <c r="F111643" s="14" t="s">
        <v>25</v>
      </c>
      <c r="G111643" s="16">
        <v>6.2121845505779856</v>
      </c>
    </row>
    <row r="111644" spans="1:7" x14ac:dyDescent="0.3">
      <c r="A111644" s="13" t="s">
        <v>534</v>
      </c>
      <c r="B111644" s="14" t="s">
        <v>1</v>
      </c>
      <c r="C111644" s="14" t="s">
        <v>137</v>
      </c>
      <c r="D111644" s="14" t="s">
        <v>535</v>
      </c>
      <c r="E111644" s="15">
        <v>45695</v>
      </c>
      <c r="F111644" s="14" t="s">
        <v>25</v>
      </c>
      <c r="G111644" s="16">
        <v>6.2642180994766719</v>
      </c>
    </row>
    <row r="111645" spans="1:7" x14ac:dyDescent="0.3">
      <c r="A111645" s="13" t="s">
        <v>534</v>
      </c>
      <c r="B111645" s="14" t="s">
        <v>1</v>
      </c>
      <c r="C111645" s="14" t="s">
        <v>137</v>
      </c>
      <c r="D111645" s="14" t="s">
        <v>535</v>
      </c>
      <c r="E111645" s="15">
        <v>45696</v>
      </c>
      <c r="F111645" s="14" t="s">
        <v>25</v>
      </c>
      <c r="G111645" s="16">
        <v>6.2642180994766719</v>
      </c>
    </row>
    <row r="111646" spans="1:7" x14ac:dyDescent="0.3">
      <c r="A111646" s="13" t="s">
        <v>534</v>
      </c>
      <c r="B111646" s="14" t="s">
        <v>1</v>
      </c>
      <c r="C111646" s="14" t="s">
        <v>137</v>
      </c>
      <c r="D111646" s="14" t="s">
        <v>535</v>
      </c>
      <c r="E111646" s="15">
        <v>45697</v>
      </c>
      <c r="F111646" s="14" t="s">
        <v>25</v>
      </c>
      <c r="G111646" s="16">
        <v>6.2642180994766719</v>
      </c>
    </row>
    <row r="111647" spans="1:7" x14ac:dyDescent="0.3">
      <c r="A111647" s="13" t="s">
        <v>534</v>
      </c>
      <c r="B111647" s="14" t="s">
        <v>1</v>
      </c>
      <c r="C111647" s="14" t="s">
        <v>137</v>
      </c>
      <c r="D111647" s="14" t="s">
        <v>535</v>
      </c>
      <c r="E111647" s="15">
        <v>45698</v>
      </c>
      <c r="F111647" s="14" t="s">
        <v>25</v>
      </c>
      <c r="G111647" s="16">
        <v>6.3013884831830174</v>
      </c>
    </row>
    <row r="111648" spans="1:7" x14ac:dyDescent="0.3">
      <c r="A111648" s="13" t="s">
        <v>534</v>
      </c>
      <c r="B111648" s="14" t="s">
        <v>1</v>
      </c>
      <c r="C111648" s="14" t="s">
        <v>137</v>
      </c>
      <c r="D111648" s="14" t="s">
        <v>535</v>
      </c>
      <c r="E111648" s="15">
        <v>45699</v>
      </c>
      <c r="F111648" s="14" t="s">
        <v>25</v>
      </c>
      <c r="G111648" s="16">
        <v>6.3731347330832602</v>
      </c>
    </row>
    <row r="111649" spans="1:7" x14ac:dyDescent="0.3">
      <c r="A111649" s="13" t="s">
        <v>534</v>
      </c>
      <c r="B111649" s="14" t="s">
        <v>1</v>
      </c>
      <c r="C111649" s="14" t="s">
        <v>137</v>
      </c>
      <c r="D111649" s="14" t="s">
        <v>535</v>
      </c>
      <c r="E111649" s="15">
        <v>45700</v>
      </c>
      <c r="F111649" s="14" t="s">
        <v>25</v>
      </c>
      <c r="G111649" s="16">
        <v>6.3977964309226625</v>
      </c>
    </row>
    <row r="111650" spans="1:7" x14ac:dyDescent="0.3">
      <c r="A111650" s="13" t="s">
        <v>534</v>
      </c>
      <c r="B111650" s="14" t="s">
        <v>1</v>
      </c>
      <c r="C111650" s="14" t="s">
        <v>137</v>
      </c>
      <c r="D111650" s="14" t="s">
        <v>535</v>
      </c>
      <c r="E111650" s="15">
        <v>45701</v>
      </c>
      <c r="F111650" s="14" t="s">
        <v>25</v>
      </c>
      <c r="G111650" s="16">
        <v>6.3425854078672881</v>
      </c>
    </row>
    <row r="111651" spans="1:7" x14ac:dyDescent="0.3">
      <c r="A111651" s="13" t="s">
        <v>534</v>
      </c>
      <c r="B111651" s="14" t="s">
        <v>1</v>
      </c>
      <c r="C111651" s="14" t="s">
        <v>137</v>
      </c>
      <c r="D111651" s="14" t="s">
        <v>535</v>
      </c>
      <c r="E111651" s="15">
        <v>45702</v>
      </c>
      <c r="F111651" s="14" t="s">
        <v>25</v>
      </c>
      <c r="G111651" s="16">
        <v>6.208760846784541</v>
      </c>
    </row>
    <row r="111652" spans="1:7" x14ac:dyDescent="0.3">
      <c r="A111652" s="13" t="s">
        <v>534</v>
      </c>
      <c r="B111652" s="14" t="s">
        <v>1</v>
      </c>
      <c r="C111652" s="14" t="s">
        <v>137</v>
      </c>
      <c r="D111652" s="14" t="s">
        <v>535</v>
      </c>
      <c r="E111652" s="15">
        <v>45703</v>
      </c>
      <c r="F111652" s="14" t="s">
        <v>25</v>
      </c>
      <c r="G111652" s="16">
        <v>6.208760846784541</v>
      </c>
    </row>
    <row r="111653" spans="1:7" x14ac:dyDescent="0.3">
      <c r="A111653" s="13" t="s">
        <v>534</v>
      </c>
      <c r="B111653" s="14" t="s">
        <v>1</v>
      </c>
      <c r="C111653" s="14" t="s">
        <v>137</v>
      </c>
      <c r="D111653" s="14" t="s">
        <v>535</v>
      </c>
      <c r="E111653" s="15">
        <v>45704</v>
      </c>
      <c r="F111653" s="14" t="s">
        <v>25</v>
      </c>
      <c r="G111653" s="16">
        <v>6.208760846784541</v>
      </c>
    </row>
    <row r="111654" spans="1:7" x14ac:dyDescent="0.3">
      <c r="A111654" s="13" t="s">
        <v>534</v>
      </c>
      <c r="B111654" s="14" t="s">
        <v>1</v>
      </c>
      <c r="C111654" s="14" t="s">
        <v>137</v>
      </c>
      <c r="D111654" s="14" t="s">
        <v>535</v>
      </c>
      <c r="E111654" s="15">
        <v>45705</v>
      </c>
      <c r="F111654" s="14" t="s">
        <v>25</v>
      </c>
      <c r="G111654" s="16">
        <v>6.3716360654392856</v>
      </c>
    </row>
    <row r="111655" spans="1:7" x14ac:dyDescent="0.3">
      <c r="A111655" s="13" t="s">
        <v>534</v>
      </c>
      <c r="B111655" s="14" t="s">
        <v>1</v>
      </c>
      <c r="C111655" s="14" t="s">
        <v>137</v>
      </c>
      <c r="D111655" s="14" t="s">
        <v>535</v>
      </c>
      <c r="E111655" s="15">
        <v>45706</v>
      </c>
      <c r="F111655" s="14" t="s">
        <v>25</v>
      </c>
      <c r="G111655" s="16">
        <v>6.4465446303380123</v>
      </c>
    </row>
    <row r="111656" spans="1:7" x14ac:dyDescent="0.3">
      <c r="A111656" s="13" t="s">
        <v>534</v>
      </c>
      <c r="B111656" s="14" t="s">
        <v>1</v>
      </c>
      <c r="C111656" s="14" t="s">
        <v>137</v>
      </c>
      <c r="D111656" s="14" t="s">
        <v>535</v>
      </c>
      <c r="E111656" s="15">
        <v>45707</v>
      </c>
      <c r="F111656" s="14" t="s">
        <v>25</v>
      </c>
      <c r="G111656" s="16">
        <v>6.4762275297980612</v>
      </c>
    </row>
    <row r="111657" spans="1:7" x14ac:dyDescent="0.3">
      <c r="A111657" s="13" t="s">
        <v>534</v>
      </c>
      <c r="B111657" s="14" t="s">
        <v>1</v>
      </c>
      <c r="C111657" s="14" t="s">
        <v>137</v>
      </c>
      <c r="D111657" s="14" t="s">
        <v>535</v>
      </c>
      <c r="E111657" s="15">
        <v>45708</v>
      </c>
      <c r="F111657" s="14" t="s">
        <v>25</v>
      </c>
      <c r="G111657" s="16">
        <v>6.4486100327237725</v>
      </c>
    </row>
    <row r="111658" spans="1:7" x14ac:dyDescent="0.3">
      <c r="A111658" s="13" t="s">
        <v>534</v>
      </c>
      <c r="B111658" s="14" t="s">
        <v>1</v>
      </c>
      <c r="C111658" s="14" t="s">
        <v>137</v>
      </c>
      <c r="D111658" s="14" t="s">
        <v>535</v>
      </c>
      <c r="E111658" s="15">
        <v>45709</v>
      </c>
      <c r="F111658" s="14" t="s">
        <v>25</v>
      </c>
      <c r="G111658" s="16">
        <v>6.468641607024793</v>
      </c>
    </row>
    <row r="111659" spans="1:7" x14ac:dyDescent="0.3">
      <c r="A111659" s="13" t="s">
        <v>534</v>
      </c>
      <c r="B111659" s="14" t="s">
        <v>1</v>
      </c>
      <c r="C111659" s="14" t="s">
        <v>137</v>
      </c>
      <c r="D111659" s="14" t="s">
        <v>535</v>
      </c>
      <c r="E111659" s="15">
        <v>45710</v>
      </c>
      <c r="F111659" s="14" t="s">
        <v>25</v>
      </c>
      <c r="G111659" s="16">
        <v>6.468641607024793</v>
      </c>
    </row>
    <row r="111660" spans="1:7" x14ac:dyDescent="0.3">
      <c r="A111660" s="13" t="s">
        <v>534</v>
      </c>
      <c r="B111660" s="14" t="s">
        <v>1</v>
      </c>
      <c r="C111660" s="14" t="s">
        <v>137</v>
      </c>
      <c r="D111660" s="14" t="s">
        <v>535</v>
      </c>
      <c r="E111660" s="15">
        <v>45711</v>
      </c>
      <c r="F111660" s="14" t="s">
        <v>25</v>
      </c>
      <c r="G111660" s="16">
        <v>6.468641607024793</v>
      </c>
    </row>
    <row r="111661" spans="1:7" x14ac:dyDescent="0.3">
      <c r="A111661" s="13" t="s">
        <v>534</v>
      </c>
      <c r="B111661" s="14" t="s">
        <v>1</v>
      </c>
      <c r="C111661" s="14" t="s">
        <v>137</v>
      </c>
      <c r="D111661" s="14" t="s">
        <v>535</v>
      </c>
      <c r="E111661" s="15">
        <v>45712</v>
      </c>
      <c r="F111661" s="14" t="s">
        <v>25</v>
      </c>
      <c r="G111661" s="16">
        <v>6.4814573305047176</v>
      </c>
    </row>
    <row r="111662" spans="1:7" x14ac:dyDescent="0.3">
      <c r="A111662" s="13" t="s">
        <v>534</v>
      </c>
      <c r="B111662" s="14" t="s">
        <v>1</v>
      </c>
      <c r="C111662" s="14" t="s">
        <v>137</v>
      </c>
      <c r="D111662" s="14" t="s">
        <v>535</v>
      </c>
      <c r="E111662" s="15">
        <v>45713</v>
      </c>
      <c r="F111662" s="14" t="s">
        <v>25</v>
      </c>
      <c r="G111662" s="16">
        <v>6.5225253086655517</v>
      </c>
    </row>
    <row r="111663" spans="1:7" x14ac:dyDescent="0.3">
      <c r="A111663" s="13" t="s">
        <v>534</v>
      </c>
      <c r="B111663" s="14" t="s">
        <v>1</v>
      </c>
      <c r="C111663" s="14" t="s">
        <v>137</v>
      </c>
      <c r="D111663" s="14" t="s">
        <v>535</v>
      </c>
      <c r="E111663" s="15">
        <v>45714</v>
      </c>
      <c r="F111663" s="14" t="s">
        <v>25</v>
      </c>
      <c r="G111663" s="16">
        <v>6.5559525562526302</v>
      </c>
    </row>
    <row r="111664" spans="1:7" x14ac:dyDescent="0.3">
      <c r="A111664" s="13" t="s">
        <v>534</v>
      </c>
      <c r="B111664" s="14" t="s">
        <v>1</v>
      </c>
      <c r="C111664" s="14" t="s">
        <v>137</v>
      </c>
      <c r="D111664" s="14" t="s">
        <v>535</v>
      </c>
      <c r="E111664" s="15">
        <v>45715</v>
      </c>
      <c r="F111664" s="14" t="s">
        <v>25</v>
      </c>
      <c r="G111664" s="16">
        <v>6.610561376838767</v>
      </c>
    </row>
    <row r="111665" spans="1:7" x14ac:dyDescent="0.3">
      <c r="A111665" s="13" t="s">
        <v>534</v>
      </c>
      <c r="B111665" s="14" t="s">
        <v>1</v>
      </c>
      <c r="C111665" s="14" t="s">
        <v>137</v>
      </c>
      <c r="D111665" s="14" t="s">
        <v>535</v>
      </c>
      <c r="E111665" s="15">
        <v>45716</v>
      </c>
      <c r="F111665" s="14" t="s">
        <v>25</v>
      </c>
      <c r="G111665" s="16">
        <v>6.6606970274543258</v>
      </c>
    </row>
    <row r="111666" spans="1:7" x14ac:dyDescent="0.3">
      <c r="A111666" s="13" t="s">
        <v>534</v>
      </c>
      <c r="B111666" s="14" t="s">
        <v>1</v>
      </c>
      <c r="C111666" s="14" t="s">
        <v>137</v>
      </c>
      <c r="D111666" s="14" t="s">
        <v>535</v>
      </c>
      <c r="E111666" s="15">
        <v>45717</v>
      </c>
      <c r="F111666" s="14" t="s">
        <v>25</v>
      </c>
      <c r="G111666" s="16">
        <v>6.6606970274543258</v>
      </c>
    </row>
    <row r="111667" spans="1:7" x14ac:dyDescent="0.3">
      <c r="A111667" s="13" t="s">
        <v>534</v>
      </c>
      <c r="B111667" s="14" t="s">
        <v>1</v>
      </c>
      <c r="C111667" s="14" t="s">
        <v>137</v>
      </c>
      <c r="D111667" s="14" t="s">
        <v>535</v>
      </c>
      <c r="E111667" s="15">
        <v>45718</v>
      </c>
      <c r="F111667" s="14" t="s">
        <v>25</v>
      </c>
      <c r="G111667" s="16">
        <v>6.6606970274543258</v>
      </c>
    </row>
    <row r="111668" spans="1:7" x14ac:dyDescent="0.3">
      <c r="A111668" s="13" t="s">
        <v>534</v>
      </c>
      <c r="B111668" s="14" t="s">
        <v>1</v>
      </c>
      <c r="C111668" s="14" t="s">
        <v>137</v>
      </c>
      <c r="D111668" s="14" t="s">
        <v>535</v>
      </c>
      <c r="E111668" s="15">
        <v>45719</v>
      </c>
      <c r="F111668" s="14" t="s">
        <v>25</v>
      </c>
      <c r="G111668" s="16">
        <v>6.6735192296581838</v>
      </c>
    </row>
    <row r="111669" spans="1:7" x14ac:dyDescent="0.3">
      <c r="A111669" s="13" t="s">
        <v>534</v>
      </c>
      <c r="B111669" s="14" t="s">
        <v>1</v>
      </c>
      <c r="C111669" s="14" t="s">
        <v>137</v>
      </c>
      <c r="D111669" s="14" t="s">
        <v>535</v>
      </c>
      <c r="E111669" s="15">
        <v>45720</v>
      </c>
      <c r="F111669" s="14" t="s">
        <v>25</v>
      </c>
      <c r="G111669" s="16">
        <v>6.6782885526447444</v>
      </c>
    </row>
    <row r="111670" spans="1:7" x14ac:dyDescent="0.3">
      <c r="A111670" s="13" t="s">
        <v>534</v>
      </c>
      <c r="B111670" s="14" t="s">
        <v>1</v>
      </c>
      <c r="C111670" s="14" t="s">
        <v>137</v>
      </c>
      <c r="D111670" s="14" t="s">
        <v>535</v>
      </c>
      <c r="E111670" s="15">
        <v>45721</v>
      </c>
      <c r="F111670" s="14" t="s">
        <v>25</v>
      </c>
      <c r="G111670" s="16">
        <v>6.7074888079158583</v>
      </c>
    </row>
    <row r="111671" spans="1:7" x14ac:dyDescent="0.3">
      <c r="A111671" s="13" t="s">
        <v>534</v>
      </c>
      <c r="B111671" s="14" t="s">
        <v>1</v>
      </c>
      <c r="C111671" s="14" t="s">
        <v>137</v>
      </c>
      <c r="D111671" s="14" t="s">
        <v>535</v>
      </c>
      <c r="E111671" s="15">
        <v>45722</v>
      </c>
      <c r="F111671" s="14" t="s">
        <v>25</v>
      </c>
      <c r="G111671" s="16">
        <v>6.6719319471090497</v>
      </c>
    </row>
    <row r="111672" spans="1:7" x14ac:dyDescent="0.3">
      <c r="A111672" s="13" t="s">
        <v>534</v>
      </c>
      <c r="B111672" s="14" t="s">
        <v>1</v>
      </c>
      <c r="C111672" s="14" t="s">
        <v>137</v>
      </c>
      <c r="D111672" s="14" t="s">
        <v>535</v>
      </c>
      <c r="E111672" s="15">
        <v>45723</v>
      </c>
      <c r="F111672" s="14" t="s">
        <v>25</v>
      </c>
      <c r="G111672" s="16">
        <v>6.6612921980992885</v>
      </c>
    </row>
    <row r="111673" spans="1:7" x14ac:dyDescent="0.3">
      <c r="A111673" s="13" t="s">
        <v>534</v>
      </c>
      <c r="B111673" s="14" t="s">
        <v>1</v>
      </c>
      <c r="C111673" s="14" t="s">
        <v>137</v>
      </c>
      <c r="D111673" s="14" t="s">
        <v>535</v>
      </c>
      <c r="E111673" s="15">
        <v>45724</v>
      </c>
      <c r="F111673" s="14" t="s">
        <v>25</v>
      </c>
      <c r="G111673" s="16">
        <v>6.6612921980992885</v>
      </c>
    </row>
    <row r="111674" spans="1:7" x14ac:dyDescent="0.3">
      <c r="A111674" s="13" t="s">
        <v>534</v>
      </c>
      <c r="B111674" s="14" t="s">
        <v>1</v>
      </c>
      <c r="C111674" s="14" t="s">
        <v>137</v>
      </c>
      <c r="D111674" s="14" t="s">
        <v>535</v>
      </c>
      <c r="E111674" s="15">
        <v>45725</v>
      </c>
      <c r="F111674" s="14" t="s">
        <v>25</v>
      </c>
      <c r="G111674" s="16">
        <v>6.6612921980992885</v>
      </c>
    </row>
    <row r="111675" spans="1:7" x14ac:dyDescent="0.3">
      <c r="A111675" s="13" t="s">
        <v>534</v>
      </c>
      <c r="B111675" s="14" t="s">
        <v>1</v>
      </c>
      <c r="C111675" s="14" t="s">
        <v>137</v>
      </c>
      <c r="D111675" s="14" t="s">
        <v>535</v>
      </c>
      <c r="E111675" s="15">
        <v>45726</v>
      </c>
      <c r="F111675" s="14" t="s">
        <v>25</v>
      </c>
      <c r="G111675" s="16">
        <v>6.6924016282176533</v>
      </c>
    </row>
    <row r="111676" spans="1:7" x14ac:dyDescent="0.3">
      <c r="A111676" s="13" t="s">
        <v>534</v>
      </c>
      <c r="B111676" s="14" t="s">
        <v>1</v>
      </c>
      <c r="C111676" s="14" t="s">
        <v>137</v>
      </c>
      <c r="D111676" s="14" t="s">
        <v>535</v>
      </c>
      <c r="E111676" s="15">
        <v>45727</v>
      </c>
      <c r="F111676" s="14" t="s">
        <v>25</v>
      </c>
      <c r="G111676" s="16">
        <v>6.761983721319889</v>
      </c>
    </row>
    <row r="111677" spans="1:7" x14ac:dyDescent="0.3">
      <c r="A111677" s="13" t="s">
        <v>534</v>
      </c>
      <c r="B111677" s="14" t="s">
        <v>1</v>
      </c>
      <c r="C111677" s="14" t="s">
        <v>137</v>
      </c>
      <c r="D111677" s="14" t="s">
        <v>535</v>
      </c>
      <c r="E111677" s="15">
        <v>45728</v>
      </c>
      <c r="F111677" s="14" t="s">
        <v>25</v>
      </c>
      <c r="G111677" s="16">
        <v>6.7755060063269994</v>
      </c>
    </row>
    <row r="111678" spans="1:7" x14ac:dyDescent="0.3">
      <c r="A111678" s="13" t="s">
        <v>534</v>
      </c>
      <c r="B111678" s="14" t="s">
        <v>1</v>
      </c>
      <c r="C111678" s="14" t="s">
        <v>137</v>
      </c>
      <c r="D111678" s="14" t="s">
        <v>535</v>
      </c>
      <c r="E111678" s="15">
        <v>45729</v>
      </c>
      <c r="F111678" s="14" t="s">
        <v>25</v>
      </c>
      <c r="G111678" s="16">
        <v>6.7951146245481286</v>
      </c>
    </row>
    <row r="111679" spans="1:7" x14ac:dyDescent="0.3">
      <c r="A111679" s="13" t="s">
        <v>534</v>
      </c>
      <c r="B111679" s="14" t="s">
        <v>1</v>
      </c>
      <c r="C111679" s="14" t="s">
        <v>137</v>
      </c>
      <c r="D111679" s="14" t="s">
        <v>535</v>
      </c>
      <c r="E111679" s="15">
        <v>45730</v>
      </c>
      <c r="F111679" s="14" t="s">
        <v>25</v>
      </c>
      <c r="G111679" s="16">
        <v>6.8393546288422762</v>
      </c>
    </row>
    <row r="111680" spans="1:7" x14ac:dyDescent="0.3">
      <c r="A111680" s="13" t="s">
        <v>534</v>
      </c>
      <c r="B111680" s="14" t="s">
        <v>1</v>
      </c>
      <c r="C111680" s="14" t="s">
        <v>137</v>
      </c>
      <c r="D111680" s="14" t="s">
        <v>535</v>
      </c>
      <c r="E111680" s="15">
        <v>45731</v>
      </c>
      <c r="F111680" s="14" t="s">
        <v>25</v>
      </c>
      <c r="G111680" s="16">
        <v>6.8393546288422762</v>
      </c>
    </row>
    <row r="111681" spans="1:7" x14ac:dyDescent="0.3">
      <c r="A111681" s="13" t="s">
        <v>534</v>
      </c>
      <c r="B111681" s="14" t="s">
        <v>1</v>
      </c>
      <c r="C111681" s="14" t="s">
        <v>137</v>
      </c>
      <c r="D111681" s="14" t="s">
        <v>535</v>
      </c>
      <c r="E111681" s="15">
        <v>45732</v>
      </c>
      <c r="F111681" s="14" t="s">
        <v>25</v>
      </c>
      <c r="G111681" s="16">
        <v>6.8393546288422762</v>
      </c>
    </row>
    <row r="111682" spans="1:7" x14ac:dyDescent="0.3">
      <c r="A111682" s="13" t="s">
        <v>534</v>
      </c>
      <c r="B111682" s="14" t="s">
        <v>1</v>
      </c>
      <c r="C111682" s="14" t="s">
        <v>137</v>
      </c>
      <c r="D111682" s="14" t="s">
        <v>535</v>
      </c>
      <c r="E111682" s="15">
        <v>45733</v>
      </c>
      <c r="F111682" s="14" t="s">
        <v>25</v>
      </c>
      <c r="G111682" s="16">
        <v>6.8393546288422762</v>
      </c>
    </row>
    <row r="111683" spans="1:7" x14ac:dyDescent="0.3">
      <c r="A111683" s="13" t="s">
        <v>534</v>
      </c>
      <c r="B111683" s="14" t="s">
        <v>1</v>
      </c>
      <c r="C111683" s="14" t="s">
        <v>137</v>
      </c>
      <c r="D111683" s="14" t="s">
        <v>535</v>
      </c>
      <c r="E111683" s="15">
        <v>45734</v>
      </c>
      <c r="F111683" s="14" t="s">
        <v>25</v>
      </c>
      <c r="G111683" s="16">
        <v>6.7916797935316398</v>
      </c>
    </row>
    <row r="111684" spans="1:7" x14ac:dyDescent="0.3">
      <c r="A111684" s="13" t="s">
        <v>534</v>
      </c>
      <c r="B111684" s="14" t="s">
        <v>1</v>
      </c>
      <c r="C111684" s="14" t="s">
        <v>137</v>
      </c>
      <c r="D111684" s="14" t="s">
        <v>535</v>
      </c>
      <c r="E111684" s="15">
        <v>45735</v>
      </c>
      <c r="F111684" s="14" t="s">
        <v>25</v>
      </c>
      <c r="G111684" s="16">
        <v>6.8729912960069068</v>
      </c>
    </row>
    <row r="111685" spans="1:7" x14ac:dyDescent="0.3">
      <c r="A111685" s="13" t="s">
        <v>534</v>
      </c>
      <c r="B111685" s="14" t="s">
        <v>1</v>
      </c>
      <c r="C111685" s="14" t="s">
        <v>137</v>
      </c>
      <c r="D111685" s="14" t="s">
        <v>535</v>
      </c>
      <c r="E111685" s="15">
        <v>45736</v>
      </c>
      <c r="F111685" s="14" t="s">
        <v>25</v>
      </c>
      <c r="G111685" s="16">
        <v>6.9286922158428128</v>
      </c>
    </row>
    <row r="111686" spans="1:7" x14ac:dyDescent="0.3">
      <c r="A111686" s="13" t="s">
        <v>534</v>
      </c>
      <c r="B111686" s="14" t="s">
        <v>1</v>
      </c>
      <c r="C111686" s="14" t="s">
        <v>137</v>
      </c>
      <c r="D111686" s="14" t="s">
        <v>535</v>
      </c>
      <c r="E111686" s="15">
        <v>45737</v>
      </c>
      <c r="F111686" s="14" t="s">
        <v>25</v>
      </c>
      <c r="G111686" s="16">
        <v>6.9611597486867129</v>
      </c>
    </row>
    <row r="111687" spans="1:7" x14ac:dyDescent="0.3">
      <c r="A111687" s="13" t="s">
        <v>534</v>
      </c>
      <c r="B111687" s="14" t="s">
        <v>1</v>
      </c>
      <c r="C111687" s="14" t="s">
        <v>137</v>
      </c>
      <c r="D111687" s="14" t="s">
        <v>535</v>
      </c>
      <c r="E111687" s="15">
        <v>45738</v>
      </c>
      <c r="F111687" s="14" t="s">
        <v>25</v>
      </c>
      <c r="G111687" s="16">
        <v>6.9611597486867129</v>
      </c>
    </row>
    <row r="111688" spans="1:7" x14ac:dyDescent="0.3">
      <c r="A111688" s="13" t="s">
        <v>534</v>
      </c>
      <c r="B111688" s="14" t="s">
        <v>1</v>
      </c>
      <c r="C111688" s="14" t="s">
        <v>137</v>
      </c>
      <c r="D111688" s="14" t="s">
        <v>535</v>
      </c>
      <c r="E111688" s="15">
        <v>45739</v>
      </c>
      <c r="F111688" s="14" t="s">
        <v>25</v>
      </c>
      <c r="G111688" s="16">
        <v>6.9611597486867129</v>
      </c>
    </row>
    <row r="111689" spans="1:7" x14ac:dyDescent="0.3">
      <c r="A111689" s="13" t="s">
        <v>534</v>
      </c>
      <c r="B111689" s="14" t="s">
        <v>1</v>
      </c>
      <c r="C111689" s="14" t="s">
        <v>137</v>
      </c>
      <c r="D111689" s="14" t="s">
        <v>535</v>
      </c>
      <c r="E111689" s="15">
        <v>45740</v>
      </c>
      <c r="F111689" s="14" t="s">
        <v>25</v>
      </c>
      <c r="G111689" s="16">
        <v>6.9783565298139028</v>
      </c>
    </row>
    <row r="111690" spans="1:7" x14ac:dyDescent="0.3">
      <c r="A111690" s="13" t="s">
        <v>534</v>
      </c>
      <c r="B111690" s="14" t="s">
        <v>1</v>
      </c>
      <c r="C111690" s="14" t="s">
        <v>137</v>
      </c>
      <c r="D111690" s="14" t="s">
        <v>535</v>
      </c>
      <c r="E111690" s="15">
        <v>45741</v>
      </c>
      <c r="F111690" s="14" t="s">
        <v>25</v>
      </c>
      <c r="G111690" s="16">
        <v>7.0313394910427496</v>
      </c>
    </row>
    <row r="111691" spans="1:7" x14ac:dyDescent="0.3">
      <c r="A111691" s="13" t="s">
        <v>534</v>
      </c>
      <c r="B111691" s="14" t="s">
        <v>1</v>
      </c>
      <c r="C111691" s="14" t="s">
        <v>137</v>
      </c>
      <c r="D111691" s="14" t="s">
        <v>535</v>
      </c>
      <c r="E111691" s="15">
        <v>45742</v>
      </c>
      <c r="F111691" s="14" t="s">
        <v>25</v>
      </c>
      <c r="G111691" s="16">
        <v>7.0574993825844592</v>
      </c>
    </row>
    <row r="111692" spans="1:7" x14ac:dyDescent="0.3">
      <c r="A111692" s="13" t="s">
        <v>534</v>
      </c>
      <c r="B111692" s="14" t="s">
        <v>1</v>
      </c>
      <c r="C111692" s="14" t="s">
        <v>137</v>
      </c>
      <c r="D111692" s="14" t="s">
        <v>535</v>
      </c>
      <c r="E111692" s="15">
        <v>45743</v>
      </c>
      <c r="F111692" s="14" t="s">
        <v>25</v>
      </c>
      <c r="G111692" s="16">
        <v>7.0590704130388229</v>
      </c>
    </row>
    <row r="111693" spans="1:7" x14ac:dyDescent="0.3">
      <c r="A111693" s="13" t="s">
        <v>534</v>
      </c>
      <c r="B111693" s="14" t="s">
        <v>1</v>
      </c>
      <c r="C111693" s="14" t="s">
        <v>137</v>
      </c>
      <c r="D111693" s="14" t="s">
        <v>535</v>
      </c>
      <c r="E111693" s="15">
        <v>45744</v>
      </c>
      <c r="F111693" s="14" t="s">
        <v>25</v>
      </c>
      <c r="G111693" s="16">
        <v>7.0697518113827211</v>
      </c>
    </row>
    <row r="111694" spans="1:7" x14ac:dyDescent="0.3">
      <c r="A111694" s="13" t="s">
        <v>534</v>
      </c>
      <c r="B111694" s="14" t="s">
        <v>1</v>
      </c>
      <c r="C111694" s="14" t="s">
        <v>137</v>
      </c>
      <c r="D111694" s="14" t="s">
        <v>535</v>
      </c>
      <c r="E111694" s="15">
        <v>45745</v>
      </c>
      <c r="F111694" s="14" t="s">
        <v>25</v>
      </c>
      <c r="G111694" s="16">
        <v>7.0697518113827211</v>
      </c>
    </row>
    <row r="111695" spans="1:7" x14ac:dyDescent="0.3">
      <c r="A111695" s="13" t="s">
        <v>534</v>
      </c>
      <c r="B111695" s="14" t="s">
        <v>1</v>
      </c>
      <c r="C111695" s="14" t="s">
        <v>137</v>
      </c>
      <c r="D111695" s="14" t="s">
        <v>535</v>
      </c>
      <c r="E111695" s="15">
        <v>45746</v>
      </c>
      <c r="F111695" s="14" t="s">
        <v>25</v>
      </c>
      <c r="G111695" s="16">
        <v>7.0697518113827211</v>
      </c>
    </row>
    <row r="111696" spans="1:7" x14ac:dyDescent="0.3">
      <c r="A111696" s="13" t="s">
        <v>534</v>
      </c>
      <c r="B111696" s="14" t="s">
        <v>1</v>
      </c>
      <c r="C111696" s="14" t="s">
        <v>137</v>
      </c>
      <c r="D111696" s="14" t="s">
        <v>535</v>
      </c>
      <c r="E111696" s="15">
        <v>45747</v>
      </c>
      <c r="F111696" s="14" t="s">
        <v>25</v>
      </c>
      <c r="G111696" s="16">
        <v>7.1204043280969671</v>
      </c>
    </row>
    <row r="111697" spans="1:7" x14ac:dyDescent="0.3">
      <c r="A111697" s="13" t="s">
        <v>536</v>
      </c>
      <c r="B111697" s="14" t="s">
        <v>1</v>
      </c>
      <c r="C111697" s="14" t="s">
        <v>96</v>
      </c>
      <c r="D111697" s="14" t="s">
        <v>18</v>
      </c>
      <c r="E111697" s="15">
        <v>45383</v>
      </c>
      <c r="F111697" s="14" t="s">
        <v>15</v>
      </c>
      <c r="G111697" s="16">
        <v>0</v>
      </c>
    </row>
    <row r="111698" spans="1:7" x14ac:dyDescent="0.3">
      <c r="A111698" s="13" t="s">
        <v>536</v>
      </c>
      <c r="B111698" s="14" t="s">
        <v>1</v>
      </c>
      <c r="C111698" s="14" t="s">
        <v>96</v>
      </c>
      <c r="D111698" s="14" t="s">
        <v>18</v>
      </c>
      <c r="E111698" s="15">
        <v>45384</v>
      </c>
      <c r="F111698" s="14" t="s">
        <v>15</v>
      </c>
      <c r="G111698" s="16">
        <v>0</v>
      </c>
    </row>
    <row r="111699" spans="1:7" x14ac:dyDescent="0.3">
      <c r="A111699" s="13" t="s">
        <v>536</v>
      </c>
      <c r="B111699" s="14" t="s">
        <v>1</v>
      </c>
      <c r="C111699" s="14" t="s">
        <v>96</v>
      </c>
      <c r="D111699" s="14" t="s">
        <v>18</v>
      </c>
      <c r="E111699" s="15">
        <v>45385</v>
      </c>
      <c r="F111699" s="14" t="s">
        <v>15</v>
      </c>
      <c r="G111699" s="16">
        <v>0</v>
      </c>
    </row>
    <row r="111700" spans="1:7" x14ac:dyDescent="0.3">
      <c r="A111700" s="13" t="s">
        <v>536</v>
      </c>
      <c r="B111700" s="14" t="s">
        <v>1</v>
      </c>
      <c r="C111700" s="14" t="s">
        <v>96</v>
      </c>
      <c r="D111700" s="14" t="s">
        <v>18</v>
      </c>
      <c r="E111700" s="15">
        <v>45386</v>
      </c>
      <c r="F111700" s="14" t="s">
        <v>15</v>
      </c>
      <c r="G111700" s="16">
        <v>0</v>
      </c>
    </row>
    <row r="111701" spans="1:7" x14ac:dyDescent="0.3">
      <c r="A111701" s="13" t="s">
        <v>536</v>
      </c>
      <c r="B111701" s="14" t="s">
        <v>1</v>
      </c>
      <c r="C111701" s="14" t="s">
        <v>96</v>
      </c>
      <c r="D111701" s="14" t="s">
        <v>18</v>
      </c>
      <c r="E111701" s="15">
        <v>45387</v>
      </c>
      <c r="F111701" s="14" t="s">
        <v>15</v>
      </c>
      <c r="G111701" s="16">
        <v>0</v>
      </c>
    </row>
    <row r="111702" spans="1:7" x14ac:dyDescent="0.3">
      <c r="A111702" s="13" t="s">
        <v>536</v>
      </c>
      <c r="B111702" s="14" t="s">
        <v>1</v>
      </c>
      <c r="C111702" s="14" t="s">
        <v>96</v>
      </c>
      <c r="D111702" s="14" t="s">
        <v>18</v>
      </c>
      <c r="E111702" s="15">
        <v>45388</v>
      </c>
      <c r="F111702" s="14" t="s">
        <v>15</v>
      </c>
      <c r="G111702" s="16">
        <v>0</v>
      </c>
    </row>
    <row r="111703" spans="1:7" x14ac:dyDescent="0.3">
      <c r="A111703" s="13" t="s">
        <v>536</v>
      </c>
      <c r="B111703" s="14" t="s">
        <v>1</v>
      </c>
      <c r="C111703" s="14" t="s">
        <v>96</v>
      </c>
      <c r="D111703" s="14" t="s">
        <v>18</v>
      </c>
      <c r="E111703" s="15">
        <v>45389</v>
      </c>
      <c r="F111703" s="14" t="s">
        <v>15</v>
      </c>
      <c r="G111703" s="16">
        <v>0</v>
      </c>
    </row>
    <row r="111704" spans="1:7" x14ac:dyDescent="0.3">
      <c r="A111704" s="13" t="s">
        <v>536</v>
      </c>
      <c r="B111704" s="14" t="s">
        <v>1</v>
      </c>
      <c r="C111704" s="14" t="s">
        <v>96</v>
      </c>
      <c r="D111704" s="14" t="s">
        <v>18</v>
      </c>
      <c r="E111704" s="15">
        <v>45390</v>
      </c>
      <c r="F111704" s="14" t="s">
        <v>15</v>
      </c>
      <c r="G111704" s="16">
        <v>0</v>
      </c>
    </row>
    <row r="111705" spans="1:7" x14ac:dyDescent="0.3">
      <c r="A111705" s="13" t="s">
        <v>536</v>
      </c>
      <c r="B111705" s="14" t="s">
        <v>1</v>
      </c>
      <c r="C111705" s="14" t="s">
        <v>96</v>
      </c>
      <c r="D111705" s="14" t="s">
        <v>18</v>
      </c>
      <c r="E111705" s="15">
        <v>45391</v>
      </c>
      <c r="F111705" s="14" t="s">
        <v>15</v>
      </c>
      <c r="G111705" s="16">
        <v>0</v>
      </c>
    </row>
    <row r="111706" spans="1:7" x14ac:dyDescent="0.3">
      <c r="A111706" s="13" t="s">
        <v>536</v>
      </c>
      <c r="B111706" s="14" t="s">
        <v>1</v>
      </c>
      <c r="C111706" s="14" t="s">
        <v>96</v>
      </c>
      <c r="D111706" s="14" t="s">
        <v>18</v>
      </c>
      <c r="E111706" s="15">
        <v>45392</v>
      </c>
      <c r="F111706" s="14" t="s">
        <v>15</v>
      </c>
      <c r="G111706" s="16">
        <v>0</v>
      </c>
    </row>
    <row r="111707" spans="1:7" x14ac:dyDescent="0.3">
      <c r="A111707" s="13" t="s">
        <v>536</v>
      </c>
      <c r="B111707" s="14" t="s">
        <v>1</v>
      </c>
      <c r="C111707" s="14" t="s">
        <v>96</v>
      </c>
      <c r="D111707" s="14" t="s">
        <v>18</v>
      </c>
      <c r="E111707" s="15">
        <v>45393</v>
      </c>
      <c r="F111707" s="14" t="s">
        <v>15</v>
      </c>
      <c r="G111707" s="16">
        <v>0</v>
      </c>
    </row>
    <row r="111708" spans="1:7" x14ac:dyDescent="0.3">
      <c r="A111708" s="13" t="s">
        <v>536</v>
      </c>
      <c r="B111708" s="14" t="s">
        <v>1</v>
      </c>
      <c r="C111708" s="14" t="s">
        <v>96</v>
      </c>
      <c r="D111708" s="14" t="s">
        <v>18</v>
      </c>
      <c r="E111708" s="15">
        <v>45394</v>
      </c>
      <c r="F111708" s="14" t="s">
        <v>15</v>
      </c>
      <c r="G111708" s="16">
        <v>0</v>
      </c>
    </row>
    <row r="111709" spans="1:7" x14ac:dyDescent="0.3">
      <c r="A111709" s="13" t="s">
        <v>536</v>
      </c>
      <c r="B111709" s="14" t="s">
        <v>1</v>
      </c>
      <c r="C111709" s="14" t="s">
        <v>96</v>
      </c>
      <c r="D111709" s="14" t="s">
        <v>18</v>
      </c>
      <c r="E111709" s="15">
        <v>45395</v>
      </c>
      <c r="F111709" s="14" t="s">
        <v>15</v>
      </c>
      <c r="G111709" s="16">
        <v>0</v>
      </c>
    </row>
    <row r="111710" spans="1:7" x14ac:dyDescent="0.3">
      <c r="A111710" s="13" t="s">
        <v>536</v>
      </c>
      <c r="B111710" s="14" t="s">
        <v>1</v>
      </c>
      <c r="C111710" s="14" t="s">
        <v>96</v>
      </c>
      <c r="D111710" s="14" t="s">
        <v>18</v>
      </c>
      <c r="E111710" s="15">
        <v>45396</v>
      </c>
      <c r="F111710" s="14" t="s">
        <v>15</v>
      </c>
      <c r="G111710" s="16">
        <v>0</v>
      </c>
    </row>
    <row r="111711" spans="1:7" x14ac:dyDescent="0.3">
      <c r="A111711" s="13" t="s">
        <v>536</v>
      </c>
      <c r="B111711" s="14" t="s">
        <v>1</v>
      </c>
      <c r="C111711" s="14" t="s">
        <v>96</v>
      </c>
      <c r="D111711" s="14" t="s">
        <v>18</v>
      </c>
      <c r="E111711" s="15">
        <v>45397</v>
      </c>
      <c r="F111711" s="14" t="s">
        <v>15</v>
      </c>
      <c r="G111711" s="16">
        <v>0</v>
      </c>
    </row>
    <row r="111712" spans="1:7" x14ac:dyDescent="0.3">
      <c r="A111712" s="13" t="s">
        <v>536</v>
      </c>
      <c r="B111712" s="14" t="s">
        <v>1</v>
      </c>
      <c r="C111712" s="14" t="s">
        <v>96</v>
      </c>
      <c r="D111712" s="14" t="s">
        <v>18</v>
      </c>
      <c r="E111712" s="15">
        <v>45398</v>
      </c>
      <c r="F111712" s="14" t="s">
        <v>15</v>
      </c>
      <c r="G111712" s="16">
        <v>0</v>
      </c>
    </row>
    <row r="111713" spans="1:7" x14ac:dyDescent="0.3">
      <c r="A111713" s="13" t="s">
        <v>536</v>
      </c>
      <c r="B111713" s="14" t="s">
        <v>1</v>
      </c>
      <c r="C111713" s="14" t="s">
        <v>96</v>
      </c>
      <c r="D111713" s="14" t="s">
        <v>18</v>
      </c>
      <c r="E111713" s="15">
        <v>45399</v>
      </c>
      <c r="F111713" s="14" t="s">
        <v>15</v>
      </c>
      <c r="G111713" s="16">
        <v>0</v>
      </c>
    </row>
    <row r="111714" spans="1:7" x14ac:dyDescent="0.3">
      <c r="A111714" s="13" t="s">
        <v>536</v>
      </c>
      <c r="B111714" s="14" t="s">
        <v>1</v>
      </c>
      <c r="C111714" s="14" t="s">
        <v>96</v>
      </c>
      <c r="D111714" s="14" t="s">
        <v>18</v>
      </c>
      <c r="E111714" s="15">
        <v>45400</v>
      </c>
      <c r="F111714" s="14" t="s">
        <v>15</v>
      </c>
      <c r="G111714" s="16">
        <v>0</v>
      </c>
    </row>
    <row r="111715" spans="1:7" x14ac:dyDescent="0.3">
      <c r="A111715" s="13" t="s">
        <v>536</v>
      </c>
      <c r="B111715" s="14" t="s">
        <v>1</v>
      </c>
      <c r="C111715" s="14" t="s">
        <v>96</v>
      </c>
      <c r="D111715" s="14" t="s">
        <v>18</v>
      </c>
      <c r="E111715" s="15">
        <v>45401</v>
      </c>
      <c r="F111715" s="14" t="s">
        <v>15</v>
      </c>
      <c r="G111715" s="16">
        <v>0</v>
      </c>
    </row>
    <row r="111716" spans="1:7" x14ac:dyDescent="0.3">
      <c r="A111716" s="13" t="s">
        <v>536</v>
      </c>
      <c r="B111716" s="14" t="s">
        <v>1</v>
      </c>
      <c r="C111716" s="14" t="s">
        <v>96</v>
      </c>
      <c r="D111716" s="14" t="s">
        <v>18</v>
      </c>
      <c r="E111716" s="15">
        <v>45402</v>
      </c>
      <c r="F111716" s="14" t="s">
        <v>15</v>
      </c>
      <c r="G111716" s="16">
        <v>0</v>
      </c>
    </row>
    <row r="111717" spans="1:7" x14ac:dyDescent="0.3">
      <c r="A111717" s="13" t="s">
        <v>536</v>
      </c>
      <c r="B111717" s="14" t="s">
        <v>1</v>
      </c>
      <c r="C111717" s="14" t="s">
        <v>96</v>
      </c>
      <c r="D111717" s="14" t="s">
        <v>18</v>
      </c>
      <c r="E111717" s="15">
        <v>45403</v>
      </c>
      <c r="F111717" s="14" t="s">
        <v>15</v>
      </c>
      <c r="G111717" s="16">
        <v>0</v>
      </c>
    </row>
    <row r="111718" spans="1:7" x14ac:dyDescent="0.3">
      <c r="A111718" s="13" t="s">
        <v>536</v>
      </c>
      <c r="B111718" s="14" t="s">
        <v>1</v>
      </c>
      <c r="C111718" s="14" t="s">
        <v>96</v>
      </c>
      <c r="D111718" s="14" t="s">
        <v>18</v>
      </c>
      <c r="E111718" s="15">
        <v>45404</v>
      </c>
      <c r="F111718" s="14" t="s">
        <v>15</v>
      </c>
      <c r="G111718" s="16">
        <v>0</v>
      </c>
    </row>
    <row r="111719" spans="1:7" x14ac:dyDescent="0.3">
      <c r="A111719" s="13" t="s">
        <v>536</v>
      </c>
      <c r="B111719" s="14" t="s">
        <v>1</v>
      </c>
      <c r="C111719" s="14" t="s">
        <v>96</v>
      </c>
      <c r="D111719" s="14" t="s">
        <v>18</v>
      </c>
      <c r="E111719" s="15">
        <v>45405</v>
      </c>
      <c r="F111719" s="14" t="s">
        <v>15</v>
      </c>
      <c r="G111719" s="16">
        <v>0</v>
      </c>
    </row>
    <row r="111720" spans="1:7" x14ac:dyDescent="0.3">
      <c r="A111720" s="13" t="s">
        <v>536</v>
      </c>
      <c r="B111720" s="14" t="s">
        <v>1</v>
      </c>
      <c r="C111720" s="14" t="s">
        <v>96</v>
      </c>
      <c r="D111720" s="14" t="s">
        <v>18</v>
      </c>
      <c r="E111720" s="15">
        <v>45406</v>
      </c>
      <c r="F111720" s="14" t="s">
        <v>15</v>
      </c>
      <c r="G111720" s="16">
        <v>0</v>
      </c>
    </row>
    <row r="111721" spans="1:7" x14ac:dyDescent="0.3">
      <c r="A111721" s="13" t="s">
        <v>536</v>
      </c>
      <c r="B111721" s="14" t="s">
        <v>1</v>
      </c>
      <c r="C111721" s="14" t="s">
        <v>96</v>
      </c>
      <c r="D111721" s="14" t="s">
        <v>18</v>
      </c>
      <c r="E111721" s="15">
        <v>45407</v>
      </c>
      <c r="F111721" s="14" t="s">
        <v>15</v>
      </c>
      <c r="G111721" s="16">
        <v>0</v>
      </c>
    </row>
    <row r="111722" spans="1:7" x14ac:dyDescent="0.3">
      <c r="A111722" s="13" t="s">
        <v>536</v>
      </c>
      <c r="B111722" s="14" t="s">
        <v>1</v>
      </c>
      <c r="C111722" s="14" t="s">
        <v>96</v>
      </c>
      <c r="D111722" s="14" t="s">
        <v>18</v>
      </c>
      <c r="E111722" s="15">
        <v>45408</v>
      </c>
      <c r="F111722" s="14" t="s">
        <v>15</v>
      </c>
      <c r="G111722" s="16">
        <v>0</v>
      </c>
    </row>
    <row r="111723" spans="1:7" x14ac:dyDescent="0.3">
      <c r="A111723" s="13" t="s">
        <v>536</v>
      </c>
      <c r="B111723" s="14" t="s">
        <v>1</v>
      </c>
      <c r="C111723" s="14" t="s">
        <v>96</v>
      </c>
      <c r="D111723" s="14" t="s">
        <v>18</v>
      </c>
      <c r="E111723" s="15">
        <v>45409</v>
      </c>
      <c r="F111723" s="14" t="s">
        <v>15</v>
      </c>
      <c r="G111723" s="16">
        <v>0</v>
      </c>
    </row>
    <row r="111724" spans="1:7" x14ac:dyDescent="0.3">
      <c r="A111724" s="13" t="s">
        <v>536</v>
      </c>
      <c r="B111724" s="14" t="s">
        <v>1</v>
      </c>
      <c r="C111724" s="14" t="s">
        <v>96</v>
      </c>
      <c r="D111724" s="14" t="s">
        <v>18</v>
      </c>
      <c r="E111724" s="15">
        <v>45410</v>
      </c>
      <c r="F111724" s="14" t="s">
        <v>15</v>
      </c>
      <c r="G111724" s="16">
        <v>0</v>
      </c>
    </row>
    <row r="111725" spans="1:7" x14ac:dyDescent="0.3">
      <c r="A111725" s="13" t="s">
        <v>536</v>
      </c>
      <c r="B111725" s="14" t="s">
        <v>1</v>
      </c>
      <c r="C111725" s="14" t="s">
        <v>96</v>
      </c>
      <c r="D111725" s="14" t="s">
        <v>18</v>
      </c>
      <c r="E111725" s="15">
        <v>45411</v>
      </c>
      <c r="F111725" s="14" t="s">
        <v>15</v>
      </c>
      <c r="G111725" s="16">
        <v>0</v>
      </c>
    </row>
    <row r="111726" spans="1:7" x14ac:dyDescent="0.3">
      <c r="A111726" s="13" t="s">
        <v>536</v>
      </c>
      <c r="B111726" s="14" t="s">
        <v>1</v>
      </c>
      <c r="C111726" s="14" t="s">
        <v>96</v>
      </c>
      <c r="D111726" s="14" t="s">
        <v>18</v>
      </c>
      <c r="E111726" s="15">
        <v>45412</v>
      </c>
      <c r="F111726" s="14" t="s">
        <v>15</v>
      </c>
      <c r="G111726" s="16">
        <v>0</v>
      </c>
    </row>
    <row r="111727" spans="1:7" x14ac:dyDescent="0.3">
      <c r="A111727" s="13" t="s">
        <v>536</v>
      </c>
      <c r="B111727" s="14" t="s">
        <v>1</v>
      </c>
      <c r="C111727" s="14" t="s">
        <v>96</v>
      </c>
      <c r="D111727" s="14" t="s">
        <v>18</v>
      </c>
      <c r="E111727" s="15">
        <v>45413</v>
      </c>
      <c r="F111727" s="14" t="s">
        <v>15</v>
      </c>
      <c r="G111727" s="16">
        <v>0</v>
      </c>
    </row>
    <row r="111728" spans="1:7" x14ac:dyDescent="0.3">
      <c r="A111728" s="13" t="s">
        <v>536</v>
      </c>
      <c r="B111728" s="14" t="s">
        <v>1</v>
      </c>
      <c r="C111728" s="14" t="s">
        <v>96</v>
      </c>
      <c r="D111728" s="14" t="s">
        <v>18</v>
      </c>
      <c r="E111728" s="15">
        <v>45414</v>
      </c>
      <c r="F111728" s="14" t="s">
        <v>15</v>
      </c>
      <c r="G111728" s="16">
        <v>0</v>
      </c>
    </row>
    <row r="111729" spans="1:7" x14ac:dyDescent="0.3">
      <c r="A111729" s="13" t="s">
        <v>536</v>
      </c>
      <c r="B111729" s="14" t="s">
        <v>1</v>
      </c>
      <c r="C111729" s="14" t="s">
        <v>96</v>
      </c>
      <c r="D111729" s="14" t="s">
        <v>18</v>
      </c>
      <c r="E111729" s="15">
        <v>45415</v>
      </c>
      <c r="F111729" s="14" t="s">
        <v>15</v>
      </c>
      <c r="G111729" s="16">
        <v>0</v>
      </c>
    </row>
    <row r="111730" spans="1:7" x14ac:dyDescent="0.3">
      <c r="A111730" s="13" t="s">
        <v>536</v>
      </c>
      <c r="B111730" s="14" t="s">
        <v>1</v>
      </c>
      <c r="C111730" s="14" t="s">
        <v>96</v>
      </c>
      <c r="D111730" s="14" t="s">
        <v>18</v>
      </c>
      <c r="E111730" s="15">
        <v>45416</v>
      </c>
      <c r="F111730" s="14" t="s">
        <v>15</v>
      </c>
      <c r="G111730" s="16">
        <v>0</v>
      </c>
    </row>
    <row r="111731" spans="1:7" x14ac:dyDescent="0.3">
      <c r="A111731" s="13" t="s">
        <v>536</v>
      </c>
      <c r="B111731" s="14" t="s">
        <v>1</v>
      </c>
      <c r="C111731" s="14" t="s">
        <v>96</v>
      </c>
      <c r="D111731" s="14" t="s">
        <v>18</v>
      </c>
      <c r="E111731" s="15">
        <v>45417</v>
      </c>
      <c r="F111731" s="14" t="s">
        <v>15</v>
      </c>
      <c r="G111731" s="16">
        <v>0</v>
      </c>
    </row>
    <row r="111732" spans="1:7" x14ac:dyDescent="0.3">
      <c r="A111732" s="13" t="s">
        <v>536</v>
      </c>
      <c r="B111732" s="14" t="s">
        <v>1</v>
      </c>
      <c r="C111732" s="14" t="s">
        <v>96</v>
      </c>
      <c r="D111732" s="14" t="s">
        <v>18</v>
      </c>
      <c r="E111732" s="15">
        <v>45418</v>
      </c>
      <c r="F111732" s="14" t="s">
        <v>15</v>
      </c>
      <c r="G111732" s="16">
        <v>0</v>
      </c>
    </row>
    <row r="111733" spans="1:7" x14ac:dyDescent="0.3">
      <c r="A111733" s="13" t="s">
        <v>536</v>
      </c>
      <c r="B111733" s="14" t="s">
        <v>1</v>
      </c>
      <c r="C111733" s="14" t="s">
        <v>96</v>
      </c>
      <c r="D111733" s="14" t="s">
        <v>18</v>
      </c>
      <c r="E111733" s="15">
        <v>45419</v>
      </c>
      <c r="F111733" s="14" t="s">
        <v>15</v>
      </c>
      <c r="G111733" s="16">
        <v>0</v>
      </c>
    </row>
    <row r="111734" spans="1:7" x14ac:dyDescent="0.3">
      <c r="A111734" s="13" t="s">
        <v>536</v>
      </c>
      <c r="B111734" s="14" t="s">
        <v>1</v>
      </c>
      <c r="C111734" s="14" t="s">
        <v>96</v>
      </c>
      <c r="D111734" s="14" t="s">
        <v>18</v>
      </c>
      <c r="E111734" s="15">
        <v>45420</v>
      </c>
      <c r="F111734" s="14" t="s">
        <v>15</v>
      </c>
      <c r="G111734" s="16">
        <v>0</v>
      </c>
    </row>
    <row r="111735" spans="1:7" x14ac:dyDescent="0.3">
      <c r="A111735" s="13" t="s">
        <v>536</v>
      </c>
      <c r="B111735" s="14" t="s">
        <v>1</v>
      </c>
      <c r="C111735" s="14" t="s">
        <v>96</v>
      </c>
      <c r="D111735" s="14" t="s">
        <v>18</v>
      </c>
      <c r="E111735" s="15">
        <v>45421</v>
      </c>
      <c r="F111735" s="14" t="s">
        <v>15</v>
      </c>
      <c r="G111735" s="16">
        <v>0</v>
      </c>
    </row>
    <row r="111736" spans="1:7" x14ac:dyDescent="0.3">
      <c r="A111736" s="13" t="s">
        <v>536</v>
      </c>
      <c r="B111736" s="14" t="s">
        <v>1</v>
      </c>
      <c r="C111736" s="14" t="s">
        <v>96</v>
      </c>
      <c r="D111736" s="14" t="s">
        <v>18</v>
      </c>
      <c r="E111736" s="15">
        <v>45422</v>
      </c>
      <c r="F111736" s="14" t="s">
        <v>15</v>
      </c>
      <c r="G111736" s="16">
        <v>0</v>
      </c>
    </row>
    <row r="111737" spans="1:7" x14ac:dyDescent="0.3">
      <c r="A111737" s="13" t="s">
        <v>536</v>
      </c>
      <c r="B111737" s="14" t="s">
        <v>1</v>
      </c>
      <c r="C111737" s="14" t="s">
        <v>96</v>
      </c>
      <c r="D111737" s="14" t="s">
        <v>18</v>
      </c>
      <c r="E111737" s="15">
        <v>45423</v>
      </c>
      <c r="F111737" s="14" t="s">
        <v>15</v>
      </c>
      <c r="G111737" s="16">
        <v>0</v>
      </c>
    </row>
    <row r="111738" spans="1:7" x14ac:dyDescent="0.3">
      <c r="A111738" s="13" t="s">
        <v>536</v>
      </c>
      <c r="B111738" s="14" t="s">
        <v>1</v>
      </c>
      <c r="C111738" s="14" t="s">
        <v>96</v>
      </c>
      <c r="D111738" s="14" t="s">
        <v>18</v>
      </c>
      <c r="E111738" s="15">
        <v>45424</v>
      </c>
      <c r="F111738" s="14" t="s">
        <v>15</v>
      </c>
      <c r="G111738" s="16">
        <v>0</v>
      </c>
    </row>
    <row r="111739" spans="1:7" x14ac:dyDescent="0.3">
      <c r="A111739" s="13" t="s">
        <v>536</v>
      </c>
      <c r="B111739" s="14" t="s">
        <v>1</v>
      </c>
      <c r="C111739" s="14" t="s">
        <v>96</v>
      </c>
      <c r="D111739" s="14" t="s">
        <v>18</v>
      </c>
      <c r="E111739" s="15">
        <v>45425</v>
      </c>
      <c r="F111739" s="14" t="s">
        <v>15</v>
      </c>
      <c r="G111739" s="16">
        <v>0</v>
      </c>
    </row>
    <row r="111740" spans="1:7" x14ac:dyDescent="0.3">
      <c r="A111740" s="13" t="s">
        <v>536</v>
      </c>
      <c r="B111740" s="14" t="s">
        <v>1</v>
      </c>
      <c r="C111740" s="14" t="s">
        <v>96</v>
      </c>
      <c r="D111740" s="14" t="s">
        <v>18</v>
      </c>
      <c r="E111740" s="15">
        <v>45426</v>
      </c>
      <c r="F111740" s="14" t="s">
        <v>15</v>
      </c>
      <c r="G111740" s="16">
        <v>0</v>
      </c>
    </row>
    <row r="111741" spans="1:7" x14ac:dyDescent="0.3">
      <c r="A111741" s="13" t="s">
        <v>536</v>
      </c>
      <c r="B111741" s="14" t="s">
        <v>1</v>
      </c>
      <c r="C111741" s="14" t="s">
        <v>96</v>
      </c>
      <c r="D111741" s="14" t="s">
        <v>18</v>
      </c>
      <c r="E111741" s="15">
        <v>45427</v>
      </c>
      <c r="F111741" s="14" t="s">
        <v>15</v>
      </c>
      <c r="G111741" s="16">
        <v>0</v>
      </c>
    </row>
    <row r="111742" spans="1:7" x14ac:dyDescent="0.3">
      <c r="A111742" s="13" t="s">
        <v>536</v>
      </c>
      <c r="B111742" s="14" t="s">
        <v>1</v>
      </c>
      <c r="C111742" s="14" t="s">
        <v>96</v>
      </c>
      <c r="D111742" s="14" t="s">
        <v>18</v>
      </c>
      <c r="E111742" s="15">
        <v>45428</v>
      </c>
      <c r="F111742" s="14" t="s">
        <v>15</v>
      </c>
      <c r="G111742" s="16">
        <v>0</v>
      </c>
    </row>
    <row r="111743" spans="1:7" x14ac:dyDescent="0.3">
      <c r="A111743" s="13" t="s">
        <v>536</v>
      </c>
      <c r="B111743" s="14" t="s">
        <v>1</v>
      </c>
      <c r="C111743" s="14" t="s">
        <v>96</v>
      </c>
      <c r="D111743" s="14" t="s">
        <v>18</v>
      </c>
      <c r="E111743" s="15">
        <v>45429</v>
      </c>
      <c r="F111743" s="14" t="s">
        <v>15</v>
      </c>
      <c r="G111743" s="16">
        <v>0</v>
      </c>
    </row>
    <row r="111744" spans="1:7" x14ac:dyDescent="0.3">
      <c r="A111744" s="13" t="s">
        <v>536</v>
      </c>
      <c r="B111744" s="14" t="s">
        <v>1</v>
      </c>
      <c r="C111744" s="14" t="s">
        <v>96</v>
      </c>
      <c r="D111744" s="14" t="s">
        <v>18</v>
      </c>
      <c r="E111744" s="15">
        <v>45430</v>
      </c>
      <c r="F111744" s="14" t="s">
        <v>15</v>
      </c>
      <c r="G111744" s="16">
        <v>0</v>
      </c>
    </row>
    <row r="111745" spans="1:7" x14ac:dyDescent="0.3">
      <c r="A111745" s="13" t="s">
        <v>536</v>
      </c>
      <c r="B111745" s="14" t="s">
        <v>1</v>
      </c>
      <c r="C111745" s="14" t="s">
        <v>96</v>
      </c>
      <c r="D111745" s="14" t="s">
        <v>18</v>
      </c>
      <c r="E111745" s="15">
        <v>45431</v>
      </c>
      <c r="F111745" s="14" t="s">
        <v>15</v>
      </c>
      <c r="G111745" s="16">
        <v>0</v>
      </c>
    </row>
    <row r="111746" spans="1:7" x14ac:dyDescent="0.3">
      <c r="A111746" s="13" t="s">
        <v>536</v>
      </c>
      <c r="B111746" s="14" t="s">
        <v>1</v>
      </c>
      <c r="C111746" s="14" t="s">
        <v>96</v>
      </c>
      <c r="D111746" s="14" t="s">
        <v>18</v>
      </c>
      <c r="E111746" s="15">
        <v>45432</v>
      </c>
      <c r="F111746" s="14" t="s">
        <v>15</v>
      </c>
      <c r="G111746" s="16">
        <v>0</v>
      </c>
    </row>
    <row r="111747" spans="1:7" x14ac:dyDescent="0.3">
      <c r="A111747" s="13" t="s">
        <v>536</v>
      </c>
      <c r="B111747" s="14" t="s">
        <v>1</v>
      </c>
      <c r="C111747" s="14" t="s">
        <v>96</v>
      </c>
      <c r="D111747" s="14" t="s">
        <v>18</v>
      </c>
      <c r="E111747" s="15">
        <v>45433</v>
      </c>
      <c r="F111747" s="14" t="s">
        <v>15</v>
      </c>
      <c r="G111747" s="16">
        <v>0</v>
      </c>
    </row>
    <row r="111748" spans="1:7" x14ac:dyDescent="0.3">
      <c r="A111748" s="13" t="s">
        <v>536</v>
      </c>
      <c r="B111748" s="14" t="s">
        <v>1</v>
      </c>
      <c r="C111748" s="14" t="s">
        <v>96</v>
      </c>
      <c r="D111748" s="14" t="s">
        <v>18</v>
      </c>
      <c r="E111748" s="15">
        <v>45434</v>
      </c>
      <c r="F111748" s="14" t="s">
        <v>15</v>
      </c>
      <c r="G111748" s="16">
        <v>0</v>
      </c>
    </row>
    <row r="111749" spans="1:7" x14ac:dyDescent="0.3">
      <c r="A111749" s="13" t="s">
        <v>536</v>
      </c>
      <c r="B111749" s="14" t="s">
        <v>1</v>
      </c>
      <c r="C111749" s="14" t="s">
        <v>96</v>
      </c>
      <c r="D111749" s="14" t="s">
        <v>18</v>
      </c>
      <c r="E111749" s="15">
        <v>45435</v>
      </c>
      <c r="F111749" s="14" t="s">
        <v>15</v>
      </c>
      <c r="G111749" s="16">
        <v>0</v>
      </c>
    </row>
    <row r="111750" spans="1:7" x14ac:dyDescent="0.3">
      <c r="A111750" s="13" t="s">
        <v>536</v>
      </c>
      <c r="B111750" s="14" t="s">
        <v>1</v>
      </c>
      <c r="C111750" s="14" t="s">
        <v>96</v>
      </c>
      <c r="D111750" s="14" t="s">
        <v>18</v>
      </c>
      <c r="E111750" s="15">
        <v>45436</v>
      </c>
      <c r="F111750" s="14" t="s">
        <v>15</v>
      </c>
      <c r="G111750" s="16">
        <v>0</v>
      </c>
    </row>
    <row r="111751" spans="1:7" x14ac:dyDescent="0.3">
      <c r="A111751" s="13" t="s">
        <v>536</v>
      </c>
      <c r="B111751" s="14" t="s">
        <v>1</v>
      </c>
      <c r="C111751" s="14" t="s">
        <v>96</v>
      </c>
      <c r="D111751" s="14" t="s">
        <v>18</v>
      </c>
      <c r="E111751" s="15">
        <v>45437</v>
      </c>
      <c r="F111751" s="14" t="s">
        <v>15</v>
      </c>
      <c r="G111751" s="16">
        <v>0</v>
      </c>
    </row>
    <row r="111752" spans="1:7" x14ac:dyDescent="0.3">
      <c r="A111752" s="13" t="s">
        <v>536</v>
      </c>
      <c r="B111752" s="14" t="s">
        <v>1</v>
      </c>
      <c r="C111752" s="14" t="s">
        <v>96</v>
      </c>
      <c r="D111752" s="14" t="s">
        <v>18</v>
      </c>
      <c r="E111752" s="15">
        <v>45438</v>
      </c>
      <c r="F111752" s="14" t="s">
        <v>15</v>
      </c>
      <c r="G111752" s="16">
        <v>0</v>
      </c>
    </row>
    <row r="111753" spans="1:7" x14ac:dyDescent="0.3">
      <c r="A111753" s="13" t="s">
        <v>536</v>
      </c>
      <c r="B111753" s="14" t="s">
        <v>1</v>
      </c>
      <c r="C111753" s="14" t="s">
        <v>96</v>
      </c>
      <c r="D111753" s="14" t="s">
        <v>18</v>
      </c>
      <c r="E111753" s="15">
        <v>45439</v>
      </c>
      <c r="F111753" s="14" t="s">
        <v>15</v>
      </c>
      <c r="G111753" s="16">
        <v>0</v>
      </c>
    </row>
    <row r="111754" spans="1:7" x14ac:dyDescent="0.3">
      <c r="A111754" s="13" t="s">
        <v>536</v>
      </c>
      <c r="B111754" s="14" t="s">
        <v>1</v>
      </c>
      <c r="C111754" s="14" t="s">
        <v>96</v>
      </c>
      <c r="D111754" s="14" t="s">
        <v>18</v>
      </c>
      <c r="E111754" s="15">
        <v>45440</v>
      </c>
      <c r="F111754" s="14" t="s">
        <v>15</v>
      </c>
      <c r="G111754" s="16">
        <v>0</v>
      </c>
    </row>
    <row r="111755" spans="1:7" x14ac:dyDescent="0.3">
      <c r="A111755" s="13" t="s">
        <v>536</v>
      </c>
      <c r="B111755" s="14" t="s">
        <v>1</v>
      </c>
      <c r="C111755" s="14" t="s">
        <v>96</v>
      </c>
      <c r="D111755" s="14" t="s">
        <v>18</v>
      </c>
      <c r="E111755" s="15">
        <v>45441</v>
      </c>
      <c r="F111755" s="14" t="s">
        <v>15</v>
      </c>
      <c r="G111755" s="16">
        <v>0</v>
      </c>
    </row>
    <row r="111756" spans="1:7" x14ac:dyDescent="0.3">
      <c r="A111756" s="13" t="s">
        <v>536</v>
      </c>
      <c r="B111756" s="14" t="s">
        <v>1</v>
      </c>
      <c r="C111756" s="14" t="s">
        <v>96</v>
      </c>
      <c r="D111756" s="14" t="s">
        <v>18</v>
      </c>
      <c r="E111756" s="15">
        <v>45442</v>
      </c>
      <c r="F111756" s="14" t="s">
        <v>15</v>
      </c>
      <c r="G111756" s="16">
        <v>0</v>
      </c>
    </row>
    <row r="111757" spans="1:7" x14ac:dyDescent="0.3">
      <c r="A111757" s="13" t="s">
        <v>536</v>
      </c>
      <c r="B111757" s="14" t="s">
        <v>1</v>
      </c>
      <c r="C111757" s="14" t="s">
        <v>96</v>
      </c>
      <c r="D111757" s="14" t="s">
        <v>18</v>
      </c>
      <c r="E111757" s="15">
        <v>45443</v>
      </c>
      <c r="F111757" s="14" t="s">
        <v>15</v>
      </c>
      <c r="G111757" s="16">
        <v>0</v>
      </c>
    </row>
    <row r="111758" spans="1:7" x14ac:dyDescent="0.3">
      <c r="A111758" s="13" t="s">
        <v>536</v>
      </c>
      <c r="B111758" s="14" t="s">
        <v>1</v>
      </c>
      <c r="C111758" s="14" t="s">
        <v>96</v>
      </c>
      <c r="D111758" s="14" t="s">
        <v>18</v>
      </c>
      <c r="E111758" s="15">
        <v>45444</v>
      </c>
      <c r="F111758" s="14" t="s">
        <v>15</v>
      </c>
      <c r="G111758" s="16">
        <v>0</v>
      </c>
    </row>
    <row r="111759" spans="1:7" x14ac:dyDescent="0.3">
      <c r="A111759" s="13" t="s">
        <v>536</v>
      </c>
      <c r="B111759" s="14" t="s">
        <v>1</v>
      </c>
      <c r="C111759" s="14" t="s">
        <v>96</v>
      </c>
      <c r="D111759" s="14" t="s">
        <v>18</v>
      </c>
      <c r="E111759" s="15">
        <v>45445</v>
      </c>
      <c r="F111759" s="14" t="s">
        <v>15</v>
      </c>
      <c r="G111759" s="16">
        <v>0</v>
      </c>
    </row>
    <row r="111760" spans="1:7" x14ac:dyDescent="0.3">
      <c r="A111760" s="13" t="s">
        <v>536</v>
      </c>
      <c r="B111760" s="14" t="s">
        <v>1</v>
      </c>
      <c r="C111760" s="14" t="s">
        <v>96</v>
      </c>
      <c r="D111760" s="14" t="s">
        <v>18</v>
      </c>
      <c r="E111760" s="15">
        <v>45446</v>
      </c>
      <c r="F111760" s="14" t="s">
        <v>15</v>
      </c>
      <c r="G111760" s="16">
        <v>0</v>
      </c>
    </row>
    <row r="111761" spans="1:7" x14ac:dyDescent="0.3">
      <c r="A111761" s="13" t="s">
        <v>536</v>
      </c>
      <c r="B111761" s="14" t="s">
        <v>1</v>
      </c>
      <c r="C111761" s="14" t="s">
        <v>96</v>
      </c>
      <c r="D111761" s="14" t="s">
        <v>18</v>
      </c>
      <c r="E111761" s="15">
        <v>45447</v>
      </c>
      <c r="F111761" s="14" t="s">
        <v>15</v>
      </c>
      <c r="G111761" s="16">
        <v>0</v>
      </c>
    </row>
    <row r="111762" spans="1:7" x14ac:dyDescent="0.3">
      <c r="A111762" s="13" t="s">
        <v>536</v>
      </c>
      <c r="B111762" s="14" t="s">
        <v>1</v>
      </c>
      <c r="C111762" s="14" t="s">
        <v>96</v>
      </c>
      <c r="D111762" s="14" t="s">
        <v>18</v>
      </c>
      <c r="E111762" s="15">
        <v>45448</v>
      </c>
      <c r="F111762" s="14" t="s">
        <v>15</v>
      </c>
      <c r="G111762" s="16">
        <v>0</v>
      </c>
    </row>
    <row r="111763" spans="1:7" x14ac:dyDescent="0.3">
      <c r="A111763" s="13" t="s">
        <v>536</v>
      </c>
      <c r="B111763" s="14" t="s">
        <v>1</v>
      </c>
      <c r="C111763" s="14" t="s">
        <v>96</v>
      </c>
      <c r="D111763" s="14" t="s">
        <v>18</v>
      </c>
      <c r="E111763" s="15">
        <v>45449</v>
      </c>
      <c r="F111763" s="14" t="s">
        <v>15</v>
      </c>
      <c r="G111763" s="16">
        <v>0</v>
      </c>
    </row>
    <row r="111764" spans="1:7" x14ac:dyDescent="0.3">
      <c r="A111764" s="13" t="s">
        <v>536</v>
      </c>
      <c r="B111764" s="14" t="s">
        <v>1</v>
      </c>
      <c r="C111764" s="14" t="s">
        <v>96</v>
      </c>
      <c r="D111764" s="14" t="s">
        <v>18</v>
      </c>
      <c r="E111764" s="15">
        <v>45450</v>
      </c>
      <c r="F111764" s="14" t="s">
        <v>15</v>
      </c>
      <c r="G111764" s="16">
        <v>0</v>
      </c>
    </row>
    <row r="111765" spans="1:7" x14ac:dyDescent="0.3">
      <c r="A111765" s="13" t="s">
        <v>536</v>
      </c>
      <c r="B111765" s="14" t="s">
        <v>1</v>
      </c>
      <c r="C111765" s="14" t="s">
        <v>96</v>
      </c>
      <c r="D111765" s="14" t="s">
        <v>18</v>
      </c>
      <c r="E111765" s="15">
        <v>45451</v>
      </c>
      <c r="F111765" s="14" t="s">
        <v>15</v>
      </c>
      <c r="G111765" s="16">
        <v>0</v>
      </c>
    </row>
    <row r="111766" spans="1:7" x14ac:dyDescent="0.3">
      <c r="A111766" s="13" t="s">
        <v>536</v>
      </c>
      <c r="B111766" s="14" t="s">
        <v>1</v>
      </c>
      <c r="C111766" s="14" t="s">
        <v>96</v>
      </c>
      <c r="D111766" s="14" t="s">
        <v>18</v>
      </c>
      <c r="E111766" s="15">
        <v>45452</v>
      </c>
      <c r="F111766" s="14" t="s">
        <v>15</v>
      </c>
      <c r="G111766" s="16">
        <v>0</v>
      </c>
    </row>
    <row r="111767" spans="1:7" x14ac:dyDescent="0.3">
      <c r="A111767" s="13" t="s">
        <v>536</v>
      </c>
      <c r="B111767" s="14" t="s">
        <v>1</v>
      </c>
      <c r="C111767" s="14" t="s">
        <v>96</v>
      </c>
      <c r="D111767" s="14" t="s">
        <v>18</v>
      </c>
      <c r="E111767" s="15">
        <v>45453</v>
      </c>
      <c r="F111767" s="14" t="s">
        <v>15</v>
      </c>
      <c r="G111767" s="16">
        <v>0</v>
      </c>
    </row>
    <row r="111768" spans="1:7" x14ac:dyDescent="0.3">
      <c r="A111768" s="13" t="s">
        <v>536</v>
      </c>
      <c r="B111768" s="14" t="s">
        <v>1</v>
      </c>
      <c r="C111768" s="14" t="s">
        <v>96</v>
      </c>
      <c r="D111768" s="14" t="s">
        <v>18</v>
      </c>
      <c r="E111768" s="15">
        <v>45454</v>
      </c>
      <c r="F111768" s="14" t="s">
        <v>15</v>
      </c>
      <c r="G111768" s="16">
        <v>0</v>
      </c>
    </row>
    <row r="111769" spans="1:7" x14ac:dyDescent="0.3">
      <c r="A111769" s="13" t="s">
        <v>536</v>
      </c>
      <c r="B111769" s="14" t="s">
        <v>1</v>
      </c>
      <c r="C111769" s="14" t="s">
        <v>96</v>
      </c>
      <c r="D111769" s="14" t="s">
        <v>18</v>
      </c>
      <c r="E111769" s="15">
        <v>45455</v>
      </c>
      <c r="F111769" s="14" t="s">
        <v>15</v>
      </c>
      <c r="G111769" s="16">
        <v>0</v>
      </c>
    </row>
    <row r="111770" spans="1:7" x14ac:dyDescent="0.3">
      <c r="A111770" s="13" t="s">
        <v>536</v>
      </c>
      <c r="B111770" s="14" t="s">
        <v>1</v>
      </c>
      <c r="C111770" s="14" t="s">
        <v>96</v>
      </c>
      <c r="D111770" s="14" t="s">
        <v>18</v>
      </c>
      <c r="E111770" s="15">
        <v>45456</v>
      </c>
      <c r="F111770" s="14" t="s">
        <v>15</v>
      </c>
      <c r="G111770" s="16">
        <v>0</v>
      </c>
    </row>
    <row r="111771" spans="1:7" x14ac:dyDescent="0.3">
      <c r="A111771" s="13" t="s">
        <v>536</v>
      </c>
      <c r="B111771" s="14" t="s">
        <v>1</v>
      </c>
      <c r="C111771" s="14" t="s">
        <v>96</v>
      </c>
      <c r="D111771" s="14" t="s">
        <v>18</v>
      </c>
      <c r="E111771" s="15">
        <v>45457</v>
      </c>
      <c r="F111771" s="14" t="s">
        <v>15</v>
      </c>
      <c r="G111771" s="16">
        <v>0</v>
      </c>
    </row>
    <row r="111772" spans="1:7" x14ac:dyDescent="0.3">
      <c r="A111772" s="13" t="s">
        <v>536</v>
      </c>
      <c r="B111772" s="14" t="s">
        <v>1</v>
      </c>
      <c r="C111772" s="14" t="s">
        <v>96</v>
      </c>
      <c r="D111772" s="14" t="s">
        <v>18</v>
      </c>
      <c r="E111772" s="15">
        <v>45458</v>
      </c>
      <c r="F111772" s="14" t="s">
        <v>15</v>
      </c>
      <c r="G111772" s="16">
        <v>0</v>
      </c>
    </row>
    <row r="111773" spans="1:7" x14ac:dyDescent="0.3">
      <c r="A111773" s="13" t="s">
        <v>536</v>
      </c>
      <c r="B111773" s="14" t="s">
        <v>1</v>
      </c>
      <c r="C111773" s="14" t="s">
        <v>96</v>
      </c>
      <c r="D111773" s="14" t="s">
        <v>18</v>
      </c>
      <c r="E111773" s="15">
        <v>45459</v>
      </c>
      <c r="F111773" s="14" t="s">
        <v>15</v>
      </c>
      <c r="G111773" s="16">
        <v>0</v>
      </c>
    </row>
    <row r="111774" spans="1:7" x14ac:dyDescent="0.3">
      <c r="A111774" s="13" t="s">
        <v>536</v>
      </c>
      <c r="B111774" s="14" t="s">
        <v>1</v>
      </c>
      <c r="C111774" s="14" t="s">
        <v>96</v>
      </c>
      <c r="D111774" s="14" t="s">
        <v>18</v>
      </c>
      <c r="E111774" s="15">
        <v>45460</v>
      </c>
      <c r="F111774" s="14" t="s">
        <v>15</v>
      </c>
      <c r="G111774" s="16">
        <v>0</v>
      </c>
    </row>
    <row r="111775" spans="1:7" x14ac:dyDescent="0.3">
      <c r="A111775" s="13" t="s">
        <v>536</v>
      </c>
      <c r="B111775" s="14" t="s">
        <v>1</v>
      </c>
      <c r="C111775" s="14" t="s">
        <v>96</v>
      </c>
      <c r="D111775" s="14" t="s">
        <v>18</v>
      </c>
      <c r="E111775" s="15">
        <v>45461</v>
      </c>
      <c r="F111775" s="14" t="s">
        <v>15</v>
      </c>
      <c r="G111775" s="16">
        <v>0</v>
      </c>
    </row>
    <row r="111776" spans="1:7" x14ac:dyDescent="0.3">
      <c r="A111776" s="13" t="s">
        <v>536</v>
      </c>
      <c r="B111776" s="14" t="s">
        <v>1</v>
      </c>
      <c r="C111776" s="14" t="s">
        <v>96</v>
      </c>
      <c r="D111776" s="14" t="s">
        <v>18</v>
      </c>
      <c r="E111776" s="15">
        <v>45462</v>
      </c>
      <c r="F111776" s="14" t="s">
        <v>15</v>
      </c>
      <c r="G111776" s="16">
        <v>0</v>
      </c>
    </row>
    <row r="111777" spans="1:7" x14ac:dyDescent="0.3">
      <c r="A111777" s="13" t="s">
        <v>536</v>
      </c>
      <c r="B111777" s="14" t="s">
        <v>1</v>
      </c>
      <c r="C111777" s="14" t="s">
        <v>96</v>
      </c>
      <c r="D111777" s="14" t="s">
        <v>18</v>
      </c>
      <c r="E111777" s="15">
        <v>45463</v>
      </c>
      <c r="F111777" s="14" t="s">
        <v>15</v>
      </c>
      <c r="G111777" s="16">
        <v>0</v>
      </c>
    </row>
    <row r="111778" spans="1:7" x14ac:dyDescent="0.3">
      <c r="A111778" s="13" t="s">
        <v>536</v>
      </c>
      <c r="B111778" s="14" t="s">
        <v>1</v>
      </c>
      <c r="C111778" s="14" t="s">
        <v>96</v>
      </c>
      <c r="D111778" s="14" t="s">
        <v>18</v>
      </c>
      <c r="E111778" s="15">
        <v>45464</v>
      </c>
      <c r="F111778" s="14" t="s">
        <v>15</v>
      </c>
      <c r="G111778" s="16">
        <v>0</v>
      </c>
    </row>
    <row r="111779" spans="1:7" x14ac:dyDescent="0.3">
      <c r="A111779" s="13" t="s">
        <v>536</v>
      </c>
      <c r="B111779" s="14" t="s">
        <v>1</v>
      </c>
      <c r="C111779" s="14" t="s">
        <v>96</v>
      </c>
      <c r="D111779" s="14" t="s">
        <v>18</v>
      </c>
      <c r="E111779" s="15">
        <v>45465</v>
      </c>
      <c r="F111779" s="14" t="s">
        <v>15</v>
      </c>
      <c r="G111779" s="16">
        <v>0</v>
      </c>
    </row>
    <row r="111780" spans="1:7" x14ac:dyDescent="0.3">
      <c r="A111780" s="13" t="s">
        <v>536</v>
      </c>
      <c r="B111780" s="14" t="s">
        <v>1</v>
      </c>
      <c r="C111780" s="14" t="s">
        <v>96</v>
      </c>
      <c r="D111780" s="14" t="s">
        <v>18</v>
      </c>
      <c r="E111780" s="15">
        <v>45466</v>
      </c>
      <c r="F111780" s="14" t="s">
        <v>15</v>
      </c>
      <c r="G111780" s="16">
        <v>0</v>
      </c>
    </row>
    <row r="111781" spans="1:7" x14ac:dyDescent="0.3">
      <c r="A111781" s="13" t="s">
        <v>536</v>
      </c>
      <c r="B111781" s="14" t="s">
        <v>1</v>
      </c>
      <c r="C111781" s="14" t="s">
        <v>96</v>
      </c>
      <c r="D111781" s="14" t="s">
        <v>18</v>
      </c>
      <c r="E111781" s="15">
        <v>45467</v>
      </c>
      <c r="F111781" s="14" t="s">
        <v>15</v>
      </c>
      <c r="G111781" s="16">
        <v>0</v>
      </c>
    </row>
    <row r="111782" spans="1:7" x14ac:dyDescent="0.3">
      <c r="A111782" s="13" t="s">
        <v>536</v>
      </c>
      <c r="B111782" s="14" t="s">
        <v>1</v>
      </c>
      <c r="C111782" s="14" t="s">
        <v>96</v>
      </c>
      <c r="D111782" s="14" t="s">
        <v>18</v>
      </c>
      <c r="E111782" s="15">
        <v>45468</v>
      </c>
      <c r="F111782" s="14" t="s">
        <v>15</v>
      </c>
      <c r="G111782" s="16">
        <v>0</v>
      </c>
    </row>
    <row r="111783" spans="1:7" x14ac:dyDescent="0.3">
      <c r="A111783" s="13" t="s">
        <v>536</v>
      </c>
      <c r="B111783" s="14" t="s">
        <v>1</v>
      </c>
      <c r="C111783" s="14" t="s">
        <v>96</v>
      </c>
      <c r="D111783" s="14" t="s">
        <v>18</v>
      </c>
      <c r="E111783" s="15">
        <v>45469</v>
      </c>
      <c r="F111783" s="14" t="s">
        <v>15</v>
      </c>
      <c r="G111783" s="16">
        <v>0</v>
      </c>
    </row>
    <row r="111784" spans="1:7" x14ac:dyDescent="0.3">
      <c r="A111784" s="13" t="s">
        <v>536</v>
      </c>
      <c r="B111784" s="14" t="s">
        <v>1</v>
      </c>
      <c r="C111784" s="14" t="s">
        <v>96</v>
      </c>
      <c r="D111784" s="14" t="s">
        <v>18</v>
      </c>
      <c r="E111784" s="15">
        <v>45470</v>
      </c>
      <c r="F111784" s="14" t="s">
        <v>15</v>
      </c>
      <c r="G111784" s="16">
        <v>0</v>
      </c>
    </row>
    <row r="111785" spans="1:7" x14ac:dyDescent="0.3">
      <c r="A111785" s="13" t="s">
        <v>536</v>
      </c>
      <c r="B111785" s="14" t="s">
        <v>1</v>
      </c>
      <c r="C111785" s="14" t="s">
        <v>96</v>
      </c>
      <c r="D111785" s="14" t="s">
        <v>18</v>
      </c>
      <c r="E111785" s="15">
        <v>45471</v>
      </c>
      <c r="F111785" s="14" t="s">
        <v>15</v>
      </c>
      <c r="G111785" s="16">
        <v>0</v>
      </c>
    </row>
    <row r="111786" spans="1:7" x14ac:dyDescent="0.3">
      <c r="A111786" s="13" t="s">
        <v>536</v>
      </c>
      <c r="B111786" s="14" t="s">
        <v>1</v>
      </c>
      <c r="C111786" s="14" t="s">
        <v>96</v>
      </c>
      <c r="D111786" s="14" t="s">
        <v>18</v>
      </c>
      <c r="E111786" s="15">
        <v>45472</v>
      </c>
      <c r="F111786" s="14" t="s">
        <v>15</v>
      </c>
      <c r="G111786" s="16">
        <v>0</v>
      </c>
    </row>
    <row r="111787" spans="1:7" x14ac:dyDescent="0.3">
      <c r="A111787" s="13" t="s">
        <v>536</v>
      </c>
      <c r="B111787" s="14" t="s">
        <v>1</v>
      </c>
      <c r="C111787" s="14" t="s">
        <v>96</v>
      </c>
      <c r="D111787" s="14" t="s">
        <v>18</v>
      </c>
      <c r="E111787" s="15">
        <v>45473</v>
      </c>
      <c r="F111787" s="14" t="s">
        <v>15</v>
      </c>
      <c r="G111787" s="16">
        <v>0</v>
      </c>
    </row>
    <row r="111788" spans="1:7" x14ac:dyDescent="0.3">
      <c r="A111788" s="13" t="s">
        <v>536</v>
      </c>
      <c r="B111788" s="14" t="s">
        <v>1</v>
      </c>
      <c r="C111788" s="14" t="s">
        <v>96</v>
      </c>
      <c r="D111788" s="14" t="s">
        <v>18</v>
      </c>
      <c r="E111788" s="15">
        <v>45474</v>
      </c>
      <c r="F111788" s="14" t="s">
        <v>15</v>
      </c>
      <c r="G111788" s="16">
        <v>0</v>
      </c>
    </row>
    <row r="111789" spans="1:7" x14ac:dyDescent="0.3">
      <c r="A111789" s="13" t="s">
        <v>536</v>
      </c>
      <c r="B111789" s="14" t="s">
        <v>1</v>
      </c>
      <c r="C111789" s="14" t="s">
        <v>96</v>
      </c>
      <c r="D111789" s="14" t="s">
        <v>18</v>
      </c>
      <c r="E111789" s="15">
        <v>45475</v>
      </c>
      <c r="F111789" s="14" t="s">
        <v>15</v>
      </c>
      <c r="G111789" s="16">
        <v>0</v>
      </c>
    </row>
    <row r="111790" spans="1:7" x14ac:dyDescent="0.3">
      <c r="A111790" s="13" t="s">
        <v>536</v>
      </c>
      <c r="B111790" s="14" t="s">
        <v>1</v>
      </c>
      <c r="C111790" s="14" t="s">
        <v>96</v>
      </c>
      <c r="D111790" s="14" t="s">
        <v>18</v>
      </c>
      <c r="E111790" s="15">
        <v>45476</v>
      </c>
      <c r="F111790" s="14" t="s">
        <v>15</v>
      </c>
      <c r="G111790" s="16">
        <v>0</v>
      </c>
    </row>
    <row r="111791" spans="1:7" x14ac:dyDescent="0.3">
      <c r="A111791" s="13" t="s">
        <v>536</v>
      </c>
      <c r="B111791" s="14" t="s">
        <v>1</v>
      </c>
      <c r="C111791" s="14" t="s">
        <v>96</v>
      </c>
      <c r="D111791" s="14" t="s">
        <v>18</v>
      </c>
      <c r="E111791" s="15">
        <v>45477</v>
      </c>
      <c r="F111791" s="14" t="s">
        <v>15</v>
      </c>
      <c r="G111791" s="16">
        <v>0</v>
      </c>
    </row>
    <row r="111792" spans="1:7" x14ac:dyDescent="0.3">
      <c r="A111792" s="13" t="s">
        <v>536</v>
      </c>
      <c r="B111792" s="14" t="s">
        <v>1</v>
      </c>
      <c r="C111792" s="14" t="s">
        <v>96</v>
      </c>
      <c r="D111792" s="14" t="s">
        <v>18</v>
      </c>
      <c r="E111792" s="15">
        <v>45478</v>
      </c>
      <c r="F111792" s="14" t="s">
        <v>15</v>
      </c>
      <c r="G111792" s="16">
        <v>0</v>
      </c>
    </row>
    <row r="111793" spans="1:7" x14ac:dyDescent="0.3">
      <c r="A111793" s="13" t="s">
        <v>536</v>
      </c>
      <c r="B111793" s="14" t="s">
        <v>1</v>
      </c>
      <c r="C111793" s="14" t="s">
        <v>96</v>
      </c>
      <c r="D111793" s="14" t="s">
        <v>18</v>
      </c>
      <c r="E111793" s="15">
        <v>45479</v>
      </c>
      <c r="F111793" s="14" t="s">
        <v>15</v>
      </c>
      <c r="G111793" s="16">
        <v>0</v>
      </c>
    </row>
    <row r="111794" spans="1:7" x14ac:dyDescent="0.3">
      <c r="A111794" s="13" t="s">
        <v>536</v>
      </c>
      <c r="B111794" s="14" t="s">
        <v>1</v>
      </c>
      <c r="C111794" s="14" t="s">
        <v>96</v>
      </c>
      <c r="D111794" s="14" t="s">
        <v>18</v>
      </c>
      <c r="E111794" s="15">
        <v>45480</v>
      </c>
      <c r="F111794" s="14" t="s">
        <v>15</v>
      </c>
      <c r="G111794" s="16">
        <v>0</v>
      </c>
    </row>
    <row r="111795" spans="1:7" x14ac:dyDescent="0.3">
      <c r="A111795" s="13" t="s">
        <v>536</v>
      </c>
      <c r="B111795" s="14" t="s">
        <v>1</v>
      </c>
      <c r="C111795" s="14" t="s">
        <v>96</v>
      </c>
      <c r="D111795" s="14" t="s">
        <v>18</v>
      </c>
      <c r="E111795" s="15">
        <v>45481</v>
      </c>
      <c r="F111795" s="14" t="s">
        <v>15</v>
      </c>
      <c r="G111795" s="16">
        <v>0</v>
      </c>
    </row>
    <row r="111796" spans="1:7" x14ac:dyDescent="0.3">
      <c r="A111796" s="13" t="s">
        <v>536</v>
      </c>
      <c r="B111796" s="14" t="s">
        <v>1</v>
      </c>
      <c r="C111796" s="14" t="s">
        <v>96</v>
      </c>
      <c r="D111796" s="14" t="s">
        <v>18</v>
      </c>
      <c r="E111796" s="15">
        <v>45482</v>
      </c>
      <c r="F111796" s="14" t="s">
        <v>15</v>
      </c>
      <c r="G111796" s="16">
        <v>0</v>
      </c>
    </row>
    <row r="111797" spans="1:7" x14ac:dyDescent="0.3">
      <c r="A111797" s="13" t="s">
        <v>536</v>
      </c>
      <c r="B111797" s="14" t="s">
        <v>1</v>
      </c>
      <c r="C111797" s="14" t="s">
        <v>96</v>
      </c>
      <c r="D111797" s="14" t="s">
        <v>18</v>
      </c>
      <c r="E111797" s="15">
        <v>45483</v>
      </c>
      <c r="F111797" s="14" t="s">
        <v>15</v>
      </c>
      <c r="G111797" s="16">
        <v>0</v>
      </c>
    </row>
    <row r="111798" spans="1:7" x14ac:dyDescent="0.3">
      <c r="A111798" s="13" t="s">
        <v>536</v>
      </c>
      <c r="B111798" s="14" t="s">
        <v>1</v>
      </c>
      <c r="C111798" s="14" t="s">
        <v>96</v>
      </c>
      <c r="D111798" s="14" t="s">
        <v>18</v>
      </c>
      <c r="E111798" s="15">
        <v>45484</v>
      </c>
      <c r="F111798" s="14" t="s">
        <v>15</v>
      </c>
      <c r="G111798" s="16">
        <v>0</v>
      </c>
    </row>
    <row r="111799" spans="1:7" x14ac:dyDescent="0.3">
      <c r="A111799" s="13" t="s">
        <v>536</v>
      </c>
      <c r="B111799" s="14" t="s">
        <v>1</v>
      </c>
      <c r="C111799" s="14" t="s">
        <v>96</v>
      </c>
      <c r="D111799" s="14" t="s">
        <v>18</v>
      </c>
      <c r="E111799" s="15">
        <v>45485</v>
      </c>
      <c r="F111799" s="14" t="s">
        <v>15</v>
      </c>
      <c r="G111799" s="16">
        <v>0</v>
      </c>
    </row>
    <row r="111800" spans="1:7" x14ac:dyDescent="0.3">
      <c r="A111800" s="13" t="s">
        <v>536</v>
      </c>
      <c r="B111800" s="14" t="s">
        <v>1</v>
      </c>
      <c r="C111800" s="14" t="s">
        <v>96</v>
      </c>
      <c r="D111800" s="14" t="s">
        <v>18</v>
      </c>
      <c r="E111800" s="15">
        <v>45486</v>
      </c>
      <c r="F111800" s="14" t="s">
        <v>15</v>
      </c>
      <c r="G111800" s="16">
        <v>0</v>
      </c>
    </row>
    <row r="111801" spans="1:7" x14ac:dyDescent="0.3">
      <c r="A111801" s="13" t="s">
        <v>536</v>
      </c>
      <c r="B111801" s="14" t="s">
        <v>1</v>
      </c>
      <c r="C111801" s="14" t="s">
        <v>96</v>
      </c>
      <c r="D111801" s="14" t="s">
        <v>18</v>
      </c>
      <c r="E111801" s="15">
        <v>45487</v>
      </c>
      <c r="F111801" s="14" t="s">
        <v>15</v>
      </c>
      <c r="G111801" s="16">
        <v>0</v>
      </c>
    </row>
    <row r="111802" spans="1:7" x14ac:dyDescent="0.3">
      <c r="A111802" s="13" t="s">
        <v>536</v>
      </c>
      <c r="B111802" s="14" t="s">
        <v>1</v>
      </c>
      <c r="C111802" s="14" t="s">
        <v>96</v>
      </c>
      <c r="D111802" s="14" t="s">
        <v>18</v>
      </c>
      <c r="E111802" s="15">
        <v>45488</v>
      </c>
      <c r="F111802" s="14" t="s">
        <v>15</v>
      </c>
      <c r="G111802" s="16">
        <v>0</v>
      </c>
    </row>
    <row r="111803" spans="1:7" x14ac:dyDescent="0.3">
      <c r="A111803" s="13" t="s">
        <v>536</v>
      </c>
      <c r="B111803" s="14" t="s">
        <v>1</v>
      </c>
      <c r="C111803" s="14" t="s">
        <v>96</v>
      </c>
      <c r="D111803" s="14" t="s">
        <v>18</v>
      </c>
      <c r="E111803" s="15">
        <v>45489</v>
      </c>
      <c r="F111803" s="14" t="s">
        <v>15</v>
      </c>
      <c r="G111803" s="16">
        <v>0</v>
      </c>
    </row>
    <row r="111804" spans="1:7" x14ac:dyDescent="0.3">
      <c r="A111804" s="13" t="s">
        <v>536</v>
      </c>
      <c r="B111804" s="14" t="s">
        <v>1</v>
      </c>
      <c r="C111804" s="14" t="s">
        <v>96</v>
      </c>
      <c r="D111804" s="14" t="s">
        <v>18</v>
      </c>
      <c r="E111804" s="15">
        <v>45490</v>
      </c>
      <c r="F111804" s="14" t="s">
        <v>15</v>
      </c>
      <c r="G111804" s="16">
        <v>0</v>
      </c>
    </row>
    <row r="111805" spans="1:7" x14ac:dyDescent="0.3">
      <c r="A111805" s="13" t="s">
        <v>536</v>
      </c>
      <c r="B111805" s="14" t="s">
        <v>1</v>
      </c>
      <c r="C111805" s="14" t="s">
        <v>96</v>
      </c>
      <c r="D111805" s="14" t="s">
        <v>18</v>
      </c>
      <c r="E111805" s="15">
        <v>45491</v>
      </c>
      <c r="F111805" s="14" t="s">
        <v>15</v>
      </c>
      <c r="G111805" s="16">
        <v>0</v>
      </c>
    </row>
    <row r="111806" spans="1:7" x14ac:dyDescent="0.3">
      <c r="A111806" s="13" t="s">
        <v>536</v>
      </c>
      <c r="B111806" s="14" t="s">
        <v>1</v>
      </c>
      <c r="C111806" s="14" t="s">
        <v>96</v>
      </c>
      <c r="D111806" s="14" t="s">
        <v>18</v>
      </c>
      <c r="E111806" s="15">
        <v>45492</v>
      </c>
      <c r="F111806" s="14" t="s">
        <v>15</v>
      </c>
      <c r="G111806" s="16">
        <v>0</v>
      </c>
    </row>
    <row r="111807" spans="1:7" x14ac:dyDescent="0.3">
      <c r="A111807" s="13" t="s">
        <v>536</v>
      </c>
      <c r="B111807" s="14" t="s">
        <v>1</v>
      </c>
      <c r="C111807" s="14" t="s">
        <v>96</v>
      </c>
      <c r="D111807" s="14" t="s">
        <v>18</v>
      </c>
      <c r="E111807" s="15">
        <v>45493</v>
      </c>
      <c r="F111807" s="14" t="s">
        <v>15</v>
      </c>
      <c r="G111807" s="16">
        <v>0</v>
      </c>
    </row>
    <row r="111808" spans="1:7" x14ac:dyDescent="0.3">
      <c r="A111808" s="13" t="s">
        <v>536</v>
      </c>
      <c r="B111808" s="14" t="s">
        <v>1</v>
      </c>
      <c r="C111808" s="14" t="s">
        <v>96</v>
      </c>
      <c r="D111808" s="14" t="s">
        <v>18</v>
      </c>
      <c r="E111808" s="15">
        <v>45494</v>
      </c>
      <c r="F111808" s="14" t="s">
        <v>15</v>
      </c>
      <c r="G111808" s="16">
        <v>0</v>
      </c>
    </row>
    <row r="111809" spans="1:7" x14ac:dyDescent="0.3">
      <c r="A111809" s="13" t="s">
        <v>536</v>
      </c>
      <c r="B111809" s="14" t="s">
        <v>1</v>
      </c>
      <c r="C111809" s="14" t="s">
        <v>96</v>
      </c>
      <c r="D111809" s="14" t="s">
        <v>18</v>
      </c>
      <c r="E111809" s="15">
        <v>45495</v>
      </c>
      <c r="F111809" s="14" t="s">
        <v>15</v>
      </c>
      <c r="G111809" s="16">
        <v>0</v>
      </c>
    </row>
    <row r="111810" spans="1:7" x14ac:dyDescent="0.3">
      <c r="A111810" s="13" t="s">
        <v>536</v>
      </c>
      <c r="B111810" s="14" t="s">
        <v>1</v>
      </c>
      <c r="C111810" s="14" t="s">
        <v>96</v>
      </c>
      <c r="D111810" s="14" t="s">
        <v>18</v>
      </c>
      <c r="E111810" s="15">
        <v>45496</v>
      </c>
      <c r="F111810" s="14" t="s">
        <v>15</v>
      </c>
      <c r="G111810" s="16">
        <v>0</v>
      </c>
    </row>
    <row r="111811" spans="1:7" x14ac:dyDescent="0.3">
      <c r="A111811" s="13" t="s">
        <v>536</v>
      </c>
      <c r="B111811" s="14" t="s">
        <v>1</v>
      </c>
      <c r="C111811" s="14" t="s">
        <v>96</v>
      </c>
      <c r="D111811" s="14" t="s">
        <v>18</v>
      </c>
      <c r="E111811" s="15">
        <v>45497</v>
      </c>
      <c r="F111811" s="14" t="s">
        <v>15</v>
      </c>
      <c r="G111811" s="16">
        <v>0</v>
      </c>
    </row>
    <row r="111812" spans="1:7" x14ac:dyDescent="0.3">
      <c r="A111812" s="13" t="s">
        <v>536</v>
      </c>
      <c r="B111812" s="14" t="s">
        <v>1</v>
      </c>
      <c r="C111812" s="14" t="s">
        <v>96</v>
      </c>
      <c r="D111812" s="14" t="s">
        <v>18</v>
      </c>
      <c r="E111812" s="15">
        <v>45498</v>
      </c>
      <c r="F111812" s="14" t="s">
        <v>15</v>
      </c>
      <c r="G111812" s="16">
        <v>0</v>
      </c>
    </row>
    <row r="111813" spans="1:7" x14ac:dyDescent="0.3">
      <c r="A111813" s="13" t="s">
        <v>536</v>
      </c>
      <c r="B111813" s="14" t="s">
        <v>1</v>
      </c>
      <c r="C111813" s="14" t="s">
        <v>96</v>
      </c>
      <c r="D111813" s="14" t="s">
        <v>18</v>
      </c>
      <c r="E111813" s="15">
        <v>45499</v>
      </c>
      <c r="F111813" s="14" t="s">
        <v>15</v>
      </c>
      <c r="G111813" s="16">
        <v>0</v>
      </c>
    </row>
    <row r="111814" spans="1:7" x14ac:dyDescent="0.3">
      <c r="A111814" s="13" t="s">
        <v>536</v>
      </c>
      <c r="B111814" s="14" t="s">
        <v>1</v>
      </c>
      <c r="C111814" s="14" t="s">
        <v>96</v>
      </c>
      <c r="D111814" s="14" t="s">
        <v>18</v>
      </c>
      <c r="E111814" s="15">
        <v>45500</v>
      </c>
      <c r="F111814" s="14" t="s">
        <v>15</v>
      </c>
      <c r="G111814" s="16">
        <v>0</v>
      </c>
    </row>
    <row r="111815" spans="1:7" x14ac:dyDescent="0.3">
      <c r="A111815" s="13" t="s">
        <v>536</v>
      </c>
      <c r="B111815" s="14" t="s">
        <v>1</v>
      </c>
      <c r="C111815" s="14" t="s">
        <v>96</v>
      </c>
      <c r="D111815" s="14" t="s">
        <v>18</v>
      </c>
      <c r="E111815" s="15">
        <v>45501</v>
      </c>
      <c r="F111815" s="14" t="s">
        <v>15</v>
      </c>
      <c r="G111815" s="16">
        <v>0</v>
      </c>
    </row>
    <row r="111816" spans="1:7" x14ac:dyDescent="0.3">
      <c r="A111816" s="13" t="s">
        <v>536</v>
      </c>
      <c r="B111816" s="14" t="s">
        <v>1</v>
      </c>
      <c r="C111816" s="14" t="s">
        <v>96</v>
      </c>
      <c r="D111816" s="14" t="s">
        <v>18</v>
      </c>
      <c r="E111816" s="15">
        <v>45502</v>
      </c>
      <c r="F111816" s="14" t="s">
        <v>15</v>
      </c>
      <c r="G111816" s="16">
        <v>0</v>
      </c>
    </row>
    <row r="111817" spans="1:7" x14ac:dyDescent="0.3">
      <c r="A111817" s="13" t="s">
        <v>536</v>
      </c>
      <c r="B111817" s="14" t="s">
        <v>1</v>
      </c>
      <c r="C111817" s="14" t="s">
        <v>96</v>
      </c>
      <c r="D111817" s="14" t="s">
        <v>18</v>
      </c>
      <c r="E111817" s="15">
        <v>45503</v>
      </c>
      <c r="F111817" s="14" t="s">
        <v>15</v>
      </c>
      <c r="G111817" s="16">
        <v>0</v>
      </c>
    </row>
    <row r="111818" spans="1:7" x14ac:dyDescent="0.3">
      <c r="A111818" s="13" t="s">
        <v>536</v>
      </c>
      <c r="B111818" s="14" t="s">
        <v>1</v>
      </c>
      <c r="C111818" s="14" t="s">
        <v>96</v>
      </c>
      <c r="D111818" s="14" t="s">
        <v>18</v>
      </c>
      <c r="E111818" s="15">
        <v>45504</v>
      </c>
      <c r="F111818" s="14" t="s">
        <v>15</v>
      </c>
      <c r="G111818" s="16">
        <v>0</v>
      </c>
    </row>
    <row r="111819" spans="1:7" x14ac:dyDescent="0.3">
      <c r="A111819" s="13" t="s">
        <v>536</v>
      </c>
      <c r="B111819" s="14" t="s">
        <v>1</v>
      </c>
      <c r="C111819" s="14" t="s">
        <v>96</v>
      </c>
      <c r="D111819" s="14" t="s">
        <v>18</v>
      </c>
      <c r="E111819" s="15">
        <v>45505</v>
      </c>
      <c r="F111819" s="14" t="s">
        <v>15</v>
      </c>
      <c r="G111819" s="16">
        <v>0</v>
      </c>
    </row>
    <row r="111820" spans="1:7" x14ac:dyDescent="0.3">
      <c r="A111820" s="13" t="s">
        <v>536</v>
      </c>
      <c r="B111820" s="14" t="s">
        <v>1</v>
      </c>
      <c r="C111820" s="14" t="s">
        <v>96</v>
      </c>
      <c r="D111820" s="14" t="s">
        <v>18</v>
      </c>
      <c r="E111820" s="15">
        <v>45506</v>
      </c>
      <c r="F111820" s="14" t="s">
        <v>15</v>
      </c>
      <c r="G111820" s="16">
        <v>0</v>
      </c>
    </row>
    <row r="111821" spans="1:7" x14ac:dyDescent="0.3">
      <c r="A111821" s="13" t="s">
        <v>536</v>
      </c>
      <c r="B111821" s="14" t="s">
        <v>1</v>
      </c>
      <c r="C111821" s="14" t="s">
        <v>96</v>
      </c>
      <c r="D111821" s="14" t="s">
        <v>18</v>
      </c>
      <c r="E111821" s="15">
        <v>45507</v>
      </c>
      <c r="F111821" s="14" t="s">
        <v>15</v>
      </c>
      <c r="G111821" s="16">
        <v>0</v>
      </c>
    </row>
    <row r="111822" spans="1:7" x14ac:dyDescent="0.3">
      <c r="A111822" s="13" t="s">
        <v>536</v>
      </c>
      <c r="B111822" s="14" t="s">
        <v>1</v>
      </c>
      <c r="C111822" s="14" t="s">
        <v>96</v>
      </c>
      <c r="D111822" s="14" t="s">
        <v>18</v>
      </c>
      <c r="E111822" s="15">
        <v>45508</v>
      </c>
      <c r="F111822" s="14" t="s">
        <v>15</v>
      </c>
      <c r="G111822" s="16">
        <v>0</v>
      </c>
    </row>
    <row r="111823" spans="1:7" x14ac:dyDescent="0.3">
      <c r="A111823" s="13" t="s">
        <v>536</v>
      </c>
      <c r="B111823" s="14" t="s">
        <v>1</v>
      </c>
      <c r="C111823" s="14" t="s">
        <v>96</v>
      </c>
      <c r="D111823" s="14" t="s">
        <v>18</v>
      </c>
      <c r="E111823" s="15">
        <v>45509</v>
      </c>
      <c r="F111823" s="14" t="s">
        <v>15</v>
      </c>
      <c r="G111823" s="16">
        <v>0</v>
      </c>
    </row>
    <row r="111824" spans="1:7" x14ac:dyDescent="0.3">
      <c r="A111824" s="13" t="s">
        <v>536</v>
      </c>
      <c r="B111824" s="14" t="s">
        <v>1</v>
      </c>
      <c r="C111824" s="14" t="s">
        <v>96</v>
      </c>
      <c r="D111824" s="14" t="s">
        <v>18</v>
      </c>
      <c r="E111824" s="15">
        <v>45510</v>
      </c>
      <c r="F111824" s="14" t="s">
        <v>15</v>
      </c>
      <c r="G111824" s="16">
        <v>0</v>
      </c>
    </row>
    <row r="111825" spans="1:7" x14ac:dyDescent="0.3">
      <c r="A111825" s="13" t="s">
        <v>536</v>
      </c>
      <c r="B111825" s="14" t="s">
        <v>1</v>
      </c>
      <c r="C111825" s="14" t="s">
        <v>96</v>
      </c>
      <c r="D111825" s="14" t="s">
        <v>18</v>
      </c>
      <c r="E111825" s="15">
        <v>45511</v>
      </c>
      <c r="F111825" s="14" t="s">
        <v>15</v>
      </c>
      <c r="G111825" s="16">
        <v>0</v>
      </c>
    </row>
    <row r="111826" spans="1:7" x14ac:dyDescent="0.3">
      <c r="A111826" s="13" t="s">
        <v>536</v>
      </c>
      <c r="B111826" s="14" t="s">
        <v>1</v>
      </c>
      <c r="C111826" s="14" t="s">
        <v>96</v>
      </c>
      <c r="D111826" s="14" t="s">
        <v>18</v>
      </c>
      <c r="E111826" s="15">
        <v>45512</v>
      </c>
      <c r="F111826" s="14" t="s">
        <v>15</v>
      </c>
      <c r="G111826" s="16">
        <v>0</v>
      </c>
    </row>
    <row r="111827" spans="1:7" x14ac:dyDescent="0.3">
      <c r="A111827" s="13" t="s">
        <v>536</v>
      </c>
      <c r="B111827" s="14" t="s">
        <v>1</v>
      </c>
      <c r="C111827" s="14" t="s">
        <v>96</v>
      </c>
      <c r="D111827" s="14" t="s">
        <v>18</v>
      </c>
      <c r="E111827" s="15">
        <v>45513</v>
      </c>
      <c r="F111827" s="14" t="s">
        <v>15</v>
      </c>
      <c r="G111827" s="16">
        <v>0</v>
      </c>
    </row>
    <row r="111828" spans="1:7" x14ac:dyDescent="0.3">
      <c r="A111828" s="13" t="s">
        <v>536</v>
      </c>
      <c r="B111828" s="14" t="s">
        <v>1</v>
      </c>
      <c r="C111828" s="14" t="s">
        <v>96</v>
      </c>
      <c r="D111828" s="14" t="s">
        <v>18</v>
      </c>
      <c r="E111828" s="15">
        <v>45514</v>
      </c>
      <c r="F111828" s="14" t="s">
        <v>15</v>
      </c>
      <c r="G111828" s="16">
        <v>0</v>
      </c>
    </row>
    <row r="111829" spans="1:7" x14ac:dyDescent="0.3">
      <c r="A111829" s="13" t="s">
        <v>536</v>
      </c>
      <c r="B111829" s="14" t="s">
        <v>1</v>
      </c>
      <c r="C111829" s="14" t="s">
        <v>96</v>
      </c>
      <c r="D111829" s="14" t="s">
        <v>18</v>
      </c>
      <c r="E111829" s="15">
        <v>45515</v>
      </c>
      <c r="F111829" s="14" t="s">
        <v>15</v>
      </c>
      <c r="G111829" s="16">
        <v>0</v>
      </c>
    </row>
    <row r="111830" spans="1:7" x14ac:dyDescent="0.3">
      <c r="A111830" s="13" t="s">
        <v>536</v>
      </c>
      <c r="B111830" s="14" t="s">
        <v>1</v>
      </c>
      <c r="C111830" s="14" t="s">
        <v>96</v>
      </c>
      <c r="D111830" s="14" t="s">
        <v>18</v>
      </c>
      <c r="E111830" s="15">
        <v>45516</v>
      </c>
      <c r="F111830" s="14" t="s">
        <v>15</v>
      </c>
      <c r="G111830" s="16">
        <v>0</v>
      </c>
    </row>
    <row r="111831" spans="1:7" x14ac:dyDescent="0.3">
      <c r="A111831" s="13" t="s">
        <v>536</v>
      </c>
      <c r="B111831" s="14" t="s">
        <v>1</v>
      </c>
      <c r="C111831" s="14" t="s">
        <v>96</v>
      </c>
      <c r="D111831" s="14" t="s">
        <v>18</v>
      </c>
      <c r="E111831" s="15">
        <v>45517</v>
      </c>
      <c r="F111831" s="14" t="s">
        <v>15</v>
      </c>
      <c r="G111831" s="16">
        <v>0</v>
      </c>
    </row>
    <row r="111832" spans="1:7" x14ac:dyDescent="0.3">
      <c r="A111832" s="13" t="s">
        <v>536</v>
      </c>
      <c r="B111832" s="14" t="s">
        <v>1</v>
      </c>
      <c r="C111832" s="14" t="s">
        <v>96</v>
      </c>
      <c r="D111832" s="14" t="s">
        <v>18</v>
      </c>
      <c r="E111832" s="15">
        <v>45518</v>
      </c>
      <c r="F111832" s="14" t="s">
        <v>15</v>
      </c>
      <c r="G111832" s="16">
        <v>0</v>
      </c>
    </row>
    <row r="111833" spans="1:7" x14ac:dyDescent="0.3">
      <c r="A111833" s="13" t="s">
        <v>536</v>
      </c>
      <c r="B111833" s="14" t="s">
        <v>1</v>
      </c>
      <c r="C111833" s="14" t="s">
        <v>96</v>
      </c>
      <c r="D111833" s="14" t="s">
        <v>18</v>
      </c>
      <c r="E111833" s="15">
        <v>45519</v>
      </c>
      <c r="F111833" s="14" t="s">
        <v>15</v>
      </c>
      <c r="G111833" s="16">
        <v>0</v>
      </c>
    </row>
    <row r="111834" spans="1:7" x14ac:dyDescent="0.3">
      <c r="A111834" s="13" t="s">
        <v>536</v>
      </c>
      <c r="B111834" s="14" t="s">
        <v>1</v>
      </c>
      <c r="C111834" s="14" t="s">
        <v>96</v>
      </c>
      <c r="D111834" s="14" t="s">
        <v>18</v>
      </c>
      <c r="E111834" s="15">
        <v>45520</v>
      </c>
      <c r="F111834" s="14" t="s">
        <v>15</v>
      </c>
      <c r="G111834" s="16">
        <v>0</v>
      </c>
    </row>
    <row r="111835" spans="1:7" x14ac:dyDescent="0.3">
      <c r="A111835" s="13" t="s">
        <v>536</v>
      </c>
      <c r="B111835" s="14" t="s">
        <v>1</v>
      </c>
      <c r="C111835" s="14" t="s">
        <v>96</v>
      </c>
      <c r="D111835" s="14" t="s">
        <v>18</v>
      </c>
      <c r="E111835" s="15">
        <v>45521</v>
      </c>
      <c r="F111835" s="14" t="s">
        <v>15</v>
      </c>
      <c r="G111835" s="16">
        <v>0</v>
      </c>
    </row>
    <row r="111836" spans="1:7" x14ac:dyDescent="0.3">
      <c r="A111836" s="13" t="s">
        <v>536</v>
      </c>
      <c r="B111836" s="14" t="s">
        <v>1</v>
      </c>
      <c r="C111836" s="14" t="s">
        <v>96</v>
      </c>
      <c r="D111836" s="14" t="s">
        <v>18</v>
      </c>
      <c r="E111836" s="15">
        <v>45522</v>
      </c>
      <c r="F111836" s="14" t="s">
        <v>15</v>
      </c>
      <c r="G111836" s="16">
        <v>0</v>
      </c>
    </row>
    <row r="111837" spans="1:7" x14ac:dyDescent="0.3">
      <c r="A111837" s="13" t="s">
        <v>536</v>
      </c>
      <c r="B111837" s="14" t="s">
        <v>1</v>
      </c>
      <c r="C111837" s="14" t="s">
        <v>96</v>
      </c>
      <c r="D111837" s="14" t="s">
        <v>18</v>
      </c>
      <c r="E111837" s="15">
        <v>45523</v>
      </c>
      <c r="F111837" s="14" t="s">
        <v>15</v>
      </c>
      <c r="G111837" s="16">
        <v>0</v>
      </c>
    </row>
    <row r="111838" spans="1:7" x14ac:dyDescent="0.3">
      <c r="A111838" s="13" t="s">
        <v>536</v>
      </c>
      <c r="B111838" s="14" t="s">
        <v>1</v>
      </c>
      <c r="C111838" s="14" t="s">
        <v>96</v>
      </c>
      <c r="D111838" s="14" t="s">
        <v>18</v>
      </c>
      <c r="E111838" s="15">
        <v>45524</v>
      </c>
      <c r="F111838" s="14" t="s">
        <v>15</v>
      </c>
      <c r="G111838" s="16">
        <v>0</v>
      </c>
    </row>
    <row r="111839" spans="1:7" x14ac:dyDescent="0.3">
      <c r="A111839" s="13" t="s">
        <v>536</v>
      </c>
      <c r="B111839" s="14" t="s">
        <v>1</v>
      </c>
      <c r="C111839" s="14" t="s">
        <v>96</v>
      </c>
      <c r="D111839" s="14" t="s">
        <v>18</v>
      </c>
      <c r="E111839" s="15">
        <v>45525</v>
      </c>
      <c r="F111839" s="14" t="s">
        <v>15</v>
      </c>
      <c r="G111839" s="16">
        <v>0</v>
      </c>
    </row>
    <row r="111840" spans="1:7" x14ac:dyDescent="0.3">
      <c r="A111840" s="13" t="s">
        <v>536</v>
      </c>
      <c r="B111840" s="14" t="s">
        <v>1</v>
      </c>
      <c r="C111840" s="14" t="s">
        <v>96</v>
      </c>
      <c r="D111840" s="14" t="s">
        <v>18</v>
      </c>
      <c r="E111840" s="15">
        <v>45526</v>
      </c>
      <c r="F111840" s="14" t="s">
        <v>15</v>
      </c>
      <c r="G111840" s="16">
        <v>0</v>
      </c>
    </row>
    <row r="111841" spans="1:7" x14ac:dyDescent="0.3">
      <c r="A111841" s="13" t="s">
        <v>536</v>
      </c>
      <c r="B111841" s="14" t="s">
        <v>1</v>
      </c>
      <c r="C111841" s="14" t="s">
        <v>96</v>
      </c>
      <c r="D111841" s="14" t="s">
        <v>18</v>
      </c>
      <c r="E111841" s="15">
        <v>45527</v>
      </c>
      <c r="F111841" s="14" t="s">
        <v>15</v>
      </c>
      <c r="G111841" s="16">
        <v>0</v>
      </c>
    </row>
    <row r="111842" spans="1:7" x14ac:dyDescent="0.3">
      <c r="A111842" s="13" t="s">
        <v>536</v>
      </c>
      <c r="B111842" s="14" t="s">
        <v>1</v>
      </c>
      <c r="C111842" s="14" t="s">
        <v>96</v>
      </c>
      <c r="D111842" s="14" t="s">
        <v>18</v>
      </c>
      <c r="E111842" s="15">
        <v>45528</v>
      </c>
      <c r="F111842" s="14" t="s">
        <v>15</v>
      </c>
      <c r="G111842" s="16">
        <v>0</v>
      </c>
    </row>
    <row r="111843" spans="1:7" x14ac:dyDescent="0.3">
      <c r="A111843" s="13" t="s">
        <v>536</v>
      </c>
      <c r="B111843" s="14" t="s">
        <v>1</v>
      </c>
      <c r="C111843" s="14" t="s">
        <v>96</v>
      </c>
      <c r="D111843" s="14" t="s">
        <v>18</v>
      </c>
      <c r="E111843" s="15">
        <v>45529</v>
      </c>
      <c r="F111843" s="14" t="s">
        <v>15</v>
      </c>
      <c r="G111843" s="16">
        <v>0</v>
      </c>
    </row>
    <row r="111844" spans="1:7" x14ac:dyDescent="0.3">
      <c r="A111844" s="13" t="s">
        <v>536</v>
      </c>
      <c r="B111844" s="14" t="s">
        <v>1</v>
      </c>
      <c r="C111844" s="14" t="s">
        <v>96</v>
      </c>
      <c r="D111844" s="14" t="s">
        <v>18</v>
      </c>
      <c r="E111844" s="15">
        <v>45530</v>
      </c>
      <c r="F111844" s="14" t="s">
        <v>15</v>
      </c>
      <c r="G111844" s="16">
        <v>0</v>
      </c>
    </row>
    <row r="111845" spans="1:7" x14ac:dyDescent="0.3">
      <c r="A111845" s="13" t="s">
        <v>536</v>
      </c>
      <c r="B111845" s="14" t="s">
        <v>1</v>
      </c>
      <c r="C111845" s="14" t="s">
        <v>96</v>
      </c>
      <c r="D111845" s="14" t="s">
        <v>18</v>
      </c>
      <c r="E111845" s="15">
        <v>45531</v>
      </c>
      <c r="F111845" s="14" t="s">
        <v>15</v>
      </c>
      <c r="G111845" s="16">
        <v>0</v>
      </c>
    </row>
    <row r="111846" spans="1:7" x14ac:dyDescent="0.3">
      <c r="A111846" s="13" t="s">
        <v>536</v>
      </c>
      <c r="B111846" s="14" t="s">
        <v>1</v>
      </c>
      <c r="C111846" s="14" t="s">
        <v>96</v>
      </c>
      <c r="D111846" s="14" t="s">
        <v>18</v>
      </c>
      <c r="E111846" s="15">
        <v>45532</v>
      </c>
      <c r="F111846" s="14" t="s">
        <v>15</v>
      </c>
      <c r="G111846" s="16">
        <v>0</v>
      </c>
    </row>
    <row r="111847" spans="1:7" x14ac:dyDescent="0.3">
      <c r="A111847" s="13" t="s">
        <v>536</v>
      </c>
      <c r="B111847" s="14" t="s">
        <v>1</v>
      </c>
      <c r="C111847" s="14" t="s">
        <v>96</v>
      </c>
      <c r="D111847" s="14" t="s">
        <v>18</v>
      </c>
      <c r="E111847" s="15">
        <v>45533</v>
      </c>
      <c r="F111847" s="14" t="s">
        <v>15</v>
      </c>
      <c r="G111847" s="16">
        <v>0</v>
      </c>
    </row>
    <row r="111848" spans="1:7" x14ac:dyDescent="0.3">
      <c r="A111848" s="13" t="s">
        <v>536</v>
      </c>
      <c r="B111848" s="14" t="s">
        <v>1</v>
      </c>
      <c r="C111848" s="14" t="s">
        <v>96</v>
      </c>
      <c r="D111848" s="14" t="s">
        <v>18</v>
      </c>
      <c r="E111848" s="15">
        <v>45534</v>
      </c>
      <c r="F111848" s="14" t="s">
        <v>15</v>
      </c>
      <c r="G111848" s="16">
        <v>0</v>
      </c>
    </row>
    <row r="111849" spans="1:7" x14ac:dyDescent="0.3">
      <c r="A111849" s="13" t="s">
        <v>536</v>
      </c>
      <c r="B111849" s="14" t="s">
        <v>1</v>
      </c>
      <c r="C111849" s="14" t="s">
        <v>96</v>
      </c>
      <c r="D111849" s="14" t="s">
        <v>18</v>
      </c>
      <c r="E111849" s="15">
        <v>45535</v>
      </c>
      <c r="F111849" s="14" t="s">
        <v>15</v>
      </c>
      <c r="G111849" s="16">
        <v>0</v>
      </c>
    </row>
    <row r="111850" spans="1:7" x14ac:dyDescent="0.3">
      <c r="A111850" s="13" t="s">
        <v>536</v>
      </c>
      <c r="B111850" s="14" t="s">
        <v>1</v>
      </c>
      <c r="C111850" s="14" t="s">
        <v>96</v>
      </c>
      <c r="D111850" s="14" t="s">
        <v>18</v>
      </c>
      <c r="E111850" s="15">
        <v>45536</v>
      </c>
      <c r="F111850" s="14" t="s">
        <v>15</v>
      </c>
      <c r="G111850" s="16">
        <v>0</v>
      </c>
    </row>
    <row r="111851" spans="1:7" x14ac:dyDescent="0.3">
      <c r="A111851" s="13" t="s">
        <v>536</v>
      </c>
      <c r="B111851" s="14" t="s">
        <v>1</v>
      </c>
      <c r="C111851" s="14" t="s">
        <v>96</v>
      </c>
      <c r="D111851" s="14" t="s">
        <v>18</v>
      </c>
      <c r="E111851" s="15">
        <v>45537</v>
      </c>
      <c r="F111851" s="14" t="s">
        <v>15</v>
      </c>
      <c r="G111851" s="16">
        <v>0</v>
      </c>
    </row>
    <row r="111852" spans="1:7" x14ac:dyDescent="0.3">
      <c r="A111852" s="13" t="s">
        <v>536</v>
      </c>
      <c r="B111852" s="14" t="s">
        <v>1</v>
      </c>
      <c r="C111852" s="14" t="s">
        <v>96</v>
      </c>
      <c r="D111852" s="14" t="s">
        <v>18</v>
      </c>
      <c r="E111852" s="15">
        <v>45538</v>
      </c>
      <c r="F111852" s="14" t="s">
        <v>15</v>
      </c>
      <c r="G111852" s="16">
        <v>0</v>
      </c>
    </row>
    <row r="111853" spans="1:7" x14ac:dyDescent="0.3">
      <c r="A111853" s="13" t="s">
        <v>536</v>
      </c>
      <c r="B111853" s="14" t="s">
        <v>1</v>
      </c>
      <c r="C111853" s="14" t="s">
        <v>96</v>
      </c>
      <c r="D111853" s="14" t="s">
        <v>18</v>
      </c>
      <c r="E111853" s="15">
        <v>45539</v>
      </c>
      <c r="F111853" s="14" t="s">
        <v>15</v>
      </c>
      <c r="G111853" s="16">
        <v>0</v>
      </c>
    </row>
    <row r="111854" spans="1:7" x14ac:dyDescent="0.3">
      <c r="A111854" s="13" t="s">
        <v>536</v>
      </c>
      <c r="B111854" s="14" t="s">
        <v>1</v>
      </c>
      <c r="C111854" s="14" t="s">
        <v>96</v>
      </c>
      <c r="D111854" s="14" t="s">
        <v>18</v>
      </c>
      <c r="E111854" s="15">
        <v>45540</v>
      </c>
      <c r="F111854" s="14" t="s">
        <v>15</v>
      </c>
      <c r="G111854" s="16">
        <v>0</v>
      </c>
    </row>
    <row r="111855" spans="1:7" x14ac:dyDescent="0.3">
      <c r="A111855" s="13" t="s">
        <v>536</v>
      </c>
      <c r="B111855" s="14" t="s">
        <v>1</v>
      </c>
      <c r="C111855" s="14" t="s">
        <v>96</v>
      </c>
      <c r="D111855" s="14" t="s">
        <v>18</v>
      </c>
      <c r="E111855" s="15">
        <v>45541</v>
      </c>
      <c r="F111855" s="14" t="s">
        <v>15</v>
      </c>
      <c r="G111855" s="16">
        <v>0</v>
      </c>
    </row>
    <row r="111856" spans="1:7" x14ac:dyDescent="0.3">
      <c r="A111856" s="13" t="s">
        <v>536</v>
      </c>
      <c r="B111856" s="14" t="s">
        <v>1</v>
      </c>
      <c r="C111856" s="14" t="s">
        <v>96</v>
      </c>
      <c r="D111856" s="14" t="s">
        <v>18</v>
      </c>
      <c r="E111856" s="15">
        <v>45542</v>
      </c>
      <c r="F111856" s="14" t="s">
        <v>15</v>
      </c>
      <c r="G111856" s="16">
        <v>0</v>
      </c>
    </row>
    <row r="111857" spans="1:7" x14ac:dyDescent="0.3">
      <c r="A111857" s="13" t="s">
        <v>536</v>
      </c>
      <c r="B111857" s="14" t="s">
        <v>1</v>
      </c>
      <c r="C111857" s="14" t="s">
        <v>96</v>
      </c>
      <c r="D111857" s="14" t="s">
        <v>18</v>
      </c>
      <c r="E111857" s="15">
        <v>45543</v>
      </c>
      <c r="F111857" s="14" t="s">
        <v>15</v>
      </c>
      <c r="G111857" s="16">
        <v>0</v>
      </c>
    </row>
    <row r="111858" spans="1:7" x14ac:dyDescent="0.3">
      <c r="A111858" s="13" t="s">
        <v>536</v>
      </c>
      <c r="B111858" s="14" t="s">
        <v>1</v>
      </c>
      <c r="C111858" s="14" t="s">
        <v>96</v>
      </c>
      <c r="D111858" s="14" t="s">
        <v>18</v>
      </c>
      <c r="E111858" s="15">
        <v>45544</v>
      </c>
      <c r="F111858" s="14" t="s">
        <v>15</v>
      </c>
      <c r="G111858" s="16">
        <v>0</v>
      </c>
    </row>
    <row r="111859" spans="1:7" x14ac:dyDescent="0.3">
      <c r="A111859" s="13" t="s">
        <v>536</v>
      </c>
      <c r="B111859" s="14" t="s">
        <v>1</v>
      </c>
      <c r="C111859" s="14" t="s">
        <v>96</v>
      </c>
      <c r="D111859" s="14" t="s">
        <v>18</v>
      </c>
      <c r="E111859" s="15">
        <v>45545</v>
      </c>
      <c r="F111859" s="14" t="s">
        <v>15</v>
      </c>
      <c r="G111859" s="16">
        <v>0</v>
      </c>
    </row>
    <row r="111860" spans="1:7" x14ac:dyDescent="0.3">
      <c r="A111860" s="13" t="s">
        <v>536</v>
      </c>
      <c r="B111860" s="14" t="s">
        <v>1</v>
      </c>
      <c r="C111860" s="14" t="s">
        <v>96</v>
      </c>
      <c r="D111860" s="14" t="s">
        <v>18</v>
      </c>
      <c r="E111860" s="15">
        <v>45546</v>
      </c>
      <c r="F111860" s="14" t="s">
        <v>15</v>
      </c>
      <c r="G111860" s="16">
        <v>0</v>
      </c>
    </row>
    <row r="111861" spans="1:7" x14ac:dyDescent="0.3">
      <c r="A111861" s="13" t="s">
        <v>536</v>
      </c>
      <c r="B111861" s="14" t="s">
        <v>1</v>
      </c>
      <c r="C111861" s="14" t="s">
        <v>96</v>
      </c>
      <c r="D111861" s="14" t="s">
        <v>18</v>
      </c>
      <c r="E111861" s="15">
        <v>45547</v>
      </c>
      <c r="F111861" s="14" t="s">
        <v>15</v>
      </c>
      <c r="G111861" s="16">
        <v>0</v>
      </c>
    </row>
    <row r="111862" spans="1:7" x14ac:dyDescent="0.3">
      <c r="A111862" s="13" t="s">
        <v>536</v>
      </c>
      <c r="B111862" s="14" t="s">
        <v>1</v>
      </c>
      <c r="C111862" s="14" t="s">
        <v>96</v>
      </c>
      <c r="D111862" s="14" t="s">
        <v>18</v>
      </c>
      <c r="E111862" s="15">
        <v>45548</v>
      </c>
      <c r="F111862" s="14" t="s">
        <v>15</v>
      </c>
      <c r="G111862" s="16">
        <v>0</v>
      </c>
    </row>
    <row r="111863" spans="1:7" x14ac:dyDescent="0.3">
      <c r="A111863" s="13" t="s">
        <v>536</v>
      </c>
      <c r="B111863" s="14" t="s">
        <v>1</v>
      </c>
      <c r="C111863" s="14" t="s">
        <v>96</v>
      </c>
      <c r="D111863" s="14" t="s">
        <v>18</v>
      </c>
      <c r="E111863" s="15">
        <v>45549</v>
      </c>
      <c r="F111863" s="14" t="s">
        <v>15</v>
      </c>
      <c r="G111863" s="16">
        <v>0</v>
      </c>
    </row>
    <row r="111864" spans="1:7" x14ac:dyDescent="0.3">
      <c r="A111864" s="13" t="s">
        <v>536</v>
      </c>
      <c r="B111864" s="14" t="s">
        <v>1</v>
      </c>
      <c r="C111864" s="14" t="s">
        <v>96</v>
      </c>
      <c r="D111864" s="14" t="s">
        <v>18</v>
      </c>
      <c r="E111864" s="15">
        <v>45550</v>
      </c>
      <c r="F111864" s="14" t="s">
        <v>15</v>
      </c>
      <c r="G111864" s="16">
        <v>0</v>
      </c>
    </row>
    <row r="111865" spans="1:7" x14ac:dyDescent="0.3">
      <c r="A111865" s="13" t="s">
        <v>536</v>
      </c>
      <c r="B111865" s="14" t="s">
        <v>1</v>
      </c>
      <c r="C111865" s="14" t="s">
        <v>96</v>
      </c>
      <c r="D111865" s="14" t="s">
        <v>18</v>
      </c>
      <c r="E111865" s="15">
        <v>45551</v>
      </c>
      <c r="F111865" s="14" t="s">
        <v>15</v>
      </c>
      <c r="G111865" s="16">
        <v>0</v>
      </c>
    </row>
    <row r="111866" spans="1:7" x14ac:dyDescent="0.3">
      <c r="A111866" s="13" t="s">
        <v>536</v>
      </c>
      <c r="B111866" s="14" t="s">
        <v>1</v>
      </c>
      <c r="C111866" s="14" t="s">
        <v>96</v>
      </c>
      <c r="D111866" s="14" t="s">
        <v>18</v>
      </c>
      <c r="E111866" s="15">
        <v>45552</v>
      </c>
      <c r="F111866" s="14" t="s">
        <v>15</v>
      </c>
      <c r="G111866" s="16">
        <v>0</v>
      </c>
    </row>
    <row r="111867" spans="1:7" x14ac:dyDescent="0.3">
      <c r="A111867" s="13" t="s">
        <v>536</v>
      </c>
      <c r="B111867" s="14" t="s">
        <v>1</v>
      </c>
      <c r="C111867" s="14" t="s">
        <v>96</v>
      </c>
      <c r="D111867" s="14" t="s">
        <v>18</v>
      </c>
      <c r="E111867" s="15">
        <v>45553</v>
      </c>
      <c r="F111867" s="14" t="s">
        <v>15</v>
      </c>
      <c r="G111867" s="16">
        <v>0</v>
      </c>
    </row>
    <row r="111868" spans="1:7" x14ac:dyDescent="0.3">
      <c r="A111868" s="13" t="s">
        <v>536</v>
      </c>
      <c r="B111868" s="14" t="s">
        <v>1</v>
      </c>
      <c r="C111868" s="14" t="s">
        <v>96</v>
      </c>
      <c r="D111868" s="14" t="s">
        <v>18</v>
      </c>
      <c r="E111868" s="15">
        <v>45554</v>
      </c>
      <c r="F111868" s="14" t="s">
        <v>15</v>
      </c>
      <c r="G111868" s="16">
        <v>0</v>
      </c>
    </row>
    <row r="111869" spans="1:7" x14ac:dyDescent="0.3">
      <c r="A111869" s="13" t="s">
        <v>536</v>
      </c>
      <c r="B111869" s="14" t="s">
        <v>1</v>
      </c>
      <c r="C111869" s="14" t="s">
        <v>96</v>
      </c>
      <c r="D111869" s="14" t="s">
        <v>18</v>
      </c>
      <c r="E111869" s="15">
        <v>45555</v>
      </c>
      <c r="F111869" s="14" t="s">
        <v>15</v>
      </c>
      <c r="G111869" s="16">
        <v>0</v>
      </c>
    </row>
    <row r="111870" spans="1:7" x14ac:dyDescent="0.3">
      <c r="A111870" s="13" t="s">
        <v>536</v>
      </c>
      <c r="B111870" s="14" t="s">
        <v>1</v>
      </c>
      <c r="C111870" s="14" t="s">
        <v>96</v>
      </c>
      <c r="D111870" s="14" t="s">
        <v>18</v>
      </c>
      <c r="E111870" s="15">
        <v>45556</v>
      </c>
      <c r="F111870" s="14" t="s">
        <v>15</v>
      </c>
      <c r="G111870" s="16">
        <v>0</v>
      </c>
    </row>
    <row r="111871" spans="1:7" x14ac:dyDescent="0.3">
      <c r="A111871" s="13" t="s">
        <v>536</v>
      </c>
      <c r="B111871" s="14" t="s">
        <v>1</v>
      </c>
      <c r="C111871" s="14" t="s">
        <v>96</v>
      </c>
      <c r="D111871" s="14" t="s">
        <v>18</v>
      </c>
      <c r="E111871" s="15">
        <v>45557</v>
      </c>
      <c r="F111871" s="14" t="s">
        <v>15</v>
      </c>
      <c r="G111871" s="16">
        <v>0</v>
      </c>
    </row>
    <row r="111872" spans="1:7" x14ac:dyDescent="0.3">
      <c r="A111872" s="13" t="s">
        <v>536</v>
      </c>
      <c r="B111872" s="14" t="s">
        <v>1</v>
      </c>
      <c r="C111872" s="14" t="s">
        <v>96</v>
      </c>
      <c r="D111872" s="14" t="s">
        <v>18</v>
      </c>
      <c r="E111872" s="15">
        <v>45558</v>
      </c>
      <c r="F111872" s="14" t="s">
        <v>15</v>
      </c>
      <c r="G111872" s="16">
        <v>0</v>
      </c>
    </row>
    <row r="111873" spans="1:7" x14ac:dyDescent="0.3">
      <c r="A111873" s="13" t="s">
        <v>536</v>
      </c>
      <c r="B111873" s="14" t="s">
        <v>1</v>
      </c>
      <c r="C111873" s="14" t="s">
        <v>96</v>
      </c>
      <c r="D111873" s="14" t="s">
        <v>18</v>
      </c>
      <c r="E111873" s="15">
        <v>45559</v>
      </c>
      <c r="F111873" s="14" t="s">
        <v>15</v>
      </c>
      <c r="G111873" s="16">
        <v>0</v>
      </c>
    </row>
    <row r="111874" spans="1:7" x14ac:dyDescent="0.3">
      <c r="A111874" s="13" t="s">
        <v>536</v>
      </c>
      <c r="B111874" s="14" t="s">
        <v>1</v>
      </c>
      <c r="C111874" s="14" t="s">
        <v>96</v>
      </c>
      <c r="D111874" s="14" t="s">
        <v>18</v>
      </c>
      <c r="E111874" s="15">
        <v>45560</v>
      </c>
      <c r="F111874" s="14" t="s">
        <v>15</v>
      </c>
      <c r="G111874" s="16">
        <v>0</v>
      </c>
    </row>
    <row r="111875" spans="1:7" x14ac:dyDescent="0.3">
      <c r="A111875" s="13" t="s">
        <v>536</v>
      </c>
      <c r="B111875" s="14" t="s">
        <v>1</v>
      </c>
      <c r="C111875" s="14" t="s">
        <v>96</v>
      </c>
      <c r="D111875" s="14" t="s">
        <v>18</v>
      </c>
      <c r="E111875" s="15">
        <v>45561</v>
      </c>
      <c r="F111875" s="14" t="s">
        <v>15</v>
      </c>
      <c r="G111875" s="16">
        <v>0</v>
      </c>
    </row>
    <row r="111876" spans="1:7" x14ac:dyDescent="0.3">
      <c r="A111876" s="13" t="s">
        <v>536</v>
      </c>
      <c r="B111876" s="14" t="s">
        <v>1</v>
      </c>
      <c r="C111876" s="14" t="s">
        <v>96</v>
      </c>
      <c r="D111876" s="14" t="s">
        <v>18</v>
      </c>
      <c r="E111876" s="15">
        <v>45562</v>
      </c>
      <c r="F111876" s="14" t="s">
        <v>15</v>
      </c>
      <c r="G111876" s="16">
        <v>0</v>
      </c>
    </row>
    <row r="111877" spans="1:7" x14ac:dyDescent="0.3">
      <c r="A111877" s="13" t="s">
        <v>536</v>
      </c>
      <c r="B111877" s="14" t="s">
        <v>1</v>
      </c>
      <c r="C111877" s="14" t="s">
        <v>96</v>
      </c>
      <c r="D111877" s="14" t="s">
        <v>18</v>
      </c>
      <c r="E111877" s="15">
        <v>45563</v>
      </c>
      <c r="F111877" s="14" t="s">
        <v>15</v>
      </c>
      <c r="G111877" s="16">
        <v>0</v>
      </c>
    </row>
    <row r="111878" spans="1:7" x14ac:dyDescent="0.3">
      <c r="A111878" s="13" t="s">
        <v>536</v>
      </c>
      <c r="B111878" s="14" t="s">
        <v>1</v>
      </c>
      <c r="C111878" s="14" t="s">
        <v>96</v>
      </c>
      <c r="D111878" s="14" t="s">
        <v>18</v>
      </c>
      <c r="E111878" s="15">
        <v>45564</v>
      </c>
      <c r="F111878" s="14" t="s">
        <v>15</v>
      </c>
      <c r="G111878" s="16">
        <v>0</v>
      </c>
    </row>
    <row r="111879" spans="1:7" x14ac:dyDescent="0.3">
      <c r="A111879" s="13" t="s">
        <v>536</v>
      </c>
      <c r="B111879" s="14" t="s">
        <v>1</v>
      </c>
      <c r="C111879" s="14" t="s">
        <v>96</v>
      </c>
      <c r="D111879" s="14" t="s">
        <v>18</v>
      </c>
      <c r="E111879" s="15">
        <v>45565</v>
      </c>
      <c r="F111879" s="14" t="s">
        <v>15</v>
      </c>
      <c r="G111879" s="16">
        <v>0</v>
      </c>
    </row>
    <row r="111880" spans="1:7" x14ac:dyDescent="0.3">
      <c r="A111880" s="13" t="s">
        <v>536</v>
      </c>
      <c r="B111880" s="14" t="s">
        <v>1</v>
      </c>
      <c r="C111880" s="14" t="s">
        <v>96</v>
      </c>
      <c r="D111880" s="14" t="s">
        <v>18</v>
      </c>
      <c r="E111880" s="15">
        <v>45566</v>
      </c>
      <c r="F111880" s="14" t="s">
        <v>15</v>
      </c>
      <c r="G111880" s="16">
        <v>0</v>
      </c>
    </row>
    <row r="111881" spans="1:7" x14ac:dyDescent="0.3">
      <c r="A111881" s="13" t="s">
        <v>536</v>
      </c>
      <c r="B111881" s="14" t="s">
        <v>1</v>
      </c>
      <c r="C111881" s="14" t="s">
        <v>96</v>
      </c>
      <c r="D111881" s="14" t="s">
        <v>18</v>
      </c>
      <c r="E111881" s="15">
        <v>45567</v>
      </c>
      <c r="F111881" s="14" t="s">
        <v>15</v>
      </c>
      <c r="G111881" s="16">
        <v>0</v>
      </c>
    </row>
    <row r="111882" spans="1:7" x14ac:dyDescent="0.3">
      <c r="A111882" s="13" t="s">
        <v>536</v>
      </c>
      <c r="B111882" s="14" t="s">
        <v>1</v>
      </c>
      <c r="C111882" s="14" t="s">
        <v>96</v>
      </c>
      <c r="D111882" s="14" t="s">
        <v>18</v>
      </c>
      <c r="E111882" s="15">
        <v>45568</v>
      </c>
      <c r="F111882" s="14" t="s">
        <v>15</v>
      </c>
      <c r="G111882" s="16">
        <v>0</v>
      </c>
    </row>
    <row r="111883" spans="1:7" x14ac:dyDescent="0.3">
      <c r="A111883" s="13" t="s">
        <v>536</v>
      </c>
      <c r="B111883" s="14" t="s">
        <v>1</v>
      </c>
      <c r="C111883" s="14" t="s">
        <v>96</v>
      </c>
      <c r="D111883" s="14" t="s">
        <v>18</v>
      </c>
      <c r="E111883" s="15">
        <v>45569</v>
      </c>
      <c r="F111883" s="14" t="s">
        <v>15</v>
      </c>
      <c r="G111883" s="16">
        <v>0</v>
      </c>
    </row>
    <row r="111884" spans="1:7" x14ac:dyDescent="0.3">
      <c r="A111884" s="13" t="s">
        <v>536</v>
      </c>
      <c r="B111884" s="14" t="s">
        <v>1</v>
      </c>
      <c r="C111884" s="14" t="s">
        <v>96</v>
      </c>
      <c r="D111884" s="14" t="s">
        <v>18</v>
      </c>
      <c r="E111884" s="15">
        <v>45570</v>
      </c>
      <c r="F111884" s="14" t="s">
        <v>15</v>
      </c>
      <c r="G111884" s="16">
        <v>0</v>
      </c>
    </row>
    <row r="111885" spans="1:7" x14ac:dyDescent="0.3">
      <c r="A111885" s="13" t="s">
        <v>536</v>
      </c>
      <c r="B111885" s="14" t="s">
        <v>1</v>
      </c>
      <c r="C111885" s="14" t="s">
        <v>96</v>
      </c>
      <c r="D111885" s="14" t="s">
        <v>18</v>
      </c>
      <c r="E111885" s="15">
        <v>45571</v>
      </c>
      <c r="F111885" s="14" t="s">
        <v>15</v>
      </c>
      <c r="G111885" s="16">
        <v>0</v>
      </c>
    </row>
    <row r="111886" spans="1:7" x14ac:dyDescent="0.3">
      <c r="A111886" s="13" t="s">
        <v>536</v>
      </c>
      <c r="B111886" s="14" t="s">
        <v>1</v>
      </c>
      <c r="C111886" s="14" t="s">
        <v>96</v>
      </c>
      <c r="D111886" s="14" t="s">
        <v>18</v>
      </c>
      <c r="E111886" s="15">
        <v>45572</v>
      </c>
      <c r="F111886" s="14" t="s">
        <v>15</v>
      </c>
      <c r="G111886" s="16">
        <v>0</v>
      </c>
    </row>
    <row r="111887" spans="1:7" x14ac:dyDescent="0.3">
      <c r="A111887" s="13" t="s">
        <v>536</v>
      </c>
      <c r="B111887" s="14" t="s">
        <v>1</v>
      </c>
      <c r="C111887" s="14" t="s">
        <v>96</v>
      </c>
      <c r="D111887" s="14" t="s">
        <v>18</v>
      </c>
      <c r="E111887" s="15">
        <v>45573</v>
      </c>
      <c r="F111887" s="14" t="s">
        <v>15</v>
      </c>
      <c r="G111887" s="16">
        <v>0</v>
      </c>
    </row>
    <row r="111888" spans="1:7" x14ac:dyDescent="0.3">
      <c r="A111888" s="13" t="s">
        <v>536</v>
      </c>
      <c r="B111888" s="14" t="s">
        <v>1</v>
      </c>
      <c r="C111888" s="14" t="s">
        <v>96</v>
      </c>
      <c r="D111888" s="14" t="s">
        <v>18</v>
      </c>
      <c r="E111888" s="15">
        <v>45574</v>
      </c>
      <c r="F111888" s="14" t="s">
        <v>15</v>
      </c>
      <c r="G111888" s="16">
        <v>0</v>
      </c>
    </row>
    <row r="111889" spans="1:7" x14ac:dyDescent="0.3">
      <c r="A111889" s="13" t="s">
        <v>536</v>
      </c>
      <c r="B111889" s="14" t="s">
        <v>1</v>
      </c>
      <c r="C111889" s="14" t="s">
        <v>96</v>
      </c>
      <c r="D111889" s="14" t="s">
        <v>18</v>
      </c>
      <c r="E111889" s="15">
        <v>45575</v>
      </c>
      <c r="F111889" s="14" t="s">
        <v>15</v>
      </c>
      <c r="G111889" s="16">
        <v>0</v>
      </c>
    </row>
    <row r="111890" spans="1:7" x14ac:dyDescent="0.3">
      <c r="A111890" s="13" t="s">
        <v>536</v>
      </c>
      <c r="B111890" s="14" t="s">
        <v>1</v>
      </c>
      <c r="C111890" s="14" t="s">
        <v>96</v>
      </c>
      <c r="D111890" s="14" t="s">
        <v>18</v>
      </c>
      <c r="E111890" s="15">
        <v>45576</v>
      </c>
      <c r="F111890" s="14" t="s">
        <v>15</v>
      </c>
      <c r="G111890" s="16">
        <v>0</v>
      </c>
    </row>
    <row r="111891" spans="1:7" x14ac:dyDescent="0.3">
      <c r="A111891" s="13" t="s">
        <v>536</v>
      </c>
      <c r="B111891" s="14" t="s">
        <v>1</v>
      </c>
      <c r="C111891" s="14" t="s">
        <v>96</v>
      </c>
      <c r="D111891" s="14" t="s">
        <v>18</v>
      </c>
      <c r="E111891" s="15">
        <v>45577</v>
      </c>
      <c r="F111891" s="14" t="s">
        <v>15</v>
      </c>
      <c r="G111891" s="16">
        <v>0</v>
      </c>
    </row>
    <row r="111892" spans="1:7" x14ac:dyDescent="0.3">
      <c r="A111892" s="13" t="s">
        <v>536</v>
      </c>
      <c r="B111892" s="14" t="s">
        <v>1</v>
      </c>
      <c r="C111892" s="14" t="s">
        <v>96</v>
      </c>
      <c r="D111892" s="14" t="s">
        <v>18</v>
      </c>
      <c r="E111892" s="15">
        <v>45578</v>
      </c>
      <c r="F111892" s="14" t="s">
        <v>15</v>
      </c>
      <c r="G111892" s="16">
        <v>0</v>
      </c>
    </row>
    <row r="111893" spans="1:7" x14ac:dyDescent="0.3">
      <c r="A111893" s="13" t="s">
        <v>536</v>
      </c>
      <c r="B111893" s="14" t="s">
        <v>1</v>
      </c>
      <c r="C111893" s="14" t="s">
        <v>96</v>
      </c>
      <c r="D111893" s="14" t="s">
        <v>18</v>
      </c>
      <c r="E111893" s="15">
        <v>45579</v>
      </c>
      <c r="F111893" s="14" t="s">
        <v>15</v>
      </c>
      <c r="G111893" s="16">
        <v>0</v>
      </c>
    </row>
    <row r="111894" spans="1:7" x14ac:dyDescent="0.3">
      <c r="A111894" s="13" t="s">
        <v>536</v>
      </c>
      <c r="B111894" s="14" t="s">
        <v>1</v>
      </c>
      <c r="C111894" s="14" t="s">
        <v>96</v>
      </c>
      <c r="D111894" s="14" t="s">
        <v>18</v>
      </c>
      <c r="E111894" s="15">
        <v>45580</v>
      </c>
      <c r="F111894" s="14" t="s">
        <v>15</v>
      </c>
      <c r="G111894" s="16">
        <v>0</v>
      </c>
    </row>
    <row r="111895" spans="1:7" x14ac:dyDescent="0.3">
      <c r="A111895" s="13" t="s">
        <v>536</v>
      </c>
      <c r="B111895" s="14" t="s">
        <v>1</v>
      </c>
      <c r="C111895" s="14" t="s">
        <v>96</v>
      </c>
      <c r="D111895" s="14" t="s">
        <v>18</v>
      </c>
      <c r="E111895" s="15">
        <v>45581</v>
      </c>
      <c r="F111895" s="14" t="s">
        <v>15</v>
      </c>
      <c r="G111895" s="16">
        <v>0</v>
      </c>
    </row>
    <row r="111896" spans="1:7" x14ac:dyDescent="0.3">
      <c r="A111896" s="13" t="s">
        <v>536</v>
      </c>
      <c r="B111896" s="14" t="s">
        <v>1</v>
      </c>
      <c r="C111896" s="14" t="s">
        <v>96</v>
      </c>
      <c r="D111896" s="14" t="s">
        <v>18</v>
      </c>
      <c r="E111896" s="15">
        <v>45582</v>
      </c>
      <c r="F111896" s="14" t="s">
        <v>15</v>
      </c>
      <c r="G111896" s="16">
        <v>0</v>
      </c>
    </row>
    <row r="111897" spans="1:7" x14ac:dyDescent="0.3">
      <c r="A111897" s="13" t="s">
        <v>536</v>
      </c>
      <c r="B111897" s="14" t="s">
        <v>1</v>
      </c>
      <c r="C111897" s="14" t="s">
        <v>96</v>
      </c>
      <c r="D111897" s="14" t="s">
        <v>18</v>
      </c>
      <c r="E111897" s="15">
        <v>45583</v>
      </c>
      <c r="F111897" s="14" t="s">
        <v>15</v>
      </c>
      <c r="G111897" s="16">
        <v>0</v>
      </c>
    </row>
    <row r="111898" spans="1:7" x14ac:dyDescent="0.3">
      <c r="A111898" s="13" t="s">
        <v>536</v>
      </c>
      <c r="B111898" s="14" t="s">
        <v>1</v>
      </c>
      <c r="C111898" s="14" t="s">
        <v>96</v>
      </c>
      <c r="D111898" s="14" t="s">
        <v>18</v>
      </c>
      <c r="E111898" s="15">
        <v>45584</v>
      </c>
      <c r="F111898" s="14" t="s">
        <v>15</v>
      </c>
      <c r="G111898" s="16">
        <v>0</v>
      </c>
    </row>
    <row r="111899" spans="1:7" x14ac:dyDescent="0.3">
      <c r="A111899" s="13" t="s">
        <v>536</v>
      </c>
      <c r="B111899" s="14" t="s">
        <v>1</v>
      </c>
      <c r="C111899" s="14" t="s">
        <v>96</v>
      </c>
      <c r="D111899" s="14" t="s">
        <v>18</v>
      </c>
      <c r="E111899" s="15">
        <v>45585</v>
      </c>
      <c r="F111899" s="14" t="s">
        <v>15</v>
      </c>
      <c r="G111899" s="16">
        <v>0</v>
      </c>
    </row>
    <row r="111900" spans="1:7" x14ac:dyDescent="0.3">
      <c r="A111900" s="13" t="s">
        <v>536</v>
      </c>
      <c r="B111900" s="14" t="s">
        <v>1</v>
      </c>
      <c r="C111900" s="14" t="s">
        <v>96</v>
      </c>
      <c r="D111900" s="14" t="s">
        <v>18</v>
      </c>
      <c r="E111900" s="15">
        <v>45586</v>
      </c>
      <c r="F111900" s="14" t="s">
        <v>15</v>
      </c>
      <c r="G111900" s="16">
        <v>0</v>
      </c>
    </row>
    <row r="111901" spans="1:7" x14ac:dyDescent="0.3">
      <c r="A111901" s="13" t="s">
        <v>536</v>
      </c>
      <c r="B111901" s="14" t="s">
        <v>1</v>
      </c>
      <c r="C111901" s="14" t="s">
        <v>96</v>
      </c>
      <c r="D111901" s="14" t="s">
        <v>18</v>
      </c>
      <c r="E111901" s="15">
        <v>45587</v>
      </c>
      <c r="F111901" s="14" t="s">
        <v>15</v>
      </c>
      <c r="G111901" s="16">
        <v>0</v>
      </c>
    </row>
    <row r="111902" spans="1:7" x14ac:dyDescent="0.3">
      <c r="A111902" s="13" t="s">
        <v>536</v>
      </c>
      <c r="B111902" s="14" t="s">
        <v>1</v>
      </c>
      <c r="C111902" s="14" t="s">
        <v>96</v>
      </c>
      <c r="D111902" s="14" t="s">
        <v>18</v>
      </c>
      <c r="E111902" s="15">
        <v>45588</v>
      </c>
      <c r="F111902" s="14" t="s">
        <v>15</v>
      </c>
      <c r="G111902" s="16">
        <v>0</v>
      </c>
    </row>
    <row r="111903" spans="1:7" x14ac:dyDescent="0.3">
      <c r="A111903" s="13" t="s">
        <v>536</v>
      </c>
      <c r="B111903" s="14" t="s">
        <v>1</v>
      </c>
      <c r="C111903" s="14" t="s">
        <v>96</v>
      </c>
      <c r="D111903" s="14" t="s">
        <v>18</v>
      </c>
      <c r="E111903" s="15">
        <v>45589</v>
      </c>
      <c r="F111903" s="14" t="s">
        <v>15</v>
      </c>
      <c r="G111903" s="16">
        <v>0</v>
      </c>
    </row>
    <row r="111904" spans="1:7" x14ac:dyDescent="0.3">
      <c r="A111904" s="13" t="s">
        <v>536</v>
      </c>
      <c r="B111904" s="14" t="s">
        <v>1</v>
      </c>
      <c r="C111904" s="14" t="s">
        <v>96</v>
      </c>
      <c r="D111904" s="14" t="s">
        <v>18</v>
      </c>
      <c r="E111904" s="15">
        <v>45590</v>
      </c>
      <c r="F111904" s="14" t="s">
        <v>15</v>
      </c>
      <c r="G111904" s="16">
        <v>0</v>
      </c>
    </row>
    <row r="111905" spans="1:7" x14ac:dyDescent="0.3">
      <c r="A111905" s="13" t="s">
        <v>536</v>
      </c>
      <c r="B111905" s="14" t="s">
        <v>1</v>
      </c>
      <c r="C111905" s="14" t="s">
        <v>96</v>
      </c>
      <c r="D111905" s="14" t="s">
        <v>18</v>
      </c>
      <c r="E111905" s="15">
        <v>45591</v>
      </c>
      <c r="F111905" s="14" t="s">
        <v>15</v>
      </c>
      <c r="G111905" s="16">
        <v>0</v>
      </c>
    </row>
    <row r="111906" spans="1:7" x14ac:dyDescent="0.3">
      <c r="A111906" s="13" t="s">
        <v>536</v>
      </c>
      <c r="B111906" s="14" t="s">
        <v>1</v>
      </c>
      <c r="C111906" s="14" t="s">
        <v>96</v>
      </c>
      <c r="D111906" s="14" t="s">
        <v>18</v>
      </c>
      <c r="E111906" s="15">
        <v>45592</v>
      </c>
      <c r="F111906" s="14" t="s">
        <v>15</v>
      </c>
      <c r="G111906" s="16">
        <v>0</v>
      </c>
    </row>
    <row r="111907" spans="1:7" x14ac:dyDescent="0.3">
      <c r="A111907" s="13" t="s">
        <v>536</v>
      </c>
      <c r="B111907" s="14" t="s">
        <v>1</v>
      </c>
      <c r="C111907" s="14" t="s">
        <v>96</v>
      </c>
      <c r="D111907" s="14" t="s">
        <v>18</v>
      </c>
      <c r="E111907" s="15">
        <v>45593</v>
      </c>
      <c r="F111907" s="14" t="s">
        <v>15</v>
      </c>
      <c r="G111907" s="16">
        <v>0</v>
      </c>
    </row>
    <row r="111908" spans="1:7" x14ac:dyDescent="0.3">
      <c r="A111908" s="13" t="s">
        <v>536</v>
      </c>
      <c r="B111908" s="14" t="s">
        <v>1</v>
      </c>
      <c r="C111908" s="14" t="s">
        <v>96</v>
      </c>
      <c r="D111908" s="14" t="s">
        <v>18</v>
      </c>
      <c r="E111908" s="15">
        <v>45594</v>
      </c>
      <c r="F111908" s="14" t="s">
        <v>15</v>
      </c>
      <c r="G111908" s="16">
        <v>0</v>
      </c>
    </row>
    <row r="111909" spans="1:7" x14ac:dyDescent="0.3">
      <c r="A111909" s="13" t="s">
        <v>536</v>
      </c>
      <c r="B111909" s="14" t="s">
        <v>1</v>
      </c>
      <c r="C111909" s="14" t="s">
        <v>96</v>
      </c>
      <c r="D111909" s="14" t="s">
        <v>18</v>
      </c>
      <c r="E111909" s="15">
        <v>45595</v>
      </c>
      <c r="F111909" s="14" t="s">
        <v>15</v>
      </c>
      <c r="G111909" s="16">
        <v>0</v>
      </c>
    </row>
    <row r="111910" spans="1:7" x14ac:dyDescent="0.3">
      <c r="A111910" s="13" t="s">
        <v>536</v>
      </c>
      <c r="B111910" s="14" t="s">
        <v>1</v>
      </c>
      <c r="C111910" s="14" t="s">
        <v>96</v>
      </c>
      <c r="D111910" s="14" t="s">
        <v>18</v>
      </c>
      <c r="E111910" s="15">
        <v>45596</v>
      </c>
      <c r="F111910" s="14" t="s">
        <v>15</v>
      </c>
      <c r="G111910" s="16">
        <v>0</v>
      </c>
    </row>
    <row r="111911" spans="1:7" x14ac:dyDescent="0.3">
      <c r="A111911" s="13" t="s">
        <v>536</v>
      </c>
      <c r="B111911" s="14" t="s">
        <v>1</v>
      </c>
      <c r="C111911" s="14" t="s">
        <v>96</v>
      </c>
      <c r="D111911" s="14" t="s">
        <v>18</v>
      </c>
      <c r="E111911" s="15">
        <v>45597</v>
      </c>
      <c r="F111911" s="14" t="s">
        <v>15</v>
      </c>
      <c r="G111911" s="16">
        <v>0</v>
      </c>
    </row>
    <row r="111912" spans="1:7" x14ac:dyDescent="0.3">
      <c r="A111912" s="13" t="s">
        <v>536</v>
      </c>
      <c r="B111912" s="14" t="s">
        <v>1</v>
      </c>
      <c r="C111912" s="14" t="s">
        <v>96</v>
      </c>
      <c r="D111912" s="14" t="s">
        <v>18</v>
      </c>
      <c r="E111912" s="15">
        <v>45598</v>
      </c>
      <c r="F111912" s="14" t="s">
        <v>15</v>
      </c>
      <c r="G111912" s="16">
        <v>0</v>
      </c>
    </row>
    <row r="111913" spans="1:7" x14ac:dyDescent="0.3">
      <c r="A111913" s="13" t="s">
        <v>536</v>
      </c>
      <c r="B111913" s="14" t="s">
        <v>1</v>
      </c>
      <c r="C111913" s="14" t="s">
        <v>96</v>
      </c>
      <c r="D111913" s="14" t="s">
        <v>18</v>
      </c>
      <c r="E111913" s="15">
        <v>45599</v>
      </c>
      <c r="F111913" s="14" t="s">
        <v>15</v>
      </c>
      <c r="G111913" s="16">
        <v>0</v>
      </c>
    </row>
    <row r="111914" spans="1:7" x14ac:dyDescent="0.3">
      <c r="A111914" s="13" t="s">
        <v>536</v>
      </c>
      <c r="B111914" s="14" t="s">
        <v>1</v>
      </c>
      <c r="C111914" s="14" t="s">
        <v>96</v>
      </c>
      <c r="D111914" s="14" t="s">
        <v>18</v>
      </c>
      <c r="E111914" s="15">
        <v>45600</v>
      </c>
      <c r="F111914" s="14" t="s">
        <v>15</v>
      </c>
      <c r="G111914" s="16">
        <v>0</v>
      </c>
    </row>
    <row r="111915" spans="1:7" x14ac:dyDescent="0.3">
      <c r="A111915" s="13" t="s">
        <v>536</v>
      </c>
      <c r="B111915" s="14" t="s">
        <v>1</v>
      </c>
      <c r="C111915" s="14" t="s">
        <v>96</v>
      </c>
      <c r="D111915" s="14" t="s">
        <v>18</v>
      </c>
      <c r="E111915" s="15">
        <v>45601</v>
      </c>
      <c r="F111915" s="14" t="s">
        <v>15</v>
      </c>
      <c r="G111915" s="16">
        <v>0</v>
      </c>
    </row>
    <row r="111916" spans="1:7" x14ac:dyDescent="0.3">
      <c r="A111916" s="13" t="s">
        <v>536</v>
      </c>
      <c r="B111916" s="14" t="s">
        <v>1</v>
      </c>
      <c r="C111916" s="14" t="s">
        <v>96</v>
      </c>
      <c r="D111916" s="14" t="s">
        <v>18</v>
      </c>
      <c r="E111916" s="15">
        <v>45602</v>
      </c>
      <c r="F111916" s="14" t="s">
        <v>15</v>
      </c>
      <c r="G111916" s="16">
        <v>0</v>
      </c>
    </row>
    <row r="111917" spans="1:7" x14ac:dyDescent="0.3">
      <c r="A111917" s="13" t="s">
        <v>536</v>
      </c>
      <c r="B111917" s="14" t="s">
        <v>1</v>
      </c>
      <c r="C111917" s="14" t="s">
        <v>96</v>
      </c>
      <c r="D111917" s="14" t="s">
        <v>18</v>
      </c>
      <c r="E111917" s="15">
        <v>45603</v>
      </c>
      <c r="F111917" s="14" t="s">
        <v>15</v>
      </c>
      <c r="G111917" s="16">
        <v>0</v>
      </c>
    </row>
    <row r="111918" spans="1:7" x14ac:dyDescent="0.3">
      <c r="A111918" s="13" t="s">
        <v>536</v>
      </c>
      <c r="B111918" s="14" t="s">
        <v>1</v>
      </c>
      <c r="C111918" s="14" t="s">
        <v>96</v>
      </c>
      <c r="D111918" s="14" t="s">
        <v>18</v>
      </c>
      <c r="E111918" s="15">
        <v>45604</v>
      </c>
      <c r="F111918" s="14" t="s">
        <v>15</v>
      </c>
      <c r="G111918" s="16">
        <v>0</v>
      </c>
    </row>
    <row r="111919" spans="1:7" x14ac:dyDescent="0.3">
      <c r="A111919" s="13" t="s">
        <v>536</v>
      </c>
      <c r="B111919" s="14" t="s">
        <v>1</v>
      </c>
      <c r="C111919" s="14" t="s">
        <v>96</v>
      </c>
      <c r="D111919" s="14" t="s">
        <v>18</v>
      </c>
      <c r="E111919" s="15">
        <v>45605</v>
      </c>
      <c r="F111919" s="14" t="s">
        <v>15</v>
      </c>
      <c r="G111919" s="16">
        <v>0</v>
      </c>
    </row>
    <row r="111920" spans="1:7" x14ac:dyDescent="0.3">
      <c r="A111920" s="13" t="s">
        <v>536</v>
      </c>
      <c r="B111920" s="14" t="s">
        <v>1</v>
      </c>
      <c r="C111920" s="14" t="s">
        <v>96</v>
      </c>
      <c r="D111920" s="14" t="s">
        <v>18</v>
      </c>
      <c r="E111920" s="15">
        <v>45606</v>
      </c>
      <c r="F111920" s="14" t="s">
        <v>15</v>
      </c>
      <c r="G111920" s="16">
        <v>0</v>
      </c>
    </row>
    <row r="111921" spans="1:7" x14ac:dyDescent="0.3">
      <c r="A111921" s="13" t="s">
        <v>536</v>
      </c>
      <c r="B111921" s="14" t="s">
        <v>1</v>
      </c>
      <c r="C111921" s="14" t="s">
        <v>96</v>
      </c>
      <c r="D111921" s="14" t="s">
        <v>18</v>
      </c>
      <c r="E111921" s="15">
        <v>45607</v>
      </c>
      <c r="F111921" s="14" t="s">
        <v>15</v>
      </c>
      <c r="G111921" s="16">
        <v>0</v>
      </c>
    </row>
    <row r="111922" spans="1:7" x14ac:dyDescent="0.3">
      <c r="A111922" s="13" t="s">
        <v>536</v>
      </c>
      <c r="B111922" s="14" t="s">
        <v>1</v>
      </c>
      <c r="C111922" s="14" t="s">
        <v>96</v>
      </c>
      <c r="D111922" s="14" t="s">
        <v>18</v>
      </c>
      <c r="E111922" s="15">
        <v>45608</v>
      </c>
      <c r="F111922" s="14" t="s">
        <v>15</v>
      </c>
      <c r="G111922" s="16">
        <v>0</v>
      </c>
    </row>
    <row r="111923" spans="1:7" x14ac:dyDescent="0.3">
      <c r="A111923" s="13" t="s">
        <v>536</v>
      </c>
      <c r="B111923" s="14" t="s">
        <v>1</v>
      </c>
      <c r="C111923" s="14" t="s">
        <v>96</v>
      </c>
      <c r="D111923" s="14" t="s">
        <v>18</v>
      </c>
      <c r="E111923" s="15">
        <v>45609</v>
      </c>
      <c r="F111923" s="14" t="s">
        <v>15</v>
      </c>
      <c r="G111923" s="16">
        <v>0</v>
      </c>
    </row>
    <row r="111924" spans="1:7" x14ac:dyDescent="0.3">
      <c r="A111924" s="13" t="s">
        <v>536</v>
      </c>
      <c r="B111924" s="14" t="s">
        <v>1</v>
      </c>
      <c r="C111924" s="14" t="s">
        <v>96</v>
      </c>
      <c r="D111924" s="14" t="s">
        <v>18</v>
      </c>
      <c r="E111924" s="15">
        <v>45610</v>
      </c>
      <c r="F111924" s="14" t="s">
        <v>15</v>
      </c>
      <c r="G111924" s="16">
        <v>0</v>
      </c>
    </row>
    <row r="111925" spans="1:7" x14ac:dyDescent="0.3">
      <c r="A111925" s="13" t="s">
        <v>536</v>
      </c>
      <c r="B111925" s="14" t="s">
        <v>1</v>
      </c>
      <c r="C111925" s="14" t="s">
        <v>96</v>
      </c>
      <c r="D111925" s="14" t="s">
        <v>18</v>
      </c>
      <c r="E111925" s="15">
        <v>45611</v>
      </c>
      <c r="F111925" s="14" t="s">
        <v>15</v>
      </c>
      <c r="G111925" s="16">
        <v>0</v>
      </c>
    </row>
    <row r="111926" spans="1:7" x14ac:dyDescent="0.3">
      <c r="A111926" s="13" t="s">
        <v>536</v>
      </c>
      <c r="B111926" s="14" t="s">
        <v>1</v>
      </c>
      <c r="C111926" s="14" t="s">
        <v>96</v>
      </c>
      <c r="D111926" s="14" t="s">
        <v>18</v>
      </c>
      <c r="E111926" s="15">
        <v>45612</v>
      </c>
      <c r="F111926" s="14" t="s">
        <v>15</v>
      </c>
      <c r="G111926" s="16">
        <v>0</v>
      </c>
    </row>
    <row r="111927" spans="1:7" x14ac:dyDescent="0.3">
      <c r="A111927" s="13" t="s">
        <v>536</v>
      </c>
      <c r="B111927" s="14" t="s">
        <v>1</v>
      </c>
      <c r="C111927" s="14" t="s">
        <v>96</v>
      </c>
      <c r="D111927" s="14" t="s">
        <v>18</v>
      </c>
      <c r="E111927" s="15">
        <v>45613</v>
      </c>
      <c r="F111927" s="14" t="s">
        <v>15</v>
      </c>
      <c r="G111927" s="16">
        <v>0</v>
      </c>
    </row>
    <row r="111928" spans="1:7" x14ac:dyDescent="0.3">
      <c r="A111928" s="13" t="s">
        <v>536</v>
      </c>
      <c r="B111928" s="14" t="s">
        <v>1</v>
      </c>
      <c r="C111928" s="14" t="s">
        <v>96</v>
      </c>
      <c r="D111928" s="14" t="s">
        <v>18</v>
      </c>
      <c r="E111928" s="15">
        <v>45614</v>
      </c>
      <c r="F111928" s="14" t="s">
        <v>15</v>
      </c>
      <c r="G111928" s="16">
        <v>0</v>
      </c>
    </row>
    <row r="111929" spans="1:7" x14ac:dyDescent="0.3">
      <c r="A111929" s="13" t="s">
        <v>536</v>
      </c>
      <c r="B111929" s="14" t="s">
        <v>1</v>
      </c>
      <c r="C111929" s="14" t="s">
        <v>96</v>
      </c>
      <c r="D111929" s="14" t="s">
        <v>18</v>
      </c>
      <c r="E111929" s="15">
        <v>45615</v>
      </c>
      <c r="F111929" s="14" t="s">
        <v>15</v>
      </c>
      <c r="G111929" s="16">
        <v>0</v>
      </c>
    </row>
    <row r="111930" spans="1:7" x14ac:dyDescent="0.3">
      <c r="A111930" s="13" t="s">
        <v>536</v>
      </c>
      <c r="B111930" s="14" t="s">
        <v>1</v>
      </c>
      <c r="C111930" s="14" t="s">
        <v>96</v>
      </c>
      <c r="D111930" s="14" t="s">
        <v>18</v>
      </c>
      <c r="E111930" s="15">
        <v>45616</v>
      </c>
      <c r="F111930" s="14" t="s">
        <v>15</v>
      </c>
      <c r="G111930" s="16">
        <v>0</v>
      </c>
    </row>
    <row r="111931" spans="1:7" x14ac:dyDescent="0.3">
      <c r="A111931" s="13" t="s">
        <v>536</v>
      </c>
      <c r="B111931" s="14" t="s">
        <v>1</v>
      </c>
      <c r="C111931" s="14" t="s">
        <v>96</v>
      </c>
      <c r="D111931" s="14" t="s">
        <v>18</v>
      </c>
      <c r="E111931" s="15">
        <v>45617</v>
      </c>
      <c r="F111931" s="14" t="s">
        <v>15</v>
      </c>
      <c r="G111931" s="16">
        <v>0</v>
      </c>
    </row>
    <row r="111932" spans="1:7" x14ac:dyDescent="0.3">
      <c r="A111932" s="13" t="s">
        <v>536</v>
      </c>
      <c r="B111932" s="14" t="s">
        <v>1</v>
      </c>
      <c r="C111932" s="14" t="s">
        <v>96</v>
      </c>
      <c r="D111932" s="14" t="s">
        <v>18</v>
      </c>
      <c r="E111932" s="15">
        <v>45618</v>
      </c>
      <c r="F111932" s="14" t="s">
        <v>15</v>
      </c>
      <c r="G111932" s="16">
        <v>0</v>
      </c>
    </row>
    <row r="111933" spans="1:7" x14ac:dyDescent="0.3">
      <c r="A111933" s="13" t="s">
        <v>536</v>
      </c>
      <c r="B111933" s="14" t="s">
        <v>1</v>
      </c>
      <c r="C111933" s="14" t="s">
        <v>96</v>
      </c>
      <c r="D111933" s="14" t="s">
        <v>18</v>
      </c>
      <c r="E111933" s="15">
        <v>45619</v>
      </c>
      <c r="F111933" s="14" t="s">
        <v>15</v>
      </c>
      <c r="G111933" s="16">
        <v>0</v>
      </c>
    </row>
    <row r="111934" spans="1:7" x14ac:dyDescent="0.3">
      <c r="A111934" s="13" t="s">
        <v>536</v>
      </c>
      <c r="B111934" s="14" t="s">
        <v>1</v>
      </c>
      <c r="C111934" s="14" t="s">
        <v>96</v>
      </c>
      <c r="D111934" s="14" t="s">
        <v>18</v>
      </c>
      <c r="E111934" s="15">
        <v>45620</v>
      </c>
      <c r="F111934" s="14" t="s">
        <v>15</v>
      </c>
      <c r="G111934" s="16">
        <v>0</v>
      </c>
    </row>
    <row r="111935" spans="1:7" x14ac:dyDescent="0.3">
      <c r="A111935" s="13" t="s">
        <v>536</v>
      </c>
      <c r="B111935" s="14" t="s">
        <v>1</v>
      </c>
      <c r="C111935" s="14" t="s">
        <v>96</v>
      </c>
      <c r="D111935" s="14" t="s">
        <v>18</v>
      </c>
      <c r="E111935" s="15">
        <v>45621</v>
      </c>
      <c r="F111935" s="14" t="s">
        <v>15</v>
      </c>
      <c r="G111935" s="16">
        <v>0</v>
      </c>
    </row>
    <row r="111936" spans="1:7" x14ac:dyDescent="0.3">
      <c r="A111936" s="13" t="s">
        <v>536</v>
      </c>
      <c r="B111936" s="14" t="s">
        <v>1</v>
      </c>
      <c r="C111936" s="14" t="s">
        <v>96</v>
      </c>
      <c r="D111936" s="14" t="s">
        <v>18</v>
      </c>
      <c r="E111936" s="15">
        <v>45622</v>
      </c>
      <c r="F111936" s="14" t="s">
        <v>15</v>
      </c>
      <c r="G111936" s="16">
        <v>0</v>
      </c>
    </row>
    <row r="111937" spans="1:7" x14ac:dyDescent="0.3">
      <c r="A111937" s="13" t="s">
        <v>536</v>
      </c>
      <c r="B111937" s="14" t="s">
        <v>1</v>
      </c>
      <c r="C111937" s="14" t="s">
        <v>96</v>
      </c>
      <c r="D111937" s="14" t="s">
        <v>18</v>
      </c>
      <c r="E111937" s="15">
        <v>45623</v>
      </c>
      <c r="F111937" s="14" t="s">
        <v>15</v>
      </c>
      <c r="G111937" s="16">
        <v>0</v>
      </c>
    </row>
    <row r="111938" spans="1:7" x14ac:dyDescent="0.3">
      <c r="A111938" s="13" t="s">
        <v>536</v>
      </c>
      <c r="B111938" s="14" t="s">
        <v>1</v>
      </c>
      <c r="C111938" s="14" t="s">
        <v>96</v>
      </c>
      <c r="D111938" s="14" t="s">
        <v>18</v>
      </c>
      <c r="E111938" s="15">
        <v>45624</v>
      </c>
      <c r="F111938" s="14" t="s">
        <v>15</v>
      </c>
      <c r="G111938" s="16">
        <v>0</v>
      </c>
    </row>
    <row r="111939" spans="1:7" x14ac:dyDescent="0.3">
      <c r="A111939" s="13" t="s">
        <v>536</v>
      </c>
      <c r="B111939" s="14" t="s">
        <v>1</v>
      </c>
      <c r="C111939" s="14" t="s">
        <v>96</v>
      </c>
      <c r="D111939" s="14" t="s">
        <v>18</v>
      </c>
      <c r="E111939" s="15">
        <v>45625</v>
      </c>
      <c r="F111939" s="14" t="s">
        <v>15</v>
      </c>
      <c r="G111939" s="16">
        <v>0</v>
      </c>
    </row>
    <row r="111940" spans="1:7" x14ac:dyDescent="0.3">
      <c r="A111940" s="13" t="s">
        <v>536</v>
      </c>
      <c r="B111940" s="14" t="s">
        <v>1</v>
      </c>
      <c r="C111940" s="14" t="s">
        <v>96</v>
      </c>
      <c r="D111940" s="14" t="s">
        <v>18</v>
      </c>
      <c r="E111940" s="15">
        <v>45626</v>
      </c>
      <c r="F111940" s="14" t="s">
        <v>15</v>
      </c>
      <c r="G111940" s="16">
        <v>0</v>
      </c>
    </row>
    <row r="111941" spans="1:7" x14ac:dyDescent="0.3">
      <c r="A111941" s="13" t="s">
        <v>536</v>
      </c>
      <c r="B111941" s="14" t="s">
        <v>1</v>
      </c>
      <c r="C111941" s="14" t="s">
        <v>96</v>
      </c>
      <c r="D111941" s="14" t="s">
        <v>18</v>
      </c>
      <c r="E111941" s="15">
        <v>45627</v>
      </c>
      <c r="F111941" s="14" t="s">
        <v>15</v>
      </c>
      <c r="G111941" s="16">
        <v>0</v>
      </c>
    </row>
    <row r="111942" spans="1:7" x14ac:dyDescent="0.3">
      <c r="A111942" s="13" t="s">
        <v>536</v>
      </c>
      <c r="B111942" s="14" t="s">
        <v>1</v>
      </c>
      <c r="C111942" s="14" t="s">
        <v>96</v>
      </c>
      <c r="D111942" s="14" t="s">
        <v>18</v>
      </c>
      <c r="E111942" s="15">
        <v>45628</v>
      </c>
      <c r="F111942" s="14" t="s">
        <v>15</v>
      </c>
      <c r="G111942" s="16">
        <v>0</v>
      </c>
    </row>
    <row r="111943" spans="1:7" x14ac:dyDescent="0.3">
      <c r="A111943" s="13" t="s">
        <v>536</v>
      </c>
      <c r="B111943" s="14" t="s">
        <v>1</v>
      </c>
      <c r="C111943" s="14" t="s">
        <v>96</v>
      </c>
      <c r="D111943" s="14" t="s">
        <v>18</v>
      </c>
      <c r="E111943" s="15">
        <v>45629</v>
      </c>
      <c r="F111943" s="14" t="s">
        <v>15</v>
      </c>
      <c r="G111943" s="16">
        <v>0</v>
      </c>
    </row>
    <row r="111944" spans="1:7" x14ac:dyDescent="0.3">
      <c r="A111944" s="13" t="s">
        <v>536</v>
      </c>
      <c r="B111944" s="14" t="s">
        <v>1</v>
      </c>
      <c r="C111944" s="14" t="s">
        <v>96</v>
      </c>
      <c r="D111944" s="14" t="s">
        <v>18</v>
      </c>
      <c r="E111944" s="15">
        <v>45630</v>
      </c>
      <c r="F111944" s="14" t="s">
        <v>15</v>
      </c>
      <c r="G111944" s="16">
        <v>0</v>
      </c>
    </row>
    <row r="111945" spans="1:7" x14ac:dyDescent="0.3">
      <c r="A111945" s="13" t="s">
        <v>536</v>
      </c>
      <c r="B111945" s="14" t="s">
        <v>1</v>
      </c>
      <c r="C111945" s="14" t="s">
        <v>96</v>
      </c>
      <c r="D111945" s="14" t="s">
        <v>18</v>
      </c>
      <c r="E111945" s="15">
        <v>45631</v>
      </c>
      <c r="F111945" s="14" t="s">
        <v>15</v>
      </c>
      <c r="G111945" s="16">
        <v>0</v>
      </c>
    </row>
    <row r="111946" spans="1:7" x14ac:dyDescent="0.3">
      <c r="A111946" s="13" t="s">
        <v>536</v>
      </c>
      <c r="B111946" s="14" t="s">
        <v>1</v>
      </c>
      <c r="C111946" s="14" t="s">
        <v>96</v>
      </c>
      <c r="D111946" s="14" t="s">
        <v>18</v>
      </c>
      <c r="E111946" s="15">
        <v>45632</v>
      </c>
      <c r="F111946" s="14" t="s">
        <v>15</v>
      </c>
      <c r="G111946" s="16">
        <v>0</v>
      </c>
    </row>
    <row r="111947" spans="1:7" x14ac:dyDescent="0.3">
      <c r="A111947" s="13" t="s">
        <v>536</v>
      </c>
      <c r="B111947" s="14" t="s">
        <v>1</v>
      </c>
      <c r="C111947" s="14" t="s">
        <v>96</v>
      </c>
      <c r="D111947" s="14" t="s">
        <v>18</v>
      </c>
      <c r="E111947" s="15">
        <v>45633</v>
      </c>
      <c r="F111947" s="14" t="s">
        <v>15</v>
      </c>
      <c r="G111947" s="16">
        <v>0</v>
      </c>
    </row>
    <row r="111948" spans="1:7" x14ac:dyDescent="0.3">
      <c r="A111948" s="13" t="s">
        <v>536</v>
      </c>
      <c r="B111948" s="14" t="s">
        <v>1</v>
      </c>
      <c r="C111948" s="14" t="s">
        <v>96</v>
      </c>
      <c r="D111948" s="14" t="s">
        <v>18</v>
      </c>
      <c r="E111948" s="15">
        <v>45634</v>
      </c>
      <c r="F111948" s="14" t="s">
        <v>15</v>
      </c>
      <c r="G111948" s="16">
        <v>0</v>
      </c>
    </row>
    <row r="111949" spans="1:7" x14ac:dyDescent="0.3">
      <c r="A111949" s="13" t="s">
        <v>536</v>
      </c>
      <c r="B111949" s="14" t="s">
        <v>1</v>
      </c>
      <c r="C111949" s="14" t="s">
        <v>96</v>
      </c>
      <c r="D111949" s="14" t="s">
        <v>18</v>
      </c>
      <c r="E111949" s="15">
        <v>45635</v>
      </c>
      <c r="F111949" s="14" t="s">
        <v>15</v>
      </c>
      <c r="G111949" s="16">
        <v>0</v>
      </c>
    </row>
    <row r="111950" spans="1:7" x14ac:dyDescent="0.3">
      <c r="A111950" s="13" t="s">
        <v>536</v>
      </c>
      <c r="B111950" s="14" t="s">
        <v>1</v>
      </c>
      <c r="C111950" s="14" t="s">
        <v>96</v>
      </c>
      <c r="D111950" s="14" t="s">
        <v>18</v>
      </c>
      <c r="E111950" s="15">
        <v>45636</v>
      </c>
      <c r="F111950" s="14" t="s">
        <v>15</v>
      </c>
      <c r="G111950" s="16">
        <v>0</v>
      </c>
    </row>
    <row r="111951" spans="1:7" x14ac:dyDescent="0.3">
      <c r="A111951" s="13" t="s">
        <v>536</v>
      </c>
      <c r="B111951" s="14" t="s">
        <v>1</v>
      </c>
      <c r="C111951" s="14" t="s">
        <v>96</v>
      </c>
      <c r="D111951" s="14" t="s">
        <v>18</v>
      </c>
      <c r="E111951" s="15">
        <v>45637</v>
      </c>
      <c r="F111951" s="14" t="s">
        <v>15</v>
      </c>
      <c r="G111951" s="16">
        <v>0</v>
      </c>
    </row>
    <row r="111952" spans="1:7" x14ac:dyDescent="0.3">
      <c r="A111952" s="13" t="s">
        <v>536</v>
      </c>
      <c r="B111952" s="14" t="s">
        <v>1</v>
      </c>
      <c r="C111952" s="14" t="s">
        <v>96</v>
      </c>
      <c r="D111952" s="14" t="s">
        <v>18</v>
      </c>
      <c r="E111952" s="15">
        <v>45638</v>
      </c>
      <c r="F111952" s="14" t="s">
        <v>15</v>
      </c>
      <c r="G111952" s="16">
        <v>0</v>
      </c>
    </row>
    <row r="111953" spans="1:7" x14ac:dyDescent="0.3">
      <c r="A111953" s="13" t="s">
        <v>536</v>
      </c>
      <c r="B111953" s="14" t="s">
        <v>1</v>
      </c>
      <c r="C111953" s="14" t="s">
        <v>96</v>
      </c>
      <c r="D111953" s="14" t="s">
        <v>18</v>
      </c>
      <c r="E111953" s="15">
        <v>45639</v>
      </c>
      <c r="F111953" s="14" t="s">
        <v>15</v>
      </c>
      <c r="G111953" s="16">
        <v>0</v>
      </c>
    </row>
    <row r="111954" spans="1:7" x14ac:dyDescent="0.3">
      <c r="A111954" s="13" t="s">
        <v>536</v>
      </c>
      <c r="B111954" s="14" t="s">
        <v>1</v>
      </c>
      <c r="C111954" s="14" t="s">
        <v>96</v>
      </c>
      <c r="D111954" s="14" t="s">
        <v>18</v>
      </c>
      <c r="E111954" s="15">
        <v>45640</v>
      </c>
      <c r="F111954" s="14" t="s">
        <v>15</v>
      </c>
      <c r="G111954" s="16">
        <v>0</v>
      </c>
    </row>
    <row r="111955" spans="1:7" x14ac:dyDescent="0.3">
      <c r="A111955" s="13" t="s">
        <v>536</v>
      </c>
      <c r="B111955" s="14" t="s">
        <v>1</v>
      </c>
      <c r="C111955" s="14" t="s">
        <v>96</v>
      </c>
      <c r="D111955" s="14" t="s">
        <v>18</v>
      </c>
      <c r="E111955" s="15">
        <v>45641</v>
      </c>
      <c r="F111955" s="14" t="s">
        <v>15</v>
      </c>
      <c r="G111955" s="16">
        <v>0</v>
      </c>
    </row>
    <row r="111956" spans="1:7" x14ac:dyDescent="0.3">
      <c r="A111956" s="13" t="s">
        <v>536</v>
      </c>
      <c r="B111956" s="14" t="s">
        <v>1</v>
      </c>
      <c r="C111956" s="14" t="s">
        <v>96</v>
      </c>
      <c r="D111956" s="14" t="s">
        <v>18</v>
      </c>
      <c r="E111956" s="15">
        <v>45642</v>
      </c>
      <c r="F111956" s="14" t="s">
        <v>15</v>
      </c>
      <c r="G111956" s="16">
        <v>0</v>
      </c>
    </row>
    <row r="111957" spans="1:7" x14ac:dyDescent="0.3">
      <c r="A111957" s="13" t="s">
        <v>536</v>
      </c>
      <c r="B111957" s="14" t="s">
        <v>1</v>
      </c>
      <c r="C111957" s="14" t="s">
        <v>96</v>
      </c>
      <c r="D111957" s="14" t="s">
        <v>18</v>
      </c>
      <c r="E111957" s="15">
        <v>45643</v>
      </c>
      <c r="F111957" s="14" t="s">
        <v>15</v>
      </c>
      <c r="G111957" s="16">
        <v>0</v>
      </c>
    </row>
    <row r="111958" spans="1:7" x14ac:dyDescent="0.3">
      <c r="A111958" s="13" t="s">
        <v>536</v>
      </c>
      <c r="B111958" s="14" t="s">
        <v>1</v>
      </c>
      <c r="C111958" s="14" t="s">
        <v>96</v>
      </c>
      <c r="D111958" s="14" t="s">
        <v>18</v>
      </c>
      <c r="E111958" s="15">
        <v>45644</v>
      </c>
      <c r="F111958" s="14" t="s">
        <v>15</v>
      </c>
      <c r="G111958" s="16">
        <v>0</v>
      </c>
    </row>
    <row r="111959" spans="1:7" x14ac:dyDescent="0.3">
      <c r="A111959" s="13" t="s">
        <v>536</v>
      </c>
      <c r="B111959" s="14" t="s">
        <v>1</v>
      </c>
      <c r="C111959" s="14" t="s">
        <v>96</v>
      </c>
      <c r="D111959" s="14" t="s">
        <v>18</v>
      </c>
      <c r="E111959" s="15">
        <v>45645</v>
      </c>
      <c r="F111959" s="14" t="s">
        <v>15</v>
      </c>
      <c r="G111959" s="16">
        <v>0</v>
      </c>
    </row>
    <row r="111960" spans="1:7" x14ac:dyDescent="0.3">
      <c r="A111960" s="13" t="s">
        <v>536</v>
      </c>
      <c r="B111960" s="14" t="s">
        <v>1</v>
      </c>
      <c r="C111960" s="14" t="s">
        <v>96</v>
      </c>
      <c r="D111960" s="14" t="s">
        <v>18</v>
      </c>
      <c r="E111960" s="15">
        <v>45646</v>
      </c>
      <c r="F111960" s="14" t="s">
        <v>15</v>
      </c>
      <c r="G111960" s="16">
        <v>0</v>
      </c>
    </row>
    <row r="111961" spans="1:7" x14ac:dyDescent="0.3">
      <c r="A111961" s="13" t="s">
        <v>536</v>
      </c>
      <c r="B111961" s="14" t="s">
        <v>1</v>
      </c>
      <c r="C111961" s="14" t="s">
        <v>96</v>
      </c>
      <c r="D111961" s="14" t="s">
        <v>18</v>
      </c>
      <c r="E111961" s="15">
        <v>45647</v>
      </c>
      <c r="F111961" s="14" t="s">
        <v>15</v>
      </c>
      <c r="G111961" s="16">
        <v>0</v>
      </c>
    </row>
    <row r="111962" spans="1:7" x14ac:dyDescent="0.3">
      <c r="A111962" s="13" t="s">
        <v>536</v>
      </c>
      <c r="B111962" s="14" t="s">
        <v>1</v>
      </c>
      <c r="C111962" s="14" t="s">
        <v>96</v>
      </c>
      <c r="D111962" s="14" t="s">
        <v>18</v>
      </c>
      <c r="E111962" s="15">
        <v>45648</v>
      </c>
      <c r="F111962" s="14" t="s">
        <v>15</v>
      </c>
      <c r="G111962" s="16">
        <v>0</v>
      </c>
    </row>
    <row r="111963" spans="1:7" x14ac:dyDescent="0.3">
      <c r="A111963" s="13" t="s">
        <v>536</v>
      </c>
      <c r="B111963" s="14" t="s">
        <v>1</v>
      </c>
      <c r="C111963" s="14" t="s">
        <v>96</v>
      </c>
      <c r="D111963" s="14" t="s">
        <v>18</v>
      </c>
      <c r="E111963" s="15">
        <v>45649</v>
      </c>
      <c r="F111963" s="14" t="s">
        <v>15</v>
      </c>
      <c r="G111963" s="16">
        <v>0</v>
      </c>
    </row>
    <row r="111964" spans="1:7" x14ac:dyDescent="0.3">
      <c r="A111964" s="13" t="s">
        <v>536</v>
      </c>
      <c r="B111964" s="14" t="s">
        <v>1</v>
      </c>
      <c r="C111964" s="14" t="s">
        <v>96</v>
      </c>
      <c r="D111964" s="14" t="s">
        <v>18</v>
      </c>
      <c r="E111964" s="15">
        <v>45650</v>
      </c>
      <c r="F111964" s="14" t="s">
        <v>15</v>
      </c>
      <c r="G111964" s="16">
        <v>0</v>
      </c>
    </row>
    <row r="111965" spans="1:7" x14ac:dyDescent="0.3">
      <c r="A111965" s="13" t="s">
        <v>536</v>
      </c>
      <c r="B111965" s="14" t="s">
        <v>1</v>
      </c>
      <c r="C111965" s="14" t="s">
        <v>96</v>
      </c>
      <c r="D111965" s="14" t="s">
        <v>18</v>
      </c>
      <c r="E111965" s="15">
        <v>45651</v>
      </c>
      <c r="F111965" s="14" t="s">
        <v>15</v>
      </c>
      <c r="G111965" s="16">
        <v>0</v>
      </c>
    </row>
    <row r="111966" spans="1:7" x14ac:dyDescent="0.3">
      <c r="A111966" s="13" t="s">
        <v>536</v>
      </c>
      <c r="B111966" s="14" t="s">
        <v>1</v>
      </c>
      <c r="C111966" s="14" t="s">
        <v>96</v>
      </c>
      <c r="D111966" s="14" t="s">
        <v>18</v>
      </c>
      <c r="E111966" s="15">
        <v>45652</v>
      </c>
      <c r="F111966" s="14" t="s">
        <v>15</v>
      </c>
      <c r="G111966" s="16">
        <v>0</v>
      </c>
    </row>
    <row r="111967" spans="1:7" x14ac:dyDescent="0.3">
      <c r="A111967" s="13" t="s">
        <v>536</v>
      </c>
      <c r="B111967" s="14" t="s">
        <v>1</v>
      </c>
      <c r="C111967" s="14" t="s">
        <v>96</v>
      </c>
      <c r="D111967" s="14" t="s">
        <v>18</v>
      </c>
      <c r="E111967" s="15">
        <v>45653</v>
      </c>
      <c r="F111967" s="14" t="s">
        <v>15</v>
      </c>
      <c r="G111967" s="16">
        <v>0</v>
      </c>
    </row>
    <row r="111968" spans="1:7" x14ac:dyDescent="0.3">
      <c r="A111968" s="13" t="s">
        <v>536</v>
      </c>
      <c r="B111968" s="14" t="s">
        <v>1</v>
      </c>
      <c r="C111968" s="14" t="s">
        <v>96</v>
      </c>
      <c r="D111968" s="14" t="s">
        <v>18</v>
      </c>
      <c r="E111968" s="15">
        <v>45654</v>
      </c>
      <c r="F111968" s="14" t="s">
        <v>15</v>
      </c>
      <c r="G111968" s="16">
        <v>0</v>
      </c>
    </row>
    <row r="111969" spans="1:7" x14ac:dyDescent="0.3">
      <c r="A111969" s="13" t="s">
        <v>536</v>
      </c>
      <c r="B111969" s="14" t="s">
        <v>1</v>
      </c>
      <c r="C111969" s="14" t="s">
        <v>96</v>
      </c>
      <c r="D111969" s="14" t="s">
        <v>18</v>
      </c>
      <c r="E111969" s="15">
        <v>45655</v>
      </c>
      <c r="F111969" s="14" t="s">
        <v>15</v>
      </c>
      <c r="G111969" s="16">
        <v>0</v>
      </c>
    </row>
    <row r="111970" spans="1:7" x14ac:dyDescent="0.3">
      <c r="A111970" s="13" t="s">
        <v>536</v>
      </c>
      <c r="B111970" s="14" t="s">
        <v>1</v>
      </c>
      <c r="C111970" s="14" t="s">
        <v>96</v>
      </c>
      <c r="D111970" s="14" t="s">
        <v>18</v>
      </c>
      <c r="E111970" s="15">
        <v>45656</v>
      </c>
      <c r="F111970" s="14" t="s">
        <v>15</v>
      </c>
      <c r="G111970" s="16">
        <v>0</v>
      </c>
    </row>
    <row r="111971" spans="1:7" x14ac:dyDescent="0.3">
      <c r="A111971" s="13" t="s">
        <v>536</v>
      </c>
      <c r="B111971" s="14" t="s">
        <v>1</v>
      </c>
      <c r="C111971" s="14" t="s">
        <v>96</v>
      </c>
      <c r="D111971" s="14" t="s">
        <v>18</v>
      </c>
      <c r="E111971" s="15">
        <v>45657</v>
      </c>
      <c r="F111971" s="14" t="s">
        <v>15</v>
      </c>
      <c r="G111971" s="16">
        <v>0</v>
      </c>
    </row>
    <row r="111972" spans="1:7" x14ac:dyDescent="0.3">
      <c r="A111972" s="13" t="s">
        <v>536</v>
      </c>
      <c r="B111972" s="14" t="s">
        <v>1</v>
      </c>
      <c r="C111972" s="14" t="s">
        <v>96</v>
      </c>
      <c r="D111972" s="14" t="s">
        <v>18</v>
      </c>
      <c r="E111972" s="15">
        <v>45658</v>
      </c>
      <c r="F111972" s="14" t="s">
        <v>15</v>
      </c>
      <c r="G111972" s="16">
        <v>0</v>
      </c>
    </row>
    <row r="111973" spans="1:7" x14ac:dyDescent="0.3">
      <c r="A111973" s="13" t="s">
        <v>536</v>
      </c>
      <c r="B111973" s="14" t="s">
        <v>1</v>
      </c>
      <c r="C111973" s="14" t="s">
        <v>96</v>
      </c>
      <c r="D111973" s="14" t="s">
        <v>18</v>
      </c>
      <c r="E111973" s="15">
        <v>45659</v>
      </c>
      <c r="F111973" s="14" t="s">
        <v>15</v>
      </c>
      <c r="G111973" s="16">
        <v>0</v>
      </c>
    </row>
    <row r="111974" spans="1:7" x14ac:dyDescent="0.3">
      <c r="A111974" s="13" t="s">
        <v>536</v>
      </c>
      <c r="B111974" s="14" t="s">
        <v>1</v>
      </c>
      <c r="C111974" s="14" t="s">
        <v>96</v>
      </c>
      <c r="D111974" s="14" t="s">
        <v>18</v>
      </c>
      <c r="E111974" s="15">
        <v>45660</v>
      </c>
      <c r="F111974" s="14" t="s">
        <v>15</v>
      </c>
      <c r="G111974" s="16">
        <v>0</v>
      </c>
    </row>
    <row r="111975" spans="1:7" x14ac:dyDescent="0.3">
      <c r="A111975" s="13" t="s">
        <v>536</v>
      </c>
      <c r="B111975" s="14" t="s">
        <v>1</v>
      </c>
      <c r="C111975" s="14" t="s">
        <v>96</v>
      </c>
      <c r="D111975" s="14" t="s">
        <v>18</v>
      </c>
      <c r="E111975" s="15">
        <v>45661</v>
      </c>
      <c r="F111975" s="14" t="s">
        <v>15</v>
      </c>
      <c r="G111975" s="16">
        <v>0</v>
      </c>
    </row>
    <row r="111976" spans="1:7" x14ac:dyDescent="0.3">
      <c r="A111976" s="13" t="s">
        <v>536</v>
      </c>
      <c r="B111976" s="14" t="s">
        <v>1</v>
      </c>
      <c r="C111976" s="14" t="s">
        <v>96</v>
      </c>
      <c r="D111976" s="14" t="s">
        <v>18</v>
      </c>
      <c r="E111976" s="15">
        <v>45662</v>
      </c>
      <c r="F111976" s="14" t="s">
        <v>15</v>
      </c>
      <c r="G111976" s="16">
        <v>0</v>
      </c>
    </row>
    <row r="111977" spans="1:7" x14ac:dyDescent="0.3">
      <c r="A111977" s="13" t="s">
        <v>536</v>
      </c>
      <c r="B111977" s="14" t="s">
        <v>1</v>
      </c>
      <c r="C111977" s="14" t="s">
        <v>96</v>
      </c>
      <c r="D111977" s="14" t="s">
        <v>18</v>
      </c>
      <c r="E111977" s="15">
        <v>45663</v>
      </c>
      <c r="F111977" s="14" t="s">
        <v>15</v>
      </c>
      <c r="G111977" s="16">
        <v>0</v>
      </c>
    </row>
    <row r="111978" spans="1:7" x14ac:dyDescent="0.3">
      <c r="A111978" s="13" t="s">
        <v>536</v>
      </c>
      <c r="B111978" s="14" t="s">
        <v>1</v>
      </c>
      <c r="C111978" s="14" t="s">
        <v>96</v>
      </c>
      <c r="D111978" s="14" t="s">
        <v>18</v>
      </c>
      <c r="E111978" s="15">
        <v>45664</v>
      </c>
      <c r="F111978" s="14" t="s">
        <v>15</v>
      </c>
      <c r="G111978" s="16">
        <v>0</v>
      </c>
    </row>
    <row r="111979" spans="1:7" x14ac:dyDescent="0.3">
      <c r="A111979" s="13" t="s">
        <v>536</v>
      </c>
      <c r="B111979" s="14" t="s">
        <v>1</v>
      </c>
      <c r="C111979" s="14" t="s">
        <v>96</v>
      </c>
      <c r="D111979" s="14" t="s">
        <v>18</v>
      </c>
      <c r="E111979" s="15">
        <v>45665</v>
      </c>
      <c r="F111979" s="14" t="s">
        <v>15</v>
      </c>
      <c r="G111979" s="16">
        <v>0</v>
      </c>
    </row>
    <row r="111980" spans="1:7" x14ac:dyDescent="0.3">
      <c r="A111980" s="13" t="s">
        <v>536</v>
      </c>
      <c r="B111980" s="14" t="s">
        <v>1</v>
      </c>
      <c r="C111980" s="14" t="s">
        <v>96</v>
      </c>
      <c r="D111980" s="14" t="s">
        <v>18</v>
      </c>
      <c r="E111980" s="15">
        <v>45666</v>
      </c>
      <c r="F111980" s="14" t="s">
        <v>15</v>
      </c>
      <c r="G111980" s="16">
        <v>0</v>
      </c>
    </row>
    <row r="111981" spans="1:7" x14ac:dyDescent="0.3">
      <c r="A111981" s="13" t="s">
        <v>536</v>
      </c>
      <c r="B111981" s="14" t="s">
        <v>1</v>
      </c>
      <c r="C111981" s="14" t="s">
        <v>96</v>
      </c>
      <c r="D111981" s="14" t="s">
        <v>18</v>
      </c>
      <c r="E111981" s="15">
        <v>45667</v>
      </c>
      <c r="F111981" s="14" t="s">
        <v>15</v>
      </c>
      <c r="G111981" s="16">
        <v>0</v>
      </c>
    </row>
    <row r="111982" spans="1:7" x14ac:dyDescent="0.3">
      <c r="A111982" s="13" t="s">
        <v>536</v>
      </c>
      <c r="B111982" s="14" t="s">
        <v>1</v>
      </c>
      <c r="C111982" s="14" t="s">
        <v>96</v>
      </c>
      <c r="D111982" s="14" t="s">
        <v>18</v>
      </c>
      <c r="E111982" s="15">
        <v>45668</v>
      </c>
      <c r="F111982" s="14" t="s">
        <v>15</v>
      </c>
      <c r="G111982" s="16">
        <v>0</v>
      </c>
    </row>
    <row r="111983" spans="1:7" x14ac:dyDescent="0.3">
      <c r="A111983" s="13" t="s">
        <v>536</v>
      </c>
      <c r="B111983" s="14" t="s">
        <v>1</v>
      </c>
      <c r="C111983" s="14" t="s">
        <v>96</v>
      </c>
      <c r="D111983" s="14" t="s">
        <v>18</v>
      </c>
      <c r="E111983" s="15">
        <v>45669</v>
      </c>
      <c r="F111983" s="14" t="s">
        <v>15</v>
      </c>
      <c r="G111983" s="16">
        <v>0</v>
      </c>
    </row>
    <row r="111984" spans="1:7" x14ac:dyDescent="0.3">
      <c r="A111984" s="13" t="s">
        <v>536</v>
      </c>
      <c r="B111984" s="14" t="s">
        <v>1</v>
      </c>
      <c r="C111984" s="14" t="s">
        <v>96</v>
      </c>
      <c r="D111984" s="14" t="s">
        <v>18</v>
      </c>
      <c r="E111984" s="15">
        <v>45670</v>
      </c>
      <c r="F111984" s="14" t="s">
        <v>15</v>
      </c>
      <c r="G111984" s="16">
        <v>0</v>
      </c>
    </row>
    <row r="111985" spans="1:7" x14ac:dyDescent="0.3">
      <c r="A111985" s="13" t="s">
        <v>536</v>
      </c>
      <c r="B111985" s="14" t="s">
        <v>1</v>
      </c>
      <c r="C111985" s="14" t="s">
        <v>96</v>
      </c>
      <c r="D111985" s="14" t="s">
        <v>18</v>
      </c>
      <c r="E111985" s="15">
        <v>45671</v>
      </c>
      <c r="F111985" s="14" t="s">
        <v>15</v>
      </c>
      <c r="G111985" s="16">
        <v>0</v>
      </c>
    </row>
    <row r="111986" spans="1:7" x14ac:dyDescent="0.3">
      <c r="A111986" s="13" t="s">
        <v>536</v>
      </c>
      <c r="B111986" s="14" t="s">
        <v>1</v>
      </c>
      <c r="C111986" s="14" t="s">
        <v>96</v>
      </c>
      <c r="D111986" s="14" t="s">
        <v>18</v>
      </c>
      <c r="E111986" s="15">
        <v>45672</v>
      </c>
      <c r="F111986" s="14" t="s">
        <v>15</v>
      </c>
      <c r="G111986" s="16">
        <v>0</v>
      </c>
    </row>
    <row r="111987" spans="1:7" x14ac:dyDescent="0.3">
      <c r="A111987" s="13" t="s">
        <v>536</v>
      </c>
      <c r="B111987" s="14" t="s">
        <v>1</v>
      </c>
      <c r="C111987" s="14" t="s">
        <v>96</v>
      </c>
      <c r="D111987" s="14" t="s">
        <v>18</v>
      </c>
      <c r="E111987" s="15">
        <v>45673</v>
      </c>
      <c r="F111987" s="14" t="s">
        <v>15</v>
      </c>
      <c r="G111987" s="16">
        <v>0</v>
      </c>
    </row>
    <row r="111988" spans="1:7" x14ac:dyDescent="0.3">
      <c r="A111988" s="13" t="s">
        <v>536</v>
      </c>
      <c r="B111988" s="14" t="s">
        <v>1</v>
      </c>
      <c r="C111988" s="14" t="s">
        <v>96</v>
      </c>
      <c r="D111988" s="14" t="s">
        <v>18</v>
      </c>
      <c r="E111988" s="15">
        <v>45674</v>
      </c>
      <c r="F111988" s="14" t="s">
        <v>15</v>
      </c>
      <c r="G111988" s="16">
        <v>0</v>
      </c>
    </row>
    <row r="111989" spans="1:7" x14ac:dyDescent="0.3">
      <c r="A111989" s="13" t="s">
        <v>536</v>
      </c>
      <c r="B111989" s="14" t="s">
        <v>1</v>
      </c>
      <c r="C111989" s="14" t="s">
        <v>96</v>
      </c>
      <c r="D111989" s="14" t="s">
        <v>18</v>
      </c>
      <c r="E111989" s="15">
        <v>45675</v>
      </c>
      <c r="F111989" s="14" t="s">
        <v>15</v>
      </c>
      <c r="G111989" s="16">
        <v>0</v>
      </c>
    </row>
    <row r="111990" spans="1:7" x14ac:dyDescent="0.3">
      <c r="A111990" s="13" t="s">
        <v>536</v>
      </c>
      <c r="B111990" s="14" t="s">
        <v>1</v>
      </c>
      <c r="C111990" s="14" t="s">
        <v>96</v>
      </c>
      <c r="D111990" s="14" t="s">
        <v>18</v>
      </c>
      <c r="E111990" s="15">
        <v>45676</v>
      </c>
      <c r="F111990" s="14" t="s">
        <v>15</v>
      </c>
      <c r="G111990" s="16">
        <v>0</v>
      </c>
    </row>
    <row r="111991" spans="1:7" x14ac:dyDescent="0.3">
      <c r="A111991" s="13" t="s">
        <v>536</v>
      </c>
      <c r="B111991" s="14" t="s">
        <v>1</v>
      </c>
      <c r="C111991" s="14" t="s">
        <v>96</v>
      </c>
      <c r="D111991" s="14" t="s">
        <v>18</v>
      </c>
      <c r="E111991" s="15">
        <v>45677</v>
      </c>
      <c r="F111991" s="14" t="s">
        <v>15</v>
      </c>
      <c r="G111991" s="16">
        <v>0</v>
      </c>
    </row>
    <row r="111992" spans="1:7" x14ac:dyDescent="0.3">
      <c r="A111992" s="13" t="s">
        <v>536</v>
      </c>
      <c r="B111992" s="14" t="s">
        <v>1</v>
      </c>
      <c r="C111992" s="14" t="s">
        <v>96</v>
      </c>
      <c r="D111992" s="14" t="s">
        <v>18</v>
      </c>
      <c r="E111992" s="15">
        <v>45678</v>
      </c>
      <c r="F111992" s="14" t="s">
        <v>15</v>
      </c>
      <c r="G111992" s="16">
        <v>0</v>
      </c>
    </row>
    <row r="111993" spans="1:7" x14ac:dyDescent="0.3">
      <c r="A111993" s="13" t="s">
        <v>536</v>
      </c>
      <c r="B111993" s="14" t="s">
        <v>1</v>
      </c>
      <c r="C111993" s="14" t="s">
        <v>96</v>
      </c>
      <c r="D111993" s="14" t="s">
        <v>18</v>
      </c>
      <c r="E111993" s="15">
        <v>45679</v>
      </c>
      <c r="F111993" s="14" t="s">
        <v>15</v>
      </c>
      <c r="G111993" s="16">
        <v>0</v>
      </c>
    </row>
    <row r="111994" spans="1:7" x14ac:dyDescent="0.3">
      <c r="A111994" s="13" t="s">
        <v>536</v>
      </c>
      <c r="B111994" s="14" t="s">
        <v>1</v>
      </c>
      <c r="C111994" s="14" t="s">
        <v>96</v>
      </c>
      <c r="D111994" s="14" t="s">
        <v>18</v>
      </c>
      <c r="E111994" s="15">
        <v>45680</v>
      </c>
      <c r="F111994" s="14" t="s">
        <v>15</v>
      </c>
      <c r="G111994" s="16">
        <v>0</v>
      </c>
    </row>
    <row r="111995" spans="1:7" x14ac:dyDescent="0.3">
      <c r="A111995" s="13" t="s">
        <v>536</v>
      </c>
      <c r="B111995" s="14" t="s">
        <v>1</v>
      </c>
      <c r="C111995" s="14" t="s">
        <v>96</v>
      </c>
      <c r="D111995" s="14" t="s">
        <v>18</v>
      </c>
      <c r="E111995" s="15">
        <v>45681</v>
      </c>
      <c r="F111995" s="14" t="s">
        <v>15</v>
      </c>
      <c r="G111995" s="16">
        <v>0</v>
      </c>
    </row>
    <row r="111996" spans="1:7" x14ac:dyDescent="0.3">
      <c r="A111996" s="13" t="s">
        <v>536</v>
      </c>
      <c r="B111996" s="14" t="s">
        <v>1</v>
      </c>
      <c r="C111996" s="14" t="s">
        <v>96</v>
      </c>
      <c r="D111996" s="14" t="s">
        <v>18</v>
      </c>
      <c r="E111996" s="15">
        <v>45682</v>
      </c>
      <c r="F111996" s="14" t="s">
        <v>15</v>
      </c>
      <c r="G111996" s="16">
        <v>0</v>
      </c>
    </row>
    <row r="111997" spans="1:7" x14ac:dyDescent="0.3">
      <c r="A111997" s="13" t="s">
        <v>536</v>
      </c>
      <c r="B111997" s="14" t="s">
        <v>1</v>
      </c>
      <c r="C111997" s="14" t="s">
        <v>96</v>
      </c>
      <c r="D111997" s="14" t="s">
        <v>18</v>
      </c>
      <c r="E111997" s="15">
        <v>45683</v>
      </c>
      <c r="F111997" s="14" t="s">
        <v>15</v>
      </c>
      <c r="G111997" s="16">
        <v>0</v>
      </c>
    </row>
    <row r="111998" spans="1:7" x14ac:dyDescent="0.3">
      <c r="A111998" s="13" t="s">
        <v>536</v>
      </c>
      <c r="B111998" s="14" t="s">
        <v>1</v>
      </c>
      <c r="C111998" s="14" t="s">
        <v>96</v>
      </c>
      <c r="D111998" s="14" t="s">
        <v>18</v>
      </c>
      <c r="E111998" s="15">
        <v>45684</v>
      </c>
      <c r="F111998" s="14" t="s">
        <v>15</v>
      </c>
      <c r="G111998" s="16">
        <v>0</v>
      </c>
    </row>
    <row r="111999" spans="1:7" x14ac:dyDescent="0.3">
      <c r="A111999" s="13" t="s">
        <v>536</v>
      </c>
      <c r="B111999" s="14" t="s">
        <v>1</v>
      </c>
      <c r="C111999" s="14" t="s">
        <v>96</v>
      </c>
      <c r="D111999" s="14" t="s">
        <v>18</v>
      </c>
      <c r="E111999" s="15">
        <v>45685</v>
      </c>
      <c r="F111999" s="14" t="s">
        <v>15</v>
      </c>
      <c r="G111999" s="16">
        <v>0</v>
      </c>
    </row>
    <row r="112000" spans="1:7" x14ac:dyDescent="0.3">
      <c r="A112000" s="13" t="s">
        <v>536</v>
      </c>
      <c r="B112000" s="14" t="s">
        <v>1</v>
      </c>
      <c r="C112000" s="14" t="s">
        <v>96</v>
      </c>
      <c r="D112000" s="14" t="s">
        <v>18</v>
      </c>
      <c r="E112000" s="15">
        <v>45686</v>
      </c>
      <c r="F112000" s="14" t="s">
        <v>15</v>
      </c>
      <c r="G112000" s="16">
        <v>0</v>
      </c>
    </row>
    <row r="112001" spans="1:7" x14ac:dyDescent="0.3">
      <c r="A112001" s="13" t="s">
        <v>536</v>
      </c>
      <c r="B112001" s="14" t="s">
        <v>1</v>
      </c>
      <c r="C112001" s="14" t="s">
        <v>96</v>
      </c>
      <c r="D112001" s="14" t="s">
        <v>18</v>
      </c>
      <c r="E112001" s="15">
        <v>45687</v>
      </c>
      <c r="F112001" s="14" t="s">
        <v>15</v>
      </c>
      <c r="G112001" s="16">
        <v>0</v>
      </c>
    </row>
    <row r="112002" spans="1:7" x14ac:dyDescent="0.3">
      <c r="A112002" s="13" t="s">
        <v>536</v>
      </c>
      <c r="B112002" s="14" t="s">
        <v>1</v>
      </c>
      <c r="C112002" s="14" t="s">
        <v>96</v>
      </c>
      <c r="D112002" s="14" t="s">
        <v>18</v>
      </c>
      <c r="E112002" s="15">
        <v>45688</v>
      </c>
      <c r="F112002" s="14" t="s">
        <v>15</v>
      </c>
      <c r="G112002" s="16">
        <v>0</v>
      </c>
    </row>
    <row r="112003" spans="1:7" x14ac:dyDescent="0.3">
      <c r="A112003" s="13" t="s">
        <v>536</v>
      </c>
      <c r="B112003" s="14" t="s">
        <v>1</v>
      </c>
      <c r="C112003" s="14" t="s">
        <v>96</v>
      </c>
      <c r="D112003" s="14" t="s">
        <v>18</v>
      </c>
      <c r="E112003" s="15">
        <v>45689</v>
      </c>
      <c r="F112003" s="14" t="s">
        <v>15</v>
      </c>
      <c r="G112003" s="16">
        <v>0</v>
      </c>
    </row>
    <row r="112004" spans="1:7" x14ac:dyDescent="0.3">
      <c r="A112004" s="13" t="s">
        <v>536</v>
      </c>
      <c r="B112004" s="14" t="s">
        <v>1</v>
      </c>
      <c r="C112004" s="14" t="s">
        <v>96</v>
      </c>
      <c r="D112004" s="14" t="s">
        <v>18</v>
      </c>
      <c r="E112004" s="15">
        <v>45690</v>
      </c>
      <c r="F112004" s="14" t="s">
        <v>15</v>
      </c>
      <c r="G112004" s="16">
        <v>0</v>
      </c>
    </row>
    <row r="112005" spans="1:7" x14ac:dyDescent="0.3">
      <c r="A112005" s="13" t="s">
        <v>536</v>
      </c>
      <c r="B112005" s="14" t="s">
        <v>1</v>
      </c>
      <c r="C112005" s="14" t="s">
        <v>96</v>
      </c>
      <c r="D112005" s="14" t="s">
        <v>18</v>
      </c>
      <c r="E112005" s="15">
        <v>45691</v>
      </c>
      <c r="F112005" s="14" t="s">
        <v>15</v>
      </c>
      <c r="G112005" s="16">
        <v>0</v>
      </c>
    </row>
    <row r="112006" spans="1:7" x14ac:dyDescent="0.3">
      <c r="A112006" s="13" t="s">
        <v>536</v>
      </c>
      <c r="B112006" s="14" t="s">
        <v>1</v>
      </c>
      <c r="C112006" s="14" t="s">
        <v>96</v>
      </c>
      <c r="D112006" s="14" t="s">
        <v>18</v>
      </c>
      <c r="E112006" s="15">
        <v>45692</v>
      </c>
      <c r="F112006" s="14" t="s">
        <v>15</v>
      </c>
      <c r="G112006" s="16">
        <v>0</v>
      </c>
    </row>
    <row r="112007" spans="1:7" x14ac:dyDescent="0.3">
      <c r="A112007" s="13" t="s">
        <v>536</v>
      </c>
      <c r="B112007" s="14" t="s">
        <v>1</v>
      </c>
      <c r="C112007" s="14" t="s">
        <v>96</v>
      </c>
      <c r="D112007" s="14" t="s">
        <v>18</v>
      </c>
      <c r="E112007" s="15">
        <v>45693</v>
      </c>
      <c r="F112007" s="14" t="s">
        <v>15</v>
      </c>
      <c r="G112007" s="16">
        <v>0</v>
      </c>
    </row>
    <row r="112008" spans="1:7" x14ac:dyDescent="0.3">
      <c r="A112008" s="13" t="s">
        <v>536</v>
      </c>
      <c r="B112008" s="14" t="s">
        <v>1</v>
      </c>
      <c r="C112008" s="14" t="s">
        <v>96</v>
      </c>
      <c r="D112008" s="14" t="s">
        <v>18</v>
      </c>
      <c r="E112008" s="15">
        <v>45694</v>
      </c>
      <c r="F112008" s="14" t="s">
        <v>15</v>
      </c>
      <c r="G112008" s="16">
        <v>0</v>
      </c>
    </row>
    <row r="112009" spans="1:7" x14ac:dyDescent="0.3">
      <c r="A112009" s="13" t="s">
        <v>536</v>
      </c>
      <c r="B112009" s="14" t="s">
        <v>1</v>
      </c>
      <c r="C112009" s="14" t="s">
        <v>96</v>
      </c>
      <c r="D112009" s="14" t="s">
        <v>18</v>
      </c>
      <c r="E112009" s="15">
        <v>45695</v>
      </c>
      <c r="F112009" s="14" t="s">
        <v>15</v>
      </c>
      <c r="G112009" s="16">
        <v>0</v>
      </c>
    </row>
    <row r="112010" spans="1:7" x14ac:dyDescent="0.3">
      <c r="A112010" s="13" t="s">
        <v>536</v>
      </c>
      <c r="B112010" s="14" t="s">
        <v>1</v>
      </c>
      <c r="C112010" s="14" t="s">
        <v>96</v>
      </c>
      <c r="D112010" s="14" t="s">
        <v>18</v>
      </c>
      <c r="E112010" s="15">
        <v>45696</v>
      </c>
      <c r="F112010" s="14" t="s">
        <v>15</v>
      </c>
      <c r="G112010" s="16">
        <v>0</v>
      </c>
    </row>
    <row r="112011" spans="1:7" x14ac:dyDescent="0.3">
      <c r="A112011" s="13" t="s">
        <v>536</v>
      </c>
      <c r="B112011" s="14" t="s">
        <v>1</v>
      </c>
      <c r="C112011" s="14" t="s">
        <v>96</v>
      </c>
      <c r="D112011" s="14" t="s">
        <v>18</v>
      </c>
      <c r="E112011" s="15">
        <v>45697</v>
      </c>
      <c r="F112011" s="14" t="s">
        <v>15</v>
      </c>
      <c r="G112011" s="16">
        <v>0</v>
      </c>
    </row>
    <row r="112012" spans="1:7" x14ac:dyDescent="0.3">
      <c r="A112012" s="13" t="s">
        <v>536</v>
      </c>
      <c r="B112012" s="14" t="s">
        <v>1</v>
      </c>
      <c r="C112012" s="14" t="s">
        <v>96</v>
      </c>
      <c r="D112012" s="14" t="s">
        <v>18</v>
      </c>
      <c r="E112012" s="15">
        <v>45698</v>
      </c>
      <c r="F112012" s="14" t="s">
        <v>15</v>
      </c>
      <c r="G112012" s="16">
        <v>0</v>
      </c>
    </row>
    <row r="112013" spans="1:7" x14ac:dyDescent="0.3">
      <c r="A112013" s="13" t="s">
        <v>536</v>
      </c>
      <c r="B112013" s="14" t="s">
        <v>1</v>
      </c>
      <c r="C112013" s="14" t="s">
        <v>96</v>
      </c>
      <c r="D112013" s="14" t="s">
        <v>18</v>
      </c>
      <c r="E112013" s="15">
        <v>45699</v>
      </c>
      <c r="F112013" s="14" t="s">
        <v>15</v>
      </c>
      <c r="G112013" s="16">
        <v>0</v>
      </c>
    </row>
    <row r="112014" spans="1:7" x14ac:dyDescent="0.3">
      <c r="A112014" s="13" t="s">
        <v>536</v>
      </c>
      <c r="B112014" s="14" t="s">
        <v>1</v>
      </c>
      <c r="C112014" s="14" t="s">
        <v>96</v>
      </c>
      <c r="D112014" s="14" t="s">
        <v>18</v>
      </c>
      <c r="E112014" s="15">
        <v>45700</v>
      </c>
      <c r="F112014" s="14" t="s">
        <v>15</v>
      </c>
      <c r="G112014" s="16">
        <v>0</v>
      </c>
    </row>
    <row r="112015" spans="1:7" x14ac:dyDescent="0.3">
      <c r="A112015" s="13" t="s">
        <v>536</v>
      </c>
      <c r="B112015" s="14" t="s">
        <v>1</v>
      </c>
      <c r="C112015" s="14" t="s">
        <v>96</v>
      </c>
      <c r="D112015" s="14" t="s">
        <v>18</v>
      </c>
      <c r="E112015" s="15">
        <v>45701</v>
      </c>
      <c r="F112015" s="14" t="s">
        <v>15</v>
      </c>
      <c r="G112015" s="16">
        <v>0</v>
      </c>
    </row>
    <row r="112016" spans="1:7" x14ac:dyDescent="0.3">
      <c r="A112016" s="13" t="s">
        <v>536</v>
      </c>
      <c r="B112016" s="14" t="s">
        <v>1</v>
      </c>
      <c r="C112016" s="14" t="s">
        <v>96</v>
      </c>
      <c r="D112016" s="14" t="s">
        <v>18</v>
      </c>
      <c r="E112016" s="15">
        <v>45702</v>
      </c>
      <c r="F112016" s="14" t="s">
        <v>15</v>
      </c>
      <c r="G112016" s="16">
        <v>0</v>
      </c>
    </row>
    <row r="112017" spans="1:7" x14ac:dyDescent="0.3">
      <c r="A112017" s="13" t="s">
        <v>536</v>
      </c>
      <c r="B112017" s="14" t="s">
        <v>1</v>
      </c>
      <c r="C112017" s="14" t="s">
        <v>96</v>
      </c>
      <c r="D112017" s="14" t="s">
        <v>18</v>
      </c>
      <c r="E112017" s="15">
        <v>45703</v>
      </c>
      <c r="F112017" s="14" t="s">
        <v>15</v>
      </c>
      <c r="G112017" s="16">
        <v>0</v>
      </c>
    </row>
    <row r="112018" spans="1:7" x14ac:dyDescent="0.3">
      <c r="A112018" s="13" t="s">
        <v>536</v>
      </c>
      <c r="B112018" s="14" t="s">
        <v>1</v>
      </c>
      <c r="C112018" s="14" t="s">
        <v>96</v>
      </c>
      <c r="D112018" s="14" t="s">
        <v>18</v>
      </c>
      <c r="E112018" s="15">
        <v>45704</v>
      </c>
      <c r="F112018" s="14" t="s">
        <v>15</v>
      </c>
      <c r="G112018" s="16">
        <v>0</v>
      </c>
    </row>
    <row r="112019" spans="1:7" x14ac:dyDescent="0.3">
      <c r="A112019" s="13" t="s">
        <v>536</v>
      </c>
      <c r="B112019" s="14" t="s">
        <v>1</v>
      </c>
      <c r="C112019" s="14" t="s">
        <v>96</v>
      </c>
      <c r="D112019" s="14" t="s">
        <v>18</v>
      </c>
      <c r="E112019" s="15">
        <v>45705</v>
      </c>
      <c r="F112019" s="14" t="s">
        <v>15</v>
      </c>
      <c r="G112019" s="16">
        <v>0</v>
      </c>
    </row>
    <row r="112020" spans="1:7" x14ac:dyDescent="0.3">
      <c r="A112020" s="13" t="s">
        <v>536</v>
      </c>
      <c r="B112020" s="14" t="s">
        <v>1</v>
      </c>
      <c r="C112020" s="14" t="s">
        <v>96</v>
      </c>
      <c r="D112020" s="14" t="s">
        <v>18</v>
      </c>
      <c r="E112020" s="15">
        <v>45706</v>
      </c>
      <c r="F112020" s="14" t="s">
        <v>15</v>
      </c>
      <c r="G112020" s="16">
        <v>0</v>
      </c>
    </row>
    <row r="112021" spans="1:7" x14ac:dyDescent="0.3">
      <c r="A112021" s="13" t="s">
        <v>536</v>
      </c>
      <c r="B112021" s="14" t="s">
        <v>1</v>
      </c>
      <c r="C112021" s="14" t="s">
        <v>96</v>
      </c>
      <c r="D112021" s="14" t="s">
        <v>18</v>
      </c>
      <c r="E112021" s="15">
        <v>45707</v>
      </c>
      <c r="F112021" s="14" t="s">
        <v>15</v>
      </c>
      <c r="G112021" s="16">
        <v>0</v>
      </c>
    </row>
    <row r="112022" spans="1:7" x14ac:dyDescent="0.3">
      <c r="A112022" s="13" t="s">
        <v>536</v>
      </c>
      <c r="B112022" s="14" t="s">
        <v>1</v>
      </c>
      <c r="C112022" s="14" t="s">
        <v>96</v>
      </c>
      <c r="D112022" s="14" t="s">
        <v>18</v>
      </c>
      <c r="E112022" s="15">
        <v>45708</v>
      </c>
      <c r="F112022" s="14" t="s">
        <v>15</v>
      </c>
      <c r="G112022" s="16">
        <v>0</v>
      </c>
    </row>
    <row r="112023" spans="1:7" x14ac:dyDescent="0.3">
      <c r="A112023" s="13" t="s">
        <v>536</v>
      </c>
      <c r="B112023" s="14" t="s">
        <v>1</v>
      </c>
      <c r="C112023" s="14" t="s">
        <v>96</v>
      </c>
      <c r="D112023" s="14" t="s">
        <v>18</v>
      </c>
      <c r="E112023" s="15">
        <v>45709</v>
      </c>
      <c r="F112023" s="14" t="s">
        <v>15</v>
      </c>
      <c r="G112023" s="16">
        <v>0</v>
      </c>
    </row>
    <row r="112024" spans="1:7" x14ac:dyDescent="0.3">
      <c r="A112024" s="13" t="s">
        <v>536</v>
      </c>
      <c r="B112024" s="14" t="s">
        <v>1</v>
      </c>
      <c r="C112024" s="14" t="s">
        <v>96</v>
      </c>
      <c r="D112024" s="14" t="s">
        <v>18</v>
      </c>
      <c r="E112024" s="15">
        <v>45710</v>
      </c>
      <c r="F112024" s="14" t="s">
        <v>15</v>
      </c>
      <c r="G112024" s="16">
        <v>0</v>
      </c>
    </row>
    <row r="112025" spans="1:7" x14ac:dyDescent="0.3">
      <c r="A112025" s="13" t="s">
        <v>536</v>
      </c>
      <c r="B112025" s="14" t="s">
        <v>1</v>
      </c>
      <c r="C112025" s="14" t="s">
        <v>96</v>
      </c>
      <c r="D112025" s="14" t="s">
        <v>18</v>
      </c>
      <c r="E112025" s="15">
        <v>45711</v>
      </c>
      <c r="F112025" s="14" t="s">
        <v>15</v>
      </c>
      <c r="G112025" s="16">
        <v>0</v>
      </c>
    </row>
    <row r="112026" spans="1:7" x14ac:dyDescent="0.3">
      <c r="A112026" s="13" t="s">
        <v>536</v>
      </c>
      <c r="B112026" s="14" t="s">
        <v>1</v>
      </c>
      <c r="C112026" s="14" t="s">
        <v>96</v>
      </c>
      <c r="D112026" s="14" t="s">
        <v>18</v>
      </c>
      <c r="E112026" s="15">
        <v>45712</v>
      </c>
      <c r="F112026" s="14" t="s">
        <v>15</v>
      </c>
      <c r="G112026" s="16">
        <v>0</v>
      </c>
    </row>
    <row r="112027" spans="1:7" x14ac:dyDescent="0.3">
      <c r="A112027" s="13" t="s">
        <v>536</v>
      </c>
      <c r="B112027" s="14" t="s">
        <v>1</v>
      </c>
      <c r="C112027" s="14" t="s">
        <v>96</v>
      </c>
      <c r="D112027" s="14" t="s">
        <v>18</v>
      </c>
      <c r="E112027" s="15">
        <v>45713</v>
      </c>
      <c r="F112027" s="14" t="s">
        <v>15</v>
      </c>
      <c r="G112027" s="16">
        <v>0</v>
      </c>
    </row>
    <row r="112028" spans="1:7" x14ac:dyDescent="0.3">
      <c r="A112028" s="13" t="s">
        <v>536</v>
      </c>
      <c r="B112028" s="14" t="s">
        <v>1</v>
      </c>
      <c r="C112028" s="14" t="s">
        <v>96</v>
      </c>
      <c r="D112028" s="14" t="s">
        <v>18</v>
      </c>
      <c r="E112028" s="15">
        <v>45714</v>
      </c>
      <c r="F112028" s="14" t="s">
        <v>15</v>
      </c>
      <c r="G112028" s="16">
        <v>0</v>
      </c>
    </row>
    <row r="112029" spans="1:7" x14ac:dyDescent="0.3">
      <c r="A112029" s="13" t="s">
        <v>536</v>
      </c>
      <c r="B112029" s="14" t="s">
        <v>1</v>
      </c>
      <c r="C112029" s="14" t="s">
        <v>96</v>
      </c>
      <c r="D112029" s="14" t="s">
        <v>18</v>
      </c>
      <c r="E112029" s="15">
        <v>45715</v>
      </c>
      <c r="F112029" s="14" t="s">
        <v>15</v>
      </c>
      <c r="G112029" s="16">
        <v>0</v>
      </c>
    </row>
    <row r="112030" spans="1:7" x14ac:dyDescent="0.3">
      <c r="A112030" s="13" t="s">
        <v>536</v>
      </c>
      <c r="B112030" s="14" t="s">
        <v>1</v>
      </c>
      <c r="C112030" s="14" t="s">
        <v>96</v>
      </c>
      <c r="D112030" s="14" t="s">
        <v>18</v>
      </c>
      <c r="E112030" s="15">
        <v>45716</v>
      </c>
      <c r="F112030" s="14" t="s">
        <v>15</v>
      </c>
      <c r="G112030" s="16">
        <v>0</v>
      </c>
    </row>
    <row r="112031" spans="1:7" x14ac:dyDescent="0.3">
      <c r="A112031" s="13" t="s">
        <v>536</v>
      </c>
      <c r="B112031" s="14" t="s">
        <v>1</v>
      </c>
      <c r="C112031" s="14" t="s">
        <v>96</v>
      </c>
      <c r="D112031" s="14" t="s">
        <v>18</v>
      </c>
      <c r="E112031" s="15">
        <v>45717</v>
      </c>
      <c r="F112031" s="14" t="s">
        <v>15</v>
      </c>
      <c r="G112031" s="16">
        <v>0</v>
      </c>
    </row>
    <row r="112032" spans="1:7" x14ac:dyDescent="0.3">
      <c r="A112032" s="13" t="s">
        <v>536</v>
      </c>
      <c r="B112032" s="14" t="s">
        <v>1</v>
      </c>
      <c r="C112032" s="14" t="s">
        <v>96</v>
      </c>
      <c r="D112032" s="14" t="s">
        <v>18</v>
      </c>
      <c r="E112032" s="15">
        <v>45718</v>
      </c>
      <c r="F112032" s="14" t="s">
        <v>15</v>
      </c>
      <c r="G112032" s="16">
        <v>0</v>
      </c>
    </row>
    <row r="112033" spans="1:7" x14ac:dyDescent="0.3">
      <c r="A112033" s="13" t="s">
        <v>536</v>
      </c>
      <c r="B112033" s="14" t="s">
        <v>1</v>
      </c>
      <c r="C112033" s="14" t="s">
        <v>96</v>
      </c>
      <c r="D112033" s="14" t="s">
        <v>18</v>
      </c>
      <c r="E112033" s="15">
        <v>45719</v>
      </c>
      <c r="F112033" s="14" t="s">
        <v>15</v>
      </c>
      <c r="G112033" s="16">
        <v>0</v>
      </c>
    </row>
    <row r="112034" spans="1:7" x14ac:dyDescent="0.3">
      <c r="A112034" s="13" t="s">
        <v>536</v>
      </c>
      <c r="B112034" s="14" t="s">
        <v>1</v>
      </c>
      <c r="C112034" s="14" t="s">
        <v>96</v>
      </c>
      <c r="D112034" s="14" t="s">
        <v>18</v>
      </c>
      <c r="E112034" s="15">
        <v>45720</v>
      </c>
      <c r="F112034" s="14" t="s">
        <v>15</v>
      </c>
      <c r="G112034" s="16">
        <v>0</v>
      </c>
    </row>
    <row r="112035" spans="1:7" x14ac:dyDescent="0.3">
      <c r="A112035" s="13" t="s">
        <v>536</v>
      </c>
      <c r="B112035" s="14" t="s">
        <v>1</v>
      </c>
      <c r="C112035" s="14" t="s">
        <v>96</v>
      </c>
      <c r="D112035" s="14" t="s">
        <v>18</v>
      </c>
      <c r="E112035" s="15">
        <v>45721</v>
      </c>
      <c r="F112035" s="14" t="s">
        <v>15</v>
      </c>
      <c r="G112035" s="16">
        <v>0</v>
      </c>
    </row>
    <row r="112036" spans="1:7" x14ac:dyDescent="0.3">
      <c r="A112036" s="13" t="s">
        <v>536</v>
      </c>
      <c r="B112036" s="14" t="s">
        <v>1</v>
      </c>
      <c r="C112036" s="14" t="s">
        <v>96</v>
      </c>
      <c r="D112036" s="14" t="s">
        <v>18</v>
      </c>
      <c r="E112036" s="15">
        <v>45722</v>
      </c>
      <c r="F112036" s="14" t="s">
        <v>15</v>
      </c>
      <c r="G112036" s="16">
        <v>0</v>
      </c>
    </row>
    <row r="112037" spans="1:7" x14ac:dyDescent="0.3">
      <c r="A112037" s="13" t="s">
        <v>536</v>
      </c>
      <c r="B112037" s="14" t="s">
        <v>1</v>
      </c>
      <c r="C112037" s="14" t="s">
        <v>96</v>
      </c>
      <c r="D112037" s="14" t="s">
        <v>18</v>
      </c>
      <c r="E112037" s="15">
        <v>45723</v>
      </c>
      <c r="F112037" s="14" t="s">
        <v>15</v>
      </c>
      <c r="G112037" s="16">
        <v>0</v>
      </c>
    </row>
    <row r="112038" spans="1:7" x14ac:dyDescent="0.3">
      <c r="A112038" s="13" t="s">
        <v>536</v>
      </c>
      <c r="B112038" s="14" t="s">
        <v>1</v>
      </c>
      <c r="C112038" s="14" t="s">
        <v>96</v>
      </c>
      <c r="D112038" s="14" t="s">
        <v>18</v>
      </c>
      <c r="E112038" s="15">
        <v>45724</v>
      </c>
      <c r="F112038" s="14" t="s">
        <v>15</v>
      </c>
      <c r="G112038" s="16">
        <v>0</v>
      </c>
    </row>
    <row r="112039" spans="1:7" x14ac:dyDescent="0.3">
      <c r="A112039" s="13" t="s">
        <v>536</v>
      </c>
      <c r="B112039" s="14" t="s">
        <v>1</v>
      </c>
      <c r="C112039" s="14" t="s">
        <v>96</v>
      </c>
      <c r="D112039" s="14" t="s">
        <v>18</v>
      </c>
      <c r="E112039" s="15">
        <v>45725</v>
      </c>
      <c r="F112039" s="14" t="s">
        <v>15</v>
      </c>
      <c r="G112039" s="16">
        <v>0</v>
      </c>
    </row>
    <row r="112040" spans="1:7" x14ac:dyDescent="0.3">
      <c r="A112040" s="13" t="s">
        <v>536</v>
      </c>
      <c r="B112040" s="14" t="s">
        <v>1</v>
      </c>
      <c r="C112040" s="14" t="s">
        <v>96</v>
      </c>
      <c r="D112040" s="14" t="s">
        <v>18</v>
      </c>
      <c r="E112040" s="15">
        <v>45726</v>
      </c>
      <c r="F112040" s="14" t="s">
        <v>15</v>
      </c>
      <c r="G112040" s="16">
        <v>0</v>
      </c>
    </row>
    <row r="112041" spans="1:7" x14ac:dyDescent="0.3">
      <c r="A112041" s="13" t="s">
        <v>536</v>
      </c>
      <c r="B112041" s="14" t="s">
        <v>1</v>
      </c>
      <c r="C112041" s="14" t="s">
        <v>96</v>
      </c>
      <c r="D112041" s="14" t="s">
        <v>18</v>
      </c>
      <c r="E112041" s="15">
        <v>45727</v>
      </c>
      <c r="F112041" s="14" t="s">
        <v>15</v>
      </c>
      <c r="G112041" s="16">
        <v>0</v>
      </c>
    </row>
    <row r="112042" spans="1:7" x14ac:dyDescent="0.3">
      <c r="A112042" s="13" t="s">
        <v>536</v>
      </c>
      <c r="B112042" s="14" t="s">
        <v>1</v>
      </c>
      <c r="C112042" s="14" t="s">
        <v>96</v>
      </c>
      <c r="D112042" s="14" t="s">
        <v>18</v>
      </c>
      <c r="E112042" s="15">
        <v>45728</v>
      </c>
      <c r="F112042" s="14" t="s">
        <v>15</v>
      </c>
      <c r="G112042" s="16">
        <v>0</v>
      </c>
    </row>
    <row r="112043" spans="1:7" x14ac:dyDescent="0.3">
      <c r="A112043" s="13" t="s">
        <v>536</v>
      </c>
      <c r="B112043" s="14" t="s">
        <v>1</v>
      </c>
      <c r="C112043" s="14" t="s">
        <v>96</v>
      </c>
      <c r="D112043" s="14" t="s">
        <v>18</v>
      </c>
      <c r="E112043" s="15">
        <v>45729</v>
      </c>
      <c r="F112043" s="14" t="s">
        <v>15</v>
      </c>
      <c r="G112043" s="16">
        <v>0</v>
      </c>
    </row>
    <row r="112044" spans="1:7" x14ac:dyDescent="0.3">
      <c r="A112044" s="13" t="s">
        <v>536</v>
      </c>
      <c r="B112044" s="14" t="s">
        <v>1</v>
      </c>
      <c r="C112044" s="14" t="s">
        <v>96</v>
      </c>
      <c r="D112044" s="14" t="s">
        <v>18</v>
      </c>
      <c r="E112044" s="15">
        <v>45730</v>
      </c>
      <c r="F112044" s="14" t="s">
        <v>15</v>
      </c>
      <c r="G112044" s="16">
        <v>0</v>
      </c>
    </row>
    <row r="112045" spans="1:7" x14ac:dyDescent="0.3">
      <c r="A112045" s="13" t="s">
        <v>536</v>
      </c>
      <c r="B112045" s="14" t="s">
        <v>1</v>
      </c>
      <c r="C112045" s="14" t="s">
        <v>96</v>
      </c>
      <c r="D112045" s="14" t="s">
        <v>18</v>
      </c>
      <c r="E112045" s="15">
        <v>45731</v>
      </c>
      <c r="F112045" s="14" t="s">
        <v>15</v>
      </c>
      <c r="G112045" s="16">
        <v>0</v>
      </c>
    </row>
    <row r="112046" spans="1:7" x14ac:dyDescent="0.3">
      <c r="A112046" s="13" t="s">
        <v>536</v>
      </c>
      <c r="B112046" s="14" t="s">
        <v>1</v>
      </c>
      <c r="C112046" s="14" t="s">
        <v>96</v>
      </c>
      <c r="D112046" s="14" t="s">
        <v>18</v>
      </c>
      <c r="E112046" s="15">
        <v>45732</v>
      </c>
      <c r="F112046" s="14" t="s">
        <v>15</v>
      </c>
      <c r="G112046" s="16">
        <v>0</v>
      </c>
    </row>
    <row r="112047" spans="1:7" x14ac:dyDescent="0.3">
      <c r="A112047" s="13" t="s">
        <v>536</v>
      </c>
      <c r="B112047" s="14" t="s">
        <v>1</v>
      </c>
      <c r="C112047" s="14" t="s">
        <v>96</v>
      </c>
      <c r="D112047" s="14" t="s">
        <v>18</v>
      </c>
      <c r="E112047" s="15">
        <v>45733</v>
      </c>
      <c r="F112047" s="14" t="s">
        <v>15</v>
      </c>
      <c r="G112047" s="16">
        <v>0</v>
      </c>
    </row>
    <row r="112048" spans="1:7" x14ac:dyDescent="0.3">
      <c r="A112048" s="13" t="s">
        <v>536</v>
      </c>
      <c r="B112048" s="14" t="s">
        <v>1</v>
      </c>
      <c r="C112048" s="14" t="s">
        <v>96</v>
      </c>
      <c r="D112048" s="14" t="s">
        <v>18</v>
      </c>
      <c r="E112048" s="15">
        <v>45734</v>
      </c>
      <c r="F112048" s="14" t="s">
        <v>15</v>
      </c>
      <c r="G112048" s="16">
        <v>0</v>
      </c>
    </row>
    <row r="112049" spans="1:7" x14ac:dyDescent="0.3">
      <c r="A112049" s="13" t="s">
        <v>536</v>
      </c>
      <c r="B112049" s="14" t="s">
        <v>1</v>
      </c>
      <c r="C112049" s="14" t="s">
        <v>96</v>
      </c>
      <c r="D112049" s="14" t="s">
        <v>18</v>
      </c>
      <c r="E112049" s="15">
        <v>45735</v>
      </c>
      <c r="F112049" s="14" t="s">
        <v>15</v>
      </c>
      <c r="G112049" s="16">
        <v>0</v>
      </c>
    </row>
    <row r="112050" spans="1:7" x14ac:dyDescent="0.3">
      <c r="A112050" s="13" t="s">
        <v>536</v>
      </c>
      <c r="B112050" s="14" t="s">
        <v>1</v>
      </c>
      <c r="C112050" s="14" t="s">
        <v>96</v>
      </c>
      <c r="D112050" s="14" t="s">
        <v>18</v>
      </c>
      <c r="E112050" s="15">
        <v>45736</v>
      </c>
      <c r="F112050" s="14" t="s">
        <v>15</v>
      </c>
      <c r="G112050" s="16">
        <v>0</v>
      </c>
    </row>
    <row r="112051" spans="1:7" x14ac:dyDescent="0.3">
      <c r="A112051" s="13" t="s">
        <v>536</v>
      </c>
      <c r="B112051" s="14" t="s">
        <v>1</v>
      </c>
      <c r="C112051" s="14" t="s">
        <v>96</v>
      </c>
      <c r="D112051" s="14" t="s">
        <v>18</v>
      </c>
      <c r="E112051" s="15">
        <v>45737</v>
      </c>
      <c r="F112051" s="14" t="s">
        <v>15</v>
      </c>
      <c r="G112051" s="16">
        <v>0</v>
      </c>
    </row>
    <row r="112052" spans="1:7" x14ac:dyDescent="0.3">
      <c r="A112052" s="13" t="s">
        <v>536</v>
      </c>
      <c r="B112052" s="14" t="s">
        <v>1</v>
      </c>
      <c r="C112052" s="14" t="s">
        <v>96</v>
      </c>
      <c r="D112052" s="14" t="s">
        <v>18</v>
      </c>
      <c r="E112052" s="15">
        <v>45738</v>
      </c>
      <c r="F112052" s="14" t="s">
        <v>15</v>
      </c>
      <c r="G112052" s="16">
        <v>0</v>
      </c>
    </row>
    <row r="112053" spans="1:7" x14ac:dyDescent="0.3">
      <c r="A112053" s="13" t="s">
        <v>536</v>
      </c>
      <c r="B112053" s="14" t="s">
        <v>1</v>
      </c>
      <c r="C112053" s="14" t="s">
        <v>96</v>
      </c>
      <c r="D112053" s="14" t="s">
        <v>18</v>
      </c>
      <c r="E112053" s="15">
        <v>45739</v>
      </c>
      <c r="F112053" s="14" t="s">
        <v>15</v>
      </c>
      <c r="G112053" s="16">
        <v>0</v>
      </c>
    </row>
    <row r="112054" spans="1:7" x14ac:dyDescent="0.3">
      <c r="A112054" s="13" t="s">
        <v>536</v>
      </c>
      <c r="B112054" s="14" t="s">
        <v>1</v>
      </c>
      <c r="C112054" s="14" t="s">
        <v>96</v>
      </c>
      <c r="D112054" s="14" t="s">
        <v>18</v>
      </c>
      <c r="E112054" s="15">
        <v>45740</v>
      </c>
      <c r="F112054" s="14" t="s">
        <v>15</v>
      </c>
      <c r="G112054" s="16">
        <v>0</v>
      </c>
    </row>
    <row r="112055" spans="1:7" x14ac:dyDescent="0.3">
      <c r="A112055" s="13" t="s">
        <v>536</v>
      </c>
      <c r="B112055" s="14" t="s">
        <v>1</v>
      </c>
      <c r="C112055" s="14" t="s">
        <v>96</v>
      </c>
      <c r="D112055" s="14" t="s">
        <v>18</v>
      </c>
      <c r="E112055" s="15">
        <v>45741</v>
      </c>
      <c r="F112055" s="14" t="s">
        <v>15</v>
      </c>
      <c r="G112055" s="16">
        <v>0</v>
      </c>
    </row>
    <row r="112056" spans="1:7" x14ac:dyDescent="0.3">
      <c r="A112056" s="13" t="s">
        <v>536</v>
      </c>
      <c r="B112056" s="14" t="s">
        <v>1</v>
      </c>
      <c r="C112056" s="14" t="s">
        <v>96</v>
      </c>
      <c r="D112056" s="14" t="s">
        <v>18</v>
      </c>
      <c r="E112056" s="15">
        <v>45742</v>
      </c>
      <c r="F112056" s="14" t="s">
        <v>15</v>
      </c>
      <c r="G112056" s="16">
        <v>1.2257504771820246E-2</v>
      </c>
    </row>
    <row r="112057" spans="1:7" x14ac:dyDescent="0.3">
      <c r="A112057" s="13" t="s">
        <v>536</v>
      </c>
      <c r="B112057" s="14" t="s">
        <v>1</v>
      </c>
      <c r="C112057" s="14" t="s">
        <v>96</v>
      </c>
      <c r="D112057" s="14" t="s">
        <v>18</v>
      </c>
      <c r="E112057" s="15">
        <v>45743</v>
      </c>
      <c r="F112057" s="14" t="s">
        <v>15</v>
      </c>
      <c r="G112057" s="16">
        <v>2.2490022557695669E-2</v>
      </c>
    </row>
    <row r="112058" spans="1:7" x14ac:dyDescent="0.3">
      <c r="A112058" s="13" t="s">
        <v>536</v>
      </c>
      <c r="B112058" s="14" t="s">
        <v>1</v>
      </c>
      <c r="C112058" s="14" t="s">
        <v>96</v>
      </c>
      <c r="D112058" s="14" t="s">
        <v>18</v>
      </c>
      <c r="E112058" s="15">
        <v>45744</v>
      </c>
      <c r="F112058" s="14" t="s">
        <v>15</v>
      </c>
      <c r="G112058" s="16">
        <v>1.3805309734513311E-2</v>
      </c>
    </row>
    <row r="112059" spans="1:7" x14ac:dyDescent="0.3">
      <c r="A112059" s="13" t="s">
        <v>536</v>
      </c>
      <c r="B112059" s="14" t="s">
        <v>1</v>
      </c>
      <c r="C112059" s="14" t="s">
        <v>96</v>
      </c>
      <c r="D112059" s="14" t="s">
        <v>18</v>
      </c>
      <c r="E112059" s="15">
        <v>45745</v>
      </c>
      <c r="F112059" s="14" t="s">
        <v>15</v>
      </c>
      <c r="G112059" s="16">
        <v>1.3805309734513311E-2</v>
      </c>
    </row>
    <row r="112060" spans="1:7" x14ac:dyDescent="0.3">
      <c r="A112060" s="13" t="s">
        <v>536</v>
      </c>
      <c r="B112060" s="14" t="s">
        <v>1</v>
      </c>
      <c r="C112060" s="14" t="s">
        <v>96</v>
      </c>
      <c r="D112060" s="14" t="s">
        <v>18</v>
      </c>
      <c r="E112060" s="15">
        <v>45746</v>
      </c>
      <c r="F112060" s="14" t="s">
        <v>15</v>
      </c>
      <c r="G112060" s="16">
        <v>1.3805309734513311E-2</v>
      </c>
    </row>
    <row r="112061" spans="1:7" x14ac:dyDescent="0.3">
      <c r="A112061" s="13" t="s">
        <v>536</v>
      </c>
      <c r="B112061" s="14" t="s">
        <v>1</v>
      </c>
      <c r="C112061" s="14" t="s">
        <v>96</v>
      </c>
      <c r="D112061" s="14" t="s">
        <v>18</v>
      </c>
      <c r="E112061" s="15">
        <v>45747</v>
      </c>
      <c r="F112061" s="14" t="s">
        <v>15</v>
      </c>
      <c r="G112061" s="16">
        <v>1.3805309734513311E-2</v>
      </c>
    </row>
    <row r="112062" spans="1:7" x14ac:dyDescent="0.3">
      <c r="A112062" s="13" t="s">
        <v>537</v>
      </c>
      <c r="B112062" s="14" t="s">
        <v>1</v>
      </c>
      <c r="C112062" s="14" t="s">
        <v>63</v>
      </c>
      <c r="D112062" s="14" t="s">
        <v>92</v>
      </c>
      <c r="E112062" s="15">
        <v>45383</v>
      </c>
      <c r="F112062" s="14" t="s">
        <v>28</v>
      </c>
      <c r="G112062" s="16">
        <v>0</v>
      </c>
    </row>
    <row r="112063" spans="1:7" x14ac:dyDescent="0.3">
      <c r="A112063" s="13" t="s">
        <v>537</v>
      </c>
      <c r="B112063" s="14" t="s">
        <v>1</v>
      </c>
      <c r="C112063" s="14" t="s">
        <v>63</v>
      </c>
      <c r="D112063" s="14" t="s">
        <v>92</v>
      </c>
      <c r="E112063" s="15">
        <v>45384</v>
      </c>
      <c r="F112063" s="14" t="s">
        <v>28</v>
      </c>
      <c r="G112063" s="16">
        <v>0</v>
      </c>
    </row>
    <row r="112064" spans="1:7" x14ac:dyDescent="0.3">
      <c r="A112064" s="13" t="s">
        <v>537</v>
      </c>
      <c r="B112064" s="14" t="s">
        <v>1</v>
      </c>
      <c r="C112064" s="14" t="s">
        <v>63</v>
      </c>
      <c r="D112064" s="14" t="s">
        <v>92</v>
      </c>
      <c r="E112064" s="15">
        <v>45385</v>
      </c>
      <c r="F112064" s="14" t="s">
        <v>28</v>
      </c>
      <c r="G112064" s="16">
        <v>4.5295311754572305E-2</v>
      </c>
    </row>
    <row r="112065" spans="1:7" x14ac:dyDescent="0.3">
      <c r="A112065" s="13" t="s">
        <v>537</v>
      </c>
      <c r="B112065" s="14" t="s">
        <v>1</v>
      </c>
      <c r="C112065" s="14" t="s">
        <v>63</v>
      </c>
      <c r="D112065" s="14" t="s">
        <v>92</v>
      </c>
      <c r="E112065" s="15">
        <v>45386</v>
      </c>
      <c r="F112065" s="14" t="s">
        <v>28</v>
      </c>
      <c r="G112065" s="16">
        <v>4.5295311754572305E-2</v>
      </c>
    </row>
    <row r="112066" spans="1:7" x14ac:dyDescent="0.3">
      <c r="A112066" s="13" t="s">
        <v>537</v>
      </c>
      <c r="B112066" s="14" t="s">
        <v>1</v>
      </c>
      <c r="C112066" s="14" t="s">
        <v>63</v>
      </c>
      <c r="D112066" s="14" t="s">
        <v>92</v>
      </c>
      <c r="E112066" s="15">
        <v>45387</v>
      </c>
      <c r="F112066" s="14" t="s">
        <v>28</v>
      </c>
      <c r="G112066" s="16">
        <v>5.942206923347286E-2</v>
      </c>
    </row>
    <row r="112067" spans="1:7" x14ac:dyDescent="0.3">
      <c r="A112067" s="13" t="s">
        <v>537</v>
      </c>
      <c r="B112067" s="14" t="s">
        <v>1</v>
      </c>
      <c r="C112067" s="14" t="s">
        <v>63</v>
      </c>
      <c r="D112067" s="14" t="s">
        <v>92</v>
      </c>
      <c r="E112067" s="15">
        <v>45388</v>
      </c>
      <c r="F112067" s="14" t="s">
        <v>28</v>
      </c>
      <c r="G112067" s="16">
        <v>5.942206923347286E-2</v>
      </c>
    </row>
    <row r="112068" spans="1:7" x14ac:dyDescent="0.3">
      <c r="A112068" s="13" t="s">
        <v>537</v>
      </c>
      <c r="B112068" s="14" t="s">
        <v>1</v>
      </c>
      <c r="C112068" s="14" t="s">
        <v>63</v>
      </c>
      <c r="D112068" s="14" t="s">
        <v>92</v>
      </c>
      <c r="E112068" s="15">
        <v>45389</v>
      </c>
      <c r="F112068" s="14" t="s">
        <v>28</v>
      </c>
      <c r="G112068" s="16">
        <v>5.942206923347286E-2</v>
      </c>
    </row>
    <row r="112069" spans="1:7" x14ac:dyDescent="0.3">
      <c r="A112069" s="13" t="s">
        <v>537</v>
      </c>
      <c r="B112069" s="14" t="s">
        <v>1</v>
      </c>
      <c r="C112069" s="14" t="s">
        <v>63</v>
      </c>
      <c r="D112069" s="14" t="s">
        <v>92</v>
      </c>
      <c r="E112069" s="15">
        <v>45390</v>
      </c>
      <c r="F112069" s="14" t="s">
        <v>28</v>
      </c>
      <c r="G112069" s="16">
        <v>8.2062729030976E-2</v>
      </c>
    </row>
    <row r="112070" spans="1:7" x14ac:dyDescent="0.3">
      <c r="A112070" s="13" t="s">
        <v>537</v>
      </c>
      <c r="B112070" s="14" t="s">
        <v>1</v>
      </c>
      <c r="C112070" s="14" t="s">
        <v>63</v>
      </c>
      <c r="D112070" s="14" t="s">
        <v>92</v>
      </c>
      <c r="E112070" s="15">
        <v>45391</v>
      </c>
      <c r="F112070" s="14" t="s">
        <v>28</v>
      </c>
      <c r="G112070" s="16">
        <v>0.11649550222119422</v>
      </c>
    </row>
    <row r="112071" spans="1:7" x14ac:dyDescent="0.3">
      <c r="A112071" s="13" t="s">
        <v>537</v>
      </c>
      <c r="B112071" s="14" t="s">
        <v>1</v>
      </c>
      <c r="C112071" s="14" t="s">
        <v>63</v>
      </c>
      <c r="D112071" s="14" t="s">
        <v>92</v>
      </c>
      <c r="E112071" s="15">
        <v>45392</v>
      </c>
      <c r="F112071" s="14" t="s">
        <v>28</v>
      </c>
      <c r="G112071" s="16">
        <v>0.11649550222119422</v>
      </c>
    </row>
    <row r="112072" spans="1:7" x14ac:dyDescent="0.3">
      <c r="A112072" s="13" t="s">
        <v>537</v>
      </c>
      <c r="B112072" s="14" t="s">
        <v>1</v>
      </c>
      <c r="C112072" s="14" t="s">
        <v>63</v>
      </c>
      <c r="D112072" s="14" t="s">
        <v>92</v>
      </c>
      <c r="E112072" s="15">
        <v>45393</v>
      </c>
      <c r="F112072" s="14" t="s">
        <v>28</v>
      </c>
      <c r="G112072" s="16">
        <v>0.12855130153109673</v>
      </c>
    </row>
    <row r="112073" spans="1:7" x14ac:dyDescent="0.3">
      <c r="A112073" s="13" t="s">
        <v>537</v>
      </c>
      <c r="B112073" s="14" t="s">
        <v>1</v>
      </c>
      <c r="C112073" s="14" t="s">
        <v>63</v>
      </c>
      <c r="D112073" s="14" t="s">
        <v>92</v>
      </c>
      <c r="E112073" s="15">
        <v>45394</v>
      </c>
      <c r="F112073" s="14" t="s">
        <v>28</v>
      </c>
      <c r="G112073" s="16">
        <v>0.15537469928550396</v>
      </c>
    </row>
    <row r="112074" spans="1:7" x14ac:dyDescent="0.3">
      <c r="A112074" s="13" t="s">
        <v>537</v>
      </c>
      <c r="B112074" s="14" t="s">
        <v>1</v>
      </c>
      <c r="C112074" s="14" t="s">
        <v>63</v>
      </c>
      <c r="D112074" s="14" t="s">
        <v>92</v>
      </c>
      <c r="E112074" s="15">
        <v>45395</v>
      </c>
      <c r="F112074" s="14" t="s">
        <v>28</v>
      </c>
      <c r="G112074" s="16">
        <v>0.15537469928550396</v>
      </c>
    </row>
    <row r="112075" spans="1:7" x14ac:dyDescent="0.3">
      <c r="A112075" s="13" t="s">
        <v>537</v>
      </c>
      <c r="B112075" s="14" t="s">
        <v>1</v>
      </c>
      <c r="C112075" s="14" t="s">
        <v>63</v>
      </c>
      <c r="D112075" s="14" t="s">
        <v>92</v>
      </c>
      <c r="E112075" s="15">
        <v>45396</v>
      </c>
      <c r="F112075" s="14" t="s">
        <v>28</v>
      </c>
      <c r="G112075" s="16">
        <v>0.15537469928550396</v>
      </c>
    </row>
    <row r="112076" spans="1:7" x14ac:dyDescent="0.3">
      <c r="A112076" s="13" t="s">
        <v>537</v>
      </c>
      <c r="B112076" s="14" t="s">
        <v>1</v>
      </c>
      <c r="C112076" s="14" t="s">
        <v>63</v>
      </c>
      <c r="D112076" s="14" t="s">
        <v>92</v>
      </c>
      <c r="E112076" s="15">
        <v>45397</v>
      </c>
      <c r="F112076" s="14" t="s">
        <v>28</v>
      </c>
      <c r="G112076" s="16">
        <v>0.1667841520009527</v>
      </c>
    </row>
    <row r="112077" spans="1:7" x14ac:dyDescent="0.3">
      <c r="A112077" s="13" t="s">
        <v>537</v>
      </c>
      <c r="B112077" s="14" t="s">
        <v>1</v>
      </c>
      <c r="C112077" s="14" t="s">
        <v>63</v>
      </c>
      <c r="D112077" s="14" t="s">
        <v>92</v>
      </c>
      <c r="E112077" s="15">
        <v>45398</v>
      </c>
      <c r="F112077" s="14" t="s">
        <v>28</v>
      </c>
      <c r="G112077" s="16">
        <v>0.20091552399894963</v>
      </c>
    </row>
    <row r="112078" spans="1:7" x14ac:dyDescent="0.3">
      <c r="A112078" s="13" t="s">
        <v>537</v>
      </c>
      <c r="B112078" s="14" t="s">
        <v>1</v>
      </c>
      <c r="C112078" s="14" t="s">
        <v>63</v>
      </c>
      <c r="D112078" s="14" t="s">
        <v>92</v>
      </c>
      <c r="E112078" s="15">
        <v>45399</v>
      </c>
      <c r="F112078" s="14" t="s">
        <v>28</v>
      </c>
      <c r="G112078" s="16">
        <v>0.21341508882688917</v>
      </c>
    </row>
    <row r="112079" spans="1:7" x14ac:dyDescent="0.3">
      <c r="A112079" s="13" t="s">
        <v>537</v>
      </c>
      <c r="B112079" s="14" t="s">
        <v>1</v>
      </c>
      <c r="C112079" s="14" t="s">
        <v>63</v>
      </c>
      <c r="D112079" s="14" t="s">
        <v>92</v>
      </c>
      <c r="E112079" s="15">
        <v>45400</v>
      </c>
      <c r="F112079" s="14" t="s">
        <v>28</v>
      </c>
      <c r="G112079" s="16">
        <v>0.22502685871634262</v>
      </c>
    </row>
    <row r="112080" spans="1:7" x14ac:dyDescent="0.3">
      <c r="A112080" s="13" t="s">
        <v>537</v>
      </c>
      <c r="B112080" s="14" t="s">
        <v>1</v>
      </c>
      <c r="C112080" s="14" t="s">
        <v>63</v>
      </c>
      <c r="D112080" s="14" t="s">
        <v>92</v>
      </c>
      <c r="E112080" s="15">
        <v>45401</v>
      </c>
      <c r="F112080" s="14" t="s">
        <v>28</v>
      </c>
      <c r="G112080" s="16">
        <v>0.23606638012404785</v>
      </c>
    </row>
    <row r="112081" spans="1:7" x14ac:dyDescent="0.3">
      <c r="A112081" s="13" t="s">
        <v>537</v>
      </c>
      <c r="B112081" s="14" t="s">
        <v>1</v>
      </c>
      <c r="C112081" s="14" t="s">
        <v>63</v>
      </c>
      <c r="D112081" s="14" t="s">
        <v>92</v>
      </c>
      <c r="E112081" s="15">
        <v>45402</v>
      </c>
      <c r="F112081" s="14" t="s">
        <v>28</v>
      </c>
      <c r="G112081" s="16">
        <v>0.23606638012404785</v>
      </c>
    </row>
    <row r="112082" spans="1:7" x14ac:dyDescent="0.3">
      <c r="A112082" s="13" t="s">
        <v>537</v>
      </c>
      <c r="B112082" s="14" t="s">
        <v>1</v>
      </c>
      <c r="C112082" s="14" t="s">
        <v>63</v>
      </c>
      <c r="D112082" s="14" t="s">
        <v>92</v>
      </c>
      <c r="E112082" s="15">
        <v>45403</v>
      </c>
      <c r="F112082" s="14" t="s">
        <v>28</v>
      </c>
      <c r="G112082" s="16">
        <v>0.23606638012404785</v>
      </c>
    </row>
    <row r="112083" spans="1:7" x14ac:dyDescent="0.3">
      <c r="A112083" s="13" t="s">
        <v>537</v>
      </c>
      <c r="B112083" s="14" t="s">
        <v>1</v>
      </c>
      <c r="C112083" s="14" t="s">
        <v>63</v>
      </c>
      <c r="D112083" s="14" t="s">
        <v>92</v>
      </c>
      <c r="E112083" s="15">
        <v>45404</v>
      </c>
      <c r="F112083" s="14" t="s">
        <v>28</v>
      </c>
      <c r="G112083" s="16">
        <v>0.24802921103322176</v>
      </c>
    </row>
    <row r="112084" spans="1:7" x14ac:dyDescent="0.3">
      <c r="A112084" s="13" t="s">
        <v>537</v>
      </c>
      <c r="B112084" s="14" t="s">
        <v>1</v>
      </c>
      <c r="C112084" s="14" t="s">
        <v>63</v>
      </c>
      <c r="D112084" s="14" t="s">
        <v>92</v>
      </c>
      <c r="E112084" s="15">
        <v>45405</v>
      </c>
      <c r="F112084" s="14" t="s">
        <v>28</v>
      </c>
      <c r="G112084" s="16">
        <v>0.2817900613674979</v>
      </c>
    </row>
    <row r="112085" spans="1:7" x14ac:dyDescent="0.3">
      <c r="A112085" s="13" t="s">
        <v>537</v>
      </c>
      <c r="B112085" s="14" t="s">
        <v>1</v>
      </c>
      <c r="C112085" s="14" t="s">
        <v>63</v>
      </c>
      <c r="D112085" s="14" t="s">
        <v>92</v>
      </c>
      <c r="E112085" s="15">
        <v>45406</v>
      </c>
      <c r="F112085" s="14" t="s">
        <v>28</v>
      </c>
      <c r="G112085" s="16">
        <v>0.29413341440240032</v>
      </c>
    </row>
    <row r="112086" spans="1:7" x14ac:dyDescent="0.3">
      <c r="A112086" s="13" t="s">
        <v>537</v>
      </c>
      <c r="B112086" s="14" t="s">
        <v>1</v>
      </c>
      <c r="C112086" s="14" t="s">
        <v>63</v>
      </c>
      <c r="D112086" s="14" t="s">
        <v>92</v>
      </c>
      <c r="E112086" s="15">
        <v>45407</v>
      </c>
      <c r="F112086" s="14" t="s">
        <v>28</v>
      </c>
      <c r="G112086" s="16">
        <v>0.30759179087928767</v>
      </c>
    </row>
    <row r="112087" spans="1:7" x14ac:dyDescent="0.3">
      <c r="A112087" s="13" t="s">
        <v>537</v>
      </c>
      <c r="B112087" s="14" t="s">
        <v>1</v>
      </c>
      <c r="C112087" s="14" t="s">
        <v>63</v>
      </c>
      <c r="D112087" s="14" t="s">
        <v>92</v>
      </c>
      <c r="E112087" s="15">
        <v>45408</v>
      </c>
      <c r="F112087" s="14" t="s">
        <v>28</v>
      </c>
      <c r="G112087" s="16">
        <v>0.3230920307082778</v>
      </c>
    </row>
    <row r="112088" spans="1:7" x14ac:dyDescent="0.3">
      <c r="A112088" s="13" t="s">
        <v>537</v>
      </c>
      <c r="B112088" s="14" t="s">
        <v>1</v>
      </c>
      <c r="C112088" s="14" t="s">
        <v>63</v>
      </c>
      <c r="D112088" s="14" t="s">
        <v>92</v>
      </c>
      <c r="E112088" s="15">
        <v>45409</v>
      </c>
      <c r="F112088" s="14" t="s">
        <v>28</v>
      </c>
      <c r="G112088" s="16">
        <v>0.3230920307082778</v>
      </c>
    </row>
    <row r="112089" spans="1:7" x14ac:dyDescent="0.3">
      <c r="A112089" s="13" t="s">
        <v>537</v>
      </c>
      <c r="B112089" s="14" t="s">
        <v>1</v>
      </c>
      <c r="C112089" s="14" t="s">
        <v>63</v>
      </c>
      <c r="D112089" s="14" t="s">
        <v>92</v>
      </c>
      <c r="E112089" s="15">
        <v>45410</v>
      </c>
      <c r="F112089" s="14" t="s">
        <v>28</v>
      </c>
      <c r="G112089" s="16">
        <v>0.3230920307082778</v>
      </c>
    </row>
    <row r="112090" spans="1:7" x14ac:dyDescent="0.3">
      <c r="A112090" s="13" t="s">
        <v>537</v>
      </c>
      <c r="B112090" s="14" t="s">
        <v>1</v>
      </c>
      <c r="C112090" s="14" t="s">
        <v>63</v>
      </c>
      <c r="D112090" s="14" t="s">
        <v>92</v>
      </c>
      <c r="E112090" s="15">
        <v>45411</v>
      </c>
      <c r="F112090" s="14" t="s">
        <v>28</v>
      </c>
      <c r="G112090" s="16">
        <v>0.33346711271553697</v>
      </c>
    </row>
    <row r="112091" spans="1:7" x14ac:dyDescent="0.3">
      <c r="A112091" s="13" t="s">
        <v>537</v>
      </c>
      <c r="B112091" s="14" t="s">
        <v>1</v>
      </c>
      <c r="C112091" s="14" t="s">
        <v>63</v>
      </c>
      <c r="D112091" s="14" t="s">
        <v>92</v>
      </c>
      <c r="E112091" s="15">
        <v>45412</v>
      </c>
      <c r="F112091" s="14" t="s">
        <v>28</v>
      </c>
      <c r="G112091" s="16">
        <v>0.37173632733938172</v>
      </c>
    </row>
    <row r="112092" spans="1:7" x14ac:dyDescent="0.3">
      <c r="A112092" s="13" t="s">
        <v>537</v>
      </c>
      <c r="B112092" s="14" t="s">
        <v>1</v>
      </c>
      <c r="C112092" s="14" t="s">
        <v>63</v>
      </c>
      <c r="D112092" s="14" t="s">
        <v>92</v>
      </c>
      <c r="E112092" s="15">
        <v>45413</v>
      </c>
      <c r="F112092" s="14" t="s">
        <v>28</v>
      </c>
      <c r="G112092" s="16">
        <v>0.37173632733938172</v>
      </c>
    </row>
    <row r="112093" spans="1:7" x14ac:dyDescent="0.3">
      <c r="A112093" s="13" t="s">
        <v>537</v>
      </c>
      <c r="B112093" s="14" t="s">
        <v>1</v>
      </c>
      <c r="C112093" s="14" t="s">
        <v>63</v>
      </c>
      <c r="D112093" s="14" t="s">
        <v>92</v>
      </c>
      <c r="E112093" s="15">
        <v>45414</v>
      </c>
      <c r="F112093" s="14" t="s">
        <v>28</v>
      </c>
      <c r="G112093" s="16">
        <v>0.38138055996544001</v>
      </c>
    </row>
    <row r="112094" spans="1:7" x14ac:dyDescent="0.3">
      <c r="A112094" s="13" t="s">
        <v>537</v>
      </c>
      <c r="B112094" s="14" t="s">
        <v>1</v>
      </c>
      <c r="C112094" s="14" t="s">
        <v>63</v>
      </c>
      <c r="D112094" s="14" t="s">
        <v>92</v>
      </c>
      <c r="E112094" s="15">
        <v>45415</v>
      </c>
      <c r="F112094" s="14" t="s">
        <v>28</v>
      </c>
      <c r="G112094" s="16">
        <v>0.40837282696792759</v>
      </c>
    </row>
    <row r="112095" spans="1:7" x14ac:dyDescent="0.3">
      <c r="A112095" s="13" t="s">
        <v>537</v>
      </c>
      <c r="B112095" s="14" t="s">
        <v>1</v>
      </c>
      <c r="C112095" s="14" t="s">
        <v>63</v>
      </c>
      <c r="D112095" s="14" t="s">
        <v>92</v>
      </c>
      <c r="E112095" s="15">
        <v>45416</v>
      </c>
      <c r="F112095" s="14" t="s">
        <v>28</v>
      </c>
      <c r="G112095" s="16">
        <v>0.40837282696792759</v>
      </c>
    </row>
    <row r="112096" spans="1:7" x14ac:dyDescent="0.3">
      <c r="A112096" s="13" t="s">
        <v>537</v>
      </c>
      <c r="B112096" s="14" t="s">
        <v>1</v>
      </c>
      <c r="C112096" s="14" t="s">
        <v>63</v>
      </c>
      <c r="D112096" s="14" t="s">
        <v>92</v>
      </c>
      <c r="E112096" s="15">
        <v>45417</v>
      </c>
      <c r="F112096" s="14" t="s">
        <v>28</v>
      </c>
      <c r="G112096" s="16">
        <v>0.40837282696792759</v>
      </c>
    </row>
    <row r="112097" spans="1:7" x14ac:dyDescent="0.3">
      <c r="A112097" s="13" t="s">
        <v>537</v>
      </c>
      <c r="B112097" s="14" t="s">
        <v>1</v>
      </c>
      <c r="C112097" s="14" t="s">
        <v>63</v>
      </c>
      <c r="D112097" s="14" t="s">
        <v>92</v>
      </c>
      <c r="E112097" s="15">
        <v>45418</v>
      </c>
      <c r="F112097" s="14" t="s">
        <v>28</v>
      </c>
      <c r="G112097" s="16">
        <v>0.40837282696792759</v>
      </c>
    </row>
    <row r="112098" spans="1:7" x14ac:dyDescent="0.3">
      <c r="A112098" s="13" t="s">
        <v>537</v>
      </c>
      <c r="B112098" s="14" t="s">
        <v>1</v>
      </c>
      <c r="C112098" s="14" t="s">
        <v>63</v>
      </c>
      <c r="D112098" s="14" t="s">
        <v>92</v>
      </c>
      <c r="E112098" s="15">
        <v>45419</v>
      </c>
      <c r="F112098" s="14" t="s">
        <v>28</v>
      </c>
      <c r="G112098" s="16">
        <v>0.42079276032562979</v>
      </c>
    </row>
    <row r="112099" spans="1:7" x14ac:dyDescent="0.3">
      <c r="A112099" s="13" t="s">
        <v>537</v>
      </c>
      <c r="B112099" s="14" t="s">
        <v>1</v>
      </c>
      <c r="C112099" s="14" t="s">
        <v>63</v>
      </c>
      <c r="D112099" s="14" t="s">
        <v>92</v>
      </c>
      <c r="E112099" s="15">
        <v>45420</v>
      </c>
      <c r="F112099" s="14" t="s">
        <v>28</v>
      </c>
      <c r="G112099" s="16">
        <v>0.4659105047215637</v>
      </c>
    </row>
    <row r="112100" spans="1:7" x14ac:dyDescent="0.3">
      <c r="A112100" s="13" t="s">
        <v>537</v>
      </c>
      <c r="B112100" s="14" t="s">
        <v>1</v>
      </c>
      <c r="C112100" s="14" t="s">
        <v>63</v>
      </c>
      <c r="D112100" s="14" t="s">
        <v>92</v>
      </c>
      <c r="E112100" s="15">
        <v>45421</v>
      </c>
      <c r="F112100" s="14" t="s">
        <v>28</v>
      </c>
      <c r="G112100" s="16">
        <v>0.4659105047215637</v>
      </c>
    </row>
    <row r="112101" spans="1:7" x14ac:dyDescent="0.3">
      <c r="A112101" s="13" t="s">
        <v>537</v>
      </c>
      <c r="B112101" s="14" t="s">
        <v>1</v>
      </c>
      <c r="C112101" s="14" t="s">
        <v>63</v>
      </c>
      <c r="D112101" s="14" t="s">
        <v>92</v>
      </c>
      <c r="E112101" s="15">
        <v>45422</v>
      </c>
      <c r="F112101" s="14" t="s">
        <v>28</v>
      </c>
      <c r="G112101" s="16">
        <v>0.47621124846924923</v>
      </c>
    </row>
    <row r="112102" spans="1:7" x14ac:dyDescent="0.3">
      <c r="A112102" s="13" t="s">
        <v>537</v>
      </c>
      <c r="B112102" s="14" t="s">
        <v>1</v>
      </c>
      <c r="C112102" s="14" t="s">
        <v>63</v>
      </c>
      <c r="D112102" s="14" t="s">
        <v>92</v>
      </c>
      <c r="E112102" s="15">
        <v>45423</v>
      </c>
      <c r="F112102" s="14" t="s">
        <v>28</v>
      </c>
      <c r="G112102" s="16">
        <v>0.47621124846924923</v>
      </c>
    </row>
    <row r="112103" spans="1:7" x14ac:dyDescent="0.3">
      <c r="A112103" s="13" t="s">
        <v>537</v>
      </c>
      <c r="B112103" s="14" t="s">
        <v>1</v>
      </c>
      <c r="C112103" s="14" t="s">
        <v>63</v>
      </c>
      <c r="D112103" s="14" t="s">
        <v>92</v>
      </c>
      <c r="E112103" s="15">
        <v>45424</v>
      </c>
      <c r="F112103" s="14" t="s">
        <v>28</v>
      </c>
      <c r="G112103" s="16">
        <v>0.47621124846924923</v>
      </c>
    </row>
    <row r="112104" spans="1:7" x14ac:dyDescent="0.3">
      <c r="A112104" s="13" t="s">
        <v>537</v>
      </c>
      <c r="B112104" s="14" t="s">
        <v>1</v>
      </c>
      <c r="C112104" s="14" t="s">
        <v>63</v>
      </c>
      <c r="D112104" s="14" t="s">
        <v>92</v>
      </c>
      <c r="E112104" s="15">
        <v>45425</v>
      </c>
      <c r="F112104" s="14" t="s">
        <v>28</v>
      </c>
      <c r="G112104" s="16">
        <v>0.49693854123752107</v>
      </c>
    </row>
    <row r="112105" spans="1:7" x14ac:dyDescent="0.3">
      <c r="A112105" s="13" t="s">
        <v>537</v>
      </c>
      <c r="B112105" s="14" t="s">
        <v>1</v>
      </c>
      <c r="C112105" s="14" t="s">
        <v>63</v>
      </c>
      <c r="D112105" s="14" t="s">
        <v>92</v>
      </c>
      <c r="E112105" s="15">
        <v>45426</v>
      </c>
      <c r="F112105" s="14" t="s">
        <v>28</v>
      </c>
      <c r="G112105" s="16">
        <v>0.53141098274256016</v>
      </c>
    </row>
    <row r="112106" spans="1:7" x14ac:dyDescent="0.3">
      <c r="A112106" s="13" t="s">
        <v>537</v>
      </c>
      <c r="B112106" s="14" t="s">
        <v>1</v>
      </c>
      <c r="C112106" s="14" t="s">
        <v>63</v>
      </c>
      <c r="D112106" s="14" t="s">
        <v>92</v>
      </c>
      <c r="E112106" s="15">
        <v>45427</v>
      </c>
      <c r="F112106" s="14" t="s">
        <v>28</v>
      </c>
      <c r="G112106" s="16">
        <v>0.53141098274256016</v>
      </c>
    </row>
    <row r="112107" spans="1:7" x14ac:dyDescent="0.3">
      <c r="A112107" s="13" t="s">
        <v>537</v>
      </c>
      <c r="B112107" s="14" t="s">
        <v>1</v>
      </c>
      <c r="C112107" s="14" t="s">
        <v>63</v>
      </c>
      <c r="D112107" s="14" t="s">
        <v>92</v>
      </c>
      <c r="E112107" s="15">
        <v>45428</v>
      </c>
      <c r="F112107" s="14" t="s">
        <v>28</v>
      </c>
      <c r="G112107" s="16">
        <v>0.53987504010578002</v>
      </c>
    </row>
    <row r="112108" spans="1:7" x14ac:dyDescent="0.3">
      <c r="A112108" s="13" t="s">
        <v>537</v>
      </c>
      <c r="B112108" s="14" t="s">
        <v>1</v>
      </c>
      <c r="C112108" s="14" t="s">
        <v>63</v>
      </c>
      <c r="D112108" s="14" t="s">
        <v>92</v>
      </c>
      <c r="E112108" s="15">
        <v>45429</v>
      </c>
      <c r="F112108" s="14" t="s">
        <v>28</v>
      </c>
      <c r="G112108" s="16">
        <v>0.56482244699397588</v>
      </c>
    </row>
    <row r="112109" spans="1:7" x14ac:dyDescent="0.3">
      <c r="A112109" s="13" t="s">
        <v>537</v>
      </c>
      <c r="B112109" s="14" t="s">
        <v>1</v>
      </c>
      <c r="C112109" s="14" t="s">
        <v>63</v>
      </c>
      <c r="D112109" s="14" t="s">
        <v>92</v>
      </c>
      <c r="E112109" s="15">
        <v>45430</v>
      </c>
      <c r="F112109" s="14" t="s">
        <v>28</v>
      </c>
      <c r="G112109" s="16">
        <v>0.56482244699397588</v>
      </c>
    </row>
    <row r="112110" spans="1:7" x14ac:dyDescent="0.3">
      <c r="A112110" s="13" t="s">
        <v>537</v>
      </c>
      <c r="B112110" s="14" t="s">
        <v>1</v>
      </c>
      <c r="C112110" s="14" t="s">
        <v>63</v>
      </c>
      <c r="D112110" s="14" t="s">
        <v>92</v>
      </c>
      <c r="E112110" s="15">
        <v>45431</v>
      </c>
      <c r="F112110" s="14" t="s">
        <v>28</v>
      </c>
      <c r="G112110" s="16">
        <v>0.56482244699397588</v>
      </c>
    </row>
    <row r="112111" spans="1:7" x14ac:dyDescent="0.3">
      <c r="A112111" s="13" t="s">
        <v>537</v>
      </c>
      <c r="B112111" s="14" t="s">
        <v>1</v>
      </c>
      <c r="C112111" s="14" t="s">
        <v>63</v>
      </c>
      <c r="D112111" s="14" t="s">
        <v>92</v>
      </c>
      <c r="E112111" s="15">
        <v>45432</v>
      </c>
      <c r="F112111" s="14" t="s">
        <v>28</v>
      </c>
      <c r="G112111" s="16">
        <v>0.56482244699397588</v>
      </c>
    </row>
    <row r="112112" spans="1:7" x14ac:dyDescent="0.3">
      <c r="A112112" s="13" t="s">
        <v>537</v>
      </c>
      <c r="B112112" s="14" t="s">
        <v>1</v>
      </c>
      <c r="C112112" s="14" t="s">
        <v>63</v>
      </c>
      <c r="D112112" s="14" t="s">
        <v>92</v>
      </c>
      <c r="E112112" s="15">
        <v>45433</v>
      </c>
      <c r="F112112" s="14" t="s">
        <v>28</v>
      </c>
      <c r="G112112" s="16">
        <v>0.58265287616893868</v>
      </c>
    </row>
    <row r="112113" spans="1:7" x14ac:dyDescent="0.3">
      <c r="A112113" s="13" t="s">
        <v>537</v>
      </c>
      <c r="B112113" s="14" t="s">
        <v>1</v>
      </c>
      <c r="C112113" s="14" t="s">
        <v>63</v>
      </c>
      <c r="D112113" s="14" t="s">
        <v>92</v>
      </c>
      <c r="E112113" s="15">
        <v>45434</v>
      </c>
      <c r="F112113" s="14" t="s">
        <v>28</v>
      </c>
      <c r="G112113" s="16">
        <v>0.58265287616893868</v>
      </c>
    </row>
    <row r="112114" spans="1:7" x14ac:dyDescent="0.3">
      <c r="A112114" s="13" t="s">
        <v>537</v>
      </c>
      <c r="B112114" s="14" t="s">
        <v>1</v>
      </c>
      <c r="C112114" s="14" t="s">
        <v>63</v>
      </c>
      <c r="D112114" s="14" t="s">
        <v>92</v>
      </c>
      <c r="E112114" s="15">
        <v>45435</v>
      </c>
      <c r="F112114" s="14" t="s">
        <v>28</v>
      </c>
      <c r="G112114" s="16">
        <v>0.62887614383119239</v>
      </c>
    </row>
    <row r="112115" spans="1:7" x14ac:dyDescent="0.3">
      <c r="A112115" s="13" t="s">
        <v>537</v>
      </c>
      <c r="B112115" s="14" t="s">
        <v>1</v>
      </c>
      <c r="C112115" s="14" t="s">
        <v>63</v>
      </c>
      <c r="D112115" s="14" t="s">
        <v>92</v>
      </c>
      <c r="E112115" s="15">
        <v>45436</v>
      </c>
      <c r="F112115" s="14" t="s">
        <v>28</v>
      </c>
      <c r="G112115" s="16">
        <v>0.65072696626162951</v>
      </c>
    </row>
    <row r="112116" spans="1:7" x14ac:dyDescent="0.3">
      <c r="A112116" s="13" t="s">
        <v>537</v>
      </c>
      <c r="B112116" s="14" t="s">
        <v>1</v>
      </c>
      <c r="C112116" s="14" t="s">
        <v>63</v>
      </c>
      <c r="D112116" s="14" t="s">
        <v>92</v>
      </c>
      <c r="E112116" s="15">
        <v>45437</v>
      </c>
      <c r="F112116" s="14" t="s">
        <v>28</v>
      </c>
      <c r="G112116" s="16">
        <v>0.65072696626162951</v>
      </c>
    </row>
    <row r="112117" spans="1:7" x14ac:dyDescent="0.3">
      <c r="A112117" s="13" t="s">
        <v>537</v>
      </c>
      <c r="B112117" s="14" t="s">
        <v>1</v>
      </c>
      <c r="C112117" s="14" t="s">
        <v>63</v>
      </c>
      <c r="D112117" s="14" t="s">
        <v>92</v>
      </c>
      <c r="E112117" s="15">
        <v>45438</v>
      </c>
      <c r="F112117" s="14" t="s">
        <v>28</v>
      </c>
      <c r="G112117" s="16">
        <v>0.65072696626162951</v>
      </c>
    </row>
    <row r="112118" spans="1:7" x14ac:dyDescent="0.3">
      <c r="A112118" s="13" t="s">
        <v>537</v>
      </c>
      <c r="B112118" s="14" t="s">
        <v>1</v>
      </c>
      <c r="C112118" s="14" t="s">
        <v>63</v>
      </c>
      <c r="D112118" s="14" t="s">
        <v>92</v>
      </c>
      <c r="E112118" s="15">
        <v>45439</v>
      </c>
      <c r="F112118" s="14" t="s">
        <v>28</v>
      </c>
      <c r="G112118" s="16">
        <v>0.66072348320292351</v>
      </c>
    </row>
    <row r="112119" spans="1:7" x14ac:dyDescent="0.3">
      <c r="A112119" s="13" t="s">
        <v>537</v>
      </c>
      <c r="B112119" s="14" t="s">
        <v>1</v>
      </c>
      <c r="C112119" s="14" t="s">
        <v>63</v>
      </c>
      <c r="D112119" s="14" t="s">
        <v>92</v>
      </c>
      <c r="E112119" s="15">
        <v>45440</v>
      </c>
      <c r="F112119" s="14" t="s">
        <v>28</v>
      </c>
      <c r="G112119" s="16">
        <v>0.69308437786118027</v>
      </c>
    </row>
    <row r="112120" spans="1:7" x14ac:dyDescent="0.3">
      <c r="A112120" s="13" t="s">
        <v>537</v>
      </c>
      <c r="B112120" s="14" t="s">
        <v>1</v>
      </c>
      <c r="C112120" s="14" t="s">
        <v>63</v>
      </c>
      <c r="D112120" s="14" t="s">
        <v>92</v>
      </c>
      <c r="E112120" s="15">
        <v>45441</v>
      </c>
      <c r="F112120" s="14" t="s">
        <v>28</v>
      </c>
      <c r="G112120" s="16">
        <v>0.70632839531153557</v>
      </c>
    </row>
    <row r="112121" spans="1:7" x14ac:dyDescent="0.3">
      <c r="A112121" s="13" t="s">
        <v>537</v>
      </c>
      <c r="B112121" s="14" t="s">
        <v>1</v>
      </c>
      <c r="C112121" s="14" t="s">
        <v>63</v>
      </c>
      <c r="D112121" s="14" t="s">
        <v>92</v>
      </c>
      <c r="E112121" s="15">
        <v>45442</v>
      </c>
      <c r="F112121" s="14" t="s">
        <v>28</v>
      </c>
      <c r="G112121" s="16">
        <v>0.71935078741031666</v>
      </c>
    </row>
    <row r="112122" spans="1:7" x14ac:dyDescent="0.3">
      <c r="A112122" s="13" t="s">
        <v>537</v>
      </c>
      <c r="B112122" s="14" t="s">
        <v>1</v>
      </c>
      <c r="C112122" s="14" t="s">
        <v>63</v>
      </c>
      <c r="D112122" s="14" t="s">
        <v>92</v>
      </c>
      <c r="E112122" s="15">
        <v>45443</v>
      </c>
      <c r="F112122" s="14" t="s">
        <v>28</v>
      </c>
      <c r="G112122" s="16">
        <v>0.73105919258994956</v>
      </c>
    </row>
    <row r="112123" spans="1:7" x14ac:dyDescent="0.3">
      <c r="A112123" s="13" t="s">
        <v>537</v>
      </c>
      <c r="B112123" s="14" t="s">
        <v>1</v>
      </c>
      <c r="C112123" s="14" t="s">
        <v>63</v>
      </c>
      <c r="D112123" s="14" t="s">
        <v>92</v>
      </c>
      <c r="E112123" s="15">
        <v>45444</v>
      </c>
      <c r="F112123" s="14" t="s">
        <v>28</v>
      </c>
      <c r="G112123" s="16">
        <v>0.73105919258994956</v>
      </c>
    </row>
    <row r="112124" spans="1:7" x14ac:dyDescent="0.3">
      <c r="A112124" s="13" t="s">
        <v>537</v>
      </c>
      <c r="B112124" s="14" t="s">
        <v>1</v>
      </c>
      <c r="C112124" s="14" t="s">
        <v>63</v>
      </c>
      <c r="D112124" s="14" t="s">
        <v>92</v>
      </c>
      <c r="E112124" s="15">
        <v>45445</v>
      </c>
      <c r="F112124" s="14" t="s">
        <v>28</v>
      </c>
      <c r="G112124" s="16">
        <v>0.73105919258994956</v>
      </c>
    </row>
    <row r="112125" spans="1:7" x14ac:dyDescent="0.3">
      <c r="A112125" s="13" t="s">
        <v>537</v>
      </c>
      <c r="B112125" s="14" t="s">
        <v>1</v>
      </c>
      <c r="C112125" s="14" t="s">
        <v>63</v>
      </c>
      <c r="D112125" s="14" t="s">
        <v>92</v>
      </c>
      <c r="E112125" s="15">
        <v>45446</v>
      </c>
      <c r="F112125" s="14" t="s">
        <v>28</v>
      </c>
      <c r="G112125" s="16">
        <v>0.73105919258994956</v>
      </c>
    </row>
    <row r="112126" spans="1:7" x14ac:dyDescent="0.3">
      <c r="A112126" s="13" t="s">
        <v>537</v>
      </c>
      <c r="B112126" s="14" t="s">
        <v>1</v>
      </c>
      <c r="C112126" s="14" t="s">
        <v>63</v>
      </c>
      <c r="D112126" s="14" t="s">
        <v>92</v>
      </c>
      <c r="E112126" s="15">
        <v>45447</v>
      </c>
      <c r="F112126" s="14" t="s">
        <v>28</v>
      </c>
      <c r="G112126" s="16">
        <v>0.74000317866121468</v>
      </c>
    </row>
    <row r="112127" spans="1:7" x14ac:dyDescent="0.3">
      <c r="A112127" s="13" t="s">
        <v>537</v>
      </c>
      <c r="B112127" s="14" t="s">
        <v>1</v>
      </c>
      <c r="C112127" s="14" t="s">
        <v>63</v>
      </c>
      <c r="D112127" s="14" t="s">
        <v>92</v>
      </c>
      <c r="E112127" s="15">
        <v>45448</v>
      </c>
      <c r="F112127" s="14" t="s">
        <v>28</v>
      </c>
      <c r="G112127" s="16">
        <v>0.77857566013113599</v>
      </c>
    </row>
    <row r="112128" spans="1:7" x14ac:dyDescent="0.3">
      <c r="A112128" s="13" t="s">
        <v>537</v>
      </c>
      <c r="B112128" s="14" t="s">
        <v>1</v>
      </c>
      <c r="C112128" s="14" t="s">
        <v>63</v>
      </c>
      <c r="D112128" s="14" t="s">
        <v>92</v>
      </c>
      <c r="E112128" s="15">
        <v>45449</v>
      </c>
      <c r="F112128" s="14" t="s">
        <v>28</v>
      </c>
      <c r="G112128" s="16">
        <v>0.78818548110465736</v>
      </c>
    </row>
    <row r="112129" spans="1:7" x14ac:dyDescent="0.3">
      <c r="A112129" s="13" t="s">
        <v>537</v>
      </c>
      <c r="B112129" s="14" t="s">
        <v>1</v>
      </c>
      <c r="C112129" s="14" t="s">
        <v>63</v>
      </c>
      <c r="D112129" s="14" t="s">
        <v>92</v>
      </c>
      <c r="E112129" s="15">
        <v>45450</v>
      </c>
      <c r="F112129" s="14" t="s">
        <v>28</v>
      </c>
      <c r="G112129" s="16">
        <v>0.80307516004684254</v>
      </c>
    </row>
    <row r="112130" spans="1:7" x14ac:dyDescent="0.3">
      <c r="A112130" s="13" t="s">
        <v>537</v>
      </c>
      <c r="B112130" s="14" t="s">
        <v>1</v>
      </c>
      <c r="C112130" s="14" t="s">
        <v>63</v>
      </c>
      <c r="D112130" s="14" t="s">
        <v>92</v>
      </c>
      <c r="E112130" s="15">
        <v>45451</v>
      </c>
      <c r="F112130" s="14" t="s">
        <v>28</v>
      </c>
      <c r="G112130" s="16">
        <v>0.80307516004684254</v>
      </c>
    </row>
    <row r="112131" spans="1:7" x14ac:dyDescent="0.3">
      <c r="A112131" s="13" t="s">
        <v>537</v>
      </c>
      <c r="B112131" s="14" t="s">
        <v>1</v>
      </c>
      <c r="C112131" s="14" t="s">
        <v>63</v>
      </c>
      <c r="D112131" s="14" t="s">
        <v>92</v>
      </c>
      <c r="E112131" s="15">
        <v>45452</v>
      </c>
      <c r="F112131" s="14" t="s">
        <v>28</v>
      </c>
      <c r="G112131" s="16">
        <v>0.80307516004684254</v>
      </c>
    </row>
    <row r="112132" spans="1:7" x14ac:dyDescent="0.3">
      <c r="A112132" s="13" t="s">
        <v>537</v>
      </c>
      <c r="B112132" s="14" t="s">
        <v>1</v>
      </c>
      <c r="C112132" s="14" t="s">
        <v>63</v>
      </c>
      <c r="D112132" s="14" t="s">
        <v>92</v>
      </c>
      <c r="E112132" s="15">
        <v>45453</v>
      </c>
      <c r="F112132" s="14" t="s">
        <v>28</v>
      </c>
      <c r="G112132" s="16">
        <v>0.80307516004684254</v>
      </c>
    </row>
    <row r="112133" spans="1:7" x14ac:dyDescent="0.3">
      <c r="A112133" s="13" t="s">
        <v>537</v>
      </c>
      <c r="B112133" s="14" t="s">
        <v>1</v>
      </c>
      <c r="C112133" s="14" t="s">
        <v>63</v>
      </c>
      <c r="D112133" s="14" t="s">
        <v>92</v>
      </c>
      <c r="E112133" s="15">
        <v>45454</v>
      </c>
      <c r="F112133" s="14" t="s">
        <v>28</v>
      </c>
      <c r="G112133" s="16">
        <v>0.8255625868593004</v>
      </c>
    </row>
    <row r="112134" spans="1:7" x14ac:dyDescent="0.3">
      <c r="A112134" s="13" t="s">
        <v>537</v>
      </c>
      <c r="B112134" s="14" t="s">
        <v>1</v>
      </c>
      <c r="C112134" s="14" t="s">
        <v>63</v>
      </c>
      <c r="D112134" s="14" t="s">
        <v>92</v>
      </c>
      <c r="E112134" s="15">
        <v>45455</v>
      </c>
      <c r="F112134" s="14" t="s">
        <v>28</v>
      </c>
      <c r="G112134" s="16">
        <v>0.86817702260041163</v>
      </c>
    </row>
    <row r="112135" spans="1:7" x14ac:dyDescent="0.3">
      <c r="A112135" s="13" t="s">
        <v>537</v>
      </c>
      <c r="B112135" s="14" t="s">
        <v>1</v>
      </c>
      <c r="C112135" s="14" t="s">
        <v>63</v>
      </c>
      <c r="D112135" s="14" t="s">
        <v>92</v>
      </c>
      <c r="E112135" s="15">
        <v>45456</v>
      </c>
      <c r="F112135" s="14" t="s">
        <v>28</v>
      </c>
      <c r="G112135" s="16">
        <v>0.88863869872173606</v>
      </c>
    </row>
    <row r="112136" spans="1:7" x14ac:dyDescent="0.3">
      <c r="A112136" s="13" t="s">
        <v>537</v>
      </c>
      <c r="B112136" s="14" t="s">
        <v>1</v>
      </c>
      <c r="C112136" s="14" t="s">
        <v>63</v>
      </c>
      <c r="D112136" s="14" t="s">
        <v>92</v>
      </c>
      <c r="E112136" s="15">
        <v>45457</v>
      </c>
      <c r="F112136" s="14" t="s">
        <v>28</v>
      </c>
      <c r="G112136" s="16">
        <v>0.90194993124108513</v>
      </c>
    </row>
    <row r="112137" spans="1:7" x14ac:dyDescent="0.3">
      <c r="A112137" s="13" t="s">
        <v>537</v>
      </c>
      <c r="B112137" s="14" t="s">
        <v>1</v>
      </c>
      <c r="C112137" s="14" t="s">
        <v>63</v>
      </c>
      <c r="D112137" s="14" t="s">
        <v>92</v>
      </c>
      <c r="E112137" s="15">
        <v>45458</v>
      </c>
      <c r="F112137" s="14" t="s">
        <v>28</v>
      </c>
      <c r="G112137" s="16">
        <v>0.90194993124108513</v>
      </c>
    </row>
    <row r="112138" spans="1:7" x14ac:dyDescent="0.3">
      <c r="A112138" s="13" t="s">
        <v>537</v>
      </c>
      <c r="B112138" s="14" t="s">
        <v>1</v>
      </c>
      <c r="C112138" s="14" t="s">
        <v>63</v>
      </c>
      <c r="D112138" s="14" t="s">
        <v>92</v>
      </c>
      <c r="E112138" s="15">
        <v>45459</v>
      </c>
      <c r="F112138" s="14" t="s">
        <v>28</v>
      </c>
      <c r="G112138" s="16">
        <v>0.90194993124108513</v>
      </c>
    </row>
    <row r="112139" spans="1:7" x14ac:dyDescent="0.3">
      <c r="A112139" s="13" t="s">
        <v>537</v>
      </c>
      <c r="B112139" s="14" t="s">
        <v>1</v>
      </c>
      <c r="C112139" s="14" t="s">
        <v>63</v>
      </c>
      <c r="D112139" s="14" t="s">
        <v>92</v>
      </c>
      <c r="E112139" s="15">
        <v>45460</v>
      </c>
      <c r="F112139" s="14" t="s">
        <v>28</v>
      </c>
      <c r="G112139" s="16">
        <v>0.90194993124108513</v>
      </c>
    </row>
    <row r="112140" spans="1:7" x14ac:dyDescent="0.3">
      <c r="A112140" s="13" t="s">
        <v>537</v>
      </c>
      <c r="B112140" s="14" t="s">
        <v>1</v>
      </c>
      <c r="C112140" s="14" t="s">
        <v>63</v>
      </c>
      <c r="D112140" s="14" t="s">
        <v>92</v>
      </c>
      <c r="E112140" s="15">
        <v>45461</v>
      </c>
      <c r="F112140" s="14" t="s">
        <v>28</v>
      </c>
      <c r="G112140" s="16">
        <v>0.91194635907279487</v>
      </c>
    </row>
    <row r="112141" spans="1:7" x14ac:dyDescent="0.3">
      <c r="A112141" s="13" t="s">
        <v>537</v>
      </c>
      <c r="B112141" s="14" t="s">
        <v>1</v>
      </c>
      <c r="C112141" s="14" t="s">
        <v>63</v>
      </c>
      <c r="D112141" s="14" t="s">
        <v>92</v>
      </c>
      <c r="E112141" s="15">
        <v>45462</v>
      </c>
      <c r="F112141" s="14" t="s">
        <v>28</v>
      </c>
      <c r="G112141" s="16">
        <v>0.95683986707166313</v>
      </c>
    </row>
    <row r="112142" spans="1:7" x14ac:dyDescent="0.3">
      <c r="A112142" s="13" t="s">
        <v>537</v>
      </c>
      <c r="B112142" s="14" t="s">
        <v>1</v>
      </c>
      <c r="C112142" s="14" t="s">
        <v>63</v>
      </c>
      <c r="D112142" s="14" t="s">
        <v>92</v>
      </c>
      <c r="E112142" s="15">
        <v>45463</v>
      </c>
      <c r="F112142" s="14" t="s">
        <v>28</v>
      </c>
      <c r="G112142" s="16">
        <v>0.97092373651546116</v>
      </c>
    </row>
    <row r="112143" spans="1:7" x14ac:dyDescent="0.3">
      <c r="A112143" s="13" t="s">
        <v>537</v>
      </c>
      <c r="B112143" s="14" t="s">
        <v>1</v>
      </c>
      <c r="C112143" s="14" t="s">
        <v>63</v>
      </c>
      <c r="D112143" s="14" t="s">
        <v>92</v>
      </c>
      <c r="E112143" s="15">
        <v>45464</v>
      </c>
      <c r="F112143" s="14" t="s">
        <v>28</v>
      </c>
      <c r="G112143" s="16">
        <v>0.9837840645082464</v>
      </c>
    </row>
    <row r="112144" spans="1:7" x14ac:dyDescent="0.3">
      <c r="A112144" s="13" t="s">
        <v>537</v>
      </c>
      <c r="B112144" s="14" t="s">
        <v>1</v>
      </c>
      <c r="C112144" s="14" t="s">
        <v>63</v>
      </c>
      <c r="D112144" s="14" t="s">
        <v>92</v>
      </c>
      <c r="E112144" s="15">
        <v>45465</v>
      </c>
      <c r="F112144" s="14" t="s">
        <v>28</v>
      </c>
      <c r="G112144" s="16">
        <v>0.9837840645082464</v>
      </c>
    </row>
    <row r="112145" spans="1:7" x14ac:dyDescent="0.3">
      <c r="A112145" s="13" t="s">
        <v>537</v>
      </c>
      <c r="B112145" s="14" t="s">
        <v>1</v>
      </c>
      <c r="C112145" s="14" t="s">
        <v>63</v>
      </c>
      <c r="D112145" s="14" t="s">
        <v>92</v>
      </c>
      <c r="E112145" s="15">
        <v>45466</v>
      </c>
      <c r="F112145" s="14" t="s">
        <v>28</v>
      </c>
      <c r="G112145" s="16">
        <v>0.9837840645082464</v>
      </c>
    </row>
    <row r="112146" spans="1:7" x14ac:dyDescent="0.3">
      <c r="A112146" s="13" t="s">
        <v>537</v>
      </c>
      <c r="B112146" s="14" t="s">
        <v>1</v>
      </c>
      <c r="C112146" s="14" t="s">
        <v>63</v>
      </c>
      <c r="D112146" s="14" t="s">
        <v>92</v>
      </c>
      <c r="E112146" s="15">
        <v>45467</v>
      </c>
      <c r="F112146" s="14" t="s">
        <v>28</v>
      </c>
      <c r="G112146" s="16">
        <v>0.995179249894523</v>
      </c>
    </row>
    <row r="112147" spans="1:7" x14ac:dyDescent="0.3">
      <c r="A112147" s="13" t="s">
        <v>537</v>
      </c>
      <c r="B112147" s="14" t="s">
        <v>1</v>
      </c>
      <c r="C112147" s="14" t="s">
        <v>63</v>
      </c>
      <c r="D112147" s="14" t="s">
        <v>92</v>
      </c>
      <c r="E112147" s="15">
        <v>45468</v>
      </c>
      <c r="F112147" s="14" t="s">
        <v>28</v>
      </c>
      <c r="G112147" s="16">
        <v>1.0330041602577182</v>
      </c>
    </row>
    <row r="112148" spans="1:7" x14ac:dyDescent="0.3">
      <c r="A112148" s="13" t="s">
        <v>537</v>
      </c>
      <c r="B112148" s="14" t="s">
        <v>1</v>
      </c>
      <c r="C112148" s="14" t="s">
        <v>63</v>
      </c>
      <c r="D112148" s="14" t="s">
        <v>92</v>
      </c>
      <c r="E112148" s="15">
        <v>45469</v>
      </c>
      <c r="F112148" s="14" t="s">
        <v>28</v>
      </c>
      <c r="G112148" s="16">
        <v>1.0475158763405308</v>
      </c>
    </row>
    <row r="112149" spans="1:7" x14ac:dyDescent="0.3">
      <c r="A112149" s="13" t="s">
        <v>537</v>
      </c>
      <c r="B112149" s="14" t="s">
        <v>1</v>
      </c>
      <c r="C112149" s="14" t="s">
        <v>63</v>
      </c>
      <c r="D112149" s="14" t="s">
        <v>92</v>
      </c>
      <c r="E112149" s="15">
        <v>45470</v>
      </c>
      <c r="F112149" s="14" t="s">
        <v>28</v>
      </c>
      <c r="G112149" s="16">
        <v>1.0590997428813824</v>
      </c>
    </row>
    <row r="112150" spans="1:7" x14ac:dyDescent="0.3">
      <c r="A112150" s="13" t="s">
        <v>537</v>
      </c>
      <c r="B112150" s="14" t="s">
        <v>1</v>
      </c>
      <c r="C112150" s="14" t="s">
        <v>63</v>
      </c>
      <c r="D112150" s="14" t="s">
        <v>92</v>
      </c>
      <c r="E112150" s="15">
        <v>45471</v>
      </c>
      <c r="F112150" s="14" t="s">
        <v>28</v>
      </c>
      <c r="G112150" s="16">
        <v>1.0682032894677191</v>
      </c>
    </row>
    <row r="112151" spans="1:7" x14ac:dyDescent="0.3">
      <c r="A112151" s="13" t="s">
        <v>537</v>
      </c>
      <c r="B112151" s="14" t="s">
        <v>1</v>
      </c>
      <c r="C112151" s="14" t="s">
        <v>63</v>
      </c>
      <c r="D112151" s="14" t="s">
        <v>92</v>
      </c>
      <c r="E112151" s="15">
        <v>45472</v>
      </c>
      <c r="F112151" s="14" t="s">
        <v>28</v>
      </c>
      <c r="G112151" s="16">
        <v>1.0682032894677191</v>
      </c>
    </row>
    <row r="112152" spans="1:7" x14ac:dyDescent="0.3">
      <c r="A112152" s="13" t="s">
        <v>537</v>
      </c>
      <c r="B112152" s="14" t="s">
        <v>1</v>
      </c>
      <c r="C112152" s="14" t="s">
        <v>63</v>
      </c>
      <c r="D112152" s="14" t="s">
        <v>92</v>
      </c>
      <c r="E112152" s="15">
        <v>45473</v>
      </c>
      <c r="F112152" s="14" t="s">
        <v>28</v>
      </c>
      <c r="G112152" s="16">
        <v>1.0682032894677191</v>
      </c>
    </row>
    <row r="112153" spans="1:7" x14ac:dyDescent="0.3">
      <c r="A112153" s="13" t="s">
        <v>537</v>
      </c>
      <c r="B112153" s="14" t="s">
        <v>1</v>
      </c>
      <c r="C112153" s="14" t="s">
        <v>63</v>
      </c>
      <c r="D112153" s="14" t="s">
        <v>92</v>
      </c>
      <c r="E112153" s="15">
        <v>45474</v>
      </c>
      <c r="F112153" s="14" t="s">
        <v>28</v>
      </c>
      <c r="G112153" s="16">
        <v>1.0682032894677191</v>
      </c>
    </row>
    <row r="112154" spans="1:7" x14ac:dyDescent="0.3">
      <c r="A112154" s="13" t="s">
        <v>537</v>
      </c>
      <c r="B112154" s="14" t="s">
        <v>1</v>
      </c>
      <c r="C112154" s="14" t="s">
        <v>63</v>
      </c>
      <c r="D112154" s="14" t="s">
        <v>92</v>
      </c>
      <c r="E112154" s="15">
        <v>45475</v>
      </c>
      <c r="F112154" s="14" t="s">
        <v>28</v>
      </c>
      <c r="G112154" s="16">
        <v>1.0798149571146152</v>
      </c>
    </row>
    <row r="112155" spans="1:7" x14ac:dyDescent="0.3">
      <c r="A112155" s="13" t="s">
        <v>537</v>
      </c>
      <c r="B112155" s="14" t="s">
        <v>1</v>
      </c>
      <c r="C112155" s="14" t="s">
        <v>63</v>
      </c>
      <c r="D112155" s="14" t="s">
        <v>92</v>
      </c>
      <c r="E112155" s="15">
        <v>45476</v>
      </c>
      <c r="F112155" s="14" t="s">
        <v>28</v>
      </c>
      <c r="G112155" s="16">
        <v>1.1248445407908534</v>
      </c>
    </row>
    <row r="112156" spans="1:7" x14ac:dyDescent="0.3">
      <c r="A112156" s="13" t="s">
        <v>537</v>
      </c>
      <c r="B112156" s="14" t="s">
        <v>1</v>
      </c>
      <c r="C112156" s="14" t="s">
        <v>63</v>
      </c>
      <c r="D112156" s="14" t="s">
        <v>92</v>
      </c>
      <c r="E112156" s="15">
        <v>45477</v>
      </c>
      <c r="F112156" s="14" t="s">
        <v>28</v>
      </c>
      <c r="G112156" s="16">
        <v>1.1346507599374229</v>
      </c>
    </row>
    <row r="112157" spans="1:7" x14ac:dyDescent="0.3">
      <c r="A112157" s="13" t="s">
        <v>537</v>
      </c>
      <c r="B112157" s="14" t="s">
        <v>1</v>
      </c>
      <c r="C112157" s="14" t="s">
        <v>63</v>
      </c>
      <c r="D112157" s="14" t="s">
        <v>92</v>
      </c>
      <c r="E112157" s="15">
        <v>45478</v>
      </c>
      <c r="F112157" s="14" t="s">
        <v>28</v>
      </c>
      <c r="G112157" s="16">
        <v>1.143961107164442</v>
      </c>
    </row>
    <row r="112158" spans="1:7" x14ac:dyDescent="0.3">
      <c r="A112158" s="13" t="s">
        <v>537</v>
      </c>
      <c r="B112158" s="14" t="s">
        <v>1</v>
      </c>
      <c r="C112158" s="14" t="s">
        <v>63</v>
      </c>
      <c r="D112158" s="14" t="s">
        <v>92</v>
      </c>
      <c r="E112158" s="15">
        <v>45479</v>
      </c>
      <c r="F112158" s="14" t="s">
        <v>28</v>
      </c>
      <c r="G112158" s="16">
        <v>1.143961107164442</v>
      </c>
    </row>
    <row r="112159" spans="1:7" x14ac:dyDescent="0.3">
      <c r="A112159" s="13" t="s">
        <v>537</v>
      </c>
      <c r="B112159" s="14" t="s">
        <v>1</v>
      </c>
      <c r="C112159" s="14" t="s">
        <v>63</v>
      </c>
      <c r="D112159" s="14" t="s">
        <v>92</v>
      </c>
      <c r="E112159" s="15">
        <v>45480</v>
      </c>
      <c r="F112159" s="14" t="s">
        <v>28</v>
      </c>
      <c r="G112159" s="16">
        <v>1.143961107164442</v>
      </c>
    </row>
    <row r="112160" spans="1:7" x14ac:dyDescent="0.3">
      <c r="A112160" s="13" t="s">
        <v>537</v>
      </c>
      <c r="B112160" s="14" t="s">
        <v>1</v>
      </c>
      <c r="C112160" s="14" t="s">
        <v>63</v>
      </c>
      <c r="D112160" s="14" t="s">
        <v>92</v>
      </c>
      <c r="E112160" s="15">
        <v>45481</v>
      </c>
      <c r="F112160" s="14" t="s">
        <v>28</v>
      </c>
      <c r="G112160" s="16">
        <v>1.156944989165102</v>
      </c>
    </row>
    <row r="112161" spans="1:7" x14ac:dyDescent="0.3">
      <c r="A112161" s="13" t="s">
        <v>537</v>
      </c>
      <c r="B112161" s="14" t="s">
        <v>1</v>
      </c>
      <c r="C112161" s="14" t="s">
        <v>63</v>
      </c>
      <c r="D112161" s="14" t="s">
        <v>92</v>
      </c>
      <c r="E112161" s="15">
        <v>45482</v>
      </c>
      <c r="F112161" s="14" t="s">
        <v>28</v>
      </c>
      <c r="G112161" s="16">
        <v>1.1914484396079059</v>
      </c>
    </row>
    <row r="112162" spans="1:7" x14ac:dyDescent="0.3">
      <c r="A112162" s="13" t="s">
        <v>537</v>
      </c>
      <c r="B112162" s="14" t="s">
        <v>1</v>
      </c>
      <c r="C112162" s="14" t="s">
        <v>63</v>
      </c>
      <c r="D112162" s="14" t="s">
        <v>92</v>
      </c>
      <c r="E112162" s="15">
        <v>45483</v>
      </c>
      <c r="F112162" s="14" t="s">
        <v>28</v>
      </c>
      <c r="G112162" s="16">
        <v>1.2048969798550362</v>
      </c>
    </row>
    <row r="112163" spans="1:7" x14ac:dyDescent="0.3">
      <c r="A112163" s="13" t="s">
        <v>537</v>
      </c>
      <c r="B112163" s="14" t="s">
        <v>1</v>
      </c>
      <c r="C112163" s="14" t="s">
        <v>63</v>
      </c>
      <c r="D112163" s="14" t="s">
        <v>92</v>
      </c>
      <c r="E112163" s="15">
        <v>45484</v>
      </c>
      <c r="F112163" s="14" t="s">
        <v>28</v>
      </c>
      <c r="G112163" s="16">
        <v>1.2104770820225006</v>
      </c>
    </row>
    <row r="112164" spans="1:7" x14ac:dyDescent="0.3">
      <c r="A112164" s="13" t="s">
        <v>537</v>
      </c>
      <c r="B112164" s="14" t="s">
        <v>1</v>
      </c>
      <c r="C112164" s="14" t="s">
        <v>63</v>
      </c>
      <c r="D112164" s="14" t="s">
        <v>92</v>
      </c>
      <c r="E112164" s="15">
        <v>45485</v>
      </c>
      <c r="F112164" s="14" t="s">
        <v>28</v>
      </c>
      <c r="G112164" s="16">
        <v>1.2222739998297578</v>
      </c>
    </row>
    <row r="112165" spans="1:7" x14ac:dyDescent="0.3">
      <c r="A112165" s="13" t="s">
        <v>537</v>
      </c>
      <c r="B112165" s="14" t="s">
        <v>1</v>
      </c>
      <c r="C112165" s="14" t="s">
        <v>63</v>
      </c>
      <c r="D112165" s="14" t="s">
        <v>92</v>
      </c>
      <c r="E112165" s="15">
        <v>45486</v>
      </c>
      <c r="F112165" s="14" t="s">
        <v>28</v>
      </c>
      <c r="G112165" s="16">
        <v>1.2222739998297578</v>
      </c>
    </row>
    <row r="112166" spans="1:7" x14ac:dyDescent="0.3">
      <c r="A112166" s="13" t="s">
        <v>537</v>
      </c>
      <c r="B112166" s="14" t="s">
        <v>1</v>
      </c>
      <c r="C112166" s="14" t="s">
        <v>63</v>
      </c>
      <c r="D112166" s="14" t="s">
        <v>92</v>
      </c>
      <c r="E112166" s="15">
        <v>45487</v>
      </c>
      <c r="F112166" s="14" t="s">
        <v>28</v>
      </c>
      <c r="G112166" s="16">
        <v>1.2222739998297578</v>
      </c>
    </row>
    <row r="112167" spans="1:7" x14ac:dyDescent="0.3">
      <c r="A112167" s="13" t="s">
        <v>537</v>
      </c>
      <c r="B112167" s="14" t="s">
        <v>1</v>
      </c>
      <c r="C112167" s="14" t="s">
        <v>63</v>
      </c>
      <c r="D112167" s="14" t="s">
        <v>92</v>
      </c>
      <c r="E112167" s="15">
        <v>45488</v>
      </c>
      <c r="F112167" s="14" t="s">
        <v>28</v>
      </c>
      <c r="G112167" s="16">
        <v>1.2360773555371789</v>
      </c>
    </row>
    <row r="112168" spans="1:7" x14ac:dyDescent="0.3">
      <c r="A112168" s="13" t="s">
        <v>537</v>
      </c>
      <c r="B112168" s="14" t="s">
        <v>1</v>
      </c>
      <c r="C112168" s="14" t="s">
        <v>63</v>
      </c>
      <c r="D112168" s="14" t="s">
        <v>92</v>
      </c>
      <c r="E112168" s="15">
        <v>45489</v>
      </c>
      <c r="F112168" s="14" t="s">
        <v>28</v>
      </c>
      <c r="G112168" s="16">
        <v>1.2699323929080888</v>
      </c>
    </row>
    <row r="112169" spans="1:7" x14ac:dyDescent="0.3">
      <c r="A112169" s="13" t="s">
        <v>537</v>
      </c>
      <c r="B112169" s="14" t="s">
        <v>1</v>
      </c>
      <c r="C112169" s="14" t="s">
        <v>63</v>
      </c>
      <c r="D112169" s="14" t="s">
        <v>92</v>
      </c>
      <c r="E112169" s="15">
        <v>45490</v>
      </c>
      <c r="F112169" s="14" t="s">
        <v>28</v>
      </c>
      <c r="G112169" s="16">
        <v>1.2802545987981988</v>
      </c>
    </row>
    <row r="112170" spans="1:7" x14ac:dyDescent="0.3">
      <c r="A112170" s="13" t="s">
        <v>537</v>
      </c>
      <c r="B112170" s="14" t="s">
        <v>1</v>
      </c>
      <c r="C112170" s="14" t="s">
        <v>63</v>
      </c>
      <c r="D112170" s="14" t="s">
        <v>92</v>
      </c>
      <c r="E112170" s="15">
        <v>45491</v>
      </c>
      <c r="F112170" s="14" t="s">
        <v>28</v>
      </c>
      <c r="G112170" s="16">
        <v>1.294855499752793</v>
      </c>
    </row>
    <row r="112171" spans="1:7" x14ac:dyDescent="0.3">
      <c r="A112171" s="13" t="s">
        <v>537</v>
      </c>
      <c r="B112171" s="14" t="s">
        <v>1</v>
      </c>
      <c r="C112171" s="14" t="s">
        <v>63</v>
      </c>
      <c r="D112171" s="14" t="s">
        <v>92</v>
      </c>
      <c r="E112171" s="15">
        <v>45492</v>
      </c>
      <c r="F112171" s="14" t="s">
        <v>28</v>
      </c>
      <c r="G112171" s="16">
        <v>1.308712842860827</v>
      </c>
    </row>
    <row r="112172" spans="1:7" x14ac:dyDescent="0.3">
      <c r="A112172" s="13" t="s">
        <v>537</v>
      </c>
      <c r="B112172" s="14" t="s">
        <v>1</v>
      </c>
      <c r="C112172" s="14" t="s">
        <v>63</v>
      </c>
      <c r="D112172" s="14" t="s">
        <v>92</v>
      </c>
      <c r="E112172" s="15">
        <v>45493</v>
      </c>
      <c r="F112172" s="14" t="s">
        <v>28</v>
      </c>
      <c r="G112172" s="16">
        <v>1.308712842860827</v>
      </c>
    </row>
    <row r="112173" spans="1:7" x14ac:dyDescent="0.3">
      <c r="A112173" s="13" t="s">
        <v>537</v>
      </c>
      <c r="B112173" s="14" t="s">
        <v>1</v>
      </c>
      <c r="C112173" s="14" t="s">
        <v>63</v>
      </c>
      <c r="D112173" s="14" t="s">
        <v>92</v>
      </c>
      <c r="E112173" s="15">
        <v>45494</v>
      </c>
      <c r="F112173" s="14" t="s">
        <v>28</v>
      </c>
      <c r="G112173" s="16">
        <v>1.308712842860827</v>
      </c>
    </row>
    <row r="112174" spans="1:7" x14ac:dyDescent="0.3">
      <c r="A112174" s="13" t="s">
        <v>537</v>
      </c>
      <c r="B112174" s="14" t="s">
        <v>1</v>
      </c>
      <c r="C112174" s="14" t="s">
        <v>63</v>
      </c>
      <c r="D112174" s="14" t="s">
        <v>92</v>
      </c>
      <c r="E112174" s="15">
        <v>45495</v>
      </c>
      <c r="F112174" s="14" t="s">
        <v>28</v>
      </c>
      <c r="G112174" s="16">
        <v>1.3207338174412226</v>
      </c>
    </row>
    <row r="112175" spans="1:7" x14ac:dyDescent="0.3">
      <c r="A112175" s="13" t="s">
        <v>537</v>
      </c>
      <c r="B112175" s="14" t="s">
        <v>1</v>
      </c>
      <c r="C112175" s="14" t="s">
        <v>63</v>
      </c>
      <c r="D112175" s="14" t="s">
        <v>92</v>
      </c>
      <c r="E112175" s="15">
        <v>45496</v>
      </c>
      <c r="F112175" s="14" t="s">
        <v>28</v>
      </c>
      <c r="G112175" s="16">
        <v>1.3546520673556632</v>
      </c>
    </row>
    <row r="112176" spans="1:7" x14ac:dyDescent="0.3">
      <c r="A112176" s="13" t="s">
        <v>537</v>
      </c>
      <c r="B112176" s="14" t="s">
        <v>1</v>
      </c>
      <c r="C112176" s="14" t="s">
        <v>63</v>
      </c>
      <c r="D112176" s="14" t="s">
        <v>92</v>
      </c>
      <c r="E112176" s="15">
        <v>45497</v>
      </c>
      <c r="F112176" s="14" t="s">
        <v>28</v>
      </c>
      <c r="G112176" s="16">
        <v>1.3641542338164643</v>
      </c>
    </row>
    <row r="112177" spans="1:7" x14ac:dyDescent="0.3">
      <c r="A112177" s="13" t="s">
        <v>537</v>
      </c>
      <c r="B112177" s="14" t="s">
        <v>1</v>
      </c>
      <c r="C112177" s="14" t="s">
        <v>63</v>
      </c>
      <c r="D112177" s="14" t="s">
        <v>92</v>
      </c>
      <c r="E112177" s="15">
        <v>45498</v>
      </c>
      <c r="F112177" s="14" t="s">
        <v>28</v>
      </c>
      <c r="G112177" s="16">
        <v>1.3748473078395336</v>
      </c>
    </row>
    <row r="112178" spans="1:7" x14ac:dyDescent="0.3">
      <c r="A112178" s="13" t="s">
        <v>537</v>
      </c>
      <c r="B112178" s="14" t="s">
        <v>1</v>
      </c>
      <c r="C112178" s="14" t="s">
        <v>63</v>
      </c>
      <c r="D112178" s="14" t="s">
        <v>92</v>
      </c>
      <c r="E112178" s="15">
        <v>45499</v>
      </c>
      <c r="F112178" s="14" t="s">
        <v>28</v>
      </c>
      <c r="G112178" s="16">
        <v>1.3846344188009871</v>
      </c>
    </row>
    <row r="112179" spans="1:7" x14ac:dyDescent="0.3">
      <c r="A112179" s="13" t="s">
        <v>537</v>
      </c>
      <c r="B112179" s="14" t="s">
        <v>1</v>
      </c>
      <c r="C112179" s="14" t="s">
        <v>63</v>
      </c>
      <c r="D112179" s="14" t="s">
        <v>92</v>
      </c>
      <c r="E112179" s="15">
        <v>45500</v>
      </c>
      <c r="F112179" s="14" t="s">
        <v>28</v>
      </c>
      <c r="G112179" s="16">
        <v>1.3846344188009871</v>
      </c>
    </row>
    <row r="112180" spans="1:7" x14ac:dyDescent="0.3">
      <c r="A112180" s="13" t="s">
        <v>537</v>
      </c>
      <c r="B112180" s="14" t="s">
        <v>1</v>
      </c>
      <c r="C112180" s="14" t="s">
        <v>63</v>
      </c>
      <c r="D112180" s="14" t="s">
        <v>92</v>
      </c>
      <c r="E112180" s="15">
        <v>45501</v>
      </c>
      <c r="F112180" s="14" t="s">
        <v>28</v>
      </c>
      <c r="G112180" s="16">
        <v>1.3846344188009871</v>
      </c>
    </row>
    <row r="112181" spans="1:7" x14ac:dyDescent="0.3">
      <c r="A112181" s="13" t="s">
        <v>537</v>
      </c>
      <c r="B112181" s="14" t="s">
        <v>1</v>
      </c>
      <c r="C112181" s="14" t="s">
        <v>63</v>
      </c>
      <c r="D112181" s="14" t="s">
        <v>92</v>
      </c>
      <c r="E112181" s="15">
        <v>45502</v>
      </c>
      <c r="F112181" s="14" t="s">
        <v>28</v>
      </c>
      <c r="G112181" s="16">
        <v>1.3978697348119971</v>
      </c>
    </row>
    <row r="112182" spans="1:7" x14ac:dyDescent="0.3">
      <c r="A112182" s="13" t="s">
        <v>537</v>
      </c>
      <c r="B112182" s="14" t="s">
        <v>1</v>
      </c>
      <c r="C112182" s="14" t="s">
        <v>63</v>
      </c>
      <c r="D112182" s="14" t="s">
        <v>92</v>
      </c>
      <c r="E112182" s="15">
        <v>45503</v>
      </c>
      <c r="F112182" s="14" t="s">
        <v>28</v>
      </c>
      <c r="G112182" s="16">
        <v>1.4307650009076633</v>
      </c>
    </row>
    <row r="112183" spans="1:7" x14ac:dyDescent="0.3">
      <c r="A112183" s="13" t="s">
        <v>537</v>
      </c>
      <c r="B112183" s="14" t="s">
        <v>1</v>
      </c>
      <c r="C112183" s="14" t="s">
        <v>63</v>
      </c>
      <c r="D112183" s="14" t="s">
        <v>92</v>
      </c>
      <c r="E112183" s="15">
        <v>45504</v>
      </c>
      <c r="F112183" s="14" t="s">
        <v>28</v>
      </c>
      <c r="G112183" s="16">
        <v>1.4365243150013134</v>
      </c>
    </row>
    <row r="112184" spans="1:7" x14ac:dyDescent="0.3">
      <c r="A112184" s="13" t="s">
        <v>537</v>
      </c>
      <c r="B112184" s="14" t="s">
        <v>1</v>
      </c>
      <c r="C112184" s="14" t="s">
        <v>63</v>
      </c>
      <c r="D112184" s="14" t="s">
        <v>92</v>
      </c>
      <c r="E112184" s="15">
        <v>45505</v>
      </c>
      <c r="F112184" s="14" t="s">
        <v>28</v>
      </c>
      <c r="G112184" s="16">
        <v>1.4365243150013134</v>
      </c>
    </row>
    <row r="112185" spans="1:7" x14ac:dyDescent="0.3">
      <c r="A112185" s="13" t="s">
        <v>537</v>
      </c>
      <c r="B112185" s="14" t="s">
        <v>1</v>
      </c>
      <c r="C112185" s="14" t="s">
        <v>63</v>
      </c>
      <c r="D112185" s="14" t="s">
        <v>92</v>
      </c>
      <c r="E112185" s="15">
        <v>45506</v>
      </c>
      <c r="F112185" s="14" t="s">
        <v>28</v>
      </c>
      <c r="G112185" s="16">
        <v>1.4497049129832693</v>
      </c>
    </row>
    <row r="112186" spans="1:7" x14ac:dyDescent="0.3">
      <c r="A112186" s="13" t="s">
        <v>537</v>
      </c>
      <c r="B112186" s="14" t="s">
        <v>1</v>
      </c>
      <c r="C112186" s="14" t="s">
        <v>63</v>
      </c>
      <c r="D112186" s="14" t="s">
        <v>92</v>
      </c>
      <c r="E112186" s="15">
        <v>45507</v>
      </c>
      <c r="F112186" s="14" t="s">
        <v>28</v>
      </c>
      <c r="G112186" s="16">
        <v>1.4497049129832693</v>
      </c>
    </row>
    <row r="112187" spans="1:7" x14ac:dyDescent="0.3">
      <c r="A112187" s="13" t="s">
        <v>537</v>
      </c>
      <c r="B112187" s="14" t="s">
        <v>1</v>
      </c>
      <c r="C112187" s="14" t="s">
        <v>63</v>
      </c>
      <c r="D112187" s="14" t="s">
        <v>92</v>
      </c>
      <c r="E112187" s="15">
        <v>45508</v>
      </c>
      <c r="F112187" s="14" t="s">
        <v>28</v>
      </c>
      <c r="G112187" s="16">
        <v>1.4497049129832693</v>
      </c>
    </row>
    <row r="112188" spans="1:7" x14ac:dyDescent="0.3">
      <c r="A112188" s="13" t="s">
        <v>537</v>
      </c>
      <c r="B112188" s="14" t="s">
        <v>1</v>
      </c>
      <c r="C112188" s="14" t="s">
        <v>63</v>
      </c>
      <c r="D112188" s="14" t="s">
        <v>92</v>
      </c>
      <c r="E112188" s="15">
        <v>45509</v>
      </c>
      <c r="F112188" s="14" t="s">
        <v>28</v>
      </c>
      <c r="G112188" s="16">
        <v>1.4497049129832693</v>
      </c>
    </row>
    <row r="112189" spans="1:7" x14ac:dyDescent="0.3">
      <c r="A112189" s="13" t="s">
        <v>537</v>
      </c>
      <c r="B112189" s="14" t="s">
        <v>1</v>
      </c>
      <c r="C112189" s="14" t="s">
        <v>63</v>
      </c>
      <c r="D112189" s="14" t="s">
        <v>92</v>
      </c>
      <c r="E112189" s="15">
        <v>45510</v>
      </c>
      <c r="F112189" s="14" t="s">
        <v>28</v>
      </c>
      <c r="G112189" s="16">
        <v>1.4580730038505088</v>
      </c>
    </row>
    <row r="112190" spans="1:7" x14ac:dyDescent="0.3">
      <c r="A112190" s="13" t="s">
        <v>537</v>
      </c>
      <c r="B112190" s="14" t="s">
        <v>1</v>
      </c>
      <c r="C112190" s="14" t="s">
        <v>63</v>
      </c>
      <c r="D112190" s="14" t="s">
        <v>92</v>
      </c>
      <c r="E112190" s="15">
        <v>45511</v>
      </c>
      <c r="F112190" s="14" t="s">
        <v>28</v>
      </c>
      <c r="G112190" s="16">
        <v>1.4882018935628563</v>
      </c>
    </row>
    <row r="112191" spans="1:7" x14ac:dyDescent="0.3">
      <c r="A112191" s="13" t="s">
        <v>537</v>
      </c>
      <c r="B112191" s="14" t="s">
        <v>1</v>
      </c>
      <c r="C112191" s="14" t="s">
        <v>63</v>
      </c>
      <c r="D112191" s="14" t="s">
        <v>92</v>
      </c>
      <c r="E112191" s="15">
        <v>45512</v>
      </c>
      <c r="F112191" s="14" t="s">
        <v>28</v>
      </c>
      <c r="G112191" s="16">
        <v>1.4951777243796163</v>
      </c>
    </row>
    <row r="112192" spans="1:7" x14ac:dyDescent="0.3">
      <c r="A112192" s="13" t="s">
        <v>537</v>
      </c>
      <c r="B112192" s="14" t="s">
        <v>1</v>
      </c>
      <c r="C112192" s="14" t="s">
        <v>63</v>
      </c>
      <c r="D112192" s="14" t="s">
        <v>92</v>
      </c>
      <c r="E112192" s="15">
        <v>45513</v>
      </c>
      <c r="F112192" s="14" t="s">
        <v>28</v>
      </c>
      <c r="G112192" s="16">
        <v>1.4951777243796163</v>
      </c>
    </row>
    <row r="112193" spans="1:7" x14ac:dyDescent="0.3">
      <c r="A112193" s="13" t="s">
        <v>537</v>
      </c>
      <c r="B112193" s="14" t="s">
        <v>1</v>
      </c>
      <c r="C112193" s="14" t="s">
        <v>63</v>
      </c>
      <c r="D112193" s="14" t="s">
        <v>92</v>
      </c>
      <c r="E112193" s="15">
        <v>45514</v>
      </c>
      <c r="F112193" s="14" t="s">
        <v>28</v>
      </c>
      <c r="G112193" s="16">
        <v>1.4951777243796163</v>
      </c>
    </row>
    <row r="112194" spans="1:7" x14ac:dyDescent="0.3">
      <c r="A112194" s="13" t="s">
        <v>537</v>
      </c>
      <c r="B112194" s="14" t="s">
        <v>1</v>
      </c>
      <c r="C112194" s="14" t="s">
        <v>63</v>
      </c>
      <c r="D112194" s="14" t="s">
        <v>92</v>
      </c>
      <c r="E112194" s="15">
        <v>45515</v>
      </c>
      <c r="F112194" s="14" t="s">
        <v>28</v>
      </c>
      <c r="G112194" s="16">
        <v>1.4951777243796163</v>
      </c>
    </row>
    <row r="112195" spans="1:7" x14ac:dyDescent="0.3">
      <c r="A112195" s="13" t="s">
        <v>537</v>
      </c>
      <c r="B112195" s="14" t="s">
        <v>1</v>
      </c>
      <c r="C112195" s="14" t="s">
        <v>63</v>
      </c>
      <c r="D112195" s="14" t="s">
        <v>92</v>
      </c>
      <c r="E112195" s="15">
        <v>45516</v>
      </c>
      <c r="F112195" s="14" t="s">
        <v>28</v>
      </c>
      <c r="G112195" s="16">
        <v>1.5103324653034713</v>
      </c>
    </row>
    <row r="112196" spans="1:7" x14ac:dyDescent="0.3">
      <c r="A112196" s="13" t="s">
        <v>537</v>
      </c>
      <c r="B112196" s="14" t="s">
        <v>1</v>
      </c>
      <c r="C112196" s="14" t="s">
        <v>63</v>
      </c>
      <c r="D112196" s="14" t="s">
        <v>92</v>
      </c>
      <c r="E112196" s="15">
        <v>45517</v>
      </c>
      <c r="F112196" s="14" t="s">
        <v>28</v>
      </c>
      <c r="G112196" s="16">
        <v>1.5477222393331509</v>
      </c>
    </row>
    <row r="112197" spans="1:7" x14ac:dyDescent="0.3">
      <c r="A112197" s="13" t="s">
        <v>537</v>
      </c>
      <c r="B112197" s="14" t="s">
        <v>1</v>
      </c>
      <c r="C112197" s="14" t="s">
        <v>63</v>
      </c>
      <c r="D112197" s="14" t="s">
        <v>92</v>
      </c>
      <c r="E112197" s="15">
        <v>45518</v>
      </c>
      <c r="F112197" s="14" t="s">
        <v>28</v>
      </c>
      <c r="G112197" s="16">
        <v>1.5574004336372043</v>
      </c>
    </row>
    <row r="112198" spans="1:7" x14ac:dyDescent="0.3">
      <c r="A112198" s="13" t="s">
        <v>537</v>
      </c>
      <c r="B112198" s="14" t="s">
        <v>1</v>
      </c>
      <c r="C112198" s="14" t="s">
        <v>63</v>
      </c>
      <c r="D112198" s="14" t="s">
        <v>92</v>
      </c>
      <c r="E112198" s="15">
        <v>45519</v>
      </c>
      <c r="F112198" s="14" t="s">
        <v>28</v>
      </c>
      <c r="G112198" s="16">
        <v>1.5809514716947939</v>
      </c>
    </row>
    <row r="112199" spans="1:7" x14ac:dyDescent="0.3">
      <c r="A112199" s="13" t="s">
        <v>537</v>
      </c>
      <c r="B112199" s="14" t="s">
        <v>1</v>
      </c>
      <c r="C112199" s="14" t="s">
        <v>63</v>
      </c>
      <c r="D112199" s="14" t="s">
        <v>92</v>
      </c>
      <c r="E112199" s="15">
        <v>45520</v>
      </c>
      <c r="F112199" s="14" t="s">
        <v>28</v>
      </c>
      <c r="G112199" s="16">
        <v>1.5873796088915231</v>
      </c>
    </row>
    <row r="112200" spans="1:7" x14ac:dyDescent="0.3">
      <c r="A112200" s="13" t="s">
        <v>537</v>
      </c>
      <c r="B112200" s="14" t="s">
        <v>1</v>
      </c>
      <c r="C112200" s="14" t="s">
        <v>63</v>
      </c>
      <c r="D112200" s="14" t="s">
        <v>92</v>
      </c>
      <c r="E112200" s="15">
        <v>45521</v>
      </c>
      <c r="F112200" s="14" t="s">
        <v>28</v>
      </c>
      <c r="G112200" s="16">
        <v>1.5873796088915231</v>
      </c>
    </row>
    <row r="112201" spans="1:7" x14ac:dyDescent="0.3">
      <c r="A112201" s="13" t="s">
        <v>537</v>
      </c>
      <c r="B112201" s="14" t="s">
        <v>1</v>
      </c>
      <c r="C112201" s="14" t="s">
        <v>63</v>
      </c>
      <c r="D112201" s="14" t="s">
        <v>92</v>
      </c>
      <c r="E112201" s="15">
        <v>45522</v>
      </c>
      <c r="F112201" s="14" t="s">
        <v>28</v>
      </c>
      <c r="G112201" s="16">
        <v>1.5873796088915231</v>
      </c>
    </row>
    <row r="112202" spans="1:7" x14ac:dyDescent="0.3">
      <c r="A112202" s="13" t="s">
        <v>537</v>
      </c>
      <c r="B112202" s="14" t="s">
        <v>1</v>
      </c>
      <c r="C112202" s="14" t="s">
        <v>63</v>
      </c>
      <c r="D112202" s="14" t="s">
        <v>92</v>
      </c>
      <c r="E112202" s="15">
        <v>45523</v>
      </c>
      <c r="F112202" s="14" t="s">
        <v>28</v>
      </c>
      <c r="G112202" s="16">
        <v>1.5907052224038585</v>
      </c>
    </row>
    <row r="112203" spans="1:7" x14ac:dyDescent="0.3">
      <c r="A112203" s="13" t="s">
        <v>537</v>
      </c>
      <c r="B112203" s="14" t="s">
        <v>1</v>
      </c>
      <c r="C112203" s="14" t="s">
        <v>63</v>
      </c>
      <c r="D112203" s="14" t="s">
        <v>92</v>
      </c>
      <c r="E112203" s="15">
        <v>45524</v>
      </c>
      <c r="F112203" s="14" t="s">
        <v>28</v>
      </c>
      <c r="G112203" s="16">
        <v>1.6201658085635617</v>
      </c>
    </row>
    <row r="112204" spans="1:7" x14ac:dyDescent="0.3">
      <c r="A112204" s="13" t="s">
        <v>537</v>
      </c>
      <c r="B112204" s="14" t="s">
        <v>1</v>
      </c>
      <c r="C112204" s="14" t="s">
        <v>63</v>
      </c>
      <c r="D112204" s="14" t="s">
        <v>92</v>
      </c>
      <c r="E112204" s="15">
        <v>45525</v>
      </c>
      <c r="F112204" s="14" t="s">
        <v>28</v>
      </c>
      <c r="G112204" s="16">
        <v>1.6321478081817526</v>
      </c>
    </row>
    <row r="112205" spans="1:7" x14ac:dyDescent="0.3">
      <c r="A112205" s="13" t="s">
        <v>537</v>
      </c>
      <c r="B112205" s="14" t="s">
        <v>1</v>
      </c>
      <c r="C112205" s="14" t="s">
        <v>63</v>
      </c>
      <c r="D112205" s="14" t="s">
        <v>92</v>
      </c>
      <c r="E112205" s="15">
        <v>45526</v>
      </c>
      <c r="F112205" s="14" t="s">
        <v>28</v>
      </c>
      <c r="G112205" s="16">
        <v>1.6507018281843486</v>
      </c>
    </row>
    <row r="112206" spans="1:7" x14ac:dyDescent="0.3">
      <c r="A112206" s="13" t="s">
        <v>537</v>
      </c>
      <c r="B112206" s="14" t="s">
        <v>1</v>
      </c>
      <c r="C112206" s="14" t="s">
        <v>63</v>
      </c>
      <c r="D112206" s="14" t="s">
        <v>92</v>
      </c>
      <c r="E112206" s="15">
        <v>45527</v>
      </c>
      <c r="F112206" s="14" t="s">
        <v>28</v>
      </c>
      <c r="G112206" s="16">
        <v>1.6488939168837606</v>
      </c>
    </row>
    <row r="112207" spans="1:7" x14ac:dyDescent="0.3">
      <c r="A112207" s="13" t="s">
        <v>537</v>
      </c>
      <c r="B112207" s="14" t="s">
        <v>1</v>
      </c>
      <c r="C112207" s="14" t="s">
        <v>63</v>
      </c>
      <c r="D112207" s="14" t="s">
        <v>92</v>
      </c>
      <c r="E112207" s="15">
        <v>45528</v>
      </c>
      <c r="F112207" s="14" t="s">
        <v>28</v>
      </c>
      <c r="G112207" s="16">
        <v>1.6488939168837606</v>
      </c>
    </row>
    <row r="112208" spans="1:7" x14ac:dyDescent="0.3">
      <c r="A112208" s="13" t="s">
        <v>537</v>
      </c>
      <c r="B112208" s="14" t="s">
        <v>1</v>
      </c>
      <c r="C112208" s="14" t="s">
        <v>63</v>
      </c>
      <c r="D112208" s="14" t="s">
        <v>92</v>
      </c>
      <c r="E112208" s="15">
        <v>45529</v>
      </c>
      <c r="F112208" s="14" t="s">
        <v>28</v>
      </c>
      <c r="G112208" s="16">
        <v>1.6488939168837606</v>
      </c>
    </row>
    <row r="112209" spans="1:7" x14ac:dyDescent="0.3">
      <c r="A112209" s="13" t="s">
        <v>537</v>
      </c>
      <c r="B112209" s="14" t="s">
        <v>1</v>
      </c>
      <c r="C112209" s="14" t="s">
        <v>63</v>
      </c>
      <c r="D112209" s="14" t="s">
        <v>92</v>
      </c>
      <c r="E112209" s="15">
        <v>45530</v>
      </c>
      <c r="F112209" s="14" t="s">
        <v>28</v>
      </c>
      <c r="G112209" s="16">
        <v>1.6655306152085028</v>
      </c>
    </row>
    <row r="112210" spans="1:7" x14ac:dyDescent="0.3">
      <c r="A112210" s="13" t="s">
        <v>537</v>
      </c>
      <c r="B112210" s="14" t="s">
        <v>1</v>
      </c>
      <c r="C112210" s="14" t="s">
        <v>63</v>
      </c>
      <c r="D112210" s="14" t="s">
        <v>92</v>
      </c>
      <c r="E112210" s="15">
        <v>45531</v>
      </c>
      <c r="F112210" s="14" t="s">
        <v>28</v>
      </c>
      <c r="G112210" s="16">
        <v>1.6951276941902655</v>
      </c>
    </row>
    <row r="112211" spans="1:7" x14ac:dyDescent="0.3">
      <c r="A112211" s="13" t="s">
        <v>537</v>
      </c>
      <c r="B112211" s="14" t="s">
        <v>1</v>
      </c>
      <c r="C112211" s="14" t="s">
        <v>63</v>
      </c>
      <c r="D112211" s="14" t="s">
        <v>92</v>
      </c>
      <c r="E112211" s="15">
        <v>45532</v>
      </c>
      <c r="F112211" s="14" t="s">
        <v>28</v>
      </c>
      <c r="G112211" s="16">
        <v>1.7119094487616173</v>
      </c>
    </row>
    <row r="112212" spans="1:7" x14ac:dyDescent="0.3">
      <c r="A112212" s="13" t="s">
        <v>537</v>
      </c>
      <c r="B112212" s="14" t="s">
        <v>1</v>
      </c>
      <c r="C112212" s="14" t="s">
        <v>63</v>
      </c>
      <c r="D112212" s="14" t="s">
        <v>92</v>
      </c>
      <c r="E112212" s="15">
        <v>45533</v>
      </c>
      <c r="F112212" s="14" t="s">
        <v>28</v>
      </c>
      <c r="G112212" s="16">
        <v>1.721891043556145</v>
      </c>
    </row>
    <row r="112213" spans="1:7" x14ac:dyDescent="0.3">
      <c r="A112213" s="13" t="s">
        <v>537</v>
      </c>
      <c r="B112213" s="14" t="s">
        <v>1</v>
      </c>
      <c r="C112213" s="14" t="s">
        <v>63</v>
      </c>
      <c r="D112213" s="14" t="s">
        <v>92</v>
      </c>
      <c r="E112213" s="15">
        <v>45534</v>
      </c>
      <c r="F112213" s="14" t="s">
        <v>28</v>
      </c>
      <c r="G112213" s="16">
        <v>1.7389092184212132</v>
      </c>
    </row>
    <row r="112214" spans="1:7" x14ac:dyDescent="0.3">
      <c r="A112214" s="13" t="s">
        <v>537</v>
      </c>
      <c r="B112214" s="14" t="s">
        <v>1</v>
      </c>
      <c r="C112214" s="14" t="s">
        <v>63</v>
      </c>
      <c r="D112214" s="14" t="s">
        <v>92</v>
      </c>
      <c r="E112214" s="15">
        <v>45535</v>
      </c>
      <c r="F112214" s="14" t="s">
        <v>28</v>
      </c>
      <c r="G112214" s="16">
        <v>1.7389092184212132</v>
      </c>
    </row>
    <row r="112215" spans="1:7" x14ac:dyDescent="0.3">
      <c r="A112215" s="13" t="s">
        <v>537</v>
      </c>
      <c r="B112215" s="14" t="s">
        <v>1</v>
      </c>
      <c r="C112215" s="14" t="s">
        <v>63</v>
      </c>
      <c r="D112215" s="14" t="s">
        <v>92</v>
      </c>
      <c r="E112215" s="15">
        <v>45536</v>
      </c>
      <c r="F112215" s="14" t="s">
        <v>28</v>
      </c>
      <c r="G112215" s="16">
        <v>1.7389092184212132</v>
      </c>
    </row>
    <row r="112216" spans="1:7" x14ac:dyDescent="0.3">
      <c r="A112216" s="13" t="s">
        <v>537</v>
      </c>
      <c r="B112216" s="14" t="s">
        <v>1</v>
      </c>
      <c r="C112216" s="14" t="s">
        <v>63</v>
      </c>
      <c r="D112216" s="14" t="s">
        <v>92</v>
      </c>
      <c r="E112216" s="15">
        <v>45537</v>
      </c>
      <c r="F112216" s="14" t="s">
        <v>28</v>
      </c>
      <c r="G112216" s="16">
        <v>1.7508389972674525</v>
      </c>
    </row>
    <row r="112217" spans="1:7" x14ac:dyDescent="0.3">
      <c r="A112217" s="13" t="s">
        <v>537</v>
      </c>
      <c r="B112217" s="14" t="s">
        <v>1</v>
      </c>
      <c r="C112217" s="14" t="s">
        <v>63</v>
      </c>
      <c r="D112217" s="14" t="s">
        <v>92</v>
      </c>
      <c r="E112217" s="15">
        <v>45538</v>
      </c>
      <c r="F112217" s="14" t="s">
        <v>28</v>
      </c>
      <c r="G112217" s="16">
        <v>1.7725574850849313</v>
      </c>
    </row>
    <row r="112218" spans="1:7" x14ac:dyDescent="0.3">
      <c r="A112218" s="13" t="s">
        <v>537</v>
      </c>
      <c r="B112218" s="14" t="s">
        <v>1</v>
      </c>
      <c r="C112218" s="14" t="s">
        <v>63</v>
      </c>
      <c r="D112218" s="14" t="s">
        <v>92</v>
      </c>
      <c r="E112218" s="15">
        <v>45539</v>
      </c>
      <c r="F112218" s="14" t="s">
        <v>28</v>
      </c>
      <c r="G112218" s="16">
        <v>1.7796604561001839</v>
      </c>
    </row>
    <row r="112219" spans="1:7" x14ac:dyDescent="0.3">
      <c r="A112219" s="13" t="s">
        <v>537</v>
      </c>
      <c r="B112219" s="14" t="s">
        <v>1</v>
      </c>
      <c r="C112219" s="14" t="s">
        <v>63</v>
      </c>
      <c r="D112219" s="14" t="s">
        <v>92</v>
      </c>
      <c r="E112219" s="15">
        <v>45540</v>
      </c>
      <c r="F112219" s="14" t="s">
        <v>28</v>
      </c>
      <c r="G112219" s="16">
        <v>1.7857641764830192</v>
      </c>
    </row>
    <row r="112220" spans="1:7" x14ac:dyDescent="0.3">
      <c r="A112220" s="13" t="s">
        <v>537</v>
      </c>
      <c r="B112220" s="14" t="s">
        <v>1</v>
      </c>
      <c r="C112220" s="14" t="s">
        <v>63</v>
      </c>
      <c r="D112220" s="14" t="s">
        <v>92</v>
      </c>
      <c r="E112220" s="15">
        <v>45541</v>
      </c>
      <c r="F112220" s="14" t="s">
        <v>28</v>
      </c>
      <c r="G112220" s="16">
        <v>1.800248350872935</v>
      </c>
    </row>
    <row r="112221" spans="1:7" x14ac:dyDescent="0.3">
      <c r="A112221" s="13" t="s">
        <v>537</v>
      </c>
      <c r="B112221" s="14" t="s">
        <v>1</v>
      </c>
      <c r="C112221" s="14" t="s">
        <v>63</v>
      </c>
      <c r="D112221" s="14" t="s">
        <v>92</v>
      </c>
      <c r="E112221" s="15">
        <v>45542</v>
      </c>
      <c r="F112221" s="14" t="s">
        <v>28</v>
      </c>
      <c r="G112221" s="16">
        <v>1.800248350872935</v>
      </c>
    </row>
    <row r="112222" spans="1:7" x14ac:dyDescent="0.3">
      <c r="A112222" s="13" t="s">
        <v>537</v>
      </c>
      <c r="B112222" s="14" t="s">
        <v>1</v>
      </c>
      <c r="C112222" s="14" t="s">
        <v>63</v>
      </c>
      <c r="D112222" s="14" t="s">
        <v>92</v>
      </c>
      <c r="E112222" s="15">
        <v>45543</v>
      </c>
      <c r="F112222" s="14" t="s">
        <v>28</v>
      </c>
      <c r="G112222" s="16">
        <v>1.800248350872935</v>
      </c>
    </row>
    <row r="112223" spans="1:7" x14ac:dyDescent="0.3">
      <c r="A112223" s="13" t="s">
        <v>537</v>
      </c>
      <c r="B112223" s="14" t="s">
        <v>1</v>
      </c>
      <c r="C112223" s="14" t="s">
        <v>63</v>
      </c>
      <c r="D112223" s="14" t="s">
        <v>92</v>
      </c>
      <c r="E112223" s="15">
        <v>45544</v>
      </c>
      <c r="F112223" s="14" t="s">
        <v>28</v>
      </c>
      <c r="G112223" s="16">
        <v>1.8181177468529501</v>
      </c>
    </row>
    <row r="112224" spans="1:7" x14ac:dyDescent="0.3">
      <c r="A112224" s="13" t="s">
        <v>537</v>
      </c>
      <c r="B112224" s="14" t="s">
        <v>1</v>
      </c>
      <c r="C112224" s="14" t="s">
        <v>63</v>
      </c>
      <c r="D112224" s="14" t="s">
        <v>92</v>
      </c>
      <c r="E112224" s="15">
        <v>45545</v>
      </c>
      <c r="F112224" s="14" t="s">
        <v>28</v>
      </c>
      <c r="G112224" s="16">
        <v>1.8503489935376609</v>
      </c>
    </row>
    <row r="112225" spans="1:7" x14ac:dyDescent="0.3">
      <c r="A112225" s="13" t="s">
        <v>537</v>
      </c>
      <c r="B112225" s="14" t="s">
        <v>1</v>
      </c>
      <c r="C112225" s="14" t="s">
        <v>63</v>
      </c>
      <c r="D112225" s="14" t="s">
        <v>92</v>
      </c>
      <c r="E112225" s="15">
        <v>45546</v>
      </c>
      <c r="F112225" s="14" t="s">
        <v>28</v>
      </c>
      <c r="G112225" s="16">
        <v>1.8604090002720322</v>
      </c>
    </row>
    <row r="112226" spans="1:7" x14ac:dyDescent="0.3">
      <c r="A112226" s="13" t="s">
        <v>537</v>
      </c>
      <c r="B112226" s="14" t="s">
        <v>1</v>
      </c>
      <c r="C112226" s="14" t="s">
        <v>63</v>
      </c>
      <c r="D112226" s="14" t="s">
        <v>92</v>
      </c>
      <c r="E112226" s="15">
        <v>45547</v>
      </c>
      <c r="F112226" s="14" t="s">
        <v>28</v>
      </c>
      <c r="G112226" s="16">
        <v>1.8681764837912014</v>
      </c>
    </row>
    <row r="112227" spans="1:7" x14ac:dyDescent="0.3">
      <c r="A112227" s="13" t="s">
        <v>537</v>
      </c>
      <c r="B112227" s="14" t="s">
        <v>1</v>
      </c>
      <c r="C112227" s="14" t="s">
        <v>63</v>
      </c>
      <c r="D112227" s="14" t="s">
        <v>92</v>
      </c>
      <c r="E112227" s="15">
        <v>45548</v>
      </c>
      <c r="F112227" s="14" t="s">
        <v>28</v>
      </c>
      <c r="G112227" s="16">
        <v>1.8756293646020021</v>
      </c>
    </row>
    <row r="112228" spans="1:7" x14ac:dyDescent="0.3">
      <c r="A112228" s="13" t="s">
        <v>537</v>
      </c>
      <c r="B112228" s="14" t="s">
        <v>1</v>
      </c>
      <c r="C112228" s="14" t="s">
        <v>63</v>
      </c>
      <c r="D112228" s="14" t="s">
        <v>92</v>
      </c>
      <c r="E112228" s="15">
        <v>45549</v>
      </c>
      <c r="F112228" s="14" t="s">
        <v>28</v>
      </c>
      <c r="G112228" s="16">
        <v>1.8756293646020021</v>
      </c>
    </row>
    <row r="112229" spans="1:7" x14ac:dyDescent="0.3">
      <c r="A112229" s="13" t="s">
        <v>537</v>
      </c>
      <c r="B112229" s="14" t="s">
        <v>1</v>
      </c>
      <c r="C112229" s="14" t="s">
        <v>63</v>
      </c>
      <c r="D112229" s="14" t="s">
        <v>92</v>
      </c>
      <c r="E112229" s="15">
        <v>45550</v>
      </c>
      <c r="F112229" s="14" t="s">
        <v>28</v>
      </c>
      <c r="G112229" s="16">
        <v>1.8756293646020021</v>
      </c>
    </row>
    <row r="112230" spans="1:7" x14ac:dyDescent="0.3">
      <c r="A112230" s="13" t="s">
        <v>537</v>
      </c>
      <c r="B112230" s="14" t="s">
        <v>1</v>
      </c>
      <c r="C112230" s="14" t="s">
        <v>63</v>
      </c>
      <c r="D112230" s="14" t="s">
        <v>92</v>
      </c>
      <c r="E112230" s="15">
        <v>45551</v>
      </c>
      <c r="F112230" s="14" t="s">
        <v>28</v>
      </c>
      <c r="G112230" s="16">
        <v>1.8826291402466775</v>
      </c>
    </row>
    <row r="112231" spans="1:7" x14ac:dyDescent="0.3">
      <c r="A112231" s="13" t="s">
        <v>537</v>
      </c>
      <c r="B112231" s="14" t="s">
        <v>1</v>
      </c>
      <c r="C112231" s="14" t="s">
        <v>63</v>
      </c>
      <c r="D112231" s="14" t="s">
        <v>92</v>
      </c>
      <c r="E112231" s="15">
        <v>45552</v>
      </c>
      <c r="F112231" s="14" t="s">
        <v>28</v>
      </c>
      <c r="G112231" s="16">
        <v>1.9184524027742309</v>
      </c>
    </row>
    <row r="112232" spans="1:7" x14ac:dyDescent="0.3">
      <c r="A112232" s="13" t="s">
        <v>537</v>
      </c>
      <c r="B112232" s="14" t="s">
        <v>1</v>
      </c>
      <c r="C112232" s="14" t="s">
        <v>63</v>
      </c>
      <c r="D112232" s="14" t="s">
        <v>92</v>
      </c>
      <c r="E112232" s="15">
        <v>45553</v>
      </c>
      <c r="F112232" s="14" t="s">
        <v>28</v>
      </c>
      <c r="G112232" s="16">
        <v>1.9184524027742309</v>
      </c>
    </row>
    <row r="112233" spans="1:7" x14ac:dyDescent="0.3">
      <c r="A112233" s="13" t="s">
        <v>537</v>
      </c>
      <c r="B112233" s="14" t="s">
        <v>1</v>
      </c>
      <c r="C112233" s="14" t="s">
        <v>63</v>
      </c>
      <c r="D112233" s="14" t="s">
        <v>92</v>
      </c>
      <c r="E112233" s="15">
        <v>45554</v>
      </c>
      <c r="F112233" s="14" t="s">
        <v>28</v>
      </c>
      <c r="G112233" s="16">
        <v>1.9222051893364343</v>
      </c>
    </row>
    <row r="112234" spans="1:7" x14ac:dyDescent="0.3">
      <c r="A112234" s="13" t="s">
        <v>537</v>
      </c>
      <c r="B112234" s="14" t="s">
        <v>1</v>
      </c>
      <c r="C112234" s="14" t="s">
        <v>63</v>
      </c>
      <c r="D112234" s="14" t="s">
        <v>92</v>
      </c>
      <c r="E112234" s="15">
        <v>45555</v>
      </c>
      <c r="F112234" s="14" t="s">
        <v>28</v>
      </c>
      <c r="G112234" s="16">
        <v>1.9479546498224292</v>
      </c>
    </row>
    <row r="112235" spans="1:7" x14ac:dyDescent="0.3">
      <c r="A112235" s="13" t="s">
        <v>537</v>
      </c>
      <c r="B112235" s="14" t="s">
        <v>1</v>
      </c>
      <c r="C112235" s="14" t="s">
        <v>63</v>
      </c>
      <c r="D112235" s="14" t="s">
        <v>92</v>
      </c>
      <c r="E112235" s="15">
        <v>45556</v>
      </c>
      <c r="F112235" s="14" t="s">
        <v>28</v>
      </c>
      <c r="G112235" s="16">
        <v>1.9479546498224292</v>
      </c>
    </row>
    <row r="112236" spans="1:7" x14ac:dyDescent="0.3">
      <c r="A112236" s="13" t="s">
        <v>537</v>
      </c>
      <c r="B112236" s="14" t="s">
        <v>1</v>
      </c>
      <c r="C112236" s="14" t="s">
        <v>63</v>
      </c>
      <c r="D112236" s="14" t="s">
        <v>92</v>
      </c>
      <c r="E112236" s="15">
        <v>45557</v>
      </c>
      <c r="F112236" s="14" t="s">
        <v>28</v>
      </c>
      <c r="G112236" s="16">
        <v>1.9479546498224292</v>
      </c>
    </row>
    <row r="112237" spans="1:7" x14ac:dyDescent="0.3">
      <c r="A112237" s="13" t="s">
        <v>537</v>
      </c>
      <c r="B112237" s="14" t="s">
        <v>1</v>
      </c>
      <c r="C112237" s="14" t="s">
        <v>63</v>
      </c>
      <c r="D112237" s="14" t="s">
        <v>92</v>
      </c>
      <c r="E112237" s="15">
        <v>45558</v>
      </c>
      <c r="F112237" s="14" t="s">
        <v>28</v>
      </c>
      <c r="G112237" s="16">
        <v>1.9598795830339335</v>
      </c>
    </row>
    <row r="112238" spans="1:7" x14ac:dyDescent="0.3">
      <c r="A112238" s="13" t="s">
        <v>537</v>
      </c>
      <c r="B112238" s="14" t="s">
        <v>1</v>
      </c>
      <c r="C112238" s="14" t="s">
        <v>63</v>
      </c>
      <c r="D112238" s="14" t="s">
        <v>92</v>
      </c>
      <c r="E112238" s="15">
        <v>45559</v>
      </c>
      <c r="F112238" s="14" t="s">
        <v>28</v>
      </c>
      <c r="G112238" s="16">
        <v>1.9814045853610505</v>
      </c>
    </row>
    <row r="112239" spans="1:7" x14ac:dyDescent="0.3">
      <c r="A112239" s="13" t="s">
        <v>537</v>
      </c>
      <c r="B112239" s="14" t="s">
        <v>1</v>
      </c>
      <c r="C112239" s="14" t="s">
        <v>63</v>
      </c>
      <c r="D112239" s="14" t="s">
        <v>92</v>
      </c>
      <c r="E112239" s="15">
        <v>45560</v>
      </c>
      <c r="F112239" s="14" t="s">
        <v>28</v>
      </c>
      <c r="G112239" s="16">
        <v>2.0024553355350658</v>
      </c>
    </row>
    <row r="112240" spans="1:7" x14ac:dyDescent="0.3">
      <c r="A112240" s="13" t="s">
        <v>537</v>
      </c>
      <c r="B112240" s="14" t="s">
        <v>1</v>
      </c>
      <c r="C112240" s="14" t="s">
        <v>63</v>
      </c>
      <c r="D112240" s="14" t="s">
        <v>92</v>
      </c>
      <c r="E112240" s="15">
        <v>45561</v>
      </c>
      <c r="F112240" s="14" t="s">
        <v>28</v>
      </c>
      <c r="G112240" s="16">
        <v>2.003152444504817</v>
      </c>
    </row>
    <row r="112241" spans="1:7" x14ac:dyDescent="0.3">
      <c r="A112241" s="13" t="s">
        <v>537</v>
      </c>
      <c r="B112241" s="14" t="s">
        <v>1</v>
      </c>
      <c r="C112241" s="14" t="s">
        <v>63</v>
      </c>
      <c r="D112241" s="14" t="s">
        <v>92</v>
      </c>
      <c r="E112241" s="15">
        <v>45562</v>
      </c>
      <c r="F112241" s="14" t="s">
        <v>28</v>
      </c>
      <c r="G112241" s="16">
        <v>2.0156351927532916</v>
      </c>
    </row>
    <row r="112242" spans="1:7" x14ac:dyDescent="0.3">
      <c r="A112242" s="13" t="s">
        <v>537</v>
      </c>
      <c r="B112242" s="14" t="s">
        <v>1</v>
      </c>
      <c r="C112242" s="14" t="s">
        <v>63</v>
      </c>
      <c r="D112242" s="14" t="s">
        <v>92</v>
      </c>
      <c r="E112242" s="15">
        <v>45563</v>
      </c>
      <c r="F112242" s="14" t="s">
        <v>28</v>
      </c>
      <c r="G112242" s="16">
        <v>2.0156351927532916</v>
      </c>
    </row>
    <row r="112243" spans="1:7" x14ac:dyDescent="0.3">
      <c r="A112243" s="13" t="s">
        <v>537</v>
      </c>
      <c r="B112243" s="14" t="s">
        <v>1</v>
      </c>
      <c r="C112243" s="14" t="s">
        <v>63</v>
      </c>
      <c r="D112243" s="14" t="s">
        <v>92</v>
      </c>
      <c r="E112243" s="15">
        <v>45564</v>
      </c>
      <c r="F112243" s="14" t="s">
        <v>28</v>
      </c>
      <c r="G112243" s="16">
        <v>2.0156351927532916</v>
      </c>
    </row>
    <row r="112244" spans="1:7" x14ac:dyDescent="0.3">
      <c r="A112244" s="13" t="s">
        <v>537</v>
      </c>
      <c r="B112244" s="14" t="s">
        <v>1</v>
      </c>
      <c r="C112244" s="14" t="s">
        <v>63</v>
      </c>
      <c r="D112244" s="14" t="s">
        <v>92</v>
      </c>
      <c r="E112244" s="15">
        <v>45565</v>
      </c>
      <c r="F112244" s="14" t="s">
        <v>28</v>
      </c>
      <c r="G112244" s="16">
        <v>2.0341541892315074</v>
      </c>
    </row>
    <row r="112245" spans="1:7" x14ac:dyDescent="0.3">
      <c r="A112245" s="13" t="s">
        <v>537</v>
      </c>
      <c r="B112245" s="14" t="s">
        <v>1</v>
      </c>
      <c r="C112245" s="14" t="s">
        <v>63</v>
      </c>
      <c r="D112245" s="14" t="s">
        <v>92</v>
      </c>
      <c r="E112245" s="15">
        <v>45566</v>
      </c>
      <c r="F112245" s="14" t="s">
        <v>28</v>
      </c>
      <c r="G112245" s="16">
        <v>2.0341541892315074</v>
      </c>
    </row>
    <row r="112246" spans="1:7" x14ac:dyDescent="0.3">
      <c r="A112246" s="13" t="s">
        <v>537</v>
      </c>
      <c r="B112246" s="14" t="s">
        <v>1</v>
      </c>
      <c r="C112246" s="14" t="s">
        <v>63</v>
      </c>
      <c r="D112246" s="14" t="s">
        <v>92</v>
      </c>
      <c r="E112246" s="15">
        <v>45567</v>
      </c>
      <c r="F112246" s="14" t="s">
        <v>28</v>
      </c>
      <c r="G112246" s="16">
        <v>2.0813805386047486</v>
      </c>
    </row>
    <row r="112247" spans="1:7" x14ac:dyDescent="0.3">
      <c r="A112247" s="13" t="s">
        <v>537</v>
      </c>
      <c r="B112247" s="14" t="s">
        <v>1</v>
      </c>
      <c r="C112247" s="14" t="s">
        <v>63</v>
      </c>
      <c r="D112247" s="14" t="s">
        <v>92</v>
      </c>
      <c r="E112247" s="15">
        <v>45568</v>
      </c>
      <c r="F112247" s="14" t="s">
        <v>28</v>
      </c>
      <c r="G112247" s="16">
        <v>2.1144512132206179</v>
      </c>
    </row>
    <row r="112248" spans="1:7" x14ac:dyDescent="0.3">
      <c r="A112248" s="13" t="s">
        <v>537</v>
      </c>
      <c r="B112248" s="14" t="s">
        <v>1</v>
      </c>
      <c r="C112248" s="14" t="s">
        <v>63</v>
      </c>
      <c r="D112248" s="14" t="s">
        <v>92</v>
      </c>
      <c r="E112248" s="15">
        <v>45569</v>
      </c>
      <c r="F112248" s="14" t="s">
        <v>28</v>
      </c>
      <c r="G112248" s="16">
        <v>2.1399081273489622</v>
      </c>
    </row>
    <row r="112249" spans="1:7" x14ac:dyDescent="0.3">
      <c r="A112249" s="13" t="s">
        <v>537</v>
      </c>
      <c r="B112249" s="14" t="s">
        <v>1</v>
      </c>
      <c r="C112249" s="14" t="s">
        <v>63</v>
      </c>
      <c r="D112249" s="14" t="s">
        <v>92</v>
      </c>
      <c r="E112249" s="15">
        <v>45570</v>
      </c>
      <c r="F112249" s="14" t="s">
        <v>28</v>
      </c>
      <c r="G112249" s="16">
        <v>2.1399081273489622</v>
      </c>
    </row>
    <row r="112250" spans="1:7" x14ac:dyDescent="0.3">
      <c r="A112250" s="13" t="s">
        <v>537</v>
      </c>
      <c r="B112250" s="14" t="s">
        <v>1</v>
      </c>
      <c r="C112250" s="14" t="s">
        <v>63</v>
      </c>
      <c r="D112250" s="14" t="s">
        <v>92</v>
      </c>
      <c r="E112250" s="15">
        <v>45571</v>
      </c>
      <c r="F112250" s="14" t="s">
        <v>28</v>
      </c>
      <c r="G112250" s="16">
        <v>2.1399081273489622</v>
      </c>
    </row>
    <row r="112251" spans="1:7" x14ac:dyDescent="0.3">
      <c r="A112251" s="13" t="s">
        <v>537</v>
      </c>
      <c r="B112251" s="14" t="s">
        <v>1</v>
      </c>
      <c r="C112251" s="14" t="s">
        <v>63</v>
      </c>
      <c r="D112251" s="14" t="s">
        <v>92</v>
      </c>
      <c r="E112251" s="15">
        <v>45572</v>
      </c>
      <c r="F112251" s="14" t="s">
        <v>28</v>
      </c>
      <c r="G112251" s="16">
        <v>2.1528057740994053</v>
      </c>
    </row>
    <row r="112252" spans="1:7" x14ac:dyDescent="0.3">
      <c r="A112252" s="13" t="s">
        <v>537</v>
      </c>
      <c r="B112252" s="14" t="s">
        <v>1</v>
      </c>
      <c r="C112252" s="14" t="s">
        <v>63</v>
      </c>
      <c r="D112252" s="14" t="s">
        <v>92</v>
      </c>
      <c r="E112252" s="15">
        <v>45573</v>
      </c>
      <c r="F112252" s="14" t="s">
        <v>28</v>
      </c>
      <c r="G112252" s="16">
        <v>2.1868109742367712</v>
      </c>
    </row>
    <row r="112253" spans="1:7" x14ac:dyDescent="0.3">
      <c r="A112253" s="13" t="s">
        <v>537</v>
      </c>
      <c r="B112253" s="14" t="s">
        <v>1</v>
      </c>
      <c r="C112253" s="14" t="s">
        <v>63</v>
      </c>
      <c r="D112253" s="14" t="s">
        <v>92</v>
      </c>
      <c r="E112253" s="15">
        <v>45574</v>
      </c>
      <c r="F112253" s="14" t="s">
        <v>28</v>
      </c>
      <c r="G112253" s="16">
        <v>2.2118710501271734</v>
      </c>
    </row>
    <row r="112254" spans="1:7" x14ac:dyDescent="0.3">
      <c r="A112254" s="13" t="s">
        <v>537</v>
      </c>
      <c r="B112254" s="14" t="s">
        <v>1</v>
      </c>
      <c r="C112254" s="14" t="s">
        <v>63</v>
      </c>
      <c r="D112254" s="14" t="s">
        <v>92</v>
      </c>
      <c r="E112254" s="15">
        <v>45575</v>
      </c>
      <c r="F112254" s="14" t="s">
        <v>28</v>
      </c>
      <c r="G112254" s="16">
        <v>2.2212958135875396</v>
      </c>
    </row>
    <row r="112255" spans="1:7" x14ac:dyDescent="0.3">
      <c r="A112255" s="13" t="s">
        <v>537</v>
      </c>
      <c r="B112255" s="14" t="s">
        <v>1</v>
      </c>
      <c r="C112255" s="14" t="s">
        <v>63</v>
      </c>
      <c r="D112255" s="14" t="s">
        <v>92</v>
      </c>
      <c r="E112255" s="15">
        <v>45576</v>
      </c>
      <c r="F112255" s="14" t="s">
        <v>28</v>
      </c>
      <c r="G112255" s="16">
        <v>2.2212958135875396</v>
      </c>
    </row>
    <row r="112256" spans="1:7" x14ac:dyDescent="0.3">
      <c r="A112256" s="13" t="s">
        <v>537</v>
      </c>
      <c r="B112256" s="14" t="s">
        <v>1</v>
      </c>
      <c r="C112256" s="14" t="s">
        <v>63</v>
      </c>
      <c r="D112256" s="14" t="s">
        <v>92</v>
      </c>
      <c r="E112256" s="15">
        <v>45577</v>
      </c>
      <c r="F112256" s="14" t="s">
        <v>28</v>
      </c>
      <c r="G112256" s="16">
        <v>2.2212958135875396</v>
      </c>
    </row>
    <row r="112257" spans="1:7" x14ac:dyDescent="0.3">
      <c r="A112257" s="13" t="s">
        <v>537</v>
      </c>
      <c r="B112257" s="14" t="s">
        <v>1</v>
      </c>
      <c r="C112257" s="14" t="s">
        <v>63</v>
      </c>
      <c r="D112257" s="14" t="s">
        <v>92</v>
      </c>
      <c r="E112257" s="15">
        <v>45578</v>
      </c>
      <c r="F112257" s="14" t="s">
        <v>28</v>
      </c>
      <c r="G112257" s="16">
        <v>2.2212958135875396</v>
      </c>
    </row>
    <row r="112258" spans="1:7" x14ac:dyDescent="0.3">
      <c r="A112258" s="13" t="s">
        <v>537</v>
      </c>
      <c r="B112258" s="14" t="s">
        <v>1</v>
      </c>
      <c r="C112258" s="14" t="s">
        <v>63</v>
      </c>
      <c r="D112258" s="14" t="s">
        <v>92</v>
      </c>
      <c r="E112258" s="15">
        <v>45579</v>
      </c>
      <c r="F112258" s="14" t="s">
        <v>28</v>
      </c>
      <c r="G112258" s="16">
        <v>2.2393408381363527</v>
      </c>
    </row>
    <row r="112259" spans="1:7" x14ac:dyDescent="0.3">
      <c r="A112259" s="13" t="s">
        <v>537</v>
      </c>
      <c r="B112259" s="14" t="s">
        <v>1</v>
      </c>
      <c r="C112259" s="14" t="s">
        <v>63</v>
      </c>
      <c r="D112259" s="14" t="s">
        <v>92</v>
      </c>
      <c r="E112259" s="15">
        <v>45580</v>
      </c>
      <c r="F112259" s="14" t="s">
        <v>28</v>
      </c>
      <c r="G112259" s="16">
        <v>2.285901523969077</v>
      </c>
    </row>
    <row r="112260" spans="1:7" x14ac:dyDescent="0.3">
      <c r="A112260" s="13" t="s">
        <v>537</v>
      </c>
      <c r="B112260" s="14" t="s">
        <v>1</v>
      </c>
      <c r="C112260" s="14" t="s">
        <v>63</v>
      </c>
      <c r="D112260" s="14" t="s">
        <v>92</v>
      </c>
      <c r="E112260" s="15">
        <v>45581</v>
      </c>
      <c r="F112260" s="14" t="s">
        <v>28</v>
      </c>
      <c r="G112260" s="16">
        <v>2.3046262833047462</v>
      </c>
    </row>
    <row r="112261" spans="1:7" x14ac:dyDescent="0.3">
      <c r="A112261" s="13" t="s">
        <v>537</v>
      </c>
      <c r="B112261" s="14" t="s">
        <v>1</v>
      </c>
      <c r="C112261" s="14" t="s">
        <v>63</v>
      </c>
      <c r="D112261" s="14" t="s">
        <v>92</v>
      </c>
      <c r="E112261" s="15">
        <v>45582</v>
      </c>
      <c r="F112261" s="14" t="s">
        <v>28</v>
      </c>
      <c r="G112261" s="16">
        <v>2.3187618591099257</v>
      </c>
    </row>
    <row r="112262" spans="1:7" x14ac:dyDescent="0.3">
      <c r="A112262" s="13" t="s">
        <v>537</v>
      </c>
      <c r="B112262" s="14" t="s">
        <v>1</v>
      </c>
      <c r="C112262" s="14" t="s">
        <v>63</v>
      </c>
      <c r="D112262" s="14" t="s">
        <v>92</v>
      </c>
      <c r="E112262" s="15">
        <v>45583</v>
      </c>
      <c r="F112262" s="14" t="s">
        <v>28</v>
      </c>
      <c r="G112262" s="16">
        <v>2.3236323724609105</v>
      </c>
    </row>
    <row r="112263" spans="1:7" x14ac:dyDescent="0.3">
      <c r="A112263" s="13" t="s">
        <v>537</v>
      </c>
      <c r="B112263" s="14" t="s">
        <v>1</v>
      </c>
      <c r="C112263" s="14" t="s">
        <v>63</v>
      </c>
      <c r="D112263" s="14" t="s">
        <v>92</v>
      </c>
      <c r="E112263" s="15">
        <v>45584</v>
      </c>
      <c r="F112263" s="14" t="s">
        <v>28</v>
      </c>
      <c r="G112263" s="16">
        <v>2.3236323724609105</v>
      </c>
    </row>
    <row r="112264" spans="1:7" x14ac:dyDescent="0.3">
      <c r="A112264" s="13" t="s">
        <v>537</v>
      </c>
      <c r="B112264" s="14" t="s">
        <v>1</v>
      </c>
      <c r="C112264" s="14" t="s">
        <v>63</v>
      </c>
      <c r="D112264" s="14" t="s">
        <v>92</v>
      </c>
      <c r="E112264" s="15">
        <v>45585</v>
      </c>
      <c r="F112264" s="14" t="s">
        <v>28</v>
      </c>
      <c r="G112264" s="16">
        <v>2.3236323724609105</v>
      </c>
    </row>
    <row r="112265" spans="1:7" x14ac:dyDescent="0.3">
      <c r="A112265" s="13" t="s">
        <v>537</v>
      </c>
      <c r="B112265" s="14" t="s">
        <v>1</v>
      </c>
      <c r="C112265" s="14" t="s">
        <v>63</v>
      </c>
      <c r="D112265" s="14" t="s">
        <v>92</v>
      </c>
      <c r="E112265" s="15">
        <v>45586</v>
      </c>
      <c r="F112265" s="14" t="s">
        <v>28</v>
      </c>
      <c r="G112265" s="16">
        <v>2.3515238025215486</v>
      </c>
    </row>
    <row r="112266" spans="1:7" x14ac:dyDescent="0.3">
      <c r="A112266" s="13" t="s">
        <v>537</v>
      </c>
      <c r="B112266" s="14" t="s">
        <v>1</v>
      </c>
      <c r="C112266" s="14" t="s">
        <v>63</v>
      </c>
      <c r="D112266" s="14" t="s">
        <v>92</v>
      </c>
      <c r="E112266" s="15">
        <v>45587</v>
      </c>
      <c r="F112266" s="14" t="s">
        <v>28</v>
      </c>
      <c r="G112266" s="16">
        <v>2.3858998057354266</v>
      </c>
    </row>
    <row r="112267" spans="1:7" x14ac:dyDescent="0.3">
      <c r="A112267" s="13" t="s">
        <v>537</v>
      </c>
      <c r="B112267" s="14" t="s">
        <v>1</v>
      </c>
      <c r="C112267" s="14" t="s">
        <v>63</v>
      </c>
      <c r="D112267" s="14" t="s">
        <v>92</v>
      </c>
      <c r="E112267" s="15">
        <v>45588</v>
      </c>
      <c r="F112267" s="14" t="s">
        <v>28</v>
      </c>
      <c r="G112267" s="16">
        <v>2.4094156685985246</v>
      </c>
    </row>
    <row r="112268" spans="1:7" x14ac:dyDescent="0.3">
      <c r="A112268" s="13" t="s">
        <v>537</v>
      </c>
      <c r="B112268" s="14" t="s">
        <v>1</v>
      </c>
      <c r="C112268" s="14" t="s">
        <v>63</v>
      </c>
      <c r="D112268" s="14" t="s">
        <v>92</v>
      </c>
      <c r="E112268" s="15">
        <v>45589</v>
      </c>
      <c r="F112268" s="14" t="s">
        <v>28</v>
      </c>
      <c r="G112268" s="16">
        <v>2.4119912205097558</v>
      </c>
    </row>
    <row r="112269" spans="1:7" x14ac:dyDescent="0.3">
      <c r="A112269" s="13" t="s">
        <v>537</v>
      </c>
      <c r="B112269" s="14" t="s">
        <v>1</v>
      </c>
      <c r="C112269" s="14" t="s">
        <v>63</v>
      </c>
      <c r="D112269" s="14" t="s">
        <v>92</v>
      </c>
      <c r="E112269" s="15">
        <v>45590</v>
      </c>
      <c r="F112269" s="14" t="s">
        <v>28</v>
      </c>
      <c r="G112269" s="16">
        <v>2.4306407144868887</v>
      </c>
    </row>
    <row r="112270" spans="1:7" x14ac:dyDescent="0.3">
      <c r="A112270" s="13" t="s">
        <v>537</v>
      </c>
      <c r="B112270" s="14" t="s">
        <v>1</v>
      </c>
      <c r="C112270" s="14" t="s">
        <v>63</v>
      </c>
      <c r="D112270" s="14" t="s">
        <v>92</v>
      </c>
      <c r="E112270" s="15">
        <v>45591</v>
      </c>
      <c r="F112270" s="14" t="s">
        <v>28</v>
      </c>
      <c r="G112270" s="16">
        <v>2.4306407144868887</v>
      </c>
    </row>
    <row r="112271" spans="1:7" x14ac:dyDescent="0.3">
      <c r="A112271" s="13" t="s">
        <v>537</v>
      </c>
      <c r="B112271" s="14" t="s">
        <v>1</v>
      </c>
      <c r="C112271" s="14" t="s">
        <v>63</v>
      </c>
      <c r="D112271" s="14" t="s">
        <v>92</v>
      </c>
      <c r="E112271" s="15">
        <v>45592</v>
      </c>
      <c r="F112271" s="14" t="s">
        <v>28</v>
      </c>
      <c r="G112271" s="16">
        <v>2.4306407144868887</v>
      </c>
    </row>
    <row r="112272" spans="1:7" x14ac:dyDescent="0.3">
      <c r="A112272" s="13" t="s">
        <v>537</v>
      </c>
      <c r="B112272" s="14" t="s">
        <v>1</v>
      </c>
      <c r="C112272" s="14" t="s">
        <v>63</v>
      </c>
      <c r="D112272" s="14" t="s">
        <v>92</v>
      </c>
      <c r="E112272" s="15">
        <v>45593</v>
      </c>
      <c r="F112272" s="14" t="s">
        <v>28</v>
      </c>
      <c r="G112272" s="16">
        <v>2.4306407144868887</v>
      </c>
    </row>
    <row r="112273" spans="1:7" x14ac:dyDescent="0.3">
      <c r="A112273" s="13" t="s">
        <v>537</v>
      </c>
      <c r="B112273" s="14" t="s">
        <v>1</v>
      </c>
      <c r="C112273" s="14" t="s">
        <v>63</v>
      </c>
      <c r="D112273" s="14" t="s">
        <v>92</v>
      </c>
      <c r="E112273" s="15">
        <v>45594</v>
      </c>
      <c r="F112273" s="14" t="s">
        <v>28</v>
      </c>
      <c r="G112273" s="16">
        <v>2.4497969412303733</v>
      </c>
    </row>
    <row r="112274" spans="1:7" x14ac:dyDescent="0.3">
      <c r="A112274" s="13" t="s">
        <v>537</v>
      </c>
      <c r="B112274" s="14" t="s">
        <v>1</v>
      </c>
      <c r="C112274" s="14" t="s">
        <v>63</v>
      </c>
      <c r="D112274" s="14" t="s">
        <v>92</v>
      </c>
      <c r="E112274" s="15">
        <v>45595</v>
      </c>
      <c r="F112274" s="14" t="s">
        <v>28</v>
      </c>
      <c r="G112274" s="16">
        <v>2.4985654430881961</v>
      </c>
    </row>
    <row r="112275" spans="1:7" x14ac:dyDescent="0.3">
      <c r="A112275" s="13" t="s">
        <v>537</v>
      </c>
      <c r="B112275" s="14" t="s">
        <v>1</v>
      </c>
      <c r="C112275" s="14" t="s">
        <v>63</v>
      </c>
      <c r="D112275" s="14" t="s">
        <v>92</v>
      </c>
      <c r="E112275" s="15">
        <v>45596</v>
      </c>
      <c r="F112275" s="14" t="s">
        <v>28</v>
      </c>
      <c r="G112275" s="16">
        <v>2.4985654430881961</v>
      </c>
    </row>
    <row r="112276" spans="1:7" x14ac:dyDescent="0.3">
      <c r="A112276" s="13" t="s">
        <v>537</v>
      </c>
      <c r="B112276" s="14" t="s">
        <v>1</v>
      </c>
      <c r="C112276" s="14" t="s">
        <v>63</v>
      </c>
      <c r="D112276" s="14" t="s">
        <v>92</v>
      </c>
      <c r="E112276" s="15">
        <v>45597</v>
      </c>
      <c r="F112276" s="14" t="s">
        <v>28</v>
      </c>
      <c r="G112276" s="16">
        <v>2.5164770101526863</v>
      </c>
    </row>
    <row r="112277" spans="1:7" x14ac:dyDescent="0.3">
      <c r="A112277" s="13" t="s">
        <v>537</v>
      </c>
      <c r="B112277" s="14" t="s">
        <v>1</v>
      </c>
      <c r="C112277" s="14" t="s">
        <v>63</v>
      </c>
      <c r="D112277" s="14" t="s">
        <v>92</v>
      </c>
      <c r="E112277" s="15">
        <v>45598</v>
      </c>
      <c r="F112277" s="14" t="s">
        <v>28</v>
      </c>
      <c r="G112277" s="16">
        <v>2.5164770101526863</v>
      </c>
    </row>
    <row r="112278" spans="1:7" x14ac:dyDescent="0.3">
      <c r="A112278" s="13" t="s">
        <v>537</v>
      </c>
      <c r="B112278" s="14" t="s">
        <v>1</v>
      </c>
      <c r="C112278" s="14" t="s">
        <v>63</v>
      </c>
      <c r="D112278" s="14" t="s">
        <v>92</v>
      </c>
      <c r="E112278" s="15">
        <v>45599</v>
      </c>
      <c r="F112278" s="14" t="s">
        <v>28</v>
      </c>
      <c r="G112278" s="16">
        <v>2.5164770101526863</v>
      </c>
    </row>
    <row r="112279" spans="1:7" x14ac:dyDescent="0.3">
      <c r="A112279" s="13" t="s">
        <v>537</v>
      </c>
      <c r="B112279" s="14" t="s">
        <v>1</v>
      </c>
      <c r="C112279" s="14" t="s">
        <v>63</v>
      </c>
      <c r="D112279" s="14" t="s">
        <v>92</v>
      </c>
      <c r="E112279" s="15">
        <v>45600</v>
      </c>
      <c r="F112279" s="14" t="s">
        <v>28</v>
      </c>
      <c r="G112279" s="16">
        <v>2.5162591469050395</v>
      </c>
    </row>
    <row r="112280" spans="1:7" x14ac:dyDescent="0.3">
      <c r="A112280" s="13" t="s">
        <v>537</v>
      </c>
      <c r="B112280" s="14" t="s">
        <v>1</v>
      </c>
      <c r="C112280" s="14" t="s">
        <v>63</v>
      </c>
      <c r="D112280" s="14" t="s">
        <v>92</v>
      </c>
      <c r="E112280" s="15">
        <v>45601</v>
      </c>
      <c r="F112280" s="14" t="s">
        <v>28</v>
      </c>
      <c r="G112280" s="16">
        <v>2.5384022399244621</v>
      </c>
    </row>
    <row r="112281" spans="1:7" x14ac:dyDescent="0.3">
      <c r="A112281" s="13" t="s">
        <v>537</v>
      </c>
      <c r="B112281" s="14" t="s">
        <v>1</v>
      </c>
      <c r="C112281" s="14" t="s">
        <v>63</v>
      </c>
      <c r="D112281" s="14" t="s">
        <v>92</v>
      </c>
      <c r="E112281" s="15">
        <v>45602</v>
      </c>
      <c r="F112281" s="14" t="s">
        <v>28</v>
      </c>
      <c r="G112281" s="16">
        <v>2.5875342889437558</v>
      </c>
    </row>
    <row r="112282" spans="1:7" x14ac:dyDescent="0.3">
      <c r="A112282" s="13" t="s">
        <v>537</v>
      </c>
      <c r="B112282" s="14" t="s">
        <v>1</v>
      </c>
      <c r="C112282" s="14" t="s">
        <v>63</v>
      </c>
      <c r="D112282" s="14" t="s">
        <v>92</v>
      </c>
      <c r="E112282" s="15">
        <v>45603</v>
      </c>
      <c r="F112282" s="14" t="s">
        <v>28</v>
      </c>
      <c r="G112282" s="16">
        <v>2.5740134980654892</v>
      </c>
    </row>
    <row r="112283" spans="1:7" x14ac:dyDescent="0.3">
      <c r="A112283" s="13" t="s">
        <v>537</v>
      </c>
      <c r="B112283" s="14" t="s">
        <v>1</v>
      </c>
      <c r="C112283" s="14" t="s">
        <v>63</v>
      </c>
      <c r="D112283" s="14" t="s">
        <v>92</v>
      </c>
      <c r="E112283" s="15">
        <v>45604</v>
      </c>
      <c r="F112283" s="14" t="s">
        <v>28</v>
      </c>
      <c r="G112283" s="16">
        <v>2.5992363062093538</v>
      </c>
    </row>
    <row r="112284" spans="1:7" x14ac:dyDescent="0.3">
      <c r="A112284" s="13" t="s">
        <v>537</v>
      </c>
      <c r="B112284" s="14" t="s">
        <v>1</v>
      </c>
      <c r="C112284" s="14" t="s">
        <v>63</v>
      </c>
      <c r="D112284" s="14" t="s">
        <v>92</v>
      </c>
      <c r="E112284" s="15">
        <v>45605</v>
      </c>
      <c r="F112284" s="14" t="s">
        <v>28</v>
      </c>
      <c r="G112284" s="16">
        <v>2.5992363062093538</v>
      </c>
    </row>
    <row r="112285" spans="1:7" x14ac:dyDescent="0.3">
      <c r="A112285" s="13" t="s">
        <v>537</v>
      </c>
      <c r="B112285" s="14" t="s">
        <v>1</v>
      </c>
      <c r="C112285" s="14" t="s">
        <v>63</v>
      </c>
      <c r="D112285" s="14" t="s">
        <v>92</v>
      </c>
      <c r="E112285" s="15">
        <v>45606</v>
      </c>
      <c r="F112285" s="14" t="s">
        <v>28</v>
      </c>
      <c r="G112285" s="16">
        <v>2.5992363062093538</v>
      </c>
    </row>
    <row r="112286" spans="1:7" x14ac:dyDescent="0.3">
      <c r="A112286" s="13" t="s">
        <v>537</v>
      </c>
      <c r="B112286" s="14" t="s">
        <v>1</v>
      </c>
      <c r="C112286" s="14" t="s">
        <v>63</v>
      </c>
      <c r="D112286" s="14" t="s">
        <v>92</v>
      </c>
      <c r="E112286" s="15">
        <v>45607</v>
      </c>
      <c r="F112286" s="14" t="s">
        <v>28</v>
      </c>
      <c r="G112286" s="16">
        <v>2.6266827148745961</v>
      </c>
    </row>
    <row r="112287" spans="1:7" x14ac:dyDescent="0.3">
      <c r="A112287" s="13" t="s">
        <v>537</v>
      </c>
      <c r="B112287" s="14" t="s">
        <v>1</v>
      </c>
      <c r="C112287" s="14" t="s">
        <v>63</v>
      </c>
      <c r="D112287" s="14" t="s">
        <v>92</v>
      </c>
      <c r="E112287" s="15">
        <v>45608</v>
      </c>
      <c r="F112287" s="14" t="s">
        <v>28</v>
      </c>
      <c r="G112287" s="16">
        <v>2.6703264610972917</v>
      </c>
    </row>
    <row r="112288" spans="1:7" x14ac:dyDescent="0.3">
      <c r="A112288" s="13" t="s">
        <v>537</v>
      </c>
      <c r="B112288" s="14" t="s">
        <v>1</v>
      </c>
      <c r="C112288" s="14" t="s">
        <v>63</v>
      </c>
      <c r="D112288" s="14" t="s">
        <v>92</v>
      </c>
      <c r="E112288" s="15">
        <v>45609</v>
      </c>
      <c r="F112288" s="14" t="s">
        <v>28</v>
      </c>
      <c r="G112288" s="16">
        <v>2.6999971869925306</v>
      </c>
    </row>
    <row r="112289" spans="1:7" x14ac:dyDescent="0.3">
      <c r="A112289" s="13" t="s">
        <v>537</v>
      </c>
      <c r="B112289" s="14" t="s">
        <v>1</v>
      </c>
      <c r="C112289" s="14" t="s">
        <v>63</v>
      </c>
      <c r="D112289" s="14" t="s">
        <v>92</v>
      </c>
      <c r="E112289" s="15">
        <v>45610</v>
      </c>
      <c r="F112289" s="14" t="s">
        <v>28</v>
      </c>
      <c r="G112289" s="16">
        <v>2.7174396970843464</v>
      </c>
    </row>
    <row r="112290" spans="1:7" x14ac:dyDescent="0.3">
      <c r="A112290" s="13" t="s">
        <v>537</v>
      </c>
      <c r="B112290" s="14" t="s">
        <v>1</v>
      </c>
      <c r="C112290" s="14" t="s">
        <v>63</v>
      </c>
      <c r="D112290" s="14" t="s">
        <v>92</v>
      </c>
      <c r="E112290" s="15">
        <v>45611</v>
      </c>
      <c r="F112290" s="14" t="s">
        <v>28</v>
      </c>
      <c r="G112290" s="16">
        <v>2.7223841018601145</v>
      </c>
    </row>
    <row r="112291" spans="1:7" x14ac:dyDescent="0.3">
      <c r="A112291" s="13" t="s">
        <v>537</v>
      </c>
      <c r="B112291" s="14" t="s">
        <v>1</v>
      </c>
      <c r="C112291" s="14" t="s">
        <v>63</v>
      </c>
      <c r="D112291" s="14" t="s">
        <v>92</v>
      </c>
      <c r="E112291" s="15">
        <v>45612</v>
      </c>
      <c r="F112291" s="14" t="s">
        <v>28</v>
      </c>
      <c r="G112291" s="16">
        <v>2.7223841018601145</v>
      </c>
    </row>
    <row r="112292" spans="1:7" x14ac:dyDescent="0.3">
      <c r="A112292" s="13" t="s">
        <v>537</v>
      </c>
      <c r="B112292" s="14" t="s">
        <v>1</v>
      </c>
      <c r="C112292" s="14" t="s">
        <v>63</v>
      </c>
      <c r="D112292" s="14" t="s">
        <v>92</v>
      </c>
      <c r="E112292" s="15">
        <v>45613</v>
      </c>
      <c r="F112292" s="14" t="s">
        <v>28</v>
      </c>
      <c r="G112292" s="16">
        <v>2.7223841018601145</v>
      </c>
    </row>
    <row r="112293" spans="1:7" x14ac:dyDescent="0.3">
      <c r="A112293" s="13" t="s">
        <v>537</v>
      </c>
      <c r="B112293" s="14" t="s">
        <v>1</v>
      </c>
      <c r="C112293" s="14" t="s">
        <v>63</v>
      </c>
      <c r="D112293" s="14" t="s">
        <v>92</v>
      </c>
      <c r="E112293" s="15">
        <v>45614</v>
      </c>
      <c r="F112293" s="14" t="s">
        <v>28</v>
      </c>
      <c r="G112293" s="16">
        <v>2.7256220671773947</v>
      </c>
    </row>
    <row r="112294" spans="1:7" x14ac:dyDescent="0.3">
      <c r="A112294" s="13" t="s">
        <v>537</v>
      </c>
      <c r="B112294" s="14" t="s">
        <v>1</v>
      </c>
      <c r="C112294" s="14" t="s">
        <v>63</v>
      </c>
      <c r="D112294" s="14" t="s">
        <v>92</v>
      </c>
      <c r="E112294" s="15">
        <v>45615</v>
      </c>
      <c r="F112294" s="14" t="s">
        <v>28</v>
      </c>
      <c r="G112294" s="16">
        <v>2.7644737627656704</v>
      </c>
    </row>
    <row r="112295" spans="1:7" x14ac:dyDescent="0.3">
      <c r="A112295" s="13" t="s">
        <v>537</v>
      </c>
      <c r="B112295" s="14" t="s">
        <v>1</v>
      </c>
      <c r="C112295" s="14" t="s">
        <v>63</v>
      </c>
      <c r="D112295" s="14" t="s">
        <v>92</v>
      </c>
      <c r="E112295" s="15">
        <v>45616</v>
      </c>
      <c r="F112295" s="14" t="s">
        <v>28</v>
      </c>
      <c r="G112295" s="16">
        <v>2.785843536118854</v>
      </c>
    </row>
    <row r="112296" spans="1:7" x14ac:dyDescent="0.3">
      <c r="A112296" s="13" t="s">
        <v>537</v>
      </c>
      <c r="B112296" s="14" t="s">
        <v>1</v>
      </c>
      <c r="C112296" s="14" t="s">
        <v>63</v>
      </c>
      <c r="D112296" s="14" t="s">
        <v>92</v>
      </c>
      <c r="E112296" s="15">
        <v>45617</v>
      </c>
      <c r="F112296" s="14" t="s">
        <v>28</v>
      </c>
      <c r="G112296" s="16">
        <v>2.8052976719796097</v>
      </c>
    </row>
    <row r="112297" spans="1:7" x14ac:dyDescent="0.3">
      <c r="A112297" s="13" t="s">
        <v>537</v>
      </c>
      <c r="B112297" s="14" t="s">
        <v>1</v>
      </c>
      <c r="C112297" s="14" t="s">
        <v>63</v>
      </c>
      <c r="D112297" s="14" t="s">
        <v>92</v>
      </c>
      <c r="E112297" s="15">
        <v>45618</v>
      </c>
      <c r="F112297" s="14" t="s">
        <v>28</v>
      </c>
      <c r="G112297" s="16">
        <v>2.8172059806817185</v>
      </c>
    </row>
    <row r="112298" spans="1:7" x14ac:dyDescent="0.3">
      <c r="A112298" s="13" t="s">
        <v>537</v>
      </c>
      <c r="B112298" s="14" t="s">
        <v>1</v>
      </c>
      <c r="C112298" s="14" t="s">
        <v>63</v>
      </c>
      <c r="D112298" s="14" t="s">
        <v>92</v>
      </c>
      <c r="E112298" s="15">
        <v>45619</v>
      </c>
      <c r="F112298" s="14" t="s">
        <v>28</v>
      </c>
      <c r="G112298" s="16">
        <v>2.8172059806817185</v>
      </c>
    </row>
    <row r="112299" spans="1:7" x14ac:dyDescent="0.3">
      <c r="A112299" s="13" t="s">
        <v>537</v>
      </c>
      <c r="B112299" s="14" t="s">
        <v>1</v>
      </c>
      <c r="C112299" s="14" t="s">
        <v>63</v>
      </c>
      <c r="D112299" s="14" t="s">
        <v>92</v>
      </c>
      <c r="E112299" s="15">
        <v>45620</v>
      </c>
      <c r="F112299" s="14" t="s">
        <v>28</v>
      </c>
      <c r="G112299" s="16">
        <v>2.8172059806817185</v>
      </c>
    </row>
    <row r="112300" spans="1:7" x14ac:dyDescent="0.3">
      <c r="A112300" s="13" t="s">
        <v>537</v>
      </c>
      <c r="B112300" s="14" t="s">
        <v>1</v>
      </c>
      <c r="C112300" s="14" t="s">
        <v>63</v>
      </c>
      <c r="D112300" s="14" t="s">
        <v>92</v>
      </c>
      <c r="E112300" s="15">
        <v>45621</v>
      </c>
      <c r="F112300" s="14" t="s">
        <v>28</v>
      </c>
      <c r="G112300" s="16">
        <v>2.8274898239024049</v>
      </c>
    </row>
    <row r="112301" spans="1:7" x14ac:dyDescent="0.3">
      <c r="A112301" s="13" t="s">
        <v>537</v>
      </c>
      <c r="B112301" s="14" t="s">
        <v>1</v>
      </c>
      <c r="C112301" s="14" t="s">
        <v>63</v>
      </c>
      <c r="D112301" s="14" t="s">
        <v>92</v>
      </c>
      <c r="E112301" s="15">
        <v>45622</v>
      </c>
      <c r="F112301" s="14" t="s">
        <v>28</v>
      </c>
      <c r="G112301" s="16">
        <v>2.8648784384428803</v>
      </c>
    </row>
    <row r="112302" spans="1:7" x14ac:dyDescent="0.3">
      <c r="A112302" s="13" t="s">
        <v>537</v>
      </c>
      <c r="B112302" s="14" t="s">
        <v>1</v>
      </c>
      <c r="C112302" s="14" t="s">
        <v>63</v>
      </c>
      <c r="D112302" s="14" t="s">
        <v>92</v>
      </c>
      <c r="E112302" s="15">
        <v>45623</v>
      </c>
      <c r="F112302" s="14" t="s">
        <v>28</v>
      </c>
      <c r="G112302" s="16">
        <v>2.8591105763972027</v>
      </c>
    </row>
    <row r="112303" spans="1:7" x14ac:dyDescent="0.3">
      <c r="A112303" s="13" t="s">
        <v>537</v>
      </c>
      <c r="B112303" s="14" t="s">
        <v>1</v>
      </c>
      <c r="C112303" s="14" t="s">
        <v>63</v>
      </c>
      <c r="D112303" s="14" t="s">
        <v>92</v>
      </c>
      <c r="E112303" s="15">
        <v>45624</v>
      </c>
      <c r="F112303" s="14" t="s">
        <v>28</v>
      </c>
      <c r="G112303" s="16">
        <v>2.877672020632164</v>
      </c>
    </row>
    <row r="112304" spans="1:7" x14ac:dyDescent="0.3">
      <c r="A112304" s="13" t="s">
        <v>537</v>
      </c>
      <c r="B112304" s="14" t="s">
        <v>1</v>
      </c>
      <c r="C112304" s="14" t="s">
        <v>63</v>
      </c>
      <c r="D112304" s="14" t="s">
        <v>92</v>
      </c>
      <c r="E112304" s="15">
        <v>45625</v>
      </c>
      <c r="F112304" s="14" t="s">
        <v>28</v>
      </c>
      <c r="G112304" s="16">
        <v>2.882069777171548</v>
      </c>
    </row>
    <row r="112305" spans="1:7" x14ac:dyDescent="0.3">
      <c r="A112305" s="13" t="s">
        <v>537</v>
      </c>
      <c r="B112305" s="14" t="s">
        <v>1</v>
      </c>
      <c r="C112305" s="14" t="s">
        <v>63</v>
      </c>
      <c r="D112305" s="14" t="s">
        <v>92</v>
      </c>
      <c r="E112305" s="15">
        <v>45626</v>
      </c>
      <c r="F112305" s="14" t="s">
        <v>28</v>
      </c>
      <c r="G112305" s="16">
        <v>2.882069777171548</v>
      </c>
    </row>
    <row r="112306" spans="1:7" x14ac:dyDescent="0.3">
      <c r="A112306" s="13" t="s">
        <v>537</v>
      </c>
      <c r="B112306" s="14" t="s">
        <v>1</v>
      </c>
      <c r="C112306" s="14" t="s">
        <v>63</v>
      </c>
      <c r="D112306" s="14" t="s">
        <v>92</v>
      </c>
      <c r="E112306" s="15">
        <v>45627</v>
      </c>
      <c r="F112306" s="14" t="s">
        <v>28</v>
      </c>
      <c r="G112306" s="16">
        <v>2.882069777171548</v>
      </c>
    </row>
    <row r="112307" spans="1:7" x14ac:dyDescent="0.3">
      <c r="A112307" s="13" t="s">
        <v>537</v>
      </c>
      <c r="B112307" s="14" t="s">
        <v>1</v>
      </c>
      <c r="C112307" s="14" t="s">
        <v>63</v>
      </c>
      <c r="D112307" s="14" t="s">
        <v>92</v>
      </c>
      <c r="E112307" s="15">
        <v>45628</v>
      </c>
      <c r="F112307" s="14" t="s">
        <v>28</v>
      </c>
      <c r="G112307" s="16">
        <v>2.9087888042076688</v>
      </c>
    </row>
    <row r="112308" spans="1:7" x14ac:dyDescent="0.3">
      <c r="A112308" s="13" t="s">
        <v>537</v>
      </c>
      <c r="B112308" s="14" t="s">
        <v>1</v>
      </c>
      <c r="C112308" s="14" t="s">
        <v>63</v>
      </c>
      <c r="D112308" s="14" t="s">
        <v>92</v>
      </c>
      <c r="E112308" s="15">
        <v>45629</v>
      </c>
      <c r="F112308" s="14" t="s">
        <v>28</v>
      </c>
      <c r="G112308" s="16">
        <v>2.9438484892414762</v>
      </c>
    </row>
    <row r="112309" spans="1:7" x14ac:dyDescent="0.3">
      <c r="A112309" s="13" t="s">
        <v>537</v>
      </c>
      <c r="B112309" s="14" t="s">
        <v>1</v>
      </c>
      <c r="C112309" s="14" t="s">
        <v>63</v>
      </c>
      <c r="D112309" s="14" t="s">
        <v>92</v>
      </c>
      <c r="E112309" s="15">
        <v>45630</v>
      </c>
      <c r="F112309" s="14" t="s">
        <v>28</v>
      </c>
      <c r="G112309" s="16">
        <v>2.9541978531889179</v>
      </c>
    </row>
    <row r="112310" spans="1:7" x14ac:dyDescent="0.3">
      <c r="A112310" s="13" t="s">
        <v>537</v>
      </c>
      <c r="B112310" s="14" t="s">
        <v>1</v>
      </c>
      <c r="C112310" s="14" t="s">
        <v>63</v>
      </c>
      <c r="D112310" s="14" t="s">
        <v>92</v>
      </c>
      <c r="E112310" s="15">
        <v>45631</v>
      </c>
      <c r="F112310" s="14" t="s">
        <v>28</v>
      </c>
      <c r="G112310" s="16">
        <v>2.9542818802773336</v>
      </c>
    </row>
    <row r="112311" spans="1:7" x14ac:dyDescent="0.3">
      <c r="A112311" s="13" t="s">
        <v>537</v>
      </c>
      <c r="B112311" s="14" t="s">
        <v>1</v>
      </c>
      <c r="C112311" s="14" t="s">
        <v>63</v>
      </c>
      <c r="D112311" s="14" t="s">
        <v>92</v>
      </c>
      <c r="E112311" s="15">
        <v>45632</v>
      </c>
      <c r="F112311" s="14" t="s">
        <v>28</v>
      </c>
      <c r="G112311" s="16">
        <v>2.9718598784644183</v>
      </c>
    </row>
    <row r="112312" spans="1:7" x14ac:dyDescent="0.3">
      <c r="A112312" s="13" t="s">
        <v>537</v>
      </c>
      <c r="B112312" s="14" t="s">
        <v>1</v>
      </c>
      <c r="C112312" s="14" t="s">
        <v>63</v>
      </c>
      <c r="D112312" s="14" t="s">
        <v>92</v>
      </c>
      <c r="E112312" s="15">
        <v>45633</v>
      </c>
      <c r="F112312" s="14" t="s">
        <v>28</v>
      </c>
      <c r="G112312" s="16">
        <v>2.9718598784644183</v>
      </c>
    </row>
    <row r="112313" spans="1:7" x14ac:dyDescent="0.3">
      <c r="A112313" s="13" t="s">
        <v>537</v>
      </c>
      <c r="B112313" s="14" t="s">
        <v>1</v>
      </c>
      <c r="C112313" s="14" t="s">
        <v>63</v>
      </c>
      <c r="D112313" s="14" t="s">
        <v>92</v>
      </c>
      <c r="E112313" s="15">
        <v>45634</v>
      </c>
      <c r="F112313" s="14" t="s">
        <v>28</v>
      </c>
      <c r="G112313" s="16">
        <v>2.9718598784644183</v>
      </c>
    </row>
    <row r="112314" spans="1:7" x14ac:dyDescent="0.3">
      <c r="A112314" s="13" t="s">
        <v>537</v>
      </c>
      <c r="B112314" s="14" t="s">
        <v>1</v>
      </c>
      <c r="C112314" s="14" t="s">
        <v>63</v>
      </c>
      <c r="D112314" s="14" t="s">
        <v>92</v>
      </c>
      <c r="E112314" s="15">
        <v>45635</v>
      </c>
      <c r="F112314" s="14" t="s">
        <v>28</v>
      </c>
      <c r="G112314" s="16">
        <v>2.9864914664882334</v>
      </c>
    </row>
    <row r="112315" spans="1:7" x14ac:dyDescent="0.3">
      <c r="A112315" s="13" t="s">
        <v>537</v>
      </c>
      <c r="B112315" s="14" t="s">
        <v>1</v>
      </c>
      <c r="C112315" s="14" t="s">
        <v>63</v>
      </c>
      <c r="D112315" s="14" t="s">
        <v>92</v>
      </c>
      <c r="E112315" s="15">
        <v>45636</v>
      </c>
      <c r="F112315" s="14" t="s">
        <v>28</v>
      </c>
      <c r="G112315" s="16">
        <v>3.0236800936525605</v>
      </c>
    </row>
    <row r="112316" spans="1:7" x14ac:dyDescent="0.3">
      <c r="A112316" s="13" t="s">
        <v>537</v>
      </c>
      <c r="B112316" s="14" t="s">
        <v>1</v>
      </c>
      <c r="C112316" s="14" t="s">
        <v>63</v>
      </c>
      <c r="D112316" s="14" t="s">
        <v>92</v>
      </c>
      <c r="E112316" s="15">
        <v>45637</v>
      </c>
      <c r="F112316" s="14" t="s">
        <v>28</v>
      </c>
      <c r="G112316" s="16">
        <v>3.0406835179390832</v>
      </c>
    </row>
    <row r="112317" spans="1:7" x14ac:dyDescent="0.3">
      <c r="A112317" s="13" t="s">
        <v>537</v>
      </c>
      <c r="B112317" s="14" t="s">
        <v>1</v>
      </c>
      <c r="C112317" s="14" t="s">
        <v>63</v>
      </c>
      <c r="D112317" s="14" t="s">
        <v>92</v>
      </c>
      <c r="E112317" s="15">
        <v>45638</v>
      </c>
      <c r="F112317" s="14" t="s">
        <v>28</v>
      </c>
      <c r="G112317" s="16">
        <v>3.058062408280477</v>
      </c>
    </row>
    <row r="112318" spans="1:7" x14ac:dyDescent="0.3">
      <c r="A112318" s="13" t="s">
        <v>537</v>
      </c>
      <c r="B112318" s="14" t="s">
        <v>1</v>
      </c>
      <c r="C112318" s="14" t="s">
        <v>63</v>
      </c>
      <c r="D112318" s="14" t="s">
        <v>92</v>
      </c>
      <c r="E112318" s="15">
        <v>45639</v>
      </c>
      <c r="F112318" s="14" t="s">
        <v>28</v>
      </c>
      <c r="G112318" s="16">
        <v>3.0727130476749469</v>
      </c>
    </row>
    <row r="112319" spans="1:7" x14ac:dyDescent="0.3">
      <c r="A112319" s="13" t="s">
        <v>537</v>
      </c>
      <c r="B112319" s="14" t="s">
        <v>1</v>
      </c>
      <c r="C112319" s="14" t="s">
        <v>63</v>
      </c>
      <c r="D112319" s="14" t="s">
        <v>92</v>
      </c>
      <c r="E112319" s="15">
        <v>45640</v>
      </c>
      <c r="F112319" s="14" t="s">
        <v>28</v>
      </c>
      <c r="G112319" s="16">
        <v>3.0727130476749469</v>
      </c>
    </row>
    <row r="112320" spans="1:7" x14ac:dyDescent="0.3">
      <c r="A112320" s="13" t="s">
        <v>537</v>
      </c>
      <c r="B112320" s="14" t="s">
        <v>1</v>
      </c>
      <c r="C112320" s="14" t="s">
        <v>63</v>
      </c>
      <c r="D112320" s="14" t="s">
        <v>92</v>
      </c>
      <c r="E112320" s="15">
        <v>45641</v>
      </c>
      <c r="F112320" s="14" t="s">
        <v>28</v>
      </c>
      <c r="G112320" s="16">
        <v>3.0727130476749469</v>
      </c>
    </row>
    <row r="112321" spans="1:7" x14ac:dyDescent="0.3">
      <c r="A112321" s="13" t="s">
        <v>537</v>
      </c>
      <c r="B112321" s="14" t="s">
        <v>1</v>
      </c>
      <c r="C112321" s="14" t="s">
        <v>63</v>
      </c>
      <c r="D112321" s="14" t="s">
        <v>92</v>
      </c>
      <c r="E112321" s="15">
        <v>45642</v>
      </c>
      <c r="F112321" s="14" t="s">
        <v>28</v>
      </c>
      <c r="G112321" s="16">
        <v>3.0876717533632325</v>
      </c>
    </row>
    <row r="112322" spans="1:7" x14ac:dyDescent="0.3">
      <c r="A112322" s="13" t="s">
        <v>537</v>
      </c>
      <c r="B112322" s="14" t="s">
        <v>1</v>
      </c>
      <c r="C112322" s="14" t="s">
        <v>63</v>
      </c>
      <c r="D112322" s="14" t="s">
        <v>92</v>
      </c>
      <c r="E112322" s="15">
        <v>45643</v>
      </c>
      <c r="F112322" s="14" t="s">
        <v>28</v>
      </c>
      <c r="G112322" s="16">
        <v>3.120447546570698</v>
      </c>
    </row>
    <row r="112323" spans="1:7" x14ac:dyDescent="0.3">
      <c r="A112323" s="13" t="s">
        <v>537</v>
      </c>
      <c r="B112323" s="14" t="s">
        <v>1</v>
      </c>
      <c r="C112323" s="14" t="s">
        <v>63</v>
      </c>
      <c r="D112323" s="14" t="s">
        <v>92</v>
      </c>
      <c r="E112323" s="15">
        <v>45644</v>
      </c>
      <c r="F112323" s="14" t="s">
        <v>28</v>
      </c>
      <c r="G112323" s="16">
        <v>3.1628431721122023</v>
      </c>
    </row>
    <row r="112324" spans="1:7" x14ac:dyDescent="0.3">
      <c r="A112324" s="13" t="s">
        <v>537</v>
      </c>
      <c r="B112324" s="14" t="s">
        <v>1</v>
      </c>
      <c r="C112324" s="14" t="s">
        <v>63</v>
      </c>
      <c r="D112324" s="14" t="s">
        <v>92</v>
      </c>
      <c r="E112324" s="15">
        <v>45645</v>
      </c>
      <c r="F112324" s="14" t="s">
        <v>28</v>
      </c>
      <c r="G112324" s="16">
        <v>3.1685043356974916</v>
      </c>
    </row>
    <row r="112325" spans="1:7" x14ac:dyDescent="0.3">
      <c r="A112325" s="13" t="s">
        <v>537</v>
      </c>
      <c r="B112325" s="14" t="s">
        <v>1</v>
      </c>
      <c r="C112325" s="14" t="s">
        <v>63</v>
      </c>
      <c r="D112325" s="14" t="s">
        <v>92</v>
      </c>
      <c r="E112325" s="15">
        <v>45646</v>
      </c>
      <c r="F112325" s="14" t="s">
        <v>28</v>
      </c>
      <c r="G112325" s="16">
        <v>3.1679611920902264</v>
      </c>
    </row>
    <row r="112326" spans="1:7" x14ac:dyDescent="0.3">
      <c r="A112326" s="13" t="s">
        <v>537</v>
      </c>
      <c r="B112326" s="14" t="s">
        <v>1</v>
      </c>
      <c r="C112326" s="14" t="s">
        <v>63</v>
      </c>
      <c r="D112326" s="14" t="s">
        <v>92</v>
      </c>
      <c r="E112326" s="15">
        <v>45647</v>
      </c>
      <c r="F112326" s="14" t="s">
        <v>28</v>
      </c>
      <c r="G112326" s="16">
        <v>3.1679611920902264</v>
      </c>
    </row>
    <row r="112327" spans="1:7" x14ac:dyDescent="0.3">
      <c r="A112327" s="13" t="s">
        <v>537</v>
      </c>
      <c r="B112327" s="14" t="s">
        <v>1</v>
      </c>
      <c r="C112327" s="14" t="s">
        <v>63</v>
      </c>
      <c r="D112327" s="14" t="s">
        <v>92</v>
      </c>
      <c r="E112327" s="15">
        <v>45648</v>
      </c>
      <c r="F112327" s="14" t="s">
        <v>28</v>
      </c>
      <c r="G112327" s="16">
        <v>3.1679611920902264</v>
      </c>
    </row>
    <row r="112328" spans="1:7" x14ac:dyDescent="0.3">
      <c r="A112328" s="13" t="s">
        <v>537</v>
      </c>
      <c r="B112328" s="14" t="s">
        <v>1</v>
      </c>
      <c r="C112328" s="14" t="s">
        <v>63</v>
      </c>
      <c r="D112328" s="14" t="s">
        <v>92</v>
      </c>
      <c r="E112328" s="15">
        <v>45649</v>
      </c>
      <c r="F112328" s="14" t="s">
        <v>28</v>
      </c>
      <c r="G112328" s="16">
        <v>3.1843264224397627</v>
      </c>
    </row>
    <row r="112329" spans="1:7" x14ac:dyDescent="0.3">
      <c r="A112329" s="13" t="s">
        <v>537</v>
      </c>
      <c r="B112329" s="14" t="s">
        <v>1</v>
      </c>
      <c r="C112329" s="14" t="s">
        <v>63</v>
      </c>
      <c r="D112329" s="14" t="s">
        <v>92</v>
      </c>
      <c r="E112329" s="15">
        <v>45650</v>
      </c>
      <c r="F112329" s="14" t="s">
        <v>28</v>
      </c>
      <c r="G112329" s="16">
        <v>3.2199184236542728</v>
      </c>
    </row>
    <row r="112330" spans="1:7" x14ac:dyDescent="0.3">
      <c r="A112330" s="13" t="s">
        <v>537</v>
      </c>
      <c r="B112330" s="14" t="s">
        <v>1</v>
      </c>
      <c r="C112330" s="14" t="s">
        <v>63</v>
      </c>
      <c r="D112330" s="14" t="s">
        <v>92</v>
      </c>
      <c r="E112330" s="15">
        <v>45651</v>
      </c>
      <c r="F112330" s="14" t="s">
        <v>28</v>
      </c>
      <c r="G112330" s="16">
        <v>3.2199184236542728</v>
      </c>
    </row>
    <row r="112331" spans="1:7" x14ac:dyDescent="0.3">
      <c r="A112331" s="13" t="s">
        <v>537</v>
      </c>
      <c r="B112331" s="14" t="s">
        <v>1</v>
      </c>
      <c r="C112331" s="14" t="s">
        <v>63</v>
      </c>
      <c r="D112331" s="14" t="s">
        <v>92</v>
      </c>
      <c r="E112331" s="15">
        <v>45652</v>
      </c>
      <c r="F112331" s="14" t="s">
        <v>28</v>
      </c>
      <c r="G112331" s="16">
        <v>3.2199184236542728</v>
      </c>
    </row>
    <row r="112332" spans="1:7" x14ac:dyDescent="0.3">
      <c r="A112332" s="13" t="s">
        <v>537</v>
      </c>
      <c r="B112332" s="14" t="s">
        <v>1</v>
      </c>
      <c r="C112332" s="14" t="s">
        <v>63</v>
      </c>
      <c r="D112332" s="14" t="s">
        <v>92</v>
      </c>
      <c r="E112332" s="15">
        <v>45653</v>
      </c>
      <c r="F112332" s="14" t="s">
        <v>28</v>
      </c>
      <c r="G112332" s="16">
        <v>3.2199184236542728</v>
      </c>
    </row>
    <row r="112333" spans="1:7" x14ac:dyDescent="0.3">
      <c r="A112333" s="13" t="s">
        <v>537</v>
      </c>
      <c r="B112333" s="14" t="s">
        <v>1</v>
      </c>
      <c r="C112333" s="14" t="s">
        <v>63</v>
      </c>
      <c r="D112333" s="14" t="s">
        <v>92</v>
      </c>
      <c r="E112333" s="15">
        <v>45654</v>
      </c>
      <c r="F112333" s="14" t="s">
        <v>28</v>
      </c>
      <c r="G112333" s="16">
        <v>3.2199184236542728</v>
      </c>
    </row>
    <row r="112334" spans="1:7" x14ac:dyDescent="0.3">
      <c r="A112334" s="13" t="s">
        <v>537</v>
      </c>
      <c r="B112334" s="14" t="s">
        <v>1</v>
      </c>
      <c r="C112334" s="14" t="s">
        <v>63</v>
      </c>
      <c r="D112334" s="14" t="s">
        <v>92</v>
      </c>
      <c r="E112334" s="15">
        <v>45655</v>
      </c>
      <c r="F112334" s="14" t="s">
        <v>28</v>
      </c>
      <c r="G112334" s="16">
        <v>3.2199184236542728</v>
      </c>
    </row>
    <row r="112335" spans="1:7" x14ac:dyDescent="0.3">
      <c r="A112335" s="13" t="s">
        <v>537</v>
      </c>
      <c r="B112335" s="14" t="s">
        <v>1</v>
      </c>
      <c r="C112335" s="14" t="s">
        <v>63</v>
      </c>
      <c r="D112335" s="14" t="s">
        <v>92</v>
      </c>
      <c r="E112335" s="15">
        <v>45656</v>
      </c>
      <c r="F112335" s="14" t="s">
        <v>28</v>
      </c>
      <c r="G112335" s="16">
        <v>3.2334103400517682</v>
      </c>
    </row>
    <row r="112336" spans="1:7" x14ac:dyDescent="0.3">
      <c r="A112336" s="13" t="s">
        <v>537</v>
      </c>
      <c r="B112336" s="14" t="s">
        <v>1</v>
      </c>
      <c r="C112336" s="14" t="s">
        <v>63</v>
      </c>
      <c r="D112336" s="14" t="s">
        <v>92</v>
      </c>
      <c r="E112336" s="15">
        <v>45657</v>
      </c>
      <c r="F112336" s="14" t="s">
        <v>28</v>
      </c>
      <c r="G112336" s="16">
        <v>3.31087728272017</v>
      </c>
    </row>
    <row r="112337" spans="1:7" x14ac:dyDescent="0.3">
      <c r="A112337" s="13" t="s">
        <v>537</v>
      </c>
      <c r="B112337" s="14" t="s">
        <v>1</v>
      </c>
      <c r="C112337" s="14" t="s">
        <v>63</v>
      </c>
      <c r="D112337" s="14" t="s">
        <v>92</v>
      </c>
      <c r="E112337" s="15">
        <v>45658</v>
      </c>
      <c r="F112337" s="14" t="s">
        <v>28</v>
      </c>
      <c r="G112337" s="16">
        <v>3.31087728272017</v>
      </c>
    </row>
    <row r="112338" spans="1:7" x14ac:dyDescent="0.3">
      <c r="A112338" s="13" t="s">
        <v>537</v>
      </c>
      <c r="B112338" s="14" t="s">
        <v>1</v>
      </c>
      <c r="C112338" s="14" t="s">
        <v>63</v>
      </c>
      <c r="D112338" s="14" t="s">
        <v>92</v>
      </c>
      <c r="E112338" s="15">
        <v>45659</v>
      </c>
      <c r="F112338" s="14" t="s">
        <v>28</v>
      </c>
      <c r="G112338" s="16">
        <v>3.3321074701766444</v>
      </c>
    </row>
    <row r="112339" spans="1:7" x14ac:dyDescent="0.3">
      <c r="A112339" s="13" t="s">
        <v>537</v>
      </c>
      <c r="B112339" s="14" t="s">
        <v>1</v>
      </c>
      <c r="C112339" s="14" t="s">
        <v>63</v>
      </c>
      <c r="D112339" s="14" t="s">
        <v>92</v>
      </c>
      <c r="E112339" s="15">
        <v>45660</v>
      </c>
      <c r="F112339" s="14" t="s">
        <v>28</v>
      </c>
      <c r="G112339" s="16">
        <v>3.3421700139252741</v>
      </c>
    </row>
    <row r="112340" spans="1:7" x14ac:dyDescent="0.3">
      <c r="A112340" s="13" t="s">
        <v>537</v>
      </c>
      <c r="B112340" s="14" t="s">
        <v>1</v>
      </c>
      <c r="C112340" s="14" t="s">
        <v>63</v>
      </c>
      <c r="D112340" s="14" t="s">
        <v>92</v>
      </c>
      <c r="E112340" s="15">
        <v>45661</v>
      </c>
      <c r="F112340" s="14" t="s">
        <v>28</v>
      </c>
      <c r="G112340" s="16">
        <v>3.3421700139252741</v>
      </c>
    </row>
    <row r="112341" spans="1:7" x14ac:dyDescent="0.3">
      <c r="A112341" s="13" t="s">
        <v>537</v>
      </c>
      <c r="B112341" s="14" t="s">
        <v>1</v>
      </c>
      <c r="C112341" s="14" t="s">
        <v>63</v>
      </c>
      <c r="D112341" s="14" t="s">
        <v>92</v>
      </c>
      <c r="E112341" s="15">
        <v>45662</v>
      </c>
      <c r="F112341" s="14" t="s">
        <v>28</v>
      </c>
      <c r="G112341" s="16">
        <v>3.3421700139252741</v>
      </c>
    </row>
    <row r="112342" spans="1:7" x14ac:dyDescent="0.3">
      <c r="A112342" s="13" t="s">
        <v>537</v>
      </c>
      <c r="B112342" s="14" t="s">
        <v>1</v>
      </c>
      <c r="C112342" s="14" t="s">
        <v>63</v>
      </c>
      <c r="D112342" s="14" t="s">
        <v>92</v>
      </c>
      <c r="E112342" s="15">
        <v>45663</v>
      </c>
      <c r="F112342" s="14" t="s">
        <v>28</v>
      </c>
      <c r="G112342" s="16">
        <v>3.337462627741087</v>
      </c>
    </row>
    <row r="112343" spans="1:7" x14ac:dyDescent="0.3">
      <c r="A112343" s="13" t="s">
        <v>537</v>
      </c>
      <c r="B112343" s="14" t="s">
        <v>1</v>
      </c>
      <c r="C112343" s="14" t="s">
        <v>63</v>
      </c>
      <c r="D112343" s="14" t="s">
        <v>92</v>
      </c>
      <c r="E112343" s="15">
        <v>45664</v>
      </c>
      <c r="F112343" s="14" t="s">
        <v>28</v>
      </c>
      <c r="G112343" s="16">
        <v>3.3715954142662872</v>
      </c>
    </row>
    <row r="112344" spans="1:7" x14ac:dyDescent="0.3">
      <c r="A112344" s="13" t="s">
        <v>537</v>
      </c>
      <c r="B112344" s="14" t="s">
        <v>1</v>
      </c>
      <c r="C112344" s="14" t="s">
        <v>63</v>
      </c>
      <c r="D112344" s="14" t="s">
        <v>92</v>
      </c>
      <c r="E112344" s="15">
        <v>45665</v>
      </c>
      <c r="F112344" s="14" t="s">
        <v>28</v>
      </c>
      <c r="G112344" s="16">
        <v>3.3909790294184798</v>
      </c>
    </row>
    <row r="112345" spans="1:7" x14ac:dyDescent="0.3">
      <c r="A112345" s="13" t="s">
        <v>537</v>
      </c>
      <c r="B112345" s="14" t="s">
        <v>1</v>
      </c>
      <c r="C112345" s="14" t="s">
        <v>63</v>
      </c>
      <c r="D112345" s="14" t="s">
        <v>92</v>
      </c>
      <c r="E112345" s="15">
        <v>45666</v>
      </c>
      <c r="F112345" s="14" t="s">
        <v>28</v>
      </c>
      <c r="G112345" s="16">
        <v>3.4012342354917857</v>
      </c>
    </row>
    <row r="112346" spans="1:7" x14ac:dyDescent="0.3">
      <c r="A112346" s="13" t="s">
        <v>537</v>
      </c>
      <c r="B112346" s="14" t="s">
        <v>1</v>
      </c>
      <c r="C112346" s="14" t="s">
        <v>63</v>
      </c>
      <c r="D112346" s="14" t="s">
        <v>92</v>
      </c>
      <c r="E112346" s="15">
        <v>45667</v>
      </c>
      <c r="F112346" s="14" t="s">
        <v>28</v>
      </c>
      <c r="G112346" s="16">
        <v>3.4299963361068295</v>
      </c>
    </row>
    <row r="112347" spans="1:7" x14ac:dyDescent="0.3">
      <c r="A112347" s="13" t="s">
        <v>537</v>
      </c>
      <c r="B112347" s="14" t="s">
        <v>1</v>
      </c>
      <c r="C112347" s="14" t="s">
        <v>63</v>
      </c>
      <c r="D112347" s="14" t="s">
        <v>92</v>
      </c>
      <c r="E112347" s="15">
        <v>45668</v>
      </c>
      <c r="F112347" s="14" t="s">
        <v>28</v>
      </c>
      <c r="G112347" s="16">
        <v>3.4299963361068295</v>
      </c>
    </row>
    <row r="112348" spans="1:7" x14ac:dyDescent="0.3">
      <c r="A112348" s="13" t="s">
        <v>537</v>
      </c>
      <c r="B112348" s="14" t="s">
        <v>1</v>
      </c>
      <c r="C112348" s="14" t="s">
        <v>63</v>
      </c>
      <c r="D112348" s="14" t="s">
        <v>92</v>
      </c>
      <c r="E112348" s="15">
        <v>45669</v>
      </c>
      <c r="F112348" s="14" t="s">
        <v>28</v>
      </c>
      <c r="G112348" s="16">
        <v>3.4299963361068295</v>
      </c>
    </row>
    <row r="112349" spans="1:7" x14ac:dyDescent="0.3">
      <c r="A112349" s="13" t="s">
        <v>537</v>
      </c>
      <c r="B112349" s="14" t="s">
        <v>1</v>
      </c>
      <c r="C112349" s="14" t="s">
        <v>63</v>
      </c>
      <c r="D112349" s="14" t="s">
        <v>92</v>
      </c>
      <c r="E112349" s="15">
        <v>45670</v>
      </c>
      <c r="F112349" s="14" t="s">
        <v>28</v>
      </c>
      <c r="G112349" s="16">
        <v>3.4379926371608591</v>
      </c>
    </row>
    <row r="112350" spans="1:7" x14ac:dyDescent="0.3">
      <c r="A112350" s="13" t="s">
        <v>537</v>
      </c>
      <c r="B112350" s="14" t="s">
        <v>1</v>
      </c>
      <c r="C112350" s="14" t="s">
        <v>63</v>
      </c>
      <c r="D112350" s="14" t="s">
        <v>92</v>
      </c>
      <c r="E112350" s="15">
        <v>45671</v>
      </c>
      <c r="F112350" s="14" t="s">
        <v>28</v>
      </c>
      <c r="G112350" s="16">
        <v>3.4625552087460969</v>
      </c>
    </row>
    <row r="112351" spans="1:7" x14ac:dyDescent="0.3">
      <c r="A112351" s="13" t="s">
        <v>537</v>
      </c>
      <c r="B112351" s="14" t="s">
        <v>1</v>
      </c>
      <c r="C112351" s="14" t="s">
        <v>63</v>
      </c>
      <c r="D112351" s="14" t="s">
        <v>92</v>
      </c>
      <c r="E112351" s="15">
        <v>45672</v>
      </c>
      <c r="F112351" s="14" t="s">
        <v>28</v>
      </c>
      <c r="G112351" s="16">
        <v>3.4747673934760517</v>
      </c>
    </row>
    <row r="112352" spans="1:7" x14ac:dyDescent="0.3">
      <c r="A112352" s="13" t="s">
        <v>537</v>
      </c>
      <c r="B112352" s="14" t="s">
        <v>1</v>
      </c>
      <c r="C112352" s="14" t="s">
        <v>63</v>
      </c>
      <c r="D112352" s="14" t="s">
        <v>92</v>
      </c>
      <c r="E112352" s="15">
        <v>45673</v>
      </c>
      <c r="F112352" s="14" t="s">
        <v>28</v>
      </c>
      <c r="G112352" s="16">
        <v>3.4837394157545711</v>
      </c>
    </row>
    <row r="112353" spans="1:7" x14ac:dyDescent="0.3">
      <c r="A112353" s="13" t="s">
        <v>537</v>
      </c>
      <c r="B112353" s="14" t="s">
        <v>1</v>
      </c>
      <c r="C112353" s="14" t="s">
        <v>63</v>
      </c>
      <c r="D112353" s="14" t="s">
        <v>92</v>
      </c>
      <c r="E112353" s="15">
        <v>45674</v>
      </c>
      <c r="F112353" s="14" t="s">
        <v>28</v>
      </c>
      <c r="G112353" s="16">
        <v>3.5059834170574318</v>
      </c>
    </row>
    <row r="112354" spans="1:7" x14ac:dyDescent="0.3">
      <c r="A112354" s="13" t="s">
        <v>537</v>
      </c>
      <c r="B112354" s="14" t="s">
        <v>1</v>
      </c>
      <c r="C112354" s="14" t="s">
        <v>63</v>
      </c>
      <c r="D112354" s="14" t="s">
        <v>92</v>
      </c>
      <c r="E112354" s="15">
        <v>45675</v>
      </c>
      <c r="F112354" s="14" t="s">
        <v>28</v>
      </c>
      <c r="G112354" s="16">
        <v>3.5059834170574318</v>
      </c>
    </row>
    <row r="112355" spans="1:7" x14ac:dyDescent="0.3">
      <c r="A112355" s="13" t="s">
        <v>537</v>
      </c>
      <c r="B112355" s="14" t="s">
        <v>1</v>
      </c>
      <c r="C112355" s="14" t="s">
        <v>63</v>
      </c>
      <c r="D112355" s="14" t="s">
        <v>92</v>
      </c>
      <c r="E112355" s="15">
        <v>45676</v>
      </c>
      <c r="F112355" s="14" t="s">
        <v>28</v>
      </c>
      <c r="G112355" s="16">
        <v>3.5059834170574318</v>
      </c>
    </row>
    <row r="112356" spans="1:7" x14ac:dyDescent="0.3">
      <c r="A112356" s="13" t="s">
        <v>537</v>
      </c>
      <c r="B112356" s="14" t="s">
        <v>1</v>
      </c>
      <c r="C112356" s="14" t="s">
        <v>63</v>
      </c>
      <c r="D112356" s="14" t="s">
        <v>92</v>
      </c>
      <c r="E112356" s="15">
        <v>45677</v>
      </c>
      <c r="F112356" s="14" t="s">
        <v>28</v>
      </c>
      <c r="G112356" s="16">
        <v>3.4859235593940179</v>
      </c>
    </row>
    <row r="112357" spans="1:7" x14ac:dyDescent="0.3">
      <c r="A112357" s="13" t="s">
        <v>537</v>
      </c>
      <c r="B112357" s="14" t="s">
        <v>1</v>
      </c>
      <c r="C112357" s="14" t="s">
        <v>63</v>
      </c>
      <c r="D112357" s="14" t="s">
        <v>92</v>
      </c>
      <c r="E112357" s="15">
        <v>45678</v>
      </c>
      <c r="F112357" s="14" t="s">
        <v>28</v>
      </c>
      <c r="G112357" s="16">
        <v>3.5072122354813615</v>
      </c>
    </row>
    <row r="112358" spans="1:7" x14ac:dyDescent="0.3">
      <c r="A112358" s="13" t="s">
        <v>537</v>
      </c>
      <c r="B112358" s="14" t="s">
        <v>1</v>
      </c>
      <c r="C112358" s="14" t="s">
        <v>63</v>
      </c>
      <c r="D112358" s="14" t="s">
        <v>92</v>
      </c>
      <c r="E112358" s="15">
        <v>45679</v>
      </c>
      <c r="F112358" s="14" t="s">
        <v>28</v>
      </c>
      <c r="G112358" s="16">
        <v>3.5275126266718484</v>
      </c>
    </row>
    <row r="112359" spans="1:7" x14ac:dyDescent="0.3">
      <c r="A112359" s="13" t="s">
        <v>537</v>
      </c>
      <c r="B112359" s="14" t="s">
        <v>1</v>
      </c>
      <c r="C112359" s="14" t="s">
        <v>63</v>
      </c>
      <c r="D112359" s="14" t="s">
        <v>92</v>
      </c>
      <c r="E112359" s="15">
        <v>45680</v>
      </c>
      <c r="F112359" s="14" t="s">
        <v>28</v>
      </c>
      <c r="G112359" s="16">
        <v>3.5386135409065189</v>
      </c>
    </row>
    <row r="112360" spans="1:7" x14ac:dyDescent="0.3">
      <c r="A112360" s="13" t="s">
        <v>537</v>
      </c>
      <c r="B112360" s="14" t="s">
        <v>1</v>
      </c>
      <c r="C112360" s="14" t="s">
        <v>63</v>
      </c>
      <c r="D112360" s="14" t="s">
        <v>92</v>
      </c>
      <c r="E112360" s="15">
        <v>45681</v>
      </c>
      <c r="F112360" s="14" t="s">
        <v>28</v>
      </c>
      <c r="G112360" s="16">
        <v>3.5248912283198752</v>
      </c>
    </row>
    <row r="112361" spans="1:7" x14ac:dyDescent="0.3">
      <c r="A112361" s="13" t="s">
        <v>537</v>
      </c>
      <c r="B112361" s="14" t="s">
        <v>1</v>
      </c>
      <c r="C112361" s="14" t="s">
        <v>63</v>
      </c>
      <c r="D112361" s="14" t="s">
        <v>92</v>
      </c>
      <c r="E112361" s="15">
        <v>45682</v>
      </c>
      <c r="F112361" s="14" t="s">
        <v>28</v>
      </c>
      <c r="G112361" s="16">
        <v>3.5248912283198752</v>
      </c>
    </row>
    <row r="112362" spans="1:7" x14ac:dyDescent="0.3">
      <c r="A112362" s="13" t="s">
        <v>537</v>
      </c>
      <c r="B112362" s="14" t="s">
        <v>1</v>
      </c>
      <c r="C112362" s="14" t="s">
        <v>63</v>
      </c>
      <c r="D112362" s="14" t="s">
        <v>92</v>
      </c>
      <c r="E112362" s="15">
        <v>45683</v>
      </c>
      <c r="F112362" s="14" t="s">
        <v>28</v>
      </c>
      <c r="G112362" s="16">
        <v>3.5248912283198752</v>
      </c>
    </row>
    <row r="112363" spans="1:7" x14ac:dyDescent="0.3">
      <c r="A112363" s="13" t="s">
        <v>537</v>
      </c>
      <c r="B112363" s="14" t="s">
        <v>1</v>
      </c>
      <c r="C112363" s="14" t="s">
        <v>63</v>
      </c>
      <c r="D112363" s="14" t="s">
        <v>92</v>
      </c>
      <c r="E112363" s="15">
        <v>45684</v>
      </c>
      <c r="F112363" s="14" t="s">
        <v>28</v>
      </c>
      <c r="G112363" s="16">
        <v>3.5336386534551409</v>
      </c>
    </row>
    <row r="112364" spans="1:7" x14ac:dyDescent="0.3">
      <c r="A112364" s="13" t="s">
        <v>537</v>
      </c>
      <c r="B112364" s="14" t="s">
        <v>1</v>
      </c>
      <c r="C112364" s="14" t="s">
        <v>63</v>
      </c>
      <c r="D112364" s="14" t="s">
        <v>92</v>
      </c>
      <c r="E112364" s="15">
        <v>45685</v>
      </c>
      <c r="F112364" s="14" t="s">
        <v>28</v>
      </c>
      <c r="G112364" s="16">
        <v>3.5847309176171165</v>
      </c>
    </row>
    <row r="112365" spans="1:7" x14ac:dyDescent="0.3">
      <c r="A112365" s="13" t="s">
        <v>537</v>
      </c>
      <c r="B112365" s="14" t="s">
        <v>1</v>
      </c>
      <c r="C112365" s="14" t="s">
        <v>63</v>
      </c>
      <c r="D112365" s="14" t="s">
        <v>92</v>
      </c>
      <c r="E112365" s="15">
        <v>45686</v>
      </c>
      <c r="F112365" s="14" t="s">
        <v>28</v>
      </c>
      <c r="G112365" s="16">
        <v>3.5847309176171165</v>
      </c>
    </row>
    <row r="112366" spans="1:7" x14ac:dyDescent="0.3">
      <c r="A112366" s="13" t="s">
        <v>537</v>
      </c>
      <c r="B112366" s="14" t="s">
        <v>1</v>
      </c>
      <c r="C112366" s="14" t="s">
        <v>63</v>
      </c>
      <c r="D112366" s="14" t="s">
        <v>92</v>
      </c>
      <c r="E112366" s="15">
        <v>45687</v>
      </c>
      <c r="F112366" s="14" t="s">
        <v>28</v>
      </c>
      <c r="G112366" s="16">
        <v>3.5847309176171165</v>
      </c>
    </row>
    <row r="112367" spans="1:7" x14ac:dyDescent="0.3">
      <c r="A112367" s="13" t="s">
        <v>537</v>
      </c>
      <c r="B112367" s="14" t="s">
        <v>1</v>
      </c>
      <c r="C112367" s="14" t="s">
        <v>63</v>
      </c>
      <c r="D112367" s="14" t="s">
        <v>92</v>
      </c>
      <c r="E112367" s="15">
        <v>45688</v>
      </c>
      <c r="F112367" s="14" t="s">
        <v>28</v>
      </c>
      <c r="G112367" s="16">
        <v>3.5847309176171165</v>
      </c>
    </row>
    <row r="112368" spans="1:7" x14ac:dyDescent="0.3">
      <c r="A112368" s="13" t="s">
        <v>537</v>
      </c>
      <c r="B112368" s="14" t="s">
        <v>1</v>
      </c>
      <c r="C112368" s="14" t="s">
        <v>63</v>
      </c>
      <c r="D112368" s="14" t="s">
        <v>92</v>
      </c>
      <c r="E112368" s="15">
        <v>45689</v>
      </c>
      <c r="F112368" s="14" t="s">
        <v>28</v>
      </c>
      <c r="G112368" s="16">
        <v>3.5847309176171165</v>
      </c>
    </row>
    <row r="112369" spans="1:7" x14ac:dyDescent="0.3">
      <c r="A112369" s="13" t="s">
        <v>537</v>
      </c>
      <c r="B112369" s="14" t="s">
        <v>1</v>
      </c>
      <c r="C112369" s="14" t="s">
        <v>63</v>
      </c>
      <c r="D112369" s="14" t="s">
        <v>92</v>
      </c>
      <c r="E112369" s="15">
        <v>45690</v>
      </c>
      <c r="F112369" s="14" t="s">
        <v>28</v>
      </c>
      <c r="G112369" s="16">
        <v>3.5847309176171165</v>
      </c>
    </row>
    <row r="112370" spans="1:7" x14ac:dyDescent="0.3">
      <c r="A112370" s="13" t="s">
        <v>537</v>
      </c>
      <c r="B112370" s="14" t="s">
        <v>1</v>
      </c>
      <c r="C112370" s="14" t="s">
        <v>63</v>
      </c>
      <c r="D112370" s="14" t="s">
        <v>92</v>
      </c>
      <c r="E112370" s="15">
        <v>45691</v>
      </c>
      <c r="F112370" s="14" t="s">
        <v>28</v>
      </c>
      <c r="G112370" s="16">
        <v>3.5847309176171165</v>
      </c>
    </row>
    <row r="112371" spans="1:7" x14ac:dyDescent="0.3">
      <c r="A112371" s="13" t="s">
        <v>537</v>
      </c>
      <c r="B112371" s="14" t="s">
        <v>1</v>
      </c>
      <c r="C112371" s="14" t="s">
        <v>63</v>
      </c>
      <c r="D112371" s="14" t="s">
        <v>92</v>
      </c>
      <c r="E112371" s="15">
        <v>45692</v>
      </c>
      <c r="F112371" s="14" t="s">
        <v>28</v>
      </c>
      <c r="G112371" s="16">
        <v>3.5990361031600546</v>
      </c>
    </row>
    <row r="112372" spans="1:7" x14ac:dyDescent="0.3">
      <c r="A112372" s="13" t="s">
        <v>537</v>
      </c>
      <c r="B112372" s="14" t="s">
        <v>1</v>
      </c>
      <c r="C112372" s="14" t="s">
        <v>63</v>
      </c>
      <c r="D112372" s="14" t="s">
        <v>92</v>
      </c>
      <c r="E112372" s="15">
        <v>45693</v>
      </c>
      <c r="F112372" s="14" t="s">
        <v>28</v>
      </c>
      <c r="G112372" s="16">
        <v>3.6567583725490769</v>
      </c>
    </row>
    <row r="112373" spans="1:7" x14ac:dyDescent="0.3">
      <c r="A112373" s="13" t="s">
        <v>537</v>
      </c>
      <c r="B112373" s="14" t="s">
        <v>1</v>
      </c>
      <c r="C112373" s="14" t="s">
        <v>63</v>
      </c>
      <c r="D112373" s="14" t="s">
        <v>92</v>
      </c>
      <c r="E112373" s="15">
        <v>45694</v>
      </c>
      <c r="F112373" s="14" t="s">
        <v>28</v>
      </c>
      <c r="G112373" s="16">
        <v>3.6752287457861303</v>
      </c>
    </row>
    <row r="112374" spans="1:7" x14ac:dyDescent="0.3">
      <c r="A112374" s="13" t="s">
        <v>537</v>
      </c>
      <c r="B112374" s="14" t="s">
        <v>1</v>
      </c>
      <c r="C112374" s="14" t="s">
        <v>63</v>
      </c>
      <c r="D112374" s="14" t="s">
        <v>92</v>
      </c>
      <c r="E112374" s="15">
        <v>45695</v>
      </c>
      <c r="F112374" s="14" t="s">
        <v>28</v>
      </c>
      <c r="G112374" s="16">
        <v>3.6977485691890699</v>
      </c>
    </row>
    <row r="112375" spans="1:7" x14ac:dyDescent="0.3">
      <c r="A112375" s="13" t="s">
        <v>537</v>
      </c>
      <c r="B112375" s="14" t="s">
        <v>1</v>
      </c>
      <c r="C112375" s="14" t="s">
        <v>63</v>
      </c>
      <c r="D112375" s="14" t="s">
        <v>92</v>
      </c>
      <c r="E112375" s="15">
        <v>45696</v>
      </c>
      <c r="F112375" s="14" t="s">
        <v>28</v>
      </c>
      <c r="G112375" s="16">
        <v>3.6977485691890699</v>
      </c>
    </row>
    <row r="112376" spans="1:7" x14ac:dyDescent="0.3">
      <c r="A112376" s="13" t="s">
        <v>537</v>
      </c>
      <c r="B112376" s="14" t="s">
        <v>1</v>
      </c>
      <c r="C112376" s="14" t="s">
        <v>63</v>
      </c>
      <c r="D112376" s="14" t="s">
        <v>92</v>
      </c>
      <c r="E112376" s="15">
        <v>45697</v>
      </c>
      <c r="F112376" s="14" t="s">
        <v>28</v>
      </c>
      <c r="G112376" s="16">
        <v>3.6977485691890699</v>
      </c>
    </row>
    <row r="112377" spans="1:7" x14ac:dyDescent="0.3">
      <c r="A112377" s="13" t="s">
        <v>537</v>
      </c>
      <c r="B112377" s="14" t="s">
        <v>1</v>
      </c>
      <c r="C112377" s="14" t="s">
        <v>63</v>
      </c>
      <c r="D112377" s="14" t="s">
        <v>92</v>
      </c>
      <c r="E112377" s="15">
        <v>45698</v>
      </c>
      <c r="F112377" s="14" t="s">
        <v>28</v>
      </c>
      <c r="G112377" s="16">
        <v>3.7268748716798821</v>
      </c>
    </row>
    <row r="112378" spans="1:7" x14ac:dyDescent="0.3">
      <c r="A112378" s="13" t="s">
        <v>537</v>
      </c>
      <c r="B112378" s="14" t="s">
        <v>1</v>
      </c>
      <c r="C112378" s="14" t="s">
        <v>63</v>
      </c>
      <c r="D112378" s="14" t="s">
        <v>92</v>
      </c>
      <c r="E112378" s="15">
        <v>45699</v>
      </c>
      <c r="F112378" s="14" t="s">
        <v>28</v>
      </c>
      <c r="G112378" s="16">
        <v>3.7548314976980004</v>
      </c>
    </row>
    <row r="112379" spans="1:7" x14ac:dyDescent="0.3">
      <c r="A112379" s="13" t="s">
        <v>537</v>
      </c>
      <c r="B112379" s="14" t="s">
        <v>1</v>
      </c>
      <c r="C112379" s="14" t="s">
        <v>63</v>
      </c>
      <c r="D112379" s="14" t="s">
        <v>92</v>
      </c>
      <c r="E112379" s="15">
        <v>45700</v>
      </c>
      <c r="F112379" s="14" t="s">
        <v>28</v>
      </c>
      <c r="G112379" s="16">
        <v>3.7648415966937385</v>
      </c>
    </row>
    <row r="112380" spans="1:7" x14ac:dyDescent="0.3">
      <c r="A112380" s="13" t="s">
        <v>537</v>
      </c>
      <c r="B112380" s="14" t="s">
        <v>1</v>
      </c>
      <c r="C112380" s="14" t="s">
        <v>63</v>
      </c>
      <c r="D112380" s="14" t="s">
        <v>92</v>
      </c>
      <c r="E112380" s="15">
        <v>45701</v>
      </c>
      <c r="F112380" s="14" t="s">
        <v>28</v>
      </c>
      <c r="G112380" s="16">
        <v>3.7494051360205551</v>
      </c>
    </row>
    <row r="112381" spans="1:7" x14ac:dyDescent="0.3">
      <c r="A112381" s="13" t="s">
        <v>537</v>
      </c>
      <c r="B112381" s="14" t="s">
        <v>1</v>
      </c>
      <c r="C112381" s="14" t="s">
        <v>63</v>
      </c>
      <c r="D112381" s="14" t="s">
        <v>92</v>
      </c>
      <c r="E112381" s="15">
        <v>45702</v>
      </c>
      <c r="F112381" s="14" t="s">
        <v>28</v>
      </c>
      <c r="G112381" s="16">
        <v>3.7530840279973892</v>
      </c>
    </row>
    <row r="112382" spans="1:7" x14ac:dyDescent="0.3">
      <c r="A112382" s="13" t="s">
        <v>537</v>
      </c>
      <c r="B112382" s="14" t="s">
        <v>1</v>
      </c>
      <c r="C112382" s="14" t="s">
        <v>63</v>
      </c>
      <c r="D112382" s="14" t="s">
        <v>92</v>
      </c>
      <c r="E112382" s="15">
        <v>45703</v>
      </c>
      <c r="F112382" s="14" t="s">
        <v>28</v>
      </c>
      <c r="G112382" s="16">
        <v>3.7530840279973892</v>
      </c>
    </row>
    <row r="112383" spans="1:7" x14ac:dyDescent="0.3">
      <c r="A112383" s="13" t="s">
        <v>537</v>
      </c>
      <c r="B112383" s="14" t="s">
        <v>1</v>
      </c>
      <c r="C112383" s="14" t="s">
        <v>63</v>
      </c>
      <c r="D112383" s="14" t="s">
        <v>92</v>
      </c>
      <c r="E112383" s="15">
        <v>45704</v>
      </c>
      <c r="F112383" s="14" t="s">
        <v>28</v>
      </c>
      <c r="G112383" s="16">
        <v>3.7530840279973892</v>
      </c>
    </row>
    <row r="112384" spans="1:7" x14ac:dyDescent="0.3">
      <c r="A112384" s="13" t="s">
        <v>537</v>
      </c>
      <c r="B112384" s="14" t="s">
        <v>1</v>
      </c>
      <c r="C112384" s="14" t="s">
        <v>63</v>
      </c>
      <c r="D112384" s="14" t="s">
        <v>92</v>
      </c>
      <c r="E112384" s="15">
        <v>45705</v>
      </c>
      <c r="F112384" s="14" t="s">
        <v>28</v>
      </c>
      <c r="G112384" s="16">
        <v>3.7686751420153177</v>
      </c>
    </row>
    <row r="112385" spans="1:7" x14ac:dyDescent="0.3">
      <c r="A112385" s="13" t="s">
        <v>537</v>
      </c>
      <c r="B112385" s="14" t="s">
        <v>1</v>
      </c>
      <c r="C112385" s="14" t="s">
        <v>63</v>
      </c>
      <c r="D112385" s="14" t="s">
        <v>92</v>
      </c>
      <c r="E112385" s="15">
        <v>45706</v>
      </c>
      <c r="F112385" s="14" t="s">
        <v>28</v>
      </c>
      <c r="G112385" s="16">
        <v>3.8053998640157904</v>
      </c>
    </row>
    <row r="112386" spans="1:7" x14ac:dyDescent="0.3">
      <c r="A112386" s="13" t="s">
        <v>537</v>
      </c>
      <c r="B112386" s="14" t="s">
        <v>1</v>
      </c>
      <c r="C112386" s="14" t="s">
        <v>63</v>
      </c>
      <c r="D112386" s="14" t="s">
        <v>92</v>
      </c>
      <c r="E112386" s="15">
        <v>45707</v>
      </c>
      <c r="F112386" s="14" t="s">
        <v>28</v>
      </c>
      <c r="G112386" s="16">
        <v>3.819802748316643</v>
      </c>
    </row>
    <row r="112387" spans="1:7" x14ac:dyDescent="0.3">
      <c r="A112387" s="13" t="s">
        <v>537</v>
      </c>
      <c r="B112387" s="14" t="s">
        <v>1</v>
      </c>
      <c r="C112387" s="14" t="s">
        <v>63</v>
      </c>
      <c r="D112387" s="14" t="s">
        <v>92</v>
      </c>
      <c r="E112387" s="15">
        <v>45708</v>
      </c>
      <c r="F112387" s="14" t="s">
        <v>28</v>
      </c>
      <c r="G112387" s="16">
        <v>3.8061589775308295</v>
      </c>
    </row>
    <row r="112388" spans="1:7" x14ac:dyDescent="0.3">
      <c r="A112388" s="13" t="s">
        <v>537</v>
      </c>
      <c r="B112388" s="14" t="s">
        <v>1</v>
      </c>
      <c r="C112388" s="14" t="s">
        <v>63</v>
      </c>
      <c r="D112388" s="14" t="s">
        <v>92</v>
      </c>
      <c r="E112388" s="15">
        <v>45709</v>
      </c>
      <c r="F112388" s="14" t="s">
        <v>28</v>
      </c>
      <c r="G112388" s="16">
        <v>3.8251470190009909</v>
      </c>
    </row>
    <row r="112389" spans="1:7" x14ac:dyDescent="0.3">
      <c r="A112389" s="13" t="s">
        <v>537</v>
      </c>
      <c r="B112389" s="14" t="s">
        <v>1</v>
      </c>
      <c r="C112389" s="14" t="s">
        <v>63</v>
      </c>
      <c r="D112389" s="14" t="s">
        <v>92</v>
      </c>
      <c r="E112389" s="15">
        <v>45710</v>
      </c>
      <c r="F112389" s="14" t="s">
        <v>28</v>
      </c>
      <c r="G112389" s="16">
        <v>3.8251470190009909</v>
      </c>
    </row>
    <row r="112390" spans="1:7" x14ac:dyDescent="0.3">
      <c r="A112390" s="13" t="s">
        <v>537</v>
      </c>
      <c r="B112390" s="14" t="s">
        <v>1</v>
      </c>
      <c r="C112390" s="14" t="s">
        <v>63</v>
      </c>
      <c r="D112390" s="14" t="s">
        <v>92</v>
      </c>
      <c r="E112390" s="15">
        <v>45711</v>
      </c>
      <c r="F112390" s="14" t="s">
        <v>28</v>
      </c>
      <c r="G112390" s="16">
        <v>3.8251470190009909</v>
      </c>
    </row>
    <row r="112391" spans="1:7" x14ac:dyDescent="0.3">
      <c r="A112391" s="13" t="s">
        <v>537</v>
      </c>
      <c r="B112391" s="14" t="s">
        <v>1</v>
      </c>
      <c r="C112391" s="14" t="s">
        <v>63</v>
      </c>
      <c r="D112391" s="14" t="s">
        <v>92</v>
      </c>
      <c r="E112391" s="15">
        <v>45712</v>
      </c>
      <c r="F112391" s="14" t="s">
        <v>28</v>
      </c>
      <c r="G112391" s="16">
        <v>3.8430206784664098</v>
      </c>
    </row>
    <row r="112392" spans="1:7" x14ac:dyDescent="0.3">
      <c r="A112392" s="13" t="s">
        <v>537</v>
      </c>
      <c r="B112392" s="14" t="s">
        <v>1</v>
      </c>
      <c r="C112392" s="14" t="s">
        <v>63</v>
      </c>
      <c r="D112392" s="14" t="s">
        <v>92</v>
      </c>
      <c r="E112392" s="15">
        <v>45713</v>
      </c>
      <c r="F112392" s="14" t="s">
        <v>28</v>
      </c>
      <c r="G112392" s="16">
        <v>3.867195638306852</v>
      </c>
    </row>
    <row r="112393" spans="1:7" x14ac:dyDescent="0.3">
      <c r="A112393" s="13" t="s">
        <v>537</v>
      </c>
      <c r="B112393" s="14" t="s">
        <v>1</v>
      </c>
      <c r="C112393" s="14" t="s">
        <v>63</v>
      </c>
      <c r="D112393" s="14" t="s">
        <v>92</v>
      </c>
      <c r="E112393" s="15">
        <v>45714</v>
      </c>
      <c r="F112393" s="14" t="s">
        <v>28</v>
      </c>
      <c r="G112393" s="16">
        <v>3.885763867894628</v>
      </c>
    </row>
    <row r="112394" spans="1:7" x14ac:dyDescent="0.3">
      <c r="A112394" s="13" t="s">
        <v>537</v>
      </c>
      <c r="B112394" s="14" t="s">
        <v>1</v>
      </c>
      <c r="C112394" s="14" t="s">
        <v>63</v>
      </c>
      <c r="D112394" s="14" t="s">
        <v>92</v>
      </c>
      <c r="E112394" s="15">
        <v>45715</v>
      </c>
      <c r="F112394" s="14" t="s">
        <v>28</v>
      </c>
      <c r="G112394" s="16">
        <v>3.9300165910147915</v>
      </c>
    </row>
    <row r="112395" spans="1:7" x14ac:dyDescent="0.3">
      <c r="A112395" s="13" t="s">
        <v>537</v>
      </c>
      <c r="B112395" s="14" t="s">
        <v>1</v>
      </c>
      <c r="C112395" s="14" t="s">
        <v>63</v>
      </c>
      <c r="D112395" s="14" t="s">
        <v>92</v>
      </c>
      <c r="E112395" s="15">
        <v>45716</v>
      </c>
      <c r="F112395" s="14" t="s">
        <v>28</v>
      </c>
      <c r="G112395" s="16">
        <v>3.9486050639705397</v>
      </c>
    </row>
    <row r="112396" spans="1:7" x14ac:dyDescent="0.3">
      <c r="A112396" s="13" t="s">
        <v>537</v>
      </c>
      <c r="B112396" s="14" t="s">
        <v>1</v>
      </c>
      <c r="C112396" s="14" t="s">
        <v>63</v>
      </c>
      <c r="D112396" s="14" t="s">
        <v>92</v>
      </c>
      <c r="E112396" s="15">
        <v>45717</v>
      </c>
      <c r="F112396" s="14" t="s">
        <v>28</v>
      </c>
      <c r="G112396" s="16">
        <v>3.9486050639705397</v>
      </c>
    </row>
    <row r="112397" spans="1:7" x14ac:dyDescent="0.3">
      <c r="A112397" s="13" t="s">
        <v>537</v>
      </c>
      <c r="B112397" s="14" t="s">
        <v>1</v>
      </c>
      <c r="C112397" s="14" t="s">
        <v>63</v>
      </c>
      <c r="D112397" s="14" t="s">
        <v>92</v>
      </c>
      <c r="E112397" s="15">
        <v>45718</v>
      </c>
      <c r="F112397" s="14" t="s">
        <v>28</v>
      </c>
      <c r="G112397" s="16">
        <v>3.9486050639705397</v>
      </c>
    </row>
    <row r="112398" spans="1:7" x14ac:dyDescent="0.3">
      <c r="A112398" s="13" t="s">
        <v>537</v>
      </c>
      <c r="B112398" s="14" t="s">
        <v>1</v>
      </c>
      <c r="C112398" s="14" t="s">
        <v>63</v>
      </c>
      <c r="D112398" s="14" t="s">
        <v>92</v>
      </c>
      <c r="E112398" s="15">
        <v>45719</v>
      </c>
      <c r="F112398" s="14" t="s">
        <v>28</v>
      </c>
      <c r="G112398" s="16">
        <v>3.9731770901490218</v>
      </c>
    </row>
    <row r="112399" spans="1:7" x14ac:dyDescent="0.3">
      <c r="A112399" s="13" t="s">
        <v>537</v>
      </c>
      <c r="B112399" s="14" t="s">
        <v>1</v>
      </c>
      <c r="C112399" s="14" t="s">
        <v>63</v>
      </c>
      <c r="D112399" s="14" t="s">
        <v>92</v>
      </c>
      <c r="E112399" s="15">
        <v>45720</v>
      </c>
      <c r="F112399" s="14" t="s">
        <v>28</v>
      </c>
      <c r="G112399" s="16">
        <v>3.9819719059933334</v>
      </c>
    </row>
    <row r="112400" spans="1:7" x14ac:dyDescent="0.3">
      <c r="A112400" s="13" t="s">
        <v>537</v>
      </c>
      <c r="B112400" s="14" t="s">
        <v>1</v>
      </c>
      <c r="C112400" s="14" t="s">
        <v>63</v>
      </c>
      <c r="D112400" s="14" t="s">
        <v>92</v>
      </c>
      <c r="E112400" s="15">
        <v>45721</v>
      </c>
      <c r="F112400" s="14" t="s">
        <v>28</v>
      </c>
      <c r="G112400" s="16">
        <v>3.9754525922740944</v>
      </c>
    </row>
    <row r="112401" spans="1:7" x14ac:dyDescent="0.3">
      <c r="A112401" s="13" t="s">
        <v>537</v>
      </c>
      <c r="B112401" s="14" t="s">
        <v>1</v>
      </c>
      <c r="C112401" s="14" t="s">
        <v>63</v>
      </c>
      <c r="D112401" s="14" t="s">
        <v>92</v>
      </c>
      <c r="E112401" s="15">
        <v>45722</v>
      </c>
      <c r="F112401" s="14" t="s">
        <v>28</v>
      </c>
      <c r="G112401" s="16">
        <v>3.9898425901582475</v>
      </c>
    </row>
    <row r="112402" spans="1:7" x14ac:dyDescent="0.3">
      <c r="A112402" s="13" t="s">
        <v>537</v>
      </c>
      <c r="B112402" s="14" t="s">
        <v>1</v>
      </c>
      <c r="C112402" s="14" t="s">
        <v>63</v>
      </c>
      <c r="D112402" s="14" t="s">
        <v>92</v>
      </c>
      <c r="E112402" s="15">
        <v>45723</v>
      </c>
      <c r="F112402" s="14" t="s">
        <v>28</v>
      </c>
      <c r="G112402" s="16">
        <v>3.9959030062672718</v>
      </c>
    </row>
    <row r="112403" spans="1:7" x14ac:dyDescent="0.3">
      <c r="A112403" s="13" t="s">
        <v>537</v>
      </c>
      <c r="B112403" s="14" t="s">
        <v>1</v>
      </c>
      <c r="C112403" s="14" t="s">
        <v>63</v>
      </c>
      <c r="D112403" s="14" t="s">
        <v>92</v>
      </c>
      <c r="E112403" s="15">
        <v>45724</v>
      </c>
      <c r="F112403" s="14" t="s">
        <v>28</v>
      </c>
      <c r="G112403" s="16">
        <v>3.9959030062672718</v>
      </c>
    </row>
    <row r="112404" spans="1:7" x14ac:dyDescent="0.3">
      <c r="A112404" s="13" t="s">
        <v>537</v>
      </c>
      <c r="B112404" s="14" t="s">
        <v>1</v>
      </c>
      <c r="C112404" s="14" t="s">
        <v>63</v>
      </c>
      <c r="D112404" s="14" t="s">
        <v>92</v>
      </c>
      <c r="E112404" s="15">
        <v>45725</v>
      </c>
      <c r="F112404" s="14" t="s">
        <v>28</v>
      </c>
      <c r="G112404" s="16">
        <v>3.9959030062672718</v>
      </c>
    </row>
    <row r="112405" spans="1:7" x14ac:dyDescent="0.3">
      <c r="A112405" s="13" t="s">
        <v>537</v>
      </c>
      <c r="B112405" s="14" t="s">
        <v>1</v>
      </c>
      <c r="C112405" s="14" t="s">
        <v>63</v>
      </c>
      <c r="D112405" s="14" t="s">
        <v>92</v>
      </c>
      <c r="E112405" s="15">
        <v>45726</v>
      </c>
      <c r="F112405" s="14" t="s">
        <v>28</v>
      </c>
      <c r="G112405" s="16">
        <v>4.0221376605580748</v>
      </c>
    </row>
    <row r="112406" spans="1:7" x14ac:dyDescent="0.3">
      <c r="A112406" s="13" t="s">
        <v>537</v>
      </c>
      <c r="B112406" s="14" t="s">
        <v>1</v>
      </c>
      <c r="C112406" s="14" t="s">
        <v>63</v>
      </c>
      <c r="D112406" s="14" t="s">
        <v>92</v>
      </c>
      <c r="E112406" s="15">
        <v>45727</v>
      </c>
      <c r="F112406" s="14" t="s">
        <v>28</v>
      </c>
      <c r="G112406" s="16">
        <v>4.0464713346189463</v>
      </c>
    </row>
    <row r="112407" spans="1:7" x14ac:dyDescent="0.3">
      <c r="A112407" s="13" t="s">
        <v>537</v>
      </c>
      <c r="B112407" s="14" t="s">
        <v>1</v>
      </c>
      <c r="C112407" s="14" t="s">
        <v>63</v>
      </c>
      <c r="D112407" s="14" t="s">
        <v>92</v>
      </c>
      <c r="E112407" s="15">
        <v>45728</v>
      </c>
      <c r="F112407" s="14" t="s">
        <v>28</v>
      </c>
      <c r="G112407" s="16">
        <v>4.0650643132234361</v>
      </c>
    </row>
    <row r="112408" spans="1:7" x14ac:dyDescent="0.3">
      <c r="A112408" s="13" t="s">
        <v>537</v>
      </c>
      <c r="B112408" s="14" t="s">
        <v>1</v>
      </c>
      <c r="C112408" s="14" t="s">
        <v>63</v>
      </c>
      <c r="D112408" s="14" t="s">
        <v>92</v>
      </c>
      <c r="E112408" s="15">
        <v>45729</v>
      </c>
      <c r="F112408" s="14" t="s">
        <v>28</v>
      </c>
      <c r="G112408" s="16">
        <v>4.0860338515112486</v>
      </c>
    </row>
    <row r="112409" spans="1:7" x14ac:dyDescent="0.3">
      <c r="A112409" s="13" t="s">
        <v>537</v>
      </c>
      <c r="B112409" s="14" t="s">
        <v>1</v>
      </c>
      <c r="C112409" s="14" t="s">
        <v>63</v>
      </c>
      <c r="D112409" s="14" t="s">
        <v>92</v>
      </c>
      <c r="E112409" s="15">
        <v>45730</v>
      </c>
      <c r="F112409" s="14" t="s">
        <v>28</v>
      </c>
      <c r="G112409" s="16">
        <v>4.0936967639397883</v>
      </c>
    </row>
    <row r="112410" spans="1:7" x14ac:dyDescent="0.3">
      <c r="A112410" s="13" t="s">
        <v>537</v>
      </c>
      <c r="B112410" s="14" t="s">
        <v>1</v>
      </c>
      <c r="C112410" s="14" t="s">
        <v>63</v>
      </c>
      <c r="D112410" s="14" t="s">
        <v>92</v>
      </c>
      <c r="E112410" s="15">
        <v>45731</v>
      </c>
      <c r="F112410" s="14" t="s">
        <v>28</v>
      </c>
      <c r="G112410" s="16">
        <v>4.0936967639397883</v>
      </c>
    </row>
    <row r="112411" spans="1:7" x14ac:dyDescent="0.3">
      <c r="A112411" s="13" t="s">
        <v>537</v>
      </c>
      <c r="B112411" s="14" t="s">
        <v>1</v>
      </c>
      <c r="C112411" s="14" t="s">
        <v>63</v>
      </c>
      <c r="D112411" s="14" t="s">
        <v>92</v>
      </c>
      <c r="E112411" s="15">
        <v>45732</v>
      </c>
      <c r="F112411" s="14" t="s">
        <v>28</v>
      </c>
      <c r="G112411" s="16">
        <v>4.0936967639397883</v>
      </c>
    </row>
    <row r="112412" spans="1:7" x14ac:dyDescent="0.3">
      <c r="A112412" s="13" t="s">
        <v>537</v>
      </c>
      <c r="B112412" s="14" t="s">
        <v>1</v>
      </c>
      <c r="C112412" s="14" t="s">
        <v>63</v>
      </c>
      <c r="D112412" s="14" t="s">
        <v>92</v>
      </c>
      <c r="E112412" s="15">
        <v>45733</v>
      </c>
      <c r="F112412" s="14" t="s">
        <v>28</v>
      </c>
      <c r="G112412" s="16">
        <v>4.0936967639397883</v>
      </c>
    </row>
    <row r="112413" spans="1:7" x14ac:dyDescent="0.3">
      <c r="A112413" s="13" t="s">
        <v>537</v>
      </c>
      <c r="B112413" s="14" t="s">
        <v>1</v>
      </c>
      <c r="C112413" s="14" t="s">
        <v>63</v>
      </c>
      <c r="D112413" s="14" t="s">
        <v>92</v>
      </c>
      <c r="E112413" s="15">
        <v>45734</v>
      </c>
      <c r="F112413" s="14" t="s">
        <v>28</v>
      </c>
      <c r="G112413" s="16">
        <v>4.0970822579590598</v>
      </c>
    </row>
    <row r="112414" spans="1:7" x14ac:dyDescent="0.3">
      <c r="A112414" s="13" t="s">
        <v>537</v>
      </c>
      <c r="B112414" s="14" t="s">
        <v>1</v>
      </c>
      <c r="C112414" s="14" t="s">
        <v>63</v>
      </c>
      <c r="D112414" s="14" t="s">
        <v>92</v>
      </c>
      <c r="E112414" s="15">
        <v>45735</v>
      </c>
      <c r="F112414" s="14" t="s">
        <v>28</v>
      </c>
      <c r="G112414" s="16">
        <v>4.1450529489720349</v>
      </c>
    </row>
    <row r="112415" spans="1:7" x14ac:dyDescent="0.3">
      <c r="A112415" s="13" t="s">
        <v>537</v>
      </c>
      <c r="B112415" s="14" t="s">
        <v>1</v>
      </c>
      <c r="C112415" s="14" t="s">
        <v>63</v>
      </c>
      <c r="D112415" s="14" t="s">
        <v>92</v>
      </c>
      <c r="E112415" s="15">
        <v>45736</v>
      </c>
      <c r="F112415" s="14" t="s">
        <v>28</v>
      </c>
      <c r="G112415" s="16">
        <v>4.1701142668715203</v>
      </c>
    </row>
    <row r="112416" spans="1:7" x14ac:dyDescent="0.3">
      <c r="A112416" s="13" t="s">
        <v>537</v>
      </c>
      <c r="B112416" s="14" t="s">
        <v>1</v>
      </c>
      <c r="C112416" s="14" t="s">
        <v>63</v>
      </c>
      <c r="D112416" s="14" t="s">
        <v>92</v>
      </c>
      <c r="E112416" s="15">
        <v>45737</v>
      </c>
      <c r="F112416" s="14" t="s">
        <v>28</v>
      </c>
      <c r="G112416" s="16">
        <v>4.1717888241789209</v>
      </c>
    </row>
    <row r="112417" spans="1:7" x14ac:dyDescent="0.3">
      <c r="A112417" s="13" t="s">
        <v>537</v>
      </c>
      <c r="B112417" s="14" t="s">
        <v>1</v>
      </c>
      <c r="C112417" s="14" t="s">
        <v>63</v>
      </c>
      <c r="D112417" s="14" t="s">
        <v>92</v>
      </c>
      <c r="E112417" s="15">
        <v>45738</v>
      </c>
      <c r="F112417" s="14" t="s">
        <v>28</v>
      </c>
      <c r="G112417" s="16">
        <v>4.1717888241789209</v>
      </c>
    </row>
    <row r="112418" spans="1:7" x14ac:dyDescent="0.3">
      <c r="A112418" s="13" t="s">
        <v>537</v>
      </c>
      <c r="B112418" s="14" t="s">
        <v>1</v>
      </c>
      <c r="C112418" s="14" t="s">
        <v>63</v>
      </c>
      <c r="D112418" s="14" t="s">
        <v>92</v>
      </c>
      <c r="E112418" s="15">
        <v>45739</v>
      </c>
      <c r="F112418" s="14" t="s">
        <v>28</v>
      </c>
      <c r="G112418" s="16">
        <v>4.1717888241789209</v>
      </c>
    </row>
    <row r="112419" spans="1:7" x14ac:dyDescent="0.3">
      <c r="A112419" s="13" t="s">
        <v>537</v>
      </c>
      <c r="B112419" s="14" t="s">
        <v>1</v>
      </c>
      <c r="C112419" s="14" t="s">
        <v>63</v>
      </c>
      <c r="D112419" s="14" t="s">
        <v>92</v>
      </c>
      <c r="E112419" s="15">
        <v>45740</v>
      </c>
      <c r="F112419" s="14" t="s">
        <v>28</v>
      </c>
      <c r="G112419" s="16">
        <v>4.1918366697585192</v>
      </c>
    </row>
    <row r="112420" spans="1:7" x14ac:dyDescent="0.3">
      <c r="A112420" s="13" t="s">
        <v>537</v>
      </c>
      <c r="B112420" s="14" t="s">
        <v>1</v>
      </c>
      <c r="C112420" s="14" t="s">
        <v>63</v>
      </c>
      <c r="D112420" s="14" t="s">
        <v>92</v>
      </c>
      <c r="E112420" s="15">
        <v>45741</v>
      </c>
      <c r="F112420" s="14" t="s">
        <v>28</v>
      </c>
      <c r="G112420" s="16">
        <v>4.2154959779284606</v>
      </c>
    </row>
    <row r="112421" spans="1:7" x14ac:dyDescent="0.3">
      <c r="A112421" s="13" t="s">
        <v>537</v>
      </c>
      <c r="B112421" s="14" t="s">
        <v>1</v>
      </c>
      <c r="C112421" s="14" t="s">
        <v>63</v>
      </c>
      <c r="D112421" s="14" t="s">
        <v>92</v>
      </c>
      <c r="E112421" s="15">
        <v>45742</v>
      </c>
      <c r="F112421" s="14" t="s">
        <v>28</v>
      </c>
      <c r="G112421" s="16">
        <v>4.2418796465348994</v>
      </c>
    </row>
    <row r="112422" spans="1:7" x14ac:dyDescent="0.3">
      <c r="A112422" s="13" t="s">
        <v>537</v>
      </c>
      <c r="B112422" s="14" t="s">
        <v>1</v>
      </c>
      <c r="C112422" s="14" t="s">
        <v>63</v>
      </c>
      <c r="D112422" s="14" t="s">
        <v>92</v>
      </c>
      <c r="E112422" s="15">
        <v>45743</v>
      </c>
      <c r="F112422" s="14" t="s">
        <v>28</v>
      </c>
      <c r="G112422" s="16">
        <v>4.2580293980363075</v>
      </c>
    </row>
    <row r="112423" spans="1:7" x14ac:dyDescent="0.3">
      <c r="A112423" s="13" t="s">
        <v>537</v>
      </c>
      <c r="B112423" s="14" t="s">
        <v>1</v>
      </c>
      <c r="C112423" s="14" t="s">
        <v>63</v>
      </c>
      <c r="D112423" s="14" t="s">
        <v>92</v>
      </c>
      <c r="E112423" s="15">
        <v>45744</v>
      </c>
      <c r="F112423" s="14" t="s">
        <v>28</v>
      </c>
      <c r="G112423" s="16">
        <v>4.2790420226796826</v>
      </c>
    </row>
    <row r="112424" spans="1:7" x14ac:dyDescent="0.3">
      <c r="A112424" s="13" t="s">
        <v>537</v>
      </c>
      <c r="B112424" s="14" t="s">
        <v>1</v>
      </c>
      <c r="C112424" s="14" t="s">
        <v>63</v>
      </c>
      <c r="D112424" s="14" t="s">
        <v>92</v>
      </c>
      <c r="E112424" s="15">
        <v>45745</v>
      </c>
      <c r="F112424" s="14" t="s">
        <v>28</v>
      </c>
      <c r="G112424" s="16">
        <v>4.2790420226796826</v>
      </c>
    </row>
    <row r="112425" spans="1:7" x14ac:dyDescent="0.3">
      <c r="A112425" s="13" t="s">
        <v>537</v>
      </c>
      <c r="B112425" s="14" t="s">
        <v>1</v>
      </c>
      <c r="C112425" s="14" t="s">
        <v>63</v>
      </c>
      <c r="D112425" s="14" t="s">
        <v>92</v>
      </c>
      <c r="E112425" s="15">
        <v>45746</v>
      </c>
      <c r="F112425" s="14" t="s">
        <v>28</v>
      </c>
      <c r="G112425" s="16">
        <v>4.2790420226796826</v>
      </c>
    </row>
    <row r="112426" spans="1:7" x14ac:dyDescent="0.3">
      <c r="A112426" s="13" t="s">
        <v>537</v>
      </c>
      <c r="B112426" s="14" t="s">
        <v>1</v>
      </c>
      <c r="C112426" s="14" t="s">
        <v>63</v>
      </c>
      <c r="D112426" s="14" t="s">
        <v>92</v>
      </c>
      <c r="E112426" s="15">
        <v>45747</v>
      </c>
      <c r="F112426" s="14" t="s">
        <v>28</v>
      </c>
      <c r="G112426" s="16">
        <v>4.2790420226796826</v>
      </c>
    </row>
    <row r="112427" spans="1:7" x14ac:dyDescent="0.3">
      <c r="A112427" s="13" t="s">
        <v>538</v>
      </c>
      <c r="B112427" s="14" t="s">
        <v>1</v>
      </c>
      <c r="C112427" s="14" t="s">
        <v>70</v>
      </c>
      <c r="D112427" s="14" t="s">
        <v>264</v>
      </c>
      <c r="E112427" s="15">
        <v>45383</v>
      </c>
      <c r="F112427" s="14" t="s">
        <v>28</v>
      </c>
      <c r="G112427" s="16">
        <v>0</v>
      </c>
    </row>
    <row r="112428" spans="1:7" x14ac:dyDescent="0.3">
      <c r="A112428" s="13" t="s">
        <v>538</v>
      </c>
      <c r="B112428" s="14" t="s">
        <v>1</v>
      </c>
      <c r="C112428" s="14" t="s">
        <v>70</v>
      </c>
      <c r="D112428" s="14" t="s">
        <v>264</v>
      </c>
      <c r="E112428" s="15">
        <v>45384</v>
      </c>
      <c r="F112428" s="14" t="s">
        <v>28</v>
      </c>
      <c r="G112428" s="16">
        <v>0</v>
      </c>
    </row>
    <row r="112429" spans="1:7" x14ac:dyDescent="0.3">
      <c r="A112429" s="13" t="s">
        <v>538</v>
      </c>
      <c r="B112429" s="14" t="s">
        <v>1</v>
      </c>
      <c r="C112429" s="14" t="s">
        <v>70</v>
      </c>
      <c r="D112429" s="14" t="s">
        <v>264</v>
      </c>
      <c r="E112429" s="15">
        <v>45385</v>
      </c>
      <c r="F112429" s="14" t="s">
        <v>28</v>
      </c>
      <c r="G112429" s="16">
        <v>3.0898637354503336E-2</v>
      </c>
    </row>
    <row r="112430" spans="1:7" x14ac:dyDescent="0.3">
      <c r="A112430" s="13" t="s">
        <v>538</v>
      </c>
      <c r="B112430" s="14" t="s">
        <v>1</v>
      </c>
      <c r="C112430" s="14" t="s">
        <v>70</v>
      </c>
      <c r="D112430" s="14" t="s">
        <v>264</v>
      </c>
      <c r="E112430" s="15">
        <v>45386</v>
      </c>
      <c r="F112430" s="14" t="s">
        <v>28</v>
      </c>
      <c r="G112430" s="16">
        <v>3.9420595893078059E-2</v>
      </c>
    </row>
    <row r="112431" spans="1:7" x14ac:dyDescent="0.3">
      <c r="A112431" s="13" t="s">
        <v>538</v>
      </c>
      <c r="B112431" s="14" t="s">
        <v>1</v>
      </c>
      <c r="C112431" s="14" t="s">
        <v>70</v>
      </c>
      <c r="D112431" s="14" t="s">
        <v>264</v>
      </c>
      <c r="E112431" s="15">
        <v>45387</v>
      </c>
      <c r="F112431" s="14" t="s">
        <v>28</v>
      </c>
      <c r="G112431" s="16">
        <v>5.6623353825072435E-2</v>
      </c>
    </row>
    <row r="112432" spans="1:7" x14ac:dyDescent="0.3">
      <c r="A112432" s="13" t="s">
        <v>538</v>
      </c>
      <c r="B112432" s="14" t="s">
        <v>1</v>
      </c>
      <c r="C112432" s="14" t="s">
        <v>70</v>
      </c>
      <c r="D112432" s="14" t="s">
        <v>264</v>
      </c>
      <c r="E112432" s="15">
        <v>45388</v>
      </c>
      <c r="F112432" s="14" t="s">
        <v>28</v>
      </c>
      <c r="G112432" s="16">
        <v>5.6623353825072435E-2</v>
      </c>
    </row>
    <row r="112433" spans="1:7" x14ac:dyDescent="0.3">
      <c r="A112433" s="13" t="s">
        <v>538</v>
      </c>
      <c r="B112433" s="14" t="s">
        <v>1</v>
      </c>
      <c r="C112433" s="14" t="s">
        <v>70</v>
      </c>
      <c r="D112433" s="14" t="s">
        <v>264</v>
      </c>
      <c r="E112433" s="15">
        <v>45389</v>
      </c>
      <c r="F112433" s="14" t="s">
        <v>28</v>
      </c>
      <c r="G112433" s="16">
        <v>5.6623353825072435E-2</v>
      </c>
    </row>
    <row r="112434" spans="1:7" x14ac:dyDescent="0.3">
      <c r="A112434" s="13" t="s">
        <v>538</v>
      </c>
      <c r="B112434" s="14" t="s">
        <v>1</v>
      </c>
      <c r="C112434" s="14" t="s">
        <v>70</v>
      </c>
      <c r="D112434" s="14" t="s">
        <v>264</v>
      </c>
      <c r="E112434" s="15">
        <v>45390</v>
      </c>
      <c r="F112434" s="14" t="s">
        <v>28</v>
      </c>
      <c r="G112434" s="16">
        <v>7.5791935117373518E-2</v>
      </c>
    </row>
    <row r="112435" spans="1:7" x14ac:dyDescent="0.3">
      <c r="A112435" s="13" t="s">
        <v>538</v>
      </c>
      <c r="B112435" s="14" t="s">
        <v>1</v>
      </c>
      <c r="C112435" s="14" t="s">
        <v>70</v>
      </c>
      <c r="D112435" s="14" t="s">
        <v>264</v>
      </c>
      <c r="E112435" s="15">
        <v>45391</v>
      </c>
      <c r="F112435" s="14" t="s">
        <v>28</v>
      </c>
      <c r="G112435" s="16">
        <v>8.9406192709826859E-2</v>
      </c>
    </row>
    <row r="112436" spans="1:7" x14ac:dyDescent="0.3">
      <c r="A112436" s="13" t="s">
        <v>538</v>
      </c>
      <c r="B112436" s="14" t="s">
        <v>1</v>
      </c>
      <c r="C112436" s="14" t="s">
        <v>70</v>
      </c>
      <c r="D112436" s="14" t="s">
        <v>264</v>
      </c>
      <c r="E112436" s="15">
        <v>45392</v>
      </c>
      <c r="F112436" s="14" t="s">
        <v>28</v>
      </c>
      <c r="G112436" s="16">
        <v>0.1070551770215821</v>
      </c>
    </row>
    <row r="112437" spans="1:7" x14ac:dyDescent="0.3">
      <c r="A112437" s="13" t="s">
        <v>538</v>
      </c>
      <c r="B112437" s="14" t="s">
        <v>1</v>
      </c>
      <c r="C112437" s="14" t="s">
        <v>70</v>
      </c>
      <c r="D112437" s="14" t="s">
        <v>264</v>
      </c>
      <c r="E112437" s="15">
        <v>45393</v>
      </c>
      <c r="F112437" s="14" t="s">
        <v>28</v>
      </c>
      <c r="G112437" s="16">
        <v>0.11042615272278453</v>
      </c>
    </row>
    <row r="112438" spans="1:7" x14ac:dyDescent="0.3">
      <c r="A112438" s="13" t="s">
        <v>538</v>
      </c>
      <c r="B112438" s="14" t="s">
        <v>1</v>
      </c>
      <c r="C112438" s="14" t="s">
        <v>70</v>
      </c>
      <c r="D112438" s="14" t="s">
        <v>264</v>
      </c>
      <c r="E112438" s="15">
        <v>45394</v>
      </c>
      <c r="F112438" s="14" t="s">
        <v>28</v>
      </c>
      <c r="G112438" s="16">
        <v>0.11493983689528323</v>
      </c>
    </row>
    <row r="112439" spans="1:7" x14ac:dyDescent="0.3">
      <c r="A112439" s="13" t="s">
        <v>538</v>
      </c>
      <c r="B112439" s="14" t="s">
        <v>1</v>
      </c>
      <c r="C112439" s="14" t="s">
        <v>70</v>
      </c>
      <c r="D112439" s="14" t="s">
        <v>264</v>
      </c>
      <c r="E112439" s="15">
        <v>45395</v>
      </c>
      <c r="F112439" s="14" t="s">
        <v>28</v>
      </c>
      <c r="G112439" s="16">
        <v>0.11493983689528323</v>
      </c>
    </row>
    <row r="112440" spans="1:7" x14ac:dyDescent="0.3">
      <c r="A112440" s="13" t="s">
        <v>538</v>
      </c>
      <c r="B112440" s="14" t="s">
        <v>1</v>
      </c>
      <c r="C112440" s="14" t="s">
        <v>70</v>
      </c>
      <c r="D112440" s="14" t="s">
        <v>264</v>
      </c>
      <c r="E112440" s="15">
        <v>45396</v>
      </c>
      <c r="F112440" s="14" t="s">
        <v>28</v>
      </c>
      <c r="G112440" s="16">
        <v>0.11493983689528323</v>
      </c>
    </row>
    <row r="112441" spans="1:7" x14ac:dyDescent="0.3">
      <c r="A112441" s="13" t="s">
        <v>538</v>
      </c>
      <c r="B112441" s="14" t="s">
        <v>1</v>
      </c>
      <c r="C112441" s="14" t="s">
        <v>70</v>
      </c>
      <c r="D112441" s="14" t="s">
        <v>264</v>
      </c>
      <c r="E112441" s="15">
        <v>45397</v>
      </c>
      <c r="F112441" s="14" t="s">
        <v>28</v>
      </c>
      <c r="G112441" s="16">
        <v>0.13989040016947288</v>
      </c>
    </row>
    <row r="112442" spans="1:7" x14ac:dyDescent="0.3">
      <c r="A112442" s="13" t="s">
        <v>538</v>
      </c>
      <c r="B112442" s="14" t="s">
        <v>1</v>
      </c>
      <c r="C112442" s="14" t="s">
        <v>70</v>
      </c>
      <c r="D112442" s="14" t="s">
        <v>264</v>
      </c>
      <c r="E112442" s="15">
        <v>45398</v>
      </c>
      <c r="F112442" s="14" t="s">
        <v>28</v>
      </c>
      <c r="G112442" s="16">
        <v>0.1541082996052309</v>
      </c>
    </row>
    <row r="112443" spans="1:7" x14ac:dyDescent="0.3">
      <c r="A112443" s="13" t="s">
        <v>538</v>
      </c>
      <c r="B112443" s="14" t="s">
        <v>1</v>
      </c>
      <c r="C112443" s="14" t="s">
        <v>70</v>
      </c>
      <c r="D112443" s="14" t="s">
        <v>264</v>
      </c>
      <c r="E112443" s="15">
        <v>45399</v>
      </c>
      <c r="F112443" s="14" t="s">
        <v>28</v>
      </c>
      <c r="G112443" s="16">
        <v>0.19503055003315276</v>
      </c>
    </row>
    <row r="112444" spans="1:7" x14ac:dyDescent="0.3">
      <c r="A112444" s="13" t="s">
        <v>538</v>
      </c>
      <c r="B112444" s="14" t="s">
        <v>1</v>
      </c>
      <c r="C112444" s="14" t="s">
        <v>70</v>
      </c>
      <c r="D112444" s="14" t="s">
        <v>264</v>
      </c>
      <c r="E112444" s="15">
        <v>45400</v>
      </c>
      <c r="F112444" s="14" t="s">
        <v>28</v>
      </c>
      <c r="G112444" s="16">
        <v>0.19906402190365338</v>
      </c>
    </row>
    <row r="112445" spans="1:7" x14ac:dyDescent="0.3">
      <c r="A112445" s="13" t="s">
        <v>538</v>
      </c>
      <c r="B112445" s="14" t="s">
        <v>1</v>
      </c>
      <c r="C112445" s="14" t="s">
        <v>70</v>
      </c>
      <c r="D112445" s="14" t="s">
        <v>264</v>
      </c>
      <c r="E112445" s="15">
        <v>45401</v>
      </c>
      <c r="F112445" s="14" t="s">
        <v>28</v>
      </c>
      <c r="G112445" s="16">
        <v>0.20768568832130879</v>
      </c>
    </row>
    <row r="112446" spans="1:7" x14ac:dyDescent="0.3">
      <c r="A112446" s="13" t="s">
        <v>538</v>
      </c>
      <c r="B112446" s="14" t="s">
        <v>1</v>
      </c>
      <c r="C112446" s="14" t="s">
        <v>70</v>
      </c>
      <c r="D112446" s="14" t="s">
        <v>264</v>
      </c>
      <c r="E112446" s="15">
        <v>45402</v>
      </c>
      <c r="F112446" s="14" t="s">
        <v>28</v>
      </c>
      <c r="G112446" s="16">
        <v>0.20768568832130879</v>
      </c>
    </row>
    <row r="112447" spans="1:7" x14ac:dyDescent="0.3">
      <c r="A112447" s="13" t="s">
        <v>538</v>
      </c>
      <c r="B112447" s="14" t="s">
        <v>1</v>
      </c>
      <c r="C112447" s="14" t="s">
        <v>70</v>
      </c>
      <c r="D112447" s="14" t="s">
        <v>264</v>
      </c>
      <c r="E112447" s="15">
        <v>45403</v>
      </c>
      <c r="F112447" s="14" t="s">
        <v>28</v>
      </c>
      <c r="G112447" s="16">
        <v>0.20768568832130879</v>
      </c>
    </row>
    <row r="112448" spans="1:7" x14ac:dyDescent="0.3">
      <c r="A112448" s="13" t="s">
        <v>538</v>
      </c>
      <c r="B112448" s="14" t="s">
        <v>1</v>
      </c>
      <c r="C112448" s="14" t="s">
        <v>70</v>
      </c>
      <c r="D112448" s="14" t="s">
        <v>264</v>
      </c>
      <c r="E112448" s="15">
        <v>45404</v>
      </c>
      <c r="F112448" s="14" t="s">
        <v>28</v>
      </c>
      <c r="G112448" s="16">
        <v>0.21614496715495937</v>
      </c>
    </row>
    <row r="112449" spans="1:7" x14ac:dyDescent="0.3">
      <c r="A112449" s="13" t="s">
        <v>538</v>
      </c>
      <c r="B112449" s="14" t="s">
        <v>1</v>
      </c>
      <c r="C112449" s="14" t="s">
        <v>70</v>
      </c>
      <c r="D112449" s="14" t="s">
        <v>264</v>
      </c>
      <c r="E112449" s="15">
        <v>45405</v>
      </c>
      <c r="F112449" s="14" t="s">
        <v>28</v>
      </c>
      <c r="G112449" s="16">
        <v>0.24595582431603707</v>
      </c>
    </row>
    <row r="112450" spans="1:7" x14ac:dyDescent="0.3">
      <c r="A112450" s="13" t="s">
        <v>538</v>
      </c>
      <c r="B112450" s="14" t="s">
        <v>1</v>
      </c>
      <c r="C112450" s="14" t="s">
        <v>70</v>
      </c>
      <c r="D112450" s="14" t="s">
        <v>264</v>
      </c>
      <c r="E112450" s="15">
        <v>45406</v>
      </c>
      <c r="F112450" s="14" t="s">
        <v>28</v>
      </c>
      <c r="G112450" s="16">
        <v>0.25359670456571015</v>
      </c>
    </row>
    <row r="112451" spans="1:7" x14ac:dyDescent="0.3">
      <c r="A112451" s="13" t="s">
        <v>538</v>
      </c>
      <c r="B112451" s="14" t="s">
        <v>1</v>
      </c>
      <c r="C112451" s="14" t="s">
        <v>70</v>
      </c>
      <c r="D112451" s="14" t="s">
        <v>264</v>
      </c>
      <c r="E112451" s="15">
        <v>45407</v>
      </c>
      <c r="F112451" s="14" t="s">
        <v>28</v>
      </c>
      <c r="G112451" s="16">
        <v>0.2993888366417034</v>
      </c>
    </row>
    <row r="112452" spans="1:7" x14ac:dyDescent="0.3">
      <c r="A112452" s="13" t="s">
        <v>538</v>
      </c>
      <c r="B112452" s="14" t="s">
        <v>1</v>
      </c>
      <c r="C112452" s="14" t="s">
        <v>70</v>
      </c>
      <c r="D112452" s="14" t="s">
        <v>264</v>
      </c>
      <c r="E112452" s="15">
        <v>45408</v>
      </c>
      <c r="F112452" s="14" t="s">
        <v>28</v>
      </c>
      <c r="G112452" s="16">
        <v>0.30493390329229197</v>
      </c>
    </row>
    <row r="112453" spans="1:7" x14ac:dyDescent="0.3">
      <c r="A112453" s="13" t="s">
        <v>538</v>
      </c>
      <c r="B112453" s="14" t="s">
        <v>1</v>
      </c>
      <c r="C112453" s="14" t="s">
        <v>70</v>
      </c>
      <c r="D112453" s="14" t="s">
        <v>264</v>
      </c>
      <c r="E112453" s="15">
        <v>45409</v>
      </c>
      <c r="F112453" s="14" t="s">
        <v>28</v>
      </c>
      <c r="G112453" s="16">
        <v>0.30493390329229197</v>
      </c>
    </row>
    <row r="112454" spans="1:7" x14ac:dyDescent="0.3">
      <c r="A112454" s="13" t="s">
        <v>538</v>
      </c>
      <c r="B112454" s="14" t="s">
        <v>1</v>
      </c>
      <c r="C112454" s="14" t="s">
        <v>70</v>
      </c>
      <c r="D112454" s="14" t="s">
        <v>264</v>
      </c>
      <c r="E112454" s="15">
        <v>45410</v>
      </c>
      <c r="F112454" s="14" t="s">
        <v>28</v>
      </c>
      <c r="G112454" s="16">
        <v>0.30493390329229197</v>
      </c>
    </row>
    <row r="112455" spans="1:7" x14ac:dyDescent="0.3">
      <c r="A112455" s="13" t="s">
        <v>538</v>
      </c>
      <c r="B112455" s="14" t="s">
        <v>1</v>
      </c>
      <c r="C112455" s="14" t="s">
        <v>70</v>
      </c>
      <c r="D112455" s="14" t="s">
        <v>264</v>
      </c>
      <c r="E112455" s="15">
        <v>45411</v>
      </c>
      <c r="F112455" s="14" t="s">
        <v>28</v>
      </c>
      <c r="G112455" s="16">
        <v>0.30805409001510814</v>
      </c>
    </row>
    <row r="112456" spans="1:7" x14ac:dyDescent="0.3">
      <c r="A112456" s="13" t="s">
        <v>538</v>
      </c>
      <c r="B112456" s="14" t="s">
        <v>1</v>
      </c>
      <c r="C112456" s="14" t="s">
        <v>70</v>
      </c>
      <c r="D112456" s="14" t="s">
        <v>264</v>
      </c>
      <c r="E112456" s="15">
        <v>45412</v>
      </c>
      <c r="F112456" s="14" t="s">
        <v>28</v>
      </c>
      <c r="G112456" s="16">
        <v>0.32239709470875227</v>
      </c>
    </row>
    <row r="112457" spans="1:7" x14ac:dyDescent="0.3">
      <c r="A112457" s="13" t="s">
        <v>538</v>
      </c>
      <c r="B112457" s="14" t="s">
        <v>1</v>
      </c>
      <c r="C112457" s="14" t="s">
        <v>70</v>
      </c>
      <c r="D112457" s="14" t="s">
        <v>264</v>
      </c>
      <c r="E112457" s="15">
        <v>45413</v>
      </c>
      <c r="F112457" s="14" t="s">
        <v>28</v>
      </c>
      <c r="G112457" s="16">
        <v>0.32239709470875227</v>
      </c>
    </row>
    <row r="112458" spans="1:7" x14ac:dyDescent="0.3">
      <c r="A112458" s="13" t="s">
        <v>538</v>
      </c>
      <c r="B112458" s="14" t="s">
        <v>1</v>
      </c>
      <c r="C112458" s="14" t="s">
        <v>70</v>
      </c>
      <c r="D112458" s="14" t="s">
        <v>264</v>
      </c>
      <c r="E112458" s="15">
        <v>45414</v>
      </c>
      <c r="F112458" s="14" t="s">
        <v>28</v>
      </c>
      <c r="G112458" s="16">
        <v>5.9093806418310961E-2</v>
      </c>
    </row>
    <row r="112459" spans="1:7" x14ac:dyDescent="0.3">
      <c r="A112459" s="13" t="s">
        <v>538</v>
      </c>
      <c r="B112459" s="14" t="s">
        <v>1</v>
      </c>
      <c r="C112459" s="14" t="s">
        <v>70</v>
      </c>
      <c r="D112459" s="14" t="s">
        <v>264</v>
      </c>
      <c r="E112459" s="15">
        <v>45415</v>
      </c>
      <c r="F112459" s="14" t="s">
        <v>28</v>
      </c>
      <c r="G112459" s="16">
        <v>6.7877537208292732E-2</v>
      </c>
    </row>
    <row r="112460" spans="1:7" x14ac:dyDescent="0.3">
      <c r="A112460" s="13" t="s">
        <v>538</v>
      </c>
      <c r="B112460" s="14" t="s">
        <v>1</v>
      </c>
      <c r="C112460" s="14" t="s">
        <v>70</v>
      </c>
      <c r="D112460" s="14" t="s">
        <v>264</v>
      </c>
      <c r="E112460" s="15">
        <v>45416</v>
      </c>
      <c r="F112460" s="14" t="s">
        <v>28</v>
      </c>
      <c r="G112460" s="16">
        <v>6.7877537208292732E-2</v>
      </c>
    </row>
    <row r="112461" spans="1:7" x14ac:dyDescent="0.3">
      <c r="A112461" s="13" t="s">
        <v>538</v>
      </c>
      <c r="B112461" s="14" t="s">
        <v>1</v>
      </c>
      <c r="C112461" s="14" t="s">
        <v>70</v>
      </c>
      <c r="D112461" s="14" t="s">
        <v>264</v>
      </c>
      <c r="E112461" s="15">
        <v>45417</v>
      </c>
      <c r="F112461" s="14" t="s">
        <v>28</v>
      </c>
      <c r="G112461" s="16">
        <v>6.7877537208292732E-2</v>
      </c>
    </row>
    <row r="112462" spans="1:7" x14ac:dyDescent="0.3">
      <c r="A112462" s="13" t="s">
        <v>538</v>
      </c>
      <c r="B112462" s="14" t="s">
        <v>1</v>
      </c>
      <c r="C112462" s="14" t="s">
        <v>70</v>
      </c>
      <c r="D112462" s="14" t="s">
        <v>264</v>
      </c>
      <c r="E112462" s="15">
        <v>45418</v>
      </c>
      <c r="F112462" s="14" t="s">
        <v>28</v>
      </c>
      <c r="G112462" s="16">
        <v>6.7877537208292732E-2</v>
      </c>
    </row>
    <row r="112463" spans="1:7" x14ac:dyDescent="0.3">
      <c r="A112463" s="13" t="s">
        <v>538</v>
      </c>
      <c r="B112463" s="14" t="s">
        <v>1</v>
      </c>
      <c r="C112463" s="14" t="s">
        <v>70</v>
      </c>
      <c r="D112463" s="14" t="s">
        <v>264</v>
      </c>
      <c r="E112463" s="15">
        <v>45419</v>
      </c>
      <c r="F112463" s="14" t="s">
        <v>28</v>
      </c>
      <c r="G112463" s="16">
        <v>9.4225498258008231E-2</v>
      </c>
    </row>
    <row r="112464" spans="1:7" x14ac:dyDescent="0.3">
      <c r="A112464" s="13" t="s">
        <v>538</v>
      </c>
      <c r="B112464" s="14" t="s">
        <v>1</v>
      </c>
      <c r="C112464" s="14" t="s">
        <v>70</v>
      </c>
      <c r="D112464" s="14" t="s">
        <v>264</v>
      </c>
      <c r="E112464" s="15">
        <v>45420</v>
      </c>
      <c r="F112464" s="14" t="s">
        <v>28</v>
      </c>
      <c r="G112464" s="16">
        <v>0.1154571871501326</v>
      </c>
    </row>
    <row r="112465" spans="1:7" x14ac:dyDescent="0.3">
      <c r="A112465" s="13" t="s">
        <v>538</v>
      </c>
      <c r="B112465" s="14" t="s">
        <v>1</v>
      </c>
      <c r="C112465" s="14" t="s">
        <v>70</v>
      </c>
      <c r="D112465" s="14" t="s">
        <v>264</v>
      </c>
      <c r="E112465" s="15">
        <v>45421</v>
      </c>
      <c r="F112465" s="14" t="s">
        <v>28</v>
      </c>
      <c r="G112465" s="16">
        <v>0.1154571871501326</v>
      </c>
    </row>
    <row r="112466" spans="1:7" x14ac:dyDescent="0.3">
      <c r="A112466" s="13" t="s">
        <v>538</v>
      </c>
      <c r="B112466" s="14" t="s">
        <v>1</v>
      </c>
      <c r="C112466" s="14" t="s">
        <v>70</v>
      </c>
      <c r="D112466" s="14" t="s">
        <v>264</v>
      </c>
      <c r="E112466" s="15">
        <v>45422</v>
      </c>
      <c r="F112466" s="14" t="s">
        <v>28</v>
      </c>
      <c r="G112466" s="16">
        <v>0.11909478273081925</v>
      </c>
    </row>
    <row r="112467" spans="1:7" x14ac:dyDescent="0.3">
      <c r="A112467" s="13" t="s">
        <v>538</v>
      </c>
      <c r="B112467" s="14" t="s">
        <v>1</v>
      </c>
      <c r="C112467" s="14" t="s">
        <v>70</v>
      </c>
      <c r="D112467" s="14" t="s">
        <v>264</v>
      </c>
      <c r="E112467" s="15">
        <v>45423</v>
      </c>
      <c r="F112467" s="14" t="s">
        <v>28</v>
      </c>
      <c r="G112467" s="16">
        <v>0.11909478273081925</v>
      </c>
    </row>
    <row r="112468" spans="1:7" x14ac:dyDescent="0.3">
      <c r="A112468" s="13" t="s">
        <v>538</v>
      </c>
      <c r="B112468" s="14" t="s">
        <v>1</v>
      </c>
      <c r="C112468" s="14" t="s">
        <v>70</v>
      </c>
      <c r="D112468" s="14" t="s">
        <v>264</v>
      </c>
      <c r="E112468" s="15">
        <v>45424</v>
      </c>
      <c r="F112468" s="14" t="s">
        <v>28</v>
      </c>
      <c r="G112468" s="16">
        <v>0.11909478273081925</v>
      </c>
    </row>
    <row r="112469" spans="1:7" x14ac:dyDescent="0.3">
      <c r="A112469" s="13" t="s">
        <v>538</v>
      </c>
      <c r="B112469" s="14" t="s">
        <v>1</v>
      </c>
      <c r="C112469" s="14" t="s">
        <v>70</v>
      </c>
      <c r="D112469" s="14" t="s">
        <v>264</v>
      </c>
      <c r="E112469" s="15">
        <v>45425</v>
      </c>
      <c r="F112469" s="14" t="s">
        <v>28</v>
      </c>
      <c r="G112469" s="16">
        <v>0.22880999859114748</v>
      </c>
    </row>
    <row r="112470" spans="1:7" x14ac:dyDescent="0.3">
      <c r="A112470" s="13" t="s">
        <v>538</v>
      </c>
      <c r="B112470" s="14" t="s">
        <v>1</v>
      </c>
      <c r="C112470" s="14" t="s">
        <v>70</v>
      </c>
      <c r="D112470" s="14" t="s">
        <v>264</v>
      </c>
      <c r="E112470" s="15">
        <v>45426</v>
      </c>
      <c r="F112470" s="14" t="s">
        <v>28</v>
      </c>
      <c r="G112470" s="16">
        <v>0.26362713981440933</v>
      </c>
    </row>
    <row r="112471" spans="1:7" x14ac:dyDescent="0.3">
      <c r="A112471" s="13" t="s">
        <v>538</v>
      </c>
      <c r="B112471" s="14" t="s">
        <v>1</v>
      </c>
      <c r="C112471" s="14" t="s">
        <v>70</v>
      </c>
      <c r="D112471" s="14" t="s">
        <v>264</v>
      </c>
      <c r="E112471" s="15">
        <v>45427</v>
      </c>
      <c r="F112471" s="14" t="s">
        <v>28</v>
      </c>
      <c r="G112471" s="16">
        <v>0.2719130184389435</v>
      </c>
    </row>
    <row r="112472" spans="1:7" x14ac:dyDescent="0.3">
      <c r="A112472" s="13" t="s">
        <v>538</v>
      </c>
      <c r="B112472" s="14" t="s">
        <v>1</v>
      </c>
      <c r="C112472" s="14" t="s">
        <v>70</v>
      </c>
      <c r="D112472" s="14" t="s">
        <v>264</v>
      </c>
      <c r="E112472" s="15">
        <v>45428</v>
      </c>
      <c r="F112472" s="14" t="s">
        <v>28</v>
      </c>
      <c r="G112472" s="16">
        <v>0.27762980676095822</v>
      </c>
    </row>
    <row r="112473" spans="1:7" x14ac:dyDescent="0.3">
      <c r="A112473" s="13" t="s">
        <v>538</v>
      </c>
      <c r="B112473" s="14" t="s">
        <v>1</v>
      </c>
      <c r="C112473" s="14" t="s">
        <v>70</v>
      </c>
      <c r="D112473" s="14" t="s">
        <v>264</v>
      </c>
      <c r="E112473" s="15">
        <v>45429</v>
      </c>
      <c r="F112473" s="14" t="s">
        <v>28</v>
      </c>
      <c r="G112473" s="16">
        <v>0.36386049797651326</v>
      </c>
    </row>
    <row r="112474" spans="1:7" x14ac:dyDescent="0.3">
      <c r="A112474" s="13" t="s">
        <v>538</v>
      </c>
      <c r="B112474" s="14" t="s">
        <v>1</v>
      </c>
      <c r="C112474" s="14" t="s">
        <v>70</v>
      </c>
      <c r="D112474" s="14" t="s">
        <v>264</v>
      </c>
      <c r="E112474" s="15">
        <v>45430</v>
      </c>
      <c r="F112474" s="14" t="s">
        <v>28</v>
      </c>
      <c r="G112474" s="16">
        <v>0.36386049797651326</v>
      </c>
    </row>
    <row r="112475" spans="1:7" x14ac:dyDescent="0.3">
      <c r="A112475" s="13" t="s">
        <v>538</v>
      </c>
      <c r="B112475" s="14" t="s">
        <v>1</v>
      </c>
      <c r="C112475" s="14" t="s">
        <v>70</v>
      </c>
      <c r="D112475" s="14" t="s">
        <v>264</v>
      </c>
      <c r="E112475" s="15">
        <v>45431</v>
      </c>
      <c r="F112475" s="14" t="s">
        <v>28</v>
      </c>
      <c r="G112475" s="16">
        <v>0.36386049797651326</v>
      </c>
    </row>
    <row r="112476" spans="1:7" x14ac:dyDescent="0.3">
      <c r="A112476" s="13" t="s">
        <v>538</v>
      </c>
      <c r="B112476" s="14" t="s">
        <v>1</v>
      </c>
      <c r="C112476" s="14" t="s">
        <v>70</v>
      </c>
      <c r="D112476" s="14" t="s">
        <v>264</v>
      </c>
      <c r="E112476" s="15">
        <v>45432</v>
      </c>
      <c r="F112476" s="14" t="s">
        <v>28</v>
      </c>
      <c r="G112476" s="16">
        <v>0.36386049797651326</v>
      </c>
    </row>
    <row r="112477" spans="1:7" x14ac:dyDescent="0.3">
      <c r="A112477" s="13" t="s">
        <v>538</v>
      </c>
      <c r="B112477" s="14" t="s">
        <v>1</v>
      </c>
      <c r="C112477" s="14" t="s">
        <v>70</v>
      </c>
      <c r="D112477" s="14" t="s">
        <v>264</v>
      </c>
      <c r="E112477" s="15">
        <v>45433</v>
      </c>
      <c r="F112477" s="14" t="s">
        <v>28</v>
      </c>
      <c r="G112477" s="16">
        <v>0.36777900991517526</v>
      </c>
    </row>
    <row r="112478" spans="1:7" x14ac:dyDescent="0.3">
      <c r="A112478" s="13" t="s">
        <v>538</v>
      </c>
      <c r="B112478" s="14" t="s">
        <v>1</v>
      </c>
      <c r="C112478" s="14" t="s">
        <v>70</v>
      </c>
      <c r="D112478" s="14" t="s">
        <v>264</v>
      </c>
      <c r="E112478" s="15">
        <v>45434</v>
      </c>
      <c r="F112478" s="14" t="s">
        <v>28</v>
      </c>
      <c r="G112478" s="16">
        <v>0.40287718980355852</v>
      </c>
    </row>
    <row r="112479" spans="1:7" x14ac:dyDescent="0.3">
      <c r="A112479" s="13" t="s">
        <v>538</v>
      </c>
      <c r="B112479" s="14" t="s">
        <v>1</v>
      </c>
      <c r="C112479" s="14" t="s">
        <v>70</v>
      </c>
      <c r="D112479" s="14" t="s">
        <v>264</v>
      </c>
      <c r="E112479" s="15">
        <v>45435</v>
      </c>
      <c r="F112479" s="14" t="s">
        <v>28</v>
      </c>
      <c r="G112479" s="16">
        <v>0.40764508334771493</v>
      </c>
    </row>
    <row r="112480" spans="1:7" x14ac:dyDescent="0.3">
      <c r="A112480" s="13" t="s">
        <v>538</v>
      </c>
      <c r="B112480" s="14" t="s">
        <v>1</v>
      </c>
      <c r="C112480" s="14" t="s">
        <v>70</v>
      </c>
      <c r="D112480" s="14" t="s">
        <v>264</v>
      </c>
      <c r="E112480" s="15">
        <v>45436</v>
      </c>
      <c r="F112480" s="14" t="s">
        <v>28</v>
      </c>
      <c r="G112480" s="16">
        <v>0.41079739441387447</v>
      </c>
    </row>
    <row r="112481" spans="1:7" x14ac:dyDescent="0.3">
      <c r="A112481" s="13" t="s">
        <v>538</v>
      </c>
      <c r="B112481" s="14" t="s">
        <v>1</v>
      </c>
      <c r="C112481" s="14" t="s">
        <v>70</v>
      </c>
      <c r="D112481" s="14" t="s">
        <v>264</v>
      </c>
      <c r="E112481" s="15">
        <v>45437</v>
      </c>
      <c r="F112481" s="14" t="s">
        <v>28</v>
      </c>
      <c r="G112481" s="16">
        <v>0.41079739441387447</v>
      </c>
    </row>
    <row r="112482" spans="1:7" x14ac:dyDescent="0.3">
      <c r="A112482" s="13" t="s">
        <v>538</v>
      </c>
      <c r="B112482" s="14" t="s">
        <v>1</v>
      </c>
      <c r="C112482" s="14" t="s">
        <v>70</v>
      </c>
      <c r="D112482" s="14" t="s">
        <v>264</v>
      </c>
      <c r="E112482" s="15">
        <v>45438</v>
      </c>
      <c r="F112482" s="14" t="s">
        <v>28</v>
      </c>
      <c r="G112482" s="16">
        <v>0.41079739441387447</v>
      </c>
    </row>
    <row r="112483" spans="1:7" x14ac:dyDescent="0.3">
      <c r="A112483" s="13" t="s">
        <v>538</v>
      </c>
      <c r="B112483" s="14" t="s">
        <v>1</v>
      </c>
      <c r="C112483" s="14" t="s">
        <v>70</v>
      </c>
      <c r="D112483" s="14" t="s">
        <v>264</v>
      </c>
      <c r="E112483" s="15">
        <v>45439</v>
      </c>
      <c r="F112483" s="14" t="s">
        <v>28</v>
      </c>
      <c r="G112483" s="16">
        <v>0.40661383804696427</v>
      </c>
    </row>
    <row r="112484" spans="1:7" x14ac:dyDescent="0.3">
      <c r="A112484" s="13" t="s">
        <v>538</v>
      </c>
      <c r="B112484" s="14" t="s">
        <v>1</v>
      </c>
      <c r="C112484" s="14" t="s">
        <v>70</v>
      </c>
      <c r="D112484" s="14" t="s">
        <v>264</v>
      </c>
      <c r="E112484" s="15">
        <v>45440</v>
      </c>
      <c r="F112484" s="14" t="s">
        <v>28</v>
      </c>
      <c r="G112484" s="16">
        <v>0.41761096464207875</v>
      </c>
    </row>
    <row r="112485" spans="1:7" x14ac:dyDescent="0.3">
      <c r="A112485" s="13" t="s">
        <v>538</v>
      </c>
      <c r="B112485" s="14" t="s">
        <v>1</v>
      </c>
      <c r="C112485" s="14" t="s">
        <v>70</v>
      </c>
      <c r="D112485" s="14" t="s">
        <v>264</v>
      </c>
      <c r="E112485" s="15">
        <v>45441</v>
      </c>
      <c r="F112485" s="14" t="s">
        <v>28</v>
      </c>
      <c r="G112485" s="16">
        <v>0.42394925578085818</v>
      </c>
    </row>
    <row r="112486" spans="1:7" x14ac:dyDescent="0.3">
      <c r="A112486" s="13" t="s">
        <v>538</v>
      </c>
      <c r="B112486" s="14" t="s">
        <v>1</v>
      </c>
      <c r="C112486" s="14" t="s">
        <v>70</v>
      </c>
      <c r="D112486" s="14" t="s">
        <v>264</v>
      </c>
      <c r="E112486" s="15">
        <v>45442</v>
      </c>
      <c r="F112486" s="14" t="s">
        <v>28</v>
      </c>
      <c r="G112486" s="16">
        <v>0.42415064424308013</v>
      </c>
    </row>
    <row r="112487" spans="1:7" x14ac:dyDescent="0.3">
      <c r="A112487" s="13" t="s">
        <v>538</v>
      </c>
      <c r="B112487" s="14" t="s">
        <v>1</v>
      </c>
      <c r="C112487" s="14" t="s">
        <v>70</v>
      </c>
      <c r="D112487" s="14" t="s">
        <v>264</v>
      </c>
      <c r="E112487" s="15">
        <v>45443</v>
      </c>
      <c r="F112487" s="14" t="s">
        <v>28</v>
      </c>
      <c r="G112487" s="16">
        <v>0.43195709031863572</v>
      </c>
    </row>
    <row r="112488" spans="1:7" x14ac:dyDescent="0.3">
      <c r="A112488" s="13" t="s">
        <v>538</v>
      </c>
      <c r="B112488" s="14" t="s">
        <v>1</v>
      </c>
      <c r="C112488" s="14" t="s">
        <v>70</v>
      </c>
      <c r="D112488" s="14" t="s">
        <v>264</v>
      </c>
      <c r="E112488" s="15">
        <v>45444</v>
      </c>
      <c r="F112488" s="14" t="s">
        <v>28</v>
      </c>
      <c r="G112488" s="16">
        <v>0.43195709031863572</v>
      </c>
    </row>
    <row r="112489" spans="1:7" x14ac:dyDescent="0.3">
      <c r="A112489" s="13" t="s">
        <v>538</v>
      </c>
      <c r="B112489" s="14" t="s">
        <v>1</v>
      </c>
      <c r="C112489" s="14" t="s">
        <v>70</v>
      </c>
      <c r="D112489" s="14" t="s">
        <v>264</v>
      </c>
      <c r="E112489" s="15">
        <v>45445</v>
      </c>
      <c r="F112489" s="14" t="s">
        <v>28</v>
      </c>
      <c r="G112489" s="16">
        <v>0.43195709031863572</v>
      </c>
    </row>
    <row r="112490" spans="1:7" x14ac:dyDescent="0.3">
      <c r="A112490" s="13" t="s">
        <v>538</v>
      </c>
      <c r="B112490" s="14" t="s">
        <v>1</v>
      </c>
      <c r="C112490" s="14" t="s">
        <v>70</v>
      </c>
      <c r="D112490" s="14" t="s">
        <v>264</v>
      </c>
      <c r="E112490" s="15">
        <v>45446</v>
      </c>
      <c r="F112490" s="14" t="s">
        <v>28</v>
      </c>
      <c r="G112490" s="16">
        <v>0.43195709031863572</v>
      </c>
    </row>
    <row r="112491" spans="1:7" x14ac:dyDescent="0.3">
      <c r="A112491" s="13" t="s">
        <v>538</v>
      </c>
      <c r="B112491" s="14" t="s">
        <v>1</v>
      </c>
      <c r="C112491" s="14" t="s">
        <v>70</v>
      </c>
      <c r="D112491" s="14" t="s">
        <v>264</v>
      </c>
      <c r="E112491" s="15">
        <v>45447</v>
      </c>
      <c r="F112491" s="14" t="s">
        <v>28</v>
      </c>
      <c r="G112491" s="16">
        <v>0.14559113117323089</v>
      </c>
    </row>
    <row r="112492" spans="1:7" x14ac:dyDescent="0.3">
      <c r="A112492" s="13" t="s">
        <v>538</v>
      </c>
      <c r="B112492" s="14" t="s">
        <v>1</v>
      </c>
      <c r="C112492" s="14" t="s">
        <v>70</v>
      </c>
      <c r="D112492" s="14" t="s">
        <v>264</v>
      </c>
      <c r="E112492" s="15">
        <v>45448</v>
      </c>
      <c r="F112492" s="14" t="s">
        <v>28</v>
      </c>
      <c r="G112492" s="16">
        <v>0.17936281646597091</v>
      </c>
    </row>
    <row r="112493" spans="1:7" x14ac:dyDescent="0.3">
      <c r="A112493" s="13" t="s">
        <v>538</v>
      </c>
      <c r="B112493" s="14" t="s">
        <v>1</v>
      </c>
      <c r="C112493" s="14" t="s">
        <v>70</v>
      </c>
      <c r="D112493" s="14" t="s">
        <v>264</v>
      </c>
      <c r="E112493" s="15">
        <v>45449</v>
      </c>
      <c r="F112493" s="14" t="s">
        <v>28</v>
      </c>
      <c r="G112493" s="16">
        <v>0.18270480993016258</v>
      </c>
    </row>
    <row r="112494" spans="1:7" x14ac:dyDescent="0.3">
      <c r="A112494" s="13" t="s">
        <v>538</v>
      </c>
      <c r="B112494" s="14" t="s">
        <v>1</v>
      </c>
      <c r="C112494" s="14" t="s">
        <v>70</v>
      </c>
      <c r="D112494" s="14" t="s">
        <v>264</v>
      </c>
      <c r="E112494" s="15">
        <v>45450</v>
      </c>
      <c r="F112494" s="14" t="s">
        <v>28</v>
      </c>
      <c r="G112494" s="16">
        <v>0.18717721724808459</v>
      </c>
    </row>
    <row r="112495" spans="1:7" x14ac:dyDescent="0.3">
      <c r="A112495" s="13" t="s">
        <v>538</v>
      </c>
      <c r="B112495" s="14" t="s">
        <v>1</v>
      </c>
      <c r="C112495" s="14" t="s">
        <v>70</v>
      </c>
      <c r="D112495" s="14" t="s">
        <v>264</v>
      </c>
      <c r="E112495" s="15">
        <v>45451</v>
      </c>
      <c r="F112495" s="14" t="s">
        <v>28</v>
      </c>
      <c r="G112495" s="16">
        <v>0.18717721724808459</v>
      </c>
    </row>
    <row r="112496" spans="1:7" x14ac:dyDescent="0.3">
      <c r="A112496" s="13" t="s">
        <v>538</v>
      </c>
      <c r="B112496" s="14" t="s">
        <v>1</v>
      </c>
      <c r="C112496" s="14" t="s">
        <v>70</v>
      </c>
      <c r="D112496" s="14" t="s">
        <v>264</v>
      </c>
      <c r="E112496" s="15">
        <v>45452</v>
      </c>
      <c r="F112496" s="14" t="s">
        <v>28</v>
      </c>
      <c r="G112496" s="16">
        <v>0.18717721724808459</v>
      </c>
    </row>
    <row r="112497" spans="1:7" x14ac:dyDescent="0.3">
      <c r="A112497" s="13" t="s">
        <v>538</v>
      </c>
      <c r="B112497" s="14" t="s">
        <v>1</v>
      </c>
      <c r="C112497" s="14" t="s">
        <v>70</v>
      </c>
      <c r="D112497" s="14" t="s">
        <v>264</v>
      </c>
      <c r="E112497" s="15">
        <v>45453</v>
      </c>
      <c r="F112497" s="14" t="s">
        <v>28</v>
      </c>
      <c r="G112497" s="16">
        <v>0.19983981389754515</v>
      </c>
    </row>
    <row r="112498" spans="1:7" x14ac:dyDescent="0.3">
      <c r="A112498" s="13" t="s">
        <v>538</v>
      </c>
      <c r="B112498" s="14" t="s">
        <v>1</v>
      </c>
      <c r="C112498" s="14" t="s">
        <v>70</v>
      </c>
      <c r="D112498" s="14" t="s">
        <v>264</v>
      </c>
      <c r="E112498" s="15">
        <v>45454</v>
      </c>
      <c r="F112498" s="14" t="s">
        <v>28</v>
      </c>
      <c r="G112498" s="16">
        <v>0.21219661816313112</v>
      </c>
    </row>
    <row r="112499" spans="1:7" x14ac:dyDescent="0.3">
      <c r="A112499" s="13" t="s">
        <v>538</v>
      </c>
      <c r="B112499" s="14" t="s">
        <v>1</v>
      </c>
      <c r="C112499" s="14" t="s">
        <v>70</v>
      </c>
      <c r="D112499" s="14" t="s">
        <v>264</v>
      </c>
      <c r="E112499" s="15">
        <v>45455</v>
      </c>
      <c r="F112499" s="14" t="s">
        <v>28</v>
      </c>
      <c r="G112499" s="16">
        <v>0.22278921304550017</v>
      </c>
    </row>
    <row r="112500" spans="1:7" x14ac:dyDescent="0.3">
      <c r="A112500" s="13" t="s">
        <v>538</v>
      </c>
      <c r="B112500" s="14" t="s">
        <v>1</v>
      </c>
      <c r="C112500" s="14" t="s">
        <v>70</v>
      </c>
      <c r="D112500" s="14" t="s">
        <v>264</v>
      </c>
      <c r="E112500" s="15">
        <v>45456</v>
      </c>
      <c r="F112500" s="14" t="s">
        <v>28</v>
      </c>
      <c r="G112500" s="16">
        <v>0.23115811416501689</v>
      </c>
    </row>
    <row r="112501" spans="1:7" x14ac:dyDescent="0.3">
      <c r="A112501" s="13" t="s">
        <v>538</v>
      </c>
      <c r="B112501" s="14" t="s">
        <v>1</v>
      </c>
      <c r="C112501" s="14" t="s">
        <v>70</v>
      </c>
      <c r="D112501" s="14" t="s">
        <v>264</v>
      </c>
      <c r="E112501" s="15">
        <v>45457</v>
      </c>
      <c r="F112501" s="14" t="s">
        <v>28</v>
      </c>
      <c r="G112501" s="16">
        <v>0.2402699226884108</v>
      </c>
    </row>
    <row r="112502" spans="1:7" x14ac:dyDescent="0.3">
      <c r="A112502" s="13" t="s">
        <v>538</v>
      </c>
      <c r="B112502" s="14" t="s">
        <v>1</v>
      </c>
      <c r="C112502" s="14" t="s">
        <v>70</v>
      </c>
      <c r="D112502" s="14" t="s">
        <v>264</v>
      </c>
      <c r="E112502" s="15">
        <v>45458</v>
      </c>
      <c r="F112502" s="14" t="s">
        <v>28</v>
      </c>
      <c r="G112502" s="16">
        <v>0.2402699226884108</v>
      </c>
    </row>
    <row r="112503" spans="1:7" x14ac:dyDescent="0.3">
      <c r="A112503" s="13" t="s">
        <v>538</v>
      </c>
      <c r="B112503" s="14" t="s">
        <v>1</v>
      </c>
      <c r="C112503" s="14" t="s">
        <v>70</v>
      </c>
      <c r="D112503" s="14" t="s">
        <v>264</v>
      </c>
      <c r="E112503" s="15">
        <v>45459</v>
      </c>
      <c r="F112503" s="14" t="s">
        <v>28</v>
      </c>
      <c r="G112503" s="16">
        <v>0.2402699226884108</v>
      </c>
    </row>
    <row r="112504" spans="1:7" x14ac:dyDescent="0.3">
      <c r="A112504" s="13" t="s">
        <v>538</v>
      </c>
      <c r="B112504" s="14" t="s">
        <v>1</v>
      </c>
      <c r="C112504" s="14" t="s">
        <v>70</v>
      </c>
      <c r="D112504" s="14" t="s">
        <v>264</v>
      </c>
      <c r="E112504" s="15">
        <v>45460</v>
      </c>
      <c r="F112504" s="14" t="s">
        <v>28</v>
      </c>
      <c r="G112504" s="16">
        <v>0.26016680669033454</v>
      </c>
    </row>
    <row r="112505" spans="1:7" x14ac:dyDescent="0.3">
      <c r="A112505" s="13" t="s">
        <v>538</v>
      </c>
      <c r="B112505" s="14" t="s">
        <v>1</v>
      </c>
      <c r="C112505" s="14" t="s">
        <v>70</v>
      </c>
      <c r="D112505" s="14" t="s">
        <v>264</v>
      </c>
      <c r="E112505" s="15">
        <v>45461</v>
      </c>
      <c r="F112505" s="14" t="s">
        <v>28</v>
      </c>
      <c r="G112505" s="16">
        <v>0.26988274311460153</v>
      </c>
    </row>
    <row r="112506" spans="1:7" x14ac:dyDescent="0.3">
      <c r="A112506" s="13" t="s">
        <v>538</v>
      </c>
      <c r="B112506" s="14" t="s">
        <v>1</v>
      </c>
      <c r="C112506" s="14" t="s">
        <v>70</v>
      </c>
      <c r="D112506" s="14" t="s">
        <v>264</v>
      </c>
      <c r="E112506" s="15">
        <v>45462</v>
      </c>
      <c r="F112506" s="14" t="s">
        <v>28</v>
      </c>
      <c r="G112506" s="16">
        <v>0.27440587741527606</v>
      </c>
    </row>
    <row r="112507" spans="1:7" x14ac:dyDescent="0.3">
      <c r="A112507" s="13" t="s">
        <v>538</v>
      </c>
      <c r="B112507" s="14" t="s">
        <v>1</v>
      </c>
      <c r="C112507" s="14" t="s">
        <v>70</v>
      </c>
      <c r="D112507" s="14" t="s">
        <v>264</v>
      </c>
      <c r="E112507" s="15">
        <v>45463</v>
      </c>
      <c r="F112507" s="14" t="s">
        <v>28</v>
      </c>
      <c r="G112507" s="16">
        <v>0.28555602230909766</v>
      </c>
    </row>
    <row r="112508" spans="1:7" x14ac:dyDescent="0.3">
      <c r="A112508" s="13" t="s">
        <v>538</v>
      </c>
      <c r="B112508" s="14" t="s">
        <v>1</v>
      </c>
      <c r="C112508" s="14" t="s">
        <v>70</v>
      </c>
      <c r="D112508" s="14" t="s">
        <v>264</v>
      </c>
      <c r="E112508" s="15">
        <v>45464</v>
      </c>
      <c r="F112508" s="14" t="s">
        <v>28</v>
      </c>
      <c r="G112508" s="16">
        <v>0.28921516000254116</v>
      </c>
    </row>
    <row r="112509" spans="1:7" x14ac:dyDescent="0.3">
      <c r="A112509" s="13" t="s">
        <v>538</v>
      </c>
      <c r="B112509" s="14" t="s">
        <v>1</v>
      </c>
      <c r="C112509" s="14" t="s">
        <v>70</v>
      </c>
      <c r="D112509" s="14" t="s">
        <v>264</v>
      </c>
      <c r="E112509" s="15">
        <v>45465</v>
      </c>
      <c r="F112509" s="14" t="s">
        <v>28</v>
      </c>
      <c r="G112509" s="16">
        <v>0.28921516000254116</v>
      </c>
    </row>
    <row r="112510" spans="1:7" x14ac:dyDescent="0.3">
      <c r="A112510" s="13" t="s">
        <v>538</v>
      </c>
      <c r="B112510" s="14" t="s">
        <v>1</v>
      </c>
      <c r="C112510" s="14" t="s">
        <v>70</v>
      </c>
      <c r="D112510" s="14" t="s">
        <v>264</v>
      </c>
      <c r="E112510" s="15">
        <v>45466</v>
      </c>
      <c r="F112510" s="14" t="s">
        <v>28</v>
      </c>
      <c r="G112510" s="16">
        <v>0.28921516000254116</v>
      </c>
    </row>
    <row r="112511" spans="1:7" x14ac:dyDescent="0.3">
      <c r="A112511" s="13" t="s">
        <v>538</v>
      </c>
      <c r="B112511" s="14" t="s">
        <v>1</v>
      </c>
      <c r="C112511" s="14" t="s">
        <v>70</v>
      </c>
      <c r="D112511" s="14" t="s">
        <v>264</v>
      </c>
      <c r="E112511" s="15">
        <v>45467</v>
      </c>
      <c r="F112511" s="14" t="s">
        <v>28</v>
      </c>
      <c r="G112511" s="16">
        <v>0.29264417998428022</v>
      </c>
    </row>
    <row r="112512" spans="1:7" x14ac:dyDescent="0.3">
      <c r="A112512" s="13" t="s">
        <v>538</v>
      </c>
      <c r="B112512" s="14" t="s">
        <v>1</v>
      </c>
      <c r="C112512" s="14" t="s">
        <v>70</v>
      </c>
      <c r="D112512" s="14" t="s">
        <v>264</v>
      </c>
      <c r="E112512" s="15">
        <v>45468</v>
      </c>
      <c r="F112512" s="14" t="s">
        <v>28</v>
      </c>
      <c r="G112512" s="16">
        <v>0.30993581239898227</v>
      </c>
    </row>
    <row r="112513" spans="1:7" x14ac:dyDescent="0.3">
      <c r="A112513" s="13" t="s">
        <v>538</v>
      </c>
      <c r="B112513" s="14" t="s">
        <v>1</v>
      </c>
      <c r="C112513" s="14" t="s">
        <v>70</v>
      </c>
      <c r="D112513" s="14" t="s">
        <v>264</v>
      </c>
      <c r="E112513" s="15">
        <v>45469</v>
      </c>
      <c r="F112513" s="14" t="s">
        <v>28</v>
      </c>
      <c r="G112513" s="16">
        <v>0.3144830063259339</v>
      </c>
    </row>
    <row r="112514" spans="1:7" x14ac:dyDescent="0.3">
      <c r="A112514" s="13" t="s">
        <v>538</v>
      </c>
      <c r="B112514" s="14" t="s">
        <v>1</v>
      </c>
      <c r="C112514" s="14" t="s">
        <v>70</v>
      </c>
      <c r="D112514" s="14" t="s">
        <v>264</v>
      </c>
      <c r="E112514" s="15">
        <v>45470</v>
      </c>
      <c r="F112514" s="14" t="s">
        <v>28</v>
      </c>
      <c r="G112514" s="16">
        <v>0.31823745119408986</v>
      </c>
    </row>
    <row r="112515" spans="1:7" x14ac:dyDescent="0.3">
      <c r="A112515" s="13" t="s">
        <v>538</v>
      </c>
      <c r="B112515" s="14" t="s">
        <v>1</v>
      </c>
      <c r="C112515" s="14" t="s">
        <v>70</v>
      </c>
      <c r="D112515" s="14" t="s">
        <v>264</v>
      </c>
      <c r="E112515" s="15">
        <v>45471</v>
      </c>
      <c r="F112515" s="14" t="s">
        <v>28</v>
      </c>
      <c r="G112515" s="16">
        <v>0.3449598004090062</v>
      </c>
    </row>
    <row r="112516" spans="1:7" x14ac:dyDescent="0.3">
      <c r="A112516" s="13" t="s">
        <v>538</v>
      </c>
      <c r="B112516" s="14" t="s">
        <v>1</v>
      </c>
      <c r="C112516" s="14" t="s">
        <v>70</v>
      </c>
      <c r="D112516" s="14" t="s">
        <v>264</v>
      </c>
      <c r="E112516" s="15">
        <v>45472</v>
      </c>
      <c r="F112516" s="14" t="s">
        <v>28</v>
      </c>
      <c r="G112516" s="16">
        <v>0.3449598004090062</v>
      </c>
    </row>
    <row r="112517" spans="1:7" x14ac:dyDescent="0.3">
      <c r="A112517" s="13" t="s">
        <v>538</v>
      </c>
      <c r="B112517" s="14" t="s">
        <v>1</v>
      </c>
      <c r="C112517" s="14" t="s">
        <v>70</v>
      </c>
      <c r="D112517" s="14" t="s">
        <v>264</v>
      </c>
      <c r="E112517" s="15">
        <v>45473</v>
      </c>
      <c r="F112517" s="14" t="s">
        <v>28</v>
      </c>
      <c r="G112517" s="16">
        <v>0.3449598004090062</v>
      </c>
    </row>
    <row r="112518" spans="1:7" x14ac:dyDescent="0.3">
      <c r="A112518" s="13" t="s">
        <v>538</v>
      </c>
      <c r="B112518" s="14" t="s">
        <v>1</v>
      </c>
      <c r="C112518" s="14" t="s">
        <v>70</v>
      </c>
      <c r="D112518" s="14" t="s">
        <v>264</v>
      </c>
      <c r="E112518" s="15">
        <v>45474</v>
      </c>
      <c r="F112518" s="14" t="s">
        <v>28</v>
      </c>
      <c r="G112518" s="16">
        <v>3.7537320638656689E-2</v>
      </c>
    </row>
    <row r="112519" spans="1:7" x14ac:dyDescent="0.3">
      <c r="A112519" s="13" t="s">
        <v>538</v>
      </c>
      <c r="B112519" s="14" t="s">
        <v>1</v>
      </c>
      <c r="C112519" s="14" t="s">
        <v>70</v>
      </c>
      <c r="D112519" s="14" t="s">
        <v>264</v>
      </c>
      <c r="E112519" s="15">
        <v>45475</v>
      </c>
      <c r="F112519" s="14" t="s">
        <v>28</v>
      </c>
      <c r="G112519" s="16">
        <v>5.0783010850649866E-2</v>
      </c>
    </row>
    <row r="112520" spans="1:7" x14ac:dyDescent="0.3">
      <c r="A112520" s="13" t="s">
        <v>538</v>
      </c>
      <c r="B112520" s="14" t="s">
        <v>1</v>
      </c>
      <c r="C112520" s="14" t="s">
        <v>70</v>
      </c>
      <c r="D112520" s="14" t="s">
        <v>264</v>
      </c>
      <c r="E112520" s="15">
        <v>45476</v>
      </c>
      <c r="F112520" s="14" t="s">
        <v>28</v>
      </c>
      <c r="G112520" s="16">
        <v>8.6111333198659185E-2</v>
      </c>
    </row>
    <row r="112521" spans="1:7" x14ac:dyDescent="0.3">
      <c r="A112521" s="13" t="s">
        <v>538</v>
      </c>
      <c r="B112521" s="14" t="s">
        <v>1</v>
      </c>
      <c r="C112521" s="14" t="s">
        <v>70</v>
      </c>
      <c r="D112521" s="14" t="s">
        <v>264</v>
      </c>
      <c r="E112521" s="15">
        <v>45477</v>
      </c>
      <c r="F112521" s="14" t="s">
        <v>28</v>
      </c>
      <c r="G112521" s="16">
        <v>8.9666756854575549E-2</v>
      </c>
    </row>
    <row r="112522" spans="1:7" x14ac:dyDescent="0.3">
      <c r="A112522" s="13" t="s">
        <v>538</v>
      </c>
      <c r="B112522" s="14" t="s">
        <v>1</v>
      </c>
      <c r="C112522" s="14" t="s">
        <v>70</v>
      </c>
      <c r="D112522" s="14" t="s">
        <v>264</v>
      </c>
      <c r="E112522" s="15">
        <v>45478</v>
      </c>
      <c r="F112522" s="14" t="s">
        <v>28</v>
      </c>
      <c r="G112522" s="16">
        <v>9.3184420518597114E-2</v>
      </c>
    </row>
    <row r="112523" spans="1:7" x14ac:dyDescent="0.3">
      <c r="A112523" s="13" t="s">
        <v>538</v>
      </c>
      <c r="B112523" s="14" t="s">
        <v>1</v>
      </c>
      <c r="C112523" s="14" t="s">
        <v>70</v>
      </c>
      <c r="D112523" s="14" t="s">
        <v>264</v>
      </c>
      <c r="E112523" s="15">
        <v>45479</v>
      </c>
      <c r="F112523" s="14" t="s">
        <v>28</v>
      </c>
      <c r="G112523" s="16">
        <v>9.3184420518597114E-2</v>
      </c>
    </row>
    <row r="112524" spans="1:7" x14ac:dyDescent="0.3">
      <c r="A112524" s="13" t="s">
        <v>538</v>
      </c>
      <c r="B112524" s="14" t="s">
        <v>1</v>
      </c>
      <c r="C112524" s="14" t="s">
        <v>70</v>
      </c>
      <c r="D112524" s="14" t="s">
        <v>264</v>
      </c>
      <c r="E112524" s="15">
        <v>45480</v>
      </c>
      <c r="F112524" s="14" t="s">
        <v>28</v>
      </c>
      <c r="G112524" s="16">
        <v>9.3184420518597114E-2</v>
      </c>
    </row>
    <row r="112525" spans="1:7" x14ac:dyDescent="0.3">
      <c r="A112525" s="13" t="s">
        <v>538</v>
      </c>
      <c r="B112525" s="14" t="s">
        <v>1</v>
      </c>
      <c r="C112525" s="14" t="s">
        <v>70</v>
      </c>
      <c r="D112525" s="14" t="s">
        <v>264</v>
      </c>
      <c r="E112525" s="15">
        <v>45481</v>
      </c>
      <c r="F112525" s="14" t="s">
        <v>28</v>
      </c>
      <c r="G112525" s="16">
        <v>0.11520216094931819</v>
      </c>
    </row>
    <row r="112526" spans="1:7" x14ac:dyDescent="0.3">
      <c r="A112526" s="13" t="s">
        <v>538</v>
      </c>
      <c r="B112526" s="14" t="s">
        <v>1</v>
      </c>
      <c r="C112526" s="14" t="s">
        <v>70</v>
      </c>
      <c r="D112526" s="14" t="s">
        <v>264</v>
      </c>
      <c r="E112526" s="15">
        <v>45482</v>
      </c>
      <c r="F112526" s="14" t="s">
        <v>28</v>
      </c>
      <c r="G112526" s="16">
        <v>0.12603584243880223</v>
      </c>
    </row>
    <row r="112527" spans="1:7" x14ac:dyDescent="0.3">
      <c r="A112527" s="13" t="s">
        <v>538</v>
      </c>
      <c r="B112527" s="14" t="s">
        <v>1</v>
      </c>
      <c r="C112527" s="14" t="s">
        <v>70</v>
      </c>
      <c r="D112527" s="14" t="s">
        <v>264</v>
      </c>
      <c r="E112527" s="15">
        <v>45483</v>
      </c>
      <c r="F112527" s="14" t="s">
        <v>28</v>
      </c>
      <c r="G112527" s="16">
        <v>0.13240349482275188</v>
      </c>
    </row>
    <row r="112528" spans="1:7" x14ac:dyDescent="0.3">
      <c r="A112528" s="13" t="s">
        <v>538</v>
      </c>
      <c r="B112528" s="14" t="s">
        <v>1</v>
      </c>
      <c r="C112528" s="14" t="s">
        <v>70</v>
      </c>
      <c r="D112528" s="14" t="s">
        <v>264</v>
      </c>
      <c r="E112528" s="15">
        <v>45484</v>
      </c>
      <c r="F112528" s="14" t="s">
        <v>28</v>
      </c>
      <c r="G112528" s="16">
        <v>0.1479968217660563</v>
      </c>
    </row>
    <row r="112529" spans="1:7" x14ac:dyDescent="0.3">
      <c r="A112529" s="13" t="s">
        <v>538</v>
      </c>
      <c r="B112529" s="14" t="s">
        <v>1</v>
      </c>
      <c r="C112529" s="14" t="s">
        <v>70</v>
      </c>
      <c r="D112529" s="14" t="s">
        <v>264</v>
      </c>
      <c r="E112529" s="15">
        <v>45485</v>
      </c>
      <c r="F112529" s="14" t="s">
        <v>28</v>
      </c>
      <c r="G112529" s="16">
        <v>0.15389216234574651</v>
      </c>
    </row>
    <row r="112530" spans="1:7" x14ac:dyDescent="0.3">
      <c r="A112530" s="13" t="s">
        <v>538</v>
      </c>
      <c r="B112530" s="14" t="s">
        <v>1</v>
      </c>
      <c r="C112530" s="14" t="s">
        <v>70</v>
      </c>
      <c r="D112530" s="14" t="s">
        <v>264</v>
      </c>
      <c r="E112530" s="15">
        <v>45486</v>
      </c>
      <c r="F112530" s="14" t="s">
        <v>28</v>
      </c>
      <c r="G112530" s="16">
        <v>0.15389216234574651</v>
      </c>
    </row>
    <row r="112531" spans="1:7" x14ac:dyDescent="0.3">
      <c r="A112531" s="13" t="s">
        <v>538</v>
      </c>
      <c r="B112531" s="14" t="s">
        <v>1</v>
      </c>
      <c r="C112531" s="14" t="s">
        <v>70</v>
      </c>
      <c r="D112531" s="14" t="s">
        <v>264</v>
      </c>
      <c r="E112531" s="15">
        <v>45487</v>
      </c>
      <c r="F112531" s="14" t="s">
        <v>28</v>
      </c>
      <c r="G112531" s="16">
        <v>0.15389216234574651</v>
      </c>
    </row>
    <row r="112532" spans="1:7" x14ac:dyDescent="0.3">
      <c r="A112532" s="13" t="s">
        <v>538</v>
      </c>
      <c r="B112532" s="14" t="s">
        <v>1</v>
      </c>
      <c r="C112532" s="14" t="s">
        <v>70</v>
      </c>
      <c r="D112532" s="14" t="s">
        <v>264</v>
      </c>
      <c r="E112532" s="15">
        <v>45488</v>
      </c>
      <c r="F112532" s="14" t="s">
        <v>28</v>
      </c>
      <c r="G112532" s="16">
        <v>0.15675572069527069</v>
      </c>
    </row>
    <row r="112533" spans="1:7" x14ac:dyDescent="0.3">
      <c r="A112533" s="13" t="s">
        <v>538</v>
      </c>
      <c r="B112533" s="14" t="s">
        <v>1</v>
      </c>
      <c r="C112533" s="14" t="s">
        <v>70</v>
      </c>
      <c r="D112533" s="14" t="s">
        <v>264</v>
      </c>
      <c r="E112533" s="15">
        <v>45489</v>
      </c>
      <c r="F112533" s="14" t="s">
        <v>28</v>
      </c>
      <c r="G112533" s="16">
        <v>0.16725724491541211</v>
      </c>
    </row>
    <row r="112534" spans="1:7" x14ac:dyDescent="0.3">
      <c r="A112534" s="13" t="s">
        <v>538</v>
      </c>
      <c r="B112534" s="14" t="s">
        <v>1</v>
      </c>
      <c r="C112534" s="14" t="s">
        <v>70</v>
      </c>
      <c r="D112534" s="14" t="s">
        <v>264</v>
      </c>
      <c r="E112534" s="15">
        <v>45490</v>
      </c>
      <c r="F112534" s="14" t="s">
        <v>28</v>
      </c>
      <c r="G112534" s="16">
        <v>0.1702369889366819</v>
      </c>
    </row>
    <row r="112535" spans="1:7" x14ac:dyDescent="0.3">
      <c r="A112535" s="13" t="s">
        <v>538</v>
      </c>
      <c r="B112535" s="14" t="s">
        <v>1</v>
      </c>
      <c r="C112535" s="14" t="s">
        <v>70</v>
      </c>
      <c r="D112535" s="14" t="s">
        <v>264</v>
      </c>
      <c r="E112535" s="15">
        <v>45491</v>
      </c>
      <c r="F112535" s="14" t="s">
        <v>28</v>
      </c>
      <c r="G112535" s="16">
        <v>0.18724067631926916</v>
      </c>
    </row>
    <row r="112536" spans="1:7" x14ac:dyDescent="0.3">
      <c r="A112536" s="13" t="s">
        <v>538</v>
      </c>
      <c r="B112536" s="14" t="s">
        <v>1</v>
      </c>
      <c r="C112536" s="14" t="s">
        <v>70</v>
      </c>
      <c r="D112536" s="14" t="s">
        <v>264</v>
      </c>
      <c r="E112536" s="15">
        <v>45492</v>
      </c>
      <c r="F112536" s="14" t="s">
        <v>28</v>
      </c>
      <c r="G112536" s="16">
        <v>0.19096534194667805</v>
      </c>
    </row>
    <row r="112537" spans="1:7" x14ac:dyDescent="0.3">
      <c r="A112537" s="13" t="s">
        <v>538</v>
      </c>
      <c r="B112537" s="14" t="s">
        <v>1</v>
      </c>
      <c r="C112537" s="14" t="s">
        <v>70</v>
      </c>
      <c r="D112537" s="14" t="s">
        <v>264</v>
      </c>
      <c r="E112537" s="15">
        <v>45493</v>
      </c>
      <c r="F112537" s="14" t="s">
        <v>28</v>
      </c>
      <c r="G112537" s="16">
        <v>0.19096534194667805</v>
      </c>
    </row>
    <row r="112538" spans="1:7" x14ac:dyDescent="0.3">
      <c r="A112538" s="13" t="s">
        <v>538</v>
      </c>
      <c r="B112538" s="14" t="s">
        <v>1</v>
      </c>
      <c r="C112538" s="14" t="s">
        <v>70</v>
      </c>
      <c r="D112538" s="14" t="s">
        <v>264</v>
      </c>
      <c r="E112538" s="15">
        <v>45494</v>
      </c>
      <c r="F112538" s="14" t="s">
        <v>28</v>
      </c>
      <c r="G112538" s="16">
        <v>0.19096534194667805</v>
      </c>
    </row>
    <row r="112539" spans="1:7" x14ac:dyDescent="0.3">
      <c r="A112539" s="13" t="s">
        <v>538</v>
      </c>
      <c r="B112539" s="14" t="s">
        <v>1</v>
      </c>
      <c r="C112539" s="14" t="s">
        <v>70</v>
      </c>
      <c r="D112539" s="14" t="s">
        <v>264</v>
      </c>
      <c r="E112539" s="15">
        <v>45495</v>
      </c>
      <c r="F112539" s="14" t="s">
        <v>28</v>
      </c>
      <c r="G112539" s="16">
        <v>0.19821314507012489</v>
      </c>
    </row>
    <row r="112540" spans="1:7" x14ac:dyDescent="0.3">
      <c r="A112540" s="13" t="s">
        <v>538</v>
      </c>
      <c r="B112540" s="14" t="s">
        <v>1</v>
      </c>
      <c r="C112540" s="14" t="s">
        <v>70</v>
      </c>
      <c r="D112540" s="14" t="s">
        <v>264</v>
      </c>
      <c r="E112540" s="15">
        <v>45496</v>
      </c>
      <c r="F112540" s="14" t="s">
        <v>28</v>
      </c>
      <c r="G112540" s="16">
        <v>0.22869184861890055</v>
      </c>
    </row>
    <row r="112541" spans="1:7" x14ac:dyDescent="0.3">
      <c r="A112541" s="13" t="s">
        <v>538</v>
      </c>
      <c r="B112541" s="14" t="s">
        <v>1</v>
      </c>
      <c r="C112541" s="14" t="s">
        <v>70</v>
      </c>
      <c r="D112541" s="14" t="s">
        <v>264</v>
      </c>
      <c r="E112541" s="15">
        <v>45497</v>
      </c>
      <c r="F112541" s="14" t="s">
        <v>28</v>
      </c>
      <c r="G112541" s="16">
        <v>0.23304536106387061</v>
      </c>
    </row>
    <row r="112542" spans="1:7" x14ac:dyDescent="0.3">
      <c r="A112542" s="13" t="s">
        <v>538</v>
      </c>
      <c r="B112542" s="14" t="s">
        <v>1</v>
      </c>
      <c r="C112542" s="14" t="s">
        <v>70</v>
      </c>
      <c r="D112542" s="14" t="s">
        <v>264</v>
      </c>
      <c r="E112542" s="15">
        <v>45498</v>
      </c>
      <c r="F112542" s="14" t="s">
        <v>28</v>
      </c>
      <c r="G112542" s="16">
        <v>0.23661649032174498</v>
      </c>
    </row>
    <row r="112543" spans="1:7" x14ac:dyDescent="0.3">
      <c r="A112543" s="13" t="s">
        <v>538</v>
      </c>
      <c r="B112543" s="14" t="s">
        <v>1</v>
      </c>
      <c r="C112543" s="14" t="s">
        <v>70</v>
      </c>
      <c r="D112543" s="14" t="s">
        <v>264</v>
      </c>
      <c r="E112543" s="15">
        <v>45499</v>
      </c>
      <c r="F112543" s="14" t="s">
        <v>28</v>
      </c>
      <c r="G112543" s="16">
        <v>0.23995810547225613</v>
      </c>
    </row>
    <row r="112544" spans="1:7" x14ac:dyDescent="0.3">
      <c r="A112544" s="13" t="s">
        <v>538</v>
      </c>
      <c r="B112544" s="14" t="s">
        <v>1</v>
      </c>
      <c r="C112544" s="14" t="s">
        <v>70</v>
      </c>
      <c r="D112544" s="14" t="s">
        <v>264</v>
      </c>
      <c r="E112544" s="15">
        <v>45500</v>
      </c>
      <c r="F112544" s="14" t="s">
        <v>28</v>
      </c>
      <c r="G112544" s="16">
        <v>0.23995810547225613</v>
      </c>
    </row>
    <row r="112545" spans="1:7" x14ac:dyDescent="0.3">
      <c r="A112545" s="13" t="s">
        <v>538</v>
      </c>
      <c r="B112545" s="14" t="s">
        <v>1</v>
      </c>
      <c r="C112545" s="14" t="s">
        <v>70</v>
      </c>
      <c r="D112545" s="14" t="s">
        <v>264</v>
      </c>
      <c r="E112545" s="15">
        <v>45501</v>
      </c>
      <c r="F112545" s="14" t="s">
        <v>28</v>
      </c>
      <c r="G112545" s="16">
        <v>0.23995810547225613</v>
      </c>
    </row>
    <row r="112546" spans="1:7" x14ac:dyDescent="0.3">
      <c r="A112546" s="13" t="s">
        <v>538</v>
      </c>
      <c r="B112546" s="14" t="s">
        <v>1</v>
      </c>
      <c r="C112546" s="14" t="s">
        <v>70</v>
      </c>
      <c r="D112546" s="14" t="s">
        <v>264</v>
      </c>
      <c r="E112546" s="15">
        <v>45502</v>
      </c>
      <c r="F112546" s="14" t="s">
        <v>28</v>
      </c>
      <c r="G112546" s="16">
        <v>0.24497845418383216</v>
      </c>
    </row>
    <row r="112547" spans="1:7" x14ac:dyDescent="0.3">
      <c r="A112547" s="13" t="s">
        <v>538</v>
      </c>
      <c r="B112547" s="14" t="s">
        <v>1</v>
      </c>
      <c r="C112547" s="14" t="s">
        <v>70</v>
      </c>
      <c r="D112547" s="14" t="s">
        <v>264</v>
      </c>
      <c r="E112547" s="15">
        <v>45503</v>
      </c>
      <c r="F112547" s="14" t="s">
        <v>28</v>
      </c>
      <c r="G112547" s="16">
        <v>0.25536427058515632</v>
      </c>
    </row>
    <row r="112548" spans="1:7" x14ac:dyDescent="0.3">
      <c r="A112548" s="13" t="s">
        <v>538</v>
      </c>
      <c r="B112548" s="14" t="s">
        <v>1</v>
      </c>
      <c r="C112548" s="14" t="s">
        <v>70</v>
      </c>
      <c r="D112548" s="14" t="s">
        <v>264</v>
      </c>
      <c r="E112548" s="15">
        <v>45504</v>
      </c>
      <c r="F112548" s="14" t="s">
        <v>28</v>
      </c>
      <c r="G112548" s="16">
        <v>0.25829571434913062</v>
      </c>
    </row>
    <row r="112549" spans="1:7" x14ac:dyDescent="0.3">
      <c r="A112549" s="13" t="s">
        <v>538</v>
      </c>
      <c r="B112549" s="14" t="s">
        <v>1</v>
      </c>
      <c r="C112549" s="14" t="s">
        <v>70</v>
      </c>
      <c r="D112549" s="14" t="s">
        <v>264</v>
      </c>
      <c r="E112549" s="15">
        <v>45505</v>
      </c>
      <c r="F112549" s="14" t="s">
        <v>28</v>
      </c>
      <c r="G112549" s="16">
        <v>0.25829571434913062</v>
      </c>
    </row>
    <row r="112550" spans="1:7" x14ac:dyDescent="0.3">
      <c r="A112550" s="13" t="s">
        <v>538</v>
      </c>
      <c r="B112550" s="14" t="s">
        <v>1</v>
      </c>
      <c r="C112550" s="14" t="s">
        <v>70</v>
      </c>
      <c r="D112550" s="14" t="s">
        <v>264</v>
      </c>
      <c r="E112550" s="15">
        <v>45506</v>
      </c>
      <c r="F112550" s="14" t="s">
        <v>28</v>
      </c>
      <c r="G112550" s="16">
        <v>0</v>
      </c>
    </row>
    <row r="112551" spans="1:7" x14ac:dyDescent="0.3">
      <c r="A112551" s="13" t="s">
        <v>538</v>
      </c>
      <c r="B112551" s="14" t="s">
        <v>1</v>
      </c>
      <c r="C112551" s="14" t="s">
        <v>70</v>
      </c>
      <c r="D112551" s="14" t="s">
        <v>264</v>
      </c>
      <c r="E112551" s="15">
        <v>45507</v>
      </c>
      <c r="F112551" s="14" t="s">
        <v>28</v>
      </c>
      <c r="G112551" s="16">
        <v>0</v>
      </c>
    </row>
    <row r="112552" spans="1:7" x14ac:dyDescent="0.3">
      <c r="A112552" s="13" t="s">
        <v>538</v>
      </c>
      <c r="B112552" s="14" t="s">
        <v>1</v>
      </c>
      <c r="C112552" s="14" t="s">
        <v>70</v>
      </c>
      <c r="D112552" s="14" t="s">
        <v>264</v>
      </c>
      <c r="E112552" s="15">
        <v>45508</v>
      </c>
      <c r="F112552" s="14" t="s">
        <v>28</v>
      </c>
      <c r="G112552" s="16">
        <v>0</v>
      </c>
    </row>
    <row r="112553" spans="1:7" x14ac:dyDescent="0.3">
      <c r="A112553" s="13" t="s">
        <v>538</v>
      </c>
      <c r="B112553" s="14" t="s">
        <v>1</v>
      </c>
      <c r="C112553" s="14" t="s">
        <v>70</v>
      </c>
      <c r="D112553" s="14" t="s">
        <v>264</v>
      </c>
      <c r="E112553" s="15">
        <v>45509</v>
      </c>
      <c r="F112553" s="14" t="s">
        <v>28</v>
      </c>
      <c r="G112553" s="16">
        <v>0</v>
      </c>
    </row>
    <row r="112554" spans="1:7" x14ac:dyDescent="0.3">
      <c r="A112554" s="13" t="s">
        <v>538</v>
      </c>
      <c r="B112554" s="14" t="s">
        <v>1</v>
      </c>
      <c r="C112554" s="14" t="s">
        <v>70</v>
      </c>
      <c r="D112554" s="14" t="s">
        <v>264</v>
      </c>
      <c r="E112554" s="15">
        <v>45510</v>
      </c>
      <c r="F112554" s="14" t="s">
        <v>28</v>
      </c>
      <c r="G112554" s="16">
        <v>0</v>
      </c>
    </row>
    <row r="112555" spans="1:7" x14ac:dyDescent="0.3">
      <c r="A112555" s="13" t="s">
        <v>538</v>
      </c>
      <c r="B112555" s="14" t="s">
        <v>1</v>
      </c>
      <c r="C112555" s="14" t="s">
        <v>70</v>
      </c>
      <c r="D112555" s="14" t="s">
        <v>264</v>
      </c>
      <c r="E112555" s="15">
        <v>45511</v>
      </c>
      <c r="F112555" s="14" t="s">
        <v>28</v>
      </c>
      <c r="G112555" s="16">
        <v>1.7220784789307498E-3</v>
      </c>
    </row>
    <row r="112556" spans="1:7" x14ac:dyDescent="0.3">
      <c r="A112556" s="13" t="s">
        <v>538</v>
      </c>
      <c r="B112556" s="14" t="s">
        <v>1</v>
      </c>
      <c r="C112556" s="14" t="s">
        <v>70</v>
      </c>
      <c r="D112556" s="14" t="s">
        <v>264</v>
      </c>
      <c r="E112556" s="15">
        <v>45512</v>
      </c>
      <c r="F112556" s="14" t="s">
        <v>28</v>
      </c>
      <c r="G112556" s="16">
        <v>5.434756657620882E-3</v>
      </c>
    </row>
    <row r="112557" spans="1:7" x14ac:dyDescent="0.3">
      <c r="A112557" s="13" t="s">
        <v>538</v>
      </c>
      <c r="B112557" s="14" t="s">
        <v>1</v>
      </c>
      <c r="C112557" s="14" t="s">
        <v>70</v>
      </c>
      <c r="D112557" s="14" t="s">
        <v>264</v>
      </c>
      <c r="E112557" s="15">
        <v>45513</v>
      </c>
      <c r="F112557" s="14" t="s">
        <v>28</v>
      </c>
      <c r="G112557" s="16">
        <v>2.2563288427802104E-2</v>
      </c>
    </row>
    <row r="112558" spans="1:7" x14ac:dyDescent="0.3">
      <c r="A112558" s="13" t="s">
        <v>538</v>
      </c>
      <c r="B112558" s="14" t="s">
        <v>1</v>
      </c>
      <c r="C112558" s="14" t="s">
        <v>70</v>
      </c>
      <c r="D112558" s="14" t="s">
        <v>264</v>
      </c>
      <c r="E112558" s="15">
        <v>45514</v>
      </c>
      <c r="F112558" s="14" t="s">
        <v>28</v>
      </c>
      <c r="G112558" s="16">
        <v>2.2563288427802104E-2</v>
      </c>
    </row>
    <row r="112559" spans="1:7" x14ac:dyDescent="0.3">
      <c r="A112559" s="13" t="s">
        <v>538</v>
      </c>
      <c r="B112559" s="14" t="s">
        <v>1</v>
      </c>
      <c r="C112559" s="14" t="s">
        <v>70</v>
      </c>
      <c r="D112559" s="14" t="s">
        <v>264</v>
      </c>
      <c r="E112559" s="15">
        <v>45515</v>
      </c>
      <c r="F112559" s="14" t="s">
        <v>28</v>
      </c>
      <c r="G112559" s="16">
        <v>2.2563288427802104E-2</v>
      </c>
    </row>
    <row r="112560" spans="1:7" x14ac:dyDescent="0.3">
      <c r="A112560" s="13" t="s">
        <v>538</v>
      </c>
      <c r="B112560" s="14" t="s">
        <v>1</v>
      </c>
      <c r="C112560" s="14" t="s">
        <v>70</v>
      </c>
      <c r="D112560" s="14" t="s">
        <v>264</v>
      </c>
      <c r="E112560" s="15">
        <v>45516</v>
      </c>
      <c r="F112560" s="14" t="s">
        <v>28</v>
      </c>
      <c r="G112560" s="16">
        <v>3.9555661703362582E-2</v>
      </c>
    </row>
    <row r="112561" spans="1:7" x14ac:dyDescent="0.3">
      <c r="A112561" s="13" t="s">
        <v>538</v>
      </c>
      <c r="B112561" s="14" t="s">
        <v>1</v>
      </c>
      <c r="C112561" s="14" t="s">
        <v>70</v>
      </c>
      <c r="D112561" s="14" t="s">
        <v>264</v>
      </c>
      <c r="E112561" s="15">
        <v>45517</v>
      </c>
      <c r="F112561" s="14" t="s">
        <v>28</v>
      </c>
      <c r="G112561" s="16">
        <v>5.3550714002942035E-2</v>
      </c>
    </row>
    <row r="112562" spans="1:7" x14ac:dyDescent="0.3">
      <c r="A112562" s="13" t="s">
        <v>538</v>
      </c>
      <c r="B112562" s="14" t="s">
        <v>1</v>
      </c>
      <c r="C112562" s="14" t="s">
        <v>70</v>
      </c>
      <c r="D112562" s="14" t="s">
        <v>264</v>
      </c>
      <c r="E112562" s="15">
        <v>45518</v>
      </c>
      <c r="F112562" s="14" t="s">
        <v>28</v>
      </c>
      <c r="G112562" s="16">
        <v>5.6464608718815527E-2</v>
      </c>
    </row>
    <row r="112563" spans="1:7" x14ac:dyDescent="0.3">
      <c r="A112563" s="13" t="s">
        <v>538</v>
      </c>
      <c r="B112563" s="14" t="s">
        <v>1</v>
      </c>
      <c r="C112563" s="14" t="s">
        <v>70</v>
      </c>
      <c r="D112563" s="14" t="s">
        <v>264</v>
      </c>
      <c r="E112563" s="15">
        <v>45519</v>
      </c>
      <c r="F112563" s="14" t="s">
        <v>28</v>
      </c>
      <c r="G112563" s="16">
        <v>6.0404805728651569E-2</v>
      </c>
    </row>
    <row r="112564" spans="1:7" x14ac:dyDescent="0.3">
      <c r="A112564" s="13" t="s">
        <v>538</v>
      </c>
      <c r="B112564" s="14" t="s">
        <v>1</v>
      </c>
      <c r="C112564" s="14" t="s">
        <v>70</v>
      </c>
      <c r="D112564" s="14" t="s">
        <v>264</v>
      </c>
      <c r="E112564" s="15">
        <v>45520</v>
      </c>
      <c r="F112564" s="14" t="s">
        <v>28</v>
      </c>
      <c r="G112564" s="16">
        <v>0.11509542982787149</v>
      </c>
    </row>
    <row r="112565" spans="1:7" x14ac:dyDescent="0.3">
      <c r="A112565" s="13" t="s">
        <v>538</v>
      </c>
      <c r="B112565" s="14" t="s">
        <v>1</v>
      </c>
      <c r="C112565" s="14" t="s">
        <v>70</v>
      </c>
      <c r="D112565" s="14" t="s">
        <v>264</v>
      </c>
      <c r="E112565" s="15">
        <v>45521</v>
      </c>
      <c r="F112565" s="14" t="s">
        <v>28</v>
      </c>
      <c r="G112565" s="16">
        <v>0.11509542982787149</v>
      </c>
    </row>
    <row r="112566" spans="1:7" x14ac:dyDescent="0.3">
      <c r="A112566" s="13" t="s">
        <v>538</v>
      </c>
      <c r="B112566" s="14" t="s">
        <v>1</v>
      </c>
      <c r="C112566" s="14" t="s">
        <v>70</v>
      </c>
      <c r="D112566" s="14" t="s">
        <v>264</v>
      </c>
      <c r="E112566" s="15">
        <v>45522</v>
      </c>
      <c r="F112566" s="14" t="s">
        <v>28</v>
      </c>
      <c r="G112566" s="16">
        <v>0.11509542982787149</v>
      </c>
    </row>
    <row r="112567" spans="1:7" x14ac:dyDescent="0.3">
      <c r="A112567" s="13" t="s">
        <v>538</v>
      </c>
      <c r="B112567" s="14" t="s">
        <v>1</v>
      </c>
      <c r="C112567" s="14" t="s">
        <v>70</v>
      </c>
      <c r="D112567" s="14" t="s">
        <v>264</v>
      </c>
      <c r="E112567" s="15">
        <v>45523</v>
      </c>
      <c r="F112567" s="14" t="s">
        <v>28</v>
      </c>
      <c r="G112567" s="16">
        <v>0.13021181414712471</v>
      </c>
    </row>
    <row r="112568" spans="1:7" x14ac:dyDescent="0.3">
      <c r="A112568" s="13" t="s">
        <v>538</v>
      </c>
      <c r="B112568" s="14" t="s">
        <v>1</v>
      </c>
      <c r="C112568" s="14" t="s">
        <v>70</v>
      </c>
      <c r="D112568" s="14" t="s">
        <v>264</v>
      </c>
      <c r="E112568" s="15">
        <v>45524</v>
      </c>
      <c r="F112568" s="14" t="s">
        <v>28</v>
      </c>
      <c r="G112568" s="16">
        <v>0.15221959226252779</v>
      </c>
    </row>
    <row r="112569" spans="1:7" x14ac:dyDescent="0.3">
      <c r="A112569" s="13" t="s">
        <v>538</v>
      </c>
      <c r="B112569" s="14" t="s">
        <v>1</v>
      </c>
      <c r="C112569" s="14" t="s">
        <v>70</v>
      </c>
      <c r="D112569" s="14" t="s">
        <v>264</v>
      </c>
      <c r="E112569" s="15">
        <v>45525</v>
      </c>
      <c r="F112569" s="14" t="s">
        <v>28</v>
      </c>
      <c r="G112569" s="16">
        <v>0.16312370816117699</v>
      </c>
    </row>
    <row r="112570" spans="1:7" x14ac:dyDescent="0.3">
      <c r="A112570" s="13" t="s">
        <v>538</v>
      </c>
      <c r="B112570" s="14" t="s">
        <v>1</v>
      </c>
      <c r="C112570" s="14" t="s">
        <v>70</v>
      </c>
      <c r="D112570" s="14" t="s">
        <v>264</v>
      </c>
      <c r="E112570" s="15">
        <v>45526</v>
      </c>
      <c r="F112570" s="14" t="s">
        <v>28</v>
      </c>
      <c r="G112570" s="16">
        <v>0.16857705211207047</v>
      </c>
    </row>
    <row r="112571" spans="1:7" x14ac:dyDescent="0.3">
      <c r="A112571" s="13" t="s">
        <v>538</v>
      </c>
      <c r="B112571" s="14" t="s">
        <v>1</v>
      </c>
      <c r="C112571" s="14" t="s">
        <v>70</v>
      </c>
      <c r="D112571" s="14" t="s">
        <v>264</v>
      </c>
      <c r="E112571" s="15">
        <v>45527</v>
      </c>
      <c r="F112571" s="14" t="s">
        <v>28</v>
      </c>
      <c r="G112571" s="16">
        <v>0.17165896041252396</v>
      </c>
    </row>
    <row r="112572" spans="1:7" x14ac:dyDescent="0.3">
      <c r="A112572" s="13" t="s">
        <v>538</v>
      </c>
      <c r="B112572" s="14" t="s">
        <v>1</v>
      </c>
      <c r="C112572" s="14" t="s">
        <v>70</v>
      </c>
      <c r="D112572" s="14" t="s">
        <v>264</v>
      </c>
      <c r="E112572" s="15">
        <v>45528</v>
      </c>
      <c r="F112572" s="14" t="s">
        <v>28</v>
      </c>
      <c r="G112572" s="16">
        <v>0.17165896041252396</v>
      </c>
    </row>
    <row r="112573" spans="1:7" x14ac:dyDescent="0.3">
      <c r="A112573" s="13" t="s">
        <v>538</v>
      </c>
      <c r="B112573" s="14" t="s">
        <v>1</v>
      </c>
      <c r="C112573" s="14" t="s">
        <v>70</v>
      </c>
      <c r="D112573" s="14" t="s">
        <v>264</v>
      </c>
      <c r="E112573" s="15">
        <v>45529</v>
      </c>
      <c r="F112573" s="14" t="s">
        <v>28</v>
      </c>
      <c r="G112573" s="16">
        <v>0.17165896041252396</v>
      </c>
    </row>
    <row r="112574" spans="1:7" x14ac:dyDescent="0.3">
      <c r="A112574" s="13" t="s">
        <v>538</v>
      </c>
      <c r="B112574" s="14" t="s">
        <v>1</v>
      </c>
      <c r="C112574" s="14" t="s">
        <v>70</v>
      </c>
      <c r="D112574" s="14" t="s">
        <v>264</v>
      </c>
      <c r="E112574" s="15">
        <v>45530</v>
      </c>
      <c r="F112574" s="14" t="s">
        <v>28</v>
      </c>
      <c r="G112574" s="16">
        <v>0.17541277080558082</v>
      </c>
    </row>
    <row r="112575" spans="1:7" x14ac:dyDescent="0.3">
      <c r="A112575" s="13" t="s">
        <v>538</v>
      </c>
      <c r="B112575" s="14" t="s">
        <v>1</v>
      </c>
      <c r="C112575" s="14" t="s">
        <v>70</v>
      </c>
      <c r="D112575" s="14" t="s">
        <v>264</v>
      </c>
      <c r="E112575" s="15">
        <v>45531</v>
      </c>
      <c r="F112575" s="14" t="s">
        <v>28</v>
      </c>
      <c r="G112575" s="16">
        <v>0.18560076154802671</v>
      </c>
    </row>
    <row r="112576" spans="1:7" x14ac:dyDescent="0.3">
      <c r="A112576" s="13" t="s">
        <v>538</v>
      </c>
      <c r="B112576" s="14" t="s">
        <v>1</v>
      </c>
      <c r="C112576" s="14" t="s">
        <v>70</v>
      </c>
      <c r="D112576" s="14" t="s">
        <v>264</v>
      </c>
      <c r="E112576" s="15">
        <v>45532</v>
      </c>
      <c r="F112576" s="14" t="s">
        <v>28</v>
      </c>
      <c r="G112576" s="16">
        <v>0.19814483587547557</v>
      </c>
    </row>
    <row r="112577" spans="1:7" x14ac:dyDescent="0.3">
      <c r="A112577" s="13" t="s">
        <v>538</v>
      </c>
      <c r="B112577" s="14" t="s">
        <v>1</v>
      </c>
      <c r="C112577" s="14" t="s">
        <v>70</v>
      </c>
      <c r="D112577" s="14" t="s">
        <v>264</v>
      </c>
      <c r="E112577" s="15">
        <v>45533</v>
      </c>
      <c r="F112577" s="14" t="s">
        <v>28</v>
      </c>
      <c r="G112577" s="16">
        <v>0.20206664998865831</v>
      </c>
    </row>
    <row r="112578" spans="1:7" x14ac:dyDescent="0.3">
      <c r="A112578" s="13" t="s">
        <v>538</v>
      </c>
      <c r="B112578" s="14" t="s">
        <v>1</v>
      </c>
      <c r="C112578" s="14" t="s">
        <v>70</v>
      </c>
      <c r="D112578" s="14" t="s">
        <v>264</v>
      </c>
      <c r="E112578" s="15">
        <v>45534</v>
      </c>
      <c r="F112578" s="14" t="s">
        <v>28</v>
      </c>
      <c r="G112578" s="16">
        <v>0.20994953252529847</v>
      </c>
    </row>
    <row r="112579" spans="1:7" x14ac:dyDescent="0.3">
      <c r="A112579" s="13" t="s">
        <v>538</v>
      </c>
      <c r="B112579" s="14" t="s">
        <v>1</v>
      </c>
      <c r="C112579" s="14" t="s">
        <v>70</v>
      </c>
      <c r="D112579" s="14" t="s">
        <v>264</v>
      </c>
      <c r="E112579" s="15">
        <v>45535</v>
      </c>
      <c r="F112579" s="14" t="s">
        <v>28</v>
      </c>
      <c r="G112579" s="16">
        <v>0.20994953252529847</v>
      </c>
    </row>
    <row r="112580" spans="1:7" x14ac:dyDescent="0.3">
      <c r="A112580" s="13" t="s">
        <v>538</v>
      </c>
      <c r="B112580" s="14" t="s">
        <v>1</v>
      </c>
      <c r="C112580" s="14" t="s">
        <v>70</v>
      </c>
      <c r="D112580" s="14" t="s">
        <v>264</v>
      </c>
      <c r="E112580" s="15">
        <v>45536</v>
      </c>
      <c r="F112580" s="14" t="s">
        <v>28</v>
      </c>
      <c r="G112580" s="16">
        <v>0.20994953252529847</v>
      </c>
    </row>
    <row r="112581" spans="1:7" x14ac:dyDescent="0.3">
      <c r="A112581" s="13" t="s">
        <v>538</v>
      </c>
      <c r="B112581" s="14" t="s">
        <v>1</v>
      </c>
      <c r="C112581" s="14" t="s">
        <v>70</v>
      </c>
      <c r="D112581" s="14" t="s">
        <v>264</v>
      </c>
      <c r="E112581" s="15">
        <v>45537</v>
      </c>
      <c r="F112581" s="14" t="s">
        <v>28</v>
      </c>
      <c r="G112581" s="16">
        <v>0</v>
      </c>
    </row>
    <row r="112582" spans="1:7" x14ac:dyDescent="0.3">
      <c r="A112582" s="13" t="s">
        <v>538</v>
      </c>
      <c r="B112582" s="14" t="s">
        <v>1</v>
      </c>
      <c r="C112582" s="14" t="s">
        <v>70</v>
      </c>
      <c r="D112582" s="14" t="s">
        <v>264</v>
      </c>
      <c r="E112582" s="15">
        <v>45538</v>
      </c>
      <c r="F112582" s="14" t="s">
        <v>28</v>
      </c>
      <c r="G112582" s="16">
        <v>0</v>
      </c>
    </row>
    <row r="112583" spans="1:7" x14ac:dyDescent="0.3">
      <c r="A112583" s="13" t="s">
        <v>538</v>
      </c>
      <c r="B112583" s="14" t="s">
        <v>1</v>
      </c>
      <c r="C112583" s="14" t="s">
        <v>70</v>
      </c>
      <c r="D112583" s="14" t="s">
        <v>264</v>
      </c>
      <c r="E112583" s="15">
        <v>45539</v>
      </c>
      <c r="F112583" s="14" t="s">
        <v>28</v>
      </c>
      <c r="G112583" s="16">
        <v>0</v>
      </c>
    </row>
    <row r="112584" spans="1:7" x14ac:dyDescent="0.3">
      <c r="A112584" s="13" t="s">
        <v>538</v>
      </c>
      <c r="B112584" s="14" t="s">
        <v>1</v>
      </c>
      <c r="C112584" s="14" t="s">
        <v>70</v>
      </c>
      <c r="D112584" s="14" t="s">
        <v>264</v>
      </c>
      <c r="E112584" s="15">
        <v>45540</v>
      </c>
      <c r="F112584" s="14" t="s">
        <v>28</v>
      </c>
      <c r="G112584" s="16">
        <v>0</v>
      </c>
    </row>
    <row r="112585" spans="1:7" x14ac:dyDescent="0.3">
      <c r="A112585" s="13" t="s">
        <v>538</v>
      </c>
      <c r="B112585" s="14" t="s">
        <v>1</v>
      </c>
      <c r="C112585" s="14" t="s">
        <v>70</v>
      </c>
      <c r="D112585" s="14" t="s">
        <v>264</v>
      </c>
      <c r="E112585" s="15">
        <v>45541</v>
      </c>
      <c r="F112585" s="14" t="s">
        <v>28</v>
      </c>
      <c r="G112585" s="16">
        <v>0</v>
      </c>
    </row>
    <row r="112586" spans="1:7" x14ac:dyDescent="0.3">
      <c r="A112586" s="13" t="s">
        <v>538</v>
      </c>
      <c r="B112586" s="14" t="s">
        <v>1</v>
      </c>
      <c r="C112586" s="14" t="s">
        <v>70</v>
      </c>
      <c r="D112586" s="14" t="s">
        <v>264</v>
      </c>
      <c r="E112586" s="15">
        <v>45542</v>
      </c>
      <c r="F112586" s="14" t="s">
        <v>28</v>
      </c>
      <c r="G112586" s="16">
        <v>0</v>
      </c>
    </row>
    <row r="112587" spans="1:7" x14ac:dyDescent="0.3">
      <c r="A112587" s="13" t="s">
        <v>538</v>
      </c>
      <c r="B112587" s="14" t="s">
        <v>1</v>
      </c>
      <c r="C112587" s="14" t="s">
        <v>70</v>
      </c>
      <c r="D112587" s="14" t="s">
        <v>264</v>
      </c>
      <c r="E112587" s="15">
        <v>45543</v>
      </c>
      <c r="F112587" s="14" t="s">
        <v>28</v>
      </c>
      <c r="G112587" s="16">
        <v>0</v>
      </c>
    </row>
    <row r="112588" spans="1:7" x14ac:dyDescent="0.3">
      <c r="A112588" s="13" t="s">
        <v>538</v>
      </c>
      <c r="B112588" s="14" t="s">
        <v>1</v>
      </c>
      <c r="C112588" s="14" t="s">
        <v>70</v>
      </c>
      <c r="D112588" s="14" t="s">
        <v>264</v>
      </c>
      <c r="E112588" s="15">
        <v>45544</v>
      </c>
      <c r="F112588" s="14" t="s">
        <v>28</v>
      </c>
      <c r="G112588" s="16">
        <v>0</v>
      </c>
    </row>
    <row r="112589" spans="1:7" x14ac:dyDescent="0.3">
      <c r="A112589" s="13" t="s">
        <v>538</v>
      </c>
      <c r="B112589" s="14" t="s">
        <v>1</v>
      </c>
      <c r="C112589" s="14" t="s">
        <v>70</v>
      </c>
      <c r="D112589" s="14" t="s">
        <v>264</v>
      </c>
      <c r="E112589" s="15">
        <v>45545</v>
      </c>
      <c r="F112589" s="14" t="s">
        <v>28</v>
      </c>
      <c r="G112589" s="16">
        <v>0</v>
      </c>
    </row>
    <row r="112590" spans="1:7" x14ac:dyDescent="0.3">
      <c r="A112590" s="13" t="s">
        <v>538</v>
      </c>
      <c r="B112590" s="14" t="s">
        <v>1</v>
      </c>
      <c r="C112590" s="14" t="s">
        <v>70</v>
      </c>
      <c r="D112590" s="14" t="s">
        <v>264</v>
      </c>
      <c r="E112590" s="15">
        <v>45546</v>
      </c>
      <c r="F112590" s="14" t="s">
        <v>28</v>
      </c>
      <c r="G112590" s="16">
        <v>0</v>
      </c>
    </row>
    <row r="112591" spans="1:7" x14ac:dyDescent="0.3">
      <c r="A112591" s="13" t="s">
        <v>538</v>
      </c>
      <c r="B112591" s="14" t="s">
        <v>1</v>
      </c>
      <c r="C112591" s="14" t="s">
        <v>70</v>
      </c>
      <c r="D112591" s="14" t="s">
        <v>264</v>
      </c>
      <c r="E112591" s="15">
        <v>45547</v>
      </c>
      <c r="F112591" s="14" t="s">
        <v>28</v>
      </c>
      <c r="G112591" s="16">
        <v>0</v>
      </c>
    </row>
    <row r="112592" spans="1:7" x14ac:dyDescent="0.3">
      <c r="A112592" s="13" t="s">
        <v>538</v>
      </c>
      <c r="B112592" s="14" t="s">
        <v>1</v>
      </c>
      <c r="C112592" s="14" t="s">
        <v>70</v>
      </c>
      <c r="D112592" s="14" t="s">
        <v>264</v>
      </c>
      <c r="E112592" s="15">
        <v>45548</v>
      </c>
      <c r="F112592" s="14" t="s">
        <v>28</v>
      </c>
      <c r="G112592" s="16">
        <v>0</v>
      </c>
    </row>
    <row r="112593" spans="1:7" x14ac:dyDescent="0.3">
      <c r="A112593" s="13" t="s">
        <v>538</v>
      </c>
      <c r="B112593" s="14" t="s">
        <v>1</v>
      </c>
      <c r="C112593" s="14" t="s">
        <v>70</v>
      </c>
      <c r="D112593" s="14" t="s">
        <v>264</v>
      </c>
      <c r="E112593" s="15">
        <v>45549</v>
      </c>
      <c r="F112593" s="14" t="s">
        <v>28</v>
      </c>
      <c r="G112593" s="16">
        <v>0</v>
      </c>
    </row>
    <row r="112594" spans="1:7" x14ac:dyDescent="0.3">
      <c r="A112594" s="13" t="s">
        <v>538</v>
      </c>
      <c r="B112594" s="14" t="s">
        <v>1</v>
      </c>
      <c r="C112594" s="14" t="s">
        <v>70</v>
      </c>
      <c r="D112594" s="14" t="s">
        <v>264</v>
      </c>
      <c r="E112594" s="15">
        <v>45550</v>
      </c>
      <c r="F112594" s="14" t="s">
        <v>28</v>
      </c>
      <c r="G112594" s="16">
        <v>0</v>
      </c>
    </row>
    <row r="112595" spans="1:7" x14ac:dyDescent="0.3">
      <c r="A112595" s="13" t="s">
        <v>538</v>
      </c>
      <c r="B112595" s="14" t="s">
        <v>1</v>
      </c>
      <c r="C112595" s="14" t="s">
        <v>70</v>
      </c>
      <c r="D112595" s="14" t="s">
        <v>264</v>
      </c>
      <c r="E112595" s="15">
        <v>45551</v>
      </c>
      <c r="F112595" s="14" t="s">
        <v>28</v>
      </c>
      <c r="G112595" s="16">
        <v>0</v>
      </c>
    </row>
    <row r="112596" spans="1:7" x14ac:dyDescent="0.3">
      <c r="A112596" s="13" t="s">
        <v>538</v>
      </c>
      <c r="B112596" s="14" t="s">
        <v>1</v>
      </c>
      <c r="C112596" s="14" t="s">
        <v>70</v>
      </c>
      <c r="D112596" s="14" t="s">
        <v>264</v>
      </c>
      <c r="E112596" s="15">
        <v>45552</v>
      </c>
      <c r="F112596" s="14" t="s">
        <v>28</v>
      </c>
      <c r="G112596" s="16">
        <v>4.4178123976811147E-3</v>
      </c>
    </row>
    <row r="112597" spans="1:7" x14ac:dyDescent="0.3">
      <c r="A112597" s="13" t="s">
        <v>538</v>
      </c>
      <c r="B112597" s="14" t="s">
        <v>1</v>
      </c>
      <c r="C112597" s="14" t="s">
        <v>70</v>
      </c>
      <c r="D112597" s="14" t="s">
        <v>264</v>
      </c>
      <c r="E112597" s="15">
        <v>45553</v>
      </c>
      <c r="F112597" s="14" t="s">
        <v>28</v>
      </c>
      <c r="G112597" s="16">
        <v>8.9346813026563304E-3</v>
      </c>
    </row>
    <row r="112598" spans="1:7" x14ac:dyDescent="0.3">
      <c r="A112598" s="13" t="s">
        <v>538</v>
      </c>
      <c r="B112598" s="14" t="s">
        <v>1</v>
      </c>
      <c r="C112598" s="14" t="s">
        <v>70</v>
      </c>
      <c r="D112598" s="14" t="s">
        <v>264</v>
      </c>
      <c r="E112598" s="15">
        <v>45554</v>
      </c>
      <c r="F112598" s="14" t="s">
        <v>28</v>
      </c>
      <c r="G112598" s="16">
        <v>1.2308661868856163E-2</v>
      </c>
    </row>
    <row r="112599" spans="1:7" x14ac:dyDescent="0.3">
      <c r="A112599" s="13" t="s">
        <v>538</v>
      </c>
      <c r="B112599" s="14" t="s">
        <v>1</v>
      </c>
      <c r="C112599" s="14" t="s">
        <v>70</v>
      </c>
      <c r="D112599" s="14" t="s">
        <v>264</v>
      </c>
      <c r="E112599" s="15">
        <v>45555</v>
      </c>
      <c r="F112599" s="14" t="s">
        <v>28</v>
      </c>
      <c r="G112599" s="16">
        <v>1.5708815369122806E-2</v>
      </c>
    </row>
    <row r="112600" spans="1:7" x14ac:dyDescent="0.3">
      <c r="A112600" s="13" t="s">
        <v>538</v>
      </c>
      <c r="B112600" s="14" t="s">
        <v>1</v>
      </c>
      <c r="C112600" s="14" t="s">
        <v>70</v>
      </c>
      <c r="D112600" s="14" t="s">
        <v>264</v>
      </c>
      <c r="E112600" s="15">
        <v>45556</v>
      </c>
      <c r="F112600" s="14" t="s">
        <v>28</v>
      </c>
      <c r="G112600" s="16">
        <v>1.5708815369122806E-2</v>
      </c>
    </row>
    <row r="112601" spans="1:7" x14ac:dyDescent="0.3">
      <c r="A112601" s="13" t="s">
        <v>538</v>
      </c>
      <c r="B112601" s="14" t="s">
        <v>1</v>
      </c>
      <c r="C112601" s="14" t="s">
        <v>70</v>
      </c>
      <c r="D112601" s="14" t="s">
        <v>264</v>
      </c>
      <c r="E112601" s="15">
        <v>45557</v>
      </c>
      <c r="F112601" s="14" t="s">
        <v>28</v>
      </c>
      <c r="G112601" s="16">
        <v>1.5708815369122806E-2</v>
      </c>
    </row>
    <row r="112602" spans="1:7" x14ac:dyDescent="0.3">
      <c r="A112602" s="13" t="s">
        <v>538</v>
      </c>
      <c r="B112602" s="14" t="s">
        <v>1</v>
      </c>
      <c r="C112602" s="14" t="s">
        <v>70</v>
      </c>
      <c r="D112602" s="14" t="s">
        <v>264</v>
      </c>
      <c r="E112602" s="15">
        <v>45558</v>
      </c>
      <c r="F112602" s="14" t="s">
        <v>28</v>
      </c>
      <c r="G112602" s="16">
        <v>1.9124110479190728E-2</v>
      </c>
    </row>
    <row r="112603" spans="1:7" x14ac:dyDescent="0.3">
      <c r="A112603" s="13" t="s">
        <v>538</v>
      </c>
      <c r="B112603" s="14" t="s">
        <v>1</v>
      </c>
      <c r="C112603" s="14" t="s">
        <v>70</v>
      </c>
      <c r="D112603" s="14" t="s">
        <v>264</v>
      </c>
      <c r="E112603" s="15">
        <v>45559</v>
      </c>
      <c r="F112603" s="14" t="s">
        <v>28</v>
      </c>
      <c r="G112603" s="16">
        <v>3.0429931464054392E-2</v>
      </c>
    </row>
    <row r="112604" spans="1:7" x14ac:dyDescent="0.3">
      <c r="A112604" s="13" t="s">
        <v>538</v>
      </c>
      <c r="B112604" s="14" t="s">
        <v>1</v>
      </c>
      <c r="C112604" s="14" t="s">
        <v>70</v>
      </c>
      <c r="D112604" s="14" t="s">
        <v>264</v>
      </c>
      <c r="E112604" s="15">
        <v>45560</v>
      </c>
      <c r="F112604" s="14" t="s">
        <v>28</v>
      </c>
      <c r="G112604" s="16">
        <v>3.4022702028619151E-2</v>
      </c>
    </row>
    <row r="112605" spans="1:7" x14ac:dyDescent="0.3">
      <c r="A112605" s="13" t="s">
        <v>538</v>
      </c>
      <c r="B112605" s="14" t="s">
        <v>1</v>
      </c>
      <c r="C112605" s="14" t="s">
        <v>70</v>
      </c>
      <c r="D112605" s="14" t="s">
        <v>264</v>
      </c>
      <c r="E112605" s="15">
        <v>45561</v>
      </c>
      <c r="F112605" s="14" t="s">
        <v>28</v>
      </c>
      <c r="G112605" s="16">
        <v>4.3930272428245334E-2</v>
      </c>
    </row>
    <row r="112606" spans="1:7" x14ac:dyDescent="0.3">
      <c r="A112606" s="13" t="s">
        <v>538</v>
      </c>
      <c r="B112606" s="14" t="s">
        <v>1</v>
      </c>
      <c r="C112606" s="14" t="s">
        <v>70</v>
      </c>
      <c r="D112606" s="14" t="s">
        <v>264</v>
      </c>
      <c r="E112606" s="15">
        <v>45562</v>
      </c>
      <c r="F112606" s="14" t="s">
        <v>28</v>
      </c>
      <c r="G112606" s="16">
        <v>5.126471730257761E-2</v>
      </c>
    </row>
    <row r="112607" spans="1:7" x14ac:dyDescent="0.3">
      <c r="A112607" s="13" t="s">
        <v>538</v>
      </c>
      <c r="B112607" s="14" t="s">
        <v>1</v>
      </c>
      <c r="C112607" s="14" t="s">
        <v>70</v>
      </c>
      <c r="D112607" s="14" t="s">
        <v>264</v>
      </c>
      <c r="E112607" s="15">
        <v>45563</v>
      </c>
      <c r="F112607" s="14" t="s">
        <v>28</v>
      </c>
      <c r="G112607" s="16">
        <v>5.126471730257761E-2</v>
      </c>
    </row>
    <row r="112608" spans="1:7" x14ac:dyDescent="0.3">
      <c r="A112608" s="13" t="s">
        <v>538</v>
      </c>
      <c r="B112608" s="14" t="s">
        <v>1</v>
      </c>
      <c r="C112608" s="14" t="s">
        <v>70</v>
      </c>
      <c r="D112608" s="14" t="s">
        <v>264</v>
      </c>
      <c r="E112608" s="15">
        <v>45564</v>
      </c>
      <c r="F112608" s="14" t="s">
        <v>28</v>
      </c>
      <c r="G112608" s="16">
        <v>5.126471730257761E-2</v>
      </c>
    </row>
    <row r="112609" spans="1:7" x14ac:dyDescent="0.3">
      <c r="A112609" s="13" t="s">
        <v>538</v>
      </c>
      <c r="B112609" s="14" t="s">
        <v>1</v>
      </c>
      <c r="C112609" s="14" t="s">
        <v>70</v>
      </c>
      <c r="D112609" s="14" t="s">
        <v>264</v>
      </c>
      <c r="E112609" s="15">
        <v>45565</v>
      </c>
      <c r="F112609" s="14" t="s">
        <v>28</v>
      </c>
      <c r="G112609" s="16">
        <v>6.8891645580038449E-2</v>
      </c>
    </row>
    <row r="112610" spans="1:7" x14ac:dyDescent="0.3">
      <c r="A112610" s="13" t="s">
        <v>538</v>
      </c>
      <c r="B112610" s="14" t="s">
        <v>1</v>
      </c>
      <c r="C112610" s="14" t="s">
        <v>70</v>
      </c>
      <c r="D112610" s="14" t="s">
        <v>264</v>
      </c>
      <c r="E112610" s="15">
        <v>45566</v>
      </c>
      <c r="F112610" s="14" t="s">
        <v>28</v>
      </c>
      <c r="G112610" s="16">
        <v>0</v>
      </c>
    </row>
    <row r="112611" spans="1:7" x14ac:dyDescent="0.3">
      <c r="A112611" s="13" t="s">
        <v>538</v>
      </c>
      <c r="B112611" s="14" t="s">
        <v>1</v>
      </c>
      <c r="C112611" s="14" t="s">
        <v>70</v>
      </c>
      <c r="D112611" s="14" t="s">
        <v>264</v>
      </c>
      <c r="E112611" s="15">
        <v>45567</v>
      </c>
      <c r="F112611" s="14" t="s">
        <v>28</v>
      </c>
      <c r="G112611" s="16">
        <v>0</v>
      </c>
    </row>
    <row r="112612" spans="1:7" x14ac:dyDescent="0.3">
      <c r="A112612" s="13" t="s">
        <v>538</v>
      </c>
      <c r="B112612" s="14" t="s">
        <v>1</v>
      </c>
      <c r="C112612" s="14" t="s">
        <v>70</v>
      </c>
      <c r="D112612" s="14" t="s">
        <v>264</v>
      </c>
      <c r="E112612" s="15">
        <v>45568</v>
      </c>
      <c r="F112612" s="14" t="s">
        <v>28</v>
      </c>
      <c r="G112612" s="16">
        <v>0</v>
      </c>
    </row>
    <row r="112613" spans="1:7" x14ac:dyDescent="0.3">
      <c r="A112613" s="13" t="s">
        <v>538</v>
      </c>
      <c r="B112613" s="14" t="s">
        <v>1</v>
      </c>
      <c r="C112613" s="14" t="s">
        <v>70</v>
      </c>
      <c r="D112613" s="14" t="s">
        <v>264</v>
      </c>
      <c r="E112613" s="15">
        <v>45569</v>
      </c>
      <c r="F112613" s="14" t="s">
        <v>28</v>
      </c>
      <c r="G112613" s="16">
        <v>0</v>
      </c>
    </row>
    <row r="112614" spans="1:7" x14ac:dyDescent="0.3">
      <c r="A112614" s="13" t="s">
        <v>538</v>
      </c>
      <c r="B112614" s="14" t="s">
        <v>1</v>
      </c>
      <c r="C112614" s="14" t="s">
        <v>70</v>
      </c>
      <c r="D112614" s="14" t="s">
        <v>264</v>
      </c>
      <c r="E112614" s="15">
        <v>45570</v>
      </c>
      <c r="F112614" s="14" t="s">
        <v>28</v>
      </c>
      <c r="G112614" s="16">
        <v>0</v>
      </c>
    </row>
    <row r="112615" spans="1:7" x14ac:dyDescent="0.3">
      <c r="A112615" s="13" t="s">
        <v>538</v>
      </c>
      <c r="B112615" s="14" t="s">
        <v>1</v>
      </c>
      <c r="C112615" s="14" t="s">
        <v>70</v>
      </c>
      <c r="D112615" s="14" t="s">
        <v>264</v>
      </c>
      <c r="E112615" s="15">
        <v>45571</v>
      </c>
      <c r="F112615" s="14" t="s">
        <v>28</v>
      </c>
      <c r="G112615" s="16">
        <v>0</v>
      </c>
    </row>
    <row r="112616" spans="1:7" x14ac:dyDescent="0.3">
      <c r="A112616" s="13" t="s">
        <v>538</v>
      </c>
      <c r="B112616" s="14" t="s">
        <v>1</v>
      </c>
      <c r="C112616" s="14" t="s">
        <v>70</v>
      </c>
      <c r="D112616" s="14" t="s">
        <v>264</v>
      </c>
      <c r="E112616" s="15">
        <v>45572</v>
      </c>
      <c r="F112616" s="14" t="s">
        <v>28</v>
      </c>
      <c r="G112616" s="16">
        <v>0</v>
      </c>
    </row>
    <row r="112617" spans="1:7" x14ac:dyDescent="0.3">
      <c r="A112617" s="13" t="s">
        <v>538</v>
      </c>
      <c r="B112617" s="14" t="s">
        <v>1</v>
      </c>
      <c r="C112617" s="14" t="s">
        <v>70</v>
      </c>
      <c r="D112617" s="14" t="s">
        <v>264</v>
      </c>
      <c r="E112617" s="15">
        <v>45573</v>
      </c>
      <c r="F112617" s="14" t="s">
        <v>28</v>
      </c>
      <c r="G112617" s="16">
        <v>0</v>
      </c>
    </row>
    <row r="112618" spans="1:7" x14ac:dyDescent="0.3">
      <c r="A112618" s="13" t="s">
        <v>538</v>
      </c>
      <c r="B112618" s="14" t="s">
        <v>1</v>
      </c>
      <c r="C112618" s="14" t="s">
        <v>70</v>
      </c>
      <c r="D112618" s="14" t="s">
        <v>264</v>
      </c>
      <c r="E112618" s="15">
        <v>45574</v>
      </c>
      <c r="F112618" s="14" t="s">
        <v>28</v>
      </c>
      <c r="G112618" s="16">
        <v>0</v>
      </c>
    </row>
    <row r="112619" spans="1:7" x14ac:dyDescent="0.3">
      <c r="A112619" s="13" t="s">
        <v>538</v>
      </c>
      <c r="B112619" s="14" t="s">
        <v>1</v>
      </c>
      <c r="C112619" s="14" t="s">
        <v>70</v>
      </c>
      <c r="D112619" s="14" t="s">
        <v>264</v>
      </c>
      <c r="E112619" s="15">
        <v>45575</v>
      </c>
      <c r="F112619" s="14" t="s">
        <v>28</v>
      </c>
      <c r="G112619" s="16">
        <v>0</v>
      </c>
    </row>
    <row r="112620" spans="1:7" x14ac:dyDescent="0.3">
      <c r="A112620" s="13" t="s">
        <v>538</v>
      </c>
      <c r="B112620" s="14" t="s">
        <v>1</v>
      </c>
      <c r="C112620" s="14" t="s">
        <v>70</v>
      </c>
      <c r="D112620" s="14" t="s">
        <v>264</v>
      </c>
      <c r="E112620" s="15">
        <v>45576</v>
      </c>
      <c r="F112620" s="14" t="s">
        <v>28</v>
      </c>
      <c r="G112620" s="16">
        <v>0</v>
      </c>
    </row>
    <row r="112621" spans="1:7" x14ac:dyDescent="0.3">
      <c r="A112621" s="13" t="s">
        <v>538</v>
      </c>
      <c r="B112621" s="14" t="s">
        <v>1</v>
      </c>
      <c r="C112621" s="14" t="s">
        <v>70</v>
      </c>
      <c r="D112621" s="14" t="s">
        <v>264</v>
      </c>
      <c r="E112621" s="15">
        <v>45577</v>
      </c>
      <c r="F112621" s="14" t="s">
        <v>28</v>
      </c>
      <c r="G112621" s="16">
        <v>0</v>
      </c>
    </row>
    <row r="112622" spans="1:7" x14ac:dyDescent="0.3">
      <c r="A112622" s="13" t="s">
        <v>538</v>
      </c>
      <c r="B112622" s="14" t="s">
        <v>1</v>
      </c>
      <c r="C112622" s="14" t="s">
        <v>70</v>
      </c>
      <c r="D112622" s="14" t="s">
        <v>264</v>
      </c>
      <c r="E112622" s="15">
        <v>45578</v>
      </c>
      <c r="F112622" s="14" t="s">
        <v>28</v>
      </c>
      <c r="G112622" s="16">
        <v>0</v>
      </c>
    </row>
    <row r="112623" spans="1:7" x14ac:dyDescent="0.3">
      <c r="A112623" s="13" t="s">
        <v>538</v>
      </c>
      <c r="B112623" s="14" t="s">
        <v>1</v>
      </c>
      <c r="C112623" s="14" t="s">
        <v>70</v>
      </c>
      <c r="D112623" s="14" t="s">
        <v>264</v>
      </c>
      <c r="E112623" s="15">
        <v>45579</v>
      </c>
      <c r="F112623" s="14" t="s">
        <v>28</v>
      </c>
      <c r="G112623" s="16">
        <v>0</v>
      </c>
    </row>
    <row r="112624" spans="1:7" x14ac:dyDescent="0.3">
      <c r="A112624" s="13" t="s">
        <v>538</v>
      </c>
      <c r="B112624" s="14" t="s">
        <v>1</v>
      </c>
      <c r="C112624" s="14" t="s">
        <v>70</v>
      </c>
      <c r="D112624" s="14" t="s">
        <v>264</v>
      </c>
      <c r="E112624" s="15">
        <v>45580</v>
      </c>
      <c r="F112624" s="14" t="s">
        <v>28</v>
      </c>
      <c r="G112624" s="16">
        <v>0</v>
      </c>
    </row>
    <row r="112625" spans="1:7" x14ac:dyDescent="0.3">
      <c r="A112625" s="13" t="s">
        <v>538</v>
      </c>
      <c r="B112625" s="14" t="s">
        <v>1</v>
      </c>
      <c r="C112625" s="14" t="s">
        <v>70</v>
      </c>
      <c r="D112625" s="14" t="s">
        <v>264</v>
      </c>
      <c r="E112625" s="15">
        <v>45581</v>
      </c>
      <c r="F112625" s="14" t="s">
        <v>28</v>
      </c>
      <c r="G112625" s="16">
        <v>0</v>
      </c>
    </row>
    <row r="112626" spans="1:7" x14ac:dyDescent="0.3">
      <c r="A112626" s="13" t="s">
        <v>538</v>
      </c>
      <c r="B112626" s="14" t="s">
        <v>1</v>
      </c>
      <c r="C112626" s="14" t="s">
        <v>70</v>
      </c>
      <c r="D112626" s="14" t="s">
        <v>264</v>
      </c>
      <c r="E112626" s="15">
        <v>45582</v>
      </c>
      <c r="F112626" s="14" t="s">
        <v>28</v>
      </c>
      <c r="G112626" s="16">
        <v>0</v>
      </c>
    </row>
    <row r="112627" spans="1:7" x14ac:dyDescent="0.3">
      <c r="A112627" s="13" t="s">
        <v>538</v>
      </c>
      <c r="B112627" s="14" t="s">
        <v>1</v>
      </c>
      <c r="C112627" s="14" t="s">
        <v>70</v>
      </c>
      <c r="D112627" s="14" t="s">
        <v>264</v>
      </c>
      <c r="E112627" s="15">
        <v>45583</v>
      </c>
      <c r="F112627" s="14" t="s">
        <v>28</v>
      </c>
      <c r="G112627" s="16">
        <v>0</v>
      </c>
    </row>
    <row r="112628" spans="1:7" x14ac:dyDescent="0.3">
      <c r="A112628" s="13" t="s">
        <v>538</v>
      </c>
      <c r="B112628" s="14" t="s">
        <v>1</v>
      </c>
      <c r="C112628" s="14" t="s">
        <v>70</v>
      </c>
      <c r="D112628" s="14" t="s">
        <v>264</v>
      </c>
      <c r="E112628" s="15">
        <v>45584</v>
      </c>
      <c r="F112628" s="14" t="s">
        <v>28</v>
      </c>
      <c r="G112628" s="16">
        <v>0</v>
      </c>
    </row>
    <row r="112629" spans="1:7" x14ac:dyDescent="0.3">
      <c r="A112629" s="13" t="s">
        <v>538</v>
      </c>
      <c r="B112629" s="14" t="s">
        <v>1</v>
      </c>
      <c r="C112629" s="14" t="s">
        <v>70</v>
      </c>
      <c r="D112629" s="14" t="s">
        <v>264</v>
      </c>
      <c r="E112629" s="15">
        <v>45585</v>
      </c>
      <c r="F112629" s="14" t="s">
        <v>28</v>
      </c>
      <c r="G112629" s="16">
        <v>0</v>
      </c>
    </row>
    <row r="112630" spans="1:7" x14ac:dyDescent="0.3">
      <c r="A112630" s="13" t="s">
        <v>538</v>
      </c>
      <c r="B112630" s="14" t="s">
        <v>1</v>
      </c>
      <c r="C112630" s="14" t="s">
        <v>70</v>
      </c>
      <c r="D112630" s="14" t="s">
        <v>264</v>
      </c>
      <c r="E112630" s="15">
        <v>45586</v>
      </c>
      <c r="F112630" s="14" t="s">
        <v>28</v>
      </c>
      <c r="G112630" s="16">
        <v>0</v>
      </c>
    </row>
    <row r="112631" spans="1:7" x14ac:dyDescent="0.3">
      <c r="A112631" s="13" t="s">
        <v>538</v>
      </c>
      <c r="B112631" s="14" t="s">
        <v>1</v>
      </c>
      <c r="C112631" s="14" t="s">
        <v>70</v>
      </c>
      <c r="D112631" s="14" t="s">
        <v>264</v>
      </c>
      <c r="E112631" s="15">
        <v>45587</v>
      </c>
      <c r="F112631" s="14" t="s">
        <v>28</v>
      </c>
      <c r="G112631" s="16">
        <v>0</v>
      </c>
    </row>
    <row r="112632" spans="1:7" x14ac:dyDescent="0.3">
      <c r="A112632" s="13" t="s">
        <v>538</v>
      </c>
      <c r="B112632" s="14" t="s">
        <v>1</v>
      </c>
      <c r="C112632" s="14" t="s">
        <v>70</v>
      </c>
      <c r="D112632" s="14" t="s">
        <v>264</v>
      </c>
      <c r="E112632" s="15">
        <v>45588</v>
      </c>
      <c r="F112632" s="14" t="s">
        <v>28</v>
      </c>
      <c r="G112632" s="16">
        <v>0</v>
      </c>
    </row>
    <row r="112633" spans="1:7" x14ac:dyDescent="0.3">
      <c r="A112633" s="13" t="s">
        <v>538</v>
      </c>
      <c r="B112633" s="14" t="s">
        <v>1</v>
      </c>
      <c r="C112633" s="14" t="s">
        <v>70</v>
      </c>
      <c r="D112633" s="14" t="s">
        <v>264</v>
      </c>
      <c r="E112633" s="15">
        <v>45589</v>
      </c>
      <c r="F112633" s="14" t="s">
        <v>28</v>
      </c>
      <c r="G112633" s="16">
        <v>0</v>
      </c>
    </row>
    <row r="112634" spans="1:7" x14ac:dyDescent="0.3">
      <c r="A112634" s="13" t="s">
        <v>538</v>
      </c>
      <c r="B112634" s="14" t="s">
        <v>1</v>
      </c>
      <c r="C112634" s="14" t="s">
        <v>70</v>
      </c>
      <c r="D112634" s="14" t="s">
        <v>264</v>
      </c>
      <c r="E112634" s="15">
        <v>45590</v>
      </c>
      <c r="F112634" s="14" t="s">
        <v>28</v>
      </c>
      <c r="G112634" s="16">
        <v>0</v>
      </c>
    </row>
    <row r="112635" spans="1:7" x14ac:dyDescent="0.3">
      <c r="A112635" s="13" t="s">
        <v>538</v>
      </c>
      <c r="B112635" s="14" t="s">
        <v>1</v>
      </c>
      <c r="C112635" s="14" t="s">
        <v>70</v>
      </c>
      <c r="D112635" s="14" t="s">
        <v>264</v>
      </c>
      <c r="E112635" s="15">
        <v>45591</v>
      </c>
      <c r="F112635" s="14" t="s">
        <v>28</v>
      </c>
      <c r="G112635" s="16">
        <v>0</v>
      </c>
    </row>
    <row r="112636" spans="1:7" x14ac:dyDescent="0.3">
      <c r="A112636" s="13" t="s">
        <v>538</v>
      </c>
      <c r="B112636" s="14" t="s">
        <v>1</v>
      </c>
      <c r="C112636" s="14" t="s">
        <v>70</v>
      </c>
      <c r="D112636" s="14" t="s">
        <v>264</v>
      </c>
      <c r="E112636" s="15">
        <v>45592</v>
      </c>
      <c r="F112636" s="14" t="s">
        <v>28</v>
      </c>
      <c r="G112636" s="16">
        <v>0</v>
      </c>
    </row>
    <row r="112637" spans="1:7" x14ac:dyDescent="0.3">
      <c r="A112637" s="13" t="s">
        <v>538</v>
      </c>
      <c r="B112637" s="14" t="s">
        <v>1</v>
      </c>
      <c r="C112637" s="14" t="s">
        <v>70</v>
      </c>
      <c r="D112637" s="14" t="s">
        <v>264</v>
      </c>
      <c r="E112637" s="15">
        <v>45593</v>
      </c>
      <c r="F112637" s="14" t="s">
        <v>28</v>
      </c>
      <c r="G112637" s="16">
        <v>0</v>
      </c>
    </row>
    <row r="112638" spans="1:7" x14ac:dyDescent="0.3">
      <c r="A112638" s="13" t="s">
        <v>538</v>
      </c>
      <c r="B112638" s="14" t="s">
        <v>1</v>
      </c>
      <c r="C112638" s="14" t="s">
        <v>70</v>
      </c>
      <c r="D112638" s="14" t="s">
        <v>264</v>
      </c>
      <c r="E112638" s="15">
        <v>45594</v>
      </c>
      <c r="F112638" s="14" t="s">
        <v>28</v>
      </c>
      <c r="G112638" s="16">
        <v>0</v>
      </c>
    </row>
    <row r="112639" spans="1:7" x14ac:dyDescent="0.3">
      <c r="A112639" s="13" t="s">
        <v>538</v>
      </c>
      <c r="B112639" s="14" t="s">
        <v>1</v>
      </c>
      <c r="C112639" s="14" t="s">
        <v>70</v>
      </c>
      <c r="D112639" s="14" t="s">
        <v>264</v>
      </c>
      <c r="E112639" s="15">
        <v>45595</v>
      </c>
      <c r="F112639" s="14" t="s">
        <v>28</v>
      </c>
      <c r="G112639" s="16">
        <v>0</v>
      </c>
    </row>
    <row r="112640" spans="1:7" x14ac:dyDescent="0.3">
      <c r="A112640" s="13" t="s">
        <v>538</v>
      </c>
      <c r="B112640" s="14" t="s">
        <v>1</v>
      </c>
      <c r="C112640" s="14" t="s">
        <v>70</v>
      </c>
      <c r="D112640" s="14" t="s">
        <v>264</v>
      </c>
      <c r="E112640" s="15">
        <v>45596</v>
      </c>
      <c r="F112640" s="14" t="s">
        <v>28</v>
      </c>
      <c r="G112640" s="16">
        <v>0</v>
      </c>
    </row>
    <row r="112641" spans="1:7" x14ac:dyDescent="0.3">
      <c r="A112641" s="13" t="s">
        <v>538</v>
      </c>
      <c r="B112641" s="14" t="s">
        <v>1</v>
      </c>
      <c r="C112641" s="14" t="s">
        <v>70</v>
      </c>
      <c r="D112641" s="14" t="s">
        <v>264</v>
      </c>
      <c r="E112641" s="15">
        <v>45597</v>
      </c>
      <c r="F112641" s="14" t="s">
        <v>28</v>
      </c>
      <c r="G112641" s="16">
        <v>0</v>
      </c>
    </row>
    <row r="112642" spans="1:7" x14ac:dyDescent="0.3">
      <c r="A112642" s="13" t="s">
        <v>538</v>
      </c>
      <c r="B112642" s="14" t="s">
        <v>1</v>
      </c>
      <c r="C112642" s="14" t="s">
        <v>70</v>
      </c>
      <c r="D112642" s="14" t="s">
        <v>264</v>
      </c>
      <c r="E112642" s="15">
        <v>45598</v>
      </c>
      <c r="F112642" s="14" t="s">
        <v>28</v>
      </c>
      <c r="G112642" s="16">
        <v>0</v>
      </c>
    </row>
    <row r="112643" spans="1:7" x14ac:dyDescent="0.3">
      <c r="A112643" s="13" t="s">
        <v>538</v>
      </c>
      <c r="B112643" s="14" t="s">
        <v>1</v>
      </c>
      <c r="C112643" s="14" t="s">
        <v>70</v>
      </c>
      <c r="D112643" s="14" t="s">
        <v>264</v>
      </c>
      <c r="E112643" s="15">
        <v>45599</v>
      </c>
      <c r="F112643" s="14" t="s">
        <v>28</v>
      </c>
      <c r="G112643" s="16">
        <v>0</v>
      </c>
    </row>
    <row r="112644" spans="1:7" x14ac:dyDescent="0.3">
      <c r="A112644" s="13" t="s">
        <v>538</v>
      </c>
      <c r="B112644" s="14" t="s">
        <v>1</v>
      </c>
      <c r="C112644" s="14" t="s">
        <v>70</v>
      </c>
      <c r="D112644" s="14" t="s">
        <v>264</v>
      </c>
      <c r="E112644" s="15">
        <v>45600</v>
      </c>
      <c r="F112644" s="14" t="s">
        <v>28</v>
      </c>
      <c r="G112644" s="16">
        <v>0</v>
      </c>
    </row>
    <row r="112645" spans="1:7" x14ac:dyDescent="0.3">
      <c r="A112645" s="13" t="s">
        <v>538</v>
      </c>
      <c r="B112645" s="14" t="s">
        <v>1</v>
      </c>
      <c r="C112645" s="14" t="s">
        <v>70</v>
      </c>
      <c r="D112645" s="14" t="s">
        <v>264</v>
      </c>
      <c r="E112645" s="15">
        <v>45601</v>
      </c>
      <c r="F112645" s="14" t="s">
        <v>28</v>
      </c>
      <c r="G112645" s="16">
        <v>0</v>
      </c>
    </row>
    <row r="112646" spans="1:7" x14ac:dyDescent="0.3">
      <c r="A112646" s="13" t="s">
        <v>538</v>
      </c>
      <c r="B112646" s="14" t="s">
        <v>1</v>
      </c>
      <c r="C112646" s="14" t="s">
        <v>70</v>
      </c>
      <c r="D112646" s="14" t="s">
        <v>264</v>
      </c>
      <c r="E112646" s="15">
        <v>45602</v>
      </c>
      <c r="F112646" s="14" t="s">
        <v>28</v>
      </c>
      <c r="G112646" s="16">
        <v>0</v>
      </c>
    </row>
    <row r="112647" spans="1:7" x14ac:dyDescent="0.3">
      <c r="A112647" s="13" t="s">
        <v>538</v>
      </c>
      <c r="B112647" s="14" t="s">
        <v>1</v>
      </c>
      <c r="C112647" s="14" t="s">
        <v>70</v>
      </c>
      <c r="D112647" s="14" t="s">
        <v>264</v>
      </c>
      <c r="E112647" s="15">
        <v>45603</v>
      </c>
      <c r="F112647" s="14" t="s">
        <v>28</v>
      </c>
      <c r="G112647" s="16">
        <v>0</v>
      </c>
    </row>
    <row r="112648" spans="1:7" x14ac:dyDescent="0.3">
      <c r="A112648" s="13" t="s">
        <v>538</v>
      </c>
      <c r="B112648" s="14" t="s">
        <v>1</v>
      </c>
      <c r="C112648" s="14" t="s">
        <v>70</v>
      </c>
      <c r="D112648" s="14" t="s">
        <v>264</v>
      </c>
      <c r="E112648" s="15">
        <v>45604</v>
      </c>
      <c r="F112648" s="14" t="s">
        <v>28</v>
      </c>
      <c r="G112648" s="16">
        <v>0</v>
      </c>
    </row>
    <row r="112649" spans="1:7" x14ac:dyDescent="0.3">
      <c r="A112649" s="13" t="s">
        <v>538</v>
      </c>
      <c r="B112649" s="14" t="s">
        <v>1</v>
      </c>
      <c r="C112649" s="14" t="s">
        <v>70</v>
      </c>
      <c r="D112649" s="14" t="s">
        <v>264</v>
      </c>
      <c r="E112649" s="15">
        <v>45605</v>
      </c>
      <c r="F112649" s="14" t="s">
        <v>28</v>
      </c>
      <c r="G112649" s="16">
        <v>0</v>
      </c>
    </row>
    <row r="112650" spans="1:7" x14ac:dyDescent="0.3">
      <c r="A112650" s="13" t="s">
        <v>538</v>
      </c>
      <c r="B112650" s="14" t="s">
        <v>1</v>
      </c>
      <c r="C112650" s="14" t="s">
        <v>70</v>
      </c>
      <c r="D112650" s="14" t="s">
        <v>264</v>
      </c>
      <c r="E112650" s="15">
        <v>45606</v>
      </c>
      <c r="F112650" s="14" t="s">
        <v>28</v>
      </c>
      <c r="G112650" s="16">
        <v>0</v>
      </c>
    </row>
    <row r="112651" spans="1:7" x14ac:dyDescent="0.3">
      <c r="A112651" s="13" t="s">
        <v>538</v>
      </c>
      <c r="B112651" s="14" t="s">
        <v>1</v>
      </c>
      <c r="C112651" s="14" t="s">
        <v>70</v>
      </c>
      <c r="D112651" s="14" t="s">
        <v>264</v>
      </c>
      <c r="E112651" s="15">
        <v>45607</v>
      </c>
      <c r="F112651" s="14" t="s">
        <v>28</v>
      </c>
      <c r="G112651" s="16">
        <v>0</v>
      </c>
    </row>
    <row r="112652" spans="1:7" x14ac:dyDescent="0.3">
      <c r="A112652" s="13" t="s">
        <v>538</v>
      </c>
      <c r="B112652" s="14" t="s">
        <v>1</v>
      </c>
      <c r="C112652" s="14" t="s">
        <v>70</v>
      </c>
      <c r="D112652" s="14" t="s">
        <v>264</v>
      </c>
      <c r="E112652" s="15">
        <v>45608</v>
      </c>
      <c r="F112652" s="14" t="s">
        <v>28</v>
      </c>
      <c r="G112652" s="16">
        <v>0</v>
      </c>
    </row>
    <row r="112653" spans="1:7" x14ac:dyDescent="0.3">
      <c r="A112653" s="13" t="s">
        <v>538</v>
      </c>
      <c r="B112653" s="14" t="s">
        <v>1</v>
      </c>
      <c r="C112653" s="14" t="s">
        <v>70</v>
      </c>
      <c r="D112653" s="14" t="s">
        <v>264</v>
      </c>
      <c r="E112653" s="15">
        <v>45609</v>
      </c>
      <c r="F112653" s="14" t="s">
        <v>28</v>
      </c>
      <c r="G112653" s="16">
        <v>0</v>
      </c>
    </row>
    <row r="112654" spans="1:7" x14ac:dyDescent="0.3">
      <c r="A112654" s="13" t="s">
        <v>538</v>
      </c>
      <c r="B112654" s="14" t="s">
        <v>1</v>
      </c>
      <c r="C112654" s="14" t="s">
        <v>70</v>
      </c>
      <c r="D112654" s="14" t="s">
        <v>264</v>
      </c>
      <c r="E112654" s="15">
        <v>45610</v>
      </c>
      <c r="F112654" s="14" t="s">
        <v>28</v>
      </c>
      <c r="G112654" s="16">
        <v>0</v>
      </c>
    </row>
    <row r="112655" spans="1:7" x14ac:dyDescent="0.3">
      <c r="A112655" s="13" t="s">
        <v>538</v>
      </c>
      <c r="B112655" s="14" t="s">
        <v>1</v>
      </c>
      <c r="C112655" s="14" t="s">
        <v>70</v>
      </c>
      <c r="D112655" s="14" t="s">
        <v>264</v>
      </c>
      <c r="E112655" s="15">
        <v>45611</v>
      </c>
      <c r="F112655" s="14" t="s">
        <v>28</v>
      </c>
      <c r="G112655" s="16">
        <v>0</v>
      </c>
    </row>
    <row r="112656" spans="1:7" x14ac:dyDescent="0.3">
      <c r="A112656" s="13" t="s">
        <v>538</v>
      </c>
      <c r="B112656" s="14" t="s">
        <v>1</v>
      </c>
      <c r="C112656" s="14" t="s">
        <v>70</v>
      </c>
      <c r="D112656" s="14" t="s">
        <v>264</v>
      </c>
      <c r="E112656" s="15">
        <v>45612</v>
      </c>
      <c r="F112656" s="14" t="s">
        <v>28</v>
      </c>
      <c r="G112656" s="16">
        <v>0</v>
      </c>
    </row>
    <row r="112657" spans="1:7" x14ac:dyDescent="0.3">
      <c r="A112657" s="13" t="s">
        <v>538</v>
      </c>
      <c r="B112657" s="14" t="s">
        <v>1</v>
      </c>
      <c r="C112657" s="14" t="s">
        <v>70</v>
      </c>
      <c r="D112657" s="14" t="s">
        <v>264</v>
      </c>
      <c r="E112657" s="15">
        <v>45613</v>
      </c>
      <c r="F112657" s="14" t="s">
        <v>28</v>
      </c>
      <c r="G112657" s="16">
        <v>0</v>
      </c>
    </row>
    <row r="112658" spans="1:7" x14ac:dyDescent="0.3">
      <c r="A112658" s="13" t="s">
        <v>538</v>
      </c>
      <c r="B112658" s="14" t="s">
        <v>1</v>
      </c>
      <c r="C112658" s="14" t="s">
        <v>70</v>
      </c>
      <c r="D112658" s="14" t="s">
        <v>264</v>
      </c>
      <c r="E112658" s="15">
        <v>45614</v>
      </c>
      <c r="F112658" s="14" t="s">
        <v>28</v>
      </c>
      <c r="G112658" s="16">
        <v>0</v>
      </c>
    </row>
    <row r="112659" spans="1:7" x14ac:dyDescent="0.3">
      <c r="A112659" s="13" t="s">
        <v>538</v>
      </c>
      <c r="B112659" s="14" t="s">
        <v>1</v>
      </c>
      <c r="C112659" s="14" t="s">
        <v>70</v>
      </c>
      <c r="D112659" s="14" t="s">
        <v>264</v>
      </c>
      <c r="E112659" s="15">
        <v>45615</v>
      </c>
      <c r="F112659" s="14" t="s">
        <v>28</v>
      </c>
      <c r="G112659" s="16">
        <v>0</v>
      </c>
    </row>
    <row r="112660" spans="1:7" x14ac:dyDescent="0.3">
      <c r="A112660" s="13" t="s">
        <v>538</v>
      </c>
      <c r="B112660" s="14" t="s">
        <v>1</v>
      </c>
      <c r="C112660" s="14" t="s">
        <v>70</v>
      </c>
      <c r="D112660" s="14" t="s">
        <v>264</v>
      </c>
      <c r="E112660" s="15">
        <v>45616</v>
      </c>
      <c r="F112660" s="14" t="s">
        <v>28</v>
      </c>
      <c r="G112660" s="16">
        <v>0</v>
      </c>
    </row>
    <row r="112661" spans="1:7" x14ac:dyDescent="0.3">
      <c r="A112661" s="13" t="s">
        <v>538</v>
      </c>
      <c r="B112661" s="14" t="s">
        <v>1</v>
      </c>
      <c r="C112661" s="14" t="s">
        <v>70</v>
      </c>
      <c r="D112661" s="14" t="s">
        <v>264</v>
      </c>
      <c r="E112661" s="15">
        <v>45617</v>
      </c>
      <c r="F112661" s="14" t="s">
        <v>28</v>
      </c>
      <c r="G112661" s="16">
        <v>0</v>
      </c>
    </row>
    <row r="112662" spans="1:7" x14ac:dyDescent="0.3">
      <c r="A112662" s="13" t="s">
        <v>538</v>
      </c>
      <c r="B112662" s="14" t="s">
        <v>1</v>
      </c>
      <c r="C112662" s="14" t="s">
        <v>70</v>
      </c>
      <c r="D112662" s="14" t="s">
        <v>264</v>
      </c>
      <c r="E112662" s="15">
        <v>45618</v>
      </c>
      <c r="F112662" s="14" t="s">
        <v>28</v>
      </c>
      <c r="G112662" s="16">
        <v>0</v>
      </c>
    </row>
    <row r="112663" spans="1:7" x14ac:dyDescent="0.3">
      <c r="A112663" s="13" t="s">
        <v>538</v>
      </c>
      <c r="B112663" s="14" t="s">
        <v>1</v>
      </c>
      <c r="C112663" s="14" t="s">
        <v>70</v>
      </c>
      <c r="D112663" s="14" t="s">
        <v>264</v>
      </c>
      <c r="E112663" s="15">
        <v>45619</v>
      </c>
      <c r="F112663" s="14" t="s">
        <v>28</v>
      </c>
      <c r="G112663" s="16">
        <v>0</v>
      </c>
    </row>
    <row r="112664" spans="1:7" x14ac:dyDescent="0.3">
      <c r="A112664" s="13" t="s">
        <v>538</v>
      </c>
      <c r="B112664" s="14" t="s">
        <v>1</v>
      </c>
      <c r="C112664" s="14" t="s">
        <v>70</v>
      </c>
      <c r="D112664" s="14" t="s">
        <v>264</v>
      </c>
      <c r="E112664" s="15">
        <v>45620</v>
      </c>
      <c r="F112664" s="14" t="s">
        <v>28</v>
      </c>
      <c r="G112664" s="16">
        <v>0</v>
      </c>
    </row>
    <row r="112665" spans="1:7" x14ac:dyDescent="0.3">
      <c r="A112665" s="13" t="s">
        <v>538</v>
      </c>
      <c r="B112665" s="14" t="s">
        <v>1</v>
      </c>
      <c r="C112665" s="14" t="s">
        <v>70</v>
      </c>
      <c r="D112665" s="14" t="s">
        <v>264</v>
      </c>
      <c r="E112665" s="15">
        <v>45621</v>
      </c>
      <c r="F112665" s="14" t="s">
        <v>28</v>
      </c>
      <c r="G112665" s="16">
        <v>0</v>
      </c>
    </row>
    <row r="112666" spans="1:7" x14ac:dyDescent="0.3">
      <c r="A112666" s="13" t="s">
        <v>538</v>
      </c>
      <c r="B112666" s="14" t="s">
        <v>1</v>
      </c>
      <c r="C112666" s="14" t="s">
        <v>70</v>
      </c>
      <c r="D112666" s="14" t="s">
        <v>264</v>
      </c>
      <c r="E112666" s="15">
        <v>45622</v>
      </c>
      <c r="F112666" s="14" t="s">
        <v>28</v>
      </c>
      <c r="G112666" s="16">
        <v>0</v>
      </c>
    </row>
    <row r="112667" spans="1:7" x14ac:dyDescent="0.3">
      <c r="A112667" s="13" t="s">
        <v>538</v>
      </c>
      <c r="B112667" s="14" t="s">
        <v>1</v>
      </c>
      <c r="C112667" s="14" t="s">
        <v>70</v>
      </c>
      <c r="D112667" s="14" t="s">
        <v>264</v>
      </c>
      <c r="E112667" s="15">
        <v>45623</v>
      </c>
      <c r="F112667" s="14" t="s">
        <v>28</v>
      </c>
      <c r="G112667" s="16">
        <v>0</v>
      </c>
    </row>
    <row r="112668" spans="1:7" x14ac:dyDescent="0.3">
      <c r="A112668" s="13" t="s">
        <v>538</v>
      </c>
      <c r="B112668" s="14" t="s">
        <v>1</v>
      </c>
      <c r="C112668" s="14" t="s">
        <v>70</v>
      </c>
      <c r="D112668" s="14" t="s">
        <v>264</v>
      </c>
      <c r="E112668" s="15">
        <v>45624</v>
      </c>
      <c r="F112668" s="14" t="s">
        <v>28</v>
      </c>
      <c r="G112668" s="16">
        <v>0</v>
      </c>
    </row>
    <row r="112669" spans="1:7" x14ac:dyDescent="0.3">
      <c r="A112669" s="13" t="s">
        <v>538</v>
      </c>
      <c r="B112669" s="14" t="s">
        <v>1</v>
      </c>
      <c r="C112669" s="14" t="s">
        <v>70</v>
      </c>
      <c r="D112669" s="14" t="s">
        <v>264</v>
      </c>
      <c r="E112669" s="15">
        <v>45625</v>
      </c>
      <c r="F112669" s="14" t="s">
        <v>28</v>
      </c>
      <c r="G112669" s="16">
        <v>0</v>
      </c>
    </row>
    <row r="112670" spans="1:7" x14ac:dyDescent="0.3">
      <c r="A112670" s="13" t="s">
        <v>538</v>
      </c>
      <c r="B112670" s="14" t="s">
        <v>1</v>
      </c>
      <c r="C112670" s="14" t="s">
        <v>70</v>
      </c>
      <c r="D112670" s="14" t="s">
        <v>264</v>
      </c>
      <c r="E112670" s="15">
        <v>45626</v>
      </c>
      <c r="F112670" s="14" t="s">
        <v>28</v>
      </c>
      <c r="G112670" s="16">
        <v>0</v>
      </c>
    </row>
    <row r="112671" spans="1:7" x14ac:dyDescent="0.3">
      <c r="A112671" s="13" t="s">
        <v>538</v>
      </c>
      <c r="B112671" s="14" t="s">
        <v>1</v>
      </c>
      <c r="C112671" s="14" t="s">
        <v>70</v>
      </c>
      <c r="D112671" s="14" t="s">
        <v>264</v>
      </c>
      <c r="E112671" s="15">
        <v>45627</v>
      </c>
      <c r="F112671" s="14" t="s">
        <v>28</v>
      </c>
      <c r="G112671" s="16">
        <v>0</v>
      </c>
    </row>
    <row r="112672" spans="1:7" x14ac:dyDescent="0.3">
      <c r="A112672" s="13" t="s">
        <v>538</v>
      </c>
      <c r="B112672" s="14" t="s">
        <v>1</v>
      </c>
      <c r="C112672" s="14" t="s">
        <v>70</v>
      </c>
      <c r="D112672" s="14" t="s">
        <v>264</v>
      </c>
      <c r="E112672" s="15">
        <v>45628</v>
      </c>
      <c r="F112672" s="14" t="s">
        <v>28</v>
      </c>
      <c r="G112672" s="16">
        <v>0</v>
      </c>
    </row>
    <row r="112673" spans="1:7" x14ac:dyDescent="0.3">
      <c r="A112673" s="13" t="s">
        <v>538</v>
      </c>
      <c r="B112673" s="14" t="s">
        <v>1</v>
      </c>
      <c r="C112673" s="14" t="s">
        <v>70</v>
      </c>
      <c r="D112673" s="14" t="s">
        <v>264</v>
      </c>
      <c r="E112673" s="15">
        <v>45629</v>
      </c>
      <c r="F112673" s="14" t="s">
        <v>28</v>
      </c>
      <c r="G112673" s="16">
        <v>0</v>
      </c>
    </row>
    <row r="112674" spans="1:7" x14ac:dyDescent="0.3">
      <c r="A112674" s="13" t="s">
        <v>538</v>
      </c>
      <c r="B112674" s="14" t="s">
        <v>1</v>
      </c>
      <c r="C112674" s="14" t="s">
        <v>70</v>
      </c>
      <c r="D112674" s="14" t="s">
        <v>264</v>
      </c>
      <c r="E112674" s="15">
        <v>45630</v>
      </c>
      <c r="F112674" s="14" t="s">
        <v>28</v>
      </c>
      <c r="G112674" s="16">
        <v>0</v>
      </c>
    </row>
    <row r="112675" spans="1:7" x14ac:dyDescent="0.3">
      <c r="A112675" s="13" t="s">
        <v>538</v>
      </c>
      <c r="B112675" s="14" t="s">
        <v>1</v>
      </c>
      <c r="C112675" s="14" t="s">
        <v>70</v>
      </c>
      <c r="D112675" s="14" t="s">
        <v>264</v>
      </c>
      <c r="E112675" s="15">
        <v>45631</v>
      </c>
      <c r="F112675" s="14" t="s">
        <v>28</v>
      </c>
      <c r="G112675" s="16">
        <v>0</v>
      </c>
    </row>
    <row r="112676" spans="1:7" x14ac:dyDescent="0.3">
      <c r="A112676" s="13" t="s">
        <v>538</v>
      </c>
      <c r="B112676" s="14" t="s">
        <v>1</v>
      </c>
      <c r="C112676" s="14" t="s">
        <v>70</v>
      </c>
      <c r="D112676" s="14" t="s">
        <v>264</v>
      </c>
      <c r="E112676" s="15">
        <v>45632</v>
      </c>
      <c r="F112676" s="14" t="s">
        <v>28</v>
      </c>
      <c r="G112676" s="16">
        <v>0</v>
      </c>
    </row>
    <row r="112677" spans="1:7" x14ac:dyDescent="0.3">
      <c r="A112677" s="13" t="s">
        <v>538</v>
      </c>
      <c r="B112677" s="14" t="s">
        <v>1</v>
      </c>
      <c r="C112677" s="14" t="s">
        <v>70</v>
      </c>
      <c r="D112677" s="14" t="s">
        <v>264</v>
      </c>
      <c r="E112677" s="15">
        <v>45633</v>
      </c>
      <c r="F112677" s="14" t="s">
        <v>28</v>
      </c>
      <c r="G112677" s="16">
        <v>0</v>
      </c>
    </row>
    <row r="112678" spans="1:7" x14ac:dyDescent="0.3">
      <c r="A112678" s="13" t="s">
        <v>538</v>
      </c>
      <c r="B112678" s="14" t="s">
        <v>1</v>
      </c>
      <c r="C112678" s="14" t="s">
        <v>70</v>
      </c>
      <c r="D112678" s="14" t="s">
        <v>264</v>
      </c>
      <c r="E112678" s="15">
        <v>45634</v>
      </c>
      <c r="F112678" s="14" t="s">
        <v>28</v>
      </c>
      <c r="G112678" s="16">
        <v>0</v>
      </c>
    </row>
    <row r="112679" spans="1:7" x14ac:dyDescent="0.3">
      <c r="A112679" s="13" t="s">
        <v>538</v>
      </c>
      <c r="B112679" s="14" t="s">
        <v>1</v>
      </c>
      <c r="C112679" s="14" t="s">
        <v>70</v>
      </c>
      <c r="D112679" s="14" t="s">
        <v>264</v>
      </c>
      <c r="E112679" s="15">
        <v>45635</v>
      </c>
      <c r="F112679" s="14" t="s">
        <v>28</v>
      </c>
      <c r="G112679" s="16">
        <v>0</v>
      </c>
    </row>
    <row r="112680" spans="1:7" x14ac:dyDescent="0.3">
      <c r="A112680" s="13" t="s">
        <v>538</v>
      </c>
      <c r="B112680" s="14" t="s">
        <v>1</v>
      </c>
      <c r="C112680" s="14" t="s">
        <v>70</v>
      </c>
      <c r="D112680" s="14" t="s">
        <v>264</v>
      </c>
      <c r="E112680" s="15">
        <v>45636</v>
      </c>
      <c r="F112680" s="14" t="s">
        <v>28</v>
      </c>
      <c r="G112680" s="16">
        <v>0</v>
      </c>
    </row>
    <row r="112681" spans="1:7" x14ac:dyDescent="0.3">
      <c r="A112681" s="13" t="s">
        <v>538</v>
      </c>
      <c r="B112681" s="14" t="s">
        <v>1</v>
      </c>
      <c r="C112681" s="14" t="s">
        <v>70</v>
      </c>
      <c r="D112681" s="14" t="s">
        <v>264</v>
      </c>
      <c r="E112681" s="15">
        <v>45637</v>
      </c>
      <c r="F112681" s="14" t="s">
        <v>28</v>
      </c>
      <c r="G112681" s="16">
        <v>0</v>
      </c>
    </row>
    <row r="112682" spans="1:7" x14ac:dyDescent="0.3">
      <c r="A112682" s="13" t="s">
        <v>538</v>
      </c>
      <c r="B112682" s="14" t="s">
        <v>1</v>
      </c>
      <c r="C112682" s="14" t="s">
        <v>70</v>
      </c>
      <c r="D112682" s="14" t="s">
        <v>264</v>
      </c>
      <c r="E112682" s="15">
        <v>45638</v>
      </c>
      <c r="F112682" s="14" t="s">
        <v>28</v>
      </c>
      <c r="G112682" s="16">
        <v>0</v>
      </c>
    </row>
    <row r="112683" spans="1:7" x14ac:dyDescent="0.3">
      <c r="A112683" s="13" t="s">
        <v>538</v>
      </c>
      <c r="B112683" s="14" t="s">
        <v>1</v>
      </c>
      <c r="C112683" s="14" t="s">
        <v>70</v>
      </c>
      <c r="D112683" s="14" t="s">
        <v>264</v>
      </c>
      <c r="E112683" s="15">
        <v>45639</v>
      </c>
      <c r="F112683" s="14" t="s">
        <v>28</v>
      </c>
      <c r="G112683" s="16">
        <v>0</v>
      </c>
    </row>
    <row r="112684" spans="1:7" x14ac:dyDescent="0.3">
      <c r="A112684" s="13" t="s">
        <v>538</v>
      </c>
      <c r="B112684" s="14" t="s">
        <v>1</v>
      </c>
      <c r="C112684" s="14" t="s">
        <v>70</v>
      </c>
      <c r="D112684" s="14" t="s">
        <v>264</v>
      </c>
      <c r="E112684" s="15">
        <v>45640</v>
      </c>
      <c r="F112684" s="14" t="s">
        <v>28</v>
      </c>
      <c r="G112684" s="16">
        <v>0</v>
      </c>
    </row>
    <row r="112685" spans="1:7" x14ac:dyDescent="0.3">
      <c r="A112685" s="13" t="s">
        <v>538</v>
      </c>
      <c r="B112685" s="14" t="s">
        <v>1</v>
      </c>
      <c r="C112685" s="14" t="s">
        <v>70</v>
      </c>
      <c r="D112685" s="14" t="s">
        <v>264</v>
      </c>
      <c r="E112685" s="15">
        <v>45641</v>
      </c>
      <c r="F112685" s="14" t="s">
        <v>28</v>
      </c>
      <c r="G112685" s="16">
        <v>0</v>
      </c>
    </row>
    <row r="112686" spans="1:7" x14ac:dyDescent="0.3">
      <c r="A112686" s="13" t="s">
        <v>538</v>
      </c>
      <c r="B112686" s="14" t="s">
        <v>1</v>
      </c>
      <c r="C112686" s="14" t="s">
        <v>70</v>
      </c>
      <c r="D112686" s="14" t="s">
        <v>264</v>
      </c>
      <c r="E112686" s="15">
        <v>45642</v>
      </c>
      <c r="F112686" s="14" t="s">
        <v>28</v>
      </c>
      <c r="G112686" s="16">
        <v>0</v>
      </c>
    </row>
    <row r="112687" spans="1:7" x14ac:dyDescent="0.3">
      <c r="A112687" s="13" t="s">
        <v>538</v>
      </c>
      <c r="B112687" s="14" t="s">
        <v>1</v>
      </c>
      <c r="C112687" s="14" t="s">
        <v>70</v>
      </c>
      <c r="D112687" s="14" t="s">
        <v>264</v>
      </c>
      <c r="E112687" s="15">
        <v>45643</v>
      </c>
      <c r="F112687" s="14" t="s">
        <v>28</v>
      </c>
      <c r="G112687" s="16">
        <v>0</v>
      </c>
    </row>
    <row r="112688" spans="1:7" x14ac:dyDescent="0.3">
      <c r="A112688" s="13" t="s">
        <v>538</v>
      </c>
      <c r="B112688" s="14" t="s">
        <v>1</v>
      </c>
      <c r="C112688" s="14" t="s">
        <v>70</v>
      </c>
      <c r="D112688" s="14" t="s">
        <v>264</v>
      </c>
      <c r="E112688" s="15">
        <v>45644</v>
      </c>
      <c r="F112688" s="14" t="s">
        <v>28</v>
      </c>
      <c r="G112688" s="16">
        <v>0</v>
      </c>
    </row>
    <row r="112689" spans="1:7" x14ac:dyDescent="0.3">
      <c r="A112689" s="13" t="s">
        <v>538</v>
      </c>
      <c r="B112689" s="14" t="s">
        <v>1</v>
      </c>
      <c r="C112689" s="14" t="s">
        <v>70</v>
      </c>
      <c r="D112689" s="14" t="s">
        <v>264</v>
      </c>
      <c r="E112689" s="15">
        <v>45645</v>
      </c>
      <c r="F112689" s="14" t="s">
        <v>28</v>
      </c>
      <c r="G112689" s="16">
        <v>0</v>
      </c>
    </row>
    <row r="112690" spans="1:7" x14ac:dyDescent="0.3">
      <c r="A112690" s="13" t="s">
        <v>538</v>
      </c>
      <c r="B112690" s="14" t="s">
        <v>1</v>
      </c>
      <c r="C112690" s="14" t="s">
        <v>70</v>
      </c>
      <c r="D112690" s="14" t="s">
        <v>264</v>
      </c>
      <c r="E112690" s="15">
        <v>45646</v>
      </c>
      <c r="F112690" s="14" t="s">
        <v>28</v>
      </c>
      <c r="G112690" s="16">
        <v>0</v>
      </c>
    </row>
    <row r="112691" spans="1:7" x14ac:dyDescent="0.3">
      <c r="A112691" s="13" t="s">
        <v>538</v>
      </c>
      <c r="B112691" s="14" t="s">
        <v>1</v>
      </c>
      <c r="C112691" s="14" t="s">
        <v>70</v>
      </c>
      <c r="D112691" s="14" t="s">
        <v>264</v>
      </c>
      <c r="E112691" s="15">
        <v>45647</v>
      </c>
      <c r="F112691" s="14" t="s">
        <v>28</v>
      </c>
      <c r="G112691" s="16">
        <v>0</v>
      </c>
    </row>
    <row r="112692" spans="1:7" x14ac:dyDescent="0.3">
      <c r="A112692" s="13" t="s">
        <v>538</v>
      </c>
      <c r="B112692" s="14" t="s">
        <v>1</v>
      </c>
      <c r="C112692" s="14" t="s">
        <v>70</v>
      </c>
      <c r="D112692" s="14" t="s">
        <v>264</v>
      </c>
      <c r="E112692" s="15">
        <v>45648</v>
      </c>
      <c r="F112692" s="14" t="s">
        <v>28</v>
      </c>
      <c r="G112692" s="16">
        <v>0</v>
      </c>
    </row>
    <row r="112693" spans="1:7" x14ac:dyDescent="0.3">
      <c r="A112693" s="13" t="s">
        <v>538</v>
      </c>
      <c r="B112693" s="14" t="s">
        <v>1</v>
      </c>
      <c r="C112693" s="14" t="s">
        <v>70</v>
      </c>
      <c r="D112693" s="14" t="s">
        <v>264</v>
      </c>
      <c r="E112693" s="15">
        <v>45649</v>
      </c>
      <c r="F112693" s="14" t="s">
        <v>28</v>
      </c>
      <c r="G112693" s="16">
        <v>0</v>
      </c>
    </row>
    <row r="112694" spans="1:7" x14ac:dyDescent="0.3">
      <c r="A112694" s="13" t="s">
        <v>538</v>
      </c>
      <c r="B112694" s="14" t="s">
        <v>1</v>
      </c>
      <c r="C112694" s="14" t="s">
        <v>70</v>
      </c>
      <c r="D112694" s="14" t="s">
        <v>264</v>
      </c>
      <c r="E112694" s="15">
        <v>45650</v>
      </c>
      <c r="F112694" s="14" t="s">
        <v>28</v>
      </c>
      <c r="G112694" s="16">
        <v>0</v>
      </c>
    </row>
    <row r="112695" spans="1:7" x14ac:dyDescent="0.3">
      <c r="A112695" s="13" t="s">
        <v>538</v>
      </c>
      <c r="B112695" s="14" t="s">
        <v>1</v>
      </c>
      <c r="C112695" s="14" t="s">
        <v>70</v>
      </c>
      <c r="D112695" s="14" t="s">
        <v>264</v>
      </c>
      <c r="E112695" s="15">
        <v>45651</v>
      </c>
      <c r="F112695" s="14" t="s">
        <v>28</v>
      </c>
      <c r="G112695" s="16">
        <v>0</v>
      </c>
    </row>
    <row r="112696" spans="1:7" x14ac:dyDescent="0.3">
      <c r="A112696" s="13" t="s">
        <v>538</v>
      </c>
      <c r="B112696" s="14" t="s">
        <v>1</v>
      </c>
      <c r="C112696" s="14" t="s">
        <v>70</v>
      </c>
      <c r="D112696" s="14" t="s">
        <v>264</v>
      </c>
      <c r="E112696" s="15">
        <v>45652</v>
      </c>
      <c r="F112696" s="14" t="s">
        <v>28</v>
      </c>
      <c r="G112696" s="16">
        <v>0</v>
      </c>
    </row>
    <row r="112697" spans="1:7" x14ac:dyDescent="0.3">
      <c r="A112697" s="13" t="s">
        <v>538</v>
      </c>
      <c r="B112697" s="14" t="s">
        <v>1</v>
      </c>
      <c r="C112697" s="14" t="s">
        <v>70</v>
      </c>
      <c r="D112697" s="14" t="s">
        <v>264</v>
      </c>
      <c r="E112697" s="15">
        <v>45653</v>
      </c>
      <c r="F112697" s="14" t="s">
        <v>28</v>
      </c>
      <c r="G112697" s="16">
        <v>0</v>
      </c>
    </row>
    <row r="112698" spans="1:7" x14ac:dyDescent="0.3">
      <c r="A112698" s="13" t="s">
        <v>538</v>
      </c>
      <c r="B112698" s="14" t="s">
        <v>1</v>
      </c>
      <c r="C112698" s="14" t="s">
        <v>70</v>
      </c>
      <c r="D112698" s="14" t="s">
        <v>264</v>
      </c>
      <c r="E112698" s="15">
        <v>45654</v>
      </c>
      <c r="F112698" s="14" t="s">
        <v>28</v>
      </c>
      <c r="G112698" s="16">
        <v>0</v>
      </c>
    </row>
    <row r="112699" spans="1:7" x14ac:dyDescent="0.3">
      <c r="A112699" s="13" t="s">
        <v>538</v>
      </c>
      <c r="B112699" s="14" t="s">
        <v>1</v>
      </c>
      <c r="C112699" s="14" t="s">
        <v>70</v>
      </c>
      <c r="D112699" s="14" t="s">
        <v>264</v>
      </c>
      <c r="E112699" s="15">
        <v>45655</v>
      </c>
      <c r="F112699" s="14" t="s">
        <v>28</v>
      </c>
      <c r="G112699" s="16">
        <v>0</v>
      </c>
    </row>
    <row r="112700" spans="1:7" x14ac:dyDescent="0.3">
      <c r="A112700" s="13" t="s">
        <v>538</v>
      </c>
      <c r="B112700" s="14" t="s">
        <v>1</v>
      </c>
      <c r="C112700" s="14" t="s">
        <v>70</v>
      </c>
      <c r="D112700" s="14" t="s">
        <v>264</v>
      </c>
      <c r="E112700" s="15">
        <v>45656</v>
      </c>
      <c r="F112700" s="14" t="s">
        <v>28</v>
      </c>
      <c r="G112700" s="16">
        <v>0</v>
      </c>
    </row>
    <row r="112701" spans="1:7" x14ac:dyDescent="0.3">
      <c r="A112701" s="13" t="s">
        <v>538</v>
      </c>
      <c r="B112701" s="14" t="s">
        <v>1</v>
      </c>
      <c r="C112701" s="14" t="s">
        <v>70</v>
      </c>
      <c r="D112701" s="14" t="s">
        <v>264</v>
      </c>
      <c r="E112701" s="15">
        <v>45657</v>
      </c>
      <c r="F112701" s="14" t="s">
        <v>28</v>
      </c>
      <c r="G112701" s="16">
        <v>0</v>
      </c>
    </row>
    <row r="112702" spans="1:7" x14ac:dyDescent="0.3">
      <c r="A112702" s="13" t="s">
        <v>538</v>
      </c>
      <c r="B112702" s="14" t="s">
        <v>1</v>
      </c>
      <c r="C112702" s="14" t="s">
        <v>70</v>
      </c>
      <c r="D112702" s="14" t="s">
        <v>264</v>
      </c>
      <c r="E112702" s="15">
        <v>45658</v>
      </c>
      <c r="F112702" s="14" t="s">
        <v>28</v>
      </c>
      <c r="G112702" s="16">
        <v>0</v>
      </c>
    </row>
    <row r="112703" spans="1:7" x14ac:dyDescent="0.3">
      <c r="A112703" s="13" t="s">
        <v>538</v>
      </c>
      <c r="B112703" s="14" t="s">
        <v>1</v>
      </c>
      <c r="C112703" s="14" t="s">
        <v>70</v>
      </c>
      <c r="D112703" s="14" t="s">
        <v>264</v>
      </c>
      <c r="E112703" s="15">
        <v>45659</v>
      </c>
      <c r="F112703" s="14" t="s">
        <v>28</v>
      </c>
      <c r="G112703" s="16">
        <v>0</v>
      </c>
    </row>
    <row r="112704" spans="1:7" x14ac:dyDescent="0.3">
      <c r="A112704" s="13" t="s">
        <v>538</v>
      </c>
      <c r="B112704" s="14" t="s">
        <v>1</v>
      </c>
      <c r="C112704" s="14" t="s">
        <v>70</v>
      </c>
      <c r="D112704" s="14" t="s">
        <v>264</v>
      </c>
      <c r="E112704" s="15">
        <v>45660</v>
      </c>
      <c r="F112704" s="14" t="s">
        <v>28</v>
      </c>
      <c r="G112704" s="16">
        <v>0</v>
      </c>
    </row>
    <row r="112705" spans="1:7" x14ac:dyDescent="0.3">
      <c r="A112705" s="13" t="s">
        <v>538</v>
      </c>
      <c r="B112705" s="14" t="s">
        <v>1</v>
      </c>
      <c r="C112705" s="14" t="s">
        <v>70</v>
      </c>
      <c r="D112705" s="14" t="s">
        <v>264</v>
      </c>
      <c r="E112705" s="15">
        <v>45661</v>
      </c>
      <c r="F112705" s="14" t="s">
        <v>28</v>
      </c>
      <c r="G112705" s="16">
        <v>0</v>
      </c>
    </row>
    <row r="112706" spans="1:7" x14ac:dyDescent="0.3">
      <c r="A112706" s="13" t="s">
        <v>538</v>
      </c>
      <c r="B112706" s="14" t="s">
        <v>1</v>
      </c>
      <c r="C112706" s="14" t="s">
        <v>70</v>
      </c>
      <c r="D112706" s="14" t="s">
        <v>264</v>
      </c>
      <c r="E112706" s="15">
        <v>45662</v>
      </c>
      <c r="F112706" s="14" t="s">
        <v>28</v>
      </c>
      <c r="G112706" s="16">
        <v>0</v>
      </c>
    </row>
    <row r="112707" spans="1:7" x14ac:dyDescent="0.3">
      <c r="A112707" s="13" t="s">
        <v>538</v>
      </c>
      <c r="B112707" s="14" t="s">
        <v>1</v>
      </c>
      <c r="C112707" s="14" t="s">
        <v>70</v>
      </c>
      <c r="D112707" s="14" t="s">
        <v>264</v>
      </c>
      <c r="E112707" s="15">
        <v>45663</v>
      </c>
      <c r="F112707" s="14" t="s">
        <v>28</v>
      </c>
      <c r="G112707" s="16">
        <v>0</v>
      </c>
    </row>
    <row r="112708" spans="1:7" x14ac:dyDescent="0.3">
      <c r="A112708" s="13" t="s">
        <v>538</v>
      </c>
      <c r="B112708" s="14" t="s">
        <v>1</v>
      </c>
      <c r="C112708" s="14" t="s">
        <v>70</v>
      </c>
      <c r="D112708" s="14" t="s">
        <v>264</v>
      </c>
      <c r="E112708" s="15">
        <v>45664</v>
      </c>
      <c r="F112708" s="14" t="s">
        <v>28</v>
      </c>
      <c r="G112708" s="16">
        <v>0</v>
      </c>
    </row>
    <row r="112709" spans="1:7" x14ac:dyDescent="0.3">
      <c r="A112709" s="13" t="s">
        <v>538</v>
      </c>
      <c r="B112709" s="14" t="s">
        <v>1</v>
      </c>
      <c r="C112709" s="14" t="s">
        <v>70</v>
      </c>
      <c r="D112709" s="14" t="s">
        <v>264</v>
      </c>
      <c r="E112709" s="15">
        <v>45665</v>
      </c>
      <c r="F112709" s="14" t="s">
        <v>28</v>
      </c>
      <c r="G112709" s="16">
        <v>0</v>
      </c>
    </row>
    <row r="112710" spans="1:7" x14ac:dyDescent="0.3">
      <c r="A112710" s="13" t="s">
        <v>538</v>
      </c>
      <c r="B112710" s="14" t="s">
        <v>1</v>
      </c>
      <c r="C112710" s="14" t="s">
        <v>70</v>
      </c>
      <c r="D112710" s="14" t="s">
        <v>264</v>
      </c>
      <c r="E112710" s="15">
        <v>45666</v>
      </c>
      <c r="F112710" s="14" t="s">
        <v>28</v>
      </c>
      <c r="G112710" s="16">
        <v>0</v>
      </c>
    </row>
    <row r="112711" spans="1:7" x14ac:dyDescent="0.3">
      <c r="A112711" s="13" t="s">
        <v>538</v>
      </c>
      <c r="B112711" s="14" t="s">
        <v>1</v>
      </c>
      <c r="C112711" s="14" t="s">
        <v>70</v>
      </c>
      <c r="D112711" s="14" t="s">
        <v>264</v>
      </c>
      <c r="E112711" s="15">
        <v>45667</v>
      </c>
      <c r="F112711" s="14" t="s">
        <v>28</v>
      </c>
      <c r="G112711" s="16">
        <v>0</v>
      </c>
    </row>
    <row r="112712" spans="1:7" x14ac:dyDescent="0.3">
      <c r="A112712" s="13" t="s">
        <v>538</v>
      </c>
      <c r="B112712" s="14" t="s">
        <v>1</v>
      </c>
      <c r="C112712" s="14" t="s">
        <v>70</v>
      </c>
      <c r="D112712" s="14" t="s">
        <v>264</v>
      </c>
      <c r="E112712" s="15">
        <v>45668</v>
      </c>
      <c r="F112712" s="14" t="s">
        <v>28</v>
      </c>
      <c r="G112712" s="16">
        <v>0</v>
      </c>
    </row>
    <row r="112713" spans="1:7" x14ac:dyDescent="0.3">
      <c r="A112713" s="13" t="s">
        <v>538</v>
      </c>
      <c r="B112713" s="14" t="s">
        <v>1</v>
      </c>
      <c r="C112713" s="14" t="s">
        <v>70</v>
      </c>
      <c r="D112713" s="14" t="s">
        <v>264</v>
      </c>
      <c r="E112713" s="15">
        <v>45669</v>
      </c>
      <c r="F112713" s="14" t="s">
        <v>28</v>
      </c>
      <c r="G112713" s="16">
        <v>0</v>
      </c>
    </row>
    <row r="112714" spans="1:7" x14ac:dyDescent="0.3">
      <c r="A112714" s="13" t="s">
        <v>538</v>
      </c>
      <c r="B112714" s="14" t="s">
        <v>1</v>
      </c>
      <c r="C112714" s="14" t="s">
        <v>70</v>
      </c>
      <c r="D112714" s="14" t="s">
        <v>264</v>
      </c>
      <c r="E112714" s="15">
        <v>45670</v>
      </c>
      <c r="F112714" s="14" t="s">
        <v>28</v>
      </c>
      <c r="G112714" s="16">
        <v>0</v>
      </c>
    </row>
    <row r="112715" spans="1:7" x14ac:dyDescent="0.3">
      <c r="A112715" s="13" t="s">
        <v>538</v>
      </c>
      <c r="B112715" s="14" t="s">
        <v>1</v>
      </c>
      <c r="C112715" s="14" t="s">
        <v>70</v>
      </c>
      <c r="D112715" s="14" t="s">
        <v>264</v>
      </c>
      <c r="E112715" s="15">
        <v>45671</v>
      </c>
      <c r="F112715" s="14" t="s">
        <v>28</v>
      </c>
      <c r="G112715" s="16">
        <v>0</v>
      </c>
    </row>
    <row r="112716" spans="1:7" x14ac:dyDescent="0.3">
      <c r="A112716" s="13" t="s">
        <v>538</v>
      </c>
      <c r="B112716" s="14" t="s">
        <v>1</v>
      </c>
      <c r="C112716" s="14" t="s">
        <v>70</v>
      </c>
      <c r="D112716" s="14" t="s">
        <v>264</v>
      </c>
      <c r="E112716" s="15">
        <v>45672</v>
      </c>
      <c r="F112716" s="14" t="s">
        <v>28</v>
      </c>
      <c r="G112716" s="16">
        <v>0</v>
      </c>
    </row>
    <row r="112717" spans="1:7" x14ac:dyDescent="0.3">
      <c r="A112717" s="13" t="s">
        <v>538</v>
      </c>
      <c r="B112717" s="14" t="s">
        <v>1</v>
      </c>
      <c r="C112717" s="14" t="s">
        <v>70</v>
      </c>
      <c r="D112717" s="14" t="s">
        <v>264</v>
      </c>
      <c r="E112717" s="15">
        <v>45673</v>
      </c>
      <c r="F112717" s="14" t="s">
        <v>28</v>
      </c>
      <c r="G112717" s="16">
        <v>0</v>
      </c>
    </row>
    <row r="112718" spans="1:7" x14ac:dyDescent="0.3">
      <c r="A112718" s="13" t="s">
        <v>538</v>
      </c>
      <c r="B112718" s="14" t="s">
        <v>1</v>
      </c>
      <c r="C112718" s="14" t="s">
        <v>70</v>
      </c>
      <c r="D112718" s="14" t="s">
        <v>264</v>
      </c>
      <c r="E112718" s="15">
        <v>45674</v>
      </c>
      <c r="F112718" s="14" t="s">
        <v>28</v>
      </c>
      <c r="G112718" s="16">
        <v>0</v>
      </c>
    </row>
    <row r="112719" spans="1:7" x14ac:dyDescent="0.3">
      <c r="A112719" s="13" t="s">
        <v>538</v>
      </c>
      <c r="B112719" s="14" t="s">
        <v>1</v>
      </c>
      <c r="C112719" s="14" t="s">
        <v>70</v>
      </c>
      <c r="D112719" s="14" t="s">
        <v>264</v>
      </c>
      <c r="E112719" s="15">
        <v>45675</v>
      </c>
      <c r="F112719" s="14" t="s">
        <v>28</v>
      </c>
      <c r="G112719" s="16">
        <v>0</v>
      </c>
    </row>
    <row r="112720" spans="1:7" x14ac:dyDescent="0.3">
      <c r="A112720" s="13" t="s">
        <v>538</v>
      </c>
      <c r="B112720" s="14" t="s">
        <v>1</v>
      </c>
      <c r="C112720" s="14" t="s">
        <v>70</v>
      </c>
      <c r="D112720" s="14" t="s">
        <v>264</v>
      </c>
      <c r="E112720" s="15">
        <v>45676</v>
      </c>
      <c r="F112720" s="14" t="s">
        <v>28</v>
      </c>
      <c r="G112720" s="16">
        <v>0</v>
      </c>
    </row>
    <row r="112721" spans="1:7" x14ac:dyDescent="0.3">
      <c r="A112721" s="13" t="s">
        <v>538</v>
      </c>
      <c r="B112721" s="14" t="s">
        <v>1</v>
      </c>
      <c r="C112721" s="14" t="s">
        <v>70</v>
      </c>
      <c r="D112721" s="14" t="s">
        <v>264</v>
      </c>
      <c r="E112721" s="15">
        <v>45677</v>
      </c>
      <c r="F112721" s="14" t="s">
        <v>28</v>
      </c>
      <c r="G112721" s="16">
        <v>0</v>
      </c>
    </row>
    <row r="112722" spans="1:7" x14ac:dyDescent="0.3">
      <c r="A112722" s="13" t="s">
        <v>538</v>
      </c>
      <c r="B112722" s="14" t="s">
        <v>1</v>
      </c>
      <c r="C112722" s="14" t="s">
        <v>70</v>
      </c>
      <c r="D112722" s="14" t="s">
        <v>264</v>
      </c>
      <c r="E112722" s="15">
        <v>45678</v>
      </c>
      <c r="F112722" s="14" t="s">
        <v>28</v>
      </c>
      <c r="G112722" s="16">
        <v>0</v>
      </c>
    </row>
    <row r="112723" spans="1:7" x14ac:dyDescent="0.3">
      <c r="A112723" s="13" t="s">
        <v>538</v>
      </c>
      <c r="B112723" s="14" t="s">
        <v>1</v>
      </c>
      <c r="C112723" s="14" t="s">
        <v>70</v>
      </c>
      <c r="D112723" s="14" t="s">
        <v>264</v>
      </c>
      <c r="E112723" s="15">
        <v>45679</v>
      </c>
      <c r="F112723" s="14" t="s">
        <v>28</v>
      </c>
      <c r="G112723" s="16">
        <v>0</v>
      </c>
    </row>
    <row r="112724" spans="1:7" x14ac:dyDescent="0.3">
      <c r="A112724" s="13" t="s">
        <v>538</v>
      </c>
      <c r="B112724" s="14" t="s">
        <v>1</v>
      </c>
      <c r="C112724" s="14" t="s">
        <v>70</v>
      </c>
      <c r="D112724" s="14" t="s">
        <v>264</v>
      </c>
      <c r="E112724" s="15">
        <v>45680</v>
      </c>
      <c r="F112724" s="14" t="s">
        <v>28</v>
      </c>
      <c r="G112724" s="16">
        <v>0</v>
      </c>
    </row>
    <row r="112725" spans="1:7" x14ac:dyDescent="0.3">
      <c r="A112725" s="13" t="s">
        <v>538</v>
      </c>
      <c r="B112725" s="14" t="s">
        <v>1</v>
      </c>
      <c r="C112725" s="14" t="s">
        <v>70</v>
      </c>
      <c r="D112725" s="14" t="s">
        <v>264</v>
      </c>
      <c r="E112725" s="15">
        <v>45681</v>
      </c>
      <c r="F112725" s="14" t="s">
        <v>28</v>
      </c>
      <c r="G112725" s="16">
        <v>0</v>
      </c>
    </row>
    <row r="112726" spans="1:7" x14ac:dyDescent="0.3">
      <c r="A112726" s="13" t="s">
        <v>538</v>
      </c>
      <c r="B112726" s="14" t="s">
        <v>1</v>
      </c>
      <c r="C112726" s="14" t="s">
        <v>70</v>
      </c>
      <c r="D112726" s="14" t="s">
        <v>264</v>
      </c>
      <c r="E112726" s="15">
        <v>45682</v>
      </c>
      <c r="F112726" s="14" t="s">
        <v>28</v>
      </c>
      <c r="G112726" s="16">
        <v>0</v>
      </c>
    </row>
    <row r="112727" spans="1:7" x14ac:dyDescent="0.3">
      <c r="A112727" s="13" t="s">
        <v>538</v>
      </c>
      <c r="B112727" s="14" t="s">
        <v>1</v>
      </c>
      <c r="C112727" s="14" t="s">
        <v>70</v>
      </c>
      <c r="D112727" s="14" t="s">
        <v>264</v>
      </c>
      <c r="E112727" s="15">
        <v>45683</v>
      </c>
      <c r="F112727" s="14" t="s">
        <v>28</v>
      </c>
      <c r="G112727" s="16">
        <v>0</v>
      </c>
    </row>
    <row r="112728" spans="1:7" x14ac:dyDescent="0.3">
      <c r="A112728" s="13" t="s">
        <v>538</v>
      </c>
      <c r="B112728" s="14" t="s">
        <v>1</v>
      </c>
      <c r="C112728" s="14" t="s">
        <v>70</v>
      </c>
      <c r="D112728" s="14" t="s">
        <v>264</v>
      </c>
      <c r="E112728" s="15">
        <v>45684</v>
      </c>
      <c r="F112728" s="14" t="s">
        <v>28</v>
      </c>
      <c r="G112728" s="16">
        <v>0</v>
      </c>
    </row>
    <row r="112729" spans="1:7" x14ac:dyDescent="0.3">
      <c r="A112729" s="13" t="s">
        <v>538</v>
      </c>
      <c r="B112729" s="14" t="s">
        <v>1</v>
      </c>
      <c r="C112729" s="14" t="s">
        <v>70</v>
      </c>
      <c r="D112729" s="14" t="s">
        <v>264</v>
      </c>
      <c r="E112729" s="15">
        <v>45685</v>
      </c>
      <c r="F112729" s="14" t="s">
        <v>28</v>
      </c>
      <c r="G112729" s="16">
        <v>0</v>
      </c>
    </row>
    <row r="112730" spans="1:7" x14ac:dyDescent="0.3">
      <c r="A112730" s="13" t="s">
        <v>538</v>
      </c>
      <c r="B112730" s="14" t="s">
        <v>1</v>
      </c>
      <c r="C112730" s="14" t="s">
        <v>70</v>
      </c>
      <c r="D112730" s="14" t="s">
        <v>264</v>
      </c>
      <c r="E112730" s="15">
        <v>45686</v>
      </c>
      <c r="F112730" s="14" t="s">
        <v>28</v>
      </c>
      <c r="G112730" s="16">
        <v>0</v>
      </c>
    </row>
    <row r="112731" spans="1:7" x14ac:dyDescent="0.3">
      <c r="A112731" s="13" t="s">
        <v>538</v>
      </c>
      <c r="B112731" s="14" t="s">
        <v>1</v>
      </c>
      <c r="C112731" s="14" t="s">
        <v>70</v>
      </c>
      <c r="D112731" s="14" t="s">
        <v>264</v>
      </c>
      <c r="E112731" s="15">
        <v>45687</v>
      </c>
      <c r="F112731" s="14" t="s">
        <v>28</v>
      </c>
      <c r="G112731" s="16">
        <v>0</v>
      </c>
    </row>
    <row r="112732" spans="1:7" x14ac:dyDescent="0.3">
      <c r="A112732" s="13" t="s">
        <v>538</v>
      </c>
      <c r="B112732" s="14" t="s">
        <v>1</v>
      </c>
      <c r="C112732" s="14" t="s">
        <v>70</v>
      </c>
      <c r="D112732" s="14" t="s">
        <v>264</v>
      </c>
      <c r="E112732" s="15">
        <v>45688</v>
      </c>
      <c r="F112732" s="14" t="s">
        <v>28</v>
      </c>
      <c r="G112732" s="16">
        <v>0</v>
      </c>
    </row>
    <row r="112733" spans="1:7" x14ac:dyDescent="0.3">
      <c r="A112733" s="13" t="s">
        <v>538</v>
      </c>
      <c r="B112733" s="14" t="s">
        <v>1</v>
      </c>
      <c r="C112733" s="14" t="s">
        <v>70</v>
      </c>
      <c r="D112733" s="14" t="s">
        <v>264</v>
      </c>
      <c r="E112733" s="15">
        <v>45689</v>
      </c>
      <c r="F112733" s="14" t="s">
        <v>28</v>
      </c>
      <c r="G112733" s="16">
        <v>0</v>
      </c>
    </row>
    <row r="112734" spans="1:7" x14ac:dyDescent="0.3">
      <c r="A112734" s="13" t="s">
        <v>538</v>
      </c>
      <c r="B112734" s="14" t="s">
        <v>1</v>
      </c>
      <c r="C112734" s="14" t="s">
        <v>70</v>
      </c>
      <c r="D112734" s="14" t="s">
        <v>264</v>
      </c>
      <c r="E112734" s="15">
        <v>45690</v>
      </c>
      <c r="F112734" s="14" t="s">
        <v>28</v>
      </c>
      <c r="G112734" s="16">
        <v>0</v>
      </c>
    </row>
    <row r="112735" spans="1:7" x14ac:dyDescent="0.3">
      <c r="A112735" s="13" t="s">
        <v>538</v>
      </c>
      <c r="B112735" s="14" t="s">
        <v>1</v>
      </c>
      <c r="C112735" s="14" t="s">
        <v>70</v>
      </c>
      <c r="D112735" s="14" t="s">
        <v>264</v>
      </c>
      <c r="E112735" s="15">
        <v>45691</v>
      </c>
      <c r="F112735" s="14" t="s">
        <v>28</v>
      </c>
      <c r="G112735" s="16">
        <v>0</v>
      </c>
    </row>
    <row r="112736" spans="1:7" x14ac:dyDescent="0.3">
      <c r="A112736" s="13" t="s">
        <v>538</v>
      </c>
      <c r="B112736" s="14" t="s">
        <v>1</v>
      </c>
      <c r="C112736" s="14" t="s">
        <v>70</v>
      </c>
      <c r="D112736" s="14" t="s">
        <v>264</v>
      </c>
      <c r="E112736" s="15">
        <v>45692</v>
      </c>
      <c r="F112736" s="14" t="s">
        <v>28</v>
      </c>
      <c r="G112736" s="16">
        <v>0</v>
      </c>
    </row>
    <row r="112737" spans="1:7" x14ac:dyDescent="0.3">
      <c r="A112737" s="13" t="s">
        <v>538</v>
      </c>
      <c r="B112737" s="14" t="s">
        <v>1</v>
      </c>
      <c r="C112737" s="14" t="s">
        <v>70</v>
      </c>
      <c r="D112737" s="14" t="s">
        <v>264</v>
      </c>
      <c r="E112737" s="15">
        <v>45693</v>
      </c>
      <c r="F112737" s="14" t="s">
        <v>28</v>
      </c>
      <c r="G112737" s="16">
        <v>0</v>
      </c>
    </row>
    <row r="112738" spans="1:7" x14ac:dyDescent="0.3">
      <c r="A112738" s="13" t="s">
        <v>538</v>
      </c>
      <c r="B112738" s="14" t="s">
        <v>1</v>
      </c>
      <c r="C112738" s="14" t="s">
        <v>70</v>
      </c>
      <c r="D112738" s="14" t="s">
        <v>264</v>
      </c>
      <c r="E112738" s="15">
        <v>45694</v>
      </c>
      <c r="F112738" s="14" t="s">
        <v>28</v>
      </c>
      <c r="G112738" s="16">
        <v>0</v>
      </c>
    </row>
    <row r="112739" spans="1:7" x14ac:dyDescent="0.3">
      <c r="A112739" s="13" t="s">
        <v>538</v>
      </c>
      <c r="B112739" s="14" t="s">
        <v>1</v>
      </c>
      <c r="C112739" s="14" t="s">
        <v>70</v>
      </c>
      <c r="D112739" s="14" t="s">
        <v>264</v>
      </c>
      <c r="E112739" s="15">
        <v>45695</v>
      </c>
      <c r="F112739" s="14" t="s">
        <v>28</v>
      </c>
      <c r="G112739" s="16">
        <v>0</v>
      </c>
    </row>
    <row r="112740" spans="1:7" x14ac:dyDescent="0.3">
      <c r="A112740" s="13" t="s">
        <v>538</v>
      </c>
      <c r="B112740" s="14" t="s">
        <v>1</v>
      </c>
      <c r="C112740" s="14" t="s">
        <v>70</v>
      </c>
      <c r="D112740" s="14" t="s">
        <v>264</v>
      </c>
      <c r="E112740" s="15">
        <v>45696</v>
      </c>
      <c r="F112740" s="14" t="s">
        <v>28</v>
      </c>
      <c r="G112740" s="16">
        <v>0</v>
      </c>
    </row>
    <row r="112741" spans="1:7" x14ac:dyDescent="0.3">
      <c r="A112741" s="13" t="s">
        <v>538</v>
      </c>
      <c r="B112741" s="14" t="s">
        <v>1</v>
      </c>
      <c r="C112741" s="14" t="s">
        <v>70</v>
      </c>
      <c r="D112741" s="14" t="s">
        <v>264</v>
      </c>
      <c r="E112741" s="15">
        <v>45697</v>
      </c>
      <c r="F112741" s="14" t="s">
        <v>28</v>
      </c>
      <c r="G112741" s="16">
        <v>0</v>
      </c>
    </row>
    <row r="112742" spans="1:7" x14ac:dyDescent="0.3">
      <c r="A112742" s="13" t="s">
        <v>538</v>
      </c>
      <c r="B112742" s="14" t="s">
        <v>1</v>
      </c>
      <c r="C112742" s="14" t="s">
        <v>70</v>
      </c>
      <c r="D112742" s="14" t="s">
        <v>264</v>
      </c>
      <c r="E112742" s="15">
        <v>45698</v>
      </c>
      <c r="F112742" s="14" t="s">
        <v>28</v>
      </c>
      <c r="G112742" s="16">
        <v>0</v>
      </c>
    </row>
    <row r="112743" spans="1:7" x14ac:dyDescent="0.3">
      <c r="A112743" s="13" t="s">
        <v>538</v>
      </c>
      <c r="B112743" s="14" t="s">
        <v>1</v>
      </c>
      <c r="C112743" s="14" t="s">
        <v>70</v>
      </c>
      <c r="D112743" s="14" t="s">
        <v>264</v>
      </c>
      <c r="E112743" s="15">
        <v>45699</v>
      </c>
      <c r="F112743" s="14" t="s">
        <v>28</v>
      </c>
      <c r="G112743" s="16">
        <v>0</v>
      </c>
    </row>
    <row r="112744" spans="1:7" x14ac:dyDescent="0.3">
      <c r="A112744" s="13" t="s">
        <v>538</v>
      </c>
      <c r="B112744" s="14" t="s">
        <v>1</v>
      </c>
      <c r="C112744" s="14" t="s">
        <v>70</v>
      </c>
      <c r="D112744" s="14" t="s">
        <v>264</v>
      </c>
      <c r="E112744" s="15">
        <v>45700</v>
      </c>
      <c r="F112744" s="14" t="s">
        <v>28</v>
      </c>
      <c r="G112744" s="16">
        <v>0</v>
      </c>
    </row>
    <row r="112745" spans="1:7" x14ac:dyDescent="0.3">
      <c r="A112745" s="13" t="s">
        <v>538</v>
      </c>
      <c r="B112745" s="14" t="s">
        <v>1</v>
      </c>
      <c r="C112745" s="14" t="s">
        <v>70</v>
      </c>
      <c r="D112745" s="14" t="s">
        <v>264</v>
      </c>
      <c r="E112745" s="15">
        <v>45701</v>
      </c>
      <c r="F112745" s="14" t="s">
        <v>28</v>
      </c>
      <c r="G112745" s="16">
        <v>0</v>
      </c>
    </row>
    <row r="112746" spans="1:7" x14ac:dyDescent="0.3">
      <c r="A112746" s="13" t="s">
        <v>538</v>
      </c>
      <c r="B112746" s="14" t="s">
        <v>1</v>
      </c>
      <c r="C112746" s="14" t="s">
        <v>70</v>
      </c>
      <c r="D112746" s="14" t="s">
        <v>264</v>
      </c>
      <c r="E112746" s="15">
        <v>45702</v>
      </c>
      <c r="F112746" s="14" t="s">
        <v>28</v>
      </c>
      <c r="G112746" s="16">
        <v>0</v>
      </c>
    </row>
    <row r="112747" spans="1:7" x14ac:dyDescent="0.3">
      <c r="A112747" s="13" t="s">
        <v>538</v>
      </c>
      <c r="B112747" s="14" t="s">
        <v>1</v>
      </c>
      <c r="C112747" s="14" t="s">
        <v>70</v>
      </c>
      <c r="D112747" s="14" t="s">
        <v>264</v>
      </c>
      <c r="E112747" s="15">
        <v>45703</v>
      </c>
      <c r="F112747" s="14" t="s">
        <v>28</v>
      </c>
      <c r="G112747" s="16">
        <v>0</v>
      </c>
    </row>
    <row r="112748" spans="1:7" x14ac:dyDescent="0.3">
      <c r="A112748" s="13" t="s">
        <v>538</v>
      </c>
      <c r="B112748" s="14" t="s">
        <v>1</v>
      </c>
      <c r="C112748" s="14" t="s">
        <v>70</v>
      </c>
      <c r="D112748" s="14" t="s">
        <v>264</v>
      </c>
      <c r="E112748" s="15">
        <v>45704</v>
      </c>
      <c r="F112748" s="14" t="s">
        <v>28</v>
      </c>
      <c r="G112748" s="16">
        <v>0</v>
      </c>
    </row>
    <row r="112749" spans="1:7" x14ac:dyDescent="0.3">
      <c r="A112749" s="13" t="s">
        <v>538</v>
      </c>
      <c r="B112749" s="14" t="s">
        <v>1</v>
      </c>
      <c r="C112749" s="14" t="s">
        <v>70</v>
      </c>
      <c r="D112749" s="14" t="s">
        <v>264</v>
      </c>
      <c r="E112749" s="15">
        <v>45705</v>
      </c>
      <c r="F112749" s="14" t="s">
        <v>28</v>
      </c>
      <c r="G112749" s="16">
        <v>0</v>
      </c>
    </row>
    <row r="112750" spans="1:7" x14ac:dyDescent="0.3">
      <c r="A112750" s="13" t="s">
        <v>538</v>
      </c>
      <c r="B112750" s="14" t="s">
        <v>1</v>
      </c>
      <c r="C112750" s="14" t="s">
        <v>70</v>
      </c>
      <c r="D112750" s="14" t="s">
        <v>264</v>
      </c>
      <c r="E112750" s="15">
        <v>45706</v>
      </c>
      <c r="F112750" s="14" t="s">
        <v>28</v>
      </c>
      <c r="G112750" s="16">
        <v>0</v>
      </c>
    </row>
    <row r="112751" spans="1:7" x14ac:dyDescent="0.3">
      <c r="A112751" s="13" t="s">
        <v>538</v>
      </c>
      <c r="B112751" s="14" t="s">
        <v>1</v>
      </c>
      <c r="C112751" s="14" t="s">
        <v>70</v>
      </c>
      <c r="D112751" s="14" t="s">
        <v>264</v>
      </c>
      <c r="E112751" s="15">
        <v>45707</v>
      </c>
      <c r="F112751" s="14" t="s">
        <v>28</v>
      </c>
      <c r="G112751" s="16">
        <v>0</v>
      </c>
    </row>
    <row r="112752" spans="1:7" x14ac:dyDescent="0.3">
      <c r="A112752" s="13" t="s">
        <v>538</v>
      </c>
      <c r="B112752" s="14" t="s">
        <v>1</v>
      </c>
      <c r="C112752" s="14" t="s">
        <v>70</v>
      </c>
      <c r="D112752" s="14" t="s">
        <v>264</v>
      </c>
      <c r="E112752" s="15">
        <v>45708</v>
      </c>
      <c r="F112752" s="14" t="s">
        <v>28</v>
      </c>
      <c r="G112752" s="16">
        <v>0</v>
      </c>
    </row>
    <row r="112753" spans="1:7" x14ac:dyDescent="0.3">
      <c r="A112753" s="13" t="s">
        <v>538</v>
      </c>
      <c r="B112753" s="14" t="s">
        <v>1</v>
      </c>
      <c r="C112753" s="14" t="s">
        <v>70</v>
      </c>
      <c r="D112753" s="14" t="s">
        <v>264</v>
      </c>
      <c r="E112753" s="15">
        <v>45709</v>
      </c>
      <c r="F112753" s="14" t="s">
        <v>28</v>
      </c>
      <c r="G112753" s="16">
        <v>0</v>
      </c>
    </row>
    <row r="112754" spans="1:7" x14ac:dyDescent="0.3">
      <c r="A112754" s="13" t="s">
        <v>538</v>
      </c>
      <c r="B112754" s="14" t="s">
        <v>1</v>
      </c>
      <c r="C112754" s="14" t="s">
        <v>70</v>
      </c>
      <c r="D112754" s="14" t="s">
        <v>264</v>
      </c>
      <c r="E112754" s="15">
        <v>45710</v>
      </c>
      <c r="F112754" s="14" t="s">
        <v>28</v>
      </c>
      <c r="G112754" s="16">
        <v>0</v>
      </c>
    </row>
    <row r="112755" spans="1:7" x14ac:dyDescent="0.3">
      <c r="A112755" s="13" t="s">
        <v>538</v>
      </c>
      <c r="B112755" s="14" t="s">
        <v>1</v>
      </c>
      <c r="C112755" s="14" t="s">
        <v>70</v>
      </c>
      <c r="D112755" s="14" t="s">
        <v>264</v>
      </c>
      <c r="E112755" s="15">
        <v>45711</v>
      </c>
      <c r="F112755" s="14" t="s">
        <v>28</v>
      </c>
      <c r="G112755" s="16">
        <v>0</v>
      </c>
    </row>
    <row r="112756" spans="1:7" x14ac:dyDescent="0.3">
      <c r="A112756" s="13" t="s">
        <v>538</v>
      </c>
      <c r="B112756" s="14" t="s">
        <v>1</v>
      </c>
      <c r="C112756" s="14" t="s">
        <v>70</v>
      </c>
      <c r="D112756" s="14" t="s">
        <v>264</v>
      </c>
      <c r="E112756" s="15">
        <v>45712</v>
      </c>
      <c r="F112756" s="14" t="s">
        <v>28</v>
      </c>
      <c r="G112756" s="16">
        <v>0</v>
      </c>
    </row>
    <row r="112757" spans="1:7" x14ac:dyDescent="0.3">
      <c r="A112757" s="13" t="s">
        <v>538</v>
      </c>
      <c r="B112757" s="14" t="s">
        <v>1</v>
      </c>
      <c r="C112757" s="14" t="s">
        <v>70</v>
      </c>
      <c r="D112757" s="14" t="s">
        <v>264</v>
      </c>
      <c r="E112757" s="15">
        <v>45713</v>
      </c>
      <c r="F112757" s="14" t="s">
        <v>28</v>
      </c>
      <c r="G112757" s="16">
        <v>0</v>
      </c>
    </row>
    <row r="112758" spans="1:7" x14ac:dyDescent="0.3">
      <c r="A112758" s="13" t="s">
        <v>538</v>
      </c>
      <c r="B112758" s="14" t="s">
        <v>1</v>
      </c>
      <c r="C112758" s="14" t="s">
        <v>70</v>
      </c>
      <c r="D112758" s="14" t="s">
        <v>264</v>
      </c>
      <c r="E112758" s="15">
        <v>45714</v>
      </c>
      <c r="F112758" s="14" t="s">
        <v>28</v>
      </c>
      <c r="G112758" s="16">
        <v>0</v>
      </c>
    </row>
    <row r="112759" spans="1:7" x14ac:dyDescent="0.3">
      <c r="A112759" s="13" t="s">
        <v>538</v>
      </c>
      <c r="B112759" s="14" t="s">
        <v>1</v>
      </c>
      <c r="C112759" s="14" t="s">
        <v>70</v>
      </c>
      <c r="D112759" s="14" t="s">
        <v>264</v>
      </c>
      <c r="E112759" s="15">
        <v>45715</v>
      </c>
      <c r="F112759" s="14" t="s">
        <v>28</v>
      </c>
      <c r="G112759" s="16">
        <v>0</v>
      </c>
    </row>
    <row r="112760" spans="1:7" x14ac:dyDescent="0.3">
      <c r="A112760" s="13" t="s">
        <v>538</v>
      </c>
      <c r="B112760" s="14" t="s">
        <v>1</v>
      </c>
      <c r="C112760" s="14" t="s">
        <v>70</v>
      </c>
      <c r="D112760" s="14" t="s">
        <v>264</v>
      </c>
      <c r="E112760" s="15">
        <v>45716</v>
      </c>
      <c r="F112760" s="14" t="s">
        <v>28</v>
      </c>
      <c r="G112760" s="16">
        <v>0</v>
      </c>
    </row>
    <row r="112761" spans="1:7" x14ac:dyDescent="0.3">
      <c r="A112761" s="13" t="s">
        <v>538</v>
      </c>
      <c r="B112761" s="14" t="s">
        <v>1</v>
      </c>
      <c r="C112761" s="14" t="s">
        <v>70</v>
      </c>
      <c r="D112761" s="14" t="s">
        <v>264</v>
      </c>
      <c r="E112761" s="15">
        <v>45717</v>
      </c>
      <c r="F112761" s="14" t="s">
        <v>28</v>
      </c>
      <c r="G112761" s="16">
        <v>0</v>
      </c>
    </row>
    <row r="112762" spans="1:7" x14ac:dyDescent="0.3">
      <c r="A112762" s="13" t="s">
        <v>538</v>
      </c>
      <c r="B112762" s="14" t="s">
        <v>1</v>
      </c>
      <c r="C112762" s="14" t="s">
        <v>70</v>
      </c>
      <c r="D112762" s="14" t="s">
        <v>264</v>
      </c>
      <c r="E112762" s="15">
        <v>45718</v>
      </c>
      <c r="F112762" s="14" t="s">
        <v>28</v>
      </c>
      <c r="G112762" s="16">
        <v>0</v>
      </c>
    </row>
    <row r="112763" spans="1:7" x14ac:dyDescent="0.3">
      <c r="A112763" s="13" t="s">
        <v>538</v>
      </c>
      <c r="B112763" s="14" t="s">
        <v>1</v>
      </c>
      <c r="C112763" s="14" t="s">
        <v>70</v>
      </c>
      <c r="D112763" s="14" t="s">
        <v>264</v>
      </c>
      <c r="E112763" s="15">
        <v>45719</v>
      </c>
      <c r="F112763" s="14" t="s">
        <v>28</v>
      </c>
      <c r="G112763" s="16">
        <v>0</v>
      </c>
    </row>
    <row r="112764" spans="1:7" x14ac:dyDescent="0.3">
      <c r="A112764" s="13" t="s">
        <v>538</v>
      </c>
      <c r="B112764" s="14" t="s">
        <v>1</v>
      </c>
      <c r="C112764" s="14" t="s">
        <v>70</v>
      </c>
      <c r="D112764" s="14" t="s">
        <v>264</v>
      </c>
      <c r="E112764" s="15">
        <v>45720</v>
      </c>
      <c r="F112764" s="14" t="s">
        <v>28</v>
      </c>
      <c r="G112764" s="16">
        <v>0</v>
      </c>
    </row>
    <row r="112765" spans="1:7" x14ac:dyDescent="0.3">
      <c r="A112765" s="13" t="s">
        <v>538</v>
      </c>
      <c r="B112765" s="14" t="s">
        <v>1</v>
      </c>
      <c r="C112765" s="14" t="s">
        <v>70</v>
      </c>
      <c r="D112765" s="14" t="s">
        <v>264</v>
      </c>
      <c r="E112765" s="15">
        <v>45721</v>
      </c>
      <c r="F112765" s="14" t="s">
        <v>28</v>
      </c>
      <c r="G112765" s="16">
        <v>0</v>
      </c>
    </row>
    <row r="112766" spans="1:7" x14ac:dyDescent="0.3">
      <c r="A112766" s="13" t="s">
        <v>538</v>
      </c>
      <c r="B112766" s="14" t="s">
        <v>1</v>
      </c>
      <c r="C112766" s="14" t="s">
        <v>70</v>
      </c>
      <c r="D112766" s="14" t="s">
        <v>264</v>
      </c>
      <c r="E112766" s="15">
        <v>45722</v>
      </c>
      <c r="F112766" s="14" t="s">
        <v>28</v>
      </c>
      <c r="G112766" s="16">
        <v>0</v>
      </c>
    </row>
    <row r="112767" spans="1:7" x14ac:dyDescent="0.3">
      <c r="A112767" s="13" t="s">
        <v>538</v>
      </c>
      <c r="B112767" s="14" t="s">
        <v>1</v>
      </c>
      <c r="C112767" s="14" t="s">
        <v>70</v>
      </c>
      <c r="D112767" s="14" t="s">
        <v>264</v>
      </c>
      <c r="E112767" s="15">
        <v>45723</v>
      </c>
      <c r="F112767" s="14" t="s">
        <v>28</v>
      </c>
      <c r="G112767" s="16">
        <v>0</v>
      </c>
    </row>
    <row r="112768" spans="1:7" x14ac:dyDescent="0.3">
      <c r="A112768" s="13" t="s">
        <v>538</v>
      </c>
      <c r="B112768" s="14" t="s">
        <v>1</v>
      </c>
      <c r="C112768" s="14" t="s">
        <v>70</v>
      </c>
      <c r="D112768" s="14" t="s">
        <v>264</v>
      </c>
      <c r="E112768" s="15">
        <v>45724</v>
      </c>
      <c r="F112768" s="14" t="s">
        <v>28</v>
      </c>
      <c r="G112768" s="16">
        <v>0</v>
      </c>
    </row>
    <row r="112769" spans="1:7" x14ac:dyDescent="0.3">
      <c r="A112769" s="13" t="s">
        <v>538</v>
      </c>
      <c r="B112769" s="14" t="s">
        <v>1</v>
      </c>
      <c r="C112769" s="14" t="s">
        <v>70</v>
      </c>
      <c r="D112769" s="14" t="s">
        <v>264</v>
      </c>
      <c r="E112769" s="15">
        <v>45725</v>
      </c>
      <c r="F112769" s="14" t="s">
        <v>28</v>
      </c>
      <c r="G112769" s="16">
        <v>0</v>
      </c>
    </row>
    <row r="112770" spans="1:7" x14ac:dyDescent="0.3">
      <c r="A112770" s="13" t="s">
        <v>538</v>
      </c>
      <c r="B112770" s="14" t="s">
        <v>1</v>
      </c>
      <c r="C112770" s="14" t="s">
        <v>70</v>
      </c>
      <c r="D112770" s="14" t="s">
        <v>264</v>
      </c>
      <c r="E112770" s="15">
        <v>45726</v>
      </c>
      <c r="F112770" s="14" t="s">
        <v>28</v>
      </c>
      <c r="G112770" s="16">
        <v>0</v>
      </c>
    </row>
    <row r="112771" spans="1:7" x14ac:dyDescent="0.3">
      <c r="A112771" s="13" t="s">
        <v>538</v>
      </c>
      <c r="B112771" s="14" t="s">
        <v>1</v>
      </c>
      <c r="C112771" s="14" t="s">
        <v>70</v>
      </c>
      <c r="D112771" s="14" t="s">
        <v>264</v>
      </c>
      <c r="E112771" s="15">
        <v>45727</v>
      </c>
      <c r="F112771" s="14" t="s">
        <v>28</v>
      </c>
      <c r="G112771" s="16">
        <v>0</v>
      </c>
    </row>
    <row r="112772" spans="1:7" x14ac:dyDescent="0.3">
      <c r="A112772" s="13" t="s">
        <v>538</v>
      </c>
      <c r="B112772" s="14" t="s">
        <v>1</v>
      </c>
      <c r="C112772" s="14" t="s">
        <v>70</v>
      </c>
      <c r="D112772" s="14" t="s">
        <v>264</v>
      </c>
      <c r="E112772" s="15">
        <v>45728</v>
      </c>
      <c r="F112772" s="14" t="s">
        <v>28</v>
      </c>
      <c r="G112772" s="16">
        <v>0</v>
      </c>
    </row>
    <row r="112773" spans="1:7" x14ac:dyDescent="0.3">
      <c r="A112773" s="13" t="s">
        <v>538</v>
      </c>
      <c r="B112773" s="14" t="s">
        <v>1</v>
      </c>
      <c r="C112773" s="14" t="s">
        <v>70</v>
      </c>
      <c r="D112773" s="14" t="s">
        <v>264</v>
      </c>
      <c r="E112773" s="15">
        <v>45729</v>
      </c>
      <c r="F112773" s="14" t="s">
        <v>28</v>
      </c>
      <c r="G112773" s="16">
        <v>0</v>
      </c>
    </row>
    <row r="112774" spans="1:7" x14ac:dyDescent="0.3">
      <c r="A112774" s="13" t="s">
        <v>538</v>
      </c>
      <c r="B112774" s="14" t="s">
        <v>1</v>
      </c>
      <c r="C112774" s="14" t="s">
        <v>70</v>
      </c>
      <c r="D112774" s="14" t="s">
        <v>264</v>
      </c>
      <c r="E112774" s="15">
        <v>45730</v>
      </c>
      <c r="F112774" s="14" t="s">
        <v>28</v>
      </c>
      <c r="G112774" s="16">
        <v>0</v>
      </c>
    </row>
    <row r="112775" spans="1:7" x14ac:dyDescent="0.3">
      <c r="A112775" s="13" t="s">
        <v>538</v>
      </c>
      <c r="B112775" s="14" t="s">
        <v>1</v>
      </c>
      <c r="C112775" s="14" t="s">
        <v>70</v>
      </c>
      <c r="D112775" s="14" t="s">
        <v>264</v>
      </c>
      <c r="E112775" s="15">
        <v>45731</v>
      </c>
      <c r="F112775" s="14" t="s">
        <v>28</v>
      </c>
      <c r="G112775" s="16">
        <v>0</v>
      </c>
    </row>
    <row r="112776" spans="1:7" x14ac:dyDescent="0.3">
      <c r="A112776" s="13" t="s">
        <v>538</v>
      </c>
      <c r="B112776" s="14" t="s">
        <v>1</v>
      </c>
      <c r="C112776" s="14" t="s">
        <v>70</v>
      </c>
      <c r="D112776" s="14" t="s">
        <v>264</v>
      </c>
      <c r="E112776" s="15">
        <v>45732</v>
      </c>
      <c r="F112776" s="14" t="s">
        <v>28</v>
      </c>
      <c r="G112776" s="16">
        <v>0</v>
      </c>
    </row>
    <row r="112777" spans="1:7" x14ac:dyDescent="0.3">
      <c r="A112777" s="13" t="s">
        <v>538</v>
      </c>
      <c r="B112777" s="14" t="s">
        <v>1</v>
      </c>
      <c r="C112777" s="14" t="s">
        <v>70</v>
      </c>
      <c r="D112777" s="14" t="s">
        <v>264</v>
      </c>
      <c r="E112777" s="15">
        <v>45733</v>
      </c>
      <c r="F112777" s="14" t="s">
        <v>28</v>
      </c>
      <c r="G112777" s="16">
        <v>0</v>
      </c>
    </row>
    <row r="112778" spans="1:7" x14ac:dyDescent="0.3">
      <c r="A112778" s="13" t="s">
        <v>538</v>
      </c>
      <c r="B112778" s="14" t="s">
        <v>1</v>
      </c>
      <c r="C112778" s="14" t="s">
        <v>70</v>
      </c>
      <c r="D112778" s="14" t="s">
        <v>264</v>
      </c>
      <c r="E112778" s="15">
        <v>45734</v>
      </c>
      <c r="F112778" s="14" t="s">
        <v>28</v>
      </c>
      <c r="G112778" s="16">
        <v>0</v>
      </c>
    </row>
    <row r="112779" spans="1:7" x14ac:dyDescent="0.3">
      <c r="A112779" s="13" t="s">
        <v>538</v>
      </c>
      <c r="B112779" s="14" t="s">
        <v>1</v>
      </c>
      <c r="C112779" s="14" t="s">
        <v>70</v>
      </c>
      <c r="D112779" s="14" t="s">
        <v>264</v>
      </c>
      <c r="E112779" s="15">
        <v>45735</v>
      </c>
      <c r="F112779" s="14" t="s">
        <v>28</v>
      </c>
      <c r="G112779" s="16">
        <v>0</v>
      </c>
    </row>
    <row r="112780" spans="1:7" x14ac:dyDescent="0.3">
      <c r="A112780" s="13" t="s">
        <v>538</v>
      </c>
      <c r="B112780" s="14" t="s">
        <v>1</v>
      </c>
      <c r="C112780" s="14" t="s">
        <v>70</v>
      </c>
      <c r="D112780" s="14" t="s">
        <v>264</v>
      </c>
      <c r="E112780" s="15">
        <v>45736</v>
      </c>
      <c r="F112780" s="14" t="s">
        <v>28</v>
      </c>
      <c r="G112780" s="16">
        <v>0</v>
      </c>
    </row>
    <row r="112781" spans="1:7" x14ac:dyDescent="0.3">
      <c r="A112781" s="13" t="s">
        <v>538</v>
      </c>
      <c r="B112781" s="14" t="s">
        <v>1</v>
      </c>
      <c r="C112781" s="14" t="s">
        <v>70</v>
      </c>
      <c r="D112781" s="14" t="s">
        <v>264</v>
      </c>
      <c r="E112781" s="15">
        <v>45737</v>
      </c>
      <c r="F112781" s="14" t="s">
        <v>28</v>
      </c>
      <c r="G112781" s="16">
        <v>0</v>
      </c>
    </row>
    <row r="112782" spans="1:7" x14ac:dyDescent="0.3">
      <c r="A112782" s="13" t="s">
        <v>538</v>
      </c>
      <c r="B112782" s="14" t="s">
        <v>1</v>
      </c>
      <c r="C112782" s="14" t="s">
        <v>70</v>
      </c>
      <c r="D112782" s="14" t="s">
        <v>264</v>
      </c>
      <c r="E112782" s="15">
        <v>45738</v>
      </c>
      <c r="F112782" s="14" t="s">
        <v>28</v>
      </c>
      <c r="G112782" s="16">
        <v>0</v>
      </c>
    </row>
    <row r="112783" spans="1:7" x14ac:dyDescent="0.3">
      <c r="A112783" s="13" t="s">
        <v>538</v>
      </c>
      <c r="B112783" s="14" t="s">
        <v>1</v>
      </c>
      <c r="C112783" s="14" t="s">
        <v>70</v>
      </c>
      <c r="D112783" s="14" t="s">
        <v>264</v>
      </c>
      <c r="E112783" s="15">
        <v>45739</v>
      </c>
      <c r="F112783" s="14" t="s">
        <v>28</v>
      </c>
      <c r="G112783" s="16">
        <v>0</v>
      </c>
    </row>
    <row r="112784" spans="1:7" x14ac:dyDescent="0.3">
      <c r="A112784" s="13" t="s">
        <v>538</v>
      </c>
      <c r="B112784" s="14" t="s">
        <v>1</v>
      </c>
      <c r="C112784" s="14" t="s">
        <v>70</v>
      </c>
      <c r="D112784" s="14" t="s">
        <v>264</v>
      </c>
      <c r="E112784" s="15">
        <v>45740</v>
      </c>
      <c r="F112784" s="14" t="s">
        <v>28</v>
      </c>
      <c r="G112784" s="16">
        <v>0</v>
      </c>
    </row>
    <row r="112785" spans="1:7" x14ac:dyDescent="0.3">
      <c r="A112785" s="13" t="s">
        <v>538</v>
      </c>
      <c r="B112785" s="14" t="s">
        <v>1</v>
      </c>
      <c r="C112785" s="14" t="s">
        <v>70</v>
      </c>
      <c r="D112785" s="14" t="s">
        <v>264</v>
      </c>
      <c r="E112785" s="15">
        <v>45741</v>
      </c>
      <c r="F112785" s="14" t="s">
        <v>28</v>
      </c>
      <c r="G112785" s="16">
        <v>0</v>
      </c>
    </row>
    <row r="112786" spans="1:7" x14ac:dyDescent="0.3">
      <c r="A112786" s="13" t="s">
        <v>538</v>
      </c>
      <c r="B112786" s="14" t="s">
        <v>1</v>
      </c>
      <c r="C112786" s="14" t="s">
        <v>70</v>
      </c>
      <c r="D112786" s="14" t="s">
        <v>264</v>
      </c>
      <c r="E112786" s="15">
        <v>45742</v>
      </c>
      <c r="F112786" s="14" t="s">
        <v>28</v>
      </c>
      <c r="G112786" s="16">
        <v>0</v>
      </c>
    </row>
    <row r="112787" spans="1:7" x14ac:dyDescent="0.3">
      <c r="A112787" s="13" t="s">
        <v>538</v>
      </c>
      <c r="B112787" s="14" t="s">
        <v>1</v>
      </c>
      <c r="C112787" s="14" t="s">
        <v>70</v>
      </c>
      <c r="D112787" s="14" t="s">
        <v>264</v>
      </c>
      <c r="E112787" s="15">
        <v>45743</v>
      </c>
      <c r="F112787" s="14" t="s">
        <v>28</v>
      </c>
      <c r="G112787" s="16">
        <v>0</v>
      </c>
    </row>
    <row r="112788" spans="1:7" x14ac:dyDescent="0.3">
      <c r="A112788" s="13" t="s">
        <v>538</v>
      </c>
      <c r="B112788" s="14" t="s">
        <v>1</v>
      </c>
      <c r="C112788" s="14" t="s">
        <v>70</v>
      </c>
      <c r="D112788" s="14" t="s">
        <v>264</v>
      </c>
      <c r="E112788" s="15">
        <v>45744</v>
      </c>
      <c r="F112788" s="14" t="s">
        <v>28</v>
      </c>
      <c r="G112788" s="16">
        <v>0</v>
      </c>
    </row>
    <row r="112789" spans="1:7" x14ac:dyDescent="0.3">
      <c r="A112789" s="13" t="s">
        <v>538</v>
      </c>
      <c r="B112789" s="14" t="s">
        <v>1</v>
      </c>
      <c r="C112789" s="14" t="s">
        <v>70</v>
      </c>
      <c r="D112789" s="14" t="s">
        <v>264</v>
      </c>
      <c r="E112789" s="15">
        <v>45745</v>
      </c>
      <c r="F112789" s="14" t="s">
        <v>28</v>
      </c>
      <c r="G112789" s="16">
        <v>0</v>
      </c>
    </row>
    <row r="112790" spans="1:7" x14ac:dyDescent="0.3">
      <c r="A112790" s="13" t="s">
        <v>538</v>
      </c>
      <c r="B112790" s="14" t="s">
        <v>1</v>
      </c>
      <c r="C112790" s="14" t="s">
        <v>70</v>
      </c>
      <c r="D112790" s="14" t="s">
        <v>264</v>
      </c>
      <c r="E112790" s="15">
        <v>45746</v>
      </c>
      <c r="F112790" s="14" t="s">
        <v>28</v>
      </c>
      <c r="G112790" s="16">
        <v>0</v>
      </c>
    </row>
    <row r="112791" spans="1:7" x14ac:dyDescent="0.3">
      <c r="A112791" s="13" t="s">
        <v>538</v>
      </c>
      <c r="B112791" s="14" t="s">
        <v>1</v>
      </c>
      <c r="C112791" s="14" t="s">
        <v>70</v>
      </c>
      <c r="D112791" s="14" t="s">
        <v>264</v>
      </c>
      <c r="E112791" s="15">
        <v>45747</v>
      </c>
      <c r="F112791" s="14" t="s">
        <v>28</v>
      </c>
      <c r="G112791" s="16">
        <v>0</v>
      </c>
    </row>
    <row r="112792" spans="1:7" x14ac:dyDescent="0.3">
      <c r="A112792" s="13" t="s">
        <v>539</v>
      </c>
      <c r="B112792" s="14" t="s">
        <v>1</v>
      </c>
      <c r="C112792" s="14" t="s">
        <v>35</v>
      </c>
      <c r="D112792" s="14" t="s">
        <v>540</v>
      </c>
      <c r="E112792" s="15">
        <v>45383</v>
      </c>
      <c r="F112792" s="14" t="s">
        <v>61</v>
      </c>
      <c r="G112792" s="16">
        <v>0</v>
      </c>
    </row>
    <row r="112793" spans="1:7" x14ac:dyDescent="0.3">
      <c r="A112793" s="13" t="s">
        <v>539</v>
      </c>
      <c r="B112793" s="14" t="s">
        <v>1</v>
      </c>
      <c r="C112793" s="14" t="s">
        <v>35</v>
      </c>
      <c r="D112793" s="14" t="s">
        <v>540</v>
      </c>
      <c r="E112793" s="15">
        <v>45384</v>
      </c>
      <c r="F112793" s="14" t="s">
        <v>61</v>
      </c>
      <c r="G112793" s="16">
        <v>0</v>
      </c>
    </row>
    <row r="112794" spans="1:7" x14ac:dyDescent="0.3">
      <c r="A112794" s="13" t="s">
        <v>539</v>
      </c>
      <c r="B112794" s="14" t="s">
        <v>1</v>
      </c>
      <c r="C112794" s="14" t="s">
        <v>35</v>
      </c>
      <c r="D112794" s="14" t="s">
        <v>540</v>
      </c>
      <c r="E112794" s="15">
        <v>45385</v>
      </c>
      <c r="F112794" s="14" t="s">
        <v>61</v>
      </c>
      <c r="G112794" s="16">
        <v>0</v>
      </c>
    </row>
    <row r="112795" spans="1:7" x14ac:dyDescent="0.3">
      <c r="A112795" s="13" t="s">
        <v>539</v>
      </c>
      <c r="B112795" s="14" t="s">
        <v>1</v>
      </c>
      <c r="C112795" s="14" t="s">
        <v>35</v>
      </c>
      <c r="D112795" s="14" t="s">
        <v>540</v>
      </c>
      <c r="E112795" s="15">
        <v>45386</v>
      </c>
      <c r="F112795" s="14" t="s">
        <v>61</v>
      </c>
      <c r="G112795" s="16">
        <v>0</v>
      </c>
    </row>
    <row r="112796" spans="1:7" x14ac:dyDescent="0.3">
      <c r="A112796" s="13" t="s">
        <v>539</v>
      </c>
      <c r="B112796" s="14" t="s">
        <v>1</v>
      </c>
      <c r="C112796" s="14" t="s">
        <v>35</v>
      </c>
      <c r="D112796" s="14" t="s">
        <v>540</v>
      </c>
      <c r="E112796" s="15">
        <v>45387</v>
      </c>
      <c r="F112796" s="14" t="s">
        <v>61</v>
      </c>
      <c r="G112796" s="16">
        <v>0</v>
      </c>
    </row>
    <row r="112797" spans="1:7" x14ac:dyDescent="0.3">
      <c r="A112797" s="13" t="s">
        <v>539</v>
      </c>
      <c r="B112797" s="14" t="s">
        <v>1</v>
      </c>
      <c r="C112797" s="14" t="s">
        <v>35</v>
      </c>
      <c r="D112797" s="14" t="s">
        <v>540</v>
      </c>
      <c r="E112797" s="15">
        <v>45388</v>
      </c>
      <c r="F112797" s="14" t="s">
        <v>61</v>
      </c>
      <c r="G112797" s="16">
        <v>0</v>
      </c>
    </row>
    <row r="112798" spans="1:7" x14ac:dyDescent="0.3">
      <c r="A112798" s="13" t="s">
        <v>539</v>
      </c>
      <c r="B112798" s="14" t="s">
        <v>1</v>
      </c>
      <c r="C112798" s="14" t="s">
        <v>35</v>
      </c>
      <c r="D112798" s="14" t="s">
        <v>540</v>
      </c>
      <c r="E112798" s="15">
        <v>45389</v>
      </c>
      <c r="F112798" s="14" t="s">
        <v>61</v>
      </c>
      <c r="G112798" s="16">
        <v>0</v>
      </c>
    </row>
    <row r="112799" spans="1:7" x14ac:dyDescent="0.3">
      <c r="A112799" s="13" t="s">
        <v>539</v>
      </c>
      <c r="B112799" s="14" t="s">
        <v>1</v>
      </c>
      <c r="C112799" s="14" t="s">
        <v>35</v>
      </c>
      <c r="D112799" s="14" t="s">
        <v>540</v>
      </c>
      <c r="E112799" s="15">
        <v>45390</v>
      </c>
      <c r="F112799" s="14" t="s">
        <v>61</v>
      </c>
      <c r="G112799" s="16">
        <v>0</v>
      </c>
    </row>
    <row r="112800" spans="1:7" x14ac:dyDescent="0.3">
      <c r="A112800" s="13" t="s">
        <v>539</v>
      </c>
      <c r="B112800" s="14" t="s">
        <v>1</v>
      </c>
      <c r="C112800" s="14" t="s">
        <v>35</v>
      </c>
      <c r="D112800" s="14" t="s">
        <v>540</v>
      </c>
      <c r="E112800" s="15">
        <v>45391</v>
      </c>
      <c r="F112800" s="14" t="s">
        <v>61</v>
      </c>
      <c r="G112800" s="16">
        <v>0</v>
      </c>
    </row>
    <row r="112801" spans="1:7" x14ac:dyDescent="0.3">
      <c r="A112801" s="13" t="s">
        <v>539</v>
      </c>
      <c r="B112801" s="14" t="s">
        <v>1</v>
      </c>
      <c r="C112801" s="14" t="s">
        <v>35</v>
      </c>
      <c r="D112801" s="14" t="s">
        <v>540</v>
      </c>
      <c r="E112801" s="15">
        <v>45392</v>
      </c>
      <c r="F112801" s="14" t="s">
        <v>61</v>
      </c>
      <c r="G112801" s="16">
        <v>0</v>
      </c>
    </row>
    <row r="112802" spans="1:7" x14ac:dyDescent="0.3">
      <c r="A112802" s="13" t="s">
        <v>539</v>
      </c>
      <c r="B112802" s="14" t="s">
        <v>1</v>
      </c>
      <c r="C112802" s="14" t="s">
        <v>35</v>
      </c>
      <c r="D112802" s="14" t="s">
        <v>540</v>
      </c>
      <c r="E112802" s="15">
        <v>45393</v>
      </c>
      <c r="F112802" s="14" t="s">
        <v>61</v>
      </c>
      <c r="G112802" s="16">
        <v>0</v>
      </c>
    </row>
    <row r="112803" spans="1:7" x14ac:dyDescent="0.3">
      <c r="A112803" s="13" t="s">
        <v>539</v>
      </c>
      <c r="B112803" s="14" t="s">
        <v>1</v>
      </c>
      <c r="C112803" s="14" t="s">
        <v>35</v>
      </c>
      <c r="D112803" s="14" t="s">
        <v>540</v>
      </c>
      <c r="E112803" s="15">
        <v>45394</v>
      </c>
      <c r="F112803" s="14" t="s">
        <v>61</v>
      </c>
      <c r="G112803" s="16">
        <v>0</v>
      </c>
    </row>
    <row r="112804" spans="1:7" x14ac:dyDescent="0.3">
      <c r="A112804" s="13" t="s">
        <v>539</v>
      </c>
      <c r="B112804" s="14" t="s">
        <v>1</v>
      </c>
      <c r="C112804" s="14" t="s">
        <v>35</v>
      </c>
      <c r="D112804" s="14" t="s">
        <v>540</v>
      </c>
      <c r="E112804" s="15">
        <v>45395</v>
      </c>
      <c r="F112804" s="14" t="s">
        <v>61</v>
      </c>
      <c r="G112804" s="16">
        <v>0</v>
      </c>
    </row>
    <row r="112805" spans="1:7" x14ac:dyDescent="0.3">
      <c r="A112805" s="13" t="s">
        <v>539</v>
      </c>
      <c r="B112805" s="14" t="s">
        <v>1</v>
      </c>
      <c r="C112805" s="14" t="s">
        <v>35</v>
      </c>
      <c r="D112805" s="14" t="s">
        <v>540</v>
      </c>
      <c r="E112805" s="15">
        <v>45396</v>
      </c>
      <c r="F112805" s="14" t="s">
        <v>61</v>
      </c>
      <c r="G112805" s="16">
        <v>0</v>
      </c>
    </row>
    <row r="112806" spans="1:7" x14ac:dyDescent="0.3">
      <c r="A112806" s="13" t="s">
        <v>539</v>
      </c>
      <c r="B112806" s="14" t="s">
        <v>1</v>
      </c>
      <c r="C112806" s="14" t="s">
        <v>35</v>
      </c>
      <c r="D112806" s="14" t="s">
        <v>540</v>
      </c>
      <c r="E112806" s="15">
        <v>45397</v>
      </c>
      <c r="F112806" s="14" t="s">
        <v>61</v>
      </c>
      <c r="G112806" s="16">
        <v>0</v>
      </c>
    </row>
    <row r="112807" spans="1:7" x14ac:dyDescent="0.3">
      <c r="A112807" s="13" t="s">
        <v>539</v>
      </c>
      <c r="B112807" s="14" t="s">
        <v>1</v>
      </c>
      <c r="C112807" s="14" t="s">
        <v>35</v>
      </c>
      <c r="D112807" s="14" t="s">
        <v>540</v>
      </c>
      <c r="E112807" s="15">
        <v>45398</v>
      </c>
      <c r="F112807" s="14" t="s">
        <v>61</v>
      </c>
      <c r="G112807" s="16">
        <v>0</v>
      </c>
    </row>
    <row r="112808" spans="1:7" x14ac:dyDescent="0.3">
      <c r="A112808" s="13" t="s">
        <v>539</v>
      </c>
      <c r="B112808" s="14" t="s">
        <v>1</v>
      </c>
      <c r="C112808" s="14" t="s">
        <v>35</v>
      </c>
      <c r="D112808" s="14" t="s">
        <v>540</v>
      </c>
      <c r="E112808" s="15">
        <v>45399</v>
      </c>
      <c r="F112808" s="14" t="s">
        <v>61</v>
      </c>
      <c r="G112808" s="16">
        <v>0</v>
      </c>
    </row>
    <row r="112809" spans="1:7" x14ac:dyDescent="0.3">
      <c r="A112809" s="13" t="s">
        <v>539</v>
      </c>
      <c r="B112809" s="14" t="s">
        <v>1</v>
      </c>
      <c r="C112809" s="14" t="s">
        <v>35</v>
      </c>
      <c r="D112809" s="14" t="s">
        <v>540</v>
      </c>
      <c r="E112809" s="15">
        <v>45400</v>
      </c>
      <c r="F112809" s="14" t="s">
        <v>61</v>
      </c>
      <c r="G112809" s="16">
        <v>0</v>
      </c>
    </row>
    <row r="112810" spans="1:7" x14ac:dyDescent="0.3">
      <c r="A112810" s="13" t="s">
        <v>539</v>
      </c>
      <c r="B112810" s="14" t="s">
        <v>1</v>
      </c>
      <c r="C112810" s="14" t="s">
        <v>35</v>
      </c>
      <c r="D112810" s="14" t="s">
        <v>540</v>
      </c>
      <c r="E112810" s="15">
        <v>45401</v>
      </c>
      <c r="F112810" s="14" t="s">
        <v>61</v>
      </c>
      <c r="G112810" s="16">
        <v>0</v>
      </c>
    </row>
    <row r="112811" spans="1:7" x14ac:dyDescent="0.3">
      <c r="A112811" s="13" t="s">
        <v>539</v>
      </c>
      <c r="B112811" s="14" t="s">
        <v>1</v>
      </c>
      <c r="C112811" s="14" t="s">
        <v>35</v>
      </c>
      <c r="D112811" s="14" t="s">
        <v>540</v>
      </c>
      <c r="E112811" s="15">
        <v>45402</v>
      </c>
      <c r="F112811" s="14" t="s">
        <v>61</v>
      </c>
      <c r="G112811" s="16">
        <v>0</v>
      </c>
    </row>
    <row r="112812" spans="1:7" x14ac:dyDescent="0.3">
      <c r="A112812" s="13" t="s">
        <v>539</v>
      </c>
      <c r="B112812" s="14" t="s">
        <v>1</v>
      </c>
      <c r="C112812" s="14" t="s">
        <v>35</v>
      </c>
      <c r="D112812" s="14" t="s">
        <v>540</v>
      </c>
      <c r="E112812" s="15">
        <v>45403</v>
      </c>
      <c r="F112812" s="14" t="s">
        <v>61</v>
      </c>
      <c r="G112812" s="16">
        <v>0</v>
      </c>
    </row>
    <row r="112813" spans="1:7" x14ac:dyDescent="0.3">
      <c r="A112813" s="13" t="s">
        <v>539</v>
      </c>
      <c r="B112813" s="14" t="s">
        <v>1</v>
      </c>
      <c r="C112813" s="14" t="s">
        <v>35</v>
      </c>
      <c r="D112813" s="14" t="s">
        <v>540</v>
      </c>
      <c r="E112813" s="15">
        <v>45404</v>
      </c>
      <c r="F112813" s="14" t="s">
        <v>61</v>
      </c>
      <c r="G112813" s="16">
        <v>0</v>
      </c>
    </row>
    <row r="112814" spans="1:7" x14ac:dyDescent="0.3">
      <c r="A112814" s="13" t="s">
        <v>539</v>
      </c>
      <c r="B112814" s="14" t="s">
        <v>1</v>
      </c>
      <c r="C112814" s="14" t="s">
        <v>35</v>
      </c>
      <c r="D112814" s="14" t="s">
        <v>540</v>
      </c>
      <c r="E112814" s="15">
        <v>45405</v>
      </c>
      <c r="F112814" s="14" t="s">
        <v>61</v>
      </c>
      <c r="G112814" s="16">
        <v>0</v>
      </c>
    </row>
    <row r="112815" spans="1:7" x14ac:dyDescent="0.3">
      <c r="A112815" s="13" t="s">
        <v>539</v>
      </c>
      <c r="B112815" s="14" t="s">
        <v>1</v>
      </c>
      <c r="C112815" s="14" t="s">
        <v>35</v>
      </c>
      <c r="D112815" s="14" t="s">
        <v>540</v>
      </c>
      <c r="E112815" s="15">
        <v>45406</v>
      </c>
      <c r="F112815" s="14" t="s">
        <v>61</v>
      </c>
      <c r="G112815" s="16">
        <v>0</v>
      </c>
    </row>
    <row r="112816" spans="1:7" x14ac:dyDescent="0.3">
      <c r="A112816" s="13" t="s">
        <v>539</v>
      </c>
      <c r="B112816" s="14" t="s">
        <v>1</v>
      </c>
      <c r="C112816" s="14" t="s">
        <v>35</v>
      </c>
      <c r="D112816" s="14" t="s">
        <v>540</v>
      </c>
      <c r="E112816" s="15">
        <v>45407</v>
      </c>
      <c r="F112816" s="14" t="s">
        <v>61</v>
      </c>
      <c r="G112816" s="16">
        <v>0</v>
      </c>
    </row>
    <row r="112817" spans="1:7" x14ac:dyDescent="0.3">
      <c r="A112817" s="13" t="s">
        <v>539</v>
      </c>
      <c r="B112817" s="14" t="s">
        <v>1</v>
      </c>
      <c r="C112817" s="14" t="s">
        <v>35</v>
      </c>
      <c r="D112817" s="14" t="s">
        <v>540</v>
      </c>
      <c r="E112817" s="15">
        <v>45408</v>
      </c>
      <c r="F112817" s="14" t="s">
        <v>61</v>
      </c>
      <c r="G112817" s="16">
        <v>0</v>
      </c>
    </row>
    <row r="112818" spans="1:7" x14ac:dyDescent="0.3">
      <c r="A112818" s="13" t="s">
        <v>539</v>
      </c>
      <c r="B112818" s="14" t="s">
        <v>1</v>
      </c>
      <c r="C112818" s="14" t="s">
        <v>35</v>
      </c>
      <c r="D112818" s="14" t="s">
        <v>540</v>
      </c>
      <c r="E112818" s="15">
        <v>45409</v>
      </c>
      <c r="F112818" s="14" t="s">
        <v>61</v>
      </c>
      <c r="G112818" s="16">
        <v>0</v>
      </c>
    </row>
    <row r="112819" spans="1:7" x14ac:dyDescent="0.3">
      <c r="A112819" s="13" t="s">
        <v>539</v>
      </c>
      <c r="B112819" s="14" t="s">
        <v>1</v>
      </c>
      <c r="C112819" s="14" t="s">
        <v>35</v>
      </c>
      <c r="D112819" s="14" t="s">
        <v>540</v>
      </c>
      <c r="E112819" s="15">
        <v>45410</v>
      </c>
      <c r="F112819" s="14" t="s">
        <v>61</v>
      </c>
      <c r="G112819" s="16">
        <v>0</v>
      </c>
    </row>
    <row r="112820" spans="1:7" x14ac:dyDescent="0.3">
      <c r="A112820" s="13" t="s">
        <v>539</v>
      </c>
      <c r="B112820" s="14" t="s">
        <v>1</v>
      </c>
      <c r="C112820" s="14" t="s">
        <v>35</v>
      </c>
      <c r="D112820" s="14" t="s">
        <v>540</v>
      </c>
      <c r="E112820" s="15">
        <v>45411</v>
      </c>
      <c r="F112820" s="14" t="s">
        <v>61</v>
      </c>
      <c r="G112820" s="16">
        <v>0</v>
      </c>
    </row>
    <row r="112821" spans="1:7" x14ac:dyDescent="0.3">
      <c r="A112821" s="13" t="s">
        <v>539</v>
      </c>
      <c r="B112821" s="14" t="s">
        <v>1</v>
      </c>
      <c r="C112821" s="14" t="s">
        <v>35</v>
      </c>
      <c r="D112821" s="14" t="s">
        <v>540</v>
      </c>
      <c r="E112821" s="15">
        <v>45412</v>
      </c>
      <c r="F112821" s="14" t="s">
        <v>61</v>
      </c>
      <c r="G112821" s="16">
        <v>0</v>
      </c>
    </row>
    <row r="112822" spans="1:7" x14ac:dyDescent="0.3">
      <c r="A112822" s="13" t="s">
        <v>539</v>
      </c>
      <c r="B112822" s="14" t="s">
        <v>1</v>
      </c>
      <c r="C112822" s="14" t="s">
        <v>35</v>
      </c>
      <c r="D112822" s="14" t="s">
        <v>540</v>
      </c>
      <c r="E112822" s="15">
        <v>45413</v>
      </c>
      <c r="F112822" s="14" t="s">
        <v>61</v>
      </c>
      <c r="G112822" s="16">
        <v>0</v>
      </c>
    </row>
    <row r="112823" spans="1:7" x14ac:dyDescent="0.3">
      <c r="A112823" s="13" t="s">
        <v>539</v>
      </c>
      <c r="B112823" s="14" t="s">
        <v>1</v>
      </c>
      <c r="C112823" s="14" t="s">
        <v>35</v>
      </c>
      <c r="D112823" s="14" t="s">
        <v>540</v>
      </c>
      <c r="E112823" s="15">
        <v>45414</v>
      </c>
      <c r="F112823" s="14" t="s">
        <v>61</v>
      </c>
      <c r="G112823" s="16">
        <v>0</v>
      </c>
    </row>
    <row r="112824" spans="1:7" x14ac:dyDescent="0.3">
      <c r="A112824" s="13" t="s">
        <v>539</v>
      </c>
      <c r="B112824" s="14" t="s">
        <v>1</v>
      </c>
      <c r="C112824" s="14" t="s">
        <v>35</v>
      </c>
      <c r="D112824" s="14" t="s">
        <v>540</v>
      </c>
      <c r="E112824" s="15">
        <v>45415</v>
      </c>
      <c r="F112824" s="14" t="s">
        <v>61</v>
      </c>
      <c r="G112824" s="16">
        <v>0</v>
      </c>
    </row>
    <row r="112825" spans="1:7" x14ac:dyDescent="0.3">
      <c r="A112825" s="13" t="s">
        <v>539</v>
      </c>
      <c r="B112825" s="14" t="s">
        <v>1</v>
      </c>
      <c r="C112825" s="14" t="s">
        <v>35</v>
      </c>
      <c r="D112825" s="14" t="s">
        <v>540</v>
      </c>
      <c r="E112825" s="15">
        <v>45416</v>
      </c>
      <c r="F112825" s="14" t="s">
        <v>61</v>
      </c>
      <c r="G112825" s="16">
        <v>0</v>
      </c>
    </row>
    <row r="112826" spans="1:7" x14ac:dyDescent="0.3">
      <c r="A112826" s="13" t="s">
        <v>539</v>
      </c>
      <c r="B112826" s="14" t="s">
        <v>1</v>
      </c>
      <c r="C112826" s="14" t="s">
        <v>35</v>
      </c>
      <c r="D112826" s="14" t="s">
        <v>540</v>
      </c>
      <c r="E112826" s="15">
        <v>45417</v>
      </c>
      <c r="F112826" s="14" t="s">
        <v>61</v>
      </c>
      <c r="G112826" s="16">
        <v>0</v>
      </c>
    </row>
    <row r="112827" spans="1:7" x14ac:dyDescent="0.3">
      <c r="A112827" s="13" t="s">
        <v>539</v>
      </c>
      <c r="B112827" s="14" t="s">
        <v>1</v>
      </c>
      <c r="C112827" s="14" t="s">
        <v>35</v>
      </c>
      <c r="D112827" s="14" t="s">
        <v>540</v>
      </c>
      <c r="E112827" s="15">
        <v>45418</v>
      </c>
      <c r="F112827" s="14" t="s">
        <v>61</v>
      </c>
      <c r="G112827" s="16">
        <v>0</v>
      </c>
    </row>
    <row r="112828" spans="1:7" x14ac:dyDescent="0.3">
      <c r="A112828" s="13" t="s">
        <v>539</v>
      </c>
      <c r="B112828" s="14" t="s">
        <v>1</v>
      </c>
      <c r="C112828" s="14" t="s">
        <v>35</v>
      </c>
      <c r="D112828" s="14" t="s">
        <v>540</v>
      </c>
      <c r="E112828" s="15">
        <v>45419</v>
      </c>
      <c r="F112828" s="14" t="s">
        <v>61</v>
      </c>
      <c r="G112828" s="16">
        <v>0</v>
      </c>
    </row>
    <row r="112829" spans="1:7" x14ac:dyDescent="0.3">
      <c r="A112829" s="13" t="s">
        <v>539</v>
      </c>
      <c r="B112829" s="14" t="s">
        <v>1</v>
      </c>
      <c r="C112829" s="14" t="s">
        <v>35</v>
      </c>
      <c r="D112829" s="14" t="s">
        <v>540</v>
      </c>
      <c r="E112829" s="15">
        <v>45420</v>
      </c>
      <c r="F112829" s="14" t="s">
        <v>61</v>
      </c>
      <c r="G112829" s="16">
        <v>0</v>
      </c>
    </row>
    <row r="112830" spans="1:7" x14ac:dyDescent="0.3">
      <c r="A112830" s="13" t="s">
        <v>539</v>
      </c>
      <c r="B112830" s="14" t="s">
        <v>1</v>
      </c>
      <c r="C112830" s="14" t="s">
        <v>35</v>
      </c>
      <c r="D112830" s="14" t="s">
        <v>540</v>
      </c>
      <c r="E112830" s="15">
        <v>45421</v>
      </c>
      <c r="F112830" s="14" t="s">
        <v>61</v>
      </c>
      <c r="G112830" s="16">
        <v>0</v>
      </c>
    </row>
    <row r="112831" spans="1:7" x14ac:dyDescent="0.3">
      <c r="A112831" s="13" t="s">
        <v>539</v>
      </c>
      <c r="B112831" s="14" t="s">
        <v>1</v>
      </c>
      <c r="C112831" s="14" t="s">
        <v>35</v>
      </c>
      <c r="D112831" s="14" t="s">
        <v>540</v>
      </c>
      <c r="E112831" s="15">
        <v>45422</v>
      </c>
      <c r="F112831" s="14" t="s">
        <v>61</v>
      </c>
      <c r="G112831" s="16">
        <v>0</v>
      </c>
    </row>
    <row r="112832" spans="1:7" x14ac:dyDescent="0.3">
      <c r="A112832" s="13" t="s">
        <v>539</v>
      </c>
      <c r="B112832" s="14" t="s">
        <v>1</v>
      </c>
      <c r="C112832" s="14" t="s">
        <v>35</v>
      </c>
      <c r="D112832" s="14" t="s">
        <v>540</v>
      </c>
      <c r="E112832" s="15">
        <v>45423</v>
      </c>
      <c r="F112832" s="14" t="s">
        <v>61</v>
      </c>
      <c r="G112832" s="16">
        <v>0</v>
      </c>
    </row>
    <row r="112833" spans="1:7" x14ac:dyDescent="0.3">
      <c r="A112833" s="13" t="s">
        <v>539</v>
      </c>
      <c r="B112833" s="14" t="s">
        <v>1</v>
      </c>
      <c r="C112833" s="14" t="s">
        <v>35</v>
      </c>
      <c r="D112833" s="14" t="s">
        <v>540</v>
      </c>
      <c r="E112833" s="15">
        <v>45424</v>
      </c>
      <c r="F112833" s="14" t="s">
        <v>61</v>
      </c>
      <c r="G112833" s="16">
        <v>0</v>
      </c>
    </row>
    <row r="112834" spans="1:7" x14ac:dyDescent="0.3">
      <c r="A112834" s="13" t="s">
        <v>539</v>
      </c>
      <c r="B112834" s="14" t="s">
        <v>1</v>
      </c>
      <c r="C112834" s="14" t="s">
        <v>35</v>
      </c>
      <c r="D112834" s="14" t="s">
        <v>540</v>
      </c>
      <c r="E112834" s="15">
        <v>45425</v>
      </c>
      <c r="F112834" s="14" t="s">
        <v>61</v>
      </c>
      <c r="G112834" s="16">
        <v>0</v>
      </c>
    </row>
    <row r="112835" spans="1:7" x14ac:dyDescent="0.3">
      <c r="A112835" s="13" t="s">
        <v>539</v>
      </c>
      <c r="B112835" s="14" t="s">
        <v>1</v>
      </c>
      <c r="C112835" s="14" t="s">
        <v>35</v>
      </c>
      <c r="D112835" s="14" t="s">
        <v>540</v>
      </c>
      <c r="E112835" s="15">
        <v>45426</v>
      </c>
      <c r="F112835" s="14" t="s">
        <v>61</v>
      </c>
      <c r="G112835" s="16">
        <v>0</v>
      </c>
    </row>
    <row r="112836" spans="1:7" x14ac:dyDescent="0.3">
      <c r="A112836" s="13" t="s">
        <v>539</v>
      </c>
      <c r="B112836" s="14" t="s">
        <v>1</v>
      </c>
      <c r="C112836" s="14" t="s">
        <v>35</v>
      </c>
      <c r="D112836" s="14" t="s">
        <v>540</v>
      </c>
      <c r="E112836" s="15">
        <v>45427</v>
      </c>
      <c r="F112836" s="14" t="s">
        <v>61</v>
      </c>
      <c r="G112836" s="16">
        <v>0</v>
      </c>
    </row>
    <row r="112837" spans="1:7" x14ac:dyDescent="0.3">
      <c r="A112837" s="13" t="s">
        <v>539</v>
      </c>
      <c r="B112837" s="14" t="s">
        <v>1</v>
      </c>
      <c r="C112837" s="14" t="s">
        <v>35</v>
      </c>
      <c r="D112837" s="14" t="s">
        <v>540</v>
      </c>
      <c r="E112837" s="15">
        <v>45428</v>
      </c>
      <c r="F112837" s="14" t="s">
        <v>61</v>
      </c>
      <c r="G112837" s="16">
        <v>0</v>
      </c>
    </row>
    <row r="112838" spans="1:7" x14ac:dyDescent="0.3">
      <c r="A112838" s="13" t="s">
        <v>539</v>
      </c>
      <c r="B112838" s="14" t="s">
        <v>1</v>
      </c>
      <c r="C112838" s="14" t="s">
        <v>35</v>
      </c>
      <c r="D112838" s="14" t="s">
        <v>540</v>
      </c>
      <c r="E112838" s="15">
        <v>45429</v>
      </c>
      <c r="F112838" s="14" t="s">
        <v>61</v>
      </c>
      <c r="G112838" s="16">
        <v>0</v>
      </c>
    </row>
    <row r="112839" spans="1:7" x14ac:dyDescent="0.3">
      <c r="A112839" s="13" t="s">
        <v>539</v>
      </c>
      <c r="B112839" s="14" t="s">
        <v>1</v>
      </c>
      <c r="C112839" s="14" t="s">
        <v>35</v>
      </c>
      <c r="D112839" s="14" t="s">
        <v>540</v>
      </c>
      <c r="E112839" s="15">
        <v>45430</v>
      </c>
      <c r="F112839" s="14" t="s">
        <v>61</v>
      </c>
      <c r="G112839" s="16">
        <v>0</v>
      </c>
    </row>
    <row r="112840" spans="1:7" x14ac:dyDescent="0.3">
      <c r="A112840" s="13" t="s">
        <v>539</v>
      </c>
      <c r="B112840" s="14" t="s">
        <v>1</v>
      </c>
      <c r="C112840" s="14" t="s">
        <v>35</v>
      </c>
      <c r="D112840" s="14" t="s">
        <v>540</v>
      </c>
      <c r="E112840" s="15">
        <v>45431</v>
      </c>
      <c r="F112840" s="14" t="s">
        <v>61</v>
      </c>
      <c r="G112840" s="16">
        <v>0</v>
      </c>
    </row>
    <row r="112841" spans="1:7" x14ac:dyDescent="0.3">
      <c r="A112841" s="13" t="s">
        <v>539</v>
      </c>
      <c r="B112841" s="14" t="s">
        <v>1</v>
      </c>
      <c r="C112841" s="14" t="s">
        <v>35</v>
      </c>
      <c r="D112841" s="14" t="s">
        <v>540</v>
      </c>
      <c r="E112841" s="15">
        <v>45432</v>
      </c>
      <c r="F112841" s="14" t="s">
        <v>61</v>
      </c>
      <c r="G112841" s="16">
        <v>0</v>
      </c>
    </row>
    <row r="112842" spans="1:7" x14ac:dyDescent="0.3">
      <c r="A112842" s="13" t="s">
        <v>539</v>
      </c>
      <c r="B112842" s="14" t="s">
        <v>1</v>
      </c>
      <c r="C112842" s="14" t="s">
        <v>35</v>
      </c>
      <c r="D112842" s="14" t="s">
        <v>540</v>
      </c>
      <c r="E112842" s="15">
        <v>45433</v>
      </c>
      <c r="F112842" s="14" t="s">
        <v>61</v>
      </c>
      <c r="G112842" s="16">
        <v>0</v>
      </c>
    </row>
    <row r="112843" spans="1:7" x14ac:dyDescent="0.3">
      <c r="A112843" s="13" t="s">
        <v>539</v>
      </c>
      <c r="B112843" s="14" t="s">
        <v>1</v>
      </c>
      <c r="C112843" s="14" t="s">
        <v>35</v>
      </c>
      <c r="D112843" s="14" t="s">
        <v>540</v>
      </c>
      <c r="E112843" s="15">
        <v>45434</v>
      </c>
      <c r="F112843" s="14" t="s">
        <v>61</v>
      </c>
      <c r="G112843" s="16">
        <v>0</v>
      </c>
    </row>
    <row r="112844" spans="1:7" x14ac:dyDescent="0.3">
      <c r="A112844" s="13" t="s">
        <v>539</v>
      </c>
      <c r="B112844" s="14" t="s">
        <v>1</v>
      </c>
      <c r="C112844" s="14" t="s">
        <v>35</v>
      </c>
      <c r="D112844" s="14" t="s">
        <v>540</v>
      </c>
      <c r="E112844" s="15">
        <v>45435</v>
      </c>
      <c r="F112844" s="14" t="s">
        <v>61</v>
      </c>
      <c r="G112844" s="16">
        <v>0</v>
      </c>
    </row>
    <row r="112845" spans="1:7" x14ac:dyDescent="0.3">
      <c r="A112845" s="13" t="s">
        <v>539</v>
      </c>
      <c r="B112845" s="14" t="s">
        <v>1</v>
      </c>
      <c r="C112845" s="14" t="s">
        <v>35</v>
      </c>
      <c r="D112845" s="14" t="s">
        <v>540</v>
      </c>
      <c r="E112845" s="15">
        <v>45436</v>
      </c>
      <c r="F112845" s="14" t="s">
        <v>61</v>
      </c>
      <c r="G112845" s="16">
        <v>0</v>
      </c>
    </row>
    <row r="112846" spans="1:7" x14ac:dyDescent="0.3">
      <c r="A112846" s="13" t="s">
        <v>539</v>
      </c>
      <c r="B112846" s="14" t="s">
        <v>1</v>
      </c>
      <c r="C112846" s="14" t="s">
        <v>35</v>
      </c>
      <c r="D112846" s="14" t="s">
        <v>540</v>
      </c>
      <c r="E112846" s="15">
        <v>45437</v>
      </c>
      <c r="F112846" s="14" t="s">
        <v>61</v>
      </c>
      <c r="G112846" s="16">
        <v>0</v>
      </c>
    </row>
    <row r="112847" spans="1:7" x14ac:dyDescent="0.3">
      <c r="A112847" s="13" t="s">
        <v>539</v>
      </c>
      <c r="B112847" s="14" t="s">
        <v>1</v>
      </c>
      <c r="C112847" s="14" t="s">
        <v>35</v>
      </c>
      <c r="D112847" s="14" t="s">
        <v>540</v>
      </c>
      <c r="E112847" s="15">
        <v>45438</v>
      </c>
      <c r="F112847" s="14" t="s">
        <v>61</v>
      </c>
      <c r="G112847" s="16">
        <v>0</v>
      </c>
    </row>
    <row r="112848" spans="1:7" x14ac:dyDescent="0.3">
      <c r="A112848" s="13" t="s">
        <v>539</v>
      </c>
      <c r="B112848" s="14" t="s">
        <v>1</v>
      </c>
      <c r="C112848" s="14" t="s">
        <v>35</v>
      </c>
      <c r="D112848" s="14" t="s">
        <v>540</v>
      </c>
      <c r="E112848" s="15">
        <v>45439</v>
      </c>
      <c r="F112848" s="14" t="s">
        <v>61</v>
      </c>
      <c r="G112848" s="16">
        <v>0</v>
      </c>
    </row>
    <row r="112849" spans="1:7" x14ac:dyDescent="0.3">
      <c r="A112849" s="13" t="s">
        <v>539</v>
      </c>
      <c r="B112849" s="14" t="s">
        <v>1</v>
      </c>
      <c r="C112849" s="14" t="s">
        <v>35</v>
      </c>
      <c r="D112849" s="14" t="s">
        <v>540</v>
      </c>
      <c r="E112849" s="15">
        <v>45440</v>
      </c>
      <c r="F112849" s="14" t="s">
        <v>61</v>
      </c>
      <c r="G112849" s="16">
        <v>0</v>
      </c>
    </row>
    <row r="112850" spans="1:7" x14ac:dyDescent="0.3">
      <c r="A112850" s="13" t="s">
        <v>539</v>
      </c>
      <c r="B112850" s="14" t="s">
        <v>1</v>
      </c>
      <c r="C112850" s="14" t="s">
        <v>35</v>
      </c>
      <c r="D112850" s="14" t="s">
        <v>540</v>
      </c>
      <c r="E112850" s="15">
        <v>45441</v>
      </c>
      <c r="F112850" s="14" t="s">
        <v>61</v>
      </c>
      <c r="G112850" s="16">
        <v>0</v>
      </c>
    </row>
    <row r="112851" spans="1:7" x14ac:dyDescent="0.3">
      <c r="A112851" s="13" t="s">
        <v>539</v>
      </c>
      <c r="B112851" s="14" t="s">
        <v>1</v>
      </c>
      <c r="C112851" s="14" t="s">
        <v>35</v>
      </c>
      <c r="D112851" s="14" t="s">
        <v>540</v>
      </c>
      <c r="E112851" s="15">
        <v>45442</v>
      </c>
      <c r="F112851" s="14" t="s">
        <v>61</v>
      </c>
      <c r="G112851" s="16">
        <v>0</v>
      </c>
    </row>
    <row r="112852" spans="1:7" x14ac:dyDescent="0.3">
      <c r="A112852" s="13" t="s">
        <v>539</v>
      </c>
      <c r="B112852" s="14" t="s">
        <v>1</v>
      </c>
      <c r="C112852" s="14" t="s">
        <v>35</v>
      </c>
      <c r="D112852" s="14" t="s">
        <v>540</v>
      </c>
      <c r="E112852" s="15">
        <v>45443</v>
      </c>
      <c r="F112852" s="14" t="s">
        <v>61</v>
      </c>
      <c r="G112852" s="16">
        <v>0</v>
      </c>
    </row>
    <row r="112853" spans="1:7" x14ac:dyDescent="0.3">
      <c r="A112853" s="13" t="s">
        <v>539</v>
      </c>
      <c r="B112853" s="14" t="s">
        <v>1</v>
      </c>
      <c r="C112853" s="14" t="s">
        <v>35</v>
      </c>
      <c r="D112853" s="14" t="s">
        <v>540</v>
      </c>
      <c r="E112853" s="15">
        <v>45444</v>
      </c>
      <c r="F112853" s="14" t="s">
        <v>61</v>
      </c>
      <c r="G112853" s="16">
        <v>0</v>
      </c>
    </row>
    <row r="112854" spans="1:7" x14ac:dyDescent="0.3">
      <c r="A112854" s="13" t="s">
        <v>539</v>
      </c>
      <c r="B112854" s="14" t="s">
        <v>1</v>
      </c>
      <c r="C112854" s="14" t="s">
        <v>35</v>
      </c>
      <c r="D112854" s="14" t="s">
        <v>540</v>
      </c>
      <c r="E112854" s="15">
        <v>45445</v>
      </c>
      <c r="F112854" s="14" t="s">
        <v>61</v>
      </c>
      <c r="G112854" s="16">
        <v>0</v>
      </c>
    </row>
    <row r="112855" spans="1:7" x14ac:dyDescent="0.3">
      <c r="A112855" s="13" t="s">
        <v>539</v>
      </c>
      <c r="B112855" s="14" t="s">
        <v>1</v>
      </c>
      <c r="C112855" s="14" t="s">
        <v>35</v>
      </c>
      <c r="D112855" s="14" t="s">
        <v>540</v>
      </c>
      <c r="E112855" s="15">
        <v>45446</v>
      </c>
      <c r="F112855" s="14" t="s">
        <v>61</v>
      </c>
      <c r="G112855" s="16">
        <v>0</v>
      </c>
    </row>
    <row r="112856" spans="1:7" x14ac:dyDescent="0.3">
      <c r="A112856" s="13" t="s">
        <v>539</v>
      </c>
      <c r="B112856" s="14" t="s">
        <v>1</v>
      </c>
      <c r="C112856" s="14" t="s">
        <v>35</v>
      </c>
      <c r="D112856" s="14" t="s">
        <v>540</v>
      </c>
      <c r="E112856" s="15">
        <v>45447</v>
      </c>
      <c r="F112856" s="14" t="s">
        <v>61</v>
      </c>
      <c r="G112856" s="16">
        <v>0</v>
      </c>
    </row>
    <row r="112857" spans="1:7" x14ac:dyDescent="0.3">
      <c r="A112857" s="13" t="s">
        <v>539</v>
      </c>
      <c r="B112857" s="14" t="s">
        <v>1</v>
      </c>
      <c r="C112857" s="14" t="s">
        <v>35</v>
      </c>
      <c r="D112857" s="14" t="s">
        <v>540</v>
      </c>
      <c r="E112857" s="15">
        <v>45448</v>
      </c>
      <c r="F112857" s="14" t="s">
        <v>61</v>
      </c>
      <c r="G112857" s="16">
        <v>0</v>
      </c>
    </row>
    <row r="112858" spans="1:7" x14ac:dyDescent="0.3">
      <c r="A112858" s="13" t="s">
        <v>539</v>
      </c>
      <c r="B112858" s="14" t="s">
        <v>1</v>
      </c>
      <c r="C112858" s="14" t="s">
        <v>35</v>
      </c>
      <c r="D112858" s="14" t="s">
        <v>540</v>
      </c>
      <c r="E112858" s="15">
        <v>45449</v>
      </c>
      <c r="F112858" s="14" t="s">
        <v>61</v>
      </c>
      <c r="G112858" s="16">
        <v>0</v>
      </c>
    </row>
    <row r="112859" spans="1:7" x14ac:dyDescent="0.3">
      <c r="A112859" s="13" t="s">
        <v>539</v>
      </c>
      <c r="B112859" s="14" t="s">
        <v>1</v>
      </c>
      <c r="C112859" s="14" t="s">
        <v>35</v>
      </c>
      <c r="D112859" s="14" t="s">
        <v>540</v>
      </c>
      <c r="E112859" s="15">
        <v>45450</v>
      </c>
      <c r="F112859" s="14" t="s">
        <v>61</v>
      </c>
      <c r="G112859" s="16">
        <v>0</v>
      </c>
    </row>
    <row r="112860" spans="1:7" x14ac:dyDescent="0.3">
      <c r="A112860" s="13" t="s">
        <v>539</v>
      </c>
      <c r="B112860" s="14" t="s">
        <v>1</v>
      </c>
      <c r="C112860" s="14" t="s">
        <v>35</v>
      </c>
      <c r="D112860" s="14" t="s">
        <v>540</v>
      </c>
      <c r="E112860" s="15">
        <v>45451</v>
      </c>
      <c r="F112860" s="14" t="s">
        <v>61</v>
      </c>
      <c r="G112860" s="16">
        <v>0</v>
      </c>
    </row>
    <row r="112861" spans="1:7" x14ac:dyDescent="0.3">
      <c r="A112861" s="13" t="s">
        <v>539</v>
      </c>
      <c r="B112861" s="14" t="s">
        <v>1</v>
      </c>
      <c r="C112861" s="14" t="s">
        <v>35</v>
      </c>
      <c r="D112861" s="14" t="s">
        <v>540</v>
      </c>
      <c r="E112861" s="15">
        <v>45452</v>
      </c>
      <c r="F112861" s="14" t="s">
        <v>61</v>
      </c>
      <c r="G112861" s="16">
        <v>0</v>
      </c>
    </row>
    <row r="112862" spans="1:7" x14ac:dyDescent="0.3">
      <c r="A112862" s="13" t="s">
        <v>539</v>
      </c>
      <c r="B112862" s="14" t="s">
        <v>1</v>
      </c>
      <c r="C112862" s="14" t="s">
        <v>35</v>
      </c>
      <c r="D112862" s="14" t="s">
        <v>540</v>
      </c>
      <c r="E112862" s="15">
        <v>45453</v>
      </c>
      <c r="F112862" s="14" t="s">
        <v>61</v>
      </c>
      <c r="G112862" s="16">
        <v>0</v>
      </c>
    </row>
    <row r="112863" spans="1:7" x14ac:dyDescent="0.3">
      <c r="A112863" s="13" t="s">
        <v>539</v>
      </c>
      <c r="B112863" s="14" t="s">
        <v>1</v>
      </c>
      <c r="C112863" s="14" t="s">
        <v>35</v>
      </c>
      <c r="D112863" s="14" t="s">
        <v>540</v>
      </c>
      <c r="E112863" s="15">
        <v>45454</v>
      </c>
      <c r="F112863" s="14" t="s">
        <v>61</v>
      </c>
      <c r="G112863" s="16">
        <v>0</v>
      </c>
    </row>
    <row r="112864" spans="1:7" x14ac:dyDescent="0.3">
      <c r="A112864" s="13" t="s">
        <v>539</v>
      </c>
      <c r="B112864" s="14" t="s">
        <v>1</v>
      </c>
      <c r="C112864" s="14" t="s">
        <v>35</v>
      </c>
      <c r="D112864" s="14" t="s">
        <v>540</v>
      </c>
      <c r="E112864" s="15">
        <v>45455</v>
      </c>
      <c r="F112864" s="14" t="s">
        <v>61</v>
      </c>
      <c r="G112864" s="16">
        <v>0</v>
      </c>
    </row>
    <row r="112865" spans="1:7" x14ac:dyDescent="0.3">
      <c r="A112865" s="13" t="s">
        <v>539</v>
      </c>
      <c r="B112865" s="14" t="s">
        <v>1</v>
      </c>
      <c r="C112865" s="14" t="s">
        <v>35</v>
      </c>
      <c r="D112865" s="14" t="s">
        <v>540</v>
      </c>
      <c r="E112865" s="15">
        <v>45456</v>
      </c>
      <c r="F112865" s="14" t="s">
        <v>61</v>
      </c>
      <c r="G112865" s="16">
        <v>0</v>
      </c>
    </row>
    <row r="112866" spans="1:7" x14ac:dyDescent="0.3">
      <c r="A112866" s="13" t="s">
        <v>539</v>
      </c>
      <c r="B112866" s="14" t="s">
        <v>1</v>
      </c>
      <c r="C112866" s="14" t="s">
        <v>35</v>
      </c>
      <c r="D112866" s="14" t="s">
        <v>540</v>
      </c>
      <c r="E112866" s="15">
        <v>45457</v>
      </c>
      <c r="F112866" s="14" t="s">
        <v>61</v>
      </c>
      <c r="G112866" s="16">
        <v>1.9713400622444758E-2</v>
      </c>
    </row>
    <row r="112867" spans="1:7" x14ac:dyDescent="0.3">
      <c r="A112867" s="13" t="s">
        <v>539</v>
      </c>
      <c r="B112867" s="14" t="s">
        <v>1</v>
      </c>
      <c r="C112867" s="14" t="s">
        <v>35</v>
      </c>
      <c r="D112867" s="14" t="s">
        <v>540</v>
      </c>
      <c r="E112867" s="15">
        <v>45458</v>
      </c>
      <c r="F112867" s="14" t="s">
        <v>61</v>
      </c>
      <c r="G112867" s="16">
        <v>1.9713400622444758E-2</v>
      </c>
    </row>
    <row r="112868" spans="1:7" x14ac:dyDescent="0.3">
      <c r="A112868" s="13" t="s">
        <v>539</v>
      </c>
      <c r="B112868" s="14" t="s">
        <v>1</v>
      </c>
      <c r="C112868" s="14" t="s">
        <v>35</v>
      </c>
      <c r="D112868" s="14" t="s">
        <v>540</v>
      </c>
      <c r="E112868" s="15">
        <v>45459</v>
      </c>
      <c r="F112868" s="14" t="s">
        <v>61</v>
      </c>
      <c r="G112868" s="16">
        <v>1.9713400622444758E-2</v>
      </c>
    </row>
    <row r="112869" spans="1:7" x14ac:dyDescent="0.3">
      <c r="A112869" s="13" t="s">
        <v>539</v>
      </c>
      <c r="B112869" s="14" t="s">
        <v>1</v>
      </c>
      <c r="C112869" s="14" t="s">
        <v>35</v>
      </c>
      <c r="D112869" s="14" t="s">
        <v>540</v>
      </c>
      <c r="E112869" s="15">
        <v>45460</v>
      </c>
      <c r="F112869" s="14" t="s">
        <v>61</v>
      </c>
      <c r="G112869" s="16">
        <v>1.8555497852693056E-2</v>
      </c>
    </row>
    <row r="112870" spans="1:7" x14ac:dyDescent="0.3">
      <c r="A112870" s="13" t="s">
        <v>539</v>
      </c>
      <c r="B112870" s="14" t="s">
        <v>1</v>
      </c>
      <c r="C112870" s="14" t="s">
        <v>35</v>
      </c>
      <c r="D112870" s="14" t="s">
        <v>540</v>
      </c>
      <c r="E112870" s="15">
        <v>45461</v>
      </c>
      <c r="F112870" s="14" t="s">
        <v>61</v>
      </c>
      <c r="G112870" s="16">
        <v>1.5055656927832079E-2</v>
      </c>
    </row>
    <row r="112871" spans="1:7" x14ac:dyDescent="0.3">
      <c r="A112871" s="13" t="s">
        <v>539</v>
      </c>
      <c r="B112871" s="14" t="s">
        <v>1</v>
      </c>
      <c r="C112871" s="14" t="s">
        <v>35</v>
      </c>
      <c r="D112871" s="14" t="s">
        <v>540</v>
      </c>
      <c r="E112871" s="15">
        <v>45462</v>
      </c>
      <c r="F112871" s="14" t="s">
        <v>61</v>
      </c>
      <c r="G112871" s="16">
        <v>1.3952280642503605E-2</v>
      </c>
    </row>
    <row r="112872" spans="1:7" x14ac:dyDescent="0.3">
      <c r="A112872" s="13" t="s">
        <v>539</v>
      </c>
      <c r="B112872" s="14" t="s">
        <v>1</v>
      </c>
      <c r="C112872" s="14" t="s">
        <v>35</v>
      </c>
      <c r="D112872" s="14" t="s">
        <v>540</v>
      </c>
      <c r="E112872" s="15">
        <v>45463</v>
      </c>
      <c r="F112872" s="14" t="s">
        <v>61</v>
      </c>
      <c r="G112872" s="16">
        <v>1.2809866432131467E-2</v>
      </c>
    </row>
    <row r="112873" spans="1:7" x14ac:dyDescent="0.3">
      <c r="A112873" s="13" t="s">
        <v>539</v>
      </c>
      <c r="B112873" s="14" t="s">
        <v>1</v>
      </c>
      <c r="C112873" s="14" t="s">
        <v>35</v>
      </c>
      <c r="D112873" s="14" t="s">
        <v>540</v>
      </c>
      <c r="E112873" s="15">
        <v>45464</v>
      </c>
      <c r="F112873" s="14" t="s">
        <v>61</v>
      </c>
      <c r="G112873" s="16">
        <v>1.1703587118311662E-2</v>
      </c>
    </row>
    <row r="112874" spans="1:7" x14ac:dyDescent="0.3">
      <c r="A112874" s="13" t="s">
        <v>539</v>
      </c>
      <c r="B112874" s="14" t="s">
        <v>1</v>
      </c>
      <c r="C112874" s="14" t="s">
        <v>35</v>
      </c>
      <c r="D112874" s="14" t="s">
        <v>540</v>
      </c>
      <c r="E112874" s="15">
        <v>45465</v>
      </c>
      <c r="F112874" s="14" t="s">
        <v>61</v>
      </c>
      <c r="G112874" s="16">
        <v>1.1703587118311662E-2</v>
      </c>
    </row>
    <row r="112875" spans="1:7" x14ac:dyDescent="0.3">
      <c r="A112875" s="13" t="s">
        <v>539</v>
      </c>
      <c r="B112875" s="14" t="s">
        <v>1</v>
      </c>
      <c r="C112875" s="14" t="s">
        <v>35</v>
      </c>
      <c r="D112875" s="14" t="s">
        <v>540</v>
      </c>
      <c r="E112875" s="15">
        <v>45466</v>
      </c>
      <c r="F112875" s="14" t="s">
        <v>61</v>
      </c>
      <c r="G112875" s="16">
        <v>1.1703587118311662E-2</v>
      </c>
    </row>
    <row r="112876" spans="1:7" x14ac:dyDescent="0.3">
      <c r="A112876" s="13" t="s">
        <v>539</v>
      </c>
      <c r="B112876" s="14" t="s">
        <v>1</v>
      </c>
      <c r="C112876" s="14" t="s">
        <v>35</v>
      </c>
      <c r="D112876" s="14" t="s">
        <v>540</v>
      </c>
      <c r="E112876" s="15">
        <v>45467</v>
      </c>
      <c r="F112876" s="14" t="s">
        <v>61</v>
      </c>
      <c r="G112876" s="16">
        <v>1.0580459461882793E-2</v>
      </c>
    </row>
    <row r="112877" spans="1:7" x14ac:dyDescent="0.3">
      <c r="A112877" s="13" t="s">
        <v>539</v>
      </c>
      <c r="B112877" s="14" t="s">
        <v>1</v>
      </c>
      <c r="C112877" s="14" t="s">
        <v>35</v>
      </c>
      <c r="D112877" s="14" t="s">
        <v>540</v>
      </c>
      <c r="E112877" s="15">
        <v>45468</v>
      </c>
      <c r="F112877" s="14" t="s">
        <v>61</v>
      </c>
      <c r="G112877" s="16">
        <v>6.9988558515313654E-3</v>
      </c>
    </row>
    <row r="112878" spans="1:7" x14ac:dyDescent="0.3">
      <c r="A112878" s="13" t="s">
        <v>539</v>
      </c>
      <c r="B112878" s="14" t="s">
        <v>1</v>
      </c>
      <c r="C112878" s="14" t="s">
        <v>35</v>
      </c>
      <c r="D112878" s="14" t="s">
        <v>540</v>
      </c>
      <c r="E112878" s="15">
        <v>45469</v>
      </c>
      <c r="F112878" s="14" t="s">
        <v>61</v>
      </c>
      <c r="G112878" s="16">
        <v>5.9006080088282245E-3</v>
      </c>
    </row>
    <row r="112879" spans="1:7" x14ac:dyDescent="0.3">
      <c r="A112879" s="13" t="s">
        <v>539</v>
      </c>
      <c r="B112879" s="14" t="s">
        <v>1</v>
      </c>
      <c r="C112879" s="14" t="s">
        <v>35</v>
      </c>
      <c r="D112879" s="14" t="s">
        <v>540</v>
      </c>
      <c r="E112879" s="15">
        <v>45470</v>
      </c>
      <c r="F112879" s="14" t="s">
        <v>61</v>
      </c>
      <c r="G112879" s="16">
        <v>4.7906356137637713E-3</v>
      </c>
    </row>
    <row r="112880" spans="1:7" x14ac:dyDescent="0.3">
      <c r="A112880" s="13" t="s">
        <v>539</v>
      </c>
      <c r="B112880" s="14" t="s">
        <v>1</v>
      </c>
      <c r="C112880" s="14" t="s">
        <v>35</v>
      </c>
      <c r="D112880" s="14" t="s">
        <v>540</v>
      </c>
      <c r="E112880" s="15">
        <v>45471</v>
      </c>
      <c r="F112880" s="14" t="s">
        <v>61</v>
      </c>
      <c r="G112880" s="16">
        <v>3.7054543694624254E-3</v>
      </c>
    </row>
    <row r="112881" spans="1:7" x14ac:dyDescent="0.3">
      <c r="A112881" s="13" t="s">
        <v>539</v>
      </c>
      <c r="B112881" s="14" t="s">
        <v>1</v>
      </c>
      <c r="C112881" s="14" t="s">
        <v>35</v>
      </c>
      <c r="D112881" s="14" t="s">
        <v>540</v>
      </c>
      <c r="E112881" s="15">
        <v>45472</v>
      </c>
      <c r="F112881" s="14" t="s">
        <v>61</v>
      </c>
      <c r="G112881" s="16">
        <v>3.7054543694624254E-3</v>
      </c>
    </row>
    <row r="112882" spans="1:7" x14ac:dyDescent="0.3">
      <c r="A112882" s="13" t="s">
        <v>539</v>
      </c>
      <c r="B112882" s="14" t="s">
        <v>1</v>
      </c>
      <c r="C112882" s="14" t="s">
        <v>35</v>
      </c>
      <c r="D112882" s="14" t="s">
        <v>540</v>
      </c>
      <c r="E112882" s="15">
        <v>45473</v>
      </c>
      <c r="F112882" s="14" t="s">
        <v>61</v>
      </c>
      <c r="G112882" s="16">
        <v>3.7054543694624254E-3</v>
      </c>
    </row>
    <row r="112883" spans="1:7" x14ac:dyDescent="0.3">
      <c r="A112883" s="13" t="s">
        <v>539</v>
      </c>
      <c r="B112883" s="14" t="s">
        <v>1</v>
      </c>
      <c r="C112883" s="14" t="s">
        <v>35</v>
      </c>
      <c r="D112883" s="14" t="s">
        <v>540</v>
      </c>
      <c r="E112883" s="15">
        <v>45474</v>
      </c>
      <c r="F112883" s="14" t="s">
        <v>61</v>
      </c>
      <c r="G112883" s="16">
        <v>2.592614557529487E-3</v>
      </c>
    </row>
    <row r="112884" spans="1:7" x14ac:dyDescent="0.3">
      <c r="A112884" s="13" t="s">
        <v>539</v>
      </c>
      <c r="B112884" s="14" t="s">
        <v>1</v>
      </c>
      <c r="C112884" s="14" t="s">
        <v>35</v>
      </c>
      <c r="D112884" s="14" t="s">
        <v>540</v>
      </c>
      <c r="E112884" s="15">
        <v>45475</v>
      </c>
      <c r="F112884" s="14" t="s">
        <v>61</v>
      </c>
      <c r="G112884" s="16">
        <v>0</v>
      </c>
    </row>
    <row r="112885" spans="1:7" x14ac:dyDescent="0.3">
      <c r="A112885" s="13" t="s">
        <v>539</v>
      </c>
      <c r="B112885" s="14" t="s">
        <v>1</v>
      </c>
      <c r="C112885" s="14" t="s">
        <v>35</v>
      </c>
      <c r="D112885" s="14" t="s">
        <v>540</v>
      </c>
      <c r="E112885" s="15">
        <v>45476</v>
      </c>
      <c r="F112885" s="14" t="s">
        <v>61</v>
      </c>
      <c r="G112885" s="16">
        <v>0</v>
      </c>
    </row>
    <row r="112886" spans="1:7" x14ac:dyDescent="0.3">
      <c r="A112886" s="13" t="s">
        <v>539</v>
      </c>
      <c r="B112886" s="14" t="s">
        <v>1</v>
      </c>
      <c r="C112886" s="14" t="s">
        <v>35</v>
      </c>
      <c r="D112886" s="14" t="s">
        <v>540</v>
      </c>
      <c r="E112886" s="15">
        <v>45477</v>
      </c>
      <c r="F112886" s="14" t="s">
        <v>61</v>
      </c>
      <c r="G112886" s="16">
        <v>0</v>
      </c>
    </row>
    <row r="112887" spans="1:7" x14ac:dyDescent="0.3">
      <c r="A112887" s="13" t="s">
        <v>539</v>
      </c>
      <c r="B112887" s="14" t="s">
        <v>1</v>
      </c>
      <c r="C112887" s="14" t="s">
        <v>35</v>
      </c>
      <c r="D112887" s="14" t="s">
        <v>540</v>
      </c>
      <c r="E112887" s="15">
        <v>45478</v>
      </c>
      <c r="F112887" s="14" t="s">
        <v>61</v>
      </c>
      <c r="G112887" s="16">
        <v>0</v>
      </c>
    </row>
    <row r="112888" spans="1:7" x14ac:dyDescent="0.3">
      <c r="A112888" s="13" t="s">
        <v>539</v>
      </c>
      <c r="B112888" s="14" t="s">
        <v>1</v>
      </c>
      <c r="C112888" s="14" t="s">
        <v>35</v>
      </c>
      <c r="D112888" s="14" t="s">
        <v>540</v>
      </c>
      <c r="E112888" s="15">
        <v>45479</v>
      </c>
      <c r="F112888" s="14" t="s">
        <v>61</v>
      </c>
      <c r="G112888" s="16">
        <v>0</v>
      </c>
    </row>
    <row r="112889" spans="1:7" x14ac:dyDescent="0.3">
      <c r="A112889" s="13" t="s">
        <v>539</v>
      </c>
      <c r="B112889" s="14" t="s">
        <v>1</v>
      </c>
      <c r="C112889" s="14" t="s">
        <v>35</v>
      </c>
      <c r="D112889" s="14" t="s">
        <v>540</v>
      </c>
      <c r="E112889" s="15">
        <v>45480</v>
      </c>
      <c r="F112889" s="14" t="s">
        <v>61</v>
      </c>
      <c r="G112889" s="16">
        <v>0</v>
      </c>
    </row>
    <row r="112890" spans="1:7" x14ac:dyDescent="0.3">
      <c r="A112890" s="13" t="s">
        <v>539</v>
      </c>
      <c r="B112890" s="14" t="s">
        <v>1</v>
      </c>
      <c r="C112890" s="14" t="s">
        <v>35</v>
      </c>
      <c r="D112890" s="14" t="s">
        <v>540</v>
      </c>
      <c r="E112890" s="15">
        <v>45481</v>
      </c>
      <c r="F112890" s="14" t="s">
        <v>61</v>
      </c>
      <c r="G112890" s="16">
        <v>0</v>
      </c>
    </row>
    <row r="112891" spans="1:7" x14ac:dyDescent="0.3">
      <c r="A112891" s="13" t="s">
        <v>539</v>
      </c>
      <c r="B112891" s="14" t="s">
        <v>1</v>
      </c>
      <c r="C112891" s="14" t="s">
        <v>35</v>
      </c>
      <c r="D112891" s="14" t="s">
        <v>540</v>
      </c>
      <c r="E112891" s="15">
        <v>45482</v>
      </c>
      <c r="F112891" s="14" t="s">
        <v>61</v>
      </c>
      <c r="G112891" s="16">
        <v>0</v>
      </c>
    </row>
    <row r="112892" spans="1:7" x14ac:dyDescent="0.3">
      <c r="A112892" s="13" t="s">
        <v>539</v>
      </c>
      <c r="B112892" s="14" t="s">
        <v>1</v>
      </c>
      <c r="C112892" s="14" t="s">
        <v>35</v>
      </c>
      <c r="D112892" s="14" t="s">
        <v>540</v>
      </c>
      <c r="E112892" s="15">
        <v>45483</v>
      </c>
      <c r="F112892" s="14" t="s">
        <v>61</v>
      </c>
      <c r="G112892" s="16">
        <v>0</v>
      </c>
    </row>
    <row r="112893" spans="1:7" x14ac:dyDescent="0.3">
      <c r="A112893" s="13" t="s">
        <v>539</v>
      </c>
      <c r="B112893" s="14" t="s">
        <v>1</v>
      </c>
      <c r="C112893" s="14" t="s">
        <v>35</v>
      </c>
      <c r="D112893" s="14" t="s">
        <v>540</v>
      </c>
      <c r="E112893" s="15">
        <v>45484</v>
      </c>
      <c r="F112893" s="14" t="s">
        <v>61</v>
      </c>
      <c r="G112893" s="16">
        <v>0</v>
      </c>
    </row>
    <row r="112894" spans="1:7" x14ac:dyDescent="0.3">
      <c r="A112894" s="13" t="s">
        <v>539</v>
      </c>
      <c r="B112894" s="14" t="s">
        <v>1</v>
      </c>
      <c r="C112894" s="14" t="s">
        <v>35</v>
      </c>
      <c r="D112894" s="14" t="s">
        <v>540</v>
      </c>
      <c r="E112894" s="15">
        <v>45485</v>
      </c>
      <c r="F112894" s="14" t="s">
        <v>61</v>
      </c>
      <c r="G112894" s="16">
        <v>0</v>
      </c>
    </row>
    <row r="112895" spans="1:7" x14ac:dyDescent="0.3">
      <c r="A112895" s="13" t="s">
        <v>539</v>
      </c>
      <c r="B112895" s="14" t="s">
        <v>1</v>
      </c>
      <c r="C112895" s="14" t="s">
        <v>35</v>
      </c>
      <c r="D112895" s="14" t="s">
        <v>540</v>
      </c>
      <c r="E112895" s="15">
        <v>45486</v>
      </c>
      <c r="F112895" s="14" t="s">
        <v>61</v>
      </c>
      <c r="G112895" s="16">
        <v>0</v>
      </c>
    </row>
    <row r="112896" spans="1:7" x14ac:dyDescent="0.3">
      <c r="A112896" s="13" t="s">
        <v>539</v>
      </c>
      <c r="B112896" s="14" t="s">
        <v>1</v>
      </c>
      <c r="C112896" s="14" t="s">
        <v>35</v>
      </c>
      <c r="D112896" s="14" t="s">
        <v>540</v>
      </c>
      <c r="E112896" s="15">
        <v>45487</v>
      </c>
      <c r="F112896" s="14" t="s">
        <v>61</v>
      </c>
      <c r="G112896" s="16">
        <v>0</v>
      </c>
    </row>
    <row r="112897" spans="1:7" x14ac:dyDescent="0.3">
      <c r="A112897" s="13" t="s">
        <v>539</v>
      </c>
      <c r="B112897" s="14" t="s">
        <v>1</v>
      </c>
      <c r="C112897" s="14" t="s">
        <v>35</v>
      </c>
      <c r="D112897" s="14" t="s">
        <v>540</v>
      </c>
      <c r="E112897" s="15">
        <v>45488</v>
      </c>
      <c r="F112897" s="14" t="s">
        <v>61</v>
      </c>
      <c r="G112897" s="16">
        <v>0</v>
      </c>
    </row>
    <row r="112898" spans="1:7" x14ac:dyDescent="0.3">
      <c r="A112898" s="13" t="s">
        <v>539</v>
      </c>
      <c r="B112898" s="14" t="s">
        <v>1</v>
      </c>
      <c r="C112898" s="14" t="s">
        <v>35</v>
      </c>
      <c r="D112898" s="14" t="s">
        <v>540</v>
      </c>
      <c r="E112898" s="15">
        <v>45489</v>
      </c>
      <c r="F112898" s="14" t="s">
        <v>61</v>
      </c>
      <c r="G112898" s="16">
        <v>0</v>
      </c>
    </row>
    <row r="112899" spans="1:7" x14ac:dyDescent="0.3">
      <c r="A112899" s="13" t="s">
        <v>539</v>
      </c>
      <c r="B112899" s="14" t="s">
        <v>1</v>
      </c>
      <c r="C112899" s="14" t="s">
        <v>35</v>
      </c>
      <c r="D112899" s="14" t="s">
        <v>540</v>
      </c>
      <c r="E112899" s="15">
        <v>45490</v>
      </c>
      <c r="F112899" s="14" t="s">
        <v>61</v>
      </c>
      <c r="G112899" s="16">
        <v>0</v>
      </c>
    </row>
    <row r="112900" spans="1:7" x14ac:dyDescent="0.3">
      <c r="A112900" s="13" t="s">
        <v>539</v>
      </c>
      <c r="B112900" s="14" t="s">
        <v>1</v>
      </c>
      <c r="C112900" s="14" t="s">
        <v>35</v>
      </c>
      <c r="D112900" s="14" t="s">
        <v>540</v>
      </c>
      <c r="E112900" s="15">
        <v>45491</v>
      </c>
      <c r="F112900" s="14" t="s">
        <v>61</v>
      </c>
      <c r="G112900" s="16">
        <v>0</v>
      </c>
    </row>
    <row r="112901" spans="1:7" x14ac:dyDescent="0.3">
      <c r="A112901" s="13" t="s">
        <v>539</v>
      </c>
      <c r="B112901" s="14" t="s">
        <v>1</v>
      </c>
      <c r="C112901" s="14" t="s">
        <v>35</v>
      </c>
      <c r="D112901" s="14" t="s">
        <v>540</v>
      </c>
      <c r="E112901" s="15">
        <v>45492</v>
      </c>
      <c r="F112901" s="14" t="s">
        <v>61</v>
      </c>
      <c r="G112901" s="16">
        <v>0</v>
      </c>
    </row>
    <row r="112902" spans="1:7" x14ac:dyDescent="0.3">
      <c r="A112902" s="13" t="s">
        <v>539</v>
      </c>
      <c r="B112902" s="14" t="s">
        <v>1</v>
      </c>
      <c r="C112902" s="14" t="s">
        <v>35</v>
      </c>
      <c r="D112902" s="14" t="s">
        <v>540</v>
      </c>
      <c r="E112902" s="15">
        <v>45493</v>
      </c>
      <c r="F112902" s="14" t="s">
        <v>61</v>
      </c>
      <c r="G112902" s="16">
        <v>0</v>
      </c>
    </row>
    <row r="112903" spans="1:7" x14ac:dyDescent="0.3">
      <c r="A112903" s="13" t="s">
        <v>539</v>
      </c>
      <c r="B112903" s="14" t="s">
        <v>1</v>
      </c>
      <c r="C112903" s="14" t="s">
        <v>35</v>
      </c>
      <c r="D112903" s="14" t="s">
        <v>540</v>
      </c>
      <c r="E112903" s="15">
        <v>45494</v>
      </c>
      <c r="F112903" s="14" t="s">
        <v>61</v>
      </c>
      <c r="G112903" s="16">
        <v>0</v>
      </c>
    </row>
    <row r="112904" spans="1:7" x14ac:dyDescent="0.3">
      <c r="A112904" s="13" t="s">
        <v>539</v>
      </c>
      <c r="B112904" s="14" t="s">
        <v>1</v>
      </c>
      <c r="C112904" s="14" t="s">
        <v>35</v>
      </c>
      <c r="D112904" s="14" t="s">
        <v>540</v>
      </c>
      <c r="E112904" s="15">
        <v>45495</v>
      </c>
      <c r="F112904" s="14" t="s">
        <v>61</v>
      </c>
      <c r="G112904" s="16">
        <v>0</v>
      </c>
    </row>
    <row r="112905" spans="1:7" x14ac:dyDescent="0.3">
      <c r="A112905" s="13" t="s">
        <v>539</v>
      </c>
      <c r="B112905" s="14" t="s">
        <v>1</v>
      </c>
      <c r="C112905" s="14" t="s">
        <v>35</v>
      </c>
      <c r="D112905" s="14" t="s">
        <v>540</v>
      </c>
      <c r="E112905" s="15">
        <v>45496</v>
      </c>
      <c r="F112905" s="14" t="s">
        <v>61</v>
      </c>
      <c r="G112905" s="16">
        <v>0</v>
      </c>
    </row>
    <row r="112906" spans="1:7" x14ac:dyDescent="0.3">
      <c r="A112906" s="13" t="s">
        <v>539</v>
      </c>
      <c r="B112906" s="14" t="s">
        <v>1</v>
      </c>
      <c r="C112906" s="14" t="s">
        <v>35</v>
      </c>
      <c r="D112906" s="14" t="s">
        <v>540</v>
      </c>
      <c r="E112906" s="15">
        <v>45497</v>
      </c>
      <c r="F112906" s="14" t="s">
        <v>61</v>
      </c>
      <c r="G112906" s="16">
        <v>0</v>
      </c>
    </row>
    <row r="112907" spans="1:7" x14ac:dyDescent="0.3">
      <c r="A112907" s="13" t="s">
        <v>539</v>
      </c>
      <c r="B112907" s="14" t="s">
        <v>1</v>
      </c>
      <c r="C112907" s="14" t="s">
        <v>35</v>
      </c>
      <c r="D112907" s="14" t="s">
        <v>540</v>
      </c>
      <c r="E112907" s="15">
        <v>45498</v>
      </c>
      <c r="F112907" s="14" t="s">
        <v>61</v>
      </c>
      <c r="G112907" s="16">
        <v>0</v>
      </c>
    </row>
    <row r="112908" spans="1:7" x14ac:dyDescent="0.3">
      <c r="A112908" s="13" t="s">
        <v>539</v>
      </c>
      <c r="B112908" s="14" t="s">
        <v>1</v>
      </c>
      <c r="C112908" s="14" t="s">
        <v>35</v>
      </c>
      <c r="D112908" s="14" t="s">
        <v>540</v>
      </c>
      <c r="E112908" s="15">
        <v>45499</v>
      </c>
      <c r="F112908" s="14" t="s">
        <v>61</v>
      </c>
      <c r="G112908" s="16">
        <v>0</v>
      </c>
    </row>
    <row r="112909" spans="1:7" x14ac:dyDescent="0.3">
      <c r="A112909" s="13" t="s">
        <v>539</v>
      </c>
      <c r="B112909" s="14" t="s">
        <v>1</v>
      </c>
      <c r="C112909" s="14" t="s">
        <v>35</v>
      </c>
      <c r="D112909" s="14" t="s">
        <v>540</v>
      </c>
      <c r="E112909" s="15">
        <v>45500</v>
      </c>
      <c r="F112909" s="14" t="s">
        <v>61</v>
      </c>
      <c r="G112909" s="16">
        <v>0</v>
      </c>
    </row>
    <row r="112910" spans="1:7" x14ac:dyDescent="0.3">
      <c r="A112910" s="13" t="s">
        <v>539</v>
      </c>
      <c r="B112910" s="14" t="s">
        <v>1</v>
      </c>
      <c r="C112910" s="14" t="s">
        <v>35</v>
      </c>
      <c r="D112910" s="14" t="s">
        <v>540</v>
      </c>
      <c r="E112910" s="15">
        <v>45501</v>
      </c>
      <c r="F112910" s="14" t="s">
        <v>61</v>
      </c>
      <c r="G112910" s="16">
        <v>0</v>
      </c>
    </row>
    <row r="112911" spans="1:7" x14ac:dyDescent="0.3">
      <c r="A112911" s="13" t="s">
        <v>539</v>
      </c>
      <c r="B112911" s="14" t="s">
        <v>1</v>
      </c>
      <c r="C112911" s="14" t="s">
        <v>35</v>
      </c>
      <c r="D112911" s="14" t="s">
        <v>540</v>
      </c>
      <c r="E112911" s="15">
        <v>45502</v>
      </c>
      <c r="F112911" s="14" t="s">
        <v>61</v>
      </c>
      <c r="G112911" s="16">
        <v>0</v>
      </c>
    </row>
    <row r="112912" spans="1:7" x14ac:dyDescent="0.3">
      <c r="A112912" s="13" t="s">
        <v>539</v>
      </c>
      <c r="B112912" s="14" t="s">
        <v>1</v>
      </c>
      <c r="C112912" s="14" t="s">
        <v>35</v>
      </c>
      <c r="D112912" s="14" t="s">
        <v>540</v>
      </c>
      <c r="E112912" s="15">
        <v>45503</v>
      </c>
      <c r="F112912" s="14" t="s">
        <v>61</v>
      </c>
      <c r="G112912" s="16">
        <v>0</v>
      </c>
    </row>
    <row r="112913" spans="1:7" x14ac:dyDescent="0.3">
      <c r="A112913" s="13" t="s">
        <v>539</v>
      </c>
      <c r="B112913" s="14" t="s">
        <v>1</v>
      </c>
      <c r="C112913" s="14" t="s">
        <v>35</v>
      </c>
      <c r="D112913" s="14" t="s">
        <v>540</v>
      </c>
      <c r="E112913" s="15">
        <v>45504</v>
      </c>
      <c r="F112913" s="14" t="s">
        <v>61</v>
      </c>
      <c r="G112913" s="16">
        <v>0</v>
      </c>
    </row>
    <row r="112914" spans="1:7" x14ac:dyDescent="0.3">
      <c r="A112914" s="13" t="s">
        <v>539</v>
      </c>
      <c r="B112914" s="14" t="s">
        <v>1</v>
      </c>
      <c r="C112914" s="14" t="s">
        <v>35</v>
      </c>
      <c r="D112914" s="14" t="s">
        <v>540</v>
      </c>
      <c r="E112914" s="15">
        <v>45505</v>
      </c>
      <c r="F112914" s="14" t="s">
        <v>61</v>
      </c>
      <c r="G112914" s="16">
        <v>0</v>
      </c>
    </row>
    <row r="112915" spans="1:7" x14ac:dyDescent="0.3">
      <c r="A112915" s="13" t="s">
        <v>539</v>
      </c>
      <c r="B112915" s="14" t="s">
        <v>1</v>
      </c>
      <c r="C112915" s="14" t="s">
        <v>35</v>
      </c>
      <c r="D112915" s="14" t="s">
        <v>540</v>
      </c>
      <c r="E112915" s="15">
        <v>45506</v>
      </c>
      <c r="F112915" s="14" t="s">
        <v>61</v>
      </c>
      <c r="G112915" s="16">
        <v>0</v>
      </c>
    </row>
    <row r="112916" spans="1:7" x14ac:dyDescent="0.3">
      <c r="A112916" s="13" t="s">
        <v>539</v>
      </c>
      <c r="B112916" s="14" t="s">
        <v>1</v>
      </c>
      <c r="C112916" s="14" t="s">
        <v>35</v>
      </c>
      <c r="D112916" s="14" t="s">
        <v>540</v>
      </c>
      <c r="E112916" s="15">
        <v>45507</v>
      </c>
      <c r="F112916" s="14" t="s">
        <v>61</v>
      </c>
      <c r="G112916" s="16">
        <v>0</v>
      </c>
    </row>
    <row r="112917" spans="1:7" x14ac:dyDescent="0.3">
      <c r="A112917" s="13" t="s">
        <v>539</v>
      </c>
      <c r="B112917" s="14" t="s">
        <v>1</v>
      </c>
      <c r="C112917" s="14" t="s">
        <v>35</v>
      </c>
      <c r="D112917" s="14" t="s">
        <v>540</v>
      </c>
      <c r="E112917" s="15">
        <v>45508</v>
      </c>
      <c r="F112917" s="14" t="s">
        <v>61</v>
      </c>
      <c r="G112917" s="16">
        <v>0</v>
      </c>
    </row>
    <row r="112918" spans="1:7" x14ac:dyDescent="0.3">
      <c r="A112918" s="13" t="s">
        <v>539</v>
      </c>
      <c r="B112918" s="14" t="s">
        <v>1</v>
      </c>
      <c r="C112918" s="14" t="s">
        <v>35</v>
      </c>
      <c r="D112918" s="14" t="s">
        <v>540</v>
      </c>
      <c r="E112918" s="15">
        <v>45509</v>
      </c>
      <c r="F112918" s="14" t="s">
        <v>61</v>
      </c>
      <c r="G112918" s="16">
        <v>0</v>
      </c>
    </row>
    <row r="112919" spans="1:7" x14ac:dyDescent="0.3">
      <c r="A112919" s="13" t="s">
        <v>539</v>
      </c>
      <c r="B112919" s="14" t="s">
        <v>1</v>
      </c>
      <c r="C112919" s="14" t="s">
        <v>35</v>
      </c>
      <c r="D112919" s="14" t="s">
        <v>540</v>
      </c>
      <c r="E112919" s="15">
        <v>45510</v>
      </c>
      <c r="F112919" s="14" t="s">
        <v>61</v>
      </c>
      <c r="G112919" s="16">
        <v>0</v>
      </c>
    </row>
    <row r="112920" spans="1:7" x14ac:dyDescent="0.3">
      <c r="A112920" s="13" t="s">
        <v>539</v>
      </c>
      <c r="B112920" s="14" t="s">
        <v>1</v>
      </c>
      <c r="C112920" s="14" t="s">
        <v>35</v>
      </c>
      <c r="D112920" s="14" t="s">
        <v>540</v>
      </c>
      <c r="E112920" s="15">
        <v>45511</v>
      </c>
      <c r="F112920" s="14" t="s">
        <v>61</v>
      </c>
      <c r="G112920" s="16">
        <v>0</v>
      </c>
    </row>
    <row r="112921" spans="1:7" x14ac:dyDescent="0.3">
      <c r="A112921" s="13" t="s">
        <v>539</v>
      </c>
      <c r="B112921" s="14" t="s">
        <v>1</v>
      </c>
      <c r="C112921" s="14" t="s">
        <v>35</v>
      </c>
      <c r="D112921" s="14" t="s">
        <v>540</v>
      </c>
      <c r="E112921" s="15">
        <v>45512</v>
      </c>
      <c r="F112921" s="14" t="s">
        <v>61</v>
      </c>
      <c r="G112921" s="16">
        <v>0</v>
      </c>
    </row>
    <row r="112922" spans="1:7" x14ac:dyDescent="0.3">
      <c r="A112922" s="13" t="s">
        <v>539</v>
      </c>
      <c r="B112922" s="14" t="s">
        <v>1</v>
      </c>
      <c r="C112922" s="14" t="s">
        <v>35</v>
      </c>
      <c r="D112922" s="14" t="s">
        <v>540</v>
      </c>
      <c r="E112922" s="15">
        <v>45513</v>
      </c>
      <c r="F112922" s="14" t="s">
        <v>61</v>
      </c>
      <c r="G112922" s="16">
        <v>0</v>
      </c>
    </row>
    <row r="112923" spans="1:7" x14ac:dyDescent="0.3">
      <c r="A112923" s="13" t="s">
        <v>539</v>
      </c>
      <c r="B112923" s="14" t="s">
        <v>1</v>
      </c>
      <c r="C112923" s="14" t="s">
        <v>35</v>
      </c>
      <c r="D112923" s="14" t="s">
        <v>540</v>
      </c>
      <c r="E112923" s="15">
        <v>45514</v>
      </c>
      <c r="F112923" s="14" t="s">
        <v>61</v>
      </c>
      <c r="G112923" s="16">
        <v>0</v>
      </c>
    </row>
    <row r="112924" spans="1:7" x14ac:dyDescent="0.3">
      <c r="A112924" s="13" t="s">
        <v>539</v>
      </c>
      <c r="B112924" s="14" t="s">
        <v>1</v>
      </c>
      <c r="C112924" s="14" t="s">
        <v>35</v>
      </c>
      <c r="D112924" s="14" t="s">
        <v>540</v>
      </c>
      <c r="E112924" s="15">
        <v>45515</v>
      </c>
      <c r="F112924" s="14" t="s">
        <v>61</v>
      </c>
      <c r="G112924" s="16">
        <v>0</v>
      </c>
    </row>
    <row r="112925" spans="1:7" x14ac:dyDescent="0.3">
      <c r="A112925" s="13" t="s">
        <v>539</v>
      </c>
      <c r="B112925" s="14" t="s">
        <v>1</v>
      </c>
      <c r="C112925" s="14" t="s">
        <v>35</v>
      </c>
      <c r="D112925" s="14" t="s">
        <v>540</v>
      </c>
      <c r="E112925" s="15">
        <v>45516</v>
      </c>
      <c r="F112925" s="14" t="s">
        <v>61</v>
      </c>
      <c r="G112925" s="16">
        <v>0</v>
      </c>
    </row>
    <row r="112926" spans="1:7" x14ac:dyDescent="0.3">
      <c r="A112926" s="13" t="s">
        <v>539</v>
      </c>
      <c r="B112926" s="14" t="s">
        <v>1</v>
      </c>
      <c r="C112926" s="14" t="s">
        <v>35</v>
      </c>
      <c r="D112926" s="14" t="s">
        <v>540</v>
      </c>
      <c r="E112926" s="15">
        <v>45517</v>
      </c>
      <c r="F112926" s="14" t="s">
        <v>61</v>
      </c>
      <c r="G112926" s="16">
        <v>0</v>
      </c>
    </row>
    <row r="112927" spans="1:7" x14ac:dyDescent="0.3">
      <c r="A112927" s="13" t="s">
        <v>539</v>
      </c>
      <c r="B112927" s="14" t="s">
        <v>1</v>
      </c>
      <c r="C112927" s="14" t="s">
        <v>35</v>
      </c>
      <c r="D112927" s="14" t="s">
        <v>540</v>
      </c>
      <c r="E112927" s="15">
        <v>45518</v>
      </c>
      <c r="F112927" s="14" t="s">
        <v>61</v>
      </c>
      <c r="G112927" s="16">
        <v>0</v>
      </c>
    </row>
    <row r="112928" spans="1:7" x14ac:dyDescent="0.3">
      <c r="A112928" s="13" t="s">
        <v>539</v>
      </c>
      <c r="B112928" s="14" t="s">
        <v>1</v>
      </c>
      <c r="C112928" s="14" t="s">
        <v>35</v>
      </c>
      <c r="D112928" s="14" t="s">
        <v>540</v>
      </c>
      <c r="E112928" s="15">
        <v>45519</v>
      </c>
      <c r="F112928" s="14" t="s">
        <v>61</v>
      </c>
      <c r="G112928" s="16">
        <v>0</v>
      </c>
    </row>
    <row r="112929" spans="1:7" x14ac:dyDescent="0.3">
      <c r="A112929" s="13" t="s">
        <v>539</v>
      </c>
      <c r="B112929" s="14" t="s">
        <v>1</v>
      </c>
      <c r="C112929" s="14" t="s">
        <v>35</v>
      </c>
      <c r="D112929" s="14" t="s">
        <v>540</v>
      </c>
      <c r="E112929" s="15">
        <v>45520</v>
      </c>
      <c r="F112929" s="14" t="s">
        <v>61</v>
      </c>
      <c r="G112929" s="16">
        <v>0</v>
      </c>
    </row>
    <row r="112930" spans="1:7" x14ac:dyDescent="0.3">
      <c r="A112930" s="13" t="s">
        <v>539</v>
      </c>
      <c r="B112930" s="14" t="s">
        <v>1</v>
      </c>
      <c r="C112930" s="14" t="s">
        <v>35</v>
      </c>
      <c r="D112930" s="14" t="s">
        <v>540</v>
      </c>
      <c r="E112930" s="15">
        <v>45521</v>
      </c>
      <c r="F112930" s="14" t="s">
        <v>61</v>
      </c>
      <c r="G112930" s="16">
        <v>0</v>
      </c>
    </row>
    <row r="112931" spans="1:7" x14ac:dyDescent="0.3">
      <c r="A112931" s="13" t="s">
        <v>539</v>
      </c>
      <c r="B112931" s="14" t="s">
        <v>1</v>
      </c>
      <c r="C112931" s="14" t="s">
        <v>35</v>
      </c>
      <c r="D112931" s="14" t="s">
        <v>540</v>
      </c>
      <c r="E112931" s="15">
        <v>45522</v>
      </c>
      <c r="F112931" s="14" t="s">
        <v>61</v>
      </c>
      <c r="G112931" s="16">
        <v>0</v>
      </c>
    </row>
    <row r="112932" spans="1:7" x14ac:dyDescent="0.3">
      <c r="A112932" s="13" t="s">
        <v>539</v>
      </c>
      <c r="B112932" s="14" t="s">
        <v>1</v>
      </c>
      <c r="C112932" s="14" t="s">
        <v>35</v>
      </c>
      <c r="D112932" s="14" t="s">
        <v>540</v>
      </c>
      <c r="E112932" s="15">
        <v>45523</v>
      </c>
      <c r="F112932" s="14" t="s">
        <v>61</v>
      </c>
      <c r="G112932" s="16">
        <v>0</v>
      </c>
    </row>
    <row r="112933" spans="1:7" x14ac:dyDescent="0.3">
      <c r="A112933" s="13" t="s">
        <v>539</v>
      </c>
      <c r="B112933" s="14" t="s">
        <v>1</v>
      </c>
      <c r="C112933" s="14" t="s">
        <v>35</v>
      </c>
      <c r="D112933" s="14" t="s">
        <v>540</v>
      </c>
      <c r="E112933" s="15">
        <v>45524</v>
      </c>
      <c r="F112933" s="14" t="s">
        <v>61</v>
      </c>
      <c r="G112933" s="16">
        <v>0</v>
      </c>
    </row>
    <row r="112934" spans="1:7" x14ac:dyDescent="0.3">
      <c r="A112934" s="13" t="s">
        <v>539</v>
      </c>
      <c r="B112934" s="14" t="s">
        <v>1</v>
      </c>
      <c r="C112934" s="14" t="s">
        <v>35</v>
      </c>
      <c r="D112934" s="14" t="s">
        <v>540</v>
      </c>
      <c r="E112934" s="15">
        <v>45525</v>
      </c>
      <c r="F112934" s="14" t="s">
        <v>61</v>
      </c>
      <c r="G112934" s="16">
        <v>0</v>
      </c>
    </row>
    <row r="112935" spans="1:7" x14ac:dyDescent="0.3">
      <c r="A112935" s="13" t="s">
        <v>539</v>
      </c>
      <c r="B112935" s="14" t="s">
        <v>1</v>
      </c>
      <c r="C112935" s="14" t="s">
        <v>35</v>
      </c>
      <c r="D112935" s="14" t="s">
        <v>540</v>
      </c>
      <c r="E112935" s="15">
        <v>45526</v>
      </c>
      <c r="F112935" s="14" t="s">
        <v>61</v>
      </c>
      <c r="G112935" s="16">
        <v>0</v>
      </c>
    </row>
    <row r="112936" spans="1:7" x14ac:dyDescent="0.3">
      <c r="A112936" s="13" t="s">
        <v>539</v>
      </c>
      <c r="B112936" s="14" t="s">
        <v>1</v>
      </c>
      <c r="C112936" s="14" t="s">
        <v>35</v>
      </c>
      <c r="D112936" s="14" t="s">
        <v>540</v>
      </c>
      <c r="E112936" s="15">
        <v>45527</v>
      </c>
      <c r="F112936" s="14" t="s">
        <v>61</v>
      </c>
      <c r="G112936" s="16">
        <v>0</v>
      </c>
    </row>
    <row r="112937" spans="1:7" x14ac:dyDescent="0.3">
      <c r="A112937" s="13" t="s">
        <v>539</v>
      </c>
      <c r="B112937" s="14" t="s">
        <v>1</v>
      </c>
      <c r="C112937" s="14" t="s">
        <v>35</v>
      </c>
      <c r="D112937" s="14" t="s">
        <v>540</v>
      </c>
      <c r="E112937" s="15">
        <v>45528</v>
      </c>
      <c r="F112937" s="14" t="s">
        <v>61</v>
      </c>
      <c r="G112937" s="16">
        <v>0</v>
      </c>
    </row>
    <row r="112938" spans="1:7" x14ac:dyDescent="0.3">
      <c r="A112938" s="13" t="s">
        <v>539</v>
      </c>
      <c r="B112938" s="14" t="s">
        <v>1</v>
      </c>
      <c r="C112938" s="14" t="s">
        <v>35</v>
      </c>
      <c r="D112938" s="14" t="s">
        <v>540</v>
      </c>
      <c r="E112938" s="15">
        <v>45529</v>
      </c>
      <c r="F112938" s="14" t="s">
        <v>61</v>
      </c>
      <c r="G112938" s="16">
        <v>0</v>
      </c>
    </row>
    <row r="112939" spans="1:7" x14ac:dyDescent="0.3">
      <c r="A112939" s="13" t="s">
        <v>539</v>
      </c>
      <c r="B112939" s="14" t="s">
        <v>1</v>
      </c>
      <c r="C112939" s="14" t="s">
        <v>35</v>
      </c>
      <c r="D112939" s="14" t="s">
        <v>540</v>
      </c>
      <c r="E112939" s="15">
        <v>45530</v>
      </c>
      <c r="F112939" s="14" t="s">
        <v>61</v>
      </c>
      <c r="G112939" s="16">
        <v>0</v>
      </c>
    </row>
    <row r="112940" spans="1:7" x14ac:dyDescent="0.3">
      <c r="A112940" s="13" t="s">
        <v>539</v>
      </c>
      <c r="B112940" s="14" t="s">
        <v>1</v>
      </c>
      <c r="C112940" s="14" t="s">
        <v>35</v>
      </c>
      <c r="D112940" s="14" t="s">
        <v>540</v>
      </c>
      <c r="E112940" s="15">
        <v>45531</v>
      </c>
      <c r="F112940" s="14" t="s">
        <v>61</v>
      </c>
      <c r="G112940" s="16">
        <v>0</v>
      </c>
    </row>
    <row r="112941" spans="1:7" x14ac:dyDescent="0.3">
      <c r="A112941" s="13" t="s">
        <v>539</v>
      </c>
      <c r="B112941" s="14" t="s">
        <v>1</v>
      </c>
      <c r="C112941" s="14" t="s">
        <v>35</v>
      </c>
      <c r="D112941" s="14" t="s">
        <v>540</v>
      </c>
      <c r="E112941" s="15">
        <v>45532</v>
      </c>
      <c r="F112941" s="14" t="s">
        <v>61</v>
      </c>
      <c r="G112941" s="16">
        <v>0</v>
      </c>
    </row>
    <row r="112942" spans="1:7" x14ac:dyDescent="0.3">
      <c r="A112942" s="13" t="s">
        <v>539</v>
      </c>
      <c r="B112942" s="14" t="s">
        <v>1</v>
      </c>
      <c r="C112942" s="14" t="s">
        <v>35</v>
      </c>
      <c r="D112942" s="14" t="s">
        <v>540</v>
      </c>
      <c r="E112942" s="15">
        <v>45533</v>
      </c>
      <c r="F112942" s="14" t="s">
        <v>61</v>
      </c>
      <c r="G112942" s="16">
        <v>0</v>
      </c>
    </row>
    <row r="112943" spans="1:7" x14ac:dyDescent="0.3">
      <c r="A112943" s="13" t="s">
        <v>539</v>
      </c>
      <c r="B112943" s="14" t="s">
        <v>1</v>
      </c>
      <c r="C112943" s="14" t="s">
        <v>35</v>
      </c>
      <c r="D112943" s="14" t="s">
        <v>540</v>
      </c>
      <c r="E112943" s="15">
        <v>45534</v>
      </c>
      <c r="F112943" s="14" t="s">
        <v>61</v>
      </c>
      <c r="G112943" s="16">
        <v>0</v>
      </c>
    </row>
    <row r="112944" spans="1:7" x14ac:dyDescent="0.3">
      <c r="A112944" s="13" t="s">
        <v>539</v>
      </c>
      <c r="B112944" s="14" t="s">
        <v>1</v>
      </c>
      <c r="C112944" s="14" t="s">
        <v>35</v>
      </c>
      <c r="D112944" s="14" t="s">
        <v>540</v>
      </c>
      <c r="E112944" s="15">
        <v>45535</v>
      </c>
      <c r="F112944" s="14" t="s">
        <v>61</v>
      </c>
      <c r="G112944" s="16">
        <v>0</v>
      </c>
    </row>
    <row r="112945" spans="1:7" x14ac:dyDescent="0.3">
      <c r="A112945" s="13" t="s">
        <v>539</v>
      </c>
      <c r="B112945" s="14" t="s">
        <v>1</v>
      </c>
      <c r="C112945" s="14" t="s">
        <v>35</v>
      </c>
      <c r="D112945" s="14" t="s">
        <v>540</v>
      </c>
      <c r="E112945" s="15">
        <v>45536</v>
      </c>
      <c r="F112945" s="14" t="s">
        <v>61</v>
      </c>
      <c r="G112945" s="16">
        <v>0</v>
      </c>
    </row>
    <row r="112946" spans="1:7" x14ac:dyDescent="0.3">
      <c r="A112946" s="13" t="s">
        <v>539</v>
      </c>
      <c r="B112946" s="14" t="s">
        <v>1</v>
      </c>
      <c r="C112946" s="14" t="s">
        <v>35</v>
      </c>
      <c r="D112946" s="14" t="s">
        <v>540</v>
      </c>
      <c r="E112946" s="15">
        <v>45537</v>
      </c>
      <c r="F112946" s="14" t="s">
        <v>61</v>
      </c>
      <c r="G112946" s="16">
        <v>0</v>
      </c>
    </row>
    <row r="112947" spans="1:7" x14ac:dyDescent="0.3">
      <c r="A112947" s="13" t="s">
        <v>539</v>
      </c>
      <c r="B112947" s="14" t="s">
        <v>1</v>
      </c>
      <c r="C112947" s="14" t="s">
        <v>35</v>
      </c>
      <c r="D112947" s="14" t="s">
        <v>540</v>
      </c>
      <c r="E112947" s="15">
        <v>45538</v>
      </c>
      <c r="F112947" s="14" t="s">
        <v>61</v>
      </c>
      <c r="G112947" s="16">
        <v>0</v>
      </c>
    </row>
    <row r="112948" spans="1:7" x14ac:dyDescent="0.3">
      <c r="A112948" s="13" t="s">
        <v>539</v>
      </c>
      <c r="B112948" s="14" t="s">
        <v>1</v>
      </c>
      <c r="C112948" s="14" t="s">
        <v>35</v>
      </c>
      <c r="D112948" s="14" t="s">
        <v>540</v>
      </c>
      <c r="E112948" s="15">
        <v>45539</v>
      </c>
      <c r="F112948" s="14" t="s">
        <v>61</v>
      </c>
      <c r="G112948" s="16">
        <v>0</v>
      </c>
    </row>
    <row r="112949" spans="1:7" x14ac:dyDescent="0.3">
      <c r="A112949" s="13" t="s">
        <v>539</v>
      </c>
      <c r="B112949" s="14" t="s">
        <v>1</v>
      </c>
      <c r="C112949" s="14" t="s">
        <v>35</v>
      </c>
      <c r="D112949" s="14" t="s">
        <v>540</v>
      </c>
      <c r="E112949" s="15">
        <v>45540</v>
      </c>
      <c r="F112949" s="14" t="s">
        <v>61</v>
      </c>
      <c r="G112949" s="16">
        <v>0</v>
      </c>
    </row>
    <row r="112950" spans="1:7" x14ac:dyDescent="0.3">
      <c r="A112950" s="13" t="s">
        <v>539</v>
      </c>
      <c r="B112950" s="14" t="s">
        <v>1</v>
      </c>
      <c r="C112950" s="14" t="s">
        <v>35</v>
      </c>
      <c r="D112950" s="14" t="s">
        <v>540</v>
      </c>
      <c r="E112950" s="15">
        <v>45541</v>
      </c>
      <c r="F112950" s="14" t="s">
        <v>61</v>
      </c>
      <c r="G112950" s="16">
        <v>0</v>
      </c>
    </row>
    <row r="112951" spans="1:7" x14ac:dyDescent="0.3">
      <c r="A112951" s="13" t="s">
        <v>539</v>
      </c>
      <c r="B112951" s="14" t="s">
        <v>1</v>
      </c>
      <c r="C112951" s="14" t="s">
        <v>35</v>
      </c>
      <c r="D112951" s="14" t="s">
        <v>540</v>
      </c>
      <c r="E112951" s="15">
        <v>45542</v>
      </c>
      <c r="F112951" s="14" t="s">
        <v>61</v>
      </c>
      <c r="G112951" s="16">
        <v>0</v>
      </c>
    </row>
    <row r="112952" spans="1:7" x14ac:dyDescent="0.3">
      <c r="A112952" s="13" t="s">
        <v>539</v>
      </c>
      <c r="B112952" s="14" t="s">
        <v>1</v>
      </c>
      <c r="C112952" s="14" t="s">
        <v>35</v>
      </c>
      <c r="D112952" s="14" t="s">
        <v>540</v>
      </c>
      <c r="E112952" s="15">
        <v>45543</v>
      </c>
      <c r="F112952" s="14" t="s">
        <v>61</v>
      </c>
      <c r="G112952" s="16">
        <v>0</v>
      </c>
    </row>
    <row r="112953" spans="1:7" x14ac:dyDescent="0.3">
      <c r="A112953" s="13" t="s">
        <v>539</v>
      </c>
      <c r="B112953" s="14" t="s">
        <v>1</v>
      </c>
      <c r="C112953" s="14" t="s">
        <v>35</v>
      </c>
      <c r="D112953" s="14" t="s">
        <v>540</v>
      </c>
      <c r="E112953" s="15">
        <v>45544</v>
      </c>
      <c r="F112953" s="14" t="s">
        <v>61</v>
      </c>
      <c r="G112953" s="16">
        <v>0</v>
      </c>
    </row>
    <row r="112954" spans="1:7" x14ac:dyDescent="0.3">
      <c r="A112954" s="13" t="s">
        <v>539</v>
      </c>
      <c r="B112954" s="14" t="s">
        <v>1</v>
      </c>
      <c r="C112954" s="14" t="s">
        <v>35</v>
      </c>
      <c r="D112954" s="14" t="s">
        <v>540</v>
      </c>
      <c r="E112954" s="15">
        <v>45545</v>
      </c>
      <c r="F112954" s="14" t="s">
        <v>61</v>
      </c>
      <c r="G112954" s="16">
        <v>0</v>
      </c>
    </row>
    <row r="112955" spans="1:7" x14ac:dyDescent="0.3">
      <c r="A112955" s="13" t="s">
        <v>539</v>
      </c>
      <c r="B112955" s="14" t="s">
        <v>1</v>
      </c>
      <c r="C112955" s="14" t="s">
        <v>35</v>
      </c>
      <c r="D112955" s="14" t="s">
        <v>540</v>
      </c>
      <c r="E112955" s="15">
        <v>45546</v>
      </c>
      <c r="F112955" s="14" t="s">
        <v>61</v>
      </c>
      <c r="G112955" s="16">
        <v>0</v>
      </c>
    </row>
    <row r="112956" spans="1:7" x14ac:dyDescent="0.3">
      <c r="A112956" s="13" t="s">
        <v>539</v>
      </c>
      <c r="B112956" s="14" t="s">
        <v>1</v>
      </c>
      <c r="C112956" s="14" t="s">
        <v>35</v>
      </c>
      <c r="D112956" s="14" t="s">
        <v>540</v>
      </c>
      <c r="E112956" s="15">
        <v>45547</v>
      </c>
      <c r="F112956" s="14" t="s">
        <v>61</v>
      </c>
      <c r="G112956" s="16">
        <v>0</v>
      </c>
    </row>
    <row r="112957" spans="1:7" x14ac:dyDescent="0.3">
      <c r="A112957" s="13" t="s">
        <v>539</v>
      </c>
      <c r="B112957" s="14" t="s">
        <v>1</v>
      </c>
      <c r="C112957" s="14" t="s">
        <v>35</v>
      </c>
      <c r="D112957" s="14" t="s">
        <v>540</v>
      </c>
      <c r="E112957" s="15">
        <v>45548</v>
      </c>
      <c r="F112957" s="14" t="s">
        <v>61</v>
      </c>
      <c r="G112957" s="16">
        <v>0</v>
      </c>
    </row>
    <row r="112958" spans="1:7" x14ac:dyDescent="0.3">
      <c r="A112958" s="13" t="s">
        <v>539</v>
      </c>
      <c r="B112958" s="14" t="s">
        <v>1</v>
      </c>
      <c r="C112958" s="14" t="s">
        <v>35</v>
      </c>
      <c r="D112958" s="14" t="s">
        <v>540</v>
      </c>
      <c r="E112958" s="15">
        <v>45549</v>
      </c>
      <c r="F112958" s="14" t="s">
        <v>61</v>
      </c>
      <c r="G112958" s="16">
        <v>0</v>
      </c>
    </row>
    <row r="112959" spans="1:7" x14ac:dyDescent="0.3">
      <c r="A112959" s="13" t="s">
        <v>539</v>
      </c>
      <c r="B112959" s="14" t="s">
        <v>1</v>
      </c>
      <c r="C112959" s="14" t="s">
        <v>35</v>
      </c>
      <c r="D112959" s="14" t="s">
        <v>540</v>
      </c>
      <c r="E112959" s="15">
        <v>45550</v>
      </c>
      <c r="F112959" s="14" t="s">
        <v>61</v>
      </c>
      <c r="G112959" s="16">
        <v>0</v>
      </c>
    </row>
    <row r="112960" spans="1:7" x14ac:dyDescent="0.3">
      <c r="A112960" s="13" t="s">
        <v>539</v>
      </c>
      <c r="B112960" s="14" t="s">
        <v>1</v>
      </c>
      <c r="C112960" s="14" t="s">
        <v>35</v>
      </c>
      <c r="D112960" s="14" t="s">
        <v>540</v>
      </c>
      <c r="E112960" s="15">
        <v>45551</v>
      </c>
      <c r="F112960" s="14" t="s">
        <v>61</v>
      </c>
      <c r="G112960" s="16">
        <v>0</v>
      </c>
    </row>
    <row r="112961" spans="1:7" x14ac:dyDescent="0.3">
      <c r="A112961" s="13" t="s">
        <v>539</v>
      </c>
      <c r="B112961" s="14" t="s">
        <v>1</v>
      </c>
      <c r="C112961" s="14" t="s">
        <v>35</v>
      </c>
      <c r="D112961" s="14" t="s">
        <v>540</v>
      </c>
      <c r="E112961" s="15">
        <v>45552</v>
      </c>
      <c r="F112961" s="14" t="s">
        <v>61</v>
      </c>
      <c r="G112961" s="16">
        <v>0</v>
      </c>
    </row>
    <row r="112962" spans="1:7" x14ac:dyDescent="0.3">
      <c r="A112962" s="13" t="s">
        <v>539</v>
      </c>
      <c r="B112962" s="14" t="s">
        <v>1</v>
      </c>
      <c r="C112962" s="14" t="s">
        <v>35</v>
      </c>
      <c r="D112962" s="14" t="s">
        <v>540</v>
      </c>
      <c r="E112962" s="15">
        <v>45553</v>
      </c>
      <c r="F112962" s="14" t="s">
        <v>61</v>
      </c>
      <c r="G112962" s="16">
        <v>0</v>
      </c>
    </row>
    <row r="112963" spans="1:7" x14ac:dyDescent="0.3">
      <c r="A112963" s="13" t="s">
        <v>539</v>
      </c>
      <c r="B112963" s="14" t="s">
        <v>1</v>
      </c>
      <c r="C112963" s="14" t="s">
        <v>35</v>
      </c>
      <c r="D112963" s="14" t="s">
        <v>540</v>
      </c>
      <c r="E112963" s="15">
        <v>45554</v>
      </c>
      <c r="F112963" s="14" t="s">
        <v>61</v>
      </c>
      <c r="G112963" s="16">
        <v>0</v>
      </c>
    </row>
    <row r="112964" spans="1:7" x14ac:dyDescent="0.3">
      <c r="A112964" s="13" t="s">
        <v>539</v>
      </c>
      <c r="B112964" s="14" t="s">
        <v>1</v>
      </c>
      <c r="C112964" s="14" t="s">
        <v>35</v>
      </c>
      <c r="D112964" s="14" t="s">
        <v>540</v>
      </c>
      <c r="E112964" s="15">
        <v>45555</v>
      </c>
      <c r="F112964" s="14" t="s">
        <v>61</v>
      </c>
      <c r="G112964" s="16">
        <v>0</v>
      </c>
    </row>
    <row r="112965" spans="1:7" x14ac:dyDescent="0.3">
      <c r="A112965" s="13" t="s">
        <v>539</v>
      </c>
      <c r="B112965" s="14" t="s">
        <v>1</v>
      </c>
      <c r="C112965" s="14" t="s">
        <v>35</v>
      </c>
      <c r="D112965" s="14" t="s">
        <v>540</v>
      </c>
      <c r="E112965" s="15">
        <v>45556</v>
      </c>
      <c r="F112965" s="14" t="s">
        <v>61</v>
      </c>
      <c r="G112965" s="16">
        <v>0</v>
      </c>
    </row>
    <row r="112966" spans="1:7" x14ac:dyDescent="0.3">
      <c r="A112966" s="13" t="s">
        <v>539</v>
      </c>
      <c r="B112966" s="14" t="s">
        <v>1</v>
      </c>
      <c r="C112966" s="14" t="s">
        <v>35</v>
      </c>
      <c r="D112966" s="14" t="s">
        <v>540</v>
      </c>
      <c r="E112966" s="15">
        <v>45557</v>
      </c>
      <c r="F112966" s="14" t="s">
        <v>61</v>
      </c>
      <c r="G112966" s="16">
        <v>0</v>
      </c>
    </row>
    <row r="112967" spans="1:7" x14ac:dyDescent="0.3">
      <c r="A112967" s="13" t="s">
        <v>539</v>
      </c>
      <c r="B112967" s="14" t="s">
        <v>1</v>
      </c>
      <c r="C112967" s="14" t="s">
        <v>35</v>
      </c>
      <c r="D112967" s="14" t="s">
        <v>540</v>
      </c>
      <c r="E112967" s="15">
        <v>45558</v>
      </c>
      <c r="F112967" s="14" t="s">
        <v>61</v>
      </c>
      <c r="G112967" s="16">
        <v>0</v>
      </c>
    </row>
    <row r="112968" spans="1:7" x14ac:dyDescent="0.3">
      <c r="A112968" s="13" t="s">
        <v>539</v>
      </c>
      <c r="B112968" s="14" t="s">
        <v>1</v>
      </c>
      <c r="C112968" s="14" t="s">
        <v>35</v>
      </c>
      <c r="D112968" s="14" t="s">
        <v>540</v>
      </c>
      <c r="E112968" s="15">
        <v>45559</v>
      </c>
      <c r="F112968" s="14" t="s">
        <v>61</v>
      </c>
      <c r="G112968" s="16">
        <v>0</v>
      </c>
    </row>
    <row r="112969" spans="1:7" x14ac:dyDescent="0.3">
      <c r="A112969" s="13" t="s">
        <v>539</v>
      </c>
      <c r="B112969" s="14" t="s">
        <v>1</v>
      </c>
      <c r="C112969" s="14" t="s">
        <v>35</v>
      </c>
      <c r="D112969" s="14" t="s">
        <v>540</v>
      </c>
      <c r="E112969" s="15">
        <v>45560</v>
      </c>
      <c r="F112969" s="14" t="s">
        <v>61</v>
      </c>
      <c r="G112969" s="16">
        <v>0</v>
      </c>
    </row>
    <row r="112970" spans="1:7" x14ac:dyDescent="0.3">
      <c r="A112970" s="13" t="s">
        <v>539</v>
      </c>
      <c r="B112970" s="14" t="s">
        <v>1</v>
      </c>
      <c r="C112970" s="14" t="s">
        <v>35</v>
      </c>
      <c r="D112970" s="14" t="s">
        <v>540</v>
      </c>
      <c r="E112970" s="15">
        <v>45561</v>
      </c>
      <c r="F112970" s="14" t="s">
        <v>61</v>
      </c>
      <c r="G112970" s="16">
        <v>0</v>
      </c>
    </row>
    <row r="112971" spans="1:7" x14ac:dyDescent="0.3">
      <c r="A112971" s="13" t="s">
        <v>539</v>
      </c>
      <c r="B112971" s="14" t="s">
        <v>1</v>
      </c>
      <c r="C112971" s="14" t="s">
        <v>35</v>
      </c>
      <c r="D112971" s="14" t="s">
        <v>540</v>
      </c>
      <c r="E112971" s="15">
        <v>45562</v>
      </c>
      <c r="F112971" s="14" t="s">
        <v>61</v>
      </c>
      <c r="G112971" s="16">
        <v>0</v>
      </c>
    </row>
    <row r="112972" spans="1:7" x14ac:dyDescent="0.3">
      <c r="A112972" s="13" t="s">
        <v>539</v>
      </c>
      <c r="B112972" s="14" t="s">
        <v>1</v>
      </c>
      <c r="C112972" s="14" t="s">
        <v>35</v>
      </c>
      <c r="D112972" s="14" t="s">
        <v>540</v>
      </c>
      <c r="E112972" s="15">
        <v>45563</v>
      </c>
      <c r="F112972" s="14" t="s">
        <v>61</v>
      </c>
      <c r="G112972" s="16">
        <v>0</v>
      </c>
    </row>
    <row r="112973" spans="1:7" x14ac:dyDescent="0.3">
      <c r="A112973" s="13" t="s">
        <v>539</v>
      </c>
      <c r="B112973" s="14" t="s">
        <v>1</v>
      </c>
      <c r="C112973" s="14" t="s">
        <v>35</v>
      </c>
      <c r="D112973" s="14" t="s">
        <v>540</v>
      </c>
      <c r="E112973" s="15">
        <v>45564</v>
      </c>
      <c r="F112973" s="14" t="s">
        <v>61</v>
      </c>
      <c r="G112973" s="16">
        <v>0</v>
      </c>
    </row>
    <row r="112974" spans="1:7" x14ac:dyDescent="0.3">
      <c r="A112974" s="13" t="s">
        <v>539</v>
      </c>
      <c r="B112974" s="14" t="s">
        <v>1</v>
      </c>
      <c r="C112974" s="14" t="s">
        <v>35</v>
      </c>
      <c r="D112974" s="14" t="s">
        <v>540</v>
      </c>
      <c r="E112974" s="15">
        <v>45565</v>
      </c>
      <c r="F112974" s="14" t="s">
        <v>61</v>
      </c>
      <c r="G112974" s="16">
        <v>0</v>
      </c>
    </row>
    <row r="112975" spans="1:7" x14ac:dyDescent="0.3">
      <c r="A112975" s="13" t="s">
        <v>539</v>
      </c>
      <c r="B112975" s="14" t="s">
        <v>1</v>
      </c>
      <c r="C112975" s="14" t="s">
        <v>35</v>
      </c>
      <c r="D112975" s="14" t="s">
        <v>540</v>
      </c>
      <c r="E112975" s="15">
        <v>45566</v>
      </c>
      <c r="F112975" s="14" t="s">
        <v>61</v>
      </c>
      <c r="G112975" s="16">
        <v>0</v>
      </c>
    </row>
    <row r="112976" spans="1:7" x14ac:dyDescent="0.3">
      <c r="A112976" s="13" t="s">
        <v>539</v>
      </c>
      <c r="B112976" s="14" t="s">
        <v>1</v>
      </c>
      <c r="C112976" s="14" t="s">
        <v>35</v>
      </c>
      <c r="D112976" s="14" t="s">
        <v>540</v>
      </c>
      <c r="E112976" s="15">
        <v>45567</v>
      </c>
      <c r="F112976" s="14" t="s">
        <v>61</v>
      </c>
      <c r="G112976" s="16">
        <v>0</v>
      </c>
    </row>
    <row r="112977" spans="1:7" x14ac:dyDescent="0.3">
      <c r="A112977" s="13" t="s">
        <v>539</v>
      </c>
      <c r="B112977" s="14" t="s">
        <v>1</v>
      </c>
      <c r="C112977" s="14" t="s">
        <v>35</v>
      </c>
      <c r="D112977" s="14" t="s">
        <v>540</v>
      </c>
      <c r="E112977" s="15">
        <v>45568</v>
      </c>
      <c r="F112977" s="14" t="s">
        <v>61</v>
      </c>
      <c r="G112977" s="16">
        <v>0</v>
      </c>
    </row>
    <row r="112978" spans="1:7" x14ac:dyDescent="0.3">
      <c r="A112978" s="13" t="s">
        <v>539</v>
      </c>
      <c r="B112978" s="14" t="s">
        <v>1</v>
      </c>
      <c r="C112978" s="14" t="s">
        <v>35</v>
      </c>
      <c r="D112978" s="14" t="s">
        <v>540</v>
      </c>
      <c r="E112978" s="15">
        <v>45569</v>
      </c>
      <c r="F112978" s="14" t="s">
        <v>61</v>
      </c>
      <c r="G112978" s="16">
        <v>0</v>
      </c>
    </row>
    <row r="112979" spans="1:7" x14ac:dyDescent="0.3">
      <c r="A112979" s="13" t="s">
        <v>539</v>
      </c>
      <c r="B112979" s="14" t="s">
        <v>1</v>
      </c>
      <c r="C112979" s="14" t="s">
        <v>35</v>
      </c>
      <c r="D112979" s="14" t="s">
        <v>540</v>
      </c>
      <c r="E112979" s="15">
        <v>45570</v>
      </c>
      <c r="F112979" s="14" t="s">
        <v>61</v>
      </c>
      <c r="G112979" s="16">
        <v>0</v>
      </c>
    </row>
    <row r="112980" spans="1:7" x14ac:dyDescent="0.3">
      <c r="A112980" s="13" t="s">
        <v>539</v>
      </c>
      <c r="B112980" s="14" t="s">
        <v>1</v>
      </c>
      <c r="C112980" s="14" t="s">
        <v>35</v>
      </c>
      <c r="D112980" s="14" t="s">
        <v>540</v>
      </c>
      <c r="E112980" s="15">
        <v>45571</v>
      </c>
      <c r="F112980" s="14" t="s">
        <v>61</v>
      </c>
      <c r="G112980" s="16">
        <v>0</v>
      </c>
    </row>
    <row r="112981" spans="1:7" x14ac:dyDescent="0.3">
      <c r="A112981" s="13" t="s">
        <v>539</v>
      </c>
      <c r="B112981" s="14" t="s">
        <v>1</v>
      </c>
      <c r="C112981" s="14" t="s">
        <v>35</v>
      </c>
      <c r="D112981" s="14" t="s">
        <v>540</v>
      </c>
      <c r="E112981" s="15">
        <v>45572</v>
      </c>
      <c r="F112981" s="14" t="s">
        <v>61</v>
      </c>
      <c r="G112981" s="16">
        <v>0</v>
      </c>
    </row>
    <row r="112982" spans="1:7" x14ac:dyDescent="0.3">
      <c r="A112982" s="13" t="s">
        <v>539</v>
      </c>
      <c r="B112982" s="14" t="s">
        <v>1</v>
      </c>
      <c r="C112982" s="14" t="s">
        <v>35</v>
      </c>
      <c r="D112982" s="14" t="s">
        <v>540</v>
      </c>
      <c r="E112982" s="15">
        <v>45573</v>
      </c>
      <c r="F112982" s="14" t="s">
        <v>61</v>
      </c>
      <c r="G112982" s="16">
        <v>0</v>
      </c>
    </row>
    <row r="112983" spans="1:7" x14ac:dyDescent="0.3">
      <c r="A112983" s="13" t="s">
        <v>539</v>
      </c>
      <c r="B112983" s="14" t="s">
        <v>1</v>
      </c>
      <c r="C112983" s="14" t="s">
        <v>35</v>
      </c>
      <c r="D112983" s="14" t="s">
        <v>540</v>
      </c>
      <c r="E112983" s="15">
        <v>45574</v>
      </c>
      <c r="F112983" s="14" t="s">
        <v>61</v>
      </c>
      <c r="G112983" s="16">
        <v>0</v>
      </c>
    </row>
    <row r="112984" spans="1:7" x14ac:dyDescent="0.3">
      <c r="A112984" s="13" t="s">
        <v>539</v>
      </c>
      <c r="B112984" s="14" t="s">
        <v>1</v>
      </c>
      <c r="C112984" s="14" t="s">
        <v>35</v>
      </c>
      <c r="D112984" s="14" t="s">
        <v>540</v>
      </c>
      <c r="E112984" s="15">
        <v>45575</v>
      </c>
      <c r="F112984" s="14" t="s">
        <v>61</v>
      </c>
      <c r="G112984" s="16">
        <v>0</v>
      </c>
    </row>
    <row r="112985" spans="1:7" x14ac:dyDescent="0.3">
      <c r="A112985" s="13" t="s">
        <v>539</v>
      </c>
      <c r="B112985" s="14" t="s">
        <v>1</v>
      </c>
      <c r="C112985" s="14" t="s">
        <v>35</v>
      </c>
      <c r="D112985" s="14" t="s">
        <v>540</v>
      </c>
      <c r="E112985" s="15">
        <v>45576</v>
      </c>
      <c r="F112985" s="14" t="s">
        <v>61</v>
      </c>
      <c r="G112985" s="16">
        <v>0</v>
      </c>
    </row>
    <row r="112986" spans="1:7" x14ac:dyDescent="0.3">
      <c r="A112986" s="13" t="s">
        <v>539</v>
      </c>
      <c r="B112986" s="14" t="s">
        <v>1</v>
      </c>
      <c r="C112986" s="14" t="s">
        <v>35</v>
      </c>
      <c r="D112986" s="14" t="s">
        <v>540</v>
      </c>
      <c r="E112986" s="15">
        <v>45577</v>
      </c>
      <c r="F112986" s="14" t="s">
        <v>61</v>
      </c>
      <c r="G112986" s="16">
        <v>0</v>
      </c>
    </row>
    <row r="112987" spans="1:7" x14ac:dyDescent="0.3">
      <c r="A112987" s="13" t="s">
        <v>539</v>
      </c>
      <c r="B112987" s="14" t="s">
        <v>1</v>
      </c>
      <c r="C112987" s="14" t="s">
        <v>35</v>
      </c>
      <c r="D112987" s="14" t="s">
        <v>540</v>
      </c>
      <c r="E112987" s="15">
        <v>45578</v>
      </c>
      <c r="F112987" s="14" t="s">
        <v>61</v>
      </c>
      <c r="G112987" s="16">
        <v>0</v>
      </c>
    </row>
    <row r="112988" spans="1:7" x14ac:dyDescent="0.3">
      <c r="A112988" s="13" t="s">
        <v>539</v>
      </c>
      <c r="B112988" s="14" t="s">
        <v>1</v>
      </c>
      <c r="C112988" s="14" t="s">
        <v>35</v>
      </c>
      <c r="D112988" s="14" t="s">
        <v>540</v>
      </c>
      <c r="E112988" s="15">
        <v>45579</v>
      </c>
      <c r="F112988" s="14" t="s">
        <v>61</v>
      </c>
      <c r="G112988" s="16">
        <v>0</v>
      </c>
    </row>
    <row r="112989" spans="1:7" x14ac:dyDescent="0.3">
      <c r="A112989" s="13" t="s">
        <v>539</v>
      </c>
      <c r="B112989" s="14" t="s">
        <v>1</v>
      </c>
      <c r="C112989" s="14" t="s">
        <v>35</v>
      </c>
      <c r="D112989" s="14" t="s">
        <v>540</v>
      </c>
      <c r="E112989" s="15">
        <v>45580</v>
      </c>
      <c r="F112989" s="14" t="s">
        <v>61</v>
      </c>
      <c r="G112989" s="16">
        <v>0</v>
      </c>
    </row>
    <row r="112990" spans="1:7" x14ac:dyDescent="0.3">
      <c r="A112990" s="13" t="s">
        <v>539</v>
      </c>
      <c r="B112990" s="14" t="s">
        <v>1</v>
      </c>
      <c r="C112990" s="14" t="s">
        <v>35</v>
      </c>
      <c r="D112990" s="14" t="s">
        <v>540</v>
      </c>
      <c r="E112990" s="15">
        <v>45581</v>
      </c>
      <c r="F112990" s="14" t="s">
        <v>61</v>
      </c>
      <c r="G112990" s="16">
        <v>0</v>
      </c>
    </row>
    <row r="112991" spans="1:7" x14ac:dyDescent="0.3">
      <c r="A112991" s="13" t="s">
        <v>539</v>
      </c>
      <c r="B112991" s="14" t="s">
        <v>1</v>
      </c>
      <c r="C112991" s="14" t="s">
        <v>35</v>
      </c>
      <c r="D112991" s="14" t="s">
        <v>540</v>
      </c>
      <c r="E112991" s="15">
        <v>45582</v>
      </c>
      <c r="F112991" s="14" t="s">
        <v>61</v>
      </c>
      <c r="G112991" s="16">
        <v>0</v>
      </c>
    </row>
    <row r="112992" spans="1:7" x14ac:dyDescent="0.3">
      <c r="A112992" s="13" t="s">
        <v>539</v>
      </c>
      <c r="B112992" s="14" t="s">
        <v>1</v>
      </c>
      <c r="C112992" s="14" t="s">
        <v>35</v>
      </c>
      <c r="D112992" s="14" t="s">
        <v>540</v>
      </c>
      <c r="E112992" s="15">
        <v>45583</v>
      </c>
      <c r="F112992" s="14" t="s">
        <v>61</v>
      </c>
      <c r="G112992" s="16">
        <v>0</v>
      </c>
    </row>
    <row r="112993" spans="1:7" x14ac:dyDescent="0.3">
      <c r="A112993" s="13" t="s">
        <v>539</v>
      </c>
      <c r="B112993" s="14" t="s">
        <v>1</v>
      </c>
      <c r="C112993" s="14" t="s">
        <v>35</v>
      </c>
      <c r="D112993" s="14" t="s">
        <v>540</v>
      </c>
      <c r="E112993" s="15">
        <v>45584</v>
      </c>
      <c r="F112993" s="14" t="s">
        <v>61</v>
      </c>
      <c r="G112993" s="16">
        <v>0</v>
      </c>
    </row>
    <row r="112994" spans="1:7" x14ac:dyDescent="0.3">
      <c r="A112994" s="13" t="s">
        <v>539</v>
      </c>
      <c r="B112994" s="14" t="s">
        <v>1</v>
      </c>
      <c r="C112994" s="14" t="s">
        <v>35</v>
      </c>
      <c r="D112994" s="14" t="s">
        <v>540</v>
      </c>
      <c r="E112994" s="15">
        <v>45585</v>
      </c>
      <c r="F112994" s="14" t="s">
        <v>61</v>
      </c>
      <c r="G112994" s="16">
        <v>0</v>
      </c>
    </row>
    <row r="112995" spans="1:7" x14ac:dyDescent="0.3">
      <c r="A112995" s="13" t="s">
        <v>539</v>
      </c>
      <c r="B112995" s="14" t="s">
        <v>1</v>
      </c>
      <c r="C112995" s="14" t="s">
        <v>35</v>
      </c>
      <c r="D112995" s="14" t="s">
        <v>540</v>
      </c>
      <c r="E112995" s="15">
        <v>45586</v>
      </c>
      <c r="F112995" s="14" t="s">
        <v>61</v>
      </c>
      <c r="G112995" s="16">
        <v>0</v>
      </c>
    </row>
    <row r="112996" spans="1:7" x14ac:dyDescent="0.3">
      <c r="A112996" s="13" t="s">
        <v>539</v>
      </c>
      <c r="B112996" s="14" t="s">
        <v>1</v>
      </c>
      <c r="C112996" s="14" t="s">
        <v>35</v>
      </c>
      <c r="D112996" s="14" t="s">
        <v>540</v>
      </c>
      <c r="E112996" s="15">
        <v>45587</v>
      </c>
      <c r="F112996" s="14" t="s">
        <v>61</v>
      </c>
      <c r="G112996" s="16">
        <v>0</v>
      </c>
    </row>
    <row r="112997" spans="1:7" x14ac:dyDescent="0.3">
      <c r="A112997" s="13" t="s">
        <v>539</v>
      </c>
      <c r="B112997" s="14" t="s">
        <v>1</v>
      </c>
      <c r="C112997" s="14" t="s">
        <v>35</v>
      </c>
      <c r="D112997" s="14" t="s">
        <v>540</v>
      </c>
      <c r="E112997" s="15">
        <v>45588</v>
      </c>
      <c r="F112997" s="14" t="s">
        <v>61</v>
      </c>
      <c r="G112997" s="16">
        <v>0</v>
      </c>
    </row>
    <row r="112998" spans="1:7" x14ac:dyDescent="0.3">
      <c r="A112998" s="13" t="s">
        <v>539</v>
      </c>
      <c r="B112998" s="14" t="s">
        <v>1</v>
      </c>
      <c r="C112998" s="14" t="s">
        <v>35</v>
      </c>
      <c r="D112998" s="14" t="s">
        <v>540</v>
      </c>
      <c r="E112998" s="15">
        <v>45589</v>
      </c>
      <c r="F112998" s="14" t="s">
        <v>61</v>
      </c>
      <c r="G112998" s="16">
        <v>0</v>
      </c>
    </row>
    <row r="112999" spans="1:7" x14ac:dyDescent="0.3">
      <c r="A112999" s="13" t="s">
        <v>539</v>
      </c>
      <c r="B112999" s="14" t="s">
        <v>1</v>
      </c>
      <c r="C112999" s="14" t="s">
        <v>35</v>
      </c>
      <c r="D112999" s="14" t="s">
        <v>540</v>
      </c>
      <c r="E112999" s="15">
        <v>45590</v>
      </c>
      <c r="F112999" s="14" t="s">
        <v>61</v>
      </c>
      <c r="G112999" s="16">
        <v>0</v>
      </c>
    </row>
    <row r="113000" spans="1:7" x14ac:dyDescent="0.3">
      <c r="A113000" s="13" t="s">
        <v>539</v>
      </c>
      <c r="B113000" s="14" t="s">
        <v>1</v>
      </c>
      <c r="C113000" s="14" t="s">
        <v>35</v>
      </c>
      <c r="D113000" s="14" t="s">
        <v>540</v>
      </c>
      <c r="E113000" s="15">
        <v>45591</v>
      </c>
      <c r="F113000" s="14" t="s">
        <v>61</v>
      </c>
      <c r="G113000" s="16">
        <v>0</v>
      </c>
    </row>
    <row r="113001" spans="1:7" x14ac:dyDescent="0.3">
      <c r="A113001" s="13" t="s">
        <v>539</v>
      </c>
      <c r="B113001" s="14" t="s">
        <v>1</v>
      </c>
      <c r="C113001" s="14" t="s">
        <v>35</v>
      </c>
      <c r="D113001" s="14" t="s">
        <v>540</v>
      </c>
      <c r="E113001" s="15">
        <v>45592</v>
      </c>
      <c r="F113001" s="14" t="s">
        <v>61</v>
      </c>
      <c r="G113001" s="16">
        <v>0</v>
      </c>
    </row>
    <row r="113002" spans="1:7" x14ac:dyDescent="0.3">
      <c r="A113002" s="13" t="s">
        <v>539</v>
      </c>
      <c r="B113002" s="14" t="s">
        <v>1</v>
      </c>
      <c r="C113002" s="14" t="s">
        <v>35</v>
      </c>
      <c r="D113002" s="14" t="s">
        <v>540</v>
      </c>
      <c r="E113002" s="15">
        <v>45593</v>
      </c>
      <c r="F113002" s="14" t="s">
        <v>61</v>
      </c>
      <c r="G113002" s="16">
        <v>0</v>
      </c>
    </row>
    <row r="113003" spans="1:7" x14ac:dyDescent="0.3">
      <c r="A113003" s="13" t="s">
        <v>539</v>
      </c>
      <c r="B113003" s="14" t="s">
        <v>1</v>
      </c>
      <c r="C113003" s="14" t="s">
        <v>35</v>
      </c>
      <c r="D113003" s="14" t="s">
        <v>540</v>
      </c>
      <c r="E113003" s="15">
        <v>45594</v>
      </c>
      <c r="F113003" s="14" t="s">
        <v>61</v>
      </c>
      <c r="G113003" s="16">
        <v>0</v>
      </c>
    </row>
    <row r="113004" spans="1:7" x14ac:dyDescent="0.3">
      <c r="A113004" s="13" t="s">
        <v>539</v>
      </c>
      <c r="B113004" s="14" t="s">
        <v>1</v>
      </c>
      <c r="C113004" s="14" t="s">
        <v>35</v>
      </c>
      <c r="D113004" s="14" t="s">
        <v>540</v>
      </c>
      <c r="E113004" s="15">
        <v>45595</v>
      </c>
      <c r="F113004" s="14" t="s">
        <v>61</v>
      </c>
      <c r="G113004" s="16">
        <v>0</v>
      </c>
    </row>
    <row r="113005" spans="1:7" x14ac:dyDescent="0.3">
      <c r="A113005" s="13" t="s">
        <v>539</v>
      </c>
      <c r="B113005" s="14" t="s">
        <v>1</v>
      </c>
      <c r="C113005" s="14" t="s">
        <v>35</v>
      </c>
      <c r="D113005" s="14" t="s">
        <v>540</v>
      </c>
      <c r="E113005" s="15">
        <v>45596</v>
      </c>
      <c r="F113005" s="14" t="s">
        <v>61</v>
      </c>
      <c r="G113005" s="16">
        <v>0</v>
      </c>
    </row>
    <row r="113006" spans="1:7" x14ac:dyDescent="0.3">
      <c r="A113006" s="13" t="s">
        <v>539</v>
      </c>
      <c r="B113006" s="14" t="s">
        <v>1</v>
      </c>
      <c r="C113006" s="14" t="s">
        <v>35</v>
      </c>
      <c r="D113006" s="14" t="s">
        <v>540</v>
      </c>
      <c r="E113006" s="15">
        <v>45597</v>
      </c>
      <c r="F113006" s="14" t="s">
        <v>61</v>
      </c>
      <c r="G113006" s="16">
        <v>0</v>
      </c>
    </row>
    <row r="113007" spans="1:7" x14ac:dyDescent="0.3">
      <c r="A113007" s="13" t="s">
        <v>539</v>
      </c>
      <c r="B113007" s="14" t="s">
        <v>1</v>
      </c>
      <c r="C113007" s="14" t="s">
        <v>35</v>
      </c>
      <c r="D113007" s="14" t="s">
        <v>540</v>
      </c>
      <c r="E113007" s="15">
        <v>45598</v>
      </c>
      <c r="F113007" s="14" t="s">
        <v>61</v>
      </c>
      <c r="G113007" s="16">
        <v>0</v>
      </c>
    </row>
    <row r="113008" spans="1:7" x14ac:dyDescent="0.3">
      <c r="A113008" s="13" t="s">
        <v>539</v>
      </c>
      <c r="B113008" s="14" t="s">
        <v>1</v>
      </c>
      <c r="C113008" s="14" t="s">
        <v>35</v>
      </c>
      <c r="D113008" s="14" t="s">
        <v>540</v>
      </c>
      <c r="E113008" s="15">
        <v>45599</v>
      </c>
      <c r="F113008" s="14" t="s">
        <v>61</v>
      </c>
      <c r="G113008" s="16">
        <v>0</v>
      </c>
    </row>
    <row r="113009" spans="1:7" x14ac:dyDescent="0.3">
      <c r="A113009" s="13" t="s">
        <v>539</v>
      </c>
      <c r="B113009" s="14" t="s">
        <v>1</v>
      </c>
      <c r="C113009" s="14" t="s">
        <v>35</v>
      </c>
      <c r="D113009" s="14" t="s">
        <v>540</v>
      </c>
      <c r="E113009" s="15">
        <v>45600</v>
      </c>
      <c r="F113009" s="14" t="s">
        <v>61</v>
      </c>
      <c r="G113009" s="16">
        <v>0</v>
      </c>
    </row>
    <row r="113010" spans="1:7" x14ac:dyDescent="0.3">
      <c r="A113010" s="13" t="s">
        <v>539</v>
      </c>
      <c r="B113010" s="14" t="s">
        <v>1</v>
      </c>
      <c r="C113010" s="14" t="s">
        <v>35</v>
      </c>
      <c r="D113010" s="14" t="s">
        <v>540</v>
      </c>
      <c r="E113010" s="15">
        <v>45601</v>
      </c>
      <c r="F113010" s="14" t="s">
        <v>61</v>
      </c>
      <c r="G113010" s="16">
        <v>0</v>
      </c>
    </row>
    <row r="113011" spans="1:7" x14ac:dyDescent="0.3">
      <c r="A113011" s="13" t="s">
        <v>539</v>
      </c>
      <c r="B113011" s="14" t="s">
        <v>1</v>
      </c>
      <c r="C113011" s="14" t="s">
        <v>35</v>
      </c>
      <c r="D113011" s="14" t="s">
        <v>540</v>
      </c>
      <c r="E113011" s="15">
        <v>45602</v>
      </c>
      <c r="F113011" s="14" t="s">
        <v>61</v>
      </c>
      <c r="G113011" s="16">
        <v>0</v>
      </c>
    </row>
    <row r="113012" spans="1:7" x14ac:dyDescent="0.3">
      <c r="A113012" s="13" t="s">
        <v>539</v>
      </c>
      <c r="B113012" s="14" t="s">
        <v>1</v>
      </c>
      <c r="C113012" s="14" t="s">
        <v>35</v>
      </c>
      <c r="D113012" s="14" t="s">
        <v>540</v>
      </c>
      <c r="E113012" s="15">
        <v>45603</v>
      </c>
      <c r="F113012" s="14" t="s">
        <v>61</v>
      </c>
      <c r="G113012" s="16">
        <v>0</v>
      </c>
    </row>
    <row r="113013" spans="1:7" x14ac:dyDescent="0.3">
      <c r="A113013" s="13" t="s">
        <v>539</v>
      </c>
      <c r="B113013" s="14" t="s">
        <v>1</v>
      </c>
      <c r="C113013" s="14" t="s">
        <v>35</v>
      </c>
      <c r="D113013" s="14" t="s">
        <v>540</v>
      </c>
      <c r="E113013" s="15">
        <v>45604</v>
      </c>
      <c r="F113013" s="14" t="s">
        <v>61</v>
      </c>
      <c r="G113013" s="16">
        <v>0</v>
      </c>
    </row>
    <row r="113014" spans="1:7" x14ac:dyDescent="0.3">
      <c r="A113014" s="13" t="s">
        <v>539</v>
      </c>
      <c r="B113014" s="14" t="s">
        <v>1</v>
      </c>
      <c r="C113014" s="14" t="s">
        <v>35</v>
      </c>
      <c r="D113014" s="14" t="s">
        <v>540</v>
      </c>
      <c r="E113014" s="15">
        <v>45605</v>
      </c>
      <c r="F113014" s="14" t="s">
        <v>61</v>
      </c>
      <c r="G113014" s="16">
        <v>0</v>
      </c>
    </row>
    <row r="113015" spans="1:7" x14ac:dyDescent="0.3">
      <c r="A113015" s="13" t="s">
        <v>539</v>
      </c>
      <c r="B113015" s="14" t="s">
        <v>1</v>
      </c>
      <c r="C113015" s="14" t="s">
        <v>35</v>
      </c>
      <c r="D113015" s="14" t="s">
        <v>540</v>
      </c>
      <c r="E113015" s="15">
        <v>45606</v>
      </c>
      <c r="F113015" s="14" t="s">
        <v>61</v>
      </c>
      <c r="G113015" s="16">
        <v>0</v>
      </c>
    </row>
    <row r="113016" spans="1:7" x14ac:dyDescent="0.3">
      <c r="A113016" s="13" t="s">
        <v>539</v>
      </c>
      <c r="B113016" s="14" t="s">
        <v>1</v>
      </c>
      <c r="C113016" s="14" t="s">
        <v>35</v>
      </c>
      <c r="D113016" s="14" t="s">
        <v>540</v>
      </c>
      <c r="E113016" s="15">
        <v>45607</v>
      </c>
      <c r="F113016" s="14" t="s">
        <v>61</v>
      </c>
      <c r="G113016" s="16">
        <v>0</v>
      </c>
    </row>
    <row r="113017" spans="1:7" x14ac:dyDescent="0.3">
      <c r="A113017" s="13" t="s">
        <v>539</v>
      </c>
      <c r="B113017" s="14" t="s">
        <v>1</v>
      </c>
      <c r="C113017" s="14" t="s">
        <v>35</v>
      </c>
      <c r="D113017" s="14" t="s">
        <v>540</v>
      </c>
      <c r="E113017" s="15">
        <v>45608</v>
      </c>
      <c r="F113017" s="14" t="s">
        <v>61</v>
      </c>
      <c r="G113017" s="16">
        <v>0</v>
      </c>
    </row>
    <row r="113018" spans="1:7" x14ac:dyDescent="0.3">
      <c r="A113018" s="13" t="s">
        <v>539</v>
      </c>
      <c r="B113018" s="14" t="s">
        <v>1</v>
      </c>
      <c r="C113018" s="14" t="s">
        <v>35</v>
      </c>
      <c r="D113018" s="14" t="s">
        <v>540</v>
      </c>
      <c r="E113018" s="15">
        <v>45609</v>
      </c>
      <c r="F113018" s="14" t="s">
        <v>61</v>
      </c>
      <c r="G113018" s="16">
        <v>0</v>
      </c>
    </row>
    <row r="113019" spans="1:7" x14ac:dyDescent="0.3">
      <c r="A113019" s="13" t="s">
        <v>539</v>
      </c>
      <c r="B113019" s="14" t="s">
        <v>1</v>
      </c>
      <c r="C113019" s="14" t="s">
        <v>35</v>
      </c>
      <c r="D113019" s="14" t="s">
        <v>540</v>
      </c>
      <c r="E113019" s="15">
        <v>45610</v>
      </c>
      <c r="F113019" s="14" t="s">
        <v>61</v>
      </c>
      <c r="G113019" s="16">
        <v>0</v>
      </c>
    </row>
    <row r="113020" spans="1:7" x14ac:dyDescent="0.3">
      <c r="A113020" s="13" t="s">
        <v>539</v>
      </c>
      <c r="B113020" s="14" t="s">
        <v>1</v>
      </c>
      <c r="C113020" s="14" t="s">
        <v>35</v>
      </c>
      <c r="D113020" s="14" t="s">
        <v>540</v>
      </c>
      <c r="E113020" s="15">
        <v>45611</v>
      </c>
      <c r="F113020" s="14" t="s">
        <v>61</v>
      </c>
      <c r="G113020" s="16">
        <v>0</v>
      </c>
    </row>
    <row r="113021" spans="1:7" x14ac:dyDescent="0.3">
      <c r="A113021" s="13" t="s">
        <v>539</v>
      </c>
      <c r="B113021" s="14" t="s">
        <v>1</v>
      </c>
      <c r="C113021" s="14" t="s">
        <v>35</v>
      </c>
      <c r="D113021" s="14" t="s">
        <v>540</v>
      </c>
      <c r="E113021" s="15">
        <v>45612</v>
      </c>
      <c r="F113021" s="14" t="s">
        <v>61</v>
      </c>
      <c r="G113021" s="16">
        <v>0</v>
      </c>
    </row>
    <row r="113022" spans="1:7" x14ac:dyDescent="0.3">
      <c r="A113022" s="13" t="s">
        <v>539</v>
      </c>
      <c r="B113022" s="14" t="s">
        <v>1</v>
      </c>
      <c r="C113022" s="14" t="s">
        <v>35</v>
      </c>
      <c r="D113022" s="14" t="s">
        <v>540</v>
      </c>
      <c r="E113022" s="15">
        <v>45613</v>
      </c>
      <c r="F113022" s="14" t="s">
        <v>61</v>
      </c>
      <c r="G113022" s="16">
        <v>0</v>
      </c>
    </row>
    <row r="113023" spans="1:7" x14ac:dyDescent="0.3">
      <c r="A113023" s="13" t="s">
        <v>539</v>
      </c>
      <c r="B113023" s="14" t="s">
        <v>1</v>
      </c>
      <c r="C113023" s="14" t="s">
        <v>35</v>
      </c>
      <c r="D113023" s="14" t="s">
        <v>540</v>
      </c>
      <c r="E113023" s="15">
        <v>45614</v>
      </c>
      <c r="F113023" s="14" t="s">
        <v>61</v>
      </c>
      <c r="G113023" s="16">
        <v>0</v>
      </c>
    </row>
    <row r="113024" spans="1:7" x14ac:dyDescent="0.3">
      <c r="A113024" s="13" t="s">
        <v>539</v>
      </c>
      <c r="B113024" s="14" t="s">
        <v>1</v>
      </c>
      <c r="C113024" s="14" t="s">
        <v>35</v>
      </c>
      <c r="D113024" s="14" t="s">
        <v>540</v>
      </c>
      <c r="E113024" s="15">
        <v>45615</v>
      </c>
      <c r="F113024" s="14" t="s">
        <v>61</v>
      </c>
      <c r="G113024" s="16">
        <v>0</v>
      </c>
    </row>
    <row r="113025" spans="1:7" x14ac:dyDescent="0.3">
      <c r="A113025" s="13" t="s">
        <v>539</v>
      </c>
      <c r="B113025" s="14" t="s">
        <v>1</v>
      </c>
      <c r="C113025" s="14" t="s">
        <v>35</v>
      </c>
      <c r="D113025" s="14" t="s">
        <v>540</v>
      </c>
      <c r="E113025" s="15">
        <v>45616</v>
      </c>
      <c r="F113025" s="14" t="s">
        <v>61</v>
      </c>
      <c r="G113025" s="16">
        <v>0</v>
      </c>
    </row>
    <row r="113026" spans="1:7" x14ac:dyDescent="0.3">
      <c r="A113026" s="13" t="s">
        <v>539</v>
      </c>
      <c r="B113026" s="14" t="s">
        <v>1</v>
      </c>
      <c r="C113026" s="14" t="s">
        <v>35</v>
      </c>
      <c r="D113026" s="14" t="s">
        <v>540</v>
      </c>
      <c r="E113026" s="15">
        <v>45617</v>
      </c>
      <c r="F113026" s="14" t="s">
        <v>61</v>
      </c>
      <c r="G113026" s="16">
        <v>0</v>
      </c>
    </row>
    <row r="113027" spans="1:7" x14ac:dyDescent="0.3">
      <c r="A113027" s="13" t="s">
        <v>539</v>
      </c>
      <c r="B113027" s="14" t="s">
        <v>1</v>
      </c>
      <c r="C113027" s="14" t="s">
        <v>35</v>
      </c>
      <c r="D113027" s="14" t="s">
        <v>540</v>
      </c>
      <c r="E113027" s="15">
        <v>45618</v>
      </c>
      <c r="F113027" s="14" t="s">
        <v>61</v>
      </c>
      <c r="G113027" s="16">
        <v>0</v>
      </c>
    </row>
    <row r="113028" spans="1:7" x14ac:dyDescent="0.3">
      <c r="A113028" s="13" t="s">
        <v>539</v>
      </c>
      <c r="B113028" s="14" t="s">
        <v>1</v>
      </c>
      <c r="C113028" s="14" t="s">
        <v>35</v>
      </c>
      <c r="D113028" s="14" t="s">
        <v>540</v>
      </c>
      <c r="E113028" s="15">
        <v>45619</v>
      </c>
      <c r="F113028" s="14" t="s">
        <v>61</v>
      </c>
      <c r="G113028" s="16">
        <v>0</v>
      </c>
    </row>
    <row r="113029" spans="1:7" x14ac:dyDescent="0.3">
      <c r="A113029" s="13" t="s">
        <v>539</v>
      </c>
      <c r="B113029" s="14" t="s">
        <v>1</v>
      </c>
      <c r="C113029" s="14" t="s">
        <v>35</v>
      </c>
      <c r="D113029" s="14" t="s">
        <v>540</v>
      </c>
      <c r="E113029" s="15">
        <v>45620</v>
      </c>
      <c r="F113029" s="14" t="s">
        <v>61</v>
      </c>
      <c r="G113029" s="16">
        <v>0</v>
      </c>
    </row>
    <row r="113030" spans="1:7" x14ac:dyDescent="0.3">
      <c r="A113030" s="13" t="s">
        <v>539</v>
      </c>
      <c r="B113030" s="14" t="s">
        <v>1</v>
      </c>
      <c r="C113030" s="14" t="s">
        <v>35</v>
      </c>
      <c r="D113030" s="14" t="s">
        <v>540</v>
      </c>
      <c r="E113030" s="15">
        <v>45621</v>
      </c>
      <c r="F113030" s="14" t="s">
        <v>61</v>
      </c>
      <c r="G113030" s="16">
        <v>0</v>
      </c>
    </row>
    <row r="113031" spans="1:7" x14ac:dyDescent="0.3">
      <c r="A113031" s="13" t="s">
        <v>539</v>
      </c>
      <c r="B113031" s="14" t="s">
        <v>1</v>
      </c>
      <c r="C113031" s="14" t="s">
        <v>35</v>
      </c>
      <c r="D113031" s="14" t="s">
        <v>540</v>
      </c>
      <c r="E113031" s="15">
        <v>45622</v>
      </c>
      <c r="F113031" s="14" t="s">
        <v>61</v>
      </c>
      <c r="G113031" s="16">
        <v>0</v>
      </c>
    </row>
    <row r="113032" spans="1:7" x14ac:dyDescent="0.3">
      <c r="A113032" s="13" t="s">
        <v>539</v>
      </c>
      <c r="B113032" s="14" t="s">
        <v>1</v>
      </c>
      <c r="C113032" s="14" t="s">
        <v>35</v>
      </c>
      <c r="D113032" s="14" t="s">
        <v>540</v>
      </c>
      <c r="E113032" s="15">
        <v>45623</v>
      </c>
      <c r="F113032" s="14" t="s">
        <v>61</v>
      </c>
      <c r="G113032" s="16">
        <v>0</v>
      </c>
    </row>
    <row r="113033" spans="1:7" x14ac:dyDescent="0.3">
      <c r="A113033" s="13" t="s">
        <v>539</v>
      </c>
      <c r="B113033" s="14" t="s">
        <v>1</v>
      </c>
      <c r="C113033" s="14" t="s">
        <v>35</v>
      </c>
      <c r="D113033" s="14" t="s">
        <v>540</v>
      </c>
      <c r="E113033" s="15">
        <v>45624</v>
      </c>
      <c r="F113033" s="14" t="s">
        <v>61</v>
      </c>
      <c r="G113033" s="16">
        <v>0</v>
      </c>
    </row>
    <row r="113034" spans="1:7" x14ac:dyDescent="0.3">
      <c r="A113034" s="13" t="s">
        <v>539</v>
      </c>
      <c r="B113034" s="14" t="s">
        <v>1</v>
      </c>
      <c r="C113034" s="14" t="s">
        <v>35</v>
      </c>
      <c r="D113034" s="14" t="s">
        <v>540</v>
      </c>
      <c r="E113034" s="15">
        <v>45625</v>
      </c>
      <c r="F113034" s="14" t="s">
        <v>61</v>
      </c>
      <c r="G113034" s="16">
        <v>0</v>
      </c>
    </row>
    <row r="113035" spans="1:7" x14ac:dyDescent="0.3">
      <c r="A113035" s="13" t="s">
        <v>539</v>
      </c>
      <c r="B113035" s="14" t="s">
        <v>1</v>
      </c>
      <c r="C113035" s="14" t="s">
        <v>35</v>
      </c>
      <c r="D113035" s="14" t="s">
        <v>540</v>
      </c>
      <c r="E113035" s="15">
        <v>45626</v>
      </c>
      <c r="F113035" s="14" t="s">
        <v>61</v>
      </c>
      <c r="G113035" s="16">
        <v>0</v>
      </c>
    </row>
    <row r="113036" spans="1:7" x14ac:dyDescent="0.3">
      <c r="A113036" s="13" t="s">
        <v>539</v>
      </c>
      <c r="B113036" s="14" t="s">
        <v>1</v>
      </c>
      <c r="C113036" s="14" t="s">
        <v>35</v>
      </c>
      <c r="D113036" s="14" t="s">
        <v>540</v>
      </c>
      <c r="E113036" s="15">
        <v>45627</v>
      </c>
      <c r="F113036" s="14" t="s">
        <v>61</v>
      </c>
      <c r="G113036" s="16">
        <v>0</v>
      </c>
    </row>
    <row r="113037" spans="1:7" x14ac:dyDescent="0.3">
      <c r="A113037" s="13" t="s">
        <v>539</v>
      </c>
      <c r="B113037" s="14" t="s">
        <v>1</v>
      </c>
      <c r="C113037" s="14" t="s">
        <v>35</v>
      </c>
      <c r="D113037" s="14" t="s">
        <v>540</v>
      </c>
      <c r="E113037" s="15">
        <v>45628</v>
      </c>
      <c r="F113037" s="14" t="s">
        <v>61</v>
      </c>
      <c r="G113037" s="16">
        <v>0</v>
      </c>
    </row>
    <row r="113038" spans="1:7" x14ac:dyDescent="0.3">
      <c r="A113038" s="13" t="s">
        <v>539</v>
      </c>
      <c r="B113038" s="14" t="s">
        <v>1</v>
      </c>
      <c r="C113038" s="14" t="s">
        <v>35</v>
      </c>
      <c r="D113038" s="14" t="s">
        <v>540</v>
      </c>
      <c r="E113038" s="15">
        <v>45629</v>
      </c>
      <c r="F113038" s="14" t="s">
        <v>61</v>
      </c>
      <c r="G113038" s="16">
        <v>0</v>
      </c>
    </row>
    <row r="113039" spans="1:7" x14ac:dyDescent="0.3">
      <c r="A113039" s="13" t="s">
        <v>539</v>
      </c>
      <c r="B113039" s="14" t="s">
        <v>1</v>
      </c>
      <c r="C113039" s="14" t="s">
        <v>35</v>
      </c>
      <c r="D113039" s="14" t="s">
        <v>540</v>
      </c>
      <c r="E113039" s="15">
        <v>45630</v>
      </c>
      <c r="F113039" s="14" t="s">
        <v>61</v>
      </c>
      <c r="G113039" s="16">
        <v>0</v>
      </c>
    </row>
    <row r="113040" spans="1:7" x14ac:dyDescent="0.3">
      <c r="A113040" s="13" t="s">
        <v>539</v>
      </c>
      <c r="B113040" s="14" t="s">
        <v>1</v>
      </c>
      <c r="C113040" s="14" t="s">
        <v>35</v>
      </c>
      <c r="D113040" s="14" t="s">
        <v>540</v>
      </c>
      <c r="E113040" s="15">
        <v>45631</v>
      </c>
      <c r="F113040" s="14" t="s">
        <v>61</v>
      </c>
      <c r="G113040" s="16">
        <v>0</v>
      </c>
    </row>
    <row r="113041" spans="1:7" x14ac:dyDescent="0.3">
      <c r="A113041" s="13" t="s">
        <v>539</v>
      </c>
      <c r="B113041" s="14" t="s">
        <v>1</v>
      </c>
      <c r="C113041" s="14" t="s">
        <v>35</v>
      </c>
      <c r="D113041" s="14" t="s">
        <v>540</v>
      </c>
      <c r="E113041" s="15">
        <v>45632</v>
      </c>
      <c r="F113041" s="14" t="s">
        <v>61</v>
      </c>
      <c r="G113041" s="16">
        <v>0</v>
      </c>
    </row>
    <row r="113042" spans="1:7" x14ac:dyDescent="0.3">
      <c r="A113042" s="13" t="s">
        <v>539</v>
      </c>
      <c r="B113042" s="14" t="s">
        <v>1</v>
      </c>
      <c r="C113042" s="14" t="s">
        <v>35</v>
      </c>
      <c r="D113042" s="14" t="s">
        <v>540</v>
      </c>
      <c r="E113042" s="15">
        <v>45633</v>
      </c>
      <c r="F113042" s="14" t="s">
        <v>61</v>
      </c>
      <c r="G113042" s="16">
        <v>0</v>
      </c>
    </row>
    <row r="113043" spans="1:7" x14ac:dyDescent="0.3">
      <c r="A113043" s="13" t="s">
        <v>539</v>
      </c>
      <c r="B113043" s="14" t="s">
        <v>1</v>
      </c>
      <c r="C113043" s="14" t="s">
        <v>35</v>
      </c>
      <c r="D113043" s="14" t="s">
        <v>540</v>
      </c>
      <c r="E113043" s="15">
        <v>45634</v>
      </c>
      <c r="F113043" s="14" t="s">
        <v>61</v>
      </c>
      <c r="G113043" s="16">
        <v>0</v>
      </c>
    </row>
    <row r="113044" spans="1:7" x14ac:dyDescent="0.3">
      <c r="A113044" s="13" t="s">
        <v>539</v>
      </c>
      <c r="B113044" s="14" t="s">
        <v>1</v>
      </c>
      <c r="C113044" s="14" t="s">
        <v>35</v>
      </c>
      <c r="D113044" s="14" t="s">
        <v>540</v>
      </c>
      <c r="E113044" s="15">
        <v>45635</v>
      </c>
      <c r="F113044" s="14" t="s">
        <v>61</v>
      </c>
      <c r="G113044" s="16">
        <v>0</v>
      </c>
    </row>
    <row r="113045" spans="1:7" x14ac:dyDescent="0.3">
      <c r="A113045" s="13" t="s">
        <v>539</v>
      </c>
      <c r="B113045" s="14" t="s">
        <v>1</v>
      </c>
      <c r="C113045" s="14" t="s">
        <v>35</v>
      </c>
      <c r="D113045" s="14" t="s">
        <v>540</v>
      </c>
      <c r="E113045" s="15">
        <v>45636</v>
      </c>
      <c r="F113045" s="14" t="s">
        <v>61</v>
      </c>
      <c r="G113045" s="16">
        <v>0</v>
      </c>
    </row>
    <row r="113046" spans="1:7" x14ac:dyDescent="0.3">
      <c r="A113046" s="13" t="s">
        <v>539</v>
      </c>
      <c r="B113046" s="14" t="s">
        <v>1</v>
      </c>
      <c r="C113046" s="14" t="s">
        <v>35</v>
      </c>
      <c r="D113046" s="14" t="s">
        <v>540</v>
      </c>
      <c r="E113046" s="15">
        <v>45637</v>
      </c>
      <c r="F113046" s="14" t="s">
        <v>61</v>
      </c>
      <c r="G113046" s="16">
        <v>0</v>
      </c>
    </row>
    <row r="113047" spans="1:7" x14ac:dyDescent="0.3">
      <c r="A113047" s="13" t="s">
        <v>539</v>
      </c>
      <c r="B113047" s="14" t="s">
        <v>1</v>
      </c>
      <c r="C113047" s="14" t="s">
        <v>35</v>
      </c>
      <c r="D113047" s="14" t="s">
        <v>540</v>
      </c>
      <c r="E113047" s="15">
        <v>45638</v>
      </c>
      <c r="F113047" s="14" t="s">
        <v>61</v>
      </c>
      <c r="G113047" s="16">
        <v>0</v>
      </c>
    </row>
    <row r="113048" spans="1:7" x14ac:dyDescent="0.3">
      <c r="A113048" s="13" t="s">
        <v>539</v>
      </c>
      <c r="B113048" s="14" t="s">
        <v>1</v>
      </c>
      <c r="C113048" s="14" t="s">
        <v>35</v>
      </c>
      <c r="D113048" s="14" t="s">
        <v>540</v>
      </c>
      <c r="E113048" s="15">
        <v>45639</v>
      </c>
      <c r="F113048" s="14" t="s">
        <v>61</v>
      </c>
      <c r="G113048" s="16">
        <v>0</v>
      </c>
    </row>
    <row r="113049" spans="1:7" x14ac:dyDescent="0.3">
      <c r="A113049" s="13" t="s">
        <v>539</v>
      </c>
      <c r="B113049" s="14" t="s">
        <v>1</v>
      </c>
      <c r="C113049" s="14" t="s">
        <v>35</v>
      </c>
      <c r="D113049" s="14" t="s">
        <v>540</v>
      </c>
      <c r="E113049" s="15">
        <v>45640</v>
      </c>
      <c r="F113049" s="14" t="s">
        <v>61</v>
      </c>
      <c r="G113049" s="16">
        <v>0</v>
      </c>
    </row>
    <row r="113050" spans="1:7" x14ac:dyDescent="0.3">
      <c r="A113050" s="13" t="s">
        <v>539</v>
      </c>
      <c r="B113050" s="14" t="s">
        <v>1</v>
      </c>
      <c r="C113050" s="14" t="s">
        <v>35</v>
      </c>
      <c r="D113050" s="14" t="s">
        <v>540</v>
      </c>
      <c r="E113050" s="15">
        <v>45641</v>
      </c>
      <c r="F113050" s="14" t="s">
        <v>61</v>
      </c>
      <c r="G113050" s="16">
        <v>0</v>
      </c>
    </row>
    <row r="113051" spans="1:7" x14ac:dyDescent="0.3">
      <c r="A113051" s="13" t="s">
        <v>539</v>
      </c>
      <c r="B113051" s="14" t="s">
        <v>1</v>
      </c>
      <c r="C113051" s="14" t="s">
        <v>35</v>
      </c>
      <c r="D113051" s="14" t="s">
        <v>540</v>
      </c>
      <c r="E113051" s="15">
        <v>45642</v>
      </c>
      <c r="F113051" s="14" t="s">
        <v>61</v>
      </c>
      <c r="G113051" s="16">
        <v>0</v>
      </c>
    </row>
    <row r="113052" spans="1:7" x14ac:dyDescent="0.3">
      <c r="A113052" s="13" t="s">
        <v>539</v>
      </c>
      <c r="B113052" s="14" t="s">
        <v>1</v>
      </c>
      <c r="C113052" s="14" t="s">
        <v>35</v>
      </c>
      <c r="D113052" s="14" t="s">
        <v>540</v>
      </c>
      <c r="E113052" s="15">
        <v>45643</v>
      </c>
      <c r="F113052" s="14" t="s">
        <v>61</v>
      </c>
      <c r="G113052" s="16">
        <v>0</v>
      </c>
    </row>
    <row r="113053" spans="1:7" x14ac:dyDescent="0.3">
      <c r="A113053" s="13" t="s">
        <v>539</v>
      </c>
      <c r="B113053" s="14" t="s">
        <v>1</v>
      </c>
      <c r="C113053" s="14" t="s">
        <v>35</v>
      </c>
      <c r="D113053" s="14" t="s">
        <v>540</v>
      </c>
      <c r="E113053" s="15">
        <v>45644</v>
      </c>
      <c r="F113053" s="14" t="s">
        <v>61</v>
      </c>
      <c r="G113053" s="16">
        <v>0</v>
      </c>
    </row>
    <row r="113054" spans="1:7" x14ac:dyDescent="0.3">
      <c r="A113054" s="13" t="s">
        <v>539</v>
      </c>
      <c r="B113054" s="14" t="s">
        <v>1</v>
      </c>
      <c r="C113054" s="14" t="s">
        <v>35</v>
      </c>
      <c r="D113054" s="14" t="s">
        <v>540</v>
      </c>
      <c r="E113054" s="15">
        <v>45645</v>
      </c>
      <c r="F113054" s="14" t="s">
        <v>61</v>
      </c>
      <c r="G113054" s="16">
        <v>0</v>
      </c>
    </row>
    <row r="113055" spans="1:7" x14ac:dyDescent="0.3">
      <c r="A113055" s="13" t="s">
        <v>539</v>
      </c>
      <c r="B113055" s="14" t="s">
        <v>1</v>
      </c>
      <c r="C113055" s="14" t="s">
        <v>35</v>
      </c>
      <c r="D113055" s="14" t="s">
        <v>540</v>
      </c>
      <c r="E113055" s="15">
        <v>45646</v>
      </c>
      <c r="F113055" s="14" t="s">
        <v>61</v>
      </c>
      <c r="G113055" s="16">
        <v>0</v>
      </c>
    </row>
    <row r="113056" spans="1:7" x14ac:dyDescent="0.3">
      <c r="A113056" s="13" t="s">
        <v>539</v>
      </c>
      <c r="B113056" s="14" t="s">
        <v>1</v>
      </c>
      <c r="C113056" s="14" t="s">
        <v>35</v>
      </c>
      <c r="D113056" s="14" t="s">
        <v>540</v>
      </c>
      <c r="E113056" s="15">
        <v>45647</v>
      </c>
      <c r="F113056" s="14" t="s">
        <v>61</v>
      </c>
      <c r="G113056" s="16">
        <v>0</v>
      </c>
    </row>
    <row r="113057" spans="1:7" x14ac:dyDescent="0.3">
      <c r="A113057" s="13" t="s">
        <v>539</v>
      </c>
      <c r="B113057" s="14" t="s">
        <v>1</v>
      </c>
      <c r="C113057" s="14" t="s">
        <v>35</v>
      </c>
      <c r="D113057" s="14" t="s">
        <v>540</v>
      </c>
      <c r="E113057" s="15">
        <v>45648</v>
      </c>
      <c r="F113057" s="14" t="s">
        <v>61</v>
      </c>
      <c r="G113057" s="16">
        <v>0</v>
      </c>
    </row>
    <row r="113058" spans="1:7" x14ac:dyDescent="0.3">
      <c r="A113058" s="13" t="s">
        <v>539</v>
      </c>
      <c r="B113058" s="14" t="s">
        <v>1</v>
      </c>
      <c r="C113058" s="14" t="s">
        <v>35</v>
      </c>
      <c r="D113058" s="14" t="s">
        <v>540</v>
      </c>
      <c r="E113058" s="15">
        <v>45649</v>
      </c>
      <c r="F113058" s="14" t="s">
        <v>61</v>
      </c>
      <c r="G113058" s="16">
        <v>0</v>
      </c>
    </row>
    <row r="113059" spans="1:7" x14ac:dyDescent="0.3">
      <c r="A113059" s="13" t="s">
        <v>539</v>
      </c>
      <c r="B113059" s="14" t="s">
        <v>1</v>
      </c>
      <c r="C113059" s="14" t="s">
        <v>35</v>
      </c>
      <c r="D113059" s="14" t="s">
        <v>540</v>
      </c>
      <c r="E113059" s="15">
        <v>45650</v>
      </c>
      <c r="F113059" s="14" t="s">
        <v>61</v>
      </c>
      <c r="G113059" s="16">
        <v>0</v>
      </c>
    </row>
    <row r="113060" spans="1:7" x14ac:dyDescent="0.3">
      <c r="A113060" s="13" t="s">
        <v>539</v>
      </c>
      <c r="B113060" s="14" t="s">
        <v>1</v>
      </c>
      <c r="C113060" s="14" t="s">
        <v>35</v>
      </c>
      <c r="D113060" s="14" t="s">
        <v>540</v>
      </c>
      <c r="E113060" s="15">
        <v>45651</v>
      </c>
      <c r="F113060" s="14" t="s">
        <v>61</v>
      </c>
      <c r="G113060" s="16">
        <v>0</v>
      </c>
    </row>
    <row r="113061" spans="1:7" x14ac:dyDescent="0.3">
      <c r="A113061" s="13" t="s">
        <v>539</v>
      </c>
      <c r="B113061" s="14" t="s">
        <v>1</v>
      </c>
      <c r="C113061" s="14" t="s">
        <v>35</v>
      </c>
      <c r="D113061" s="14" t="s">
        <v>540</v>
      </c>
      <c r="E113061" s="15">
        <v>45652</v>
      </c>
      <c r="F113061" s="14" t="s">
        <v>61</v>
      </c>
      <c r="G113061" s="16">
        <v>0</v>
      </c>
    </row>
    <row r="113062" spans="1:7" x14ac:dyDescent="0.3">
      <c r="A113062" s="13" t="s">
        <v>539</v>
      </c>
      <c r="B113062" s="14" t="s">
        <v>1</v>
      </c>
      <c r="C113062" s="14" t="s">
        <v>35</v>
      </c>
      <c r="D113062" s="14" t="s">
        <v>540</v>
      </c>
      <c r="E113062" s="15">
        <v>45653</v>
      </c>
      <c r="F113062" s="14" t="s">
        <v>61</v>
      </c>
      <c r="G113062" s="16">
        <v>0</v>
      </c>
    </row>
    <row r="113063" spans="1:7" x14ac:dyDescent="0.3">
      <c r="A113063" s="13" t="s">
        <v>539</v>
      </c>
      <c r="B113063" s="14" t="s">
        <v>1</v>
      </c>
      <c r="C113063" s="14" t="s">
        <v>35</v>
      </c>
      <c r="D113063" s="14" t="s">
        <v>540</v>
      </c>
      <c r="E113063" s="15">
        <v>45654</v>
      </c>
      <c r="F113063" s="14" t="s">
        <v>61</v>
      </c>
      <c r="G113063" s="16">
        <v>0</v>
      </c>
    </row>
    <row r="113064" spans="1:7" x14ac:dyDescent="0.3">
      <c r="A113064" s="13" t="s">
        <v>539</v>
      </c>
      <c r="B113064" s="14" t="s">
        <v>1</v>
      </c>
      <c r="C113064" s="14" t="s">
        <v>35</v>
      </c>
      <c r="D113064" s="14" t="s">
        <v>540</v>
      </c>
      <c r="E113064" s="15">
        <v>45655</v>
      </c>
      <c r="F113064" s="14" t="s">
        <v>61</v>
      </c>
      <c r="G113064" s="16">
        <v>0</v>
      </c>
    </row>
    <row r="113065" spans="1:7" x14ac:dyDescent="0.3">
      <c r="A113065" s="13" t="s">
        <v>539</v>
      </c>
      <c r="B113065" s="14" t="s">
        <v>1</v>
      </c>
      <c r="C113065" s="14" t="s">
        <v>35</v>
      </c>
      <c r="D113065" s="14" t="s">
        <v>540</v>
      </c>
      <c r="E113065" s="15">
        <v>45656</v>
      </c>
      <c r="F113065" s="14" t="s">
        <v>61</v>
      </c>
      <c r="G113065" s="16">
        <v>0</v>
      </c>
    </row>
    <row r="113066" spans="1:7" x14ac:dyDescent="0.3">
      <c r="A113066" s="13" t="s">
        <v>539</v>
      </c>
      <c r="B113066" s="14" t="s">
        <v>1</v>
      </c>
      <c r="C113066" s="14" t="s">
        <v>35</v>
      </c>
      <c r="D113066" s="14" t="s">
        <v>540</v>
      </c>
      <c r="E113066" s="15">
        <v>45657</v>
      </c>
      <c r="F113066" s="14" t="s">
        <v>61</v>
      </c>
      <c r="G113066" s="16">
        <v>0</v>
      </c>
    </row>
    <row r="113067" spans="1:7" x14ac:dyDescent="0.3">
      <c r="A113067" s="13" t="s">
        <v>539</v>
      </c>
      <c r="B113067" s="14" t="s">
        <v>1</v>
      </c>
      <c r="C113067" s="14" t="s">
        <v>35</v>
      </c>
      <c r="D113067" s="14" t="s">
        <v>540</v>
      </c>
      <c r="E113067" s="15">
        <v>45658</v>
      </c>
      <c r="F113067" s="14" t="s">
        <v>61</v>
      </c>
      <c r="G113067" s="16">
        <v>0</v>
      </c>
    </row>
    <row r="113068" spans="1:7" x14ac:dyDescent="0.3">
      <c r="A113068" s="13" t="s">
        <v>539</v>
      </c>
      <c r="B113068" s="14" t="s">
        <v>1</v>
      </c>
      <c r="C113068" s="14" t="s">
        <v>35</v>
      </c>
      <c r="D113068" s="14" t="s">
        <v>540</v>
      </c>
      <c r="E113068" s="15">
        <v>45659</v>
      </c>
      <c r="F113068" s="14" t="s">
        <v>61</v>
      </c>
      <c r="G113068" s="16">
        <v>0</v>
      </c>
    </row>
    <row r="113069" spans="1:7" x14ac:dyDescent="0.3">
      <c r="A113069" s="13" t="s">
        <v>539</v>
      </c>
      <c r="B113069" s="14" t="s">
        <v>1</v>
      </c>
      <c r="C113069" s="14" t="s">
        <v>35</v>
      </c>
      <c r="D113069" s="14" t="s">
        <v>540</v>
      </c>
      <c r="E113069" s="15">
        <v>45660</v>
      </c>
      <c r="F113069" s="14" t="s">
        <v>61</v>
      </c>
      <c r="G113069" s="16">
        <v>0</v>
      </c>
    </row>
    <row r="113070" spans="1:7" x14ac:dyDescent="0.3">
      <c r="A113070" s="13" t="s">
        <v>539</v>
      </c>
      <c r="B113070" s="14" t="s">
        <v>1</v>
      </c>
      <c r="C113070" s="14" t="s">
        <v>35</v>
      </c>
      <c r="D113070" s="14" t="s">
        <v>540</v>
      </c>
      <c r="E113070" s="15">
        <v>45661</v>
      </c>
      <c r="F113070" s="14" t="s">
        <v>61</v>
      </c>
      <c r="G113070" s="16">
        <v>0</v>
      </c>
    </row>
    <row r="113071" spans="1:7" x14ac:dyDescent="0.3">
      <c r="A113071" s="13" t="s">
        <v>539</v>
      </c>
      <c r="B113071" s="14" t="s">
        <v>1</v>
      </c>
      <c r="C113071" s="14" t="s">
        <v>35</v>
      </c>
      <c r="D113071" s="14" t="s">
        <v>540</v>
      </c>
      <c r="E113071" s="15">
        <v>45662</v>
      </c>
      <c r="F113071" s="14" t="s">
        <v>61</v>
      </c>
      <c r="G113071" s="16">
        <v>0</v>
      </c>
    </row>
    <row r="113072" spans="1:7" x14ac:dyDescent="0.3">
      <c r="A113072" s="13" t="s">
        <v>539</v>
      </c>
      <c r="B113072" s="14" t="s">
        <v>1</v>
      </c>
      <c r="C113072" s="14" t="s">
        <v>35</v>
      </c>
      <c r="D113072" s="14" t="s">
        <v>540</v>
      </c>
      <c r="E113072" s="15">
        <v>45663</v>
      </c>
      <c r="F113072" s="14" t="s">
        <v>61</v>
      </c>
      <c r="G113072" s="16">
        <v>0</v>
      </c>
    </row>
    <row r="113073" spans="1:7" x14ac:dyDescent="0.3">
      <c r="A113073" s="13" t="s">
        <v>539</v>
      </c>
      <c r="B113073" s="14" t="s">
        <v>1</v>
      </c>
      <c r="C113073" s="14" t="s">
        <v>35</v>
      </c>
      <c r="D113073" s="14" t="s">
        <v>540</v>
      </c>
      <c r="E113073" s="15">
        <v>45664</v>
      </c>
      <c r="F113073" s="14" t="s">
        <v>61</v>
      </c>
      <c r="G113073" s="16">
        <v>0</v>
      </c>
    </row>
    <row r="113074" spans="1:7" x14ac:dyDescent="0.3">
      <c r="A113074" s="13" t="s">
        <v>539</v>
      </c>
      <c r="B113074" s="14" t="s">
        <v>1</v>
      </c>
      <c r="C113074" s="14" t="s">
        <v>35</v>
      </c>
      <c r="D113074" s="14" t="s">
        <v>540</v>
      </c>
      <c r="E113074" s="15">
        <v>45665</v>
      </c>
      <c r="F113074" s="14" t="s">
        <v>61</v>
      </c>
      <c r="G113074" s="16">
        <v>0</v>
      </c>
    </row>
    <row r="113075" spans="1:7" x14ac:dyDescent="0.3">
      <c r="A113075" s="13" t="s">
        <v>539</v>
      </c>
      <c r="B113075" s="14" t="s">
        <v>1</v>
      </c>
      <c r="C113075" s="14" t="s">
        <v>35</v>
      </c>
      <c r="D113075" s="14" t="s">
        <v>540</v>
      </c>
      <c r="E113075" s="15">
        <v>45666</v>
      </c>
      <c r="F113075" s="14" t="s">
        <v>61</v>
      </c>
      <c r="G113075" s="16">
        <v>0</v>
      </c>
    </row>
    <row r="113076" spans="1:7" x14ac:dyDescent="0.3">
      <c r="A113076" s="13" t="s">
        <v>539</v>
      </c>
      <c r="B113076" s="14" t="s">
        <v>1</v>
      </c>
      <c r="C113076" s="14" t="s">
        <v>35</v>
      </c>
      <c r="D113076" s="14" t="s">
        <v>540</v>
      </c>
      <c r="E113076" s="15">
        <v>45667</v>
      </c>
      <c r="F113076" s="14" t="s">
        <v>61</v>
      </c>
      <c r="G113076" s="16">
        <v>0</v>
      </c>
    </row>
    <row r="113077" spans="1:7" x14ac:dyDescent="0.3">
      <c r="A113077" s="13" t="s">
        <v>539</v>
      </c>
      <c r="B113077" s="14" t="s">
        <v>1</v>
      </c>
      <c r="C113077" s="14" t="s">
        <v>35</v>
      </c>
      <c r="D113077" s="14" t="s">
        <v>540</v>
      </c>
      <c r="E113077" s="15">
        <v>45668</v>
      </c>
      <c r="F113077" s="14" t="s">
        <v>61</v>
      </c>
      <c r="G113077" s="16">
        <v>0</v>
      </c>
    </row>
    <row r="113078" spans="1:7" x14ac:dyDescent="0.3">
      <c r="A113078" s="13" t="s">
        <v>539</v>
      </c>
      <c r="B113078" s="14" t="s">
        <v>1</v>
      </c>
      <c r="C113078" s="14" t="s">
        <v>35</v>
      </c>
      <c r="D113078" s="14" t="s">
        <v>540</v>
      </c>
      <c r="E113078" s="15">
        <v>45669</v>
      </c>
      <c r="F113078" s="14" t="s">
        <v>61</v>
      </c>
      <c r="G113078" s="16">
        <v>0</v>
      </c>
    </row>
    <row r="113079" spans="1:7" x14ac:dyDescent="0.3">
      <c r="A113079" s="13" t="s">
        <v>539</v>
      </c>
      <c r="B113079" s="14" t="s">
        <v>1</v>
      </c>
      <c r="C113079" s="14" t="s">
        <v>35</v>
      </c>
      <c r="D113079" s="14" t="s">
        <v>540</v>
      </c>
      <c r="E113079" s="15">
        <v>45670</v>
      </c>
      <c r="F113079" s="14" t="s">
        <v>61</v>
      </c>
      <c r="G113079" s="16">
        <v>0</v>
      </c>
    </row>
    <row r="113080" spans="1:7" x14ac:dyDescent="0.3">
      <c r="A113080" s="13" t="s">
        <v>539</v>
      </c>
      <c r="B113080" s="14" t="s">
        <v>1</v>
      </c>
      <c r="C113080" s="14" t="s">
        <v>35</v>
      </c>
      <c r="D113080" s="14" t="s">
        <v>540</v>
      </c>
      <c r="E113080" s="15">
        <v>45671</v>
      </c>
      <c r="F113080" s="14" t="s">
        <v>61</v>
      </c>
      <c r="G113080" s="16">
        <v>0</v>
      </c>
    </row>
    <row r="113081" spans="1:7" x14ac:dyDescent="0.3">
      <c r="A113081" s="13" t="s">
        <v>539</v>
      </c>
      <c r="B113081" s="14" t="s">
        <v>1</v>
      </c>
      <c r="C113081" s="14" t="s">
        <v>35</v>
      </c>
      <c r="D113081" s="14" t="s">
        <v>540</v>
      </c>
      <c r="E113081" s="15">
        <v>45672</v>
      </c>
      <c r="F113081" s="14" t="s">
        <v>61</v>
      </c>
      <c r="G113081" s="16">
        <v>0</v>
      </c>
    </row>
    <row r="113082" spans="1:7" x14ac:dyDescent="0.3">
      <c r="A113082" s="13" t="s">
        <v>539</v>
      </c>
      <c r="B113082" s="14" t="s">
        <v>1</v>
      </c>
      <c r="C113082" s="14" t="s">
        <v>35</v>
      </c>
      <c r="D113082" s="14" t="s">
        <v>540</v>
      </c>
      <c r="E113082" s="15">
        <v>45673</v>
      </c>
      <c r="F113082" s="14" t="s">
        <v>61</v>
      </c>
      <c r="G113082" s="16">
        <v>0</v>
      </c>
    </row>
    <row r="113083" spans="1:7" x14ac:dyDescent="0.3">
      <c r="A113083" s="13" t="s">
        <v>539</v>
      </c>
      <c r="B113083" s="14" t="s">
        <v>1</v>
      </c>
      <c r="C113083" s="14" t="s">
        <v>35</v>
      </c>
      <c r="D113083" s="14" t="s">
        <v>540</v>
      </c>
      <c r="E113083" s="15">
        <v>45674</v>
      </c>
      <c r="F113083" s="14" t="s">
        <v>61</v>
      </c>
      <c r="G113083" s="16">
        <v>0</v>
      </c>
    </row>
    <row r="113084" spans="1:7" x14ac:dyDescent="0.3">
      <c r="A113084" s="13" t="s">
        <v>539</v>
      </c>
      <c r="B113084" s="14" t="s">
        <v>1</v>
      </c>
      <c r="C113084" s="14" t="s">
        <v>35</v>
      </c>
      <c r="D113084" s="14" t="s">
        <v>540</v>
      </c>
      <c r="E113084" s="15">
        <v>45675</v>
      </c>
      <c r="F113084" s="14" t="s">
        <v>61</v>
      </c>
      <c r="G113084" s="16">
        <v>0</v>
      </c>
    </row>
    <row r="113085" spans="1:7" x14ac:dyDescent="0.3">
      <c r="A113085" s="13" t="s">
        <v>539</v>
      </c>
      <c r="B113085" s="14" t="s">
        <v>1</v>
      </c>
      <c r="C113085" s="14" t="s">
        <v>35</v>
      </c>
      <c r="D113085" s="14" t="s">
        <v>540</v>
      </c>
      <c r="E113085" s="15">
        <v>45676</v>
      </c>
      <c r="F113085" s="14" t="s">
        <v>61</v>
      </c>
      <c r="G113085" s="16">
        <v>0</v>
      </c>
    </row>
    <row r="113086" spans="1:7" x14ac:dyDescent="0.3">
      <c r="A113086" s="13" t="s">
        <v>539</v>
      </c>
      <c r="B113086" s="14" t="s">
        <v>1</v>
      </c>
      <c r="C113086" s="14" t="s">
        <v>35</v>
      </c>
      <c r="D113086" s="14" t="s">
        <v>540</v>
      </c>
      <c r="E113086" s="15">
        <v>45677</v>
      </c>
      <c r="F113086" s="14" t="s">
        <v>61</v>
      </c>
      <c r="G113086" s="16">
        <v>0</v>
      </c>
    </row>
    <row r="113087" spans="1:7" x14ac:dyDescent="0.3">
      <c r="A113087" s="13" t="s">
        <v>539</v>
      </c>
      <c r="B113087" s="14" t="s">
        <v>1</v>
      </c>
      <c r="C113087" s="14" t="s">
        <v>35</v>
      </c>
      <c r="D113087" s="14" t="s">
        <v>540</v>
      </c>
      <c r="E113087" s="15">
        <v>45678</v>
      </c>
      <c r="F113087" s="14" t="s">
        <v>61</v>
      </c>
      <c r="G113087" s="16">
        <v>0</v>
      </c>
    </row>
    <row r="113088" spans="1:7" x14ac:dyDescent="0.3">
      <c r="A113088" s="13" t="s">
        <v>539</v>
      </c>
      <c r="B113088" s="14" t="s">
        <v>1</v>
      </c>
      <c r="C113088" s="14" t="s">
        <v>35</v>
      </c>
      <c r="D113088" s="14" t="s">
        <v>540</v>
      </c>
      <c r="E113088" s="15">
        <v>45679</v>
      </c>
      <c r="F113088" s="14" t="s">
        <v>61</v>
      </c>
      <c r="G113088" s="16">
        <v>0</v>
      </c>
    </row>
    <row r="113089" spans="1:7" x14ac:dyDescent="0.3">
      <c r="A113089" s="13" t="s">
        <v>539</v>
      </c>
      <c r="B113089" s="14" t="s">
        <v>1</v>
      </c>
      <c r="C113089" s="14" t="s">
        <v>35</v>
      </c>
      <c r="D113089" s="14" t="s">
        <v>540</v>
      </c>
      <c r="E113089" s="15">
        <v>45680</v>
      </c>
      <c r="F113089" s="14" t="s">
        <v>61</v>
      </c>
      <c r="G113089" s="16">
        <v>0</v>
      </c>
    </row>
    <row r="113090" spans="1:7" x14ac:dyDescent="0.3">
      <c r="A113090" s="13" t="s">
        <v>539</v>
      </c>
      <c r="B113090" s="14" t="s">
        <v>1</v>
      </c>
      <c r="C113090" s="14" t="s">
        <v>35</v>
      </c>
      <c r="D113090" s="14" t="s">
        <v>540</v>
      </c>
      <c r="E113090" s="15">
        <v>45681</v>
      </c>
      <c r="F113090" s="14" t="s">
        <v>61</v>
      </c>
      <c r="G113090" s="16">
        <v>0</v>
      </c>
    </row>
    <row r="113091" spans="1:7" x14ac:dyDescent="0.3">
      <c r="A113091" s="13" t="s">
        <v>539</v>
      </c>
      <c r="B113091" s="14" t="s">
        <v>1</v>
      </c>
      <c r="C113091" s="14" t="s">
        <v>35</v>
      </c>
      <c r="D113091" s="14" t="s">
        <v>540</v>
      </c>
      <c r="E113091" s="15">
        <v>45682</v>
      </c>
      <c r="F113091" s="14" t="s">
        <v>61</v>
      </c>
      <c r="G113091" s="16">
        <v>0</v>
      </c>
    </row>
    <row r="113092" spans="1:7" x14ac:dyDescent="0.3">
      <c r="A113092" s="13" t="s">
        <v>539</v>
      </c>
      <c r="B113092" s="14" t="s">
        <v>1</v>
      </c>
      <c r="C113092" s="14" t="s">
        <v>35</v>
      </c>
      <c r="D113092" s="14" t="s">
        <v>540</v>
      </c>
      <c r="E113092" s="15">
        <v>45683</v>
      </c>
      <c r="F113092" s="14" t="s">
        <v>61</v>
      </c>
      <c r="G113092" s="16">
        <v>0</v>
      </c>
    </row>
    <row r="113093" spans="1:7" x14ac:dyDescent="0.3">
      <c r="A113093" s="13" t="s">
        <v>539</v>
      </c>
      <c r="B113093" s="14" t="s">
        <v>1</v>
      </c>
      <c r="C113093" s="14" t="s">
        <v>35</v>
      </c>
      <c r="D113093" s="14" t="s">
        <v>540</v>
      </c>
      <c r="E113093" s="15">
        <v>45684</v>
      </c>
      <c r="F113093" s="14" t="s">
        <v>61</v>
      </c>
      <c r="G113093" s="16">
        <v>0</v>
      </c>
    </row>
    <row r="113094" spans="1:7" x14ac:dyDescent="0.3">
      <c r="A113094" s="13" t="s">
        <v>539</v>
      </c>
      <c r="B113094" s="14" t="s">
        <v>1</v>
      </c>
      <c r="C113094" s="14" t="s">
        <v>35</v>
      </c>
      <c r="D113094" s="14" t="s">
        <v>540</v>
      </c>
      <c r="E113094" s="15">
        <v>45685</v>
      </c>
      <c r="F113094" s="14" t="s">
        <v>61</v>
      </c>
      <c r="G113094" s="16">
        <v>0</v>
      </c>
    </row>
    <row r="113095" spans="1:7" x14ac:dyDescent="0.3">
      <c r="A113095" s="13" t="s">
        <v>539</v>
      </c>
      <c r="B113095" s="14" t="s">
        <v>1</v>
      </c>
      <c r="C113095" s="14" t="s">
        <v>35</v>
      </c>
      <c r="D113095" s="14" t="s">
        <v>540</v>
      </c>
      <c r="E113095" s="15">
        <v>45686</v>
      </c>
      <c r="F113095" s="14" t="s">
        <v>61</v>
      </c>
      <c r="G113095" s="16">
        <v>0</v>
      </c>
    </row>
    <row r="113096" spans="1:7" x14ac:dyDescent="0.3">
      <c r="A113096" s="13" t="s">
        <v>539</v>
      </c>
      <c r="B113096" s="14" t="s">
        <v>1</v>
      </c>
      <c r="C113096" s="14" t="s">
        <v>35</v>
      </c>
      <c r="D113096" s="14" t="s">
        <v>540</v>
      </c>
      <c r="E113096" s="15">
        <v>45687</v>
      </c>
      <c r="F113096" s="14" t="s">
        <v>61</v>
      </c>
      <c r="G113096" s="16">
        <v>0</v>
      </c>
    </row>
    <row r="113097" spans="1:7" x14ac:dyDescent="0.3">
      <c r="A113097" s="13" t="s">
        <v>539</v>
      </c>
      <c r="B113097" s="14" t="s">
        <v>1</v>
      </c>
      <c r="C113097" s="14" t="s">
        <v>35</v>
      </c>
      <c r="D113097" s="14" t="s">
        <v>540</v>
      </c>
      <c r="E113097" s="15">
        <v>45688</v>
      </c>
      <c r="F113097" s="14" t="s">
        <v>61</v>
      </c>
      <c r="G113097" s="16">
        <v>0</v>
      </c>
    </row>
    <row r="113098" spans="1:7" x14ac:dyDescent="0.3">
      <c r="A113098" s="13" t="s">
        <v>539</v>
      </c>
      <c r="B113098" s="14" t="s">
        <v>1</v>
      </c>
      <c r="C113098" s="14" t="s">
        <v>35</v>
      </c>
      <c r="D113098" s="14" t="s">
        <v>540</v>
      </c>
      <c r="E113098" s="15">
        <v>45689</v>
      </c>
      <c r="F113098" s="14" t="s">
        <v>61</v>
      </c>
      <c r="G113098" s="16">
        <v>0</v>
      </c>
    </row>
    <row r="113099" spans="1:7" x14ac:dyDescent="0.3">
      <c r="A113099" s="13" t="s">
        <v>539</v>
      </c>
      <c r="B113099" s="14" t="s">
        <v>1</v>
      </c>
      <c r="C113099" s="14" t="s">
        <v>35</v>
      </c>
      <c r="D113099" s="14" t="s">
        <v>540</v>
      </c>
      <c r="E113099" s="15">
        <v>45690</v>
      </c>
      <c r="F113099" s="14" t="s">
        <v>61</v>
      </c>
      <c r="G113099" s="16">
        <v>0</v>
      </c>
    </row>
    <row r="113100" spans="1:7" x14ac:dyDescent="0.3">
      <c r="A113100" s="13" t="s">
        <v>539</v>
      </c>
      <c r="B113100" s="14" t="s">
        <v>1</v>
      </c>
      <c r="C113100" s="14" t="s">
        <v>35</v>
      </c>
      <c r="D113100" s="14" t="s">
        <v>540</v>
      </c>
      <c r="E113100" s="15">
        <v>45691</v>
      </c>
      <c r="F113100" s="14" t="s">
        <v>61</v>
      </c>
      <c r="G113100" s="16">
        <v>0</v>
      </c>
    </row>
    <row r="113101" spans="1:7" x14ac:dyDescent="0.3">
      <c r="A113101" s="13" t="s">
        <v>539</v>
      </c>
      <c r="B113101" s="14" t="s">
        <v>1</v>
      </c>
      <c r="C113101" s="14" t="s">
        <v>35</v>
      </c>
      <c r="D113101" s="14" t="s">
        <v>540</v>
      </c>
      <c r="E113101" s="15">
        <v>45692</v>
      </c>
      <c r="F113101" s="14" t="s">
        <v>61</v>
      </c>
      <c r="G113101" s="16">
        <v>0</v>
      </c>
    </row>
    <row r="113102" spans="1:7" x14ac:dyDescent="0.3">
      <c r="A113102" s="13" t="s">
        <v>539</v>
      </c>
      <c r="B113102" s="14" t="s">
        <v>1</v>
      </c>
      <c r="C113102" s="14" t="s">
        <v>35</v>
      </c>
      <c r="D113102" s="14" t="s">
        <v>540</v>
      </c>
      <c r="E113102" s="15">
        <v>45693</v>
      </c>
      <c r="F113102" s="14" t="s">
        <v>61</v>
      </c>
      <c r="G113102" s="16">
        <v>0</v>
      </c>
    </row>
    <row r="113103" spans="1:7" x14ac:dyDescent="0.3">
      <c r="A113103" s="13" t="s">
        <v>539</v>
      </c>
      <c r="B113103" s="14" t="s">
        <v>1</v>
      </c>
      <c r="C113103" s="14" t="s">
        <v>35</v>
      </c>
      <c r="D113103" s="14" t="s">
        <v>540</v>
      </c>
      <c r="E113103" s="15">
        <v>45694</v>
      </c>
      <c r="F113103" s="14" t="s">
        <v>61</v>
      </c>
      <c r="G113103" s="16">
        <v>0</v>
      </c>
    </row>
    <row r="113104" spans="1:7" x14ac:dyDescent="0.3">
      <c r="A113104" s="13" t="s">
        <v>539</v>
      </c>
      <c r="B113104" s="14" t="s">
        <v>1</v>
      </c>
      <c r="C113104" s="14" t="s">
        <v>35</v>
      </c>
      <c r="D113104" s="14" t="s">
        <v>540</v>
      </c>
      <c r="E113104" s="15">
        <v>45695</v>
      </c>
      <c r="F113104" s="14" t="s">
        <v>61</v>
      </c>
      <c r="G113104" s="16">
        <v>0</v>
      </c>
    </row>
    <row r="113105" spans="1:7" x14ac:dyDescent="0.3">
      <c r="A113105" s="13" t="s">
        <v>539</v>
      </c>
      <c r="B113105" s="14" t="s">
        <v>1</v>
      </c>
      <c r="C113105" s="14" t="s">
        <v>35</v>
      </c>
      <c r="D113105" s="14" t="s">
        <v>540</v>
      </c>
      <c r="E113105" s="15">
        <v>45696</v>
      </c>
      <c r="F113105" s="14" t="s">
        <v>61</v>
      </c>
      <c r="G113105" s="16">
        <v>0</v>
      </c>
    </row>
    <row r="113106" spans="1:7" x14ac:dyDescent="0.3">
      <c r="A113106" s="13" t="s">
        <v>539</v>
      </c>
      <c r="B113106" s="14" t="s">
        <v>1</v>
      </c>
      <c r="C113106" s="14" t="s">
        <v>35</v>
      </c>
      <c r="D113106" s="14" t="s">
        <v>540</v>
      </c>
      <c r="E113106" s="15">
        <v>45697</v>
      </c>
      <c r="F113106" s="14" t="s">
        <v>61</v>
      </c>
      <c r="G113106" s="16">
        <v>0</v>
      </c>
    </row>
    <row r="113107" spans="1:7" x14ac:dyDescent="0.3">
      <c r="A113107" s="13" t="s">
        <v>539</v>
      </c>
      <c r="B113107" s="14" t="s">
        <v>1</v>
      </c>
      <c r="C113107" s="14" t="s">
        <v>35</v>
      </c>
      <c r="D113107" s="14" t="s">
        <v>540</v>
      </c>
      <c r="E113107" s="15">
        <v>45698</v>
      </c>
      <c r="F113107" s="14" t="s">
        <v>61</v>
      </c>
      <c r="G113107" s="16">
        <v>0</v>
      </c>
    </row>
    <row r="113108" spans="1:7" x14ac:dyDescent="0.3">
      <c r="A113108" s="13" t="s">
        <v>539</v>
      </c>
      <c r="B113108" s="14" t="s">
        <v>1</v>
      </c>
      <c r="C113108" s="14" t="s">
        <v>35</v>
      </c>
      <c r="D113108" s="14" t="s">
        <v>540</v>
      </c>
      <c r="E113108" s="15">
        <v>45699</v>
      </c>
      <c r="F113108" s="14" t="s">
        <v>61</v>
      </c>
      <c r="G113108" s="16">
        <v>0</v>
      </c>
    </row>
    <row r="113109" spans="1:7" x14ac:dyDescent="0.3">
      <c r="A113109" s="13" t="s">
        <v>539</v>
      </c>
      <c r="B113109" s="14" t="s">
        <v>1</v>
      </c>
      <c r="C113109" s="14" t="s">
        <v>35</v>
      </c>
      <c r="D113109" s="14" t="s">
        <v>540</v>
      </c>
      <c r="E113109" s="15">
        <v>45700</v>
      </c>
      <c r="F113109" s="14" t="s">
        <v>61</v>
      </c>
      <c r="G113109" s="16">
        <v>0</v>
      </c>
    </row>
    <row r="113110" spans="1:7" x14ac:dyDescent="0.3">
      <c r="A113110" s="13" t="s">
        <v>539</v>
      </c>
      <c r="B113110" s="14" t="s">
        <v>1</v>
      </c>
      <c r="C113110" s="14" t="s">
        <v>35</v>
      </c>
      <c r="D113110" s="14" t="s">
        <v>540</v>
      </c>
      <c r="E113110" s="15">
        <v>45701</v>
      </c>
      <c r="F113110" s="14" t="s">
        <v>61</v>
      </c>
      <c r="G113110" s="16">
        <v>0</v>
      </c>
    </row>
    <row r="113111" spans="1:7" x14ac:dyDescent="0.3">
      <c r="A113111" s="13" t="s">
        <v>539</v>
      </c>
      <c r="B113111" s="14" t="s">
        <v>1</v>
      </c>
      <c r="C113111" s="14" t="s">
        <v>35</v>
      </c>
      <c r="D113111" s="14" t="s">
        <v>540</v>
      </c>
      <c r="E113111" s="15">
        <v>45702</v>
      </c>
      <c r="F113111" s="14" t="s">
        <v>61</v>
      </c>
      <c r="G113111" s="16">
        <v>0</v>
      </c>
    </row>
    <row r="113112" spans="1:7" x14ac:dyDescent="0.3">
      <c r="A113112" s="13" t="s">
        <v>539</v>
      </c>
      <c r="B113112" s="14" t="s">
        <v>1</v>
      </c>
      <c r="C113112" s="14" t="s">
        <v>35</v>
      </c>
      <c r="D113112" s="14" t="s">
        <v>540</v>
      </c>
      <c r="E113112" s="15">
        <v>45703</v>
      </c>
      <c r="F113112" s="14" t="s">
        <v>61</v>
      </c>
      <c r="G113112" s="16">
        <v>0</v>
      </c>
    </row>
    <row r="113113" spans="1:7" x14ac:dyDescent="0.3">
      <c r="A113113" s="13" t="s">
        <v>539</v>
      </c>
      <c r="B113113" s="14" t="s">
        <v>1</v>
      </c>
      <c r="C113113" s="14" t="s">
        <v>35</v>
      </c>
      <c r="D113113" s="14" t="s">
        <v>540</v>
      </c>
      <c r="E113113" s="15">
        <v>45704</v>
      </c>
      <c r="F113113" s="14" t="s">
        <v>61</v>
      </c>
      <c r="G113113" s="16">
        <v>0</v>
      </c>
    </row>
    <row r="113114" spans="1:7" x14ac:dyDescent="0.3">
      <c r="A113114" s="13" t="s">
        <v>539</v>
      </c>
      <c r="B113114" s="14" t="s">
        <v>1</v>
      </c>
      <c r="C113114" s="14" t="s">
        <v>35</v>
      </c>
      <c r="D113114" s="14" t="s">
        <v>540</v>
      </c>
      <c r="E113114" s="15">
        <v>45705</v>
      </c>
      <c r="F113114" s="14" t="s">
        <v>61</v>
      </c>
      <c r="G113114" s="16">
        <v>0</v>
      </c>
    </row>
    <row r="113115" spans="1:7" x14ac:dyDescent="0.3">
      <c r="A113115" s="13" t="s">
        <v>539</v>
      </c>
      <c r="B113115" s="14" t="s">
        <v>1</v>
      </c>
      <c r="C113115" s="14" t="s">
        <v>35</v>
      </c>
      <c r="D113115" s="14" t="s">
        <v>540</v>
      </c>
      <c r="E113115" s="15">
        <v>45706</v>
      </c>
      <c r="F113115" s="14" t="s">
        <v>61</v>
      </c>
      <c r="G113115" s="16">
        <v>0</v>
      </c>
    </row>
    <row r="113116" spans="1:7" x14ac:dyDescent="0.3">
      <c r="A113116" s="13" t="s">
        <v>539</v>
      </c>
      <c r="B113116" s="14" t="s">
        <v>1</v>
      </c>
      <c r="C113116" s="14" t="s">
        <v>35</v>
      </c>
      <c r="D113116" s="14" t="s">
        <v>540</v>
      </c>
      <c r="E113116" s="15">
        <v>45707</v>
      </c>
      <c r="F113116" s="14" t="s">
        <v>61</v>
      </c>
      <c r="G113116" s="16">
        <v>0</v>
      </c>
    </row>
    <row r="113117" spans="1:7" x14ac:dyDescent="0.3">
      <c r="A113117" s="13" t="s">
        <v>539</v>
      </c>
      <c r="B113117" s="14" t="s">
        <v>1</v>
      </c>
      <c r="C113117" s="14" t="s">
        <v>35</v>
      </c>
      <c r="D113117" s="14" t="s">
        <v>540</v>
      </c>
      <c r="E113117" s="15">
        <v>45708</v>
      </c>
      <c r="F113117" s="14" t="s">
        <v>61</v>
      </c>
      <c r="G113117" s="16">
        <v>0</v>
      </c>
    </row>
    <row r="113118" spans="1:7" x14ac:dyDescent="0.3">
      <c r="A113118" s="13" t="s">
        <v>539</v>
      </c>
      <c r="B113118" s="14" t="s">
        <v>1</v>
      </c>
      <c r="C113118" s="14" t="s">
        <v>35</v>
      </c>
      <c r="D113118" s="14" t="s">
        <v>540</v>
      </c>
      <c r="E113118" s="15">
        <v>45709</v>
      </c>
      <c r="F113118" s="14" t="s">
        <v>61</v>
      </c>
      <c r="G113118" s="16">
        <v>0</v>
      </c>
    </row>
    <row r="113119" spans="1:7" x14ac:dyDescent="0.3">
      <c r="A113119" s="13" t="s">
        <v>539</v>
      </c>
      <c r="B113119" s="14" t="s">
        <v>1</v>
      </c>
      <c r="C113119" s="14" t="s">
        <v>35</v>
      </c>
      <c r="D113119" s="14" t="s">
        <v>540</v>
      </c>
      <c r="E113119" s="15">
        <v>45710</v>
      </c>
      <c r="F113119" s="14" t="s">
        <v>61</v>
      </c>
      <c r="G113119" s="16">
        <v>0</v>
      </c>
    </row>
    <row r="113120" spans="1:7" x14ac:dyDescent="0.3">
      <c r="A113120" s="13" t="s">
        <v>539</v>
      </c>
      <c r="B113120" s="14" t="s">
        <v>1</v>
      </c>
      <c r="C113120" s="14" t="s">
        <v>35</v>
      </c>
      <c r="D113120" s="14" t="s">
        <v>540</v>
      </c>
      <c r="E113120" s="15">
        <v>45711</v>
      </c>
      <c r="F113120" s="14" t="s">
        <v>61</v>
      </c>
      <c r="G113120" s="16">
        <v>0</v>
      </c>
    </row>
    <row r="113121" spans="1:7" x14ac:dyDescent="0.3">
      <c r="A113121" s="13" t="s">
        <v>539</v>
      </c>
      <c r="B113121" s="14" t="s">
        <v>1</v>
      </c>
      <c r="C113121" s="14" t="s">
        <v>35</v>
      </c>
      <c r="D113121" s="14" t="s">
        <v>540</v>
      </c>
      <c r="E113121" s="15">
        <v>45712</v>
      </c>
      <c r="F113121" s="14" t="s">
        <v>61</v>
      </c>
      <c r="G113121" s="16">
        <v>0</v>
      </c>
    </row>
    <row r="113122" spans="1:7" x14ac:dyDescent="0.3">
      <c r="A113122" s="13" t="s">
        <v>539</v>
      </c>
      <c r="B113122" s="14" t="s">
        <v>1</v>
      </c>
      <c r="C113122" s="14" t="s">
        <v>35</v>
      </c>
      <c r="D113122" s="14" t="s">
        <v>540</v>
      </c>
      <c r="E113122" s="15">
        <v>45713</v>
      </c>
      <c r="F113122" s="14" t="s">
        <v>61</v>
      </c>
      <c r="G113122" s="16">
        <v>0</v>
      </c>
    </row>
    <row r="113123" spans="1:7" x14ac:dyDescent="0.3">
      <c r="A113123" s="13" t="s">
        <v>539</v>
      </c>
      <c r="B113123" s="14" t="s">
        <v>1</v>
      </c>
      <c r="C113123" s="14" t="s">
        <v>35</v>
      </c>
      <c r="D113123" s="14" t="s">
        <v>540</v>
      </c>
      <c r="E113123" s="15">
        <v>45714</v>
      </c>
      <c r="F113123" s="14" t="s">
        <v>61</v>
      </c>
      <c r="G113123" s="16">
        <v>0</v>
      </c>
    </row>
    <row r="113124" spans="1:7" x14ac:dyDescent="0.3">
      <c r="A113124" s="13" t="s">
        <v>539</v>
      </c>
      <c r="B113124" s="14" t="s">
        <v>1</v>
      </c>
      <c r="C113124" s="14" t="s">
        <v>35</v>
      </c>
      <c r="D113124" s="14" t="s">
        <v>540</v>
      </c>
      <c r="E113124" s="15">
        <v>45715</v>
      </c>
      <c r="F113124" s="14" t="s">
        <v>61</v>
      </c>
      <c r="G113124" s="16">
        <v>0</v>
      </c>
    </row>
    <row r="113125" spans="1:7" x14ac:dyDescent="0.3">
      <c r="A113125" s="13" t="s">
        <v>539</v>
      </c>
      <c r="B113125" s="14" t="s">
        <v>1</v>
      </c>
      <c r="C113125" s="14" t="s">
        <v>35</v>
      </c>
      <c r="D113125" s="14" t="s">
        <v>540</v>
      </c>
      <c r="E113125" s="15">
        <v>45716</v>
      </c>
      <c r="F113125" s="14" t="s">
        <v>61</v>
      </c>
      <c r="G113125" s="16">
        <v>0</v>
      </c>
    </row>
    <row r="113126" spans="1:7" x14ac:dyDescent="0.3">
      <c r="A113126" s="13" t="s">
        <v>539</v>
      </c>
      <c r="B113126" s="14" t="s">
        <v>1</v>
      </c>
      <c r="C113126" s="14" t="s">
        <v>35</v>
      </c>
      <c r="D113126" s="14" t="s">
        <v>540</v>
      </c>
      <c r="E113126" s="15">
        <v>45717</v>
      </c>
      <c r="F113126" s="14" t="s">
        <v>61</v>
      </c>
      <c r="G113126" s="16">
        <v>0</v>
      </c>
    </row>
    <row r="113127" spans="1:7" x14ac:dyDescent="0.3">
      <c r="A113127" s="13" t="s">
        <v>539</v>
      </c>
      <c r="B113127" s="14" t="s">
        <v>1</v>
      </c>
      <c r="C113127" s="14" t="s">
        <v>35</v>
      </c>
      <c r="D113127" s="14" t="s">
        <v>540</v>
      </c>
      <c r="E113127" s="15">
        <v>45718</v>
      </c>
      <c r="F113127" s="14" t="s">
        <v>61</v>
      </c>
      <c r="G113127" s="16">
        <v>0</v>
      </c>
    </row>
    <row r="113128" spans="1:7" x14ac:dyDescent="0.3">
      <c r="A113128" s="13" t="s">
        <v>539</v>
      </c>
      <c r="B113128" s="14" t="s">
        <v>1</v>
      </c>
      <c r="C113128" s="14" t="s">
        <v>35</v>
      </c>
      <c r="D113128" s="14" t="s">
        <v>540</v>
      </c>
      <c r="E113128" s="15">
        <v>45719</v>
      </c>
      <c r="F113128" s="14" t="s">
        <v>61</v>
      </c>
      <c r="G113128" s="16">
        <v>0</v>
      </c>
    </row>
    <row r="113129" spans="1:7" x14ac:dyDescent="0.3">
      <c r="A113129" s="13" t="s">
        <v>539</v>
      </c>
      <c r="B113129" s="14" t="s">
        <v>1</v>
      </c>
      <c r="C113129" s="14" t="s">
        <v>35</v>
      </c>
      <c r="D113129" s="14" t="s">
        <v>540</v>
      </c>
      <c r="E113129" s="15">
        <v>45720</v>
      </c>
      <c r="F113129" s="14" t="s">
        <v>61</v>
      </c>
      <c r="G113129" s="16">
        <v>0</v>
      </c>
    </row>
    <row r="113130" spans="1:7" x14ac:dyDescent="0.3">
      <c r="A113130" s="13" t="s">
        <v>539</v>
      </c>
      <c r="B113130" s="14" t="s">
        <v>1</v>
      </c>
      <c r="C113130" s="14" t="s">
        <v>35</v>
      </c>
      <c r="D113130" s="14" t="s">
        <v>540</v>
      </c>
      <c r="E113130" s="15">
        <v>45721</v>
      </c>
      <c r="F113130" s="14" t="s">
        <v>61</v>
      </c>
      <c r="G113130" s="16">
        <v>0</v>
      </c>
    </row>
    <row r="113131" spans="1:7" x14ac:dyDescent="0.3">
      <c r="A113131" s="13" t="s">
        <v>539</v>
      </c>
      <c r="B113131" s="14" t="s">
        <v>1</v>
      </c>
      <c r="C113131" s="14" t="s">
        <v>35</v>
      </c>
      <c r="D113131" s="14" t="s">
        <v>540</v>
      </c>
      <c r="E113131" s="15">
        <v>45722</v>
      </c>
      <c r="F113131" s="14" t="s">
        <v>61</v>
      </c>
      <c r="G113131" s="16">
        <v>0</v>
      </c>
    </row>
    <row r="113132" spans="1:7" x14ac:dyDescent="0.3">
      <c r="A113132" s="13" t="s">
        <v>539</v>
      </c>
      <c r="B113132" s="14" t="s">
        <v>1</v>
      </c>
      <c r="C113132" s="14" t="s">
        <v>35</v>
      </c>
      <c r="D113132" s="14" t="s">
        <v>540</v>
      </c>
      <c r="E113132" s="15">
        <v>45723</v>
      </c>
      <c r="F113132" s="14" t="s">
        <v>61</v>
      </c>
      <c r="G113132" s="16">
        <v>0</v>
      </c>
    </row>
    <row r="113133" spans="1:7" x14ac:dyDescent="0.3">
      <c r="A113133" s="13" t="s">
        <v>539</v>
      </c>
      <c r="B113133" s="14" t="s">
        <v>1</v>
      </c>
      <c r="C113133" s="14" t="s">
        <v>35</v>
      </c>
      <c r="D113133" s="14" t="s">
        <v>540</v>
      </c>
      <c r="E113133" s="15">
        <v>45724</v>
      </c>
      <c r="F113133" s="14" t="s">
        <v>61</v>
      </c>
      <c r="G113133" s="16">
        <v>0</v>
      </c>
    </row>
    <row r="113134" spans="1:7" x14ac:dyDescent="0.3">
      <c r="A113134" s="13" t="s">
        <v>539</v>
      </c>
      <c r="B113134" s="14" t="s">
        <v>1</v>
      </c>
      <c r="C113134" s="14" t="s">
        <v>35</v>
      </c>
      <c r="D113134" s="14" t="s">
        <v>540</v>
      </c>
      <c r="E113134" s="15">
        <v>45725</v>
      </c>
      <c r="F113134" s="14" t="s">
        <v>61</v>
      </c>
      <c r="G113134" s="16">
        <v>0</v>
      </c>
    </row>
    <row r="113135" spans="1:7" x14ac:dyDescent="0.3">
      <c r="A113135" s="13" t="s">
        <v>539</v>
      </c>
      <c r="B113135" s="14" t="s">
        <v>1</v>
      </c>
      <c r="C113135" s="14" t="s">
        <v>35</v>
      </c>
      <c r="D113135" s="14" t="s">
        <v>540</v>
      </c>
      <c r="E113135" s="15">
        <v>45726</v>
      </c>
      <c r="F113135" s="14" t="s">
        <v>61</v>
      </c>
      <c r="G113135" s="16">
        <v>0</v>
      </c>
    </row>
    <row r="113136" spans="1:7" x14ac:dyDescent="0.3">
      <c r="A113136" s="13" t="s">
        <v>539</v>
      </c>
      <c r="B113136" s="14" t="s">
        <v>1</v>
      </c>
      <c r="C113136" s="14" t="s">
        <v>35</v>
      </c>
      <c r="D113136" s="14" t="s">
        <v>540</v>
      </c>
      <c r="E113136" s="15">
        <v>45727</v>
      </c>
      <c r="F113136" s="14" t="s">
        <v>61</v>
      </c>
      <c r="G113136" s="16">
        <v>0</v>
      </c>
    </row>
    <row r="113137" spans="1:7" x14ac:dyDescent="0.3">
      <c r="A113137" s="13" t="s">
        <v>539</v>
      </c>
      <c r="B113137" s="14" t="s">
        <v>1</v>
      </c>
      <c r="C113137" s="14" t="s">
        <v>35</v>
      </c>
      <c r="D113137" s="14" t="s">
        <v>540</v>
      </c>
      <c r="E113137" s="15">
        <v>45728</v>
      </c>
      <c r="F113137" s="14" t="s">
        <v>61</v>
      </c>
      <c r="G113137" s="16">
        <v>0</v>
      </c>
    </row>
    <row r="113138" spans="1:7" x14ac:dyDescent="0.3">
      <c r="A113138" s="13" t="s">
        <v>539</v>
      </c>
      <c r="B113138" s="14" t="s">
        <v>1</v>
      </c>
      <c r="C113138" s="14" t="s">
        <v>35</v>
      </c>
      <c r="D113138" s="14" t="s">
        <v>540</v>
      </c>
      <c r="E113138" s="15">
        <v>45729</v>
      </c>
      <c r="F113138" s="14" t="s">
        <v>61</v>
      </c>
      <c r="G113138" s="16">
        <v>0</v>
      </c>
    </row>
    <row r="113139" spans="1:7" x14ac:dyDescent="0.3">
      <c r="A113139" s="13" t="s">
        <v>539</v>
      </c>
      <c r="B113139" s="14" t="s">
        <v>1</v>
      </c>
      <c r="C113139" s="14" t="s">
        <v>35</v>
      </c>
      <c r="D113139" s="14" t="s">
        <v>540</v>
      </c>
      <c r="E113139" s="15">
        <v>45730</v>
      </c>
      <c r="F113139" s="14" t="s">
        <v>61</v>
      </c>
      <c r="G113139" s="16">
        <v>0</v>
      </c>
    </row>
    <row r="113140" spans="1:7" x14ac:dyDescent="0.3">
      <c r="A113140" s="13" t="s">
        <v>539</v>
      </c>
      <c r="B113140" s="14" t="s">
        <v>1</v>
      </c>
      <c r="C113140" s="14" t="s">
        <v>35</v>
      </c>
      <c r="D113140" s="14" t="s">
        <v>540</v>
      </c>
      <c r="E113140" s="15">
        <v>45731</v>
      </c>
      <c r="F113140" s="14" t="s">
        <v>61</v>
      </c>
      <c r="G113140" s="16">
        <v>0</v>
      </c>
    </row>
    <row r="113141" spans="1:7" x14ac:dyDescent="0.3">
      <c r="A113141" s="13" t="s">
        <v>539</v>
      </c>
      <c r="B113141" s="14" t="s">
        <v>1</v>
      </c>
      <c r="C113141" s="14" t="s">
        <v>35</v>
      </c>
      <c r="D113141" s="14" t="s">
        <v>540</v>
      </c>
      <c r="E113141" s="15">
        <v>45732</v>
      </c>
      <c r="F113141" s="14" t="s">
        <v>61</v>
      </c>
      <c r="G113141" s="16">
        <v>0</v>
      </c>
    </row>
    <row r="113142" spans="1:7" x14ac:dyDescent="0.3">
      <c r="A113142" s="13" t="s">
        <v>539</v>
      </c>
      <c r="B113142" s="14" t="s">
        <v>1</v>
      </c>
      <c r="C113142" s="14" t="s">
        <v>35</v>
      </c>
      <c r="D113142" s="14" t="s">
        <v>540</v>
      </c>
      <c r="E113142" s="15">
        <v>45733</v>
      </c>
      <c r="F113142" s="14" t="s">
        <v>61</v>
      </c>
      <c r="G113142" s="16">
        <v>0</v>
      </c>
    </row>
    <row r="113143" spans="1:7" x14ac:dyDescent="0.3">
      <c r="A113143" s="13" t="s">
        <v>539</v>
      </c>
      <c r="B113143" s="14" t="s">
        <v>1</v>
      </c>
      <c r="C113143" s="14" t="s">
        <v>35</v>
      </c>
      <c r="D113143" s="14" t="s">
        <v>540</v>
      </c>
      <c r="E113143" s="15">
        <v>45734</v>
      </c>
      <c r="F113143" s="14" t="s">
        <v>61</v>
      </c>
      <c r="G113143" s="16">
        <v>0</v>
      </c>
    </row>
    <row r="113144" spans="1:7" x14ac:dyDescent="0.3">
      <c r="A113144" s="13" t="s">
        <v>539</v>
      </c>
      <c r="B113144" s="14" t="s">
        <v>1</v>
      </c>
      <c r="C113144" s="14" t="s">
        <v>35</v>
      </c>
      <c r="D113144" s="14" t="s">
        <v>540</v>
      </c>
      <c r="E113144" s="15">
        <v>45735</v>
      </c>
      <c r="F113144" s="14" t="s">
        <v>61</v>
      </c>
      <c r="G113144" s="16">
        <v>0</v>
      </c>
    </row>
    <row r="113145" spans="1:7" x14ac:dyDescent="0.3">
      <c r="A113145" s="13" t="s">
        <v>539</v>
      </c>
      <c r="B113145" s="14" t="s">
        <v>1</v>
      </c>
      <c r="C113145" s="14" t="s">
        <v>35</v>
      </c>
      <c r="D113145" s="14" t="s">
        <v>540</v>
      </c>
      <c r="E113145" s="15">
        <v>45736</v>
      </c>
      <c r="F113145" s="14" t="s">
        <v>61</v>
      </c>
      <c r="G113145" s="16">
        <v>0</v>
      </c>
    </row>
    <row r="113146" spans="1:7" x14ac:dyDescent="0.3">
      <c r="A113146" s="13" t="s">
        <v>539</v>
      </c>
      <c r="B113146" s="14" t="s">
        <v>1</v>
      </c>
      <c r="C113146" s="14" t="s">
        <v>35</v>
      </c>
      <c r="D113146" s="14" t="s">
        <v>540</v>
      </c>
      <c r="E113146" s="15">
        <v>45737</v>
      </c>
      <c r="F113146" s="14" t="s">
        <v>61</v>
      </c>
      <c r="G113146" s="16">
        <v>0</v>
      </c>
    </row>
    <row r="113147" spans="1:7" x14ac:dyDescent="0.3">
      <c r="A113147" s="13" t="s">
        <v>539</v>
      </c>
      <c r="B113147" s="14" t="s">
        <v>1</v>
      </c>
      <c r="C113147" s="14" t="s">
        <v>35</v>
      </c>
      <c r="D113147" s="14" t="s">
        <v>540</v>
      </c>
      <c r="E113147" s="15">
        <v>45738</v>
      </c>
      <c r="F113147" s="14" t="s">
        <v>61</v>
      </c>
      <c r="G113147" s="16">
        <v>0</v>
      </c>
    </row>
    <row r="113148" spans="1:7" x14ac:dyDescent="0.3">
      <c r="A113148" s="13" t="s">
        <v>539</v>
      </c>
      <c r="B113148" s="14" t="s">
        <v>1</v>
      </c>
      <c r="C113148" s="14" t="s">
        <v>35</v>
      </c>
      <c r="D113148" s="14" t="s">
        <v>540</v>
      </c>
      <c r="E113148" s="15">
        <v>45739</v>
      </c>
      <c r="F113148" s="14" t="s">
        <v>61</v>
      </c>
      <c r="G113148" s="16">
        <v>0</v>
      </c>
    </row>
    <row r="113149" spans="1:7" x14ac:dyDescent="0.3">
      <c r="A113149" s="13" t="s">
        <v>539</v>
      </c>
      <c r="B113149" s="14" t="s">
        <v>1</v>
      </c>
      <c r="C113149" s="14" t="s">
        <v>35</v>
      </c>
      <c r="D113149" s="14" t="s">
        <v>540</v>
      </c>
      <c r="E113149" s="15">
        <v>45740</v>
      </c>
      <c r="F113149" s="14" t="s">
        <v>61</v>
      </c>
      <c r="G113149" s="16">
        <v>0</v>
      </c>
    </row>
    <row r="113150" spans="1:7" x14ac:dyDescent="0.3">
      <c r="A113150" s="13" t="s">
        <v>539</v>
      </c>
      <c r="B113150" s="14" t="s">
        <v>1</v>
      </c>
      <c r="C113150" s="14" t="s">
        <v>35</v>
      </c>
      <c r="D113150" s="14" t="s">
        <v>540</v>
      </c>
      <c r="E113150" s="15">
        <v>45741</v>
      </c>
      <c r="F113150" s="14" t="s">
        <v>61</v>
      </c>
      <c r="G113150" s="16">
        <v>0</v>
      </c>
    </row>
    <row r="113151" spans="1:7" x14ac:dyDescent="0.3">
      <c r="A113151" s="13" t="s">
        <v>539</v>
      </c>
      <c r="B113151" s="14" t="s">
        <v>1</v>
      </c>
      <c r="C113151" s="14" t="s">
        <v>35</v>
      </c>
      <c r="D113151" s="14" t="s">
        <v>540</v>
      </c>
      <c r="E113151" s="15">
        <v>45742</v>
      </c>
      <c r="F113151" s="14" t="s">
        <v>61</v>
      </c>
      <c r="G113151" s="16">
        <v>0</v>
      </c>
    </row>
    <row r="113152" spans="1:7" x14ac:dyDescent="0.3">
      <c r="A113152" s="13" t="s">
        <v>539</v>
      </c>
      <c r="B113152" s="14" t="s">
        <v>1</v>
      </c>
      <c r="C113152" s="14" t="s">
        <v>35</v>
      </c>
      <c r="D113152" s="14" t="s">
        <v>540</v>
      </c>
      <c r="E113152" s="15">
        <v>45743</v>
      </c>
      <c r="F113152" s="14" t="s">
        <v>61</v>
      </c>
      <c r="G113152" s="16">
        <v>0</v>
      </c>
    </row>
    <row r="113153" spans="1:7" x14ac:dyDescent="0.3">
      <c r="A113153" s="13" t="s">
        <v>539</v>
      </c>
      <c r="B113153" s="14" t="s">
        <v>1</v>
      </c>
      <c r="C113153" s="14" t="s">
        <v>35</v>
      </c>
      <c r="D113153" s="14" t="s">
        <v>540</v>
      </c>
      <c r="E113153" s="15">
        <v>45744</v>
      </c>
      <c r="F113153" s="14" t="s">
        <v>61</v>
      </c>
      <c r="G113153" s="16">
        <v>0.23694194661528462</v>
      </c>
    </row>
    <row r="113154" spans="1:7" x14ac:dyDescent="0.3">
      <c r="A113154" s="13" t="s">
        <v>539</v>
      </c>
      <c r="B113154" s="14" t="s">
        <v>1</v>
      </c>
      <c r="C113154" s="14" t="s">
        <v>35</v>
      </c>
      <c r="D113154" s="14" t="s">
        <v>540</v>
      </c>
      <c r="E113154" s="15">
        <v>45745</v>
      </c>
      <c r="F113154" s="14" t="s">
        <v>61</v>
      </c>
      <c r="G113154" s="16">
        <v>0.23694194661528462</v>
      </c>
    </row>
    <row r="113155" spans="1:7" x14ac:dyDescent="0.3">
      <c r="A113155" s="13" t="s">
        <v>539</v>
      </c>
      <c r="B113155" s="14" t="s">
        <v>1</v>
      </c>
      <c r="C113155" s="14" t="s">
        <v>35</v>
      </c>
      <c r="D113155" s="14" t="s">
        <v>540</v>
      </c>
      <c r="E113155" s="15">
        <v>45746</v>
      </c>
      <c r="F113155" s="14" t="s">
        <v>61</v>
      </c>
      <c r="G113155" s="16">
        <v>0.23694194661528462</v>
      </c>
    </row>
    <row r="113156" spans="1:7" x14ac:dyDescent="0.3">
      <c r="A113156" s="13" t="s">
        <v>539</v>
      </c>
      <c r="B113156" s="14" t="s">
        <v>1</v>
      </c>
      <c r="C113156" s="14" t="s">
        <v>35</v>
      </c>
      <c r="D113156" s="14" t="s">
        <v>540</v>
      </c>
      <c r="E113156" s="15">
        <v>45747</v>
      </c>
      <c r="F113156" s="14" t="s">
        <v>61</v>
      </c>
      <c r="G113156" s="16">
        <v>0.23694194661528462</v>
      </c>
    </row>
    <row r="113157" spans="1:7" x14ac:dyDescent="0.3">
      <c r="A113157" s="13" t="s">
        <v>541</v>
      </c>
      <c r="B113157" s="14" t="s">
        <v>1</v>
      </c>
      <c r="C113157" s="14" t="s">
        <v>96</v>
      </c>
      <c r="D113157" s="14" t="s">
        <v>328</v>
      </c>
      <c r="E113157" s="15">
        <v>45383</v>
      </c>
      <c r="F113157" s="14" t="s">
        <v>61</v>
      </c>
      <c r="G113157" s="16">
        <v>0</v>
      </c>
    </row>
    <row r="113158" spans="1:7" x14ac:dyDescent="0.3">
      <c r="A113158" s="13" t="s">
        <v>541</v>
      </c>
      <c r="B113158" s="14" t="s">
        <v>1</v>
      </c>
      <c r="C113158" s="14" t="s">
        <v>96</v>
      </c>
      <c r="D113158" s="14" t="s">
        <v>328</v>
      </c>
      <c r="E113158" s="15">
        <v>45384</v>
      </c>
      <c r="F113158" s="14" t="s">
        <v>61</v>
      </c>
      <c r="G113158" s="16">
        <v>0</v>
      </c>
    </row>
    <row r="113159" spans="1:7" x14ac:dyDescent="0.3">
      <c r="A113159" s="13" t="s">
        <v>541</v>
      </c>
      <c r="B113159" s="14" t="s">
        <v>1</v>
      </c>
      <c r="C113159" s="14" t="s">
        <v>96</v>
      </c>
      <c r="D113159" s="14" t="s">
        <v>328</v>
      </c>
      <c r="E113159" s="15">
        <v>45385</v>
      </c>
      <c r="F113159" s="14" t="s">
        <v>61</v>
      </c>
      <c r="G113159" s="16">
        <v>0</v>
      </c>
    </row>
    <row r="113160" spans="1:7" x14ac:dyDescent="0.3">
      <c r="A113160" s="13" t="s">
        <v>541</v>
      </c>
      <c r="B113160" s="14" t="s">
        <v>1</v>
      </c>
      <c r="C113160" s="14" t="s">
        <v>96</v>
      </c>
      <c r="D113160" s="14" t="s">
        <v>328</v>
      </c>
      <c r="E113160" s="15">
        <v>45386</v>
      </c>
      <c r="F113160" s="14" t="s">
        <v>61</v>
      </c>
      <c r="G113160" s="16">
        <v>0</v>
      </c>
    </row>
    <row r="113161" spans="1:7" x14ac:dyDescent="0.3">
      <c r="A113161" s="13" t="s">
        <v>541</v>
      </c>
      <c r="B113161" s="14" t="s">
        <v>1</v>
      </c>
      <c r="C113161" s="14" t="s">
        <v>96</v>
      </c>
      <c r="D113161" s="14" t="s">
        <v>328</v>
      </c>
      <c r="E113161" s="15">
        <v>45387</v>
      </c>
      <c r="F113161" s="14" t="s">
        <v>61</v>
      </c>
      <c r="G113161" s="16">
        <v>0</v>
      </c>
    </row>
    <row r="113162" spans="1:7" x14ac:dyDescent="0.3">
      <c r="A113162" s="13" t="s">
        <v>541</v>
      </c>
      <c r="B113162" s="14" t="s">
        <v>1</v>
      </c>
      <c r="C113162" s="14" t="s">
        <v>96</v>
      </c>
      <c r="D113162" s="14" t="s">
        <v>328</v>
      </c>
      <c r="E113162" s="15">
        <v>45388</v>
      </c>
      <c r="F113162" s="14" t="s">
        <v>61</v>
      </c>
      <c r="G113162" s="16">
        <v>0</v>
      </c>
    </row>
    <row r="113163" spans="1:7" x14ac:dyDescent="0.3">
      <c r="A113163" s="13" t="s">
        <v>541</v>
      </c>
      <c r="B113163" s="14" t="s">
        <v>1</v>
      </c>
      <c r="C113163" s="14" t="s">
        <v>96</v>
      </c>
      <c r="D113163" s="14" t="s">
        <v>328</v>
      </c>
      <c r="E113163" s="15">
        <v>45389</v>
      </c>
      <c r="F113163" s="14" t="s">
        <v>61</v>
      </c>
      <c r="G113163" s="16">
        <v>0</v>
      </c>
    </row>
    <row r="113164" spans="1:7" x14ac:dyDescent="0.3">
      <c r="A113164" s="13" t="s">
        <v>541</v>
      </c>
      <c r="B113164" s="14" t="s">
        <v>1</v>
      </c>
      <c r="C113164" s="14" t="s">
        <v>96</v>
      </c>
      <c r="D113164" s="14" t="s">
        <v>328</v>
      </c>
      <c r="E113164" s="15">
        <v>45390</v>
      </c>
      <c r="F113164" s="14" t="s">
        <v>61</v>
      </c>
      <c r="G113164" s="16">
        <v>0</v>
      </c>
    </row>
    <row r="113165" spans="1:7" x14ac:dyDescent="0.3">
      <c r="A113165" s="13" t="s">
        <v>541</v>
      </c>
      <c r="B113165" s="14" t="s">
        <v>1</v>
      </c>
      <c r="C113165" s="14" t="s">
        <v>96</v>
      </c>
      <c r="D113165" s="14" t="s">
        <v>328</v>
      </c>
      <c r="E113165" s="15">
        <v>45391</v>
      </c>
      <c r="F113165" s="14" t="s">
        <v>61</v>
      </c>
      <c r="G113165" s="16">
        <v>0</v>
      </c>
    </row>
    <row r="113166" spans="1:7" x14ac:dyDescent="0.3">
      <c r="A113166" s="13" t="s">
        <v>541</v>
      </c>
      <c r="B113166" s="14" t="s">
        <v>1</v>
      </c>
      <c r="C113166" s="14" t="s">
        <v>96</v>
      </c>
      <c r="D113166" s="14" t="s">
        <v>328</v>
      </c>
      <c r="E113166" s="15">
        <v>45392</v>
      </c>
      <c r="F113166" s="14" t="s">
        <v>61</v>
      </c>
      <c r="G113166" s="16">
        <v>0</v>
      </c>
    </row>
    <row r="113167" spans="1:7" x14ac:dyDescent="0.3">
      <c r="A113167" s="13" t="s">
        <v>541</v>
      </c>
      <c r="B113167" s="14" t="s">
        <v>1</v>
      </c>
      <c r="C113167" s="14" t="s">
        <v>96</v>
      </c>
      <c r="D113167" s="14" t="s">
        <v>328</v>
      </c>
      <c r="E113167" s="15">
        <v>45393</v>
      </c>
      <c r="F113167" s="14" t="s">
        <v>61</v>
      </c>
      <c r="G113167" s="16">
        <v>0</v>
      </c>
    </row>
    <row r="113168" spans="1:7" x14ac:dyDescent="0.3">
      <c r="A113168" s="13" t="s">
        <v>541</v>
      </c>
      <c r="B113168" s="14" t="s">
        <v>1</v>
      </c>
      <c r="C113168" s="14" t="s">
        <v>96</v>
      </c>
      <c r="D113168" s="14" t="s">
        <v>328</v>
      </c>
      <c r="E113168" s="15">
        <v>45394</v>
      </c>
      <c r="F113168" s="14" t="s">
        <v>61</v>
      </c>
      <c r="G113168" s="16">
        <v>0</v>
      </c>
    </row>
    <row r="113169" spans="1:7" x14ac:dyDescent="0.3">
      <c r="A113169" s="13" t="s">
        <v>541</v>
      </c>
      <c r="B113169" s="14" t="s">
        <v>1</v>
      </c>
      <c r="C113169" s="14" t="s">
        <v>96</v>
      </c>
      <c r="D113169" s="14" t="s">
        <v>328</v>
      </c>
      <c r="E113169" s="15">
        <v>45395</v>
      </c>
      <c r="F113169" s="14" t="s">
        <v>61</v>
      </c>
      <c r="G113169" s="16">
        <v>0</v>
      </c>
    </row>
    <row r="113170" spans="1:7" x14ac:dyDescent="0.3">
      <c r="A113170" s="13" t="s">
        <v>541</v>
      </c>
      <c r="B113170" s="14" t="s">
        <v>1</v>
      </c>
      <c r="C113170" s="14" t="s">
        <v>96</v>
      </c>
      <c r="D113170" s="14" t="s">
        <v>328</v>
      </c>
      <c r="E113170" s="15">
        <v>45396</v>
      </c>
      <c r="F113170" s="14" t="s">
        <v>61</v>
      </c>
      <c r="G113170" s="16">
        <v>0</v>
      </c>
    </row>
    <row r="113171" spans="1:7" x14ac:dyDescent="0.3">
      <c r="A113171" s="13" t="s">
        <v>541</v>
      </c>
      <c r="B113171" s="14" t="s">
        <v>1</v>
      </c>
      <c r="C113171" s="14" t="s">
        <v>96</v>
      </c>
      <c r="D113171" s="14" t="s">
        <v>328</v>
      </c>
      <c r="E113171" s="15">
        <v>45397</v>
      </c>
      <c r="F113171" s="14" t="s">
        <v>61</v>
      </c>
      <c r="G113171" s="16">
        <v>0</v>
      </c>
    </row>
    <row r="113172" spans="1:7" x14ac:dyDescent="0.3">
      <c r="A113172" s="13" t="s">
        <v>541</v>
      </c>
      <c r="B113172" s="14" t="s">
        <v>1</v>
      </c>
      <c r="C113172" s="14" t="s">
        <v>96</v>
      </c>
      <c r="D113172" s="14" t="s">
        <v>328</v>
      </c>
      <c r="E113172" s="15">
        <v>45398</v>
      </c>
      <c r="F113172" s="14" t="s">
        <v>61</v>
      </c>
      <c r="G113172" s="16">
        <v>0</v>
      </c>
    </row>
    <row r="113173" spans="1:7" x14ac:dyDescent="0.3">
      <c r="A113173" s="13" t="s">
        <v>541</v>
      </c>
      <c r="B113173" s="14" t="s">
        <v>1</v>
      </c>
      <c r="C113173" s="14" t="s">
        <v>96</v>
      </c>
      <c r="D113173" s="14" t="s">
        <v>328</v>
      </c>
      <c r="E113173" s="15">
        <v>45399</v>
      </c>
      <c r="F113173" s="14" t="s">
        <v>61</v>
      </c>
      <c r="G113173" s="16">
        <v>0</v>
      </c>
    </row>
    <row r="113174" spans="1:7" x14ac:dyDescent="0.3">
      <c r="A113174" s="13" t="s">
        <v>541</v>
      </c>
      <c r="B113174" s="14" t="s">
        <v>1</v>
      </c>
      <c r="C113174" s="14" t="s">
        <v>96</v>
      </c>
      <c r="D113174" s="14" t="s">
        <v>328</v>
      </c>
      <c r="E113174" s="15">
        <v>45400</v>
      </c>
      <c r="F113174" s="14" t="s">
        <v>61</v>
      </c>
      <c r="G113174" s="16">
        <v>0</v>
      </c>
    </row>
    <row r="113175" spans="1:7" x14ac:dyDescent="0.3">
      <c r="A113175" s="13" t="s">
        <v>541</v>
      </c>
      <c r="B113175" s="14" t="s">
        <v>1</v>
      </c>
      <c r="C113175" s="14" t="s">
        <v>96</v>
      </c>
      <c r="D113175" s="14" t="s">
        <v>328</v>
      </c>
      <c r="E113175" s="15">
        <v>45401</v>
      </c>
      <c r="F113175" s="14" t="s">
        <v>61</v>
      </c>
      <c r="G113175" s="16">
        <v>0</v>
      </c>
    </row>
    <row r="113176" spans="1:7" x14ac:dyDescent="0.3">
      <c r="A113176" s="13" t="s">
        <v>541</v>
      </c>
      <c r="B113176" s="14" t="s">
        <v>1</v>
      </c>
      <c r="C113176" s="14" t="s">
        <v>96</v>
      </c>
      <c r="D113176" s="14" t="s">
        <v>328</v>
      </c>
      <c r="E113176" s="15">
        <v>45402</v>
      </c>
      <c r="F113176" s="14" t="s">
        <v>61</v>
      </c>
      <c r="G113176" s="16">
        <v>0</v>
      </c>
    </row>
    <row r="113177" spans="1:7" x14ac:dyDescent="0.3">
      <c r="A113177" s="13" t="s">
        <v>541</v>
      </c>
      <c r="B113177" s="14" t="s">
        <v>1</v>
      </c>
      <c r="C113177" s="14" t="s">
        <v>96</v>
      </c>
      <c r="D113177" s="14" t="s">
        <v>328</v>
      </c>
      <c r="E113177" s="15">
        <v>45403</v>
      </c>
      <c r="F113177" s="14" t="s">
        <v>61</v>
      </c>
      <c r="G113177" s="16">
        <v>0</v>
      </c>
    </row>
    <row r="113178" spans="1:7" x14ac:dyDescent="0.3">
      <c r="A113178" s="13" t="s">
        <v>541</v>
      </c>
      <c r="B113178" s="14" t="s">
        <v>1</v>
      </c>
      <c r="C113178" s="14" t="s">
        <v>96</v>
      </c>
      <c r="D113178" s="14" t="s">
        <v>328</v>
      </c>
      <c r="E113178" s="15">
        <v>45404</v>
      </c>
      <c r="F113178" s="14" t="s">
        <v>61</v>
      </c>
      <c r="G113178" s="16">
        <v>0</v>
      </c>
    </row>
    <row r="113179" spans="1:7" x14ac:dyDescent="0.3">
      <c r="A113179" s="13" t="s">
        <v>541</v>
      </c>
      <c r="B113179" s="14" t="s">
        <v>1</v>
      </c>
      <c r="C113179" s="14" t="s">
        <v>96</v>
      </c>
      <c r="D113179" s="14" t="s">
        <v>328</v>
      </c>
      <c r="E113179" s="15">
        <v>45405</v>
      </c>
      <c r="F113179" s="14" t="s">
        <v>61</v>
      </c>
      <c r="G113179" s="16">
        <v>0</v>
      </c>
    </row>
    <row r="113180" spans="1:7" x14ac:dyDescent="0.3">
      <c r="A113180" s="13" t="s">
        <v>541</v>
      </c>
      <c r="B113180" s="14" t="s">
        <v>1</v>
      </c>
      <c r="C113180" s="14" t="s">
        <v>96</v>
      </c>
      <c r="D113180" s="14" t="s">
        <v>328</v>
      </c>
      <c r="E113180" s="15">
        <v>45406</v>
      </c>
      <c r="F113180" s="14" t="s">
        <v>61</v>
      </c>
      <c r="G113180" s="16">
        <v>0</v>
      </c>
    </row>
    <row r="113181" spans="1:7" x14ac:dyDescent="0.3">
      <c r="A113181" s="13" t="s">
        <v>541</v>
      </c>
      <c r="B113181" s="14" t="s">
        <v>1</v>
      </c>
      <c r="C113181" s="14" t="s">
        <v>96</v>
      </c>
      <c r="D113181" s="14" t="s">
        <v>328</v>
      </c>
      <c r="E113181" s="15">
        <v>45407</v>
      </c>
      <c r="F113181" s="14" t="s">
        <v>61</v>
      </c>
      <c r="G113181" s="16">
        <v>0</v>
      </c>
    </row>
    <row r="113182" spans="1:7" x14ac:dyDescent="0.3">
      <c r="A113182" s="13" t="s">
        <v>541</v>
      </c>
      <c r="B113182" s="14" t="s">
        <v>1</v>
      </c>
      <c r="C113182" s="14" t="s">
        <v>96</v>
      </c>
      <c r="D113182" s="14" t="s">
        <v>328</v>
      </c>
      <c r="E113182" s="15">
        <v>45408</v>
      </c>
      <c r="F113182" s="14" t="s">
        <v>61</v>
      </c>
      <c r="G113182" s="16">
        <v>0</v>
      </c>
    </row>
    <row r="113183" spans="1:7" x14ac:dyDescent="0.3">
      <c r="A113183" s="13" t="s">
        <v>541</v>
      </c>
      <c r="B113183" s="14" t="s">
        <v>1</v>
      </c>
      <c r="C113183" s="14" t="s">
        <v>96</v>
      </c>
      <c r="D113183" s="14" t="s">
        <v>328</v>
      </c>
      <c r="E113183" s="15">
        <v>45409</v>
      </c>
      <c r="F113183" s="14" t="s">
        <v>61</v>
      </c>
      <c r="G113183" s="16">
        <v>0</v>
      </c>
    </row>
    <row r="113184" spans="1:7" x14ac:dyDescent="0.3">
      <c r="A113184" s="13" t="s">
        <v>541</v>
      </c>
      <c r="B113184" s="14" t="s">
        <v>1</v>
      </c>
      <c r="C113184" s="14" t="s">
        <v>96</v>
      </c>
      <c r="D113184" s="14" t="s">
        <v>328</v>
      </c>
      <c r="E113184" s="15">
        <v>45410</v>
      </c>
      <c r="F113184" s="14" t="s">
        <v>61</v>
      </c>
      <c r="G113184" s="16">
        <v>0</v>
      </c>
    </row>
    <row r="113185" spans="1:7" x14ac:dyDescent="0.3">
      <c r="A113185" s="13" t="s">
        <v>541</v>
      </c>
      <c r="B113185" s="14" t="s">
        <v>1</v>
      </c>
      <c r="C113185" s="14" t="s">
        <v>96</v>
      </c>
      <c r="D113185" s="14" t="s">
        <v>328</v>
      </c>
      <c r="E113185" s="15">
        <v>45411</v>
      </c>
      <c r="F113185" s="14" t="s">
        <v>61</v>
      </c>
      <c r="G113185" s="16">
        <v>0</v>
      </c>
    </row>
    <row r="113186" spans="1:7" x14ac:dyDescent="0.3">
      <c r="A113186" s="13" t="s">
        <v>541</v>
      </c>
      <c r="B113186" s="14" t="s">
        <v>1</v>
      </c>
      <c r="C113186" s="14" t="s">
        <v>96</v>
      </c>
      <c r="D113186" s="14" t="s">
        <v>328</v>
      </c>
      <c r="E113186" s="15">
        <v>45412</v>
      </c>
      <c r="F113186" s="14" t="s">
        <v>61</v>
      </c>
      <c r="G113186" s="16">
        <v>0</v>
      </c>
    </row>
    <row r="113187" spans="1:7" x14ac:dyDescent="0.3">
      <c r="A113187" s="13" t="s">
        <v>541</v>
      </c>
      <c r="B113187" s="14" t="s">
        <v>1</v>
      </c>
      <c r="C113187" s="14" t="s">
        <v>96</v>
      </c>
      <c r="D113187" s="14" t="s">
        <v>328</v>
      </c>
      <c r="E113187" s="15">
        <v>45413</v>
      </c>
      <c r="F113187" s="14" t="s">
        <v>61</v>
      </c>
      <c r="G113187" s="16">
        <v>0</v>
      </c>
    </row>
    <row r="113188" spans="1:7" x14ac:dyDescent="0.3">
      <c r="A113188" s="13" t="s">
        <v>541</v>
      </c>
      <c r="B113188" s="14" t="s">
        <v>1</v>
      </c>
      <c r="C113188" s="14" t="s">
        <v>96</v>
      </c>
      <c r="D113188" s="14" t="s">
        <v>328</v>
      </c>
      <c r="E113188" s="15">
        <v>45414</v>
      </c>
      <c r="F113188" s="14" t="s">
        <v>61</v>
      </c>
      <c r="G113188" s="16">
        <v>0</v>
      </c>
    </row>
    <row r="113189" spans="1:7" x14ac:dyDescent="0.3">
      <c r="A113189" s="13" t="s">
        <v>541</v>
      </c>
      <c r="B113189" s="14" t="s">
        <v>1</v>
      </c>
      <c r="C113189" s="14" t="s">
        <v>96</v>
      </c>
      <c r="D113189" s="14" t="s">
        <v>328</v>
      </c>
      <c r="E113189" s="15">
        <v>45415</v>
      </c>
      <c r="F113189" s="14" t="s">
        <v>61</v>
      </c>
      <c r="G113189" s="16">
        <v>0</v>
      </c>
    </row>
    <row r="113190" spans="1:7" x14ac:dyDescent="0.3">
      <c r="A113190" s="13" t="s">
        <v>541</v>
      </c>
      <c r="B113190" s="14" t="s">
        <v>1</v>
      </c>
      <c r="C113190" s="14" t="s">
        <v>96</v>
      </c>
      <c r="D113190" s="14" t="s">
        <v>328</v>
      </c>
      <c r="E113190" s="15">
        <v>45416</v>
      </c>
      <c r="F113190" s="14" t="s">
        <v>61</v>
      </c>
      <c r="G113190" s="16">
        <v>0</v>
      </c>
    </row>
    <row r="113191" spans="1:7" x14ac:dyDescent="0.3">
      <c r="A113191" s="13" t="s">
        <v>541</v>
      </c>
      <c r="B113191" s="14" t="s">
        <v>1</v>
      </c>
      <c r="C113191" s="14" t="s">
        <v>96</v>
      </c>
      <c r="D113191" s="14" t="s">
        <v>328</v>
      </c>
      <c r="E113191" s="15">
        <v>45417</v>
      </c>
      <c r="F113191" s="14" t="s">
        <v>61</v>
      </c>
      <c r="G113191" s="16">
        <v>0</v>
      </c>
    </row>
    <row r="113192" spans="1:7" x14ac:dyDescent="0.3">
      <c r="A113192" s="13" t="s">
        <v>541</v>
      </c>
      <c r="B113192" s="14" t="s">
        <v>1</v>
      </c>
      <c r="C113192" s="14" t="s">
        <v>96</v>
      </c>
      <c r="D113192" s="14" t="s">
        <v>328</v>
      </c>
      <c r="E113192" s="15">
        <v>45418</v>
      </c>
      <c r="F113192" s="14" t="s">
        <v>61</v>
      </c>
      <c r="G113192" s="16">
        <v>0</v>
      </c>
    </row>
    <row r="113193" spans="1:7" x14ac:dyDescent="0.3">
      <c r="A113193" s="13" t="s">
        <v>541</v>
      </c>
      <c r="B113193" s="14" t="s">
        <v>1</v>
      </c>
      <c r="C113193" s="14" t="s">
        <v>96</v>
      </c>
      <c r="D113193" s="14" t="s">
        <v>328</v>
      </c>
      <c r="E113193" s="15">
        <v>45419</v>
      </c>
      <c r="F113193" s="14" t="s">
        <v>61</v>
      </c>
      <c r="G113193" s="16">
        <v>0</v>
      </c>
    </row>
    <row r="113194" spans="1:7" x14ac:dyDescent="0.3">
      <c r="A113194" s="13" t="s">
        <v>541</v>
      </c>
      <c r="B113194" s="14" t="s">
        <v>1</v>
      </c>
      <c r="C113194" s="14" t="s">
        <v>96</v>
      </c>
      <c r="D113194" s="14" t="s">
        <v>328</v>
      </c>
      <c r="E113194" s="15">
        <v>45420</v>
      </c>
      <c r="F113194" s="14" t="s">
        <v>61</v>
      </c>
      <c r="G113194" s="16">
        <v>0</v>
      </c>
    </row>
    <row r="113195" spans="1:7" x14ac:dyDescent="0.3">
      <c r="A113195" s="13" t="s">
        <v>541</v>
      </c>
      <c r="B113195" s="14" t="s">
        <v>1</v>
      </c>
      <c r="C113195" s="14" t="s">
        <v>96</v>
      </c>
      <c r="D113195" s="14" t="s">
        <v>328</v>
      </c>
      <c r="E113195" s="15">
        <v>45421</v>
      </c>
      <c r="F113195" s="14" t="s">
        <v>61</v>
      </c>
      <c r="G113195" s="16">
        <v>0</v>
      </c>
    </row>
    <row r="113196" spans="1:7" x14ac:dyDescent="0.3">
      <c r="A113196" s="13" t="s">
        <v>541</v>
      </c>
      <c r="B113196" s="14" t="s">
        <v>1</v>
      </c>
      <c r="C113196" s="14" t="s">
        <v>96</v>
      </c>
      <c r="D113196" s="14" t="s">
        <v>328</v>
      </c>
      <c r="E113196" s="15">
        <v>45422</v>
      </c>
      <c r="F113196" s="14" t="s">
        <v>61</v>
      </c>
      <c r="G113196" s="16">
        <v>0</v>
      </c>
    </row>
    <row r="113197" spans="1:7" x14ac:dyDescent="0.3">
      <c r="A113197" s="13" t="s">
        <v>541</v>
      </c>
      <c r="B113197" s="14" t="s">
        <v>1</v>
      </c>
      <c r="C113197" s="14" t="s">
        <v>96</v>
      </c>
      <c r="D113197" s="14" t="s">
        <v>328</v>
      </c>
      <c r="E113197" s="15">
        <v>45423</v>
      </c>
      <c r="F113197" s="14" t="s">
        <v>61</v>
      </c>
      <c r="G113197" s="16">
        <v>0</v>
      </c>
    </row>
    <row r="113198" spans="1:7" x14ac:dyDescent="0.3">
      <c r="A113198" s="13" t="s">
        <v>541</v>
      </c>
      <c r="B113198" s="14" t="s">
        <v>1</v>
      </c>
      <c r="C113198" s="14" t="s">
        <v>96</v>
      </c>
      <c r="D113198" s="14" t="s">
        <v>328</v>
      </c>
      <c r="E113198" s="15">
        <v>45424</v>
      </c>
      <c r="F113198" s="14" t="s">
        <v>61</v>
      </c>
      <c r="G113198" s="16">
        <v>0</v>
      </c>
    </row>
    <row r="113199" spans="1:7" x14ac:dyDescent="0.3">
      <c r="A113199" s="13" t="s">
        <v>541</v>
      </c>
      <c r="B113199" s="14" t="s">
        <v>1</v>
      </c>
      <c r="C113199" s="14" t="s">
        <v>96</v>
      </c>
      <c r="D113199" s="14" t="s">
        <v>328</v>
      </c>
      <c r="E113199" s="15">
        <v>45425</v>
      </c>
      <c r="F113199" s="14" t="s">
        <v>61</v>
      </c>
      <c r="G113199" s="16">
        <v>0</v>
      </c>
    </row>
    <row r="113200" spans="1:7" x14ac:dyDescent="0.3">
      <c r="A113200" s="13" t="s">
        <v>541</v>
      </c>
      <c r="B113200" s="14" t="s">
        <v>1</v>
      </c>
      <c r="C113200" s="14" t="s">
        <v>96</v>
      </c>
      <c r="D113200" s="14" t="s">
        <v>328</v>
      </c>
      <c r="E113200" s="15">
        <v>45426</v>
      </c>
      <c r="F113200" s="14" t="s">
        <v>61</v>
      </c>
      <c r="G113200" s="16">
        <v>0</v>
      </c>
    </row>
    <row r="113201" spans="1:7" x14ac:dyDescent="0.3">
      <c r="A113201" s="13" t="s">
        <v>541</v>
      </c>
      <c r="B113201" s="14" t="s">
        <v>1</v>
      </c>
      <c r="C113201" s="14" t="s">
        <v>96</v>
      </c>
      <c r="D113201" s="14" t="s">
        <v>328</v>
      </c>
      <c r="E113201" s="15">
        <v>45427</v>
      </c>
      <c r="F113201" s="14" t="s">
        <v>61</v>
      </c>
      <c r="G113201" s="16">
        <v>0</v>
      </c>
    </row>
    <row r="113202" spans="1:7" x14ac:dyDescent="0.3">
      <c r="A113202" s="13" t="s">
        <v>541</v>
      </c>
      <c r="B113202" s="14" t="s">
        <v>1</v>
      </c>
      <c r="C113202" s="14" t="s">
        <v>96</v>
      </c>
      <c r="D113202" s="14" t="s">
        <v>328</v>
      </c>
      <c r="E113202" s="15">
        <v>45428</v>
      </c>
      <c r="F113202" s="14" t="s">
        <v>61</v>
      </c>
      <c r="G113202" s="16">
        <v>0</v>
      </c>
    </row>
    <row r="113203" spans="1:7" x14ac:dyDescent="0.3">
      <c r="A113203" s="13" t="s">
        <v>541</v>
      </c>
      <c r="B113203" s="14" t="s">
        <v>1</v>
      </c>
      <c r="C113203" s="14" t="s">
        <v>96</v>
      </c>
      <c r="D113203" s="14" t="s">
        <v>328</v>
      </c>
      <c r="E113203" s="15">
        <v>45429</v>
      </c>
      <c r="F113203" s="14" t="s">
        <v>61</v>
      </c>
      <c r="G113203" s="16">
        <v>0</v>
      </c>
    </row>
    <row r="113204" spans="1:7" x14ac:dyDescent="0.3">
      <c r="A113204" s="13" t="s">
        <v>541</v>
      </c>
      <c r="B113204" s="14" t="s">
        <v>1</v>
      </c>
      <c r="C113204" s="14" t="s">
        <v>96</v>
      </c>
      <c r="D113204" s="14" t="s">
        <v>328</v>
      </c>
      <c r="E113204" s="15">
        <v>45430</v>
      </c>
      <c r="F113204" s="14" t="s">
        <v>61</v>
      </c>
      <c r="G113204" s="16">
        <v>0</v>
      </c>
    </row>
    <row r="113205" spans="1:7" x14ac:dyDescent="0.3">
      <c r="A113205" s="13" t="s">
        <v>541</v>
      </c>
      <c r="B113205" s="14" t="s">
        <v>1</v>
      </c>
      <c r="C113205" s="14" t="s">
        <v>96</v>
      </c>
      <c r="D113205" s="14" t="s">
        <v>328</v>
      </c>
      <c r="E113205" s="15">
        <v>45431</v>
      </c>
      <c r="F113205" s="14" t="s">
        <v>61</v>
      </c>
      <c r="G113205" s="16">
        <v>0</v>
      </c>
    </row>
    <row r="113206" spans="1:7" x14ac:dyDescent="0.3">
      <c r="A113206" s="13" t="s">
        <v>541</v>
      </c>
      <c r="B113206" s="14" t="s">
        <v>1</v>
      </c>
      <c r="C113206" s="14" t="s">
        <v>96</v>
      </c>
      <c r="D113206" s="14" t="s">
        <v>328</v>
      </c>
      <c r="E113206" s="15">
        <v>45432</v>
      </c>
      <c r="F113206" s="14" t="s">
        <v>61</v>
      </c>
      <c r="G113206" s="16">
        <v>0</v>
      </c>
    </row>
    <row r="113207" spans="1:7" x14ac:dyDescent="0.3">
      <c r="A113207" s="13" t="s">
        <v>541</v>
      </c>
      <c r="B113207" s="14" t="s">
        <v>1</v>
      </c>
      <c r="C113207" s="14" t="s">
        <v>96</v>
      </c>
      <c r="D113207" s="14" t="s">
        <v>328</v>
      </c>
      <c r="E113207" s="15">
        <v>45433</v>
      </c>
      <c r="F113207" s="14" t="s">
        <v>61</v>
      </c>
      <c r="G113207" s="16">
        <v>0</v>
      </c>
    </row>
    <row r="113208" spans="1:7" x14ac:dyDescent="0.3">
      <c r="A113208" s="13" t="s">
        <v>541</v>
      </c>
      <c r="B113208" s="14" t="s">
        <v>1</v>
      </c>
      <c r="C113208" s="14" t="s">
        <v>96</v>
      </c>
      <c r="D113208" s="14" t="s">
        <v>328</v>
      </c>
      <c r="E113208" s="15">
        <v>45434</v>
      </c>
      <c r="F113208" s="14" t="s">
        <v>61</v>
      </c>
      <c r="G113208" s="16">
        <v>0</v>
      </c>
    </row>
    <row r="113209" spans="1:7" x14ac:dyDescent="0.3">
      <c r="A113209" s="13" t="s">
        <v>541</v>
      </c>
      <c r="B113209" s="14" t="s">
        <v>1</v>
      </c>
      <c r="C113209" s="14" t="s">
        <v>96</v>
      </c>
      <c r="D113209" s="14" t="s">
        <v>328</v>
      </c>
      <c r="E113209" s="15">
        <v>45435</v>
      </c>
      <c r="F113209" s="14" t="s">
        <v>61</v>
      </c>
      <c r="G113209" s="16">
        <v>0</v>
      </c>
    </row>
    <row r="113210" spans="1:7" x14ac:dyDescent="0.3">
      <c r="A113210" s="13" t="s">
        <v>541</v>
      </c>
      <c r="B113210" s="14" t="s">
        <v>1</v>
      </c>
      <c r="C113210" s="14" t="s">
        <v>96</v>
      </c>
      <c r="D113210" s="14" t="s">
        <v>328</v>
      </c>
      <c r="E113210" s="15">
        <v>45436</v>
      </c>
      <c r="F113210" s="14" t="s">
        <v>61</v>
      </c>
      <c r="G113210" s="16">
        <v>0</v>
      </c>
    </row>
    <row r="113211" spans="1:7" x14ac:dyDescent="0.3">
      <c r="A113211" s="13" t="s">
        <v>541</v>
      </c>
      <c r="B113211" s="14" t="s">
        <v>1</v>
      </c>
      <c r="C113211" s="14" t="s">
        <v>96</v>
      </c>
      <c r="D113211" s="14" t="s">
        <v>328</v>
      </c>
      <c r="E113211" s="15">
        <v>45437</v>
      </c>
      <c r="F113211" s="14" t="s">
        <v>61</v>
      </c>
      <c r="G113211" s="16">
        <v>0</v>
      </c>
    </row>
    <row r="113212" spans="1:7" x14ac:dyDescent="0.3">
      <c r="A113212" s="13" t="s">
        <v>541</v>
      </c>
      <c r="B113212" s="14" t="s">
        <v>1</v>
      </c>
      <c r="C113212" s="14" t="s">
        <v>96</v>
      </c>
      <c r="D113212" s="14" t="s">
        <v>328</v>
      </c>
      <c r="E113212" s="15">
        <v>45438</v>
      </c>
      <c r="F113212" s="14" t="s">
        <v>61</v>
      </c>
      <c r="G113212" s="16">
        <v>0</v>
      </c>
    </row>
    <row r="113213" spans="1:7" x14ac:dyDescent="0.3">
      <c r="A113213" s="13" t="s">
        <v>541</v>
      </c>
      <c r="B113213" s="14" t="s">
        <v>1</v>
      </c>
      <c r="C113213" s="14" t="s">
        <v>96</v>
      </c>
      <c r="D113213" s="14" t="s">
        <v>328</v>
      </c>
      <c r="E113213" s="15">
        <v>45439</v>
      </c>
      <c r="F113213" s="14" t="s">
        <v>61</v>
      </c>
      <c r="G113213" s="16">
        <v>0</v>
      </c>
    </row>
    <row r="113214" spans="1:7" x14ac:dyDescent="0.3">
      <c r="A113214" s="13" t="s">
        <v>541</v>
      </c>
      <c r="B113214" s="14" t="s">
        <v>1</v>
      </c>
      <c r="C113214" s="14" t="s">
        <v>96</v>
      </c>
      <c r="D113214" s="14" t="s">
        <v>328</v>
      </c>
      <c r="E113214" s="15">
        <v>45440</v>
      </c>
      <c r="F113214" s="14" t="s">
        <v>61</v>
      </c>
      <c r="G113214" s="16">
        <v>0</v>
      </c>
    </row>
    <row r="113215" spans="1:7" x14ac:dyDescent="0.3">
      <c r="A113215" s="13" t="s">
        <v>541</v>
      </c>
      <c r="B113215" s="14" t="s">
        <v>1</v>
      </c>
      <c r="C113215" s="14" t="s">
        <v>96</v>
      </c>
      <c r="D113215" s="14" t="s">
        <v>328</v>
      </c>
      <c r="E113215" s="15">
        <v>45441</v>
      </c>
      <c r="F113215" s="14" t="s">
        <v>61</v>
      </c>
      <c r="G113215" s="16">
        <v>0</v>
      </c>
    </row>
    <row r="113216" spans="1:7" x14ac:dyDescent="0.3">
      <c r="A113216" s="13" t="s">
        <v>541</v>
      </c>
      <c r="B113216" s="14" t="s">
        <v>1</v>
      </c>
      <c r="C113216" s="14" t="s">
        <v>96</v>
      </c>
      <c r="D113216" s="14" t="s">
        <v>328</v>
      </c>
      <c r="E113216" s="15">
        <v>45442</v>
      </c>
      <c r="F113216" s="14" t="s">
        <v>61</v>
      </c>
      <c r="G113216" s="16">
        <v>0</v>
      </c>
    </row>
    <row r="113217" spans="1:7" x14ac:dyDescent="0.3">
      <c r="A113217" s="13" t="s">
        <v>541</v>
      </c>
      <c r="B113217" s="14" t="s">
        <v>1</v>
      </c>
      <c r="C113217" s="14" t="s">
        <v>96</v>
      </c>
      <c r="D113217" s="14" t="s">
        <v>328</v>
      </c>
      <c r="E113217" s="15">
        <v>45443</v>
      </c>
      <c r="F113217" s="14" t="s">
        <v>61</v>
      </c>
      <c r="G113217" s="16">
        <v>0</v>
      </c>
    </row>
    <row r="113218" spans="1:7" x14ac:dyDescent="0.3">
      <c r="A113218" s="13" t="s">
        <v>541</v>
      </c>
      <c r="B113218" s="14" t="s">
        <v>1</v>
      </c>
      <c r="C113218" s="14" t="s">
        <v>96</v>
      </c>
      <c r="D113218" s="14" t="s">
        <v>328</v>
      </c>
      <c r="E113218" s="15">
        <v>45444</v>
      </c>
      <c r="F113218" s="14" t="s">
        <v>61</v>
      </c>
      <c r="G113218" s="16">
        <v>0</v>
      </c>
    </row>
    <row r="113219" spans="1:7" x14ac:dyDescent="0.3">
      <c r="A113219" s="13" t="s">
        <v>541</v>
      </c>
      <c r="B113219" s="14" t="s">
        <v>1</v>
      </c>
      <c r="C113219" s="14" t="s">
        <v>96</v>
      </c>
      <c r="D113219" s="14" t="s">
        <v>328</v>
      </c>
      <c r="E113219" s="15">
        <v>45445</v>
      </c>
      <c r="F113219" s="14" t="s">
        <v>61</v>
      </c>
      <c r="G113219" s="16">
        <v>0</v>
      </c>
    </row>
    <row r="113220" spans="1:7" x14ac:dyDescent="0.3">
      <c r="A113220" s="13" t="s">
        <v>541</v>
      </c>
      <c r="B113220" s="14" t="s">
        <v>1</v>
      </c>
      <c r="C113220" s="14" t="s">
        <v>96</v>
      </c>
      <c r="D113220" s="14" t="s">
        <v>328</v>
      </c>
      <c r="E113220" s="15">
        <v>45446</v>
      </c>
      <c r="F113220" s="14" t="s">
        <v>61</v>
      </c>
      <c r="G113220" s="16">
        <v>0</v>
      </c>
    </row>
    <row r="113221" spans="1:7" x14ac:dyDescent="0.3">
      <c r="A113221" s="13" t="s">
        <v>541</v>
      </c>
      <c r="B113221" s="14" t="s">
        <v>1</v>
      </c>
      <c r="C113221" s="14" t="s">
        <v>96</v>
      </c>
      <c r="D113221" s="14" t="s">
        <v>328</v>
      </c>
      <c r="E113221" s="15">
        <v>45447</v>
      </c>
      <c r="F113221" s="14" t="s">
        <v>61</v>
      </c>
      <c r="G113221" s="16">
        <v>0</v>
      </c>
    </row>
    <row r="113222" spans="1:7" x14ac:dyDescent="0.3">
      <c r="A113222" s="13" t="s">
        <v>541</v>
      </c>
      <c r="B113222" s="14" t="s">
        <v>1</v>
      </c>
      <c r="C113222" s="14" t="s">
        <v>96</v>
      </c>
      <c r="D113222" s="14" t="s">
        <v>328</v>
      </c>
      <c r="E113222" s="15">
        <v>45448</v>
      </c>
      <c r="F113222" s="14" t="s">
        <v>61</v>
      </c>
      <c r="G113222" s="16">
        <v>0</v>
      </c>
    </row>
    <row r="113223" spans="1:7" x14ac:dyDescent="0.3">
      <c r="A113223" s="13" t="s">
        <v>541</v>
      </c>
      <c r="B113223" s="14" t="s">
        <v>1</v>
      </c>
      <c r="C113223" s="14" t="s">
        <v>96</v>
      </c>
      <c r="D113223" s="14" t="s">
        <v>328</v>
      </c>
      <c r="E113223" s="15">
        <v>45449</v>
      </c>
      <c r="F113223" s="14" t="s">
        <v>61</v>
      </c>
      <c r="G113223" s="16">
        <v>0</v>
      </c>
    </row>
    <row r="113224" spans="1:7" x14ac:dyDescent="0.3">
      <c r="A113224" s="13" t="s">
        <v>541</v>
      </c>
      <c r="B113224" s="14" t="s">
        <v>1</v>
      </c>
      <c r="C113224" s="14" t="s">
        <v>96</v>
      </c>
      <c r="D113224" s="14" t="s">
        <v>328</v>
      </c>
      <c r="E113224" s="15">
        <v>45450</v>
      </c>
      <c r="F113224" s="14" t="s">
        <v>61</v>
      </c>
      <c r="G113224" s="16">
        <v>0</v>
      </c>
    </row>
    <row r="113225" spans="1:7" x14ac:dyDescent="0.3">
      <c r="A113225" s="13" t="s">
        <v>541</v>
      </c>
      <c r="B113225" s="14" t="s">
        <v>1</v>
      </c>
      <c r="C113225" s="14" t="s">
        <v>96</v>
      </c>
      <c r="D113225" s="14" t="s">
        <v>328</v>
      </c>
      <c r="E113225" s="15">
        <v>45451</v>
      </c>
      <c r="F113225" s="14" t="s">
        <v>61</v>
      </c>
      <c r="G113225" s="16">
        <v>0</v>
      </c>
    </row>
    <row r="113226" spans="1:7" x14ac:dyDescent="0.3">
      <c r="A113226" s="13" t="s">
        <v>541</v>
      </c>
      <c r="B113226" s="14" t="s">
        <v>1</v>
      </c>
      <c r="C113226" s="14" t="s">
        <v>96</v>
      </c>
      <c r="D113226" s="14" t="s">
        <v>328</v>
      </c>
      <c r="E113226" s="15">
        <v>45452</v>
      </c>
      <c r="F113226" s="14" t="s">
        <v>61</v>
      </c>
      <c r="G113226" s="16">
        <v>0</v>
      </c>
    </row>
    <row r="113227" spans="1:7" x14ac:dyDescent="0.3">
      <c r="A113227" s="13" t="s">
        <v>541</v>
      </c>
      <c r="B113227" s="14" t="s">
        <v>1</v>
      </c>
      <c r="C113227" s="14" t="s">
        <v>96</v>
      </c>
      <c r="D113227" s="14" t="s">
        <v>328</v>
      </c>
      <c r="E113227" s="15">
        <v>45453</v>
      </c>
      <c r="F113227" s="14" t="s">
        <v>61</v>
      </c>
      <c r="G113227" s="16">
        <v>0</v>
      </c>
    </row>
    <row r="113228" spans="1:7" x14ac:dyDescent="0.3">
      <c r="A113228" s="13" t="s">
        <v>541</v>
      </c>
      <c r="B113228" s="14" t="s">
        <v>1</v>
      </c>
      <c r="C113228" s="14" t="s">
        <v>96</v>
      </c>
      <c r="D113228" s="14" t="s">
        <v>328</v>
      </c>
      <c r="E113228" s="15">
        <v>45454</v>
      </c>
      <c r="F113228" s="14" t="s">
        <v>61</v>
      </c>
      <c r="G113228" s="16">
        <v>0</v>
      </c>
    </row>
    <row r="113229" spans="1:7" x14ac:dyDescent="0.3">
      <c r="A113229" s="13" t="s">
        <v>541</v>
      </c>
      <c r="B113229" s="14" t="s">
        <v>1</v>
      </c>
      <c r="C113229" s="14" t="s">
        <v>96</v>
      </c>
      <c r="D113229" s="14" t="s">
        <v>328</v>
      </c>
      <c r="E113229" s="15">
        <v>45455</v>
      </c>
      <c r="F113229" s="14" t="s">
        <v>61</v>
      </c>
      <c r="G113229" s="16">
        <v>0</v>
      </c>
    </row>
    <row r="113230" spans="1:7" x14ac:dyDescent="0.3">
      <c r="A113230" s="13" t="s">
        <v>541</v>
      </c>
      <c r="B113230" s="14" t="s">
        <v>1</v>
      </c>
      <c r="C113230" s="14" t="s">
        <v>96</v>
      </c>
      <c r="D113230" s="14" t="s">
        <v>328</v>
      </c>
      <c r="E113230" s="15">
        <v>45456</v>
      </c>
      <c r="F113230" s="14" t="s">
        <v>61</v>
      </c>
      <c r="G113230" s="16">
        <v>0</v>
      </c>
    </row>
    <row r="113231" spans="1:7" x14ac:dyDescent="0.3">
      <c r="A113231" s="13" t="s">
        <v>541</v>
      </c>
      <c r="B113231" s="14" t="s">
        <v>1</v>
      </c>
      <c r="C113231" s="14" t="s">
        <v>96</v>
      </c>
      <c r="D113231" s="14" t="s">
        <v>328</v>
      </c>
      <c r="E113231" s="15">
        <v>45457</v>
      </c>
      <c r="F113231" s="14" t="s">
        <v>61</v>
      </c>
      <c r="G113231" s="16">
        <v>0</v>
      </c>
    </row>
    <row r="113232" spans="1:7" x14ac:dyDescent="0.3">
      <c r="A113232" s="13" t="s">
        <v>541</v>
      </c>
      <c r="B113232" s="14" t="s">
        <v>1</v>
      </c>
      <c r="C113232" s="14" t="s">
        <v>96</v>
      </c>
      <c r="D113232" s="14" t="s">
        <v>328</v>
      </c>
      <c r="E113232" s="15">
        <v>45458</v>
      </c>
      <c r="F113232" s="14" t="s">
        <v>61</v>
      </c>
      <c r="G113232" s="16">
        <v>0</v>
      </c>
    </row>
    <row r="113233" spans="1:7" x14ac:dyDescent="0.3">
      <c r="A113233" s="13" t="s">
        <v>541</v>
      </c>
      <c r="B113233" s="14" t="s">
        <v>1</v>
      </c>
      <c r="C113233" s="14" t="s">
        <v>96</v>
      </c>
      <c r="D113233" s="14" t="s">
        <v>328</v>
      </c>
      <c r="E113233" s="15">
        <v>45459</v>
      </c>
      <c r="F113233" s="14" t="s">
        <v>61</v>
      </c>
      <c r="G113233" s="16">
        <v>0</v>
      </c>
    </row>
    <row r="113234" spans="1:7" x14ac:dyDescent="0.3">
      <c r="A113234" s="13" t="s">
        <v>541</v>
      </c>
      <c r="B113234" s="14" t="s">
        <v>1</v>
      </c>
      <c r="C113234" s="14" t="s">
        <v>96</v>
      </c>
      <c r="D113234" s="14" t="s">
        <v>328</v>
      </c>
      <c r="E113234" s="15">
        <v>45460</v>
      </c>
      <c r="F113234" s="14" t="s">
        <v>61</v>
      </c>
      <c r="G113234" s="16">
        <v>0</v>
      </c>
    </row>
    <row r="113235" spans="1:7" x14ac:dyDescent="0.3">
      <c r="A113235" s="13" t="s">
        <v>541</v>
      </c>
      <c r="B113235" s="14" t="s">
        <v>1</v>
      </c>
      <c r="C113235" s="14" t="s">
        <v>96</v>
      </c>
      <c r="D113235" s="14" t="s">
        <v>328</v>
      </c>
      <c r="E113235" s="15">
        <v>45461</v>
      </c>
      <c r="F113235" s="14" t="s">
        <v>61</v>
      </c>
      <c r="G113235" s="16">
        <v>0</v>
      </c>
    </row>
    <row r="113236" spans="1:7" x14ac:dyDescent="0.3">
      <c r="A113236" s="13" t="s">
        <v>541</v>
      </c>
      <c r="B113236" s="14" t="s">
        <v>1</v>
      </c>
      <c r="C113236" s="14" t="s">
        <v>96</v>
      </c>
      <c r="D113236" s="14" t="s">
        <v>328</v>
      </c>
      <c r="E113236" s="15">
        <v>45462</v>
      </c>
      <c r="F113236" s="14" t="s">
        <v>61</v>
      </c>
      <c r="G113236" s="16">
        <v>0</v>
      </c>
    </row>
    <row r="113237" spans="1:7" x14ac:dyDescent="0.3">
      <c r="A113237" s="13" t="s">
        <v>541</v>
      </c>
      <c r="B113237" s="14" t="s">
        <v>1</v>
      </c>
      <c r="C113237" s="14" t="s">
        <v>96</v>
      </c>
      <c r="D113237" s="14" t="s">
        <v>328</v>
      </c>
      <c r="E113237" s="15">
        <v>45463</v>
      </c>
      <c r="F113237" s="14" t="s">
        <v>61</v>
      </c>
      <c r="G113237" s="16">
        <v>0</v>
      </c>
    </row>
    <row r="113238" spans="1:7" x14ac:dyDescent="0.3">
      <c r="A113238" s="13" t="s">
        <v>541</v>
      </c>
      <c r="B113238" s="14" t="s">
        <v>1</v>
      </c>
      <c r="C113238" s="14" t="s">
        <v>96</v>
      </c>
      <c r="D113238" s="14" t="s">
        <v>328</v>
      </c>
      <c r="E113238" s="15">
        <v>45464</v>
      </c>
      <c r="F113238" s="14" t="s">
        <v>61</v>
      </c>
      <c r="G113238" s="16">
        <v>0</v>
      </c>
    </row>
    <row r="113239" spans="1:7" x14ac:dyDescent="0.3">
      <c r="A113239" s="13" t="s">
        <v>541</v>
      </c>
      <c r="B113239" s="14" t="s">
        <v>1</v>
      </c>
      <c r="C113239" s="14" t="s">
        <v>96</v>
      </c>
      <c r="D113239" s="14" t="s">
        <v>328</v>
      </c>
      <c r="E113239" s="15">
        <v>45465</v>
      </c>
      <c r="F113239" s="14" t="s">
        <v>61</v>
      </c>
      <c r="G113239" s="16">
        <v>0</v>
      </c>
    </row>
    <row r="113240" spans="1:7" x14ac:dyDescent="0.3">
      <c r="A113240" s="13" t="s">
        <v>541</v>
      </c>
      <c r="B113240" s="14" t="s">
        <v>1</v>
      </c>
      <c r="C113240" s="14" t="s">
        <v>96</v>
      </c>
      <c r="D113240" s="14" t="s">
        <v>328</v>
      </c>
      <c r="E113240" s="15">
        <v>45466</v>
      </c>
      <c r="F113240" s="14" t="s">
        <v>61</v>
      </c>
      <c r="G113240" s="16">
        <v>0</v>
      </c>
    </row>
    <row r="113241" spans="1:7" x14ac:dyDescent="0.3">
      <c r="A113241" s="13" t="s">
        <v>541</v>
      </c>
      <c r="B113241" s="14" t="s">
        <v>1</v>
      </c>
      <c r="C113241" s="14" t="s">
        <v>96</v>
      </c>
      <c r="D113241" s="14" t="s">
        <v>328</v>
      </c>
      <c r="E113241" s="15">
        <v>45467</v>
      </c>
      <c r="F113241" s="14" t="s">
        <v>61</v>
      </c>
      <c r="G113241" s="16">
        <v>0</v>
      </c>
    </row>
    <row r="113242" spans="1:7" x14ac:dyDescent="0.3">
      <c r="A113242" s="13" t="s">
        <v>541</v>
      </c>
      <c r="B113242" s="14" t="s">
        <v>1</v>
      </c>
      <c r="C113242" s="14" t="s">
        <v>96</v>
      </c>
      <c r="D113242" s="14" t="s">
        <v>328</v>
      </c>
      <c r="E113242" s="15">
        <v>45468</v>
      </c>
      <c r="F113242" s="14" t="s">
        <v>61</v>
      </c>
      <c r="G113242" s="16">
        <v>0</v>
      </c>
    </row>
    <row r="113243" spans="1:7" x14ac:dyDescent="0.3">
      <c r="A113243" s="13" t="s">
        <v>541</v>
      </c>
      <c r="B113243" s="14" t="s">
        <v>1</v>
      </c>
      <c r="C113243" s="14" t="s">
        <v>96</v>
      </c>
      <c r="D113243" s="14" t="s">
        <v>328</v>
      </c>
      <c r="E113243" s="15">
        <v>45469</v>
      </c>
      <c r="F113243" s="14" t="s">
        <v>61</v>
      </c>
      <c r="G113243" s="16">
        <v>0</v>
      </c>
    </row>
    <row r="113244" spans="1:7" x14ac:dyDescent="0.3">
      <c r="A113244" s="13" t="s">
        <v>541</v>
      </c>
      <c r="B113244" s="14" t="s">
        <v>1</v>
      </c>
      <c r="C113244" s="14" t="s">
        <v>96</v>
      </c>
      <c r="D113244" s="14" t="s">
        <v>328</v>
      </c>
      <c r="E113244" s="15">
        <v>45470</v>
      </c>
      <c r="F113244" s="14" t="s">
        <v>61</v>
      </c>
      <c r="G113244" s="16">
        <v>0</v>
      </c>
    </row>
    <row r="113245" spans="1:7" x14ac:dyDescent="0.3">
      <c r="A113245" s="13" t="s">
        <v>541</v>
      </c>
      <c r="B113245" s="14" t="s">
        <v>1</v>
      </c>
      <c r="C113245" s="14" t="s">
        <v>96</v>
      </c>
      <c r="D113245" s="14" t="s">
        <v>328</v>
      </c>
      <c r="E113245" s="15">
        <v>45471</v>
      </c>
      <c r="F113245" s="14" t="s">
        <v>61</v>
      </c>
      <c r="G113245" s="16">
        <v>0</v>
      </c>
    </row>
    <row r="113246" spans="1:7" x14ac:dyDescent="0.3">
      <c r="A113246" s="13" t="s">
        <v>541</v>
      </c>
      <c r="B113246" s="14" t="s">
        <v>1</v>
      </c>
      <c r="C113246" s="14" t="s">
        <v>96</v>
      </c>
      <c r="D113246" s="14" t="s">
        <v>328</v>
      </c>
      <c r="E113246" s="15">
        <v>45472</v>
      </c>
      <c r="F113246" s="14" t="s">
        <v>61</v>
      </c>
      <c r="G113246" s="16">
        <v>0</v>
      </c>
    </row>
    <row r="113247" spans="1:7" x14ac:dyDescent="0.3">
      <c r="A113247" s="13" t="s">
        <v>541</v>
      </c>
      <c r="B113247" s="14" t="s">
        <v>1</v>
      </c>
      <c r="C113247" s="14" t="s">
        <v>96</v>
      </c>
      <c r="D113247" s="14" t="s">
        <v>328</v>
      </c>
      <c r="E113247" s="15">
        <v>45473</v>
      </c>
      <c r="F113247" s="14" t="s">
        <v>61</v>
      </c>
      <c r="G113247" s="16">
        <v>0</v>
      </c>
    </row>
    <row r="113248" spans="1:7" x14ac:dyDescent="0.3">
      <c r="A113248" s="13" t="s">
        <v>541</v>
      </c>
      <c r="B113248" s="14" t="s">
        <v>1</v>
      </c>
      <c r="C113248" s="14" t="s">
        <v>96</v>
      </c>
      <c r="D113248" s="14" t="s">
        <v>328</v>
      </c>
      <c r="E113248" s="15">
        <v>45474</v>
      </c>
      <c r="F113248" s="14" t="s">
        <v>61</v>
      </c>
      <c r="G113248" s="16">
        <v>0</v>
      </c>
    </row>
    <row r="113249" spans="1:7" x14ac:dyDescent="0.3">
      <c r="A113249" s="13" t="s">
        <v>541</v>
      </c>
      <c r="B113249" s="14" t="s">
        <v>1</v>
      </c>
      <c r="C113249" s="14" t="s">
        <v>96</v>
      </c>
      <c r="D113249" s="14" t="s">
        <v>328</v>
      </c>
      <c r="E113249" s="15">
        <v>45475</v>
      </c>
      <c r="F113249" s="14" t="s">
        <v>61</v>
      </c>
      <c r="G113249" s="16">
        <v>0</v>
      </c>
    </row>
    <row r="113250" spans="1:7" x14ac:dyDescent="0.3">
      <c r="A113250" s="13" t="s">
        <v>541</v>
      </c>
      <c r="B113250" s="14" t="s">
        <v>1</v>
      </c>
      <c r="C113250" s="14" t="s">
        <v>96</v>
      </c>
      <c r="D113250" s="14" t="s">
        <v>328</v>
      </c>
      <c r="E113250" s="15">
        <v>45476</v>
      </c>
      <c r="F113250" s="14" t="s">
        <v>61</v>
      </c>
      <c r="G113250" s="16">
        <v>0</v>
      </c>
    </row>
    <row r="113251" spans="1:7" x14ac:dyDescent="0.3">
      <c r="A113251" s="13" t="s">
        <v>541</v>
      </c>
      <c r="B113251" s="14" t="s">
        <v>1</v>
      </c>
      <c r="C113251" s="14" t="s">
        <v>96</v>
      </c>
      <c r="D113251" s="14" t="s">
        <v>328</v>
      </c>
      <c r="E113251" s="15">
        <v>45477</v>
      </c>
      <c r="F113251" s="14" t="s">
        <v>61</v>
      </c>
      <c r="G113251" s="16">
        <v>0</v>
      </c>
    </row>
    <row r="113252" spans="1:7" x14ac:dyDescent="0.3">
      <c r="A113252" s="13" t="s">
        <v>541</v>
      </c>
      <c r="B113252" s="14" t="s">
        <v>1</v>
      </c>
      <c r="C113252" s="14" t="s">
        <v>96</v>
      </c>
      <c r="D113252" s="14" t="s">
        <v>328</v>
      </c>
      <c r="E113252" s="15">
        <v>45478</v>
      </c>
      <c r="F113252" s="14" t="s">
        <v>61</v>
      </c>
      <c r="G113252" s="16">
        <v>0</v>
      </c>
    </row>
    <row r="113253" spans="1:7" x14ac:dyDescent="0.3">
      <c r="A113253" s="13" t="s">
        <v>541</v>
      </c>
      <c r="B113253" s="14" t="s">
        <v>1</v>
      </c>
      <c r="C113253" s="14" t="s">
        <v>96</v>
      </c>
      <c r="D113253" s="14" t="s">
        <v>328</v>
      </c>
      <c r="E113253" s="15">
        <v>45479</v>
      </c>
      <c r="F113253" s="14" t="s">
        <v>61</v>
      </c>
      <c r="G113253" s="16">
        <v>0</v>
      </c>
    </row>
    <row r="113254" spans="1:7" x14ac:dyDescent="0.3">
      <c r="A113254" s="13" t="s">
        <v>541</v>
      </c>
      <c r="B113254" s="14" t="s">
        <v>1</v>
      </c>
      <c r="C113254" s="14" t="s">
        <v>96</v>
      </c>
      <c r="D113254" s="14" t="s">
        <v>328</v>
      </c>
      <c r="E113254" s="15">
        <v>45480</v>
      </c>
      <c r="F113254" s="14" t="s">
        <v>61</v>
      </c>
      <c r="G113254" s="16">
        <v>0</v>
      </c>
    </row>
    <row r="113255" spans="1:7" x14ac:dyDescent="0.3">
      <c r="A113255" s="13" t="s">
        <v>541</v>
      </c>
      <c r="B113255" s="14" t="s">
        <v>1</v>
      </c>
      <c r="C113255" s="14" t="s">
        <v>96</v>
      </c>
      <c r="D113255" s="14" t="s">
        <v>328</v>
      </c>
      <c r="E113255" s="15">
        <v>45481</v>
      </c>
      <c r="F113255" s="14" t="s">
        <v>61</v>
      </c>
      <c r="G113255" s="16">
        <v>0</v>
      </c>
    </row>
    <row r="113256" spans="1:7" x14ac:dyDescent="0.3">
      <c r="A113256" s="13" t="s">
        <v>541</v>
      </c>
      <c r="B113256" s="14" t="s">
        <v>1</v>
      </c>
      <c r="C113256" s="14" t="s">
        <v>96</v>
      </c>
      <c r="D113256" s="14" t="s">
        <v>328</v>
      </c>
      <c r="E113256" s="15">
        <v>45482</v>
      </c>
      <c r="F113256" s="14" t="s">
        <v>61</v>
      </c>
      <c r="G113256" s="16">
        <v>0</v>
      </c>
    </row>
    <row r="113257" spans="1:7" x14ac:dyDescent="0.3">
      <c r="A113257" s="13" t="s">
        <v>541</v>
      </c>
      <c r="B113257" s="14" t="s">
        <v>1</v>
      </c>
      <c r="C113257" s="14" t="s">
        <v>96</v>
      </c>
      <c r="D113257" s="14" t="s">
        <v>328</v>
      </c>
      <c r="E113257" s="15">
        <v>45483</v>
      </c>
      <c r="F113257" s="14" t="s">
        <v>61</v>
      </c>
      <c r="G113257" s="16">
        <v>0</v>
      </c>
    </row>
    <row r="113258" spans="1:7" x14ac:dyDescent="0.3">
      <c r="A113258" s="13" t="s">
        <v>541</v>
      </c>
      <c r="B113258" s="14" t="s">
        <v>1</v>
      </c>
      <c r="C113258" s="14" t="s">
        <v>96</v>
      </c>
      <c r="D113258" s="14" t="s">
        <v>328</v>
      </c>
      <c r="E113258" s="15">
        <v>45484</v>
      </c>
      <c r="F113258" s="14" t="s">
        <v>61</v>
      </c>
      <c r="G113258" s="16">
        <v>0</v>
      </c>
    </row>
    <row r="113259" spans="1:7" x14ac:dyDescent="0.3">
      <c r="A113259" s="13" t="s">
        <v>541</v>
      </c>
      <c r="B113259" s="14" t="s">
        <v>1</v>
      </c>
      <c r="C113259" s="14" t="s">
        <v>96</v>
      </c>
      <c r="D113259" s="14" t="s">
        <v>328</v>
      </c>
      <c r="E113259" s="15">
        <v>45485</v>
      </c>
      <c r="F113259" s="14" t="s">
        <v>61</v>
      </c>
      <c r="G113259" s="16">
        <v>0</v>
      </c>
    </row>
    <row r="113260" spans="1:7" x14ac:dyDescent="0.3">
      <c r="A113260" s="13" t="s">
        <v>541</v>
      </c>
      <c r="B113260" s="14" t="s">
        <v>1</v>
      </c>
      <c r="C113260" s="14" t="s">
        <v>96</v>
      </c>
      <c r="D113260" s="14" t="s">
        <v>328</v>
      </c>
      <c r="E113260" s="15">
        <v>45486</v>
      </c>
      <c r="F113260" s="14" t="s">
        <v>61</v>
      </c>
      <c r="G113260" s="16">
        <v>0</v>
      </c>
    </row>
    <row r="113261" spans="1:7" x14ac:dyDescent="0.3">
      <c r="A113261" s="13" t="s">
        <v>541</v>
      </c>
      <c r="B113261" s="14" t="s">
        <v>1</v>
      </c>
      <c r="C113261" s="14" t="s">
        <v>96</v>
      </c>
      <c r="D113261" s="14" t="s">
        <v>328</v>
      </c>
      <c r="E113261" s="15">
        <v>45487</v>
      </c>
      <c r="F113261" s="14" t="s">
        <v>61</v>
      </c>
      <c r="G113261" s="16">
        <v>0</v>
      </c>
    </row>
    <row r="113262" spans="1:7" x14ac:dyDescent="0.3">
      <c r="A113262" s="13" t="s">
        <v>541</v>
      </c>
      <c r="B113262" s="14" t="s">
        <v>1</v>
      </c>
      <c r="C113262" s="14" t="s">
        <v>96</v>
      </c>
      <c r="D113262" s="14" t="s">
        <v>328</v>
      </c>
      <c r="E113262" s="15">
        <v>45488</v>
      </c>
      <c r="F113262" s="14" t="s">
        <v>61</v>
      </c>
      <c r="G113262" s="16">
        <v>0</v>
      </c>
    </row>
    <row r="113263" spans="1:7" x14ac:dyDescent="0.3">
      <c r="A113263" s="13" t="s">
        <v>541</v>
      </c>
      <c r="B113263" s="14" t="s">
        <v>1</v>
      </c>
      <c r="C113263" s="14" t="s">
        <v>96</v>
      </c>
      <c r="D113263" s="14" t="s">
        <v>328</v>
      </c>
      <c r="E113263" s="15">
        <v>45489</v>
      </c>
      <c r="F113263" s="14" t="s">
        <v>61</v>
      </c>
      <c r="G113263" s="16">
        <v>0</v>
      </c>
    </row>
    <row r="113264" spans="1:7" x14ac:dyDescent="0.3">
      <c r="A113264" s="13" t="s">
        <v>541</v>
      </c>
      <c r="B113264" s="14" t="s">
        <v>1</v>
      </c>
      <c r="C113264" s="14" t="s">
        <v>96</v>
      </c>
      <c r="D113264" s="14" t="s">
        <v>328</v>
      </c>
      <c r="E113264" s="15">
        <v>45490</v>
      </c>
      <c r="F113264" s="14" t="s">
        <v>61</v>
      </c>
      <c r="G113264" s="16">
        <v>0</v>
      </c>
    </row>
    <row r="113265" spans="1:7" x14ac:dyDescent="0.3">
      <c r="A113265" s="13" t="s">
        <v>541</v>
      </c>
      <c r="B113265" s="14" t="s">
        <v>1</v>
      </c>
      <c r="C113265" s="14" t="s">
        <v>96</v>
      </c>
      <c r="D113265" s="14" t="s">
        <v>328</v>
      </c>
      <c r="E113265" s="15">
        <v>45491</v>
      </c>
      <c r="F113265" s="14" t="s">
        <v>61</v>
      </c>
      <c r="G113265" s="16">
        <v>0</v>
      </c>
    </row>
    <row r="113266" spans="1:7" x14ac:dyDescent="0.3">
      <c r="A113266" s="13" t="s">
        <v>541</v>
      </c>
      <c r="B113266" s="14" t="s">
        <v>1</v>
      </c>
      <c r="C113266" s="14" t="s">
        <v>96</v>
      </c>
      <c r="D113266" s="14" t="s">
        <v>328</v>
      </c>
      <c r="E113266" s="15">
        <v>45492</v>
      </c>
      <c r="F113266" s="14" t="s">
        <v>61</v>
      </c>
      <c r="G113266" s="16">
        <v>0</v>
      </c>
    </row>
    <row r="113267" spans="1:7" x14ac:dyDescent="0.3">
      <c r="A113267" s="13" t="s">
        <v>541</v>
      </c>
      <c r="B113267" s="14" t="s">
        <v>1</v>
      </c>
      <c r="C113267" s="14" t="s">
        <v>96</v>
      </c>
      <c r="D113267" s="14" t="s">
        <v>328</v>
      </c>
      <c r="E113267" s="15">
        <v>45493</v>
      </c>
      <c r="F113267" s="14" t="s">
        <v>61</v>
      </c>
      <c r="G113267" s="16">
        <v>0</v>
      </c>
    </row>
    <row r="113268" spans="1:7" x14ac:dyDescent="0.3">
      <c r="A113268" s="13" t="s">
        <v>541</v>
      </c>
      <c r="B113268" s="14" t="s">
        <v>1</v>
      </c>
      <c r="C113268" s="14" t="s">
        <v>96</v>
      </c>
      <c r="D113268" s="14" t="s">
        <v>328</v>
      </c>
      <c r="E113268" s="15">
        <v>45494</v>
      </c>
      <c r="F113268" s="14" t="s">
        <v>61</v>
      </c>
      <c r="G113268" s="16">
        <v>0</v>
      </c>
    </row>
    <row r="113269" spans="1:7" x14ac:dyDescent="0.3">
      <c r="A113269" s="13" t="s">
        <v>541</v>
      </c>
      <c r="B113269" s="14" t="s">
        <v>1</v>
      </c>
      <c r="C113269" s="14" t="s">
        <v>96</v>
      </c>
      <c r="D113269" s="14" t="s">
        <v>328</v>
      </c>
      <c r="E113269" s="15">
        <v>45495</v>
      </c>
      <c r="F113269" s="14" t="s">
        <v>61</v>
      </c>
      <c r="G113269" s="16">
        <v>0</v>
      </c>
    </row>
    <row r="113270" spans="1:7" x14ac:dyDescent="0.3">
      <c r="A113270" s="13" t="s">
        <v>541</v>
      </c>
      <c r="B113270" s="14" t="s">
        <v>1</v>
      </c>
      <c r="C113270" s="14" t="s">
        <v>96</v>
      </c>
      <c r="D113270" s="14" t="s">
        <v>328</v>
      </c>
      <c r="E113270" s="15">
        <v>45496</v>
      </c>
      <c r="F113270" s="14" t="s">
        <v>61</v>
      </c>
      <c r="G113270" s="16">
        <v>0</v>
      </c>
    </row>
    <row r="113271" spans="1:7" x14ac:dyDescent="0.3">
      <c r="A113271" s="13" t="s">
        <v>541</v>
      </c>
      <c r="B113271" s="14" t="s">
        <v>1</v>
      </c>
      <c r="C113271" s="14" t="s">
        <v>96</v>
      </c>
      <c r="D113271" s="14" t="s">
        <v>328</v>
      </c>
      <c r="E113271" s="15">
        <v>45497</v>
      </c>
      <c r="F113271" s="14" t="s">
        <v>61</v>
      </c>
      <c r="G113271" s="16">
        <v>0</v>
      </c>
    </row>
    <row r="113272" spans="1:7" x14ac:dyDescent="0.3">
      <c r="A113272" s="13" t="s">
        <v>541</v>
      </c>
      <c r="B113272" s="14" t="s">
        <v>1</v>
      </c>
      <c r="C113272" s="14" t="s">
        <v>96</v>
      </c>
      <c r="D113272" s="14" t="s">
        <v>328</v>
      </c>
      <c r="E113272" s="15">
        <v>45498</v>
      </c>
      <c r="F113272" s="14" t="s">
        <v>61</v>
      </c>
      <c r="G113272" s="16">
        <v>0</v>
      </c>
    </row>
    <row r="113273" spans="1:7" x14ac:dyDescent="0.3">
      <c r="A113273" s="13" t="s">
        <v>541</v>
      </c>
      <c r="B113273" s="14" t="s">
        <v>1</v>
      </c>
      <c r="C113273" s="14" t="s">
        <v>96</v>
      </c>
      <c r="D113273" s="14" t="s">
        <v>328</v>
      </c>
      <c r="E113273" s="15">
        <v>45499</v>
      </c>
      <c r="F113273" s="14" t="s">
        <v>61</v>
      </c>
      <c r="G113273" s="16">
        <v>0</v>
      </c>
    </row>
    <row r="113274" spans="1:7" x14ac:dyDescent="0.3">
      <c r="A113274" s="13" t="s">
        <v>541</v>
      </c>
      <c r="B113274" s="14" t="s">
        <v>1</v>
      </c>
      <c r="C113274" s="14" t="s">
        <v>96</v>
      </c>
      <c r="D113274" s="14" t="s">
        <v>328</v>
      </c>
      <c r="E113274" s="15">
        <v>45500</v>
      </c>
      <c r="F113274" s="14" t="s">
        <v>61</v>
      </c>
      <c r="G113274" s="16">
        <v>0</v>
      </c>
    </row>
    <row r="113275" spans="1:7" x14ac:dyDescent="0.3">
      <c r="A113275" s="13" t="s">
        <v>541</v>
      </c>
      <c r="B113275" s="14" t="s">
        <v>1</v>
      </c>
      <c r="C113275" s="14" t="s">
        <v>96</v>
      </c>
      <c r="D113275" s="14" t="s">
        <v>328</v>
      </c>
      <c r="E113275" s="15">
        <v>45501</v>
      </c>
      <c r="F113275" s="14" t="s">
        <v>61</v>
      </c>
      <c r="G113275" s="16">
        <v>0</v>
      </c>
    </row>
    <row r="113276" spans="1:7" x14ac:dyDescent="0.3">
      <c r="A113276" s="13" t="s">
        <v>541</v>
      </c>
      <c r="B113276" s="14" t="s">
        <v>1</v>
      </c>
      <c r="C113276" s="14" t="s">
        <v>96</v>
      </c>
      <c r="D113276" s="14" t="s">
        <v>328</v>
      </c>
      <c r="E113276" s="15">
        <v>45502</v>
      </c>
      <c r="F113276" s="14" t="s">
        <v>61</v>
      </c>
      <c r="G113276" s="16">
        <v>0</v>
      </c>
    </row>
    <row r="113277" spans="1:7" x14ac:dyDescent="0.3">
      <c r="A113277" s="13" t="s">
        <v>541</v>
      </c>
      <c r="B113277" s="14" t="s">
        <v>1</v>
      </c>
      <c r="C113277" s="14" t="s">
        <v>96</v>
      </c>
      <c r="D113277" s="14" t="s">
        <v>328</v>
      </c>
      <c r="E113277" s="15">
        <v>45503</v>
      </c>
      <c r="F113277" s="14" t="s">
        <v>61</v>
      </c>
      <c r="G113277" s="16">
        <v>0</v>
      </c>
    </row>
    <row r="113278" spans="1:7" x14ac:dyDescent="0.3">
      <c r="A113278" s="13" t="s">
        <v>541</v>
      </c>
      <c r="B113278" s="14" t="s">
        <v>1</v>
      </c>
      <c r="C113278" s="14" t="s">
        <v>96</v>
      </c>
      <c r="D113278" s="14" t="s">
        <v>328</v>
      </c>
      <c r="E113278" s="15">
        <v>45504</v>
      </c>
      <c r="F113278" s="14" t="s">
        <v>61</v>
      </c>
      <c r="G113278" s="16">
        <v>0</v>
      </c>
    </row>
    <row r="113279" spans="1:7" x14ac:dyDescent="0.3">
      <c r="A113279" s="13" t="s">
        <v>541</v>
      </c>
      <c r="B113279" s="14" t="s">
        <v>1</v>
      </c>
      <c r="C113279" s="14" t="s">
        <v>96</v>
      </c>
      <c r="D113279" s="14" t="s">
        <v>328</v>
      </c>
      <c r="E113279" s="15">
        <v>45505</v>
      </c>
      <c r="F113279" s="14" t="s">
        <v>61</v>
      </c>
      <c r="G113279" s="16">
        <v>0</v>
      </c>
    </row>
    <row r="113280" spans="1:7" x14ac:dyDescent="0.3">
      <c r="A113280" s="13" t="s">
        <v>541</v>
      </c>
      <c r="B113280" s="14" t="s">
        <v>1</v>
      </c>
      <c r="C113280" s="14" t="s">
        <v>96</v>
      </c>
      <c r="D113280" s="14" t="s">
        <v>328</v>
      </c>
      <c r="E113280" s="15">
        <v>45506</v>
      </c>
      <c r="F113280" s="14" t="s">
        <v>61</v>
      </c>
      <c r="G113280" s="16">
        <v>0</v>
      </c>
    </row>
    <row r="113281" spans="1:7" x14ac:dyDescent="0.3">
      <c r="A113281" s="13" t="s">
        <v>541</v>
      </c>
      <c r="B113281" s="14" t="s">
        <v>1</v>
      </c>
      <c r="C113281" s="14" t="s">
        <v>96</v>
      </c>
      <c r="D113281" s="14" t="s">
        <v>328</v>
      </c>
      <c r="E113281" s="15">
        <v>45507</v>
      </c>
      <c r="F113281" s="14" t="s">
        <v>61</v>
      </c>
      <c r="G113281" s="16">
        <v>0</v>
      </c>
    </row>
    <row r="113282" spans="1:7" x14ac:dyDescent="0.3">
      <c r="A113282" s="13" t="s">
        <v>541</v>
      </c>
      <c r="B113282" s="14" t="s">
        <v>1</v>
      </c>
      <c r="C113282" s="14" t="s">
        <v>96</v>
      </c>
      <c r="D113282" s="14" t="s">
        <v>328</v>
      </c>
      <c r="E113282" s="15">
        <v>45508</v>
      </c>
      <c r="F113282" s="14" t="s">
        <v>61</v>
      </c>
      <c r="G113282" s="16">
        <v>0</v>
      </c>
    </row>
    <row r="113283" spans="1:7" x14ac:dyDescent="0.3">
      <c r="A113283" s="13" t="s">
        <v>541</v>
      </c>
      <c r="B113283" s="14" t="s">
        <v>1</v>
      </c>
      <c r="C113283" s="14" t="s">
        <v>96</v>
      </c>
      <c r="D113283" s="14" t="s">
        <v>328</v>
      </c>
      <c r="E113283" s="15">
        <v>45509</v>
      </c>
      <c r="F113283" s="14" t="s">
        <v>61</v>
      </c>
      <c r="G113283" s="16">
        <v>0</v>
      </c>
    </row>
    <row r="113284" spans="1:7" x14ac:dyDescent="0.3">
      <c r="A113284" s="13" t="s">
        <v>541</v>
      </c>
      <c r="B113284" s="14" t="s">
        <v>1</v>
      </c>
      <c r="C113284" s="14" t="s">
        <v>96</v>
      </c>
      <c r="D113284" s="14" t="s">
        <v>328</v>
      </c>
      <c r="E113284" s="15">
        <v>45510</v>
      </c>
      <c r="F113284" s="14" t="s">
        <v>61</v>
      </c>
      <c r="G113284" s="16">
        <v>0</v>
      </c>
    </row>
    <row r="113285" spans="1:7" x14ac:dyDescent="0.3">
      <c r="A113285" s="13" t="s">
        <v>541</v>
      </c>
      <c r="B113285" s="14" t="s">
        <v>1</v>
      </c>
      <c r="C113285" s="14" t="s">
        <v>96</v>
      </c>
      <c r="D113285" s="14" t="s">
        <v>328</v>
      </c>
      <c r="E113285" s="15">
        <v>45511</v>
      </c>
      <c r="F113285" s="14" t="s">
        <v>61</v>
      </c>
      <c r="G113285" s="16">
        <v>0</v>
      </c>
    </row>
    <row r="113286" spans="1:7" x14ac:dyDescent="0.3">
      <c r="A113286" s="13" t="s">
        <v>541</v>
      </c>
      <c r="B113286" s="14" t="s">
        <v>1</v>
      </c>
      <c r="C113286" s="14" t="s">
        <v>96</v>
      </c>
      <c r="D113286" s="14" t="s">
        <v>328</v>
      </c>
      <c r="E113286" s="15">
        <v>45512</v>
      </c>
      <c r="F113286" s="14" t="s">
        <v>61</v>
      </c>
      <c r="G113286" s="16">
        <v>0</v>
      </c>
    </row>
    <row r="113287" spans="1:7" x14ac:dyDescent="0.3">
      <c r="A113287" s="13" t="s">
        <v>541</v>
      </c>
      <c r="B113287" s="14" t="s">
        <v>1</v>
      </c>
      <c r="C113287" s="14" t="s">
        <v>96</v>
      </c>
      <c r="D113287" s="14" t="s">
        <v>328</v>
      </c>
      <c r="E113287" s="15">
        <v>45513</v>
      </c>
      <c r="F113287" s="14" t="s">
        <v>61</v>
      </c>
      <c r="G113287" s="16">
        <v>0</v>
      </c>
    </row>
    <row r="113288" spans="1:7" x14ac:dyDescent="0.3">
      <c r="A113288" s="13" t="s">
        <v>541</v>
      </c>
      <c r="B113288" s="14" t="s">
        <v>1</v>
      </c>
      <c r="C113288" s="14" t="s">
        <v>96</v>
      </c>
      <c r="D113288" s="14" t="s">
        <v>328</v>
      </c>
      <c r="E113288" s="15">
        <v>45514</v>
      </c>
      <c r="F113288" s="14" t="s">
        <v>61</v>
      </c>
      <c r="G113288" s="16">
        <v>0</v>
      </c>
    </row>
    <row r="113289" spans="1:7" x14ac:dyDescent="0.3">
      <c r="A113289" s="13" t="s">
        <v>541</v>
      </c>
      <c r="B113289" s="14" t="s">
        <v>1</v>
      </c>
      <c r="C113289" s="14" t="s">
        <v>96</v>
      </c>
      <c r="D113289" s="14" t="s">
        <v>328</v>
      </c>
      <c r="E113289" s="15">
        <v>45515</v>
      </c>
      <c r="F113289" s="14" t="s">
        <v>61</v>
      </c>
      <c r="G113289" s="16">
        <v>0</v>
      </c>
    </row>
    <row r="113290" spans="1:7" x14ac:dyDescent="0.3">
      <c r="A113290" s="13" t="s">
        <v>541</v>
      </c>
      <c r="B113290" s="14" t="s">
        <v>1</v>
      </c>
      <c r="C113290" s="14" t="s">
        <v>96</v>
      </c>
      <c r="D113290" s="14" t="s">
        <v>328</v>
      </c>
      <c r="E113290" s="15">
        <v>45516</v>
      </c>
      <c r="F113290" s="14" t="s">
        <v>61</v>
      </c>
      <c r="G113290" s="16">
        <v>0</v>
      </c>
    </row>
    <row r="113291" spans="1:7" x14ac:dyDescent="0.3">
      <c r="A113291" s="13" t="s">
        <v>541</v>
      </c>
      <c r="B113291" s="14" t="s">
        <v>1</v>
      </c>
      <c r="C113291" s="14" t="s">
        <v>96</v>
      </c>
      <c r="D113291" s="14" t="s">
        <v>328</v>
      </c>
      <c r="E113291" s="15">
        <v>45517</v>
      </c>
      <c r="F113291" s="14" t="s">
        <v>61</v>
      </c>
      <c r="G113291" s="16">
        <v>0</v>
      </c>
    </row>
    <row r="113292" spans="1:7" x14ac:dyDescent="0.3">
      <c r="A113292" s="13" t="s">
        <v>541</v>
      </c>
      <c r="B113292" s="14" t="s">
        <v>1</v>
      </c>
      <c r="C113292" s="14" t="s">
        <v>96</v>
      </c>
      <c r="D113292" s="14" t="s">
        <v>328</v>
      </c>
      <c r="E113292" s="15">
        <v>45518</v>
      </c>
      <c r="F113292" s="14" t="s">
        <v>61</v>
      </c>
      <c r="G113292" s="16">
        <v>0</v>
      </c>
    </row>
    <row r="113293" spans="1:7" x14ac:dyDescent="0.3">
      <c r="A113293" s="13" t="s">
        <v>541</v>
      </c>
      <c r="B113293" s="14" t="s">
        <v>1</v>
      </c>
      <c r="C113293" s="14" t="s">
        <v>96</v>
      </c>
      <c r="D113293" s="14" t="s">
        <v>328</v>
      </c>
      <c r="E113293" s="15">
        <v>45519</v>
      </c>
      <c r="F113293" s="14" t="s">
        <v>61</v>
      </c>
      <c r="G113293" s="16">
        <v>0</v>
      </c>
    </row>
    <row r="113294" spans="1:7" x14ac:dyDescent="0.3">
      <c r="A113294" s="13" t="s">
        <v>541</v>
      </c>
      <c r="B113294" s="14" t="s">
        <v>1</v>
      </c>
      <c r="C113294" s="14" t="s">
        <v>96</v>
      </c>
      <c r="D113294" s="14" t="s">
        <v>328</v>
      </c>
      <c r="E113294" s="15">
        <v>45520</v>
      </c>
      <c r="F113294" s="14" t="s">
        <v>61</v>
      </c>
      <c r="G113294" s="16">
        <v>0</v>
      </c>
    </row>
    <row r="113295" spans="1:7" x14ac:dyDescent="0.3">
      <c r="A113295" s="13" t="s">
        <v>541</v>
      </c>
      <c r="B113295" s="14" t="s">
        <v>1</v>
      </c>
      <c r="C113295" s="14" t="s">
        <v>96</v>
      </c>
      <c r="D113295" s="14" t="s">
        <v>328</v>
      </c>
      <c r="E113295" s="15">
        <v>45521</v>
      </c>
      <c r="F113295" s="14" t="s">
        <v>61</v>
      </c>
      <c r="G113295" s="16">
        <v>0</v>
      </c>
    </row>
    <row r="113296" spans="1:7" x14ac:dyDescent="0.3">
      <c r="A113296" s="13" t="s">
        <v>541</v>
      </c>
      <c r="B113296" s="14" t="s">
        <v>1</v>
      </c>
      <c r="C113296" s="14" t="s">
        <v>96</v>
      </c>
      <c r="D113296" s="14" t="s">
        <v>328</v>
      </c>
      <c r="E113296" s="15">
        <v>45522</v>
      </c>
      <c r="F113296" s="14" t="s">
        <v>61</v>
      </c>
      <c r="G113296" s="16">
        <v>0</v>
      </c>
    </row>
    <row r="113297" spans="1:7" x14ac:dyDescent="0.3">
      <c r="A113297" s="13" t="s">
        <v>541</v>
      </c>
      <c r="B113297" s="14" t="s">
        <v>1</v>
      </c>
      <c r="C113297" s="14" t="s">
        <v>96</v>
      </c>
      <c r="D113297" s="14" t="s">
        <v>328</v>
      </c>
      <c r="E113297" s="15">
        <v>45523</v>
      </c>
      <c r="F113297" s="14" t="s">
        <v>61</v>
      </c>
      <c r="G113297" s="16">
        <v>0</v>
      </c>
    </row>
    <row r="113298" spans="1:7" x14ac:dyDescent="0.3">
      <c r="A113298" s="13" t="s">
        <v>541</v>
      </c>
      <c r="B113298" s="14" t="s">
        <v>1</v>
      </c>
      <c r="C113298" s="14" t="s">
        <v>96</v>
      </c>
      <c r="D113298" s="14" t="s">
        <v>328</v>
      </c>
      <c r="E113298" s="15">
        <v>45524</v>
      </c>
      <c r="F113298" s="14" t="s">
        <v>61</v>
      </c>
      <c r="G113298" s="16">
        <v>0</v>
      </c>
    </row>
    <row r="113299" spans="1:7" x14ac:dyDescent="0.3">
      <c r="A113299" s="13" t="s">
        <v>541</v>
      </c>
      <c r="B113299" s="14" t="s">
        <v>1</v>
      </c>
      <c r="C113299" s="14" t="s">
        <v>96</v>
      </c>
      <c r="D113299" s="14" t="s">
        <v>328</v>
      </c>
      <c r="E113299" s="15">
        <v>45525</v>
      </c>
      <c r="F113299" s="14" t="s">
        <v>61</v>
      </c>
      <c r="G113299" s="16">
        <v>0</v>
      </c>
    </row>
    <row r="113300" spans="1:7" x14ac:dyDescent="0.3">
      <c r="A113300" s="13" t="s">
        <v>541</v>
      </c>
      <c r="B113300" s="14" t="s">
        <v>1</v>
      </c>
      <c r="C113300" s="14" t="s">
        <v>96</v>
      </c>
      <c r="D113300" s="14" t="s">
        <v>328</v>
      </c>
      <c r="E113300" s="15">
        <v>45526</v>
      </c>
      <c r="F113300" s="14" t="s">
        <v>61</v>
      </c>
      <c r="G113300" s="16">
        <v>0</v>
      </c>
    </row>
    <row r="113301" spans="1:7" x14ac:dyDescent="0.3">
      <c r="A113301" s="13" t="s">
        <v>541</v>
      </c>
      <c r="B113301" s="14" t="s">
        <v>1</v>
      </c>
      <c r="C113301" s="14" t="s">
        <v>96</v>
      </c>
      <c r="D113301" s="14" t="s">
        <v>328</v>
      </c>
      <c r="E113301" s="15">
        <v>45527</v>
      </c>
      <c r="F113301" s="14" t="s">
        <v>61</v>
      </c>
      <c r="G113301" s="16">
        <v>0</v>
      </c>
    </row>
    <row r="113302" spans="1:7" x14ac:dyDescent="0.3">
      <c r="A113302" s="13" t="s">
        <v>541</v>
      </c>
      <c r="B113302" s="14" t="s">
        <v>1</v>
      </c>
      <c r="C113302" s="14" t="s">
        <v>96</v>
      </c>
      <c r="D113302" s="14" t="s">
        <v>328</v>
      </c>
      <c r="E113302" s="15">
        <v>45528</v>
      </c>
      <c r="F113302" s="14" t="s">
        <v>61</v>
      </c>
      <c r="G113302" s="16">
        <v>0</v>
      </c>
    </row>
    <row r="113303" spans="1:7" x14ac:dyDescent="0.3">
      <c r="A113303" s="13" t="s">
        <v>541</v>
      </c>
      <c r="B113303" s="14" t="s">
        <v>1</v>
      </c>
      <c r="C113303" s="14" t="s">
        <v>96</v>
      </c>
      <c r="D113303" s="14" t="s">
        <v>328</v>
      </c>
      <c r="E113303" s="15">
        <v>45529</v>
      </c>
      <c r="F113303" s="14" t="s">
        <v>61</v>
      </c>
      <c r="G113303" s="16">
        <v>0</v>
      </c>
    </row>
    <row r="113304" spans="1:7" x14ac:dyDescent="0.3">
      <c r="A113304" s="13" t="s">
        <v>541</v>
      </c>
      <c r="B113304" s="14" t="s">
        <v>1</v>
      </c>
      <c r="C113304" s="14" t="s">
        <v>96</v>
      </c>
      <c r="D113304" s="14" t="s">
        <v>328</v>
      </c>
      <c r="E113304" s="15">
        <v>45530</v>
      </c>
      <c r="F113304" s="14" t="s">
        <v>61</v>
      </c>
      <c r="G113304" s="16">
        <v>0</v>
      </c>
    </row>
    <row r="113305" spans="1:7" x14ac:dyDescent="0.3">
      <c r="A113305" s="13" t="s">
        <v>541</v>
      </c>
      <c r="B113305" s="14" t="s">
        <v>1</v>
      </c>
      <c r="C113305" s="14" t="s">
        <v>96</v>
      </c>
      <c r="D113305" s="14" t="s">
        <v>328</v>
      </c>
      <c r="E113305" s="15">
        <v>45531</v>
      </c>
      <c r="F113305" s="14" t="s">
        <v>61</v>
      </c>
      <c r="G113305" s="16">
        <v>0</v>
      </c>
    </row>
    <row r="113306" spans="1:7" x14ac:dyDescent="0.3">
      <c r="A113306" s="13" t="s">
        <v>541</v>
      </c>
      <c r="B113306" s="14" t="s">
        <v>1</v>
      </c>
      <c r="C113306" s="14" t="s">
        <v>96</v>
      </c>
      <c r="D113306" s="14" t="s">
        <v>328</v>
      </c>
      <c r="E113306" s="15">
        <v>45532</v>
      </c>
      <c r="F113306" s="14" t="s">
        <v>61</v>
      </c>
      <c r="G113306" s="16">
        <v>0</v>
      </c>
    </row>
    <row r="113307" spans="1:7" x14ac:dyDescent="0.3">
      <c r="A113307" s="13" t="s">
        <v>541</v>
      </c>
      <c r="B113307" s="14" t="s">
        <v>1</v>
      </c>
      <c r="C113307" s="14" t="s">
        <v>96</v>
      </c>
      <c r="D113307" s="14" t="s">
        <v>328</v>
      </c>
      <c r="E113307" s="15">
        <v>45533</v>
      </c>
      <c r="F113307" s="14" t="s">
        <v>61</v>
      </c>
      <c r="G113307" s="16">
        <v>0</v>
      </c>
    </row>
    <row r="113308" spans="1:7" x14ac:dyDescent="0.3">
      <c r="A113308" s="13" t="s">
        <v>541</v>
      </c>
      <c r="B113308" s="14" t="s">
        <v>1</v>
      </c>
      <c r="C113308" s="14" t="s">
        <v>96</v>
      </c>
      <c r="D113308" s="14" t="s">
        <v>328</v>
      </c>
      <c r="E113308" s="15">
        <v>45534</v>
      </c>
      <c r="F113308" s="14" t="s">
        <v>61</v>
      </c>
      <c r="G113308" s="16">
        <v>0</v>
      </c>
    </row>
    <row r="113309" spans="1:7" x14ac:dyDescent="0.3">
      <c r="A113309" s="13" t="s">
        <v>541</v>
      </c>
      <c r="B113309" s="14" t="s">
        <v>1</v>
      </c>
      <c r="C113309" s="14" t="s">
        <v>96</v>
      </c>
      <c r="D113309" s="14" t="s">
        <v>328</v>
      </c>
      <c r="E113309" s="15">
        <v>45535</v>
      </c>
      <c r="F113309" s="14" t="s">
        <v>61</v>
      </c>
      <c r="G113309" s="16">
        <v>0</v>
      </c>
    </row>
    <row r="113310" spans="1:7" x14ac:dyDescent="0.3">
      <c r="A113310" s="13" t="s">
        <v>541</v>
      </c>
      <c r="B113310" s="14" t="s">
        <v>1</v>
      </c>
      <c r="C113310" s="14" t="s">
        <v>96</v>
      </c>
      <c r="D113310" s="14" t="s">
        <v>328</v>
      </c>
      <c r="E113310" s="15">
        <v>45536</v>
      </c>
      <c r="F113310" s="14" t="s">
        <v>61</v>
      </c>
      <c r="G113310" s="16">
        <v>0</v>
      </c>
    </row>
    <row r="113311" spans="1:7" x14ac:dyDescent="0.3">
      <c r="A113311" s="13" t="s">
        <v>541</v>
      </c>
      <c r="B113311" s="14" t="s">
        <v>1</v>
      </c>
      <c r="C113311" s="14" t="s">
        <v>96</v>
      </c>
      <c r="D113311" s="14" t="s">
        <v>328</v>
      </c>
      <c r="E113311" s="15">
        <v>45537</v>
      </c>
      <c r="F113311" s="14" t="s">
        <v>61</v>
      </c>
      <c r="G113311" s="16">
        <v>0</v>
      </c>
    </row>
    <row r="113312" spans="1:7" x14ac:dyDescent="0.3">
      <c r="A113312" s="13" t="s">
        <v>541</v>
      </c>
      <c r="B113312" s="14" t="s">
        <v>1</v>
      </c>
      <c r="C113312" s="14" t="s">
        <v>96</v>
      </c>
      <c r="D113312" s="14" t="s">
        <v>328</v>
      </c>
      <c r="E113312" s="15">
        <v>45538</v>
      </c>
      <c r="F113312" s="14" t="s">
        <v>61</v>
      </c>
      <c r="G113312" s="16">
        <v>0</v>
      </c>
    </row>
    <row r="113313" spans="1:7" x14ac:dyDescent="0.3">
      <c r="A113313" s="13" t="s">
        <v>541</v>
      </c>
      <c r="B113313" s="14" t="s">
        <v>1</v>
      </c>
      <c r="C113313" s="14" t="s">
        <v>96</v>
      </c>
      <c r="D113313" s="14" t="s">
        <v>328</v>
      </c>
      <c r="E113313" s="15">
        <v>45539</v>
      </c>
      <c r="F113313" s="14" t="s">
        <v>61</v>
      </c>
      <c r="G113313" s="16">
        <v>0</v>
      </c>
    </row>
    <row r="113314" spans="1:7" x14ac:dyDescent="0.3">
      <c r="A113314" s="13" t="s">
        <v>541</v>
      </c>
      <c r="B113314" s="14" t="s">
        <v>1</v>
      </c>
      <c r="C113314" s="14" t="s">
        <v>96</v>
      </c>
      <c r="D113314" s="14" t="s">
        <v>328</v>
      </c>
      <c r="E113314" s="15">
        <v>45540</v>
      </c>
      <c r="F113314" s="14" t="s">
        <v>61</v>
      </c>
      <c r="G113314" s="16">
        <v>0</v>
      </c>
    </row>
    <row r="113315" spans="1:7" x14ac:dyDescent="0.3">
      <c r="A113315" s="13" t="s">
        <v>541</v>
      </c>
      <c r="B113315" s="14" t="s">
        <v>1</v>
      </c>
      <c r="C113315" s="14" t="s">
        <v>96</v>
      </c>
      <c r="D113315" s="14" t="s">
        <v>328</v>
      </c>
      <c r="E113315" s="15">
        <v>45541</v>
      </c>
      <c r="F113315" s="14" t="s">
        <v>61</v>
      </c>
      <c r="G113315" s="16">
        <v>0</v>
      </c>
    </row>
    <row r="113316" spans="1:7" x14ac:dyDescent="0.3">
      <c r="A113316" s="13" t="s">
        <v>541</v>
      </c>
      <c r="B113316" s="14" t="s">
        <v>1</v>
      </c>
      <c r="C113316" s="14" t="s">
        <v>96</v>
      </c>
      <c r="D113316" s="14" t="s">
        <v>328</v>
      </c>
      <c r="E113316" s="15">
        <v>45542</v>
      </c>
      <c r="F113316" s="14" t="s">
        <v>61</v>
      </c>
      <c r="G113316" s="16">
        <v>0</v>
      </c>
    </row>
    <row r="113317" spans="1:7" x14ac:dyDescent="0.3">
      <c r="A113317" s="13" t="s">
        <v>541</v>
      </c>
      <c r="B113317" s="14" t="s">
        <v>1</v>
      </c>
      <c r="C113317" s="14" t="s">
        <v>96</v>
      </c>
      <c r="D113317" s="14" t="s">
        <v>328</v>
      </c>
      <c r="E113317" s="15">
        <v>45543</v>
      </c>
      <c r="F113317" s="14" t="s">
        <v>61</v>
      </c>
      <c r="G113317" s="16">
        <v>0</v>
      </c>
    </row>
    <row r="113318" spans="1:7" x14ac:dyDescent="0.3">
      <c r="A113318" s="13" t="s">
        <v>541</v>
      </c>
      <c r="B113318" s="14" t="s">
        <v>1</v>
      </c>
      <c r="C113318" s="14" t="s">
        <v>96</v>
      </c>
      <c r="D113318" s="14" t="s">
        <v>328</v>
      </c>
      <c r="E113318" s="15">
        <v>45544</v>
      </c>
      <c r="F113318" s="14" t="s">
        <v>61</v>
      </c>
      <c r="G113318" s="16">
        <v>0</v>
      </c>
    </row>
    <row r="113319" spans="1:7" x14ac:dyDescent="0.3">
      <c r="A113319" s="13" t="s">
        <v>541</v>
      </c>
      <c r="B113319" s="14" t="s">
        <v>1</v>
      </c>
      <c r="C113319" s="14" t="s">
        <v>96</v>
      </c>
      <c r="D113319" s="14" t="s">
        <v>328</v>
      </c>
      <c r="E113319" s="15">
        <v>45545</v>
      </c>
      <c r="F113319" s="14" t="s">
        <v>61</v>
      </c>
      <c r="G113319" s="16">
        <v>0</v>
      </c>
    </row>
    <row r="113320" spans="1:7" x14ac:dyDescent="0.3">
      <c r="A113320" s="13" t="s">
        <v>541</v>
      </c>
      <c r="B113320" s="14" t="s">
        <v>1</v>
      </c>
      <c r="C113320" s="14" t="s">
        <v>96</v>
      </c>
      <c r="D113320" s="14" t="s">
        <v>328</v>
      </c>
      <c r="E113320" s="15">
        <v>45546</v>
      </c>
      <c r="F113320" s="14" t="s">
        <v>61</v>
      </c>
      <c r="G113320" s="16">
        <v>0</v>
      </c>
    </row>
    <row r="113321" spans="1:7" x14ac:dyDescent="0.3">
      <c r="A113321" s="13" t="s">
        <v>541</v>
      </c>
      <c r="B113321" s="14" t="s">
        <v>1</v>
      </c>
      <c r="C113321" s="14" t="s">
        <v>96</v>
      </c>
      <c r="D113321" s="14" t="s">
        <v>328</v>
      </c>
      <c r="E113321" s="15">
        <v>45547</v>
      </c>
      <c r="F113321" s="14" t="s">
        <v>61</v>
      </c>
      <c r="G113321" s="16">
        <v>0</v>
      </c>
    </row>
    <row r="113322" spans="1:7" x14ac:dyDescent="0.3">
      <c r="A113322" s="13" t="s">
        <v>541</v>
      </c>
      <c r="B113322" s="14" t="s">
        <v>1</v>
      </c>
      <c r="C113322" s="14" t="s">
        <v>96</v>
      </c>
      <c r="D113322" s="14" t="s">
        <v>328</v>
      </c>
      <c r="E113322" s="15">
        <v>45548</v>
      </c>
      <c r="F113322" s="14" t="s">
        <v>61</v>
      </c>
      <c r="G113322" s="16">
        <v>0</v>
      </c>
    </row>
    <row r="113323" spans="1:7" x14ac:dyDescent="0.3">
      <c r="A113323" s="13" t="s">
        <v>541</v>
      </c>
      <c r="B113323" s="14" t="s">
        <v>1</v>
      </c>
      <c r="C113323" s="14" t="s">
        <v>96</v>
      </c>
      <c r="D113323" s="14" t="s">
        <v>328</v>
      </c>
      <c r="E113323" s="15">
        <v>45549</v>
      </c>
      <c r="F113323" s="14" t="s">
        <v>61</v>
      </c>
      <c r="G113323" s="16">
        <v>0</v>
      </c>
    </row>
    <row r="113324" spans="1:7" x14ac:dyDescent="0.3">
      <c r="A113324" s="13" t="s">
        <v>541</v>
      </c>
      <c r="B113324" s="14" t="s">
        <v>1</v>
      </c>
      <c r="C113324" s="14" t="s">
        <v>96</v>
      </c>
      <c r="D113324" s="14" t="s">
        <v>328</v>
      </c>
      <c r="E113324" s="15">
        <v>45550</v>
      </c>
      <c r="F113324" s="14" t="s">
        <v>61</v>
      </c>
      <c r="G113324" s="16">
        <v>0</v>
      </c>
    </row>
    <row r="113325" spans="1:7" x14ac:dyDescent="0.3">
      <c r="A113325" s="13" t="s">
        <v>541</v>
      </c>
      <c r="B113325" s="14" t="s">
        <v>1</v>
      </c>
      <c r="C113325" s="14" t="s">
        <v>96</v>
      </c>
      <c r="D113325" s="14" t="s">
        <v>328</v>
      </c>
      <c r="E113325" s="15">
        <v>45551</v>
      </c>
      <c r="F113325" s="14" t="s">
        <v>61</v>
      </c>
      <c r="G113325" s="16">
        <v>0</v>
      </c>
    </row>
    <row r="113326" spans="1:7" x14ac:dyDescent="0.3">
      <c r="A113326" s="13" t="s">
        <v>541</v>
      </c>
      <c r="B113326" s="14" t="s">
        <v>1</v>
      </c>
      <c r="C113326" s="14" t="s">
        <v>96</v>
      </c>
      <c r="D113326" s="14" t="s">
        <v>328</v>
      </c>
      <c r="E113326" s="15">
        <v>45552</v>
      </c>
      <c r="F113326" s="14" t="s">
        <v>61</v>
      </c>
      <c r="G113326" s="16">
        <v>0</v>
      </c>
    </row>
    <row r="113327" spans="1:7" x14ac:dyDescent="0.3">
      <c r="A113327" s="13" t="s">
        <v>541</v>
      </c>
      <c r="B113327" s="14" t="s">
        <v>1</v>
      </c>
      <c r="C113327" s="14" t="s">
        <v>96</v>
      </c>
      <c r="D113327" s="14" t="s">
        <v>328</v>
      </c>
      <c r="E113327" s="15">
        <v>45553</v>
      </c>
      <c r="F113327" s="14" t="s">
        <v>61</v>
      </c>
      <c r="G113327" s="16">
        <v>0</v>
      </c>
    </row>
    <row r="113328" spans="1:7" x14ac:dyDescent="0.3">
      <c r="A113328" s="13" t="s">
        <v>541</v>
      </c>
      <c r="B113328" s="14" t="s">
        <v>1</v>
      </c>
      <c r="C113328" s="14" t="s">
        <v>96</v>
      </c>
      <c r="D113328" s="14" t="s">
        <v>328</v>
      </c>
      <c r="E113328" s="15">
        <v>45554</v>
      </c>
      <c r="F113328" s="14" t="s">
        <v>61</v>
      </c>
      <c r="G113328" s="16">
        <v>0</v>
      </c>
    </row>
    <row r="113329" spans="1:7" x14ac:dyDescent="0.3">
      <c r="A113329" s="13" t="s">
        <v>541</v>
      </c>
      <c r="B113329" s="14" t="s">
        <v>1</v>
      </c>
      <c r="C113329" s="14" t="s">
        <v>96</v>
      </c>
      <c r="D113329" s="14" t="s">
        <v>328</v>
      </c>
      <c r="E113329" s="15">
        <v>45555</v>
      </c>
      <c r="F113329" s="14" t="s">
        <v>61</v>
      </c>
      <c r="G113329" s="16">
        <v>0</v>
      </c>
    </row>
    <row r="113330" spans="1:7" x14ac:dyDescent="0.3">
      <c r="A113330" s="13" t="s">
        <v>541</v>
      </c>
      <c r="B113330" s="14" t="s">
        <v>1</v>
      </c>
      <c r="C113330" s="14" t="s">
        <v>96</v>
      </c>
      <c r="D113330" s="14" t="s">
        <v>328</v>
      </c>
      <c r="E113330" s="15">
        <v>45556</v>
      </c>
      <c r="F113330" s="14" t="s">
        <v>61</v>
      </c>
      <c r="G113330" s="16">
        <v>0</v>
      </c>
    </row>
    <row r="113331" spans="1:7" x14ac:dyDescent="0.3">
      <c r="A113331" s="13" t="s">
        <v>541</v>
      </c>
      <c r="B113331" s="14" t="s">
        <v>1</v>
      </c>
      <c r="C113331" s="14" t="s">
        <v>96</v>
      </c>
      <c r="D113331" s="14" t="s">
        <v>328</v>
      </c>
      <c r="E113331" s="15">
        <v>45557</v>
      </c>
      <c r="F113331" s="14" t="s">
        <v>61</v>
      </c>
      <c r="G113331" s="16">
        <v>0</v>
      </c>
    </row>
    <row r="113332" spans="1:7" x14ac:dyDescent="0.3">
      <c r="A113332" s="13" t="s">
        <v>541</v>
      </c>
      <c r="B113332" s="14" t="s">
        <v>1</v>
      </c>
      <c r="C113332" s="14" t="s">
        <v>96</v>
      </c>
      <c r="D113332" s="14" t="s">
        <v>328</v>
      </c>
      <c r="E113332" s="15">
        <v>45558</v>
      </c>
      <c r="F113332" s="14" t="s">
        <v>61</v>
      </c>
      <c r="G113332" s="16">
        <v>0</v>
      </c>
    </row>
    <row r="113333" spans="1:7" x14ac:dyDescent="0.3">
      <c r="A113333" s="13" t="s">
        <v>541</v>
      </c>
      <c r="B113333" s="14" t="s">
        <v>1</v>
      </c>
      <c r="C113333" s="14" t="s">
        <v>96</v>
      </c>
      <c r="D113333" s="14" t="s">
        <v>328</v>
      </c>
      <c r="E113333" s="15">
        <v>45559</v>
      </c>
      <c r="F113333" s="14" t="s">
        <v>61</v>
      </c>
      <c r="G113333" s="16">
        <v>0</v>
      </c>
    </row>
    <row r="113334" spans="1:7" x14ac:dyDescent="0.3">
      <c r="A113334" s="13" t="s">
        <v>541</v>
      </c>
      <c r="B113334" s="14" t="s">
        <v>1</v>
      </c>
      <c r="C113334" s="14" t="s">
        <v>96</v>
      </c>
      <c r="D113334" s="14" t="s">
        <v>328</v>
      </c>
      <c r="E113334" s="15">
        <v>45560</v>
      </c>
      <c r="F113334" s="14" t="s">
        <v>61</v>
      </c>
      <c r="G113334" s="16">
        <v>0</v>
      </c>
    </row>
    <row r="113335" spans="1:7" x14ac:dyDescent="0.3">
      <c r="A113335" s="13" t="s">
        <v>541</v>
      </c>
      <c r="B113335" s="14" t="s">
        <v>1</v>
      </c>
      <c r="C113335" s="14" t="s">
        <v>96</v>
      </c>
      <c r="D113335" s="14" t="s">
        <v>328</v>
      </c>
      <c r="E113335" s="15">
        <v>45561</v>
      </c>
      <c r="F113335" s="14" t="s">
        <v>61</v>
      </c>
      <c r="G113335" s="16">
        <v>0</v>
      </c>
    </row>
    <row r="113336" spans="1:7" x14ac:dyDescent="0.3">
      <c r="A113336" s="13" t="s">
        <v>541</v>
      </c>
      <c r="B113336" s="14" t="s">
        <v>1</v>
      </c>
      <c r="C113336" s="14" t="s">
        <v>96</v>
      </c>
      <c r="D113336" s="14" t="s">
        <v>328</v>
      </c>
      <c r="E113336" s="15">
        <v>45562</v>
      </c>
      <c r="F113336" s="14" t="s">
        <v>61</v>
      </c>
      <c r="G113336" s="16">
        <v>0</v>
      </c>
    </row>
    <row r="113337" spans="1:7" x14ac:dyDescent="0.3">
      <c r="A113337" s="13" t="s">
        <v>541</v>
      </c>
      <c r="B113337" s="14" t="s">
        <v>1</v>
      </c>
      <c r="C113337" s="14" t="s">
        <v>96</v>
      </c>
      <c r="D113337" s="14" t="s">
        <v>328</v>
      </c>
      <c r="E113337" s="15">
        <v>45563</v>
      </c>
      <c r="F113337" s="14" t="s">
        <v>61</v>
      </c>
      <c r="G113337" s="16">
        <v>0</v>
      </c>
    </row>
    <row r="113338" spans="1:7" x14ac:dyDescent="0.3">
      <c r="A113338" s="13" t="s">
        <v>541</v>
      </c>
      <c r="B113338" s="14" t="s">
        <v>1</v>
      </c>
      <c r="C113338" s="14" t="s">
        <v>96</v>
      </c>
      <c r="D113338" s="14" t="s">
        <v>328</v>
      </c>
      <c r="E113338" s="15">
        <v>45564</v>
      </c>
      <c r="F113338" s="14" t="s">
        <v>61</v>
      </c>
      <c r="G113338" s="16">
        <v>0</v>
      </c>
    </row>
    <row r="113339" spans="1:7" x14ac:dyDescent="0.3">
      <c r="A113339" s="13" t="s">
        <v>541</v>
      </c>
      <c r="B113339" s="14" t="s">
        <v>1</v>
      </c>
      <c r="C113339" s="14" t="s">
        <v>96</v>
      </c>
      <c r="D113339" s="14" t="s">
        <v>328</v>
      </c>
      <c r="E113339" s="15">
        <v>45565</v>
      </c>
      <c r="F113339" s="14" t="s">
        <v>61</v>
      </c>
      <c r="G113339" s="16">
        <v>0</v>
      </c>
    </row>
    <row r="113340" spans="1:7" x14ac:dyDescent="0.3">
      <c r="A113340" s="13" t="s">
        <v>541</v>
      </c>
      <c r="B113340" s="14" t="s">
        <v>1</v>
      </c>
      <c r="C113340" s="14" t="s">
        <v>96</v>
      </c>
      <c r="D113340" s="14" t="s">
        <v>328</v>
      </c>
      <c r="E113340" s="15">
        <v>45566</v>
      </c>
      <c r="F113340" s="14" t="s">
        <v>61</v>
      </c>
      <c r="G113340" s="16">
        <v>0</v>
      </c>
    </row>
    <row r="113341" spans="1:7" x14ac:dyDescent="0.3">
      <c r="A113341" s="13" t="s">
        <v>541</v>
      </c>
      <c r="B113341" s="14" t="s">
        <v>1</v>
      </c>
      <c r="C113341" s="14" t="s">
        <v>96</v>
      </c>
      <c r="D113341" s="14" t="s">
        <v>328</v>
      </c>
      <c r="E113341" s="15">
        <v>45567</v>
      </c>
      <c r="F113341" s="14" t="s">
        <v>61</v>
      </c>
      <c r="G113341" s="16">
        <v>0</v>
      </c>
    </row>
    <row r="113342" spans="1:7" x14ac:dyDescent="0.3">
      <c r="A113342" s="13" t="s">
        <v>541</v>
      </c>
      <c r="B113342" s="14" t="s">
        <v>1</v>
      </c>
      <c r="C113342" s="14" t="s">
        <v>96</v>
      </c>
      <c r="D113342" s="14" t="s">
        <v>328</v>
      </c>
      <c r="E113342" s="15">
        <v>45568</v>
      </c>
      <c r="F113342" s="14" t="s">
        <v>61</v>
      </c>
      <c r="G113342" s="16">
        <v>0</v>
      </c>
    </row>
    <row r="113343" spans="1:7" x14ac:dyDescent="0.3">
      <c r="A113343" s="13" t="s">
        <v>541</v>
      </c>
      <c r="B113343" s="14" t="s">
        <v>1</v>
      </c>
      <c r="C113343" s="14" t="s">
        <v>96</v>
      </c>
      <c r="D113343" s="14" t="s">
        <v>328</v>
      </c>
      <c r="E113343" s="15">
        <v>45569</v>
      </c>
      <c r="F113343" s="14" t="s">
        <v>61</v>
      </c>
      <c r="G113343" s="16">
        <v>0</v>
      </c>
    </row>
    <row r="113344" spans="1:7" x14ac:dyDescent="0.3">
      <c r="A113344" s="13" t="s">
        <v>541</v>
      </c>
      <c r="B113344" s="14" t="s">
        <v>1</v>
      </c>
      <c r="C113344" s="14" t="s">
        <v>96</v>
      </c>
      <c r="D113344" s="14" t="s">
        <v>328</v>
      </c>
      <c r="E113344" s="15">
        <v>45570</v>
      </c>
      <c r="F113344" s="14" t="s">
        <v>61</v>
      </c>
      <c r="G113344" s="16">
        <v>0</v>
      </c>
    </row>
    <row r="113345" spans="1:7" x14ac:dyDescent="0.3">
      <c r="A113345" s="13" t="s">
        <v>541</v>
      </c>
      <c r="B113345" s="14" t="s">
        <v>1</v>
      </c>
      <c r="C113345" s="14" t="s">
        <v>96</v>
      </c>
      <c r="D113345" s="14" t="s">
        <v>328</v>
      </c>
      <c r="E113345" s="15">
        <v>45571</v>
      </c>
      <c r="F113345" s="14" t="s">
        <v>61</v>
      </c>
      <c r="G113345" s="16">
        <v>0</v>
      </c>
    </row>
    <row r="113346" spans="1:7" x14ac:dyDescent="0.3">
      <c r="A113346" s="13" t="s">
        <v>541</v>
      </c>
      <c r="B113346" s="14" t="s">
        <v>1</v>
      </c>
      <c r="C113346" s="14" t="s">
        <v>96</v>
      </c>
      <c r="D113346" s="14" t="s">
        <v>328</v>
      </c>
      <c r="E113346" s="15">
        <v>45572</v>
      </c>
      <c r="F113346" s="14" t="s">
        <v>61</v>
      </c>
      <c r="G113346" s="16">
        <v>0</v>
      </c>
    </row>
    <row r="113347" spans="1:7" x14ac:dyDescent="0.3">
      <c r="A113347" s="13" t="s">
        <v>541</v>
      </c>
      <c r="B113347" s="14" t="s">
        <v>1</v>
      </c>
      <c r="C113347" s="14" t="s">
        <v>96</v>
      </c>
      <c r="D113347" s="14" t="s">
        <v>328</v>
      </c>
      <c r="E113347" s="15">
        <v>45573</v>
      </c>
      <c r="F113347" s="14" t="s">
        <v>61</v>
      </c>
      <c r="G113347" s="16">
        <v>0</v>
      </c>
    </row>
    <row r="113348" spans="1:7" x14ac:dyDescent="0.3">
      <c r="A113348" s="13" t="s">
        <v>541</v>
      </c>
      <c r="B113348" s="14" t="s">
        <v>1</v>
      </c>
      <c r="C113348" s="14" t="s">
        <v>96</v>
      </c>
      <c r="D113348" s="14" t="s">
        <v>328</v>
      </c>
      <c r="E113348" s="15">
        <v>45574</v>
      </c>
      <c r="F113348" s="14" t="s">
        <v>61</v>
      </c>
      <c r="G113348" s="16">
        <v>0</v>
      </c>
    </row>
    <row r="113349" spans="1:7" x14ac:dyDescent="0.3">
      <c r="A113349" s="13" t="s">
        <v>541</v>
      </c>
      <c r="B113349" s="14" t="s">
        <v>1</v>
      </c>
      <c r="C113349" s="14" t="s">
        <v>96</v>
      </c>
      <c r="D113349" s="14" t="s">
        <v>328</v>
      </c>
      <c r="E113349" s="15">
        <v>45575</v>
      </c>
      <c r="F113349" s="14" t="s">
        <v>61</v>
      </c>
      <c r="G113349" s="16">
        <v>0</v>
      </c>
    </row>
    <row r="113350" spans="1:7" x14ac:dyDescent="0.3">
      <c r="A113350" s="13" t="s">
        <v>541</v>
      </c>
      <c r="B113350" s="14" t="s">
        <v>1</v>
      </c>
      <c r="C113350" s="14" t="s">
        <v>96</v>
      </c>
      <c r="D113350" s="14" t="s">
        <v>328</v>
      </c>
      <c r="E113350" s="15">
        <v>45576</v>
      </c>
      <c r="F113350" s="14" t="s">
        <v>61</v>
      </c>
      <c r="G113350" s="16">
        <v>0</v>
      </c>
    </row>
    <row r="113351" spans="1:7" x14ac:dyDescent="0.3">
      <c r="A113351" s="13" t="s">
        <v>541</v>
      </c>
      <c r="B113351" s="14" t="s">
        <v>1</v>
      </c>
      <c r="C113351" s="14" t="s">
        <v>96</v>
      </c>
      <c r="D113351" s="14" t="s">
        <v>328</v>
      </c>
      <c r="E113351" s="15">
        <v>45577</v>
      </c>
      <c r="F113351" s="14" t="s">
        <v>61</v>
      </c>
      <c r="G113351" s="16">
        <v>0</v>
      </c>
    </row>
    <row r="113352" spans="1:7" x14ac:dyDescent="0.3">
      <c r="A113352" s="13" t="s">
        <v>541</v>
      </c>
      <c r="B113352" s="14" t="s">
        <v>1</v>
      </c>
      <c r="C113352" s="14" t="s">
        <v>96</v>
      </c>
      <c r="D113352" s="14" t="s">
        <v>328</v>
      </c>
      <c r="E113352" s="15">
        <v>45578</v>
      </c>
      <c r="F113352" s="14" t="s">
        <v>61</v>
      </c>
      <c r="G113352" s="16">
        <v>0</v>
      </c>
    </row>
    <row r="113353" spans="1:7" x14ac:dyDescent="0.3">
      <c r="A113353" s="13" t="s">
        <v>541</v>
      </c>
      <c r="B113353" s="14" t="s">
        <v>1</v>
      </c>
      <c r="C113353" s="14" t="s">
        <v>96</v>
      </c>
      <c r="D113353" s="14" t="s">
        <v>328</v>
      </c>
      <c r="E113353" s="15">
        <v>45579</v>
      </c>
      <c r="F113353" s="14" t="s">
        <v>61</v>
      </c>
      <c r="G113353" s="16">
        <v>0</v>
      </c>
    </row>
    <row r="113354" spans="1:7" x14ac:dyDescent="0.3">
      <c r="A113354" s="13" t="s">
        <v>541</v>
      </c>
      <c r="B113354" s="14" t="s">
        <v>1</v>
      </c>
      <c r="C113354" s="14" t="s">
        <v>96</v>
      </c>
      <c r="D113354" s="14" t="s">
        <v>328</v>
      </c>
      <c r="E113354" s="15">
        <v>45580</v>
      </c>
      <c r="F113354" s="14" t="s">
        <v>61</v>
      </c>
      <c r="G113354" s="16">
        <v>0</v>
      </c>
    </row>
    <row r="113355" spans="1:7" x14ac:dyDescent="0.3">
      <c r="A113355" s="13" t="s">
        <v>541</v>
      </c>
      <c r="B113355" s="14" t="s">
        <v>1</v>
      </c>
      <c r="C113355" s="14" t="s">
        <v>96</v>
      </c>
      <c r="D113355" s="14" t="s">
        <v>328</v>
      </c>
      <c r="E113355" s="15">
        <v>45581</v>
      </c>
      <c r="F113355" s="14" t="s">
        <v>61</v>
      </c>
      <c r="G113355" s="16">
        <v>0</v>
      </c>
    </row>
    <row r="113356" spans="1:7" x14ac:dyDescent="0.3">
      <c r="A113356" s="13" t="s">
        <v>541</v>
      </c>
      <c r="B113356" s="14" t="s">
        <v>1</v>
      </c>
      <c r="C113356" s="14" t="s">
        <v>96</v>
      </c>
      <c r="D113356" s="14" t="s">
        <v>328</v>
      </c>
      <c r="E113356" s="15">
        <v>45582</v>
      </c>
      <c r="F113356" s="14" t="s">
        <v>61</v>
      </c>
      <c r="G113356" s="16">
        <v>0</v>
      </c>
    </row>
    <row r="113357" spans="1:7" x14ac:dyDescent="0.3">
      <c r="A113357" s="13" t="s">
        <v>541</v>
      </c>
      <c r="B113357" s="14" t="s">
        <v>1</v>
      </c>
      <c r="C113357" s="14" t="s">
        <v>96</v>
      </c>
      <c r="D113357" s="14" t="s">
        <v>328</v>
      </c>
      <c r="E113357" s="15">
        <v>45583</v>
      </c>
      <c r="F113357" s="14" t="s">
        <v>61</v>
      </c>
      <c r="G113357" s="16">
        <v>0</v>
      </c>
    </row>
    <row r="113358" spans="1:7" x14ac:dyDescent="0.3">
      <c r="A113358" s="13" t="s">
        <v>541</v>
      </c>
      <c r="B113358" s="14" t="s">
        <v>1</v>
      </c>
      <c r="C113358" s="14" t="s">
        <v>96</v>
      </c>
      <c r="D113358" s="14" t="s">
        <v>328</v>
      </c>
      <c r="E113358" s="15">
        <v>45584</v>
      </c>
      <c r="F113358" s="14" t="s">
        <v>61</v>
      </c>
      <c r="G113358" s="16">
        <v>0</v>
      </c>
    </row>
    <row r="113359" spans="1:7" x14ac:dyDescent="0.3">
      <c r="A113359" s="13" t="s">
        <v>541</v>
      </c>
      <c r="B113359" s="14" t="s">
        <v>1</v>
      </c>
      <c r="C113359" s="14" t="s">
        <v>96</v>
      </c>
      <c r="D113359" s="14" t="s">
        <v>328</v>
      </c>
      <c r="E113359" s="15">
        <v>45585</v>
      </c>
      <c r="F113359" s="14" t="s">
        <v>61</v>
      </c>
      <c r="G113359" s="16">
        <v>0</v>
      </c>
    </row>
    <row r="113360" spans="1:7" x14ac:dyDescent="0.3">
      <c r="A113360" s="13" t="s">
        <v>541</v>
      </c>
      <c r="B113360" s="14" t="s">
        <v>1</v>
      </c>
      <c r="C113360" s="14" t="s">
        <v>96</v>
      </c>
      <c r="D113360" s="14" t="s">
        <v>328</v>
      </c>
      <c r="E113360" s="15">
        <v>45586</v>
      </c>
      <c r="F113360" s="14" t="s">
        <v>61</v>
      </c>
      <c r="G113360" s="16">
        <v>0</v>
      </c>
    </row>
    <row r="113361" spans="1:7" x14ac:dyDescent="0.3">
      <c r="A113361" s="13" t="s">
        <v>541</v>
      </c>
      <c r="B113361" s="14" t="s">
        <v>1</v>
      </c>
      <c r="C113361" s="14" t="s">
        <v>96</v>
      </c>
      <c r="D113361" s="14" t="s">
        <v>328</v>
      </c>
      <c r="E113361" s="15">
        <v>45587</v>
      </c>
      <c r="F113361" s="14" t="s">
        <v>61</v>
      </c>
      <c r="G113361" s="16">
        <v>0</v>
      </c>
    </row>
    <row r="113362" spans="1:7" x14ac:dyDescent="0.3">
      <c r="A113362" s="13" t="s">
        <v>541</v>
      </c>
      <c r="B113362" s="14" t="s">
        <v>1</v>
      </c>
      <c r="C113362" s="14" t="s">
        <v>96</v>
      </c>
      <c r="D113362" s="14" t="s">
        <v>328</v>
      </c>
      <c r="E113362" s="15">
        <v>45588</v>
      </c>
      <c r="F113362" s="14" t="s">
        <v>61</v>
      </c>
      <c r="G113362" s="16">
        <v>0</v>
      </c>
    </row>
    <row r="113363" spans="1:7" x14ac:dyDescent="0.3">
      <c r="A113363" s="13" t="s">
        <v>541</v>
      </c>
      <c r="B113363" s="14" t="s">
        <v>1</v>
      </c>
      <c r="C113363" s="14" t="s">
        <v>96</v>
      </c>
      <c r="D113363" s="14" t="s">
        <v>328</v>
      </c>
      <c r="E113363" s="15">
        <v>45589</v>
      </c>
      <c r="F113363" s="14" t="s">
        <v>61</v>
      </c>
      <c r="G113363" s="16">
        <v>0</v>
      </c>
    </row>
    <row r="113364" spans="1:7" x14ac:dyDescent="0.3">
      <c r="A113364" s="13" t="s">
        <v>541</v>
      </c>
      <c r="B113364" s="14" t="s">
        <v>1</v>
      </c>
      <c r="C113364" s="14" t="s">
        <v>96</v>
      </c>
      <c r="D113364" s="14" t="s">
        <v>328</v>
      </c>
      <c r="E113364" s="15">
        <v>45590</v>
      </c>
      <c r="F113364" s="14" t="s">
        <v>61</v>
      </c>
      <c r="G113364" s="16">
        <v>0</v>
      </c>
    </row>
    <row r="113365" spans="1:7" x14ac:dyDescent="0.3">
      <c r="A113365" s="13" t="s">
        <v>541</v>
      </c>
      <c r="B113365" s="14" t="s">
        <v>1</v>
      </c>
      <c r="C113365" s="14" t="s">
        <v>96</v>
      </c>
      <c r="D113365" s="14" t="s">
        <v>328</v>
      </c>
      <c r="E113365" s="15">
        <v>45591</v>
      </c>
      <c r="F113365" s="14" t="s">
        <v>61</v>
      </c>
      <c r="G113365" s="16">
        <v>0</v>
      </c>
    </row>
    <row r="113366" spans="1:7" x14ac:dyDescent="0.3">
      <c r="A113366" s="13" t="s">
        <v>541</v>
      </c>
      <c r="B113366" s="14" t="s">
        <v>1</v>
      </c>
      <c r="C113366" s="14" t="s">
        <v>96</v>
      </c>
      <c r="D113366" s="14" t="s">
        <v>328</v>
      </c>
      <c r="E113366" s="15">
        <v>45592</v>
      </c>
      <c r="F113366" s="14" t="s">
        <v>61</v>
      </c>
      <c r="G113366" s="16">
        <v>0</v>
      </c>
    </row>
    <row r="113367" spans="1:7" x14ac:dyDescent="0.3">
      <c r="A113367" s="13" t="s">
        <v>541</v>
      </c>
      <c r="B113367" s="14" t="s">
        <v>1</v>
      </c>
      <c r="C113367" s="14" t="s">
        <v>96</v>
      </c>
      <c r="D113367" s="14" t="s">
        <v>328</v>
      </c>
      <c r="E113367" s="15">
        <v>45593</v>
      </c>
      <c r="F113367" s="14" t="s">
        <v>61</v>
      </c>
      <c r="G113367" s="16">
        <v>0</v>
      </c>
    </row>
    <row r="113368" spans="1:7" x14ac:dyDescent="0.3">
      <c r="A113368" s="13" t="s">
        <v>541</v>
      </c>
      <c r="B113368" s="14" t="s">
        <v>1</v>
      </c>
      <c r="C113368" s="14" t="s">
        <v>96</v>
      </c>
      <c r="D113368" s="14" t="s">
        <v>328</v>
      </c>
      <c r="E113368" s="15">
        <v>45594</v>
      </c>
      <c r="F113368" s="14" t="s">
        <v>61</v>
      </c>
      <c r="G113368" s="16">
        <v>0</v>
      </c>
    </row>
    <row r="113369" spans="1:7" x14ac:dyDescent="0.3">
      <c r="A113369" s="13" t="s">
        <v>541</v>
      </c>
      <c r="B113369" s="14" t="s">
        <v>1</v>
      </c>
      <c r="C113369" s="14" t="s">
        <v>96</v>
      </c>
      <c r="D113369" s="14" t="s">
        <v>328</v>
      </c>
      <c r="E113369" s="15">
        <v>45595</v>
      </c>
      <c r="F113369" s="14" t="s">
        <v>61</v>
      </c>
      <c r="G113369" s="16">
        <v>0</v>
      </c>
    </row>
    <row r="113370" spans="1:7" x14ac:dyDescent="0.3">
      <c r="A113370" s="13" t="s">
        <v>541</v>
      </c>
      <c r="B113370" s="14" t="s">
        <v>1</v>
      </c>
      <c r="C113370" s="14" t="s">
        <v>96</v>
      </c>
      <c r="D113370" s="14" t="s">
        <v>328</v>
      </c>
      <c r="E113370" s="15">
        <v>45596</v>
      </c>
      <c r="F113370" s="14" t="s">
        <v>61</v>
      </c>
      <c r="G113370" s="16">
        <v>0</v>
      </c>
    </row>
    <row r="113371" spans="1:7" x14ac:dyDescent="0.3">
      <c r="A113371" s="13" t="s">
        <v>541</v>
      </c>
      <c r="B113371" s="14" t="s">
        <v>1</v>
      </c>
      <c r="C113371" s="14" t="s">
        <v>96</v>
      </c>
      <c r="D113371" s="14" t="s">
        <v>328</v>
      </c>
      <c r="E113371" s="15">
        <v>45597</v>
      </c>
      <c r="F113371" s="14" t="s">
        <v>61</v>
      </c>
      <c r="G113371" s="16">
        <v>0</v>
      </c>
    </row>
    <row r="113372" spans="1:7" x14ac:dyDescent="0.3">
      <c r="A113372" s="13" t="s">
        <v>541</v>
      </c>
      <c r="B113372" s="14" t="s">
        <v>1</v>
      </c>
      <c r="C113372" s="14" t="s">
        <v>96</v>
      </c>
      <c r="D113372" s="14" t="s">
        <v>328</v>
      </c>
      <c r="E113372" s="15">
        <v>45598</v>
      </c>
      <c r="F113372" s="14" t="s">
        <v>61</v>
      </c>
      <c r="G113372" s="16">
        <v>0</v>
      </c>
    </row>
    <row r="113373" spans="1:7" x14ac:dyDescent="0.3">
      <c r="A113373" s="13" t="s">
        <v>541</v>
      </c>
      <c r="B113373" s="14" t="s">
        <v>1</v>
      </c>
      <c r="C113373" s="14" t="s">
        <v>96</v>
      </c>
      <c r="D113373" s="14" t="s">
        <v>328</v>
      </c>
      <c r="E113373" s="15">
        <v>45599</v>
      </c>
      <c r="F113373" s="14" t="s">
        <v>61</v>
      </c>
      <c r="G113373" s="16">
        <v>0</v>
      </c>
    </row>
    <row r="113374" spans="1:7" x14ac:dyDescent="0.3">
      <c r="A113374" s="13" t="s">
        <v>541</v>
      </c>
      <c r="B113374" s="14" t="s">
        <v>1</v>
      </c>
      <c r="C113374" s="14" t="s">
        <v>96</v>
      </c>
      <c r="D113374" s="14" t="s">
        <v>328</v>
      </c>
      <c r="E113374" s="15">
        <v>45600</v>
      </c>
      <c r="F113374" s="14" t="s">
        <v>61</v>
      </c>
      <c r="G113374" s="16">
        <v>0</v>
      </c>
    </row>
    <row r="113375" spans="1:7" x14ac:dyDescent="0.3">
      <c r="A113375" s="13" t="s">
        <v>541</v>
      </c>
      <c r="B113375" s="14" t="s">
        <v>1</v>
      </c>
      <c r="C113375" s="14" t="s">
        <v>96</v>
      </c>
      <c r="D113375" s="14" t="s">
        <v>328</v>
      </c>
      <c r="E113375" s="15">
        <v>45601</v>
      </c>
      <c r="F113375" s="14" t="s">
        <v>61</v>
      </c>
      <c r="G113375" s="16">
        <v>0</v>
      </c>
    </row>
    <row r="113376" spans="1:7" x14ac:dyDescent="0.3">
      <c r="A113376" s="13" t="s">
        <v>541</v>
      </c>
      <c r="B113376" s="14" t="s">
        <v>1</v>
      </c>
      <c r="C113376" s="14" t="s">
        <v>96</v>
      </c>
      <c r="D113376" s="14" t="s">
        <v>328</v>
      </c>
      <c r="E113376" s="15">
        <v>45602</v>
      </c>
      <c r="F113376" s="14" t="s">
        <v>61</v>
      </c>
      <c r="G113376" s="16">
        <v>0</v>
      </c>
    </row>
    <row r="113377" spans="1:7" x14ac:dyDescent="0.3">
      <c r="A113377" s="13" t="s">
        <v>541</v>
      </c>
      <c r="B113377" s="14" t="s">
        <v>1</v>
      </c>
      <c r="C113377" s="14" t="s">
        <v>96</v>
      </c>
      <c r="D113377" s="14" t="s">
        <v>328</v>
      </c>
      <c r="E113377" s="15">
        <v>45603</v>
      </c>
      <c r="F113377" s="14" t="s">
        <v>61</v>
      </c>
      <c r="G113377" s="16">
        <v>0</v>
      </c>
    </row>
    <row r="113378" spans="1:7" x14ac:dyDescent="0.3">
      <c r="A113378" s="13" t="s">
        <v>541</v>
      </c>
      <c r="B113378" s="14" t="s">
        <v>1</v>
      </c>
      <c r="C113378" s="14" t="s">
        <v>96</v>
      </c>
      <c r="D113378" s="14" t="s">
        <v>328</v>
      </c>
      <c r="E113378" s="15">
        <v>45604</v>
      </c>
      <c r="F113378" s="14" t="s">
        <v>61</v>
      </c>
      <c r="G113378" s="16">
        <v>0</v>
      </c>
    </row>
    <row r="113379" spans="1:7" x14ac:dyDescent="0.3">
      <c r="A113379" s="13" t="s">
        <v>541</v>
      </c>
      <c r="B113379" s="14" t="s">
        <v>1</v>
      </c>
      <c r="C113379" s="14" t="s">
        <v>96</v>
      </c>
      <c r="D113379" s="14" t="s">
        <v>328</v>
      </c>
      <c r="E113379" s="15">
        <v>45605</v>
      </c>
      <c r="F113379" s="14" t="s">
        <v>61</v>
      </c>
      <c r="G113379" s="16">
        <v>0</v>
      </c>
    </row>
    <row r="113380" spans="1:7" x14ac:dyDescent="0.3">
      <c r="A113380" s="13" t="s">
        <v>541</v>
      </c>
      <c r="B113380" s="14" t="s">
        <v>1</v>
      </c>
      <c r="C113380" s="14" t="s">
        <v>96</v>
      </c>
      <c r="D113380" s="14" t="s">
        <v>328</v>
      </c>
      <c r="E113380" s="15">
        <v>45606</v>
      </c>
      <c r="F113380" s="14" t="s">
        <v>61</v>
      </c>
      <c r="G113380" s="16">
        <v>0</v>
      </c>
    </row>
    <row r="113381" spans="1:7" x14ac:dyDescent="0.3">
      <c r="A113381" s="13" t="s">
        <v>541</v>
      </c>
      <c r="B113381" s="14" t="s">
        <v>1</v>
      </c>
      <c r="C113381" s="14" t="s">
        <v>96</v>
      </c>
      <c r="D113381" s="14" t="s">
        <v>328</v>
      </c>
      <c r="E113381" s="15">
        <v>45607</v>
      </c>
      <c r="F113381" s="14" t="s">
        <v>61</v>
      </c>
      <c r="G113381" s="16">
        <v>0</v>
      </c>
    </row>
    <row r="113382" spans="1:7" x14ac:dyDescent="0.3">
      <c r="A113382" s="13" t="s">
        <v>541</v>
      </c>
      <c r="B113382" s="14" t="s">
        <v>1</v>
      </c>
      <c r="C113382" s="14" t="s">
        <v>96</v>
      </c>
      <c r="D113382" s="14" t="s">
        <v>328</v>
      </c>
      <c r="E113382" s="15">
        <v>45608</v>
      </c>
      <c r="F113382" s="14" t="s">
        <v>61</v>
      </c>
      <c r="G113382" s="16">
        <v>0</v>
      </c>
    </row>
    <row r="113383" spans="1:7" x14ac:dyDescent="0.3">
      <c r="A113383" s="13" t="s">
        <v>541</v>
      </c>
      <c r="B113383" s="14" t="s">
        <v>1</v>
      </c>
      <c r="C113383" s="14" t="s">
        <v>96</v>
      </c>
      <c r="D113383" s="14" t="s">
        <v>328</v>
      </c>
      <c r="E113383" s="15">
        <v>45609</v>
      </c>
      <c r="F113383" s="14" t="s">
        <v>61</v>
      </c>
      <c r="G113383" s="16">
        <v>0</v>
      </c>
    </row>
    <row r="113384" spans="1:7" x14ac:dyDescent="0.3">
      <c r="A113384" s="13" t="s">
        <v>541</v>
      </c>
      <c r="B113384" s="14" t="s">
        <v>1</v>
      </c>
      <c r="C113384" s="14" t="s">
        <v>96</v>
      </c>
      <c r="D113384" s="14" t="s">
        <v>328</v>
      </c>
      <c r="E113384" s="15">
        <v>45610</v>
      </c>
      <c r="F113384" s="14" t="s">
        <v>61</v>
      </c>
      <c r="G113384" s="16">
        <v>0</v>
      </c>
    </row>
    <row r="113385" spans="1:7" x14ac:dyDescent="0.3">
      <c r="A113385" s="13" t="s">
        <v>541</v>
      </c>
      <c r="B113385" s="14" t="s">
        <v>1</v>
      </c>
      <c r="C113385" s="14" t="s">
        <v>96</v>
      </c>
      <c r="D113385" s="14" t="s">
        <v>328</v>
      </c>
      <c r="E113385" s="15">
        <v>45611</v>
      </c>
      <c r="F113385" s="14" t="s">
        <v>61</v>
      </c>
      <c r="G113385" s="16">
        <v>0</v>
      </c>
    </row>
    <row r="113386" spans="1:7" x14ac:dyDescent="0.3">
      <c r="A113386" s="13" t="s">
        <v>541</v>
      </c>
      <c r="B113386" s="14" t="s">
        <v>1</v>
      </c>
      <c r="C113386" s="14" t="s">
        <v>96</v>
      </c>
      <c r="D113386" s="14" t="s">
        <v>328</v>
      </c>
      <c r="E113386" s="15">
        <v>45612</v>
      </c>
      <c r="F113386" s="14" t="s">
        <v>61</v>
      </c>
      <c r="G113386" s="16">
        <v>0</v>
      </c>
    </row>
    <row r="113387" spans="1:7" x14ac:dyDescent="0.3">
      <c r="A113387" s="13" t="s">
        <v>541</v>
      </c>
      <c r="B113387" s="14" t="s">
        <v>1</v>
      </c>
      <c r="C113387" s="14" t="s">
        <v>96</v>
      </c>
      <c r="D113387" s="14" t="s">
        <v>328</v>
      </c>
      <c r="E113387" s="15">
        <v>45613</v>
      </c>
      <c r="F113387" s="14" t="s">
        <v>61</v>
      </c>
      <c r="G113387" s="16">
        <v>0</v>
      </c>
    </row>
    <row r="113388" spans="1:7" x14ac:dyDescent="0.3">
      <c r="A113388" s="13" t="s">
        <v>541</v>
      </c>
      <c r="B113388" s="14" t="s">
        <v>1</v>
      </c>
      <c r="C113388" s="14" t="s">
        <v>96</v>
      </c>
      <c r="D113388" s="14" t="s">
        <v>328</v>
      </c>
      <c r="E113388" s="15">
        <v>45614</v>
      </c>
      <c r="F113388" s="14" t="s">
        <v>61</v>
      </c>
      <c r="G113388" s="16">
        <v>0</v>
      </c>
    </row>
    <row r="113389" spans="1:7" x14ac:dyDescent="0.3">
      <c r="A113389" s="13" t="s">
        <v>541</v>
      </c>
      <c r="B113389" s="14" t="s">
        <v>1</v>
      </c>
      <c r="C113389" s="14" t="s">
        <v>96</v>
      </c>
      <c r="D113389" s="14" t="s">
        <v>328</v>
      </c>
      <c r="E113389" s="15">
        <v>45615</v>
      </c>
      <c r="F113389" s="14" t="s">
        <v>61</v>
      </c>
      <c r="G113389" s="16">
        <v>0</v>
      </c>
    </row>
    <row r="113390" spans="1:7" x14ac:dyDescent="0.3">
      <c r="A113390" s="13" t="s">
        <v>541</v>
      </c>
      <c r="B113390" s="14" t="s">
        <v>1</v>
      </c>
      <c r="C113390" s="14" t="s">
        <v>96</v>
      </c>
      <c r="D113390" s="14" t="s">
        <v>328</v>
      </c>
      <c r="E113390" s="15">
        <v>45616</v>
      </c>
      <c r="F113390" s="14" t="s">
        <v>61</v>
      </c>
      <c r="G113390" s="16">
        <v>0</v>
      </c>
    </row>
    <row r="113391" spans="1:7" x14ac:dyDescent="0.3">
      <c r="A113391" s="13" t="s">
        <v>541</v>
      </c>
      <c r="B113391" s="14" t="s">
        <v>1</v>
      </c>
      <c r="C113391" s="14" t="s">
        <v>96</v>
      </c>
      <c r="D113391" s="14" t="s">
        <v>328</v>
      </c>
      <c r="E113391" s="15">
        <v>45617</v>
      </c>
      <c r="F113391" s="14" t="s">
        <v>61</v>
      </c>
      <c r="G113391" s="16">
        <v>0</v>
      </c>
    </row>
    <row r="113392" spans="1:7" x14ac:dyDescent="0.3">
      <c r="A113392" s="13" t="s">
        <v>541</v>
      </c>
      <c r="B113392" s="14" t="s">
        <v>1</v>
      </c>
      <c r="C113392" s="14" t="s">
        <v>96</v>
      </c>
      <c r="D113392" s="14" t="s">
        <v>328</v>
      </c>
      <c r="E113392" s="15">
        <v>45618</v>
      </c>
      <c r="F113392" s="14" t="s">
        <v>61</v>
      </c>
      <c r="G113392" s="16">
        <v>0</v>
      </c>
    </row>
    <row r="113393" spans="1:7" x14ac:dyDescent="0.3">
      <c r="A113393" s="13" t="s">
        <v>541</v>
      </c>
      <c r="B113393" s="14" t="s">
        <v>1</v>
      </c>
      <c r="C113393" s="14" t="s">
        <v>96</v>
      </c>
      <c r="D113393" s="14" t="s">
        <v>328</v>
      </c>
      <c r="E113393" s="15">
        <v>45619</v>
      </c>
      <c r="F113393" s="14" t="s">
        <v>61</v>
      </c>
      <c r="G113393" s="16">
        <v>0</v>
      </c>
    </row>
    <row r="113394" spans="1:7" x14ac:dyDescent="0.3">
      <c r="A113394" s="13" t="s">
        <v>541</v>
      </c>
      <c r="B113394" s="14" t="s">
        <v>1</v>
      </c>
      <c r="C113394" s="14" t="s">
        <v>96</v>
      </c>
      <c r="D113394" s="14" t="s">
        <v>328</v>
      </c>
      <c r="E113394" s="15">
        <v>45620</v>
      </c>
      <c r="F113394" s="14" t="s">
        <v>61</v>
      </c>
      <c r="G113394" s="16">
        <v>0</v>
      </c>
    </row>
    <row r="113395" spans="1:7" x14ac:dyDescent="0.3">
      <c r="A113395" s="13" t="s">
        <v>541</v>
      </c>
      <c r="B113395" s="14" t="s">
        <v>1</v>
      </c>
      <c r="C113395" s="14" t="s">
        <v>96</v>
      </c>
      <c r="D113395" s="14" t="s">
        <v>328</v>
      </c>
      <c r="E113395" s="15">
        <v>45621</v>
      </c>
      <c r="F113395" s="14" t="s">
        <v>61</v>
      </c>
      <c r="G113395" s="16">
        <v>0</v>
      </c>
    </row>
    <row r="113396" spans="1:7" x14ac:dyDescent="0.3">
      <c r="A113396" s="13" t="s">
        <v>541</v>
      </c>
      <c r="B113396" s="14" t="s">
        <v>1</v>
      </c>
      <c r="C113396" s="14" t="s">
        <v>96</v>
      </c>
      <c r="D113396" s="14" t="s">
        <v>328</v>
      </c>
      <c r="E113396" s="15">
        <v>45622</v>
      </c>
      <c r="F113396" s="14" t="s">
        <v>61</v>
      </c>
      <c r="G113396" s="16">
        <v>0</v>
      </c>
    </row>
    <row r="113397" spans="1:7" x14ac:dyDescent="0.3">
      <c r="A113397" s="13" t="s">
        <v>541</v>
      </c>
      <c r="B113397" s="14" t="s">
        <v>1</v>
      </c>
      <c r="C113397" s="14" t="s">
        <v>96</v>
      </c>
      <c r="D113397" s="14" t="s">
        <v>328</v>
      </c>
      <c r="E113397" s="15">
        <v>45623</v>
      </c>
      <c r="F113397" s="14" t="s">
        <v>61</v>
      </c>
      <c r="G113397" s="16">
        <v>0</v>
      </c>
    </row>
    <row r="113398" spans="1:7" x14ac:dyDescent="0.3">
      <c r="A113398" s="13" t="s">
        <v>541</v>
      </c>
      <c r="B113398" s="14" t="s">
        <v>1</v>
      </c>
      <c r="C113398" s="14" t="s">
        <v>96</v>
      </c>
      <c r="D113398" s="14" t="s">
        <v>328</v>
      </c>
      <c r="E113398" s="15">
        <v>45624</v>
      </c>
      <c r="F113398" s="14" t="s">
        <v>61</v>
      </c>
      <c r="G113398" s="16">
        <v>0</v>
      </c>
    </row>
    <row r="113399" spans="1:7" x14ac:dyDescent="0.3">
      <c r="A113399" s="13" t="s">
        <v>541</v>
      </c>
      <c r="B113399" s="14" t="s">
        <v>1</v>
      </c>
      <c r="C113399" s="14" t="s">
        <v>96</v>
      </c>
      <c r="D113399" s="14" t="s">
        <v>328</v>
      </c>
      <c r="E113399" s="15">
        <v>45625</v>
      </c>
      <c r="F113399" s="14" t="s">
        <v>61</v>
      </c>
      <c r="G113399" s="16">
        <v>0</v>
      </c>
    </row>
    <row r="113400" spans="1:7" x14ac:dyDescent="0.3">
      <c r="A113400" s="13" t="s">
        <v>541</v>
      </c>
      <c r="B113400" s="14" t="s">
        <v>1</v>
      </c>
      <c r="C113400" s="14" t="s">
        <v>96</v>
      </c>
      <c r="D113400" s="14" t="s">
        <v>328</v>
      </c>
      <c r="E113400" s="15">
        <v>45626</v>
      </c>
      <c r="F113400" s="14" t="s">
        <v>61</v>
      </c>
      <c r="G113400" s="16">
        <v>0</v>
      </c>
    </row>
    <row r="113401" spans="1:7" x14ac:dyDescent="0.3">
      <c r="A113401" s="13" t="s">
        <v>541</v>
      </c>
      <c r="B113401" s="14" t="s">
        <v>1</v>
      </c>
      <c r="C113401" s="14" t="s">
        <v>96</v>
      </c>
      <c r="D113401" s="14" t="s">
        <v>328</v>
      </c>
      <c r="E113401" s="15">
        <v>45627</v>
      </c>
      <c r="F113401" s="14" t="s">
        <v>61</v>
      </c>
      <c r="G113401" s="16">
        <v>0</v>
      </c>
    </row>
    <row r="113402" spans="1:7" x14ac:dyDescent="0.3">
      <c r="A113402" s="13" t="s">
        <v>541</v>
      </c>
      <c r="B113402" s="14" t="s">
        <v>1</v>
      </c>
      <c r="C113402" s="14" t="s">
        <v>96</v>
      </c>
      <c r="D113402" s="14" t="s">
        <v>328</v>
      </c>
      <c r="E113402" s="15">
        <v>45628</v>
      </c>
      <c r="F113402" s="14" t="s">
        <v>61</v>
      </c>
      <c r="G113402" s="16">
        <v>0</v>
      </c>
    </row>
    <row r="113403" spans="1:7" x14ac:dyDescent="0.3">
      <c r="A113403" s="13" t="s">
        <v>541</v>
      </c>
      <c r="B113403" s="14" t="s">
        <v>1</v>
      </c>
      <c r="C113403" s="14" t="s">
        <v>96</v>
      </c>
      <c r="D113403" s="14" t="s">
        <v>328</v>
      </c>
      <c r="E113403" s="15">
        <v>45629</v>
      </c>
      <c r="F113403" s="14" t="s">
        <v>61</v>
      </c>
      <c r="G113403" s="16">
        <v>0</v>
      </c>
    </row>
    <row r="113404" spans="1:7" x14ac:dyDescent="0.3">
      <c r="A113404" s="13" t="s">
        <v>541</v>
      </c>
      <c r="B113404" s="14" t="s">
        <v>1</v>
      </c>
      <c r="C113404" s="14" t="s">
        <v>96</v>
      </c>
      <c r="D113404" s="14" t="s">
        <v>328</v>
      </c>
      <c r="E113404" s="15">
        <v>45630</v>
      </c>
      <c r="F113404" s="14" t="s">
        <v>61</v>
      </c>
      <c r="G113404" s="16">
        <v>0</v>
      </c>
    </row>
    <row r="113405" spans="1:7" x14ac:dyDescent="0.3">
      <c r="A113405" s="13" t="s">
        <v>541</v>
      </c>
      <c r="B113405" s="14" t="s">
        <v>1</v>
      </c>
      <c r="C113405" s="14" t="s">
        <v>96</v>
      </c>
      <c r="D113405" s="14" t="s">
        <v>328</v>
      </c>
      <c r="E113405" s="15">
        <v>45631</v>
      </c>
      <c r="F113405" s="14" t="s">
        <v>61</v>
      </c>
      <c r="G113405" s="16">
        <v>0</v>
      </c>
    </row>
    <row r="113406" spans="1:7" x14ac:dyDescent="0.3">
      <c r="A113406" s="13" t="s">
        <v>541</v>
      </c>
      <c r="B113406" s="14" t="s">
        <v>1</v>
      </c>
      <c r="C113406" s="14" t="s">
        <v>96</v>
      </c>
      <c r="D113406" s="14" t="s">
        <v>328</v>
      </c>
      <c r="E113406" s="15">
        <v>45632</v>
      </c>
      <c r="F113406" s="14" t="s">
        <v>61</v>
      </c>
      <c r="G113406" s="16">
        <v>0</v>
      </c>
    </row>
    <row r="113407" spans="1:7" x14ac:dyDescent="0.3">
      <c r="A113407" s="13" t="s">
        <v>541</v>
      </c>
      <c r="B113407" s="14" t="s">
        <v>1</v>
      </c>
      <c r="C113407" s="14" t="s">
        <v>96</v>
      </c>
      <c r="D113407" s="14" t="s">
        <v>328</v>
      </c>
      <c r="E113407" s="15">
        <v>45633</v>
      </c>
      <c r="F113407" s="14" t="s">
        <v>61</v>
      </c>
      <c r="G113407" s="16">
        <v>0</v>
      </c>
    </row>
    <row r="113408" spans="1:7" x14ac:dyDescent="0.3">
      <c r="A113408" s="13" t="s">
        <v>541</v>
      </c>
      <c r="B113408" s="14" t="s">
        <v>1</v>
      </c>
      <c r="C113408" s="14" t="s">
        <v>96</v>
      </c>
      <c r="D113408" s="14" t="s">
        <v>328</v>
      </c>
      <c r="E113408" s="15">
        <v>45634</v>
      </c>
      <c r="F113408" s="14" t="s">
        <v>61</v>
      </c>
      <c r="G113408" s="16">
        <v>0</v>
      </c>
    </row>
    <row r="113409" spans="1:7" x14ac:dyDescent="0.3">
      <c r="A113409" s="13" t="s">
        <v>541</v>
      </c>
      <c r="B113409" s="14" t="s">
        <v>1</v>
      </c>
      <c r="C113409" s="14" t="s">
        <v>96</v>
      </c>
      <c r="D113409" s="14" t="s">
        <v>328</v>
      </c>
      <c r="E113409" s="15">
        <v>45635</v>
      </c>
      <c r="F113409" s="14" t="s">
        <v>61</v>
      </c>
      <c r="G113409" s="16">
        <v>0</v>
      </c>
    </row>
    <row r="113410" spans="1:7" x14ac:dyDescent="0.3">
      <c r="A113410" s="13" t="s">
        <v>541</v>
      </c>
      <c r="B113410" s="14" t="s">
        <v>1</v>
      </c>
      <c r="C113410" s="14" t="s">
        <v>96</v>
      </c>
      <c r="D113410" s="14" t="s">
        <v>328</v>
      </c>
      <c r="E113410" s="15">
        <v>45636</v>
      </c>
      <c r="F113410" s="14" t="s">
        <v>61</v>
      </c>
      <c r="G113410" s="16">
        <v>0</v>
      </c>
    </row>
    <row r="113411" spans="1:7" x14ac:dyDescent="0.3">
      <c r="A113411" s="13" t="s">
        <v>541</v>
      </c>
      <c r="B113411" s="14" t="s">
        <v>1</v>
      </c>
      <c r="C113411" s="14" t="s">
        <v>96</v>
      </c>
      <c r="D113411" s="14" t="s">
        <v>328</v>
      </c>
      <c r="E113411" s="15">
        <v>45637</v>
      </c>
      <c r="F113411" s="14" t="s">
        <v>61</v>
      </c>
      <c r="G113411" s="16">
        <v>0</v>
      </c>
    </row>
    <row r="113412" spans="1:7" x14ac:dyDescent="0.3">
      <c r="A113412" s="13" t="s">
        <v>541</v>
      </c>
      <c r="B113412" s="14" t="s">
        <v>1</v>
      </c>
      <c r="C113412" s="14" t="s">
        <v>96</v>
      </c>
      <c r="D113412" s="14" t="s">
        <v>328</v>
      </c>
      <c r="E113412" s="15">
        <v>45638</v>
      </c>
      <c r="F113412" s="14" t="s">
        <v>61</v>
      </c>
      <c r="G113412" s="16">
        <v>0</v>
      </c>
    </row>
    <row r="113413" spans="1:7" x14ac:dyDescent="0.3">
      <c r="A113413" s="13" t="s">
        <v>541</v>
      </c>
      <c r="B113413" s="14" t="s">
        <v>1</v>
      </c>
      <c r="C113413" s="14" t="s">
        <v>96</v>
      </c>
      <c r="D113413" s="14" t="s">
        <v>328</v>
      </c>
      <c r="E113413" s="15">
        <v>45639</v>
      </c>
      <c r="F113413" s="14" t="s">
        <v>61</v>
      </c>
      <c r="G113413" s="16">
        <v>0</v>
      </c>
    </row>
    <row r="113414" spans="1:7" x14ac:dyDescent="0.3">
      <c r="A113414" s="13" t="s">
        <v>541</v>
      </c>
      <c r="B113414" s="14" t="s">
        <v>1</v>
      </c>
      <c r="C113414" s="14" t="s">
        <v>96</v>
      </c>
      <c r="D113414" s="14" t="s">
        <v>328</v>
      </c>
      <c r="E113414" s="15">
        <v>45640</v>
      </c>
      <c r="F113414" s="14" t="s">
        <v>61</v>
      </c>
      <c r="G113414" s="16">
        <v>0</v>
      </c>
    </row>
    <row r="113415" spans="1:7" x14ac:dyDescent="0.3">
      <c r="A113415" s="13" t="s">
        <v>541</v>
      </c>
      <c r="B113415" s="14" t="s">
        <v>1</v>
      </c>
      <c r="C113415" s="14" t="s">
        <v>96</v>
      </c>
      <c r="D113415" s="14" t="s">
        <v>328</v>
      </c>
      <c r="E113415" s="15">
        <v>45641</v>
      </c>
      <c r="F113415" s="14" t="s">
        <v>61</v>
      </c>
      <c r="G113415" s="16">
        <v>0</v>
      </c>
    </row>
    <row r="113416" spans="1:7" x14ac:dyDescent="0.3">
      <c r="A113416" s="13" t="s">
        <v>541</v>
      </c>
      <c r="B113416" s="14" t="s">
        <v>1</v>
      </c>
      <c r="C113416" s="14" t="s">
        <v>96</v>
      </c>
      <c r="D113416" s="14" t="s">
        <v>328</v>
      </c>
      <c r="E113416" s="15">
        <v>45642</v>
      </c>
      <c r="F113416" s="14" t="s">
        <v>61</v>
      </c>
      <c r="G113416" s="16">
        <v>0</v>
      </c>
    </row>
    <row r="113417" spans="1:7" x14ac:dyDescent="0.3">
      <c r="A113417" s="13" t="s">
        <v>541</v>
      </c>
      <c r="B113417" s="14" t="s">
        <v>1</v>
      </c>
      <c r="C113417" s="14" t="s">
        <v>96</v>
      </c>
      <c r="D113417" s="14" t="s">
        <v>328</v>
      </c>
      <c r="E113417" s="15">
        <v>45643</v>
      </c>
      <c r="F113417" s="14" t="s">
        <v>61</v>
      </c>
      <c r="G113417" s="16">
        <v>0</v>
      </c>
    </row>
    <row r="113418" spans="1:7" x14ac:dyDescent="0.3">
      <c r="A113418" s="13" t="s">
        <v>541</v>
      </c>
      <c r="B113418" s="14" t="s">
        <v>1</v>
      </c>
      <c r="C113418" s="14" t="s">
        <v>96</v>
      </c>
      <c r="D113418" s="14" t="s">
        <v>328</v>
      </c>
      <c r="E113418" s="15">
        <v>45644</v>
      </c>
      <c r="F113418" s="14" t="s">
        <v>61</v>
      </c>
      <c r="G113418" s="16">
        <v>0</v>
      </c>
    </row>
    <row r="113419" spans="1:7" x14ac:dyDescent="0.3">
      <c r="A113419" s="13" t="s">
        <v>541</v>
      </c>
      <c r="B113419" s="14" t="s">
        <v>1</v>
      </c>
      <c r="C113419" s="14" t="s">
        <v>96</v>
      </c>
      <c r="D113419" s="14" t="s">
        <v>328</v>
      </c>
      <c r="E113419" s="15">
        <v>45645</v>
      </c>
      <c r="F113419" s="14" t="s">
        <v>61</v>
      </c>
      <c r="G113419" s="16">
        <v>0</v>
      </c>
    </row>
    <row r="113420" spans="1:7" x14ac:dyDescent="0.3">
      <c r="A113420" s="13" t="s">
        <v>541</v>
      </c>
      <c r="B113420" s="14" t="s">
        <v>1</v>
      </c>
      <c r="C113420" s="14" t="s">
        <v>96</v>
      </c>
      <c r="D113420" s="14" t="s">
        <v>328</v>
      </c>
      <c r="E113420" s="15">
        <v>45646</v>
      </c>
      <c r="F113420" s="14" t="s">
        <v>61</v>
      </c>
      <c r="G113420" s="16">
        <v>0</v>
      </c>
    </row>
    <row r="113421" spans="1:7" x14ac:dyDescent="0.3">
      <c r="A113421" s="13" t="s">
        <v>541</v>
      </c>
      <c r="B113421" s="14" t="s">
        <v>1</v>
      </c>
      <c r="C113421" s="14" t="s">
        <v>96</v>
      </c>
      <c r="D113421" s="14" t="s">
        <v>328</v>
      </c>
      <c r="E113421" s="15">
        <v>45647</v>
      </c>
      <c r="F113421" s="14" t="s">
        <v>61</v>
      </c>
      <c r="G113421" s="16">
        <v>0</v>
      </c>
    </row>
    <row r="113422" spans="1:7" x14ac:dyDescent="0.3">
      <c r="A113422" s="13" t="s">
        <v>541</v>
      </c>
      <c r="B113422" s="14" t="s">
        <v>1</v>
      </c>
      <c r="C113422" s="14" t="s">
        <v>96</v>
      </c>
      <c r="D113422" s="14" t="s">
        <v>328</v>
      </c>
      <c r="E113422" s="15">
        <v>45648</v>
      </c>
      <c r="F113422" s="14" t="s">
        <v>61</v>
      </c>
      <c r="G113422" s="16">
        <v>0</v>
      </c>
    </row>
    <row r="113423" spans="1:7" x14ac:dyDescent="0.3">
      <c r="A113423" s="13" t="s">
        <v>541</v>
      </c>
      <c r="B113423" s="14" t="s">
        <v>1</v>
      </c>
      <c r="C113423" s="14" t="s">
        <v>96</v>
      </c>
      <c r="D113423" s="14" t="s">
        <v>328</v>
      </c>
      <c r="E113423" s="15">
        <v>45649</v>
      </c>
      <c r="F113423" s="14" t="s">
        <v>61</v>
      </c>
      <c r="G113423" s="16">
        <v>0</v>
      </c>
    </row>
    <row r="113424" spans="1:7" x14ac:dyDescent="0.3">
      <c r="A113424" s="13" t="s">
        <v>541</v>
      </c>
      <c r="B113424" s="14" t="s">
        <v>1</v>
      </c>
      <c r="C113424" s="14" t="s">
        <v>96</v>
      </c>
      <c r="D113424" s="14" t="s">
        <v>328</v>
      </c>
      <c r="E113424" s="15">
        <v>45650</v>
      </c>
      <c r="F113424" s="14" t="s">
        <v>61</v>
      </c>
      <c r="G113424" s="16">
        <v>0</v>
      </c>
    </row>
    <row r="113425" spans="1:7" x14ac:dyDescent="0.3">
      <c r="A113425" s="13" t="s">
        <v>541</v>
      </c>
      <c r="B113425" s="14" t="s">
        <v>1</v>
      </c>
      <c r="C113425" s="14" t="s">
        <v>96</v>
      </c>
      <c r="D113425" s="14" t="s">
        <v>328</v>
      </c>
      <c r="E113425" s="15">
        <v>45651</v>
      </c>
      <c r="F113425" s="14" t="s">
        <v>61</v>
      </c>
      <c r="G113425" s="16">
        <v>0</v>
      </c>
    </row>
    <row r="113426" spans="1:7" x14ac:dyDescent="0.3">
      <c r="A113426" s="13" t="s">
        <v>541</v>
      </c>
      <c r="B113426" s="14" t="s">
        <v>1</v>
      </c>
      <c r="C113426" s="14" t="s">
        <v>96</v>
      </c>
      <c r="D113426" s="14" t="s">
        <v>328</v>
      </c>
      <c r="E113426" s="15">
        <v>45652</v>
      </c>
      <c r="F113426" s="14" t="s">
        <v>61</v>
      </c>
      <c r="G113426" s="16">
        <v>0</v>
      </c>
    </row>
    <row r="113427" spans="1:7" x14ac:dyDescent="0.3">
      <c r="A113427" s="13" t="s">
        <v>541</v>
      </c>
      <c r="B113427" s="14" t="s">
        <v>1</v>
      </c>
      <c r="C113427" s="14" t="s">
        <v>96</v>
      </c>
      <c r="D113427" s="14" t="s">
        <v>328</v>
      </c>
      <c r="E113427" s="15">
        <v>45653</v>
      </c>
      <c r="F113427" s="14" t="s">
        <v>61</v>
      </c>
      <c r="G113427" s="16">
        <v>0</v>
      </c>
    </row>
    <row r="113428" spans="1:7" x14ac:dyDescent="0.3">
      <c r="A113428" s="13" t="s">
        <v>541</v>
      </c>
      <c r="B113428" s="14" t="s">
        <v>1</v>
      </c>
      <c r="C113428" s="14" t="s">
        <v>96</v>
      </c>
      <c r="D113428" s="14" t="s">
        <v>328</v>
      </c>
      <c r="E113428" s="15">
        <v>45654</v>
      </c>
      <c r="F113428" s="14" t="s">
        <v>61</v>
      </c>
      <c r="G113428" s="16">
        <v>0</v>
      </c>
    </row>
    <row r="113429" spans="1:7" x14ac:dyDescent="0.3">
      <c r="A113429" s="13" t="s">
        <v>541</v>
      </c>
      <c r="B113429" s="14" t="s">
        <v>1</v>
      </c>
      <c r="C113429" s="14" t="s">
        <v>96</v>
      </c>
      <c r="D113429" s="14" t="s">
        <v>328</v>
      </c>
      <c r="E113429" s="15">
        <v>45655</v>
      </c>
      <c r="F113429" s="14" t="s">
        <v>61</v>
      </c>
      <c r="G113429" s="16">
        <v>0</v>
      </c>
    </row>
    <row r="113430" spans="1:7" x14ac:dyDescent="0.3">
      <c r="A113430" s="13" t="s">
        <v>541</v>
      </c>
      <c r="B113430" s="14" t="s">
        <v>1</v>
      </c>
      <c r="C113430" s="14" t="s">
        <v>96</v>
      </c>
      <c r="D113430" s="14" t="s">
        <v>328</v>
      </c>
      <c r="E113430" s="15">
        <v>45656</v>
      </c>
      <c r="F113430" s="14" t="s">
        <v>61</v>
      </c>
      <c r="G113430" s="16">
        <v>0</v>
      </c>
    </row>
    <row r="113431" spans="1:7" x14ac:dyDescent="0.3">
      <c r="A113431" s="13" t="s">
        <v>541</v>
      </c>
      <c r="B113431" s="14" t="s">
        <v>1</v>
      </c>
      <c r="C113431" s="14" t="s">
        <v>96</v>
      </c>
      <c r="D113431" s="14" t="s">
        <v>328</v>
      </c>
      <c r="E113431" s="15">
        <v>45657</v>
      </c>
      <c r="F113431" s="14" t="s">
        <v>61</v>
      </c>
      <c r="G113431" s="16">
        <v>0</v>
      </c>
    </row>
    <row r="113432" spans="1:7" x14ac:dyDescent="0.3">
      <c r="A113432" s="13" t="s">
        <v>541</v>
      </c>
      <c r="B113432" s="14" t="s">
        <v>1</v>
      </c>
      <c r="C113432" s="14" t="s">
        <v>96</v>
      </c>
      <c r="D113432" s="14" t="s">
        <v>328</v>
      </c>
      <c r="E113432" s="15">
        <v>45658</v>
      </c>
      <c r="F113432" s="14" t="s">
        <v>61</v>
      </c>
      <c r="G113432" s="16">
        <v>0</v>
      </c>
    </row>
    <row r="113433" spans="1:7" x14ac:dyDescent="0.3">
      <c r="A113433" s="13" t="s">
        <v>541</v>
      </c>
      <c r="B113433" s="14" t="s">
        <v>1</v>
      </c>
      <c r="C113433" s="14" t="s">
        <v>96</v>
      </c>
      <c r="D113433" s="14" t="s">
        <v>328</v>
      </c>
      <c r="E113433" s="15">
        <v>45659</v>
      </c>
      <c r="F113433" s="14" t="s">
        <v>61</v>
      </c>
      <c r="G113433" s="16">
        <v>0</v>
      </c>
    </row>
    <row r="113434" spans="1:7" x14ac:dyDescent="0.3">
      <c r="A113434" s="13" t="s">
        <v>541</v>
      </c>
      <c r="B113434" s="14" t="s">
        <v>1</v>
      </c>
      <c r="C113434" s="14" t="s">
        <v>96</v>
      </c>
      <c r="D113434" s="14" t="s">
        <v>328</v>
      </c>
      <c r="E113434" s="15">
        <v>45660</v>
      </c>
      <c r="F113434" s="14" t="s">
        <v>61</v>
      </c>
      <c r="G113434" s="16">
        <v>0</v>
      </c>
    </row>
    <row r="113435" spans="1:7" x14ac:dyDescent="0.3">
      <c r="A113435" s="13" t="s">
        <v>541</v>
      </c>
      <c r="B113435" s="14" t="s">
        <v>1</v>
      </c>
      <c r="C113435" s="14" t="s">
        <v>96</v>
      </c>
      <c r="D113435" s="14" t="s">
        <v>328</v>
      </c>
      <c r="E113435" s="15">
        <v>45661</v>
      </c>
      <c r="F113435" s="14" t="s">
        <v>61</v>
      </c>
      <c r="G113435" s="16">
        <v>0</v>
      </c>
    </row>
    <row r="113436" spans="1:7" x14ac:dyDescent="0.3">
      <c r="A113436" s="13" t="s">
        <v>541</v>
      </c>
      <c r="B113436" s="14" t="s">
        <v>1</v>
      </c>
      <c r="C113436" s="14" t="s">
        <v>96</v>
      </c>
      <c r="D113436" s="14" t="s">
        <v>328</v>
      </c>
      <c r="E113436" s="15">
        <v>45662</v>
      </c>
      <c r="F113436" s="14" t="s">
        <v>61</v>
      </c>
      <c r="G113436" s="16">
        <v>0</v>
      </c>
    </row>
    <row r="113437" spans="1:7" x14ac:dyDescent="0.3">
      <c r="A113437" s="13" t="s">
        <v>541</v>
      </c>
      <c r="B113437" s="14" t="s">
        <v>1</v>
      </c>
      <c r="C113437" s="14" t="s">
        <v>96</v>
      </c>
      <c r="D113437" s="14" t="s">
        <v>328</v>
      </c>
      <c r="E113437" s="15">
        <v>45663</v>
      </c>
      <c r="F113437" s="14" t="s">
        <v>61</v>
      </c>
      <c r="G113437" s="16">
        <v>0</v>
      </c>
    </row>
    <row r="113438" spans="1:7" x14ac:dyDescent="0.3">
      <c r="A113438" s="13" t="s">
        <v>541</v>
      </c>
      <c r="B113438" s="14" t="s">
        <v>1</v>
      </c>
      <c r="C113438" s="14" t="s">
        <v>96</v>
      </c>
      <c r="D113438" s="14" t="s">
        <v>328</v>
      </c>
      <c r="E113438" s="15">
        <v>45664</v>
      </c>
      <c r="F113438" s="14" t="s">
        <v>61</v>
      </c>
      <c r="G113438" s="16">
        <v>0</v>
      </c>
    </row>
    <row r="113439" spans="1:7" x14ac:dyDescent="0.3">
      <c r="A113439" s="13" t="s">
        <v>541</v>
      </c>
      <c r="B113439" s="14" t="s">
        <v>1</v>
      </c>
      <c r="C113439" s="14" t="s">
        <v>96</v>
      </c>
      <c r="D113439" s="14" t="s">
        <v>328</v>
      </c>
      <c r="E113439" s="15">
        <v>45665</v>
      </c>
      <c r="F113439" s="14" t="s">
        <v>61</v>
      </c>
      <c r="G113439" s="16">
        <v>0</v>
      </c>
    </row>
    <row r="113440" spans="1:7" x14ac:dyDescent="0.3">
      <c r="A113440" s="13" t="s">
        <v>541</v>
      </c>
      <c r="B113440" s="14" t="s">
        <v>1</v>
      </c>
      <c r="C113440" s="14" t="s">
        <v>96</v>
      </c>
      <c r="D113440" s="14" t="s">
        <v>328</v>
      </c>
      <c r="E113440" s="15">
        <v>45666</v>
      </c>
      <c r="F113440" s="14" t="s">
        <v>61</v>
      </c>
      <c r="G113440" s="16">
        <v>0</v>
      </c>
    </row>
    <row r="113441" spans="1:7" x14ac:dyDescent="0.3">
      <c r="A113441" s="13" t="s">
        <v>541</v>
      </c>
      <c r="B113441" s="14" t="s">
        <v>1</v>
      </c>
      <c r="C113441" s="14" t="s">
        <v>96</v>
      </c>
      <c r="D113441" s="14" t="s">
        <v>328</v>
      </c>
      <c r="E113441" s="15">
        <v>45667</v>
      </c>
      <c r="F113441" s="14" t="s">
        <v>61</v>
      </c>
      <c r="G113441" s="16">
        <v>0</v>
      </c>
    </row>
    <row r="113442" spans="1:7" x14ac:dyDescent="0.3">
      <c r="A113442" s="13" t="s">
        <v>541</v>
      </c>
      <c r="B113442" s="14" t="s">
        <v>1</v>
      </c>
      <c r="C113442" s="14" t="s">
        <v>96</v>
      </c>
      <c r="D113442" s="14" t="s">
        <v>328</v>
      </c>
      <c r="E113442" s="15">
        <v>45668</v>
      </c>
      <c r="F113442" s="14" t="s">
        <v>61</v>
      </c>
      <c r="G113442" s="16">
        <v>0</v>
      </c>
    </row>
    <row r="113443" spans="1:7" x14ac:dyDescent="0.3">
      <c r="A113443" s="13" t="s">
        <v>541</v>
      </c>
      <c r="B113443" s="14" t="s">
        <v>1</v>
      </c>
      <c r="C113443" s="14" t="s">
        <v>96</v>
      </c>
      <c r="D113443" s="14" t="s">
        <v>328</v>
      </c>
      <c r="E113443" s="15">
        <v>45669</v>
      </c>
      <c r="F113443" s="14" t="s">
        <v>61</v>
      </c>
      <c r="G113443" s="16">
        <v>0</v>
      </c>
    </row>
    <row r="113444" spans="1:7" x14ac:dyDescent="0.3">
      <c r="A113444" s="13" t="s">
        <v>541</v>
      </c>
      <c r="B113444" s="14" t="s">
        <v>1</v>
      </c>
      <c r="C113444" s="14" t="s">
        <v>96</v>
      </c>
      <c r="D113444" s="14" t="s">
        <v>328</v>
      </c>
      <c r="E113444" s="15">
        <v>45670</v>
      </c>
      <c r="F113444" s="14" t="s">
        <v>61</v>
      </c>
      <c r="G113444" s="16">
        <v>0</v>
      </c>
    </row>
    <row r="113445" spans="1:7" x14ac:dyDescent="0.3">
      <c r="A113445" s="13" t="s">
        <v>541</v>
      </c>
      <c r="B113445" s="14" t="s">
        <v>1</v>
      </c>
      <c r="C113445" s="14" t="s">
        <v>96</v>
      </c>
      <c r="D113445" s="14" t="s">
        <v>328</v>
      </c>
      <c r="E113445" s="15">
        <v>45671</v>
      </c>
      <c r="F113445" s="14" t="s">
        <v>61</v>
      </c>
      <c r="G113445" s="16">
        <v>0</v>
      </c>
    </row>
    <row r="113446" spans="1:7" x14ac:dyDescent="0.3">
      <c r="A113446" s="13" t="s">
        <v>541</v>
      </c>
      <c r="B113446" s="14" t="s">
        <v>1</v>
      </c>
      <c r="C113446" s="14" t="s">
        <v>96</v>
      </c>
      <c r="D113446" s="14" t="s">
        <v>328</v>
      </c>
      <c r="E113446" s="15">
        <v>45672</v>
      </c>
      <c r="F113446" s="14" t="s">
        <v>61</v>
      </c>
      <c r="G113446" s="16">
        <v>0</v>
      </c>
    </row>
    <row r="113447" spans="1:7" x14ac:dyDescent="0.3">
      <c r="A113447" s="13" t="s">
        <v>541</v>
      </c>
      <c r="B113447" s="14" t="s">
        <v>1</v>
      </c>
      <c r="C113447" s="14" t="s">
        <v>96</v>
      </c>
      <c r="D113447" s="14" t="s">
        <v>328</v>
      </c>
      <c r="E113447" s="15">
        <v>45673</v>
      </c>
      <c r="F113447" s="14" t="s">
        <v>61</v>
      </c>
      <c r="G113447" s="16">
        <v>0</v>
      </c>
    </row>
    <row r="113448" spans="1:7" x14ac:dyDescent="0.3">
      <c r="A113448" s="13" t="s">
        <v>541</v>
      </c>
      <c r="B113448" s="14" t="s">
        <v>1</v>
      </c>
      <c r="C113448" s="14" t="s">
        <v>96</v>
      </c>
      <c r="D113448" s="14" t="s">
        <v>328</v>
      </c>
      <c r="E113448" s="15">
        <v>45674</v>
      </c>
      <c r="F113448" s="14" t="s">
        <v>61</v>
      </c>
      <c r="G113448" s="16">
        <v>0</v>
      </c>
    </row>
    <row r="113449" spans="1:7" x14ac:dyDescent="0.3">
      <c r="A113449" s="13" t="s">
        <v>541</v>
      </c>
      <c r="B113449" s="14" t="s">
        <v>1</v>
      </c>
      <c r="C113449" s="14" t="s">
        <v>96</v>
      </c>
      <c r="D113449" s="14" t="s">
        <v>328</v>
      </c>
      <c r="E113449" s="15">
        <v>45675</v>
      </c>
      <c r="F113449" s="14" t="s">
        <v>61</v>
      </c>
      <c r="G113449" s="16">
        <v>0</v>
      </c>
    </row>
    <row r="113450" spans="1:7" x14ac:dyDescent="0.3">
      <c r="A113450" s="13" t="s">
        <v>541</v>
      </c>
      <c r="B113450" s="14" t="s">
        <v>1</v>
      </c>
      <c r="C113450" s="14" t="s">
        <v>96</v>
      </c>
      <c r="D113450" s="14" t="s">
        <v>328</v>
      </c>
      <c r="E113450" s="15">
        <v>45676</v>
      </c>
      <c r="F113450" s="14" t="s">
        <v>61</v>
      </c>
      <c r="G113450" s="16">
        <v>0</v>
      </c>
    </row>
    <row r="113451" spans="1:7" x14ac:dyDescent="0.3">
      <c r="A113451" s="13" t="s">
        <v>541</v>
      </c>
      <c r="B113451" s="14" t="s">
        <v>1</v>
      </c>
      <c r="C113451" s="14" t="s">
        <v>96</v>
      </c>
      <c r="D113451" s="14" t="s">
        <v>328</v>
      </c>
      <c r="E113451" s="15">
        <v>45677</v>
      </c>
      <c r="F113451" s="14" t="s">
        <v>61</v>
      </c>
      <c r="G113451" s="16">
        <v>0</v>
      </c>
    </row>
    <row r="113452" spans="1:7" x14ac:dyDescent="0.3">
      <c r="A113452" s="13" t="s">
        <v>541</v>
      </c>
      <c r="B113452" s="14" t="s">
        <v>1</v>
      </c>
      <c r="C113452" s="14" t="s">
        <v>96</v>
      </c>
      <c r="D113452" s="14" t="s">
        <v>328</v>
      </c>
      <c r="E113452" s="15">
        <v>45678</v>
      </c>
      <c r="F113452" s="14" t="s">
        <v>61</v>
      </c>
      <c r="G113452" s="16">
        <v>0</v>
      </c>
    </row>
    <row r="113453" spans="1:7" x14ac:dyDescent="0.3">
      <c r="A113453" s="13" t="s">
        <v>541</v>
      </c>
      <c r="B113453" s="14" t="s">
        <v>1</v>
      </c>
      <c r="C113453" s="14" t="s">
        <v>96</v>
      </c>
      <c r="D113453" s="14" t="s">
        <v>328</v>
      </c>
      <c r="E113453" s="15">
        <v>45679</v>
      </c>
      <c r="F113453" s="14" t="s">
        <v>61</v>
      </c>
      <c r="G113453" s="16">
        <v>0</v>
      </c>
    </row>
    <row r="113454" spans="1:7" x14ac:dyDescent="0.3">
      <c r="A113454" s="13" t="s">
        <v>541</v>
      </c>
      <c r="B113454" s="14" t="s">
        <v>1</v>
      </c>
      <c r="C113454" s="14" t="s">
        <v>96</v>
      </c>
      <c r="D113454" s="14" t="s">
        <v>328</v>
      </c>
      <c r="E113454" s="15">
        <v>45680</v>
      </c>
      <c r="F113454" s="14" t="s">
        <v>61</v>
      </c>
      <c r="G113454" s="16">
        <v>0</v>
      </c>
    </row>
    <row r="113455" spans="1:7" x14ac:dyDescent="0.3">
      <c r="A113455" s="13" t="s">
        <v>541</v>
      </c>
      <c r="B113455" s="14" t="s">
        <v>1</v>
      </c>
      <c r="C113455" s="14" t="s">
        <v>96</v>
      </c>
      <c r="D113455" s="14" t="s">
        <v>328</v>
      </c>
      <c r="E113455" s="15">
        <v>45681</v>
      </c>
      <c r="F113455" s="14" t="s">
        <v>61</v>
      </c>
      <c r="G113455" s="16">
        <v>0</v>
      </c>
    </row>
    <row r="113456" spans="1:7" x14ac:dyDescent="0.3">
      <c r="A113456" s="13" t="s">
        <v>541</v>
      </c>
      <c r="B113456" s="14" t="s">
        <v>1</v>
      </c>
      <c r="C113456" s="14" t="s">
        <v>96</v>
      </c>
      <c r="D113456" s="14" t="s">
        <v>328</v>
      </c>
      <c r="E113456" s="15">
        <v>45682</v>
      </c>
      <c r="F113456" s="14" t="s">
        <v>61</v>
      </c>
      <c r="G113456" s="16">
        <v>0</v>
      </c>
    </row>
    <row r="113457" spans="1:7" x14ac:dyDescent="0.3">
      <c r="A113457" s="13" t="s">
        <v>541</v>
      </c>
      <c r="B113457" s="14" t="s">
        <v>1</v>
      </c>
      <c r="C113457" s="14" t="s">
        <v>96</v>
      </c>
      <c r="D113457" s="14" t="s">
        <v>328</v>
      </c>
      <c r="E113457" s="15">
        <v>45683</v>
      </c>
      <c r="F113457" s="14" t="s">
        <v>61</v>
      </c>
      <c r="G113457" s="16">
        <v>0</v>
      </c>
    </row>
    <row r="113458" spans="1:7" x14ac:dyDescent="0.3">
      <c r="A113458" s="13" t="s">
        <v>541</v>
      </c>
      <c r="B113458" s="14" t="s">
        <v>1</v>
      </c>
      <c r="C113458" s="14" t="s">
        <v>96</v>
      </c>
      <c r="D113458" s="14" t="s">
        <v>328</v>
      </c>
      <c r="E113458" s="15">
        <v>45684</v>
      </c>
      <c r="F113458" s="14" t="s">
        <v>61</v>
      </c>
      <c r="G113458" s="16">
        <v>0</v>
      </c>
    </row>
    <row r="113459" spans="1:7" x14ac:dyDescent="0.3">
      <c r="A113459" s="13" t="s">
        <v>541</v>
      </c>
      <c r="B113459" s="14" t="s">
        <v>1</v>
      </c>
      <c r="C113459" s="14" t="s">
        <v>96</v>
      </c>
      <c r="D113459" s="14" t="s">
        <v>328</v>
      </c>
      <c r="E113459" s="15">
        <v>45685</v>
      </c>
      <c r="F113459" s="14" t="s">
        <v>61</v>
      </c>
      <c r="G113459" s="16">
        <v>0</v>
      </c>
    </row>
    <row r="113460" spans="1:7" x14ac:dyDescent="0.3">
      <c r="A113460" s="13" t="s">
        <v>541</v>
      </c>
      <c r="B113460" s="14" t="s">
        <v>1</v>
      </c>
      <c r="C113460" s="14" t="s">
        <v>96</v>
      </c>
      <c r="D113460" s="14" t="s">
        <v>328</v>
      </c>
      <c r="E113460" s="15">
        <v>45686</v>
      </c>
      <c r="F113460" s="14" t="s">
        <v>61</v>
      </c>
      <c r="G113460" s="16">
        <v>0</v>
      </c>
    </row>
    <row r="113461" spans="1:7" x14ac:dyDescent="0.3">
      <c r="A113461" s="13" t="s">
        <v>541</v>
      </c>
      <c r="B113461" s="14" t="s">
        <v>1</v>
      </c>
      <c r="C113461" s="14" t="s">
        <v>96</v>
      </c>
      <c r="D113461" s="14" t="s">
        <v>328</v>
      </c>
      <c r="E113461" s="15">
        <v>45687</v>
      </c>
      <c r="F113461" s="14" t="s">
        <v>61</v>
      </c>
      <c r="G113461" s="16">
        <v>0</v>
      </c>
    </row>
    <row r="113462" spans="1:7" x14ac:dyDescent="0.3">
      <c r="A113462" s="13" t="s">
        <v>541</v>
      </c>
      <c r="B113462" s="14" t="s">
        <v>1</v>
      </c>
      <c r="C113462" s="14" t="s">
        <v>96</v>
      </c>
      <c r="D113462" s="14" t="s">
        <v>328</v>
      </c>
      <c r="E113462" s="15">
        <v>45688</v>
      </c>
      <c r="F113462" s="14" t="s">
        <v>61</v>
      </c>
      <c r="G113462" s="16">
        <v>0</v>
      </c>
    </row>
    <row r="113463" spans="1:7" x14ac:dyDescent="0.3">
      <c r="A113463" s="13" t="s">
        <v>541</v>
      </c>
      <c r="B113463" s="14" t="s">
        <v>1</v>
      </c>
      <c r="C113463" s="14" t="s">
        <v>96</v>
      </c>
      <c r="D113463" s="14" t="s">
        <v>328</v>
      </c>
      <c r="E113463" s="15">
        <v>45689</v>
      </c>
      <c r="F113463" s="14" t="s">
        <v>61</v>
      </c>
      <c r="G113463" s="16">
        <v>0</v>
      </c>
    </row>
    <row r="113464" spans="1:7" x14ac:dyDescent="0.3">
      <c r="A113464" s="13" t="s">
        <v>541</v>
      </c>
      <c r="B113464" s="14" t="s">
        <v>1</v>
      </c>
      <c r="C113464" s="14" t="s">
        <v>96</v>
      </c>
      <c r="D113464" s="14" t="s">
        <v>328</v>
      </c>
      <c r="E113464" s="15">
        <v>45690</v>
      </c>
      <c r="F113464" s="14" t="s">
        <v>61</v>
      </c>
      <c r="G113464" s="16">
        <v>0</v>
      </c>
    </row>
    <row r="113465" spans="1:7" x14ac:dyDescent="0.3">
      <c r="A113465" s="13" t="s">
        <v>541</v>
      </c>
      <c r="B113465" s="14" t="s">
        <v>1</v>
      </c>
      <c r="C113465" s="14" t="s">
        <v>96</v>
      </c>
      <c r="D113465" s="14" t="s">
        <v>328</v>
      </c>
      <c r="E113465" s="15">
        <v>45691</v>
      </c>
      <c r="F113465" s="14" t="s">
        <v>61</v>
      </c>
      <c r="G113465" s="16">
        <v>0</v>
      </c>
    </row>
    <row r="113466" spans="1:7" x14ac:dyDescent="0.3">
      <c r="A113466" s="13" t="s">
        <v>541</v>
      </c>
      <c r="B113466" s="14" t="s">
        <v>1</v>
      </c>
      <c r="C113466" s="14" t="s">
        <v>96</v>
      </c>
      <c r="D113466" s="14" t="s">
        <v>328</v>
      </c>
      <c r="E113466" s="15">
        <v>45692</v>
      </c>
      <c r="F113466" s="14" t="s">
        <v>61</v>
      </c>
      <c r="G113466" s="16">
        <v>0</v>
      </c>
    </row>
    <row r="113467" spans="1:7" x14ac:dyDescent="0.3">
      <c r="A113467" s="13" t="s">
        <v>541</v>
      </c>
      <c r="B113467" s="14" t="s">
        <v>1</v>
      </c>
      <c r="C113467" s="14" t="s">
        <v>96</v>
      </c>
      <c r="D113467" s="14" t="s">
        <v>328</v>
      </c>
      <c r="E113467" s="15">
        <v>45693</v>
      </c>
      <c r="F113467" s="14" t="s">
        <v>61</v>
      </c>
      <c r="G113467" s="16">
        <v>0</v>
      </c>
    </row>
    <row r="113468" spans="1:7" x14ac:dyDescent="0.3">
      <c r="A113468" s="13" t="s">
        <v>541</v>
      </c>
      <c r="B113468" s="14" t="s">
        <v>1</v>
      </c>
      <c r="C113468" s="14" t="s">
        <v>96</v>
      </c>
      <c r="D113468" s="14" t="s">
        <v>328</v>
      </c>
      <c r="E113468" s="15">
        <v>45694</v>
      </c>
      <c r="F113468" s="14" t="s">
        <v>61</v>
      </c>
      <c r="G113468" s="16">
        <v>0</v>
      </c>
    </row>
    <row r="113469" spans="1:7" x14ac:dyDescent="0.3">
      <c r="A113469" s="13" t="s">
        <v>541</v>
      </c>
      <c r="B113469" s="14" t="s">
        <v>1</v>
      </c>
      <c r="C113469" s="14" t="s">
        <v>96</v>
      </c>
      <c r="D113469" s="14" t="s">
        <v>328</v>
      </c>
      <c r="E113469" s="15">
        <v>45695</v>
      </c>
      <c r="F113469" s="14" t="s">
        <v>61</v>
      </c>
      <c r="G113469" s="16">
        <v>0</v>
      </c>
    </row>
    <row r="113470" spans="1:7" x14ac:dyDescent="0.3">
      <c r="A113470" s="13" t="s">
        <v>541</v>
      </c>
      <c r="B113470" s="14" t="s">
        <v>1</v>
      </c>
      <c r="C113470" s="14" t="s">
        <v>96</v>
      </c>
      <c r="D113470" s="14" t="s">
        <v>328</v>
      </c>
      <c r="E113470" s="15">
        <v>45696</v>
      </c>
      <c r="F113470" s="14" t="s">
        <v>61</v>
      </c>
      <c r="G113470" s="16">
        <v>0</v>
      </c>
    </row>
    <row r="113471" spans="1:7" x14ac:dyDescent="0.3">
      <c r="A113471" s="13" t="s">
        <v>541</v>
      </c>
      <c r="B113471" s="14" t="s">
        <v>1</v>
      </c>
      <c r="C113471" s="14" t="s">
        <v>96</v>
      </c>
      <c r="D113471" s="14" t="s">
        <v>328</v>
      </c>
      <c r="E113471" s="15">
        <v>45697</v>
      </c>
      <c r="F113471" s="14" t="s">
        <v>61</v>
      </c>
      <c r="G113471" s="16">
        <v>0</v>
      </c>
    </row>
    <row r="113472" spans="1:7" x14ac:dyDescent="0.3">
      <c r="A113472" s="13" t="s">
        <v>541</v>
      </c>
      <c r="B113472" s="14" t="s">
        <v>1</v>
      </c>
      <c r="C113472" s="14" t="s">
        <v>96</v>
      </c>
      <c r="D113472" s="14" t="s">
        <v>328</v>
      </c>
      <c r="E113472" s="15">
        <v>45698</v>
      </c>
      <c r="F113472" s="14" t="s">
        <v>61</v>
      </c>
      <c r="G113472" s="16">
        <v>0</v>
      </c>
    </row>
    <row r="113473" spans="1:7" x14ac:dyDescent="0.3">
      <c r="A113473" s="13" t="s">
        <v>541</v>
      </c>
      <c r="B113473" s="14" t="s">
        <v>1</v>
      </c>
      <c r="C113473" s="14" t="s">
        <v>96</v>
      </c>
      <c r="D113473" s="14" t="s">
        <v>328</v>
      </c>
      <c r="E113473" s="15">
        <v>45699</v>
      </c>
      <c r="F113473" s="14" t="s">
        <v>61</v>
      </c>
      <c r="G113473" s="16">
        <v>0</v>
      </c>
    </row>
    <row r="113474" spans="1:7" x14ac:dyDescent="0.3">
      <c r="A113474" s="13" t="s">
        <v>541</v>
      </c>
      <c r="B113474" s="14" t="s">
        <v>1</v>
      </c>
      <c r="C113474" s="14" t="s">
        <v>96</v>
      </c>
      <c r="D113474" s="14" t="s">
        <v>328</v>
      </c>
      <c r="E113474" s="15">
        <v>45700</v>
      </c>
      <c r="F113474" s="14" t="s">
        <v>61</v>
      </c>
      <c r="G113474" s="16">
        <v>0</v>
      </c>
    </row>
    <row r="113475" spans="1:7" x14ac:dyDescent="0.3">
      <c r="A113475" s="13" t="s">
        <v>541</v>
      </c>
      <c r="B113475" s="14" t="s">
        <v>1</v>
      </c>
      <c r="C113475" s="14" t="s">
        <v>96</v>
      </c>
      <c r="D113475" s="14" t="s">
        <v>328</v>
      </c>
      <c r="E113475" s="15">
        <v>45701</v>
      </c>
      <c r="F113475" s="14" t="s">
        <v>61</v>
      </c>
      <c r="G113475" s="16">
        <v>0</v>
      </c>
    </row>
    <row r="113476" spans="1:7" x14ac:dyDescent="0.3">
      <c r="A113476" s="13" t="s">
        <v>541</v>
      </c>
      <c r="B113476" s="14" t="s">
        <v>1</v>
      </c>
      <c r="C113476" s="14" t="s">
        <v>96</v>
      </c>
      <c r="D113476" s="14" t="s">
        <v>328</v>
      </c>
      <c r="E113476" s="15">
        <v>45702</v>
      </c>
      <c r="F113476" s="14" t="s">
        <v>61</v>
      </c>
      <c r="G113476" s="16">
        <v>0</v>
      </c>
    </row>
    <row r="113477" spans="1:7" x14ac:dyDescent="0.3">
      <c r="A113477" s="13" t="s">
        <v>541</v>
      </c>
      <c r="B113477" s="14" t="s">
        <v>1</v>
      </c>
      <c r="C113477" s="14" t="s">
        <v>96</v>
      </c>
      <c r="D113477" s="14" t="s">
        <v>328</v>
      </c>
      <c r="E113477" s="15">
        <v>45703</v>
      </c>
      <c r="F113477" s="14" t="s">
        <v>61</v>
      </c>
      <c r="G113477" s="16">
        <v>0</v>
      </c>
    </row>
    <row r="113478" spans="1:7" x14ac:dyDescent="0.3">
      <c r="A113478" s="13" t="s">
        <v>541</v>
      </c>
      <c r="B113478" s="14" t="s">
        <v>1</v>
      </c>
      <c r="C113478" s="14" t="s">
        <v>96</v>
      </c>
      <c r="D113478" s="14" t="s">
        <v>328</v>
      </c>
      <c r="E113478" s="15">
        <v>45704</v>
      </c>
      <c r="F113478" s="14" t="s">
        <v>61</v>
      </c>
      <c r="G113478" s="16">
        <v>0</v>
      </c>
    </row>
    <row r="113479" spans="1:7" x14ac:dyDescent="0.3">
      <c r="A113479" s="13" t="s">
        <v>541</v>
      </c>
      <c r="B113479" s="14" t="s">
        <v>1</v>
      </c>
      <c r="C113479" s="14" t="s">
        <v>96</v>
      </c>
      <c r="D113479" s="14" t="s">
        <v>328</v>
      </c>
      <c r="E113479" s="15">
        <v>45705</v>
      </c>
      <c r="F113479" s="14" t="s">
        <v>61</v>
      </c>
      <c r="G113479" s="16">
        <v>0</v>
      </c>
    </row>
    <row r="113480" spans="1:7" x14ac:dyDescent="0.3">
      <c r="A113480" s="13" t="s">
        <v>541</v>
      </c>
      <c r="B113480" s="14" t="s">
        <v>1</v>
      </c>
      <c r="C113480" s="14" t="s">
        <v>96</v>
      </c>
      <c r="D113480" s="14" t="s">
        <v>328</v>
      </c>
      <c r="E113480" s="15">
        <v>45706</v>
      </c>
      <c r="F113480" s="14" t="s">
        <v>61</v>
      </c>
      <c r="G113480" s="16">
        <v>0</v>
      </c>
    </row>
    <row r="113481" spans="1:7" x14ac:dyDescent="0.3">
      <c r="A113481" s="13" t="s">
        <v>541</v>
      </c>
      <c r="B113481" s="14" t="s">
        <v>1</v>
      </c>
      <c r="C113481" s="14" t="s">
        <v>96</v>
      </c>
      <c r="D113481" s="14" t="s">
        <v>328</v>
      </c>
      <c r="E113481" s="15">
        <v>45707</v>
      </c>
      <c r="F113481" s="14" t="s">
        <v>61</v>
      </c>
      <c r="G113481" s="16">
        <v>0</v>
      </c>
    </row>
    <row r="113482" spans="1:7" x14ac:dyDescent="0.3">
      <c r="A113482" s="13" t="s">
        <v>541</v>
      </c>
      <c r="B113482" s="14" t="s">
        <v>1</v>
      </c>
      <c r="C113482" s="14" t="s">
        <v>96</v>
      </c>
      <c r="D113482" s="14" t="s">
        <v>328</v>
      </c>
      <c r="E113482" s="15">
        <v>45708</v>
      </c>
      <c r="F113482" s="14" t="s">
        <v>61</v>
      </c>
      <c r="G113482" s="16">
        <v>0</v>
      </c>
    </row>
    <row r="113483" spans="1:7" x14ac:dyDescent="0.3">
      <c r="A113483" s="13" t="s">
        <v>541</v>
      </c>
      <c r="B113483" s="14" t="s">
        <v>1</v>
      </c>
      <c r="C113483" s="14" t="s">
        <v>96</v>
      </c>
      <c r="D113483" s="14" t="s">
        <v>328</v>
      </c>
      <c r="E113483" s="15">
        <v>45709</v>
      </c>
      <c r="F113483" s="14" t="s">
        <v>61</v>
      </c>
      <c r="G113483" s="16">
        <v>0</v>
      </c>
    </row>
    <row r="113484" spans="1:7" x14ac:dyDescent="0.3">
      <c r="A113484" s="13" t="s">
        <v>541</v>
      </c>
      <c r="B113484" s="14" t="s">
        <v>1</v>
      </c>
      <c r="C113484" s="14" t="s">
        <v>96</v>
      </c>
      <c r="D113484" s="14" t="s">
        <v>328</v>
      </c>
      <c r="E113484" s="15">
        <v>45710</v>
      </c>
      <c r="F113484" s="14" t="s">
        <v>61</v>
      </c>
      <c r="G113484" s="16">
        <v>0</v>
      </c>
    </row>
    <row r="113485" spans="1:7" x14ac:dyDescent="0.3">
      <c r="A113485" s="13" t="s">
        <v>541</v>
      </c>
      <c r="B113485" s="14" t="s">
        <v>1</v>
      </c>
      <c r="C113485" s="14" t="s">
        <v>96</v>
      </c>
      <c r="D113485" s="14" t="s">
        <v>328</v>
      </c>
      <c r="E113485" s="15">
        <v>45711</v>
      </c>
      <c r="F113485" s="14" t="s">
        <v>61</v>
      </c>
      <c r="G113485" s="16">
        <v>0</v>
      </c>
    </row>
    <row r="113486" spans="1:7" x14ac:dyDescent="0.3">
      <c r="A113486" s="13" t="s">
        <v>541</v>
      </c>
      <c r="B113486" s="14" t="s">
        <v>1</v>
      </c>
      <c r="C113486" s="14" t="s">
        <v>96</v>
      </c>
      <c r="D113486" s="14" t="s">
        <v>328</v>
      </c>
      <c r="E113486" s="15">
        <v>45712</v>
      </c>
      <c r="F113486" s="14" t="s">
        <v>61</v>
      </c>
      <c r="G113486" s="16">
        <v>0</v>
      </c>
    </row>
    <row r="113487" spans="1:7" x14ac:dyDescent="0.3">
      <c r="A113487" s="13" t="s">
        <v>541</v>
      </c>
      <c r="B113487" s="14" t="s">
        <v>1</v>
      </c>
      <c r="C113487" s="14" t="s">
        <v>96</v>
      </c>
      <c r="D113487" s="14" t="s">
        <v>328</v>
      </c>
      <c r="E113487" s="15">
        <v>45713</v>
      </c>
      <c r="F113487" s="14" t="s">
        <v>61</v>
      </c>
      <c r="G113487" s="16">
        <v>0</v>
      </c>
    </row>
    <row r="113488" spans="1:7" x14ac:dyDescent="0.3">
      <c r="A113488" s="13" t="s">
        <v>541</v>
      </c>
      <c r="B113488" s="14" t="s">
        <v>1</v>
      </c>
      <c r="C113488" s="14" t="s">
        <v>96</v>
      </c>
      <c r="D113488" s="14" t="s">
        <v>328</v>
      </c>
      <c r="E113488" s="15">
        <v>45714</v>
      </c>
      <c r="F113488" s="14" t="s">
        <v>61</v>
      </c>
      <c r="G113488" s="16">
        <v>0</v>
      </c>
    </row>
    <row r="113489" spans="1:7" x14ac:dyDescent="0.3">
      <c r="A113489" s="13" t="s">
        <v>541</v>
      </c>
      <c r="B113489" s="14" t="s">
        <v>1</v>
      </c>
      <c r="C113489" s="14" t="s">
        <v>96</v>
      </c>
      <c r="D113489" s="14" t="s">
        <v>328</v>
      </c>
      <c r="E113489" s="15">
        <v>45715</v>
      </c>
      <c r="F113489" s="14" t="s">
        <v>61</v>
      </c>
      <c r="G113489" s="16">
        <v>0</v>
      </c>
    </row>
    <row r="113490" spans="1:7" x14ac:dyDescent="0.3">
      <c r="A113490" s="13" t="s">
        <v>541</v>
      </c>
      <c r="B113490" s="14" t="s">
        <v>1</v>
      </c>
      <c r="C113490" s="14" t="s">
        <v>96</v>
      </c>
      <c r="D113490" s="14" t="s">
        <v>328</v>
      </c>
      <c r="E113490" s="15">
        <v>45716</v>
      </c>
      <c r="F113490" s="14" t="s">
        <v>61</v>
      </c>
      <c r="G113490" s="16">
        <v>0</v>
      </c>
    </row>
    <row r="113491" spans="1:7" x14ac:dyDescent="0.3">
      <c r="A113491" s="13" t="s">
        <v>541</v>
      </c>
      <c r="B113491" s="14" t="s">
        <v>1</v>
      </c>
      <c r="C113491" s="14" t="s">
        <v>96</v>
      </c>
      <c r="D113491" s="14" t="s">
        <v>328</v>
      </c>
      <c r="E113491" s="15">
        <v>45717</v>
      </c>
      <c r="F113491" s="14" t="s">
        <v>61</v>
      </c>
      <c r="G113491" s="16">
        <v>0</v>
      </c>
    </row>
    <row r="113492" spans="1:7" x14ac:dyDescent="0.3">
      <c r="A113492" s="13" t="s">
        <v>541</v>
      </c>
      <c r="B113492" s="14" t="s">
        <v>1</v>
      </c>
      <c r="C113492" s="14" t="s">
        <v>96</v>
      </c>
      <c r="D113492" s="14" t="s">
        <v>328</v>
      </c>
      <c r="E113492" s="15">
        <v>45718</v>
      </c>
      <c r="F113492" s="14" t="s">
        <v>61</v>
      </c>
      <c r="G113492" s="16">
        <v>0</v>
      </c>
    </row>
    <row r="113493" spans="1:7" x14ac:dyDescent="0.3">
      <c r="A113493" s="13" t="s">
        <v>541</v>
      </c>
      <c r="B113493" s="14" t="s">
        <v>1</v>
      </c>
      <c r="C113493" s="14" t="s">
        <v>96</v>
      </c>
      <c r="D113493" s="14" t="s">
        <v>328</v>
      </c>
      <c r="E113493" s="15">
        <v>45719</v>
      </c>
      <c r="F113493" s="14" t="s">
        <v>61</v>
      </c>
      <c r="G113493" s="16">
        <v>0</v>
      </c>
    </row>
    <row r="113494" spans="1:7" x14ac:dyDescent="0.3">
      <c r="A113494" s="13" t="s">
        <v>541</v>
      </c>
      <c r="B113494" s="14" t="s">
        <v>1</v>
      </c>
      <c r="C113494" s="14" t="s">
        <v>96</v>
      </c>
      <c r="D113494" s="14" t="s">
        <v>328</v>
      </c>
      <c r="E113494" s="15">
        <v>45720</v>
      </c>
      <c r="F113494" s="14" t="s">
        <v>61</v>
      </c>
      <c r="G113494" s="16">
        <v>0</v>
      </c>
    </row>
    <row r="113495" spans="1:7" x14ac:dyDescent="0.3">
      <c r="A113495" s="13" t="s">
        <v>541</v>
      </c>
      <c r="B113495" s="14" t="s">
        <v>1</v>
      </c>
      <c r="C113495" s="14" t="s">
        <v>96</v>
      </c>
      <c r="D113495" s="14" t="s">
        <v>328</v>
      </c>
      <c r="E113495" s="15">
        <v>45721</v>
      </c>
      <c r="F113495" s="14" t="s">
        <v>61</v>
      </c>
      <c r="G113495" s="16">
        <v>0</v>
      </c>
    </row>
    <row r="113496" spans="1:7" x14ac:dyDescent="0.3">
      <c r="A113496" s="13" t="s">
        <v>541</v>
      </c>
      <c r="B113496" s="14" t="s">
        <v>1</v>
      </c>
      <c r="C113496" s="14" t="s">
        <v>96</v>
      </c>
      <c r="D113496" s="14" t="s">
        <v>328</v>
      </c>
      <c r="E113496" s="15">
        <v>45722</v>
      </c>
      <c r="F113496" s="14" t="s">
        <v>61</v>
      </c>
      <c r="G113496" s="16">
        <v>0</v>
      </c>
    </row>
    <row r="113497" spans="1:7" x14ac:dyDescent="0.3">
      <c r="A113497" s="13" t="s">
        <v>541</v>
      </c>
      <c r="B113497" s="14" t="s">
        <v>1</v>
      </c>
      <c r="C113497" s="14" t="s">
        <v>96</v>
      </c>
      <c r="D113497" s="14" t="s">
        <v>328</v>
      </c>
      <c r="E113497" s="15">
        <v>45723</v>
      </c>
      <c r="F113497" s="14" t="s">
        <v>61</v>
      </c>
      <c r="G113497" s="16">
        <v>0</v>
      </c>
    </row>
    <row r="113498" spans="1:7" x14ac:dyDescent="0.3">
      <c r="A113498" s="13" t="s">
        <v>541</v>
      </c>
      <c r="B113498" s="14" t="s">
        <v>1</v>
      </c>
      <c r="C113498" s="14" t="s">
        <v>96</v>
      </c>
      <c r="D113498" s="14" t="s">
        <v>328</v>
      </c>
      <c r="E113498" s="15">
        <v>45724</v>
      </c>
      <c r="F113498" s="14" t="s">
        <v>61</v>
      </c>
      <c r="G113498" s="16">
        <v>0</v>
      </c>
    </row>
    <row r="113499" spans="1:7" x14ac:dyDescent="0.3">
      <c r="A113499" s="13" t="s">
        <v>541</v>
      </c>
      <c r="B113499" s="14" t="s">
        <v>1</v>
      </c>
      <c r="C113499" s="14" t="s">
        <v>96</v>
      </c>
      <c r="D113499" s="14" t="s">
        <v>328</v>
      </c>
      <c r="E113499" s="15">
        <v>45725</v>
      </c>
      <c r="F113499" s="14" t="s">
        <v>61</v>
      </c>
      <c r="G113499" s="16">
        <v>0</v>
      </c>
    </row>
    <row r="113500" spans="1:7" x14ac:dyDescent="0.3">
      <c r="A113500" s="13" t="s">
        <v>541</v>
      </c>
      <c r="B113500" s="14" t="s">
        <v>1</v>
      </c>
      <c r="C113500" s="14" t="s">
        <v>96</v>
      </c>
      <c r="D113500" s="14" t="s">
        <v>328</v>
      </c>
      <c r="E113500" s="15">
        <v>45726</v>
      </c>
      <c r="F113500" s="14" t="s">
        <v>61</v>
      </c>
      <c r="G113500" s="16">
        <v>0</v>
      </c>
    </row>
    <row r="113501" spans="1:7" x14ac:dyDescent="0.3">
      <c r="A113501" s="13" t="s">
        <v>541</v>
      </c>
      <c r="B113501" s="14" t="s">
        <v>1</v>
      </c>
      <c r="C113501" s="14" t="s">
        <v>96</v>
      </c>
      <c r="D113501" s="14" t="s">
        <v>328</v>
      </c>
      <c r="E113501" s="15">
        <v>45727</v>
      </c>
      <c r="F113501" s="14" t="s">
        <v>61</v>
      </c>
      <c r="G113501" s="16">
        <v>0</v>
      </c>
    </row>
    <row r="113502" spans="1:7" x14ac:dyDescent="0.3">
      <c r="A113502" s="13" t="s">
        <v>541</v>
      </c>
      <c r="B113502" s="14" t="s">
        <v>1</v>
      </c>
      <c r="C113502" s="14" t="s">
        <v>96</v>
      </c>
      <c r="D113502" s="14" t="s">
        <v>328</v>
      </c>
      <c r="E113502" s="15">
        <v>45728</v>
      </c>
      <c r="F113502" s="14" t="s">
        <v>61</v>
      </c>
      <c r="G113502" s="16">
        <v>0</v>
      </c>
    </row>
    <row r="113503" spans="1:7" x14ac:dyDescent="0.3">
      <c r="A113503" s="13" t="s">
        <v>541</v>
      </c>
      <c r="B113503" s="14" t="s">
        <v>1</v>
      </c>
      <c r="C113503" s="14" t="s">
        <v>96</v>
      </c>
      <c r="D113503" s="14" t="s">
        <v>328</v>
      </c>
      <c r="E113503" s="15">
        <v>45729</v>
      </c>
      <c r="F113503" s="14" t="s">
        <v>61</v>
      </c>
      <c r="G113503" s="16">
        <v>0</v>
      </c>
    </row>
    <row r="113504" spans="1:7" x14ac:dyDescent="0.3">
      <c r="A113504" s="13" t="s">
        <v>541</v>
      </c>
      <c r="B113504" s="14" t="s">
        <v>1</v>
      </c>
      <c r="C113504" s="14" t="s">
        <v>96</v>
      </c>
      <c r="D113504" s="14" t="s">
        <v>328</v>
      </c>
      <c r="E113504" s="15">
        <v>45730</v>
      </c>
      <c r="F113504" s="14" t="s">
        <v>61</v>
      </c>
      <c r="G113504" s="16">
        <v>0</v>
      </c>
    </row>
    <row r="113505" spans="1:7" x14ac:dyDescent="0.3">
      <c r="A113505" s="13" t="s">
        <v>541</v>
      </c>
      <c r="B113505" s="14" t="s">
        <v>1</v>
      </c>
      <c r="C113505" s="14" t="s">
        <v>96</v>
      </c>
      <c r="D113505" s="14" t="s">
        <v>328</v>
      </c>
      <c r="E113505" s="15">
        <v>45731</v>
      </c>
      <c r="F113505" s="14" t="s">
        <v>61</v>
      </c>
      <c r="G113505" s="16">
        <v>0</v>
      </c>
    </row>
    <row r="113506" spans="1:7" x14ac:dyDescent="0.3">
      <c r="A113506" s="13" t="s">
        <v>541</v>
      </c>
      <c r="B113506" s="14" t="s">
        <v>1</v>
      </c>
      <c r="C113506" s="14" t="s">
        <v>96</v>
      </c>
      <c r="D113506" s="14" t="s">
        <v>328</v>
      </c>
      <c r="E113506" s="15">
        <v>45732</v>
      </c>
      <c r="F113506" s="14" t="s">
        <v>61</v>
      </c>
      <c r="G113506" s="16">
        <v>0</v>
      </c>
    </row>
    <row r="113507" spans="1:7" x14ac:dyDescent="0.3">
      <c r="A113507" s="13" t="s">
        <v>541</v>
      </c>
      <c r="B113507" s="14" t="s">
        <v>1</v>
      </c>
      <c r="C113507" s="14" t="s">
        <v>96</v>
      </c>
      <c r="D113507" s="14" t="s">
        <v>328</v>
      </c>
      <c r="E113507" s="15">
        <v>45733</v>
      </c>
      <c r="F113507" s="14" t="s">
        <v>61</v>
      </c>
      <c r="G113507" s="16">
        <v>0</v>
      </c>
    </row>
    <row r="113508" spans="1:7" x14ac:dyDescent="0.3">
      <c r="A113508" s="13" t="s">
        <v>541</v>
      </c>
      <c r="B113508" s="14" t="s">
        <v>1</v>
      </c>
      <c r="C113508" s="14" t="s">
        <v>96</v>
      </c>
      <c r="D113508" s="14" t="s">
        <v>328</v>
      </c>
      <c r="E113508" s="15">
        <v>45734</v>
      </c>
      <c r="F113508" s="14" t="s">
        <v>61</v>
      </c>
      <c r="G113508" s="16">
        <v>0</v>
      </c>
    </row>
    <row r="113509" spans="1:7" x14ac:dyDescent="0.3">
      <c r="A113509" s="13" t="s">
        <v>541</v>
      </c>
      <c r="B113509" s="14" t="s">
        <v>1</v>
      </c>
      <c r="C113509" s="14" t="s">
        <v>96</v>
      </c>
      <c r="D113509" s="14" t="s">
        <v>328</v>
      </c>
      <c r="E113509" s="15">
        <v>45735</v>
      </c>
      <c r="F113509" s="14" t="s">
        <v>61</v>
      </c>
      <c r="G113509" s="16">
        <v>0</v>
      </c>
    </row>
    <row r="113510" spans="1:7" x14ac:dyDescent="0.3">
      <c r="A113510" s="13" t="s">
        <v>541</v>
      </c>
      <c r="B113510" s="14" t="s">
        <v>1</v>
      </c>
      <c r="C113510" s="14" t="s">
        <v>96</v>
      </c>
      <c r="D113510" s="14" t="s">
        <v>328</v>
      </c>
      <c r="E113510" s="15">
        <v>45736</v>
      </c>
      <c r="F113510" s="14" t="s">
        <v>61</v>
      </c>
      <c r="G113510" s="16">
        <v>0</v>
      </c>
    </row>
    <row r="113511" spans="1:7" x14ac:dyDescent="0.3">
      <c r="A113511" s="13" t="s">
        <v>541</v>
      </c>
      <c r="B113511" s="14" t="s">
        <v>1</v>
      </c>
      <c r="C113511" s="14" t="s">
        <v>96</v>
      </c>
      <c r="D113511" s="14" t="s">
        <v>328</v>
      </c>
      <c r="E113511" s="15">
        <v>45737</v>
      </c>
      <c r="F113511" s="14" t="s">
        <v>61</v>
      </c>
      <c r="G113511" s="16">
        <v>0</v>
      </c>
    </row>
    <row r="113512" spans="1:7" x14ac:dyDescent="0.3">
      <c r="A113512" s="13" t="s">
        <v>541</v>
      </c>
      <c r="B113512" s="14" t="s">
        <v>1</v>
      </c>
      <c r="C113512" s="14" t="s">
        <v>96</v>
      </c>
      <c r="D113512" s="14" t="s">
        <v>328</v>
      </c>
      <c r="E113512" s="15">
        <v>45738</v>
      </c>
      <c r="F113512" s="14" t="s">
        <v>61</v>
      </c>
      <c r="G113512" s="16">
        <v>0</v>
      </c>
    </row>
    <row r="113513" spans="1:7" x14ac:dyDescent="0.3">
      <c r="A113513" s="13" t="s">
        <v>541</v>
      </c>
      <c r="B113513" s="14" t="s">
        <v>1</v>
      </c>
      <c r="C113513" s="14" t="s">
        <v>96</v>
      </c>
      <c r="D113513" s="14" t="s">
        <v>328</v>
      </c>
      <c r="E113513" s="15">
        <v>45739</v>
      </c>
      <c r="F113513" s="14" t="s">
        <v>61</v>
      </c>
      <c r="G113513" s="16">
        <v>0</v>
      </c>
    </row>
    <row r="113514" spans="1:7" x14ac:dyDescent="0.3">
      <c r="A113514" s="13" t="s">
        <v>541</v>
      </c>
      <c r="B113514" s="14" t="s">
        <v>1</v>
      </c>
      <c r="C113514" s="14" t="s">
        <v>96</v>
      </c>
      <c r="D113514" s="14" t="s">
        <v>328</v>
      </c>
      <c r="E113514" s="15">
        <v>45740</v>
      </c>
      <c r="F113514" s="14" t="s">
        <v>61</v>
      </c>
      <c r="G113514" s="16">
        <v>0</v>
      </c>
    </row>
    <row r="113515" spans="1:7" x14ac:dyDescent="0.3">
      <c r="A113515" s="13" t="s">
        <v>541</v>
      </c>
      <c r="B113515" s="14" t="s">
        <v>1</v>
      </c>
      <c r="C113515" s="14" t="s">
        <v>96</v>
      </c>
      <c r="D113515" s="14" t="s">
        <v>328</v>
      </c>
      <c r="E113515" s="15">
        <v>45741</v>
      </c>
      <c r="F113515" s="14" t="s">
        <v>61</v>
      </c>
      <c r="G113515" s="16">
        <v>0</v>
      </c>
    </row>
    <row r="113516" spans="1:7" x14ac:dyDescent="0.3">
      <c r="A113516" s="13" t="s">
        <v>541</v>
      </c>
      <c r="B113516" s="14" t="s">
        <v>1</v>
      </c>
      <c r="C113516" s="14" t="s">
        <v>96</v>
      </c>
      <c r="D113516" s="14" t="s">
        <v>328</v>
      </c>
      <c r="E113516" s="15">
        <v>45742</v>
      </c>
      <c r="F113516" s="14" t="s">
        <v>61</v>
      </c>
      <c r="G113516" s="16">
        <v>1.1910384868719207E-2</v>
      </c>
    </row>
    <row r="113517" spans="1:7" x14ac:dyDescent="0.3">
      <c r="A113517" s="13" t="s">
        <v>541</v>
      </c>
      <c r="B113517" s="14" t="s">
        <v>1</v>
      </c>
      <c r="C113517" s="14" t="s">
        <v>96</v>
      </c>
      <c r="D113517" s="14" t="s">
        <v>328</v>
      </c>
      <c r="E113517" s="15">
        <v>45743</v>
      </c>
      <c r="F113517" s="14" t="s">
        <v>61</v>
      </c>
      <c r="G113517" s="16">
        <v>2.1417171388497021E-2</v>
      </c>
    </row>
    <row r="113518" spans="1:7" x14ac:dyDescent="0.3">
      <c r="A113518" s="13" t="s">
        <v>541</v>
      </c>
      <c r="B113518" s="14" t="s">
        <v>1</v>
      </c>
      <c r="C113518" s="14" t="s">
        <v>96</v>
      </c>
      <c r="D113518" s="14" t="s">
        <v>328</v>
      </c>
      <c r="E113518" s="15">
        <v>45744</v>
      </c>
      <c r="F113518" s="14" t="s">
        <v>61</v>
      </c>
      <c r="G113518" s="16">
        <v>1.2066823440704888E-2</v>
      </c>
    </row>
    <row r="113519" spans="1:7" x14ac:dyDescent="0.3">
      <c r="A113519" s="13" t="s">
        <v>541</v>
      </c>
      <c r="B113519" s="14" t="s">
        <v>1</v>
      </c>
      <c r="C113519" s="14" t="s">
        <v>96</v>
      </c>
      <c r="D113519" s="14" t="s">
        <v>328</v>
      </c>
      <c r="E113519" s="15">
        <v>45745</v>
      </c>
      <c r="F113519" s="14" t="s">
        <v>61</v>
      </c>
      <c r="G113519" s="16">
        <v>1.2066823440704888E-2</v>
      </c>
    </row>
    <row r="113520" spans="1:7" x14ac:dyDescent="0.3">
      <c r="A113520" s="13" t="s">
        <v>541</v>
      </c>
      <c r="B113520" s="14" t="s">
        <v>1</v>
      </c>
      <c r="C113520" s="14" t="s">
        <v>96</v>
      </c>
      <c r="D113520" s="14" t="s">
        <v>328</v>
      </c>
      <c r="E113520" s="15">
        <v>45746</v>
      </c>
      <c r="F113520" s="14" t="s">
        <v>61</v>
      </c>
      <c r="G113520" s="16">
        <v>1.2066823440704888E-2</v>
      </c>
    </row>
    <row r="113521" spans="1:7" x14ac:dyDescent="0.3">
      <c r="A113521" s="13" t="s">
        <v>541</v>
      </c>
      <c r="B113521" s="14" t="s">
        <v>1</v>
      </c>
      <c r="C113521" s="14" t="s">
        <v>96</v>
      </c>
      <c r="D113521" s="14" t="s">
        <v>328</v>
      </c>
      <c r="E113521" s="15">
        <v>45747</v>
      </c>
      <c r="F113521" s="14" t="s">
        <v>61</v>
      </c>
      <c r="G113521" s="16">
        <v>1.2066823440704888E-2</v>
      </c>
    </row>
    <row r="113522" spans="1:7" x14ac:dyDescent="0.3">
      <c r="A113522" s="13" t="s">
        <v>542</v>
      </c>
      <c r="B113522" s="14" t="s">
        <v>1</v>
      </c>
      <c r="C113522" s="14" t="s">
        <v>96</v>
      </c>
      <c r="D113522" s="14" t="s">
        <v>128</v>
      </c>
      <c r="E113522" s="15">
        <v>45383</v>
      </c>
      <c r="F113522" s="14" t="s">
        <v>15</v>
      </c>
      <c r="G113522" s="16">
        <v>0</v>
      </c>
    </row>
    <row r="113523" spans="1:7" x14ac:dyDescent="0.3">
      <c r="A113523" s="13" t="s">
        <v>542</v>
      </c>
      <c r="B113523" s="14" t="s">
        <v>1</v>
      </c>
      <c r="C113523" s="14" t="s">
        <v>96</v>
      </c>
      <c r="D113523" s="14" t="s">
        <v>128</v>
      </c>
      <c r="E113523" s="15">
        <v>45384</v>
      </c>
      <c r="F113523" s="14" t="s">
        <v>15</v>
      </c>
      <c r="G113523" s="16">
        <v>0</v>
      </c>
    </row>
    <row r="113524" spans="1:7" x14ac:dyDescent="0.3">
      <c r="A113524" s="13" t="s">
        <v>542</v>
      </c>
      <c r="B113524" s="14" t="s">
        <v>1</v>
      </c>
      <c r="C113524" s="14" t="s">
        <v>96</v>
      </c>
      <c r="D113524" s="14" t="s">
        <v>128</v>
      </c>
      <c r="E113524" s="15">
        <v>45385</v>
      </c>
      <c r="F113524" s="14" t="s">
        <v>15</v>
      </c>
      <c r="G113524" s="16">
        <v>0</v>
      </c>
    </row>
    <row r="113525" spans="1:7" x14ac:dyDescent="0.3">
      <c r="A113525" s="13" t="s">
        <v>542</v>
      </c>
      <c r="B113525" s="14" t="s">
        <v>1</v>
      </c>
      <c r="C113525" s="14" t="s">
        <v>96</v>
      </c>
      <c r="D113525" s="14" t="s">
        <v>128</v>
      </c>
      <c r="E113525" s="15">
        <v>45386</v>
      </c>
      <c r="F113525" s="14" t="s">
        <v>15</v>
      </c>
      <c r="G113525" s="16">
        <v>0</v>
      </c>
    </row>
    <row r="113526" spans="1:7" x14ac:dyDescent="0.3">
      <c r="A113526" s="13" t="s">
        <v>542</v>
      </c>
      <c r="B113526" s="14" t="s">
        <v>1</v>
      </c>
      <c r="C113526" s="14" t="s">
        <v>96</v>
      </c>
      <c r="D113526" s="14" t="s">
        <v>128</v>
      </c>
      <c r="E113526" s="15">
        <v>45387</v>
      </c>
      <c r="F113526" s="14" t="s">
        <v>15</v>
      </c>
      <c r="G113526" s="16">
        <v>0</v>
      </c>
    </row>
    <row r="113527" spans="1:7" x14ac:dyDescent="0.3">
      <c r="A113527" s="13" t="s">
        <v>542</v>
      </c>
      <c r="B113527" s="14" t="s">
        <v>1</v>
      </c>
      <c r="C113527" s="14" t="s">
        <v>96</v>
      </c>
      <c r="D113527" s="14" t="s">
        <v>128</v>
      </c>
      <c r="E113527" s="15">
        <v>45388</v>
      </c>
      <c r="F113527" s="14" t="s">
        <v>15</v>
      </c>
      <c r="G113527" s="16">
        <v>0</v>
      </c>
    </row>
    <row r="113528" spans="1:7" x14ac:dyDescent="0.3">
      <c r="A113528" s="13" t="s">
        <v>542</v>
      </c>
      <c r="B113528" s="14" t="s">
        <v>1</v>
      </c>
      <c r="C113528" s="14" t="s">
        <v>96</v>
      </c>
      <c r="D113528" s="14" t="s">
        <v>128</v>
      </c>
      <c r="E113528" s="15">
        <v>45389</v>
      </c>
      <c r="F113528" s="14" t="s">
        <v>15</v>
      </c>
      <c r="G113528" s="16">
        <v>0</v>
      </c>
    </row>
    <row r="113529" spans="1:7" x14ac:dyDescent="0.3">
      <c r="A113529" s="13" t="s">
        <v>542</v>
      </c>
      <c r="B113529" s="14" t="s">
        <v>1</v>
      </c>
      <c r="C113529" s="14" t="s">
        <v>96</v>
      </c>
      <c r="D113529" s="14" t="s">
        <v>128</v>
      </c>
      <c r="E113529" s="15">
        <v>45390</v>
      </c>
      <c r="F113529" s="14" t="s">
        <v>15</v>
      </c>
      <c r="G113529" s="16">
        <v>0</v>
      </c>
    </row>
    <row r="113530" spans="1:7" x14ac:dyDescent="0.3">
      <c r="A113530" s="13" t="s">
        <v>542</v>
      </c>
      <c r="B113530" s="14" t="s">
        <v>1</v>
      </c>
      <c r="C113530" s="14" t="s">
        <v>96</v>
      </c>
      <c r="D113530" s="14" t="s">
        <v>128</v>
      </c>
      <c r="E113530" s="15">
        <v>45391</v>
      </c>
      <c r="F113530" s="14" t="s">
        <v>15</v>
      </c>
      <c r="G113530" s="16">
        <v>0</v>
      </c>
    </row>
    <row r="113531" spans="1:7" x14ac:dyDescent="0.3">
      <c r="A113531" s="13" t="s">
        <v>542</v>
      </c>
      <c r="B113531" s="14" t="s">
        <v>1</v>
      </c>
      <c r="C113531" s="14" t="s">
        <v>96</v>
      </c>
      <c r="D113531" s="14" t="s">
        <v>128</v>
      </c>
      <c r="E113531" s="15">
        <v>45392</v>
      </c>
      <c r="F113531" s="14" t="s">
        <v>15</v>
      </c>
      <c r="G113531" s="16">
        <v>0</v>
      </c>
    </row>
    <row r="113532" spans="1:7" x14ac:dyDescent="0.3">
      <c r="A113532" s="13" t="s">
        <v>542</v>
      </c>
      <c r="B113532" s="14" t="s">
        <v>1</v>
      </c>
      <c r="C113532" s="14" t="s">
        <v>96</v>
      </c>
      <c r="D113532" s="14" t="s">
        <v>128</v>
      </c>
      <c r="E113532" s="15">
        <v>45393</v>
      </c>
      <c r="F113532" s="14" t="s">
        <v>15</v>
      </c>
      <c r="G113532" s="16">
        <v>0</v>
      </c>
    </row>
    <row r="113533" spans="1:7" x14ac:dyDescent="0.3">
      <c r="A113533" s="13" t="s">
        <v>542</v>
      </c>
      <c r="B113533" s="14" t="s">
        <v>1</v>
      </c>
      <c r="C113533" s="14" t="s">
        <v>96</v>
      </c>
      <c r="D113533" s="14" t="s">
        <v>128</v>
      </c>
      <c r="E113533" s="15">
        <v>45394</v>
      </c>
      <c r="F113533" s="14" t="s">
        <v>15</v>
      </c>
      <c r="G113533" s="16">
        <v>0</v>
      </c>
    </row>
    <row r="113534" spans="1:7" x14ac:dyDescent="0.3">
      <c r="A113534" s="13" t="s">
        <v>542</v>
      </c>
      <c r="B113534" s="14" t="s">
        <v>1</v>
      </c>
      <c r="C113534" s="14" t="s">
        <v>96</v>
      </c>
      <c r="D113534" s="14" t="s">
        <v>128</v>
      </c>
      <c r="E113534" s="15">
        <v>45395</v>
      </c>
      <c r="F113534" s="14" t="s">
        <v>15</v>
      </c>
      <c r="G113534" s="16">
        <v>0</v>
      </c>
    </row>
    <row r="113535" spans="1:7" x14ac:dyDescent="0.3">
      <c r="A113535" s="13" t="s">
        <v>542</v>
      </c>
      <c r="B113535" s="14" t="s">
        <v>1</v>
      </c>
      <c r="C113535" s="14" t="s">
        <v>96</v>
      </c>
      <c r="D113535" s="14" t="s">
        <v>128</v>
      </c>
      <c r="E113535" s="15">
        <v>45396</v>
      </c>
      <c r="F113535" s="14" t="s">
        <v>15</v>
      </c>
      <c r="G113535" s="16">
        <v>0</v>
      </c>
    </row>
    <row r="113536" spans="1:7" x14ac:dyDescent="0.3">
      <c r="A113536" s="13" t="s">
        <v>542</v>
      </c>
      <c r="B113536" s="14" t="s">
        <v>1</v>
      </c>
      <c r="C113536" s="14" t="s">
        <v>96</v>
      </c>
      <c r="D113536" s="14" t="s">
        <v>128</v>
      </c>
      <c r="E113536" s="15">
        <v>45397</v>
      </c>
      <c r="F113536" s="14" t="s">
        <v>15</v>
      </c>
      <c r="G113536" s="16">
        <v>0</v>
      </c>
    </row>
    <row r="113537" spans="1:7" x14ac:dyDescent="0.3">
      <c r="A113537" s="13" t="s">
        <v>542</v>
      </c>
      <c r="B113537" s="14" t="s">
        <v>1</v>
      </c>
      <c r="C113537" s="14" t="s">
        <v>96</v>
      </c>
      <c r="D113537" s="14" t="s">
        <v>128</v>
      </c>
      <c r="E113537" s="15">
        <v>45398</v>
      </c>
      <c r="F113537" s="14" t="s">
        <v>15</v>
      </c>
      <c r="G113537" s="16">
        <v>0</v>
      </c>
    </row>
    <row r="113538" spans="1:7" x14ac:dyDescent="0.3">
      <c r="A113538" s="13" t="s">
        <v>542</v>
      </c>
      <c r="B113538" s="14" t="s">
        <v>1</v>
      </c>
      <c r="C113538" s="14" t="s">
        <v>96</v>
      </c>
      <c r="D113538" s="14" t="s">
        <v>128</v>
      </c>
      <c r="E113538" s="15">
        <v>45399</v>
      </c>
      <c r="F113538" s="14" t="s">
        <v>15</v>
      </c>
      <c r="G113538" s="16">
        <v>0</v>
      </c>
    </row>
    <row r="113539" spans="1:7" x14ac:dyDescent="0.3">
      <c r="A113539" s="13" t="s">
        <v>542</v>
      </c>
      <c r="B113539" s="14" t="s">
        <v>1</v>
      </c>
      <c r="C113539" s="14" t="s">
        <v>96</v>
      </c>
      <c r="D113539" s="14" t="s">
        <v>128</v>
      </c>
      <c r="E113539" s="15">
        <v>45400</v>
      </c>
      <c r="F113539" s="14" t="s">
        <v>15</v>
      </c>
      <c r="G113539" s="16">
        <v>0</v>
      </c>
    </row>
    <row r="113540" spans="1:7" x14ac:dyDescent="0.3">
      <c r="A113540" s="13" t="s">
        <v>542</v>
      </c>
      <c r="B113540" s="14" t="s">
        <v>1</v>
      </c>
      <c r="C113540" s="14" t="s">
        <v>96</v>
      </c>
      <c r="D113540" s="14" t="s">
        <v>128</v>
      </c>
      <c r="E113540" s="15">
        <v>45401</v>
      </c>
      <c r="F113540" s="14" t="s">
        <v>15</v>
      </c>
      <c r="G113540" s="16">
        <v>0</v>
      </c>
    </row>
    <row r="113541" spans="1:7" x14ac:dyDescent="0.3">
      <c r="A113541" s="13" t="s">
        <v>542</v>
      </c>
      <c r="B113541" s="14" t="s">
        <v>1</v>
      </c>
      <c r="C113541" s="14" t="s">
        <v>96</v>
      </c>
      <c r="D113541" s="14" t="s">
        <v>128</v>
      </c>
      <c r="E113541" s="15">
        <v>45402</v>
      </c>
      <c r="F113541" s="14" t="s">
        <v>15</v>
      </c>
      <c r="G113541" s="16">
        <v>0</v>
      </c>
    </row>
    <row r="113542" spans="1:7" x14ac:dyDescent="0.3">
      <c r="A113542" s="13" t="s">
        <v>542</v>
      </c>
      <c r="B113542" s="14" t="s">
        <v>1</v>
      </c>
      <c r="C113542" s="14" t="s">
        <v>96</v>
      </c>
      <c r="D113542" s="14" t="s">
        <v>128</v>
      </c>
      <c r="E113542" s="15">
        <v>45403</v>
      </c>
      <c r="F113542" s="14" t="s">
        <v>15</v>
      </c>
      <c r="G113542" s="16">
        <v>0</v>
      </c>
    </row>
    <row r="113543" spans="1:7" x14ac:dyDescent="0.3">
      <c r="A113543" s="13" t="s">
        <v>542</v>
      </c>
      <c r="B113543" s="14" t="s">
        <v>1</v>
      </c>
      <c r="C113543" s="14" t="s">
        <v>96</v>
      </c>
      <c r="D113543" s="14" t="s">
        <v>128</v>
      </c>
      <c r="E113543" s="15">
        <v>45404</v>
      </c>
      <c r="F113543" s="14" t="s">
        <v>15</v>
      </c>
      <c r="G113543" s="16">
        <v>0</v>
      </c>
    </row>
    <row r="113544" spans="1:7" x14ac:dyDescent="0.3">
      <c r="A113544" s="13" t="s">
        <v>542</v>
      </c>
      <c r="B113544" s="14" t="s">
        <v>1</v>
      </c>
      <c r="C113544" s="14" t="s">
        <v>96</v>
      </c>
      <c r="D113544" s="14" t="s">
        <v>128</v>
      </c>
      <c r="E113544" s="15">
        <v>45405</v>
      </c>
      <c r="F113544" s="14" t="s">
        <v>15</v>
      </c>
      <c r="G113544" s="16">
        <v>0</v>
      </c>
    </row>
    <row r="113545" spans="1:7" x14ac:dyDescent="0.3">
      <c r="A113545" s="13" t="s">
        <v>542</v>
      </c>
      <c r="B113545" s="14" t="s">
        <v>1</v>
      </c>
      <c r="C113545" s="14" t="s">
        <v>96</v>
      </c>
      <c r="D113545" s="14" t="s">
        <v>128</v>
      </c>
      <c r="E113545" s="15">
        <v>45406</v>
      </c>
      <c r="F113545" s="14" t="s">
        <v>15</v>
      </c>
      <c r="G113545" s="16">
        <v>0</v>
      </c>
    </row>
    <row r="113546" spans="1:7" x14ac:dyDescent="0.3">
      <c r="A113546" s="13" t="s">
        <v>542</v>
      </c>
      <c r="B113546" s="14" t="s">
        <v>1</v>
      </c>
      <c r="C113546" s="14" t="s">
        <v>96</v>
      </c>
      <c r="D113546" s="14" t="s">
        <v>128</v>
      </c>
      <c r="E113546" s="15">
        <v>45407</v>
      </c>
      <c r="F113546" s="14" t="s">
        <v>15</v>
      </c>
      <c r="G113546" s="16">
        <v>0</v>
      </c>
    </row>
    <row r="113547" spans="1:7" x14ac:dyDescent="0.3">
      <c r="A113547" s="13" t="s">
        <v>542</v>
      </c>
      <c r="B113547" s="14" t="s">
        <v>1</v>
      </c>
      <c r="C113547" s="14" t="s">
        <v>96</v>
      </c>
      <c r="D113547" s="14" t="s">
        <v>128</v>
      </c>
      <c r="E113547" s="15">
        <v>45408</v>
      </c>
      <c r="F113547" s="14" t="s">
        <v>15</v>
      </c>
      <c r="G113547" s="16">
        <v>0</v>
      </c>
    </row>
    <row r="113548" spans="1:7" x14ac:dyDescent="0.3">
      <c r="A113548" s="13" t="s">
        <v>542</v>
      </c>
      <c r="B113548" s="14" t="s">
        <v>1</v>
      </c>
      <c r="C113548" s="14" t="s">
        <v>96</v>
      </c>
      <c r="D113548" s="14" t="s">
        <v>128</v>
      </c>
      <c r="E113548" s="15">
        <v>45409</v>
      </c>
      <c r="F113548" s="14" t="s">
        <v>15</v>
      </c>
      <c r="G113548" s="16">
        <v>0</v>
      </c>
    </row>
    <row r="113549" spans="1:7" x14ac:dyDescent="0.3">
      <c r="A113549" s="13" t="s">
        <v>542</v>
      </c>
      <c r="B113549" s="14" t="s">
        <v>1</v>
      </c>
      <c r="C113549" s="14" t="s">
        <v>96</v>
      </c>
      <c r="D113549" s="14" t="s">
        <v>128</v>
      </c>
      <c r="E113549" s="15">
        <v>45410</v>
      </c>
      <c r="F113549" s="14" t="s">
        <v>15</v>
      </c>
      <c r="G113549" s="16">
        <v>0</v>
      </c>
    </row>
    <row r="113550" spans="1:7" x14ac:dyDescent="0.3">
      <c r="A113550" s="13" t="s">
        <v>542</v>
      </c>
      <c r="B113550" s="14" t="s">
        <v>1</v>
      </c>
      <c r="C113550" s="14" t="s">
        <v>96</v>
      </c>
      <c r="D113550" s="14" t="s">
        <v>128</v>
      </c>
      <c r="E113550" s="15">
        <v>45411</v>
      </c>
      <c r="F113550" s="14" t="s">
        <v>15</v>
      </c>
      <c r="G113550" s="16">
        <v>0</v>
      </c>
    </row>
    <row r="113551" spans="1:7" x14ac:dyDescent="0.3">
      <c r="A113551" s="13" t="s">
        <v>542</v>
      </c>
      <c r="B113551" s="14" t="s">
        <v>1</v>
      </c>
      <c r="C113551" s="14" t="s">
        <v>96</v>
      </c>
      <c r="D113551" s="14" t="s">
        <v>128</v>
      </c>
      <c r="E113551" s="15">
        <v>45412</v>
      </c>
      <c r="F113551" s="14" t="s">
        <v>15</v>
      </c>
      <c r="G113551" s="16">
        <v>0</v>
      </c>
    </row>
    <row r="113552" spans="1:7" x14ac:dyDescent="0.3">
      <c r="A113552" s="13" t="s">
        <v>542</v>
      </c>
      <c r="B113552" s="14" t="s">
        <v>1</v>
      </c>
      <c r="C113552" s="14" t="s">
        <v>96</v>
      </c>
      <c r="D113552" s="14" t="s">
        <v>128</v>
      </c>
      <c r="E113552" s="15">
        <v>45413</v>
      </c>
      <c r="F113552" s="14" t="s">
        <v>15</v>
      </c>
      <c r="G113552" s="16">
        <v>0</v>
      </c>
    </row>
    <row r="113553" spans="1:7" x14ac:dyDescent="0.3">
      <c r="A113553" s="13" t="s">
        <v>542</v>
      </c>
      <c r="B113553" s="14" t="s">
        <v>1</v>
      </c>
      <c r="C113553" s="14" t="s">
        <v>96</v>
      </c>
      <c r="D113553" s="14" t="s">
        <v>128</v>
      </c>
      <c r="E113553" s="15">
        <v>45414</v>
      </c>
      <c r="F113553" s="14" t="s">
        <v>15</v>
      </c>
      <c r="G113553" s="16">
        <v>0</v>
      </c>
    </row>
    <row r="113554" spans="1:7" x14ac:dyDescent="0.3">
      <c r="A113554" s="13" t="s">
        <v>542</v>
      </c>
      <c r="B113554" s="14" t="s">
        <v>1</v>
      </c>
      <c r="C113554" s="14" t="s">
        <v>96</v>
      </c>
      <c r="D113554" s="14" t="s">
        <v>128</v>
      </c>
      <c r="E113554" s="15">
        <v>45415</v>
      </c>
      <c r="F113554" s="14" t="s">
        <v>15</v>
      </c>
      <c r="G113554" s="16">
        <v>0</v>
      </c>
    </row>
    <row r="113555" spans="1:7" x14ac:dyDescent="0.3">
      <c r="A113555" s="13" t="s">
        <v>542</v>
      </c>
      <c r="B113555" s="14" t="s">
        <v>1</v>
      </c>
      <c r="C113555" s="14" t="s">
        <v>96</v>
      </c>
      <c r="D113555" s="14" t="s">
        <v>128</v>
      </c>
      <c r="E113555" s="15">
        <v>45416</v>
      </c>
      <c r="F113555" s="14" t="s">
        <v>15</v>
      </c>
      <c r="G113555" s="16">
        <v>0</v>
      </c>
    </row>
    <row r="113556" spans="1:7" x14ac:dyDescent="0.3">
      <c r="A113556" s="13" t="s">
        <v>542</v>
      </c>
      <c r="B113556" s="14" t="s">
        <v>1</v>
      </c>
      <c r="C113556" s="14" t="s">
        <v>96</v>
      </c>
      <c r="D113556" s="14" t="s">
        <v>128</v>
      </c>
      <c r="E113556" s="15">
        <v>45417</v>
      </c>
      <c r="F113556" s="14" t="s">
        <v>15</v>
      </c>
      <c r="G113556" s="16">
        <v>0</v>
      </c>
    </row>
    <row r="113557" spans="1:7" x14ac:dyDescent="0.3">
      <c r="A113557" s="13" t="s">
        <v>542</v>
      </c>
      <c r="B113557" s="14" t="s">
        <v>1</v>
      </c>
      <c r="C113557" s="14" t="s">
        <v>96</v>
      </c>
      <c r="D113557" s="14" t="s">
        <v>128</v>
      </c>
      <c r="E113557" s="15">
        <v>45418</v>
      </c>
      <c r="F113557" s="14" t="s">
        <v>15</v>
      </c>
      <c r="G113557" s="16">
        <v>0</v>
      </c>
    </row>
    <row r="113558" spans="1:7" x14ac:dyDescent="0.3">
      <c r="A113558" s="13" t="s">
        <v>542</v>
      </c>
      <c r="B113558" s="14" t="s">
        <v>1</v>
      </c>
      <c r="C113558" s="14" t="s">
        <v>96</v>
      </c>
      <c r="D113558" s="14" t="s">
        <v>128</v>
      </c>
      <c r="E113558" s="15">
        <v>45419</v>
      </c>
      <c r="F113558" s="14" t="s">
        <v>15</v>
      </c>
      <c r="G113558" s="16">
        <v>0</v>
      </c>
    </row>
    <row r="113559" spans="1:7" x14ac:dyDescent="0.3">
      <c r="A113559" s="13" t="s">
        <v>542</v>
      </c>
      <c r="B113559" s="14" t="s">
        <v>1</v>
      </c>
      <c r="C113559" s="14" t="s">
        <v>96</v>
      </c>
      <c r="D113559" s="14" t="s">
        <v>128</v>
      </c>
      <c r="E113559" s="15">
        <v>45420</v>
      </c>
      <c r="F113559" s="14" t="s">
        <v>15</v>
      </c>
      <c r="G113559" s="16">
        <v>0</v>
      </c>
    </row>
    <row r="113560" spans="1:7" x14ac:dyDescent="0.3">
      <c r="A113560" s="13" t="s">
        <v>542</v>
      </c>
      <c r="B113560" s="14" t="s">
        <v>1</v>
      </c>
      <c r="C113560" s="14" t="s">
        <v>96</v>
      </c>
      <c r="D113560" s="14" t="s">
        <v>128</v>
      </c>
      <c r="E113560" s="15">
        <v>45421</v>
      </c>
      <c r="F113560" s="14" t="s">
        <v>15</v>
      </c>
      <c r="G113560" s="16">
        <v>0</v>
      </c>
    </row>
    <row r="113561" spans="1:7" x14ac:dyDescent="0.3">
      <c r="A113561" s="13" t="s">
        <v>542</v>
      </c>
      <c r="B113561" s="14" t="s">
        <v>1</v>
      </c>
      <c r="C113561" s="14" t="s">
        <v>96</v>
      </c>
      <c r="D113561" s="14" t="s">
        <v>128</v>
      </c>
      <c r="E113561" s="15">
        <v>45422</v>
      </c>
      <c r="F113561" s="14" t="s">
        <v>15</v>
      </c>
      <c r="G113561" s="16">
        <v>0</v>
      </c>
    </row>
    <row r="113562" spans="1:7" x14ac:dyDescent="0.3">
      <c r="A113562" s="13" t="s">
        <v>542</v>
      </c>
      <c r="B113562" s="14" t="s">
        <v>1</v>
      </c>
      <c r="C113562" s="14" t="s">
        <v>96</v>
      </c>
      <c r="D113562" s="14" t="s">
        <v>128</v>
      </c>
      <c r="E113562" s="15">
        <v>45423</v>
      </c>
      <c r="F113562" s="14" t="s">
        <v>15</v>
      </c>
      <c r="G113562" s="16">
        <v>0</v>
      </c>
    </row>
    <row r="113563" spans="1:7" x14ac:dyDescent="0.3">
      <c r="A113563" s="13" t="s">
        <v>542</v>
      </c>
      <c r="B113563" s="14" t="s">
        <v>1</v>
      </c>
      <c r="C113563" s="14" t="s">
        <v>96</v>
      </c>
      <c r="D113563" s="14" t="s">
        <v>128</v>
      </c>
      <c r="E113563" s="15">
        <v>45424</v>
      </c>
      <c r="F113563" s="14" t="s">
        <v>15</v>
      </c>
      <c r="G113563" s="16">
        <v>0</v>
      </c>
    </row>
    <row r="113564" spans="1:7" x14ac:dyDescent="0.3">
      <c r="A113564" s="13" t="s">
        <v>542</v>
      </c>
      <c r="B113564" s="14" t="s">
        <v>1</v>
      </c>
      <c r="C113564" s="14" t="s">
        <v>96</v>
      </c>
      <c r="D113564" s="14" t="s">
        <v>128</v>
      </c>
      <c r="E113564" s="15">
        <v>45425</v>
      </c>
      <c r="F113564" s="14" t="s">
        <v>15</v>
      </c>
      <c r="G113564" s="16">
        <v>0</v>
      </c>
    </row>
    <row r="113565" spans="1:7" x14ac:dyDescent="0.3">
      <c r="A113565" s="13" t="s">
        <v>542</v>
      </c>
      <c r="B113565" s="14" t="s">
        <v>1</v>
      </c>
      <c r="C113565" s="14" t="s">
        <v>96</v>
      </c>
      <c r="D113565" s="14" t="s">
        <v>128</v>
      </c>
      <c r="E113565" s="15">
        <v>45426</v>
      </c>
      <c r="F113565" s="14" t="s">
        <v>15</v>
      </c>
      <c r="G113565" s="16">
        <v>0</v>
      </c>
    </row>
    <row r="113566" spans="1:7" x14ac:dyDescent="0.3">
      <c r="A113566" s="13" t="s">
        <v>542</v>
      </c>
      <c r="B113566" s="14" t="s">
        <v>1</v>
      </c>
      <c r="C113566" s="14" t="s">
        <v>96</v>
      </c>
      <c r="D113566" s="14" t="s">
        <v>128</v>
      </c>
      <c r="E113566" s="15">
        <v>45427</v>
      </c>
      <c r="F113566" s="14" t="s">
        <v>15</v>
      </c>
      <c r="G113566" s="16">
        <v>0</v>
      </c>
    </row>
    <row r="113567" spans="1:7" x14ac:dyDescent="0.3">
      <c r="A113567" s="13" t="s">
        <v>542</v>
      </c>
      <c r="B113567" s="14" t="s">
        <v>1</v>
      </c>
      <c r="C113567" s="14" t="s">
        <v>96</v>
      </c>
      <c r="D113567" s="14" t="s">
        <v>128</v>
      </c>
      <c r="E113567" s="15">
        <v>45428</v>
      </c>
      <c r="F113567" s="14" t="s">
        <v>15</v>
      </c>
      <c r="G113567" s="16">
        <v>0</v>
      </c>
    </row>
    <row r="113568" spans="1:7" x14ac:dyDescent="0.3">
      <c r="A113568" s="13" t="s">
        <v>542</v>
      </c>
      <c r="B113568" s="14" t="s">
        <v>1</v>
      </c>
      <c r="C113568" s="14" t="s">
        <v>96</v>
      </c>
      <c r="D113568" s="14" t="s">
        <v>128</v>
      </c>
      <c r="E113568" s="15">
        <v>45429</v>
      </c>
      <c r="F113568" s="14" t="s">
        <v>15</v>
      </c>
      <c r="G113568" s="16">
        <v>0</v>
      </c>
    </row>
    <row r="113569" spans="1:7" x14ac:dyDescent="0.3">
      <c r="A113569" s="13" t="s">
        <v>542</v>
      </c>
      <c r="B113569" s="14" t="s">
        <v>1</v>
      </c>
      <c r="C113569" s="14" t="s">
        <v>96</v>
      </c>
      <c r="D113569" s="14" t="s">
        <v>128</v>
      </c>
      <c r="E113569" s="15">
        <v>45430</v>
      </c>
      <c r="F113569" s="14" t="s">
        <v>15</v>
      </c>
      <c r="G113569" s="16">
        <v>0</v>
      </c>
    </row>
    <row r="113570" spans="1:7" x14ac:dyDescent="0.3">
      <c r="A113570" s="13" t="s">
        <v>542</v>
      </c>
      <c r="B113570" s="14" t="s">
        <v>1</v>
      </c>
      <c r="C113570" s="14" t="s">
        <v>96</v>
      </c>
      <c r="D113570" s="14" t="s">
        <v>128</v>
      </c>
      <c r="E113570" s="15">
        <v>45431</v>
      </c>
      <c r="F113570" s="14" t="s">
        <v>15</v>
      </c>
      <c r="G113570" s="16">
        <v>0</v>
      </c>
    </row>
    <row r="113571" spans="1:7" x14ac:dyDescent="0.3">
      <c r="A113571" s="13" t="s">
        <v>542</v>
      </c>
      <c r="B113571" s="14" t="s">
        <v>1</v>
      </c>
      <c r="C113571" s="14" t="s">
        <v>96</v>
      </c>
      <c r="D113571" s="14" t="s">
        <v>128</v>
      </c>
      <c r="E113571" s="15">
        <v>45432</v>
      </c>
      <c r="F113571" s="14" t="s">
        <v>15</v>
      </c>
      <c r="G113571" s="16">
        <v>0</v>
      </c>
    </row>
    <row r="113572" spans="1:7" x14ac:dyDescent="0.3">
      <c r="A113572" s="13" t="s">
        <v>542</v>
      </c>
      <c r="B113572" s="14" t="s">
        <v>1</v>
      </c>
      <c r="C113572" s="14" t="s">
        <v>96</v>
      </c>
      <c r="D113572" s="14" t="s">
        <v>128</v>
      </c>
      <c r="E113572" s="15">
        <v>45433</v>
      </c>
      <c r="F113572" s="14" t="s">
        <v>15</v>
      </c>
      <c r="G113572" s="16">
        <v>0</v>
      </c>
    </row>
    <row r="113573" spans="1:7" x14ac:dyDescent="0.3">
      <c r="A113573" s="13" t="s">
        <v>542</v>
      </c>
      <c r="B113573" s="14" t="s">
        <v>1</v>
      </c>
      <c r="C113573" s="14" t="s">
        <v>96</v>
      </c>
      <c r="D113573" s="14" t="s">
        <v>128</v>
      </c>
      <c r="E113573" s="15">
        <v>45434</v>
      </c>
      <c r="F113573" s="14" t="s">
        <v>15</v>
      </c>
      <c r="G113573" s="16">
        <v>0</v>
      </c>
    </row>
    <row r="113574" spans="1:7" x14ac:dyDescent="0.3">
      <c r="A113574" s="13" t="s">
        <v>542</v>
      </c>
      <c r="B113574" s="14" t="s">
        <v>1</v>
      </c>
      <c r="C113574" s="14" t="s">
        <v>96</v>
      </c>
      <c r="D113574" s="14" t="s">
        <v>128</v>
      </c>
      <c r="E113574" s="15">
        <v>45435</v>
      </c>
      <c r="F113574" s="14" t="s">
        <v>15</v>
      </c>
      <c r="G113574" s="16">
        <v>0</v>
      </c>
    </row>
    <row r="113575" spans="1:7" x14ac:dyDescent="0.3">
      <c r="A113575" s="13" t="s">
        <v>542</v>
      </c>
      <c r="B113575" s="14" t="s">
        <v>1</v>
      </c>
      <c r="C113575" s="14" t="s">
        <v>96</v>
      </c>
      <c r="D113575" s="14" t="s">
        <v>128</v>
      </c>
      <c r="E113575" s="15">
        <v>45436</v>
      </c>
      <c r="F113575" s="14" t="s">
        <v>15</v>
      </c>
      <c r="G113575" s="16">
        <v>0</v>
      </c>
    </row>
    <row r="113576" spans="1:7" x14ac:dyDescent="0.3">
      <c r="A113576" s="13" t="s">
        <v>542</v>
      </c>
      <c r="B113576" s="14" t="s">
        <v>1</v>
      </c>
      <c r="C113576" s="14" t="s">
        <v>96</v>
      </c>
      <c r="D113576" s="14" t="s">
        <v>128</v>
      </c>
      <c r="E113576" s="15">
        <v>45437</v>
      </c>
      <c r="F113576" s="14" t="s">
        <v>15</v>
      </c>
      <c r="G113576" s="16">
        <v>0</v>
      </c>
    </row>
    <row r="113577" spans="1:7" x14ac:dyDescent="0.3">
      <c r="A113577" s="13" t="s">
        <v>542</v>
      </c>
      <c r="B113577" s="14" t="s">
        <v>1</v>
      </c>
      <c r="C113577" s="14" t="s">
        <v>96</v>
      </c>
      <c r="D113577" s="14" t="s">
        <v>128</v>
      </c>
      <c r="E113577" s="15">
        <v>45438</v>
      </c>
      <c r="F113577" s="14" t="s">
        <v>15</v>
      </c>
      <c r="G113577" s="16">
        <v>0</v>
      </c>
    </row>
    <row r="113578" spans="1:7" x14ac:dyDescent="0.3">
      <c r="A113578" s="13" t="s">
        <v>542</v>
      </c>
      <c r="B113578" s="14" t="s">
        <v>1</v>
      </c>
      <c r="C113578" s="14" t="s">
        <v>96</v>
      </c>
      <c r="D113578" s="14" t="s">
        <v>128</v>
      </c>
      <c r="E113578" s="15">
        <v>45439</v>
      </c>
      <c r="F113578" s="14" t="s">
        <v>15</v>
      </c>
      <c r="G113578" s="16">
        <v>0</v>
      </c>
    </row>
    <row r="113579" spans="1:7" x14ac:dyDescent="0.3">
      <c r="A113579" s="13" t="s">
        <v>542</v>
      </c>
      <c r="B113579" s="14" t="s">
        <v>1</v>
      </c>
      <c r="C113579" s="14" t="s">
        <v>96</v>
      </c>
      <c r="D113579" s="14" t="s">
        <v>128</v>
      </c>
      <c r="E113579" s="15">
        <v>45440</v>
      </c>
      <c r="F113579" s="14" t="s">
        <v>15</v>
      </c>
      <c r="G113579" s="16">
        <v>0</v>
      </c>
    </row>
    <row r="113580" spans="1:7" x14ac:dyDescent="0.3">
      <c r="A113580" s="13" t="s">
        <v>542</v>
      </c>
      <c r="B113580" s="14" t="s">
        <v>1</v>
      </c>
      <c r="C113580" s="14" t="s">
        <v>96</v>
      </c>
      <c r="D113580" s="14" t="s">
        <v>128</v>
      </c>
      <c r="E113580" s="15">
        <v>45441</v>
      </c>
      <c r="F113580" s="14" t="s">
        <v>15</v>
      </c>
      <c r="G113580" s="16">
        <v>0</v>
      </c>
    </row>
    <row r="113581" spans="1:7" x14ac:dyDescent="0.3">
      <c r="A113581" s="13" t="s">
        <v>542</v>
      </c>
      <c r="B113581" s="14" t="s">
        <v>1</v>
      </c>
      <c r="C113581" s="14" t="s">
        <v>96</v>
      </c>
      <c r="D113581" s="14" t="s">
        <v>128</v>
      </c>
      <c r="E113581" s="15">
        <v>45442</v>
      </c>
      <c r="F113581" s="14" t="s">
        <v>15</v>
      </c>
      <c r="G113581" s="16">
        <v>0</v>
      </c>
    </row>
    <row r="113582" spans="1:7" x14ac:dyDescent="0.3">
      <c r="A113582" s="13" t="s">
        <v>542</v>
      </c>
      <c r="B113582" s="14" t="s">
        <v>1</v>
      </c>
      <c r="C113582" s="14" t="s">
        <v>96</v>
      </c>
      <c r="D113582" s="14" t="s">
        <v>128</v>
      </c>
      <c r="E113582" s="15">
        <v>45443</v>
      </c>
      <c r="F113582" s="14" t="s">
        <v>15</v>
      </c>
      <c r="G113582" s="16">
        <v>0</v>
      </c>
    </row>
    <row r="113583" spans="1:7" x14ac:dyDescent="0.3">
      <c r="A113583" s="13" t="s">
        <v>542</v>
      </c>
      <c r="B113583" s="14" t="s">
        <v>1</v>
      </c>
      <c r="C113583" s="14" t="s">
        <v>96</v>
      </c>
      <c r="D113583" s="14" t="s">
        <v>128</v>
      </c>
      <c r="E113583" s="15">
        <v>45444</v>
      </c>
      <c r="F113583" s="14" t="s">
        <v>15</v>
      </c>
      <c r="G113583" s="16">
        <v>0</v>
      </c>
    </row>
    <row r="113584" spans="1:7" x14ac:dyDescent="0.3">
      <c r="A113584" s="13" t="s">
        <v>542</v>
      </c>
      <c r="B113584" s="14" t="s">
        <v>1</v>
      </c>
      <c r="C113584" s="14" t="s">
        <v>96</v>
      </c>
      <c r="D113584" s="14" t="s">
        <v>128</v>
      </c>
      <c r="E113584" s="15">
        <v>45445</v>
      </c>
      <c r="F113584" s="14" t="s">
        <v>15</v>
      </c>
      <c r="G113584" s="16">
        <v>0</v>
      </c>
    </row>
    <row r="113585" spans="1:7" x14ac:dyDescent="0.3">
      <c r="A113585" s="13" t="s">
        <v>542</v>
      </c>
      <c r="B113585" s="14" t="s">
        <v>1</v>
      </c>
      <c r="C113585" s="14" t="s">
        <v>96</v>
      </c>
      <c r="D113585" s="14" t="s">
        <v>128</v>
      </c>
      <c r="E113585" s="15">
        <v>45446</v>
      </c>
      <c r="F113585" s="14" t="s">
        <v>15</v>
      </c>
      <c r="G113585" s="16">
        <v>0</v>
      </c>
    </row>
    <row r="113586" spans="1:7" x14ac:dyDescent="0.3">
      <c r="A113586" s="13" t="s">
        <v>542</v>
      </c>
      <c r="B113586" s="14" t="s">
        <v>1</v>
      </c>
      <c r="C113586" s="14" t="s">
        <v>96</v>
      </c>
      <c r="D113586" s="14" t="s">
        <v>128</v>
      </c>
      <c r="E113586" s="15">
        <v>45447</v>
      </c>
      <c r="F113586" s="14" t="s">
        <v>15</v>
      </c>
      <c r="G113586" s="16">
        <v>0</v>
      </c>
    </row>
    <row r="113587" spans="1:7" x14ac:dyDescent="0.3">
      <c r="A113587" s="13" t="s">
        <v>542</v>
      </c>
      <c r="B113587" s="14" t="s">
        <v>1</v>
      </c>
      <c r="C113587" s="14" t="s">
        <v>96</v>
      </c>
      <c r="D113587" s="14" t="s">
        <v>128</v>
      </c>
      <c r="E113587" s="15">
        <v>45448</v>
      </c>
      <c r="F113587" s="14" t="s">
        <v>15</v>
      </c>
      <c r="G113587" s="16">
        <v>0</v>
      </c>
    </row>
    <row r="113588" spans="1:7" x14ac:dyDescent="0.3">
      <c r="A113588" s="13" t="s">
        <v>542</v>
      </c>
      <c r="B113588" s="14" t="s">
        <v>1</v>
      </c>
      <c r="C113588" s="14" t="s">
        <v>96</v>
      </c>
      <c r="D113588" s="14" t="s">
        <v>128</v>
      </c>
      <c r="E113588" s="15">
        <v>45449</v>
      </c>
      <c r="F113588" s="14" t="s">
        <v>15</v>
      </c>
      <c r="G113588" s="16">
        <v>0</v>
      </c>
    </row>
    <row r="113589" spans="1:7" x14ac:dyDescent="0.3">
      <c r="A113589" s="13" t="s">
        <v>542</v>
      </c>
      <c r="B113589" s="14" t="s">
        <v>1</v>
      </c>
      <c r="C113589" s="14" t="s">
        <v>96</v>
      </c>
      <c r="D113589" s="14" t="s">
        <v>128</v>
      </c>
      <c r="E113589" s="15">
        <v>45450</v>
      </c>
      <c r="F113589" s="14" t="s">
        <v>15</v>
      </c>
      <c r="G113589" s="16">
        <v>0</v>
      </c>
    </row>
    <row r="113590" spans="1:7" x14ac:dyDescent="0.3">
      <c r="A113590" s="13" t="s">
        <v>542</v>
      </c>
      <c r="B113590" s="14" t="s">
        <v>1</v>
      </c>
      <c r="C113590" s="14" t="s">
        <v>96</v>
      </c>
      <c r="D113590" s="14" t="s">
        <v>128</v>
      </c>
      <c r="E113590" s="15">
        <v>45451</v>
      </c>
      <c r="F113590" s="14" t="s">
        <v>15</v>
      </c>
      <c r="G113590" s="16">
        <v>0</v>
      </c>
    </row>
    <row r="113591" spans="1:7" x14ac:dyDescent="0.3">
      <c r="A113591" s="13" t="s">
        <v>542</v>
      </c>
      <c r="B113591" s="14" t="s">
        <v>1</v>
      </c>
      <c r="C113591" s="14" t="s">
        <v>96</v>
      </c>
      <c r="D113591" s="14" t="s">
        <v>128</v>
      </c>
      <c r="E113591" s="15">
        <v>45452</v>
      </c>
      <c r="F113591" s="14" t="s">
        <v>15</v>
      </c>
      <c r="G113591" s="16">
        <v>0</v>
      </c>
    </row>
    <row r="113592" spans="1:7" x14ac:dyDescent="0.3">
      <c r="A113592" s="13" t="s">
        <v>542</v>
      </c>
      <c r="B113592" s="14" t="s">
        <v>1</v>
      </c>
      <c r="C113592" s="14" t="s">
        <v>96</v>
      </c>
      <c r="D113592" s="14" t="s">
        <v>128</v>
      </c>
      <c r="E113592" s="15">
        <v>45453</v>
      </c>
      <c r="F113592" s="14" t="s">
        <v>15</v>
      </c>
      <c r="G113592" s="16">
        <v>0</v>
      </c>
    </row>
    <row r="113593" spans="1:7" x14ac:dyDescent="0.3">
      <c r="A113593" s="13" t="s">
        <v>542</v>
      </c>
      <c r="B113593" s="14" t="s">
        <v>1</v>
      </c>
      <c r="C113593" s="14" t="s">
        <v>96</v>
      </c>
      <c r="D113593" s="14" t="s">
        <v>128</v>
      </c>
      <c r="E113593" s="15">
        <v>45454</v>
      </c>
      <c r="F113593" s="14" t="s">
        <v>15</v>
      </c>
      <c r="G113593" s="16">
        <v>0</v>
      </c>
    </row>
    <row r="113594" spans="1:7" x14ac:dyDescent="0.3">
      <c r="A113594" s="13" t="s">
        <v>542</v>
      </c>
      <c r="B113594" s="14" t="s">
        <v>1</v>
      </c>
      <c r="C113594" s="14" t="s">
        <v>96</v>
      </c>
      <c r="D113594" s="14" t="s">
        <v>128</v>
      </c>
      <c r="E113594" s="15">
        <v>45455</v>
      </c>
      <c r="F113594" s="14" t="s">
        <v>15</v>
      </c>
      <c r="G113594" s="16">
        <v>0</v>
      </c>
    </row>
    <row r="113595" spans="1:7" x14ac:dyDescent="0.3">
      <c r="A113595" s="13" t="s">
        <v>542</v>
      </c>
      <c r="B113595" s="14" t="s">
        <v>1</v>
      </c>
      <c r="C113595" s="14" t="s">
        <v>96</v>
      </c>
      <c r="D113595" s="14" t="s">
        <v>128</v>
      </c>
      <c r="E113595" s="15">
        <v>45456</v>
      </c>
      <c r="F113595" s="14" t="s">
        <v>15</v>
      </c>
      <c r="G113595" s="16">
        <v>0</v>
      </c>
    </row>
    <row r="113596" spans="1:7" x14ac:dyDescent="0.3">
      <c r="A113596" s="13" t="s">
        <v>542</v>
      </c>
      <c r="B113596" s="14" t="s">
        <v>1</v>
      </c>
      <c r="C113596" s="14" t="s">
        <v>96</v>
      </c>
      <c r="D113596" s="14" t="s">
        <v>128</v>
      </c>
      <c r="E113596" s="15">
        <v>45457</v>
      </c>
      <c r="F113596" s="14" t="s">
        <v>15</v>
      </c>
      <c r="G113596" s="16">
        <v>0</v>
      </c>
    </row>
    <row r="113597" spans="1:7" x14ac:dyDescent="0.3">
      <c r="A113597" s="13" t="s">
        <v>542</v>
      </c>
      <c r="B113597" s="14" t="s">
        <v>1</v>
      </c>
      <c r="C113597" s="14" t="s">
        <v>96</v>
      </c>
      <c r="D113597" s="14" t="s">
        <v>128</v>
      </c>
      <c r="E113597" s="15">
        <v>45458</v>
      </c>
      <c r="F113597" s="14" t="s">
        <v>15</v>
      </c>
      <c r="G113597" s="16">
        <v>0</v>
      </c>
    </row>
    <row r="113598" spans="1:7" x14ac:dyDescent="0.3">
      <c r="A113598" s="13" t="s">
        <v>542</v>
      </c>
      <c r="B113598" s="14" t="s">
        <v>1</v>
      </c>
      <c r="C113598" s="14" t="s">
        <v>96</v>
      </c>
      <c r="D113598" s="14" t="s">
        <v>128</v>
      </c>
      <c r="E113598" s="15">
        <v>45459</v>
      </c>
      <c r="F113598" s="14" t="s">
        <v>15</v>
      </c>
      <c r="G113598" s="16">
        <v>0</v>
      </c>
    </row>
    <row r="113599" spans="1:7" x14ac:dyDescent="0.3">
      <c r="A113599" s="13" t="s">
        <v>542</v>
      </c>
      <c r="B113599" s="14" t="s">
        <v>1</v>
      </c>
      <c r="C113599" s="14" t="s">
        <v>96</v>
      </c>
      <c r="D113599" s="14" t="s">
        <v>128</v>
      </c>
      <c r="E113599" s="15">
        <v>45460</v>
      </c>
      <c r="F113599" s="14" t="s">
        <v>15</v>
      </c>
      <c r="G113599" s="16">
        <v>0</v>
      </c>
    </row>
    <row r="113600" spans="1:7" x14ac:dyDescent="0.3">
      <c r="A113600" s="13" t="s">
        <v>542</v>
      </c>
      <c r="B113600" s="14" t="s">
        <v>1</v>
      </c>
      <c r="C113600" s="14" t="s">
        <v>96</v>
      </c>
      <c r="D113600" s="14" t="s">
        <v>128</v>
      </c>
      <c r="E113600" s="15">
        <v>45461</v>
      </c>
      <c r="F113600" s="14" t="s">
        <v>15</v>
      </c>
      <c r="G113600" s="16">
        <v>0</v>
      </c>
    </row>
    <row r="113601" spans="1:7" x14ac:dyDescent="0.3">
      <c r="A113601" s="13" t="s">
        <v>542</v>
      </c>
      <c r="B113601" s="14" t="s">
        <v>1</v>
      </c>
      <c r="C113601" s="14" t="s">
        <v>96</v>
      </c>
      <c r="D113601" s="14" t="s">
        <v>128</v>
      </c>
      <c r="E113601" s="15">
        <v>45462</v>
      </c>
      <c r="F113601" s="14" t="s">
        <v>15</v>
      </c>
      <c r="G113601" s="16">
        <v>0</v>
      </c>
    </row>
    <row r="113602" spans="1:7" x14ac:dyDescent="0.3">
      <c r="A113602" s="13" t="s">
        <v>542</v>
      </c>
      <c r="B113602" s="14" t="s">
        <v>1</v>
      </c>
      <c r="C113602" s="14" t="s">
        <v>96</v>
      </c>
      <c r="D113602" s="14" t="s">
        <v>128</v>
      </c>
      <c r="E113602" s="15">
        <v>45463</v>
      </c>
      <c r="F113602" s="14" t="s">
        <v>15</v>
      </c>
      <c r="G113602" s="16">
        <v>0</v>
      </c>
    </row>
    <row r="113603" spans="1:7" x14ac:dyDescent="0.3">
      <c r="A113603" s="13" t="s">
        <v>542</v>
      </c>
      <c r="B113603" s="14" t="s">
        <v>1</v>
      </c>
      <c r="C113603" s="14" t="s">
        <v>96</v>
      </c>
      <c r="D113603" s="14" t="s">
        <v>128</v>
      </c>
      <c r="E113603" s="15">
        <v>45464</v>
      </c>
      <c r="F113603" s="14" t="s">
        <v>15</v>
      </c>
      <c r="G113603" s="16">
        <v>0</v>
      </c>
    </row>
    <row r="113604" spans="1:7" x14ac:dyDescent="0.3">
      <c r="A113604" s="13" t="s">
        <v>542</v>
      </c>
      <c r="B113604" s="14" t="s">
        <v>1</v>
      </c>
      <c r="C113604" s="14" t="s">
        <v>96</v>
      </c>
      <c r="D113604" s="14" t="s">
        <v>128</v>
      </c>
      <c r="E113604" s="15">
        <v>45465</v>
      </c>
      <c r="F113604" s="14" t="s">
        <v>15</v>
      </c>
      <c r="G113604" s="16">
        <v>0</v>
      </c>
    </row>
    <row r="113605" spans="1:7" x14ac:dyDescent="0.3">
      <c r="A113605" s="13" t="s">
        <v>542</v>
      </c>
      <c r="B113605" s="14" t="s">
        <v>1</v>
      </c>
      <c r="C113605" s="14" t="s">
        <v>96</v>
      </c>
      <c r="D113605" s="14" t="s">
        <v>128</v>
      </c>
      <c r="E113605" s="15">
        <v>45466</v>
      </c>
      <c r="F113605" s="14" t="s">
        <v>15</v>
      </c>
      <c r="G113605" s="16">
        <v>0</v>
      </c>
    </row>
    <row r="113606" spans="1:7" x14ac:dyDescent="0.3">
      <c r="A113606" s="13" t="s">
        <v>542</v>
      </c>
      <c r="B113606" s="14" t="s">
        <v>1</v>
      </c>
      <c r="C113606" s="14" t="s">
        <v>96</v>
      </c>
      <c r="D113606" s="14" t="s">
        <v>128</v>
      </c>
      <c r="E113606" s="15">
        <v>45467</v>
      </c>
      <c r="F113606" s="14" t="s">
        <v>15</v>
      </c>
      <c r="G113606" s="16">
        <v>0</v>
      </c>
    </row>
    <row r="113607" spans="1:7" x14ac:dyDescent="0.3">
      <c r="A113607" s="13" t="s">
        <v>542</v>
      </c>
      <c r="B113607" s="14" t="s">
        <v>1</v>
      </c>
      <c r="C113607" s="14" t="s">
        <v>96</v>
      </c>
      <c r="D113607" s="14" t="s">
        <v>128</v>
      </c>
      <c r="E113607" s="15">
        <v>45468</v>
      </c>
      <c r="F113607" s="14" t="s">
        <v>15</v>
      </c>
      <c r="G113607" s="16">
        <v>0</v>
      </c>
    </row>
    <row r="113608" spans="1:7" x14ac:dyDescent="0.3">
      <c r="A113608" s="13" t="s">
        <v>542</v>
      </c>
      <c r="B113608" s="14" t="s">
        <v>1</v>
      </c>
      <c r="C113608" s="14" t="s">
        <v>96</v>
      </c>
      <c r="D113608" s="14" t="s">
        <v>128</v>
      </c>
      <c r="E113608" s="15">
        <v>45469</v>
      </c>
      <c r="F113608" s="14" t="s">
        <v>15</v>
      </c>
      <c r="G113608" s="16">
        <v>0</v>
      </c>
    </row>
    <row r="113609" spans="1:7" x14ac:dyDescent="0.3">
      <c r="A113609" s="13" t="s">
        <v>542</v>
      </c>
      <c r="B113609" s="14" t="s">
        <v>1</v>
      </c>
      <c r="C113609" s="14" t="s">
        <v>96</v>
      </c>
      <c r="D113609" s="14" t="s">
        <v>128</v>
      </c>
      <c r="E113609" s="15">
        <v>45470</v>
      </c>
      <c r="F113609" s="14" t="s">
        <v>15</v>
      </c>
      <c r="G113609" s="16">
        <v>0</v>
      </c>
    </row>
    <row r="113610" spans="1:7" x14ac:dyDescent="0.3">
      <c r="A113610" s="13" t="s">
        <v>542</v>
      </c>
      <c r="B113610" s="14" t="s">
        <v>1</v>
      </c>
      <c r="C113610" s="14" t="s">
        <v>96</v>
      </c>
      <c r="D113610" s="14" t="s">
        <v>128</v>
      </c>
      <c r="E113610" s="15">
        <v>45471</v>
      </c>
      <c r="F113610" s="14" t="s">
        <v>15</v>
      </c>
      <c r="G113610" s="16">
        <v>0</v>
      </c>
    </row>
    <row r="113611" spans="1:7" x14ac:dyDescent="0.3">
      <c r="A113611" s="13" t="s">
        <v>542</v>
      </c>
      <c r="B113611" s="14" t="s">
        <v>1</v>
      </c>
      <c r="C113611" s="14" t="s">
        <v>96</v>
      </c>
      <c r="D113611" s="14" t="s">
        <v>128</v>
      </c>
      <c r="E113611" s="15">
        <v>45472</v>
      </c>
      <c r="F113611" s="14" t="s">
        <v>15</v>
      </c>
      <c r="G113611" s="16">
        <v>0</v>
      </c>
    </row>
    <row r="113612" spans="1:7" x14ac:dyDescent="0.3">
      <c r="A113612" s="13" t="s">
        <v>542</v>
      </c>
      <c r="B113612" s="14" t="s">
        <v>1</v>
      </c>
      <c r="C113612" s="14" t="s">
        <v>96</v>
      </c>
      <c r="D113612" s="14" t="s">
        <v>128</v>
      </c>
      <c r="E113612" s="15">
        <v>45473</v>
      </c>
      <c r="F113612" s="14" t="s">
        <v>15</v>
      </c>
      <c r="G113612" s="16">
        <v>0</v>
      </c>
    </row>
    <row r="113613" spans="1:7" x14ac:dyDescent="0.3">
      <c r="A113613" s="13" t="s">
        <v>542</v>
      </c>
      <c r="B113613" s="14" t="s">
        <v>1</v>
      </c>
      <c r="C113613" s="14" t="s">
        <v>96</v>
      </c>
      <c r="D113613" s="14" t="s">
        <v>128</v>
      </c>
      <c r="E113613" s="15">
        <v>45474</v>
      </c>
      <c r="F113613" s="14" t="s">
        <v>15</v>
      </c>
      <c r="G113613" s="16">
        <v>0</v>
      </c>
    </row>
    <row r="113614" spans="1:7" x14ac:dyDescent="0.3">
      <c r="A113614" s="13" t="s">
        <v>542</v>
      </c>
      <c r="B113614" s="14" t="s">
        <v>1</v>
      </c>
      <c r="C113614" s="14" t="s">
        <v>96</v>
      </c>
      <c r="D113614" s="14" t="s">
        <v>128</v>
      </c>
      <c r="E113614" s="15">
        <v>45475</v>
      </c>
      <c r="F113614" s="14" t="s">
        <v>15</v>
      </c>
      <c r="G113614" s="16">
        <v>0</v>
      </c>
    </row>
    <row r="113615" spans="1:7" x14ac:dyDescent="0.3">
      <c r="A113615" s="13" t="s">
        <v>542</v>
      </c>
      <c r="B113615" s="14" t="s">
        <v>1</v>
      </c>
      <c r="C113615" s="14" t="s">
        <v>96</v>
      </c>
      <c r="D113615" s="14" t="s">
        <v>128</v>
      </c>
      <c r="E113615" s="15">
        <v>45476</v>
      </c>
      <c r="F113615" s="14" t="s">
        <v>15</v>
      </c>
      <c r="G113615" s="16">
        <v>0</v>
      </c>
    </row>
    <row r="113616" spans="1:7" x14ac:dyDescent="0.3">
      <c r="A113616" s="13" t="s">
        <v>542</v>
      </c>
      <c r="B113616" s="14" t="s">
        <v>1</v>
      </c>
      <c r="C113616" s="14" t="s">
        <v>96</v>
      </c>
      <c r="D113616" s="14" t="s">
        <v>128</v>
      </c>
      <c r="E113616" s="15">
        <v>45477</v>
      </c>
      <c r="F113616" s="14" t="s">
        <v>15</v>
      </c>
      <c r="G113616" s="16">
        <v>0</v>
      </c>
    </row>
    <row r="113617" spans="1:7" x14ac:dyDescent="0.3">
      <c r="A113617" s="13" t="s">
        <v>542</v>
      </c>
      <c r="B113617" s="14" t="s">
        <v>1</v>
      </c>
      <c r="C113617" s="14" t="s">
        <v>96</v>
      </c>
      <c r="D113617" s="14" t="s">
        <v>128</v>
      </c>
      <c r="E113617" s="15">
        <v>45478</v>
      </c>
      <c r="F113617" s="14" t="s">
        <v>15</v>
      </c>
      <c r="G113617" s="16">
        <v>0</v>
      </c>
    </row>
    <row r="113618" spans="1:7" x14ac:dyDescent="0.3">
      <c r="A113618" s="13" t="s">
        <v>542</v>
      </c>
      <c r="B113618" s="14" t="s">
        <v>1</v>
      </c>
      <c r="C113618" s="14" t="s">
        <v>96</v>
      </c>
      <c r="D113618" s="14" t="s">
        <v>128</v>
      </c>
      <c r="E113618" s="15">
        <v>45479</v>
      </c>
      <c r="F113618" s="14" t="s">
        <v>15</v>
      </c>
      <c r="G113618" s="16">
        <v>0</v>
      </c>
    </row>
    <row r="113619" spans="1:7" x14ac:dyDescent="0.3">
      <c r="A113619" s="13" t="s">
        <v>542</v>
      </c>
      <c r="B113619" s="14" t="s">
        <v>1</v>
      </c>
      <c r="C113619" s="14" t="s">
        <v>96</v>
      </c>
      <c r="D113619" s="14" t="s">
        <v>128</v>
      </c>
      <c r="E113619" s="15">
        <v>45480</v>
      </c>
      <c r="F113619" s="14" t="s">
        <v>15</v>
      </c>
      <c r="G113619" s="16">
        <v>0</v>
      </c>
    </row>
    <row r="113620" spans="1:7" x14ac:dyDescent="0.3">
      <c r="A113620" s="13" t="s">
        <v>542</v>
      </c>
      <c r="B113620" s="14" t="s">
        <v>1</v>
      </c>
      <c r="C113620" s="14" t="s">
        <v>96</v>
      </c>
      <c r="D113620" s="14" t="s">
        <v>128</v>
      </c>
      <c r="E113620" s="15">
        <v>45481</v>
      </c>
      <c r="F113620" s="14" t="s">
        <v>15</v>
      </c>
      <c r="G113620" s="16">
        <v>0</v>
      </c>
    </row>
    <row r="113621" spans="1:7" x14ac:dyDescent="0.3">
      <c r="A113621" s="13" t="s">
        <v>542</v>
      </c>
      <c r="B113621" s="14" t="s">
        <v>1</v>
      </c>
      <c r="C113621" s="14" t="s">
        <v>96</v>
      </c>
      <c r="D113621" s="14" t="s">
        <v>128</v>
      </c>
      <c r="E113621" s="15">
        <v>45482</v>
      </c>
      <c r="F113621" s="14" t="s">
        <v>15</v>
      </c>
      <c r="G113621" s="16">
        <v>0</v>
      </c>
    </row>
    <row r="113622" spans="1:7" x14ac:dyDescent="0.3">
      <c r="A113622" s="13" t="s">
        <v>542</v>
      </c>
      <c r="B113622" s="14" t="s">
        <v>1</v>
      </c>
      <c r="C113622" s="14" t="s">
        <v>96</v>
      </c>
      <c r="D113622" s="14" t="s">
        <v>128</v>
      </c>
      <c r="E113622" s="15">
        <v>45483</v>
      </c>
      <c r="F113622" s="14" t="s">
        <v>15</v>
      </c>
      <c r="G113622" s="16">
        <v>0</v>
      </c>
    </row>
    <row r="113623" spans="1:7" x14ac:dyDescent="0.3">
      <c r="A113623" s="13" t="s">
        <v>542</v>
      </c>
      <c r="B113623" s="14" t="s">
        <v>1</v>
      </c>
      <c r="C113623" s="14" t="s">
        <v>96</v>
      </c>
      <c r="D113623" s="14" t="s">
        <v>128</v>
      </c>
      <c r="E113623" s="15">
        <v>45484</v>
      </c>
      <c r="F113623" s="14" t="s">
        <v>15</v>
      </c>
      <c r="G113623" s="16">
        <v>0</v>
      </c>
    </row>
    <row r="113624" spans="1:7" x14ac:dyDescent="0.3">
      <c r="A113624" s="13" t="s">
        <v>542</v>
      </c>
      <c r="B113624" s="14" t="s">
        <v>1</v>
      </c>
      <c r="C113624" s="14" t="s">
        <v>96</v>
      </c>
      <c r="D113624" s="14" t="s">
        <v>128</v>
      </c>
      <c r="E113624" s="15">
        <v>45485</v>
      </c>
      <c r="F113624" s="14" t="s">
        <v>15</v>
      </c>
      <c r="G113624" s="16">
        <v>0</v>
      </c>
    </row>
    <row r="113625" spans="1:7" x14ac:dyDescent="0.3">
      <c r="A113625" s="13" t="s">
        <v>542</v>
      </c>
      <c r="B113625" s="14" t="s">
        <v>1</v>
      </c>
      <c r="C113625" s="14" t="s">
        <v>96</v>
      </c>
      <c r="D113625" s="14" t="s">
        <v>128</v>
      </c>
      <c r="E113625" s="15">
        <v>45486</v>
      </c>
      <c r="F113625" s="14" t="s">
        <v>15</v>
      </c>
      <c r="G113625" s="16">
        <v>0</v>
      </c>
    </row>
    <row r="113626" spans="1:7" x14ac:dyDescent="0.3">
      <c r="A113626" s="13" t="s">
        <v>542</v>
      </c>
      <c r="B113626" s="14" t="s">
        <v>1</v>
      </c>
      <c r="C113626" s="14" t="s">
        <v>96</v>
      </c>
      <c r="D113626" s="14" t="s">
        <v>128</v>
      </c>
      <c r="E113626" s="15">
        <v>45487</v>
      </c>
      <c r="F113626" s="14" t="s">
        <v>15</v>
      </c>
      <c r="G113626" s="16">
        <v>0</v>
      </c>
    </row>
    <row r="113627" spans="1:7" x14ac:dyDescent="0.3">
      <c r="A113627" s="13" t="s">
        <v>542</v>
      </c>
      <c r="B113627" s="14" t="s">
        <v>1</v>
      </c>
      <c r="C113627" s="14" t="s">
        <v>96</v>
      </c>
      <c r="D113627" s="14" t="s">
        <v>128</v>
      </c>
      <c r="E113627" s="15">
        <v>45488</v>
      </c>
      <c r="F113627" s="14" t="s">
        <v>15</v>
      </c>
      <c r="G113627" s="16">
        <v>0</v>
      </c>
    </row>
    <row r="113628" spans="1:7" x14ac:dyDescent="0.3">
      <c r="A113628" s="13" t="s">
        <v>542</v>
      </c>
      <c r="B113628" s="14" t="s">
        <v>1</v>
      </c>
      <c r="C113628" s="14" t="s">
        <v>96</v>
      </c>
      <c r="D113628" s="14" t="s">
        <v>128</v>
      </c>
      <c r="E113628" s="15">
        <v>45489</v>
      </c>
      <c r="F113628" s="14" t="s">
        <v>15</v>
      </c>
      <c r="G113628" s="16">
        <v>0</v>
      </c>
    </row>
    <row r="113629" spans="1:7" x14ac:dyDescent="0.3">
      <c r="A113629" s="13" t="s">
        <v>542</v>
      </c>
      <c r="B113629" s="14" t="s">
        <v>1</v>
      </c>
      <c r="C113629" s="14" t="s">
        <v>96</v>
      </c>
      <c r="D113629" s="14" t="s">
        <v>128</v>
      </c>
      <c r="E113629" s="15">
        <v>45490</v>
      </c>
      <c r="F113629" s="14" t="s">
        <v>15</v>
      </c>
      <c r="G113629" s="16">
        <v>0</v>
      </c>
    </row>
    <row r="113630" spans="1:7" x14ac:dyDescent="0.3">
      <c r="A113630" s="13" t="s">
        <v>542</v>
      </c>
      <c r="B113630" s="14" t="s">
        <v>1</v>
      </c>
      <c r="C113630" s="14" t="s">
        <v>96</v>
      </c>
      <c r="D113630" s="14" t="s">
        <v>128</v>
      </c>
      <c r="E113630" s="15">
        <v>45491</v>
      </c>
      <c r="F113630" s="14" t="s">
        <v>15</v>
      </c>
      <c r="G113630" s="16">
        <v>0</v>
      </c>
    </row>
    <row r="113631" spans="1:7" x14ac:dyDescent="0.3">
      <c r="A113631" s="13" t="s">
        <v>542</v>
      </c>
      <c r="B113631" s="14" t="s">
        <v>1</v>
      </c>
      <c r="C113631" s="14" t="s">
        <v>96</v>
      </c>
      <c r="D113631" s="14" t="s">
        <v>128</v>
      </c>
      <c r="E113631" s="15">
        <v>45492</v>
      </c>
      <c r="F113631" s="14" t="s">
        <v>15</v>
      </c>
      <c r="G113631" s="16">
        <v>0</v>
      </c>
    </row>
    <row r="113632" spans="1:7" x14ac:dyDescent="0.3">
      <c r="A113632" s="13" t="s">
        <v>542</v>
      </c>
      <c r="B113632" s="14" t="s">
        <v>1</v>
      </c>
      <c r="C113632" s="14" t="s">
        <v>96</v>
      </c>
      <c r="D113632" s="14" t="s">
        <v>128</v>
      </c>
      <c r="E113632" s="15">
        <v>45493</v>
      </c>
      <c r="F113632" s="14" t="s">
        <v>15</v>
      </c>
      <c r="G113632" s="16">
        <v>0</v>
      </c>
    </row>
    <row r="113633" spans="1:7" x14ac:dyDescent="0.3">
      <c r="A113633" s="13" t="s">
        <v>542</v>
      </c>
      <c r="B113633" s="14" t="s">
        <v>1</v>
      </c>
      <c r="C113633" s="14" t="s">
        <v>96</v>
      </c>
      <c r="D113633" s="14" t="s">
        <v>128</v>
      </c>
      <c r="E113633" s="15">
        <v>45494</v>
      </c>
      <c r="F113633" s="14" t="s">
        <v>15</v>
      </c>
      <c r="G113633" s="16">
        <v>0</v>
      </c>
    </row>
    <row r="113634" spans="1:7" x14ac:dyDescent="0.3">
      <c r="A113634" s="13" t="s">
        <v>542</v>
      </c>
      <c r="B113634" s="14" t="s">
        <v>1</v>
      </c>
      <c r="C113634" s="14" t="s">
        <v>96</v>
      </c>
      <c r="D113634" s="14" t="s">
        <v>128</v>
      </c>
      <c r="E113634" s="15">
        <v>45495</v>
      </c>
      <c r="F113634" s="14" t="s">
        <v>15</v>
      </c>
      <c r="G113634" s="16">
        <v>0</v>
      </c>
    </row>
    <row r="113635" spans="1:7" x14ac:dyDescent="0.3">
      <c r="A113635" s="13" t="s">
        <v>542</v>
      </c>
      <c r="B113635" s="14" t="s">
        <v>1</v>
      </c>
      <c r="C113635" s="14" t="s">
        <v>96</v>
      </c>
      <c r="D113635" s="14" t="s">
        <v>128</v>
      </c>
      <c r="E113635" s="15">
        <v>45496</v>
      </c>
      <c r="F113635" s="14" t="s">
        <v>15</v>
      </c>
      <c r="G113635" s="16">
        <v>0</v>
      </c>
    </row>
    <row r="113636" spans="1:7" x14ac:dyDescent="0.3">
      <c r="A113636" s="13" t="s">
        <v>542</v>
      </c>
      <c r="B113636" s="14" t="s">
        <v>1</v>
      </c>
      <c r="C113636" s="14" t="s">
        <v>96</v>
      </c>
      <c r="D113636" s="14" t="s">
        <v>128</v>
      </c>
      <c r="E113636" s="15">
        <v>45497</v>
      </c>
      <c r="F113636" s="14" t="s">
        <v>15</v>
      </c>
      <c r="G113636" s="16">
        <v>0</v>
      </c>
    </row>
    <row r="113637" spans="1:7" x14ac:dyDescent="0.3">
      <c r="A113637" s="13" t="s">
        <v>542</v>
      </c>
      <c r="B113637" s="14" t="s">
        <v>1</v>
      </c>
      <c r="C113637" s="14" t="s">
        <v>96</v>
      </c>
      <c r="D113637" s="14" t="s">
        <v>128</v>
      </c>
      <c r="E113637" s="15">
        <v>45498</v>
      </c>
      <c r="F113637" s="14" t="s">
        <v>15</v>
      </c>
      <c r="G113637" s="16">
        <v>0</v>
      </c>
    </row>
    <row r="113638" spans="1:7" x14ac:dyDescent="0.3">
      <c r="A113638" s="13" t="s">
        <v>542</v>
      </c>
      <c r="B113638" s="14" t="s">
        <v>1</v>
      </c>
      <c r="C113638" s="14" t="s">
        <v>96</v>
      </c>
      <c r="D113638" s="14" t="s">
        <v>128</v>
      </c>
      <c r="E113638" s="15">
        <v>45499</v>
      </c>
      <c r="F113638" s="14" t="s">
        <v>15</v>
      </c>
      <c r="G113638" s="16">
        <v>0</v>
      </c>
    </row>
    <row r="113639" spans="1:7" x14ac:dyDescent="0.3">
      <c r="A113639" s="13" t="s">
        <v>542</v>
      </c>
      <c r="B113639" s="14" t="s">
        <v>1</v>
      </c>
      <c r="C113639" s="14" t="s">
        <v>96</v>
      </c>
      <c r="D113639" s="14" t="s">
        <v>128</v>
      </c>
      <c r="E113639" s="15">
        <v>45500</v>
      </c>
      <c r="F113639" s="14" t="s">
        <v>15</v>
      </c>
      <c r="G113639" s="16">
        <v>0</v>
      </c>
    </row>
    <row r="113640" spans="1:7" x14ac:dyDescent="0.3">
      <c r="A113640" s="13" t="s">
        <v>542</v>
      </c>
      <c r="B113640" s="14" t="s">
        <v>1</v>
      </c>
      <c r="C113640" s="14" t="s">
        <v>96</v>
      </c>
      <c r="D113640" s="14" t="s">
        <v>128</v>
      </c>
      <c r="E113640" s="15">
        <v>45501</v>
      </c>
      <c r="F113640" s="14" t="s">
        <v>15</v>
      </c>
      <c r="G113640" s="16">
        <v>0</v>
      </c>
    </row>
    <row r="113641" spans="1:7" x14ac:dyDescent="0.3">
      <c r="A113641" s="13" t="s">
        <v>542</v>
      </c>
      <c r="B113641" s="14" t="s">
        <v>1</v>
      </c>
      <c r="C113641" s="14" t="s">
        <v>96</v>
      </c>
      <c r="D113641" s="14" t="s">
        <v>128</v>
      </c>
      <c r="E113641" s="15">
        <v>45502</v>
      </c>
      <c r="F113641" s="14" t="s">
        <v>15</v>
      </c>
      <c r="G113641" s="16">
        <v>0</v>
      </c>
    </row>
    <row r="113642" spans="1:7" x14ac:dyDescent="0.3">
      <c r="A113642" s="13" t="s">
        <v>542</v>
      </c>
      <c r="B113642" s="14" t="s">
        <v>1</v>
      </c>
      <c r="C113642" s="14" t="s">
        <v>96</v>
      </c>
      <c r="D113642" s="14" t="s">
        <v>128</v>
      </c>
      <c r="E113642" s="15">
        <v>45503</v>
      </c>
      <c r="F113642" s="14" t="s">
        <v>15</v>
      </c>
      <c r="G113642" s="16">
        <v>0</v>
      </c>
    </row>
    <row r="113643" spans="1:7" x14ac:dyDescent="0.3">
      <c r="A113643" s="13" t="s">
        <v>542</v>
      </c>
      <c r="B113643" s="14" t="s">
        <v>1</v>
      </c>
      <c r="C113643" s="14" t="s">
        <v>96</v>
      </c>
      <c r="D113643" s="14" t="s">
        <v>128</v>
      </c>
      <c r="E113643" s="15">
        <v>45504</v>
      </c>
      <c r="F113643" s="14" t="s">
        <v>15</v>
      </c>
      <c r="G113643" s="16">
        <v>0</v>
      </c>
    </row>
    <row r="113644" spans="1:7" x14ac:dyDescent="0.3">
      <c r="A113644" s="13" t="s">
        <v>542</v>
      </c>
      <c r="B113644" s="14" t="s">
        <v>1</v>
      </c>
      <c r="C113644" s="14" t="s">
        <v>96</v>
      </c>
      <c r="D113644" s="14" t="s">
        <v>128</v>
      </c>
      <c r="E113644" s="15">
        <v>45505</v>
      </c>
      <c r="F113644" s="14" t="s">
        <v>15</v>
      </c>
      <c r="G113644" s="16">
        <v>0</v>
      </c>
    </row>
    <row r="113645" spans="1:7" x14ac:dyDescent="0.3">
      <c r="A113645" s="13" t="s">
        <v>542</v>
      </c>
      <c r="B113645" s="14" t="s">
        <v>1</v>
      </c>
      <c r="C113645" s="14" t="s">
        <v>96</v>
      </c>
      <c r="D113645" s="14" t="s">
        <v>128</v>
      </c>
      <c r="E113645" s="15">
        <v>45506</v>
      </c>
      <c r="F113645" s="14" t="s">
        <v>15</v>
      </c>
      <c r="G113645" s="16">
        <v>0</v>
      </c>
    </row>
    <row r="113646" spans="1:7" x14ac:dyDescent="0.3">
      <c r="A113646" s="13" t="s">
        <v>542</v>
      </c>
      <c r="B113646" s="14" t="s">
        <v>1</v>
      </c>
      <c r="C113646" s="14" t="s">
        <v>96</v>
      </c>
      <c r="D113646" s="14" t="s">
        <v>128</v>
      </c>
      <c r="E113646" s="15">
        <v>45507</v>
      </c>
      <c r="F113646" s="14" t="s">
        <v>15</v>
      </c>
      <c r="G113646" s="16">
        <v>0</v>
      </c>
    </row>
    <row r="113647" spans="1:7" x14ac:dyDescent="0.3">
      <c r="A113647" s="13" t="s">
        <v>542</v>
      </c>
      <c r="B113647" s="14" t="s">
        <v>1</v>
      </c>
      <c r="C113647" s="14" t="s">
        <v>96</v>
      </c>
      <c r="D113647" s="14" t="s">
        <v>128</v>
      </c>
      <c r="E113647" s="15">
        <v>45508</v>
      </c>
      <c r="F113647" s="14" t="s">
        <v>15</v>
      </c>
      <c r="G113647" s="16">
        <v>0</v>
      </c>
    </row>
    <row r="113648" spans="1:7" x14ac:dyDescent="0.3">
      <c r="A113648" s="13" t="s">
        <v>542</v>
      </c>
      <c r="B113648" s="14" t="s">
        <v>1</v>
      </c>
      <c r="C113648" s="14" t="s">
        <v>96</v>
      </c>
      <c r="D113648" s="14" t="s">
        <v>128</v>
      </c>
      <c r="E113648" s="15">
        <v>45509</v>
      </c>
      <c r="F113648" s="14" t="s">
        <v>15</v>
      </c>
      <c r="G113648" s="16">
        <v>0</v>
      </c>
    </row>
    <row r="113649" spans="1:7" x14ac:dyDescent="0.3">
      <c r="A113649" s="13" t="s">
        <v>542</v>
      </c>
      <c r="B113649" s="14" t="s">
        <v>1</v>
      </c>
      <c r="C113649" s="14" t="s">
        <v>96</v>
      </c>
      <c r="D113649" s="14" t="s">
        <v>128</v>
      </c>
      <c r="E113649" s="15">
        <v>45510</v>
      </c>
      <c r="F113649" s="14" t="s">
        <v>15</v>
      </c>
      <c r="G113649" s="16">
        <v>0</v>
      </c>
    </row>
    <row r="113650" spans="1:7" x14ac:dyDescent="0.3">
      <c r="A113650" s="13" t="s">
        <v>542</v>
      </c>
      <c r="B113650" s="14" t="s">
        <v>1</v>
      </c>
      <c r="C113650" s="14" t="s">
        <v>96</v>
      </c>
      <c r="D113650" s="14" t="s">
        <v>128</v>
      </c>
      <c r="E113650" s="15">
        <v>45511</v>
      </c>
      <c r="F113650" s="14" t="s">
        <v>15</v>
      </c>
      <c r="G113650" s="16">
        <v>0</v>
      </c>
    </row>
    <row r="113651" spans="1:7" x14ac:dyDescent="0.3">
      <c r="A113651" s="13" t="s">
        <v>542</v>
      </c>
      <c r="B113651" s="14" t="s">
        <v>1</v>
      </c>
      <c r="C113651" s="14" t="s">
        <v>96</v>
      </c>
      <c r="D113651" s="14" t="s">
        <v>128</v>
      </c>
      <c r="E113651" s="15">
        <v>45512</v>
      </c>
      <c r="F113651" s="14" t="s">
        <v>15</v>
      </c>
      <c r="G113651" s="16">
        <v>0</v>
      </c>
    </row>
    <row r="113652" spans="1:7" x14ac:dyDescent="0.3">
      <c r="A113652" s="13" t="s">
        <v>542</v>
      </c>
      <c r="B113652" s="14" t="s">
        <v>1</v>
      </c>
      <c r="C113652" s="14" t="s">
        <v>96</v>
      </c>
      <c r="D113652" s="14" t="s">
        <v>128</v>
      </c>
      <c r="E113652" s="15">
        <v>45513</v>
      </c>
      <c r="F113652" s="14" t="s">
        <v>15</v>
      </c>
      <c r="G113652" s="16">
        <v>0</v>
      </c>
    </row>
    <row r="113653" spans="1:7" x14ac:dyDescent="0.3">
      <c r="A113653" s="13" t="s">
        <v>542</v>
      </c>
      <c r="B113653" s="14" t="s">
        <v>1</v>
      </c>
      <c r="C113653" s="14" t="s">
        <v>96</v>
      </c>
      <c r="D113653" s="14" t="s">
        <v>128</v>
      </c>
      <c r="E113653" s="15">
        <v>45514</v>
      </c>
      <c r="F113653" s="14" t="s">
        <v>15</v>
      </c>
      <c r="G113653" s="16">
        <v>0</v>
      </c>
    </row>
    <row r="113654" spans="1:7" x14ac:dyDescent="0.3">
      <c r="A113654" s="13" t="s">
        <v>542</v>
      </c>
      <c r="B113654" s="14" t="s">
        <v>1</v>
      </c>
      <c r="C113654" s="14" t="s">
        <v>96</v>
      </c>
      <c r="D113654" s="14" t="s">
        <v>128</v>
      </c>
      <c r="E113654" s="15">
        <v>45515</v>
      </c>
      <c r="F113654" s="14" t="s">
        <v>15</v>
      </c>
      <c r="G113654" s="16">
        <v>0</v>
      </c>
    </row>
    <row r="113655" spans="1:7" x14ac:dyDescent="0.3">
      <c r="A113655" s="13" t="s">
        <v>542</v>
      </c>
      <c r="B113655" s="14" t="s">
        <v>1</v>
      </c>
      <c r="C113655" s="14" t="s">
        <v>96</v>
      </c>
      <c r="D113655" s="14" t="s">
        <v>128</v>
      </c>
      <c r="E113655" s="15">
        <v>45516</v>
      </c>
      <c r="F113655" s="14" t="s">
        <v>15</v>
      </c>
      <c r="G113655" s="16">
        <v>0</v>
      </c>
    </row>
    <row r="113656" spans="1:7" x14ac:dyDescent="0.3">
      <c r="A113656" s="13" t="s">
        <v>542</v>
      </c>
      <c r="B113656" s="14" t="s">
        <v>1</v>
      </c>
      <c r="C113656" s="14" t="s">
        <v>96</v>
      </c>
      <c r="D113656" s="14" t="s">
        <v>128</v>
      </c>
      <c r="E113656" s="15">
        <v>45517</v>
      </c>
      <c r="F113656" s="14" t="s">
        <v>15</v>
      </c>
      <c r="G113656" s="16">
        <v>0</v>
      </c>
    </row>
    <row r="113657" spans="1:7" x14ac:dyDescent="0.3">
      <c r="A113657" s="13" t="s">
        <v>542</v>
      </c>
      <c r="B113657" s="14" t="s">
        <v>1</v>
      </c>
      <c r="C113657" s="14" t="s">
        <v>96</v>
      </c>
      <c r="D113657" s="14" t="s">
        <v>128</v>
      </c>
      <c r="E113657" s="15">
        <v>45518</v>
      </c>
      <c r="F113657" s="14" t="s">
        <v>15</v>
      </c>
      <c r="G113657" s="16">
        <v>0</v>
      </c>
    </row>
    <row r="113658" spans="1:7" x14ac:dyDescent="0.3">
      <c r="A113658" s="13" t="s">
        <v>542</v>
      </c>
      <c r="B113658" s="14" t="s">
        <v>1</v>
      </c>
      <c r="C113658" s="14" t="s">
        <v>96</v>
      </c>
      <c r="D113658" s="14" t="s">
        <v>128</v>
      </c>
      <c r="E113658" s="15">
        <v>45519</v>
      </c>
      <c r="F113658" s="14" t="s">
        <v>15</v>
      </c>
      <c r="G113658" s="16">
        <v>0</v>
      </c>
    </row>
    <row r="113659" spans="1:7" x14ac:dyDescent="0.3">
      <c r="A113659" s="13" t="s">
        <v>542</v>
      </c>
      <c r="B113659" s="14" t="s">
        <v>1</v>
      </c>
      <c r="C113659" s="14" t="s">
        <v>96</v>
      </c>
      <c r="D113659" s="14" t="s">
        <v>128</v>
      </c>
      <c r="E113659" s="15">
        <v>45520</v>
      </c>
      <c r="F113659" s="14" t="s">
        <v>15</v>
      </c>
      <c r="G113659" s="16">
        <v>0</v>
      </c>
    </row>
    <row r="113660" spans="1:7" x14ac:dyDescent="0.3">
      <c r="A113660" s="13" t="s">
        <v>542</v>
      </c>
      <c r="B113660" s="14" t="s">
        <v>1</v>
      </c>
      <c r="C113660" s="14" t="s">
        <v>96</v>
      </c>
      <c r="D113660" s="14" t="s">
        <v>128</v>
      </c>
      <c r="E113660" s="15">
        <v>45521</v>
      </c>
      <c r="F113660" s="14" t="s">
        <v>15</v>
      </c>
      <c r="G113660" s="16">
        <v>0</v>
      </c>
    </row>
    <row r="113661" spans="1:7" x14ac:dyDescent="0.3">
      <c r="A113661" s="13" t="s">
        <v>542</v>
      </c>
      <c r="B113661" s="14" t="s">
        <v>1</v>
      </c>
      <c r="C113661" s="14" t="s">
        <v>96</v>
      </c>
      <c r="D113661" s="14" t="s">
        <v>128</v>
      </c>
      <c r="E113661" s="15">
        <v>45522</v>
      </c>
      <c r="F113661" s="14" t="s">
        <v>15</v>
      </c>
      <c r="G113661" s="16">
        <v>0</v>
      </c>
    </row>
    <row r="113662" spans="1:7" x14ac:dyDescent="0.3">
      <c r="A113662" s="13" t="s">
        <v>542</v>
      </c>
      <c r="B113662" s="14" t="s">
        <v>1</v>
      </c>
      <c r="C113662" s="14" t="s">
        <v>96</v>
      </c>
      <c r="D113662" s="14" t="s">
        <v>128</v>
      </c>
      <c r="E113662" s="15">
        <v>45523</v>
      </c>
      <c r="F113662" s="14" t="s">
        <v>15</v>
      </c>
      <c r="G113662" s="16">
        <v>0</v>
      </c>
    </row>
    <row r="113663" spans="1:7" x14ac:dyDescent="0.3">
      <c r="A113663" s="13" t="s">
        <v>542</v>
      </c>
      <c r="B113663" s="14" t="s">
        <v>1</v>
      </c>
      <c r="C113663" s="14" t="s">
        <v>96</v>
      </c>
      <c r="D113663" s="14" t="s">
        <v>128</v>
      </c>
      <c r="E113663" s="15">
        <v>45524</v>
      </c>
      <c r="F113663" s="14" t="s">
        <v>15</v>
      </c>
      <c r="G113663" s="16">
        <v>0</v>
      </c>
    </row>
    <row r="113664" spans="1:7" x14ac:dyDescent="0.3">
      <c r="A113664" s="13" t="s">
        <v>542</v>
      </c>
      <c r="B113664" s="14" t="s">
        <v>1</v>
      </c>
      <c r="C113664" s="14" t="s">
        <v>96</v>
      </c>
      <c r="D113664" s="14" t="s">
        <v>128</v>
      </c>
      <c r="E113664" s="15">
        <v>45525</v>
      </c>
      <c r="F113664" s="14" t="s">
        <v>15</v>
      </c>
      <c r="G113664" s="16">
        <v>0</v>
      </c>
    </row>
    <row r="113665" spans="1:7" x14ac:dyDescent="0.3">
      <c r="A113665" s="13" t="s">
        <v>542</v>
      </c>
      <c r="B113665" s="14" t="s">
        <v>1</v>
      </c>
      <c r="C113665" s="14" t="s">
        <v>96</v>
      </c>
      <c r="D113665" s="14" t="s">
        <v>128</v>
      </c>
      <c r="E113665" s="15">
        <v>45526</v>
      </c>
      <c r="F113665" s="14" t="s">
        <v>15</v>
      </c>
      <c r="G113665" s="16">
        <v>0</v>
      </c>
    </row>
    <row r="113666" spans="1:7" x14ac:dyDescent="0.3">
      <c r="A113666" s="13" t="s">
        <v>542</v>
      </c>
      <c r="B113666" s="14" t="s">
        <v>1</v>
      </c>
      <c r="C113666" s="14" t="s">
        <v>96</v>
      </c>
      <c r="D113666" s="14" t="s">
        <v>128</v>
      </c>
      <c r="E113666" s="15">
        <v>45527</v>
      </c>
      <c r="F113666" s="14" t="s">
        <v>15</v>
      </c>
      <c r="G113666" s="16">
        <v>0</v>
      </c>
    </row>
    <row r="113667" spans="1:7" x14ac:dyDescent="0.3">
      <c r="A113667" s="13" t="s">
        <v>542</v>
      </c>
      <c r="B113667" s="14" t="s">
        <v>1</v>
      </c>
      <c r="C113667" s="14" t="s">
        <v>96</v>
      </c>
      <c r="D113667" s="14" t="s">
        <v>128</v>
      </c>
      <c r="E113667" s="15">
        <v>45528</v>
      </c>
      <c r="F113667" s="14" t="s">
        <v>15</v>
      </c>
      <c r="G113667" s="16">
        <v>0</v>
      </c>
    </row>
    <row r="113668" spans="1:7" x14ac:dyDescent="0.3">
      <c r="A113668" s="13" t="s">
        <v>542</v>
      </c>
      <c r="B113668" s="14" t="s">
        <v>1</v>
      </c>
      <c r="C113668" s="14" t="s">
        <v>96</v>
      </c>
      <c r="D113668" s="14" t="s">
        <v>128</v>
      </c>
      <c r="E113668" s="15">
        <v>45529</v>
      </c>
      <c r="F113668" s="14" t="s">
        <v>15</v>
      </c>
      <c r="G113668" s="16">
        <v>0</v>
      </c>
    </row>
    <row r="113669" spans="1:7" x14ac:dyDescent="0.3">
      <c r="A113669" s="13" t="s">
        <v>542</v>
      </c>
      <c r="B113669" s="14" t="s">
        <v>1</v>
      </c>
      <c r="C113669" s="14" t="s">
        <v>96</v>
      </c>
      <c r="D113669" s="14" t="s">
        <v>128</v>
      </c>
      <c r="E113669" s="15">
        <v>45530</v>
      </c>
      <c r="F113669" s="14" t="s">
        <v>15</v>
      </c>
      <c r="G113669" s="16">
        <v>0</v>
      </c>
    </row>
    <row r="113670" spans="1:7" x14ac:dyDescent="0.3">
      <c r="A113670" s="13" t="s">
        <v>542</v>
      </c>
      <c r="B113670" s="14" t="s">
        <v>1</v>
      </c>
      <c r="C113670" s="14" t="s">
        <v>96</v>
      </c>
      <c r="D113670" s="14" t="s">
        <v>128</v>
      </c>
      <c r="E113670" s="15">
        <v>45531</v>
      </c>
      <c r="F113670" s="14" t="s">
        <v>15</v>
      </c>
      <c r="G113670" s="16">
        <v>0</v>
      </c>
    </row>
    <row r="113671" spans="1:7" x14ac:dyDescent="0.3">
      <c r="A113671" s="13" t="s">
        <v>542</v>
      </c>
      <c r="B113671" s="14" t="s">
        <v>1</v>
      </c>
      <c r="C113671" s="14" t="s">
        <v>96</v>
      </c>
      <c r="D113671" s="14" t="s">
        <v>128</v>
      </c>
      <c r="E113671" s="15">
        <v>45532</v>
      </c>
      <c r="F113671" s="14" t="s">
        <v>15</v>
      </c>
      <c r="G113671" s="16">
        <v>0</v>
      </c>
    </row>
    <row r="113672" spans="1:7" x14ac:dyDescent="0.3">
      <c r="A113672" s="13" t="s">
        <v>542</v>
      </c>
      <c r="B113672" s="14" t="s">
        <v>1</v>
      </c>
      <c r="C113672" s="14" t="s">
        <v>96</v>
      </c>
      <c r="D113672" s="14" t="s">
        <v>128</v>
      </c>
      <c r="E113672" s="15">
        <v>45533</v>
      </c>
      <c r="F113672" s="14" t="s">
        <v>15</v>
      </c>
      <c r="G113672" s="16">
        <v>0</v>
      </c>
    </row>
    <row r="113673" spans="1:7" x14ac:dyDescent="0.3">
      <c r="A113673" s="13" t="s">
        <v>542</v>
      </c>
      <c r="B113673" s="14" t="s">
        <v>1</v>
      </c>
      <c r="C113673" s="14" t="s">
        <v>96</v>
      </c>
      <c r="D113673" s="14" t="s">
        <v>128</v>
      </c>
      <c r="E113673" s="15">
        <v>45534</v>
      </c>
      <c r="F113673" s="14" t="s">
        <v>15</v>
      </c>
      <c r="G113673" s="16">
        <v>0</v>
      </c>
    </row>
    <row r="113674" spans="1:7" x14ac:dyDescent="0.3">
      <c r="A113674" s="13" t="s">
        <v>542</v>
      </c>
      <c r="B113674" s="14" t="s">
        <v>1</v>
      </c>
      <c r="C113674" s="14" t="s">
        <v>96</v>
      </c>
      <c r="D113674" s="14" t="s">
        <v>128</v>
      </c>
      <c r="E113674" s="15">
        <v>45535</v>
      </c>
      <c r="F113674" s="14" t="s">
        <v>15</v>
      </c>
      <c r="G113674" s="16">
        <v>0</v>
      </c>
    </row>
    <row r="113675" spans="1:7" x14ac:dyDescent="0.3">
      <c r="A113675" s="13" t="s">
        <v>542</v>
      </c>
      <c r="B113675" s="14" t="s">
        <v>1</v>
      </c>
      <c r="C113675" s="14" t="s">
        <v>96</v>
      </c>
      <c r="D113675" s="14" t="s">
        <v>128</v>
      </c>
      <c r="E113675" s="15">
        <v>45536</v>
      </c>
      <c r="F113675" s="14" t="s">
        <v>15</v>
      </c>
      <c r="G113675" s="16">
        <v>0</v>
      </c>
    </row>
    <row r="113676" spans="1:7" x14ac:dyDescent="0.3">
      <c r="A113676" s="13" t="s">
        <v>542</v>
      </c>
      <c r="B113676" s="14" t="s">
        <v>1</v>
      </c>
      <c r="C113676" s="14" t="s">
        <v>96</v>
      </c>
      <c r="D113676" s="14" t="s">
        <v>128</v>
      </c>
      <c r="E113676" s="15">
        <v>45537</v>
      </c>
      <c r="F113676" s="14" t="s">
        <v>15</v>
      </c>
      <c r="G113676" s="16">
        <v>0</v>
      </c>
    </row>
    <row r="113677" spans="1:7" x14ac:dyDescent="0.3">
      <c r="A113677" s="13" t="s">
        <v>542</v>
      </c>
      <c r="B113677" s="14" t="s">
        <v>1</v>
      </c>
      <c r="C113677" s="14" t="s">
        <v>96</v>
      </c>
      <c r="D113677" s="14" t="s">
        <v>128</v>
      </c>
      <c r="E113677" s="15">
        <v>45538</v>
      </c>
      <c r="F113677" s="14" t="s">
        <v>15</v>
      </c>
      <c r="G113677" s="16">
        <v>0</v>
      </c>
    </row>
    <row r="113678" spans="1:7" x14ac:dyDescent="0.3">
      <c r="A113678" s="13" t="s">
        <v>542</v>
      </c>
      <c r="B113678" s="14" t="s">
        <v>1</v>
      </c>
      <c r="C113678" s="14" t="s">
        <v>96</v>
      </c>
      <c r="D113678" s="14" t="s">
        <v>128</v>
      </c>
      <c r="E113678" s="15">
        <v>45539</v>
      </c>
      <c r="F113678" s="14" t="s">
        <v>15</v>
      </c>
      <c r="G113678" s="16">
        <v>0</v>
      </c>
    </row>
    <row r="113679" spans="1:7" x14ac:dyDescent="0.3">
      <c r="A113679" s="13" t="s">
        <v>542</v>
      </c>
      <c r="B113679" s="14" t="s">
        <v>1</v>
      </c>
      <c r="C113679" s="14" t="s">
        <v>96</v>
      </c>
      <c r="D113679" s="14" t="s">
        <v>128</v>
      </c>
      <c r="E113679" s="15">
        <v>45540</v>
      </c>
      <c r="F113679" s="14" t="s">
        <v>15</v>
      </c>
      <c r="G113679" s="16">
        <v>0</v>
      </c>
    </row>
    <row r="113680" spans="1:7" x14ac:dyDescent="0.3">
      <c r="A113680" s="13" t="s">
        <v>542</v>
      </c>
      <c r="B113680" s="14" t="s">
        <v>1</v>
      </c>
      <c r="C113680" s="14" t="s">
        <v>96</v>
      </c>
      <c r="D113680" s="14" t="s">
        <v>128</v>
      </c>
      <c r="E113680" s="15">
        <v>45541</v>
      </c>
      <c r="F113680" s="14" t="s">
        <v>15</v>
      </c>
      <c r="G113680" s="16">
        <v>0</v>
      </c>
    </row>
    <row r="113681" spans="1:7" x14ac:dyDescent="0.3">
      <c r="A113681" s="13" t="s">
        <v>542</v>
      </c>
      <c r="B113681" s="14" t="s">
        <v>1</v>
      </c>
      <c r="C113681" s="14" t="s">
        <v>96</v>
      </c>
      <c r="D113681" s="14" t="s">
        <v>128</v>
      </c>
      <c r="E113681" s="15">
        <v>45542</v>
      </c>
      <c r="F113681" s="14" t="s">
        <v>15</v>
      </c>
      <c r="G113681" s="16">
        <v>0</v>
      </c>
    </row>
    <row r="113682" spans="1:7" x14ac:dyDescent="0.3">
      <c r="A113682" s="13" t="s">
        <v>542</v>
      </c>
      <c r="B113682" s="14" t="s">
        <v>1</v>
      </c>
      <c r="C113682" s="14" t="s">
        <v>96</v>
      </c>
      <c r="D113682" s="14" t="s">
        <v>128</v>
      </c>
      <c r="E113682" s="15">
        <v>45543</v>
      </c>
      <c r="F113682" s="14" t="s">
        <v>15</v>
      </c>
      <c r="G113682" s="16">
        <v>0</v>
      </c>
    </row>
    <row r="113683" spans="1:7" x14ac:dyDescent="0.3">
      <c r="A113683" s="13" t="s">
        <v>542</v>
      </c>
      <c r="B113683" s="14" t="s">
        <v>1</v>
      </c>
      <c r="C113683" s="14" t="s">
        <v>96</v>
      </c>
      <c r="D113683" s="14" t="s">
        <v>128</v>
      </c>
      <c r="E113683" s="15">
        <v>45544</v>
      </c>
      <c r="F113683" s="14" t="s">
        <v>15</v>
      </c>
      <c r="G113683" s="16">
        <v>0</v>
      </c>
    </row>
    <row r="113684" spans="1:7" x14ac:dyDescent="0.3">
      <c r="A113684" s="13" t="s">
        <v>542</v>
      </c>
      <c r="B113684" s="14" t="s">
        <v>1</v>
      </c>
      <c r="C113684" s="14" t="s">
        <v>96</v>
      </c>
      <c r="D113684" s="14" t="s">
        <v>128</v>
      </c>
      <c r="E113684" s="15">
        <v>45545</v>
      </c>
      <c r="F113684" s="14" t="s">
        <v>15</v>
      </c>
      <c r="G113684" s="16">
        <v>0</v>
      </c>
    </row>
    <row r="113685" spans="1:7" x14ac:dyDescent="0.3">
      <c r="A113685" s="13" t="s">
        <v>542</v>
      </c>
      <c r="B113685" s="14" t="s">
        <v>1</v>
      </c>
      <c r="C113685" s="14" t="s">
        <v>96</v>
      </c>
      <c r="D113685" s="14" t="s">
        <v>128</v>
      </c>
      <c r="E113685" s="15">
        <v>45546</v>
      </c>
      <c r="F113685" s="14" t="s">
        <v>15</v>
      </c>
      <c r="G113685" s="16">
        <v>0</v>
      </c>
    </row>
    <row r="113686" spans="1:7" x14ac:dyDescent="0.3">
      <c r="A113686" s="13" t="s">
        <v>542</v>
      </c>
      <c r="B113686" s="14" t="s">
        <v>1</v>
      </c>
      <c r="C113686" s="14" t="s">
        <v>96</v>
      </c>
      <c r="D113686" s="14" t="s">
        <v>128</v>
      </c>
      <c r="E113686" s="15">
        <v>45547</v>
      </c>
      <c r="F113686" s="14" t="s">
        <v>15</v>
      </c>
      <c r="G113686" s="16">
        <v>0</v>
      </c>
    </row>
    <row r="113687" spans="1:7" x14ac:dyDescent="0.3">
      <c r="A113687" s="13" t="s">
        <v>542</v>
      </c>
      <c r="B113687" s="14" t="s">
        <v>1</v>
      </c>
      <c r="C113687" s="14" t="s">
        <v>96</v>
      </c>
      <c r="D113687" s="14" t="s">
        <v>128</v>
      </c>
      <c r="E113687" s="15">
        <v>45548</v>
      </c>
      <c r="F113687" s="14" t="s">
        <v>15</v>
      </c>
      <c r="G113687" s="16">
        <v>0</v>
      </c>
    </row>
    <row r="113688" spans="1:7" x14ac:dyDescent="0.3">
      <c r="A113688" s="13" t="s">
        <v>542</v>
      </c>
      <c r="B113688" s="14" t="s">
        <v>1</v>
      </c>
      <c r="C113688" s="14" t="s">
        <v>96</v>
      </c>
      <c r="D113688" s="14" t="s">
        <v>128</v>
      </c>
      <c r="E113688" s="15">
        <v>45549</v>
      </c>
      <c r="F113688" s="14" t="s">
        <v>15</v>
      </c>
      <c r="G113688" s="16">
        <v>0</v>
      </c>
    </row>
    <row r="113689" spans="1:7" x14ac:dyDescent="0.3">
      <c r="A113689" s="13" t="s">
        <v>542</v>
      </c>
      <c r="B113689" s="14" t="s">
        <v>1</v>
      </c>
      <c r="C113689" s="14" t="s">
        <v>96</v>
      </c>
      <c r="D113689" s="14" t="s">
        <v>128</v>
      </c>
      <c r="E113689" s="15">
        <v>45550</v>
      </c>
      <c r="F113689" s="14" t="s">
        <v>15</v>
      </c>
      <c r="G113689" s="16">
        <v>0</v>
      </c>
    </row>
    <row r="113690" spans="1:7" x14ac:dyDescent="0.3">
      <c r="A113690" s="13" t="s">
        <v>542</v>
      </c>
      <c r="B113690" s="14" t="s">
        <v>1</v>
      </c>
      <c r="C113690" s="14" t="s">
        <v>96</v>
      </c>
      <c r="D113690" s="14" t="s">
        <v>128</v>
      </c>
      <c r="E113690" s="15">
        <v>45551</v>
      </c>
      <c r="F113690" s="14" t="s">
        <v>15</v>
      </c>
      <c r="G113690" s="16">
        <v>0</v>
      </c>
    </row>
    <row r="113691" spans="1:7" x14ac:dyDescent="0.3">
      <c r="A113691" s="13" t="s">
        <v>542</v>
      </c>
      <c r="B113691" s="14" t="s">
        <v>1</v>
      </c>
      <c r="C113691" s="14" t="s">
        <v>96</v>
      </c>
      <c r="D113691" s="14" t="s">
        <v>128</v>
      </c>
      <c r="E113691" s="15">
        <v>45552</v>
      </c>
      <c r="F113691" s="14" t="s">
        <v>15</v>
      </c>
      <c r="G113691" s="16">
        <v>0</v>
      </c>
    </row>
    <row r="113692" spans="1:7" x14ac:dyDescent="0.3">
      <c r="A113692" s="13" t="s">
        <v>542</v>
      </c>
      <c r="B113692" s="14" t="s">
        <v>1</v>
      </c>
      <c r="C113692" s="14" t="s">
        <v>96</v>
      </c>
      <c r="D113692" s="14" t="s">
        <v>128</v>
      </c>
      <c r="E113692" s="15">
        <v>45553</v>
      </c>
      <c r="F113692" s="14" t="s">
        <v>15</v>
      </c>
      <c r="G113692" s="16">
        <v>0</v>
      </c>
    </row>
    <row r="113693" spans="1:7" x14ac:dyDescent="0.3">
      <c r="A113693" s="13" t="s">
        <v>542</v>
      </c>
      <c r="B113693" s="14" t="s">
        <v>1</v>
      </c>
      <c r="C113693" s="14" t="s">
        <v>96</v>
      </c>
      <c r="D113693" s="14" t="s">
        <v>128</v>
      </c>
      <c r="E113693" s="15">
        <v>45554</v>
      </c>
      <c r="F113693" s="14" t="s">
        <v>15</v>
      </c>
      <c r="G113693" s="16">
        <v>0</v>
      </c>
    </row>
    <row r="113694" spans="1:7" x14ac:dyDescent="0.3">
      <c r="A113694" s="13" t="s">
        <v>542</v>
      </c>
      <c r="B113694" s="14" t="s">
        <v>1</v>
      </c>
      <c r="C113694" s="14" t="s">
        <v>96</v>
      </c>
      <c r="D113694" s="14" t="s">
        <v>128</v>
      </c>
      <c r="E113694" s="15">
        <v>45555</v>
      </c>
      <c r="F113694" s="14" t="s">
        <v>15</v>
      </c>
      <c r="G113694" s="16">
        <v>0</v>
      </c>
    </row>
    <row r="113695" spans="1:7" x14ac:dyDescent="0.3">
      <c r="A113695" s="13" t="s">
        <v>542</v>
      </c>
      <c r="B113695" s="14" t="s">
        <v>1</v>
      </c>
      <c r="C113695" s="14" t="s">
        <v>96</v>
      </c>
      <c r="D113695" s="14" t="s">
        <v>128</v>
      </c>
      <c r="E113695" s="15">
        <v>45556</v>
      </c>
      <c r="F113695" s="14" t="s">
        <v>15</v>
      </c>
      <c r="G113695" s="16">
        <v>0</v>
      </c>
    </row>
    <row r="113696" spans="1:7" x14ac:dyDescent="0.3">
      <c r="A113696" s="13" t="s">
        <v>542</v>
      </c>
      <c r="B113696" s="14" t="s">
        <v>1</v>
      </c>
      <c r="C113696" s="14" t="s">
        <v>96</v>
      </c>
      <c r="D113696" s="14" t="s">
        <v>128</v>
      </c>
      <c r="E113696" s="15">
        <v>45557</v>
      </c>
      <c r="F113696" s="14" t="s">
        <v>15</v>
      </c>
      <c r="G113696" s="16">
        <v>0</v>
      </c>
    </row>
    <row r="113697" spans="1:7" x14ac:dyDescent="0.3">
      <c r="A113697" s="13" t="s">
        <v>542</v>
      </c>
      <c r="B113697" s="14" t="s">
        <v>1</v>
      </c>
      <c r="C113697" s="14" t="s">
        <v>96</v>
      </c>
      <c r="D113697" s="14" t="s">
        <v>128</v>
      </c>
      <c r="E113697" s="15">
        <v>45558</v>
      </c>
      <c r="F113697" s="14" t="s">
        <v>15</v>
      </c>
      <c r="G113697" s="16">
        <v>0</v>
      </c>
    </row>
    <row r="113698" spans="1:7" x14ac:dyDescent="0.3">
      <c r="A113698" s="13" t="s">
        <v>542</v>
      </c>
      <c r="B113698" s="14" t="s">
        <v>1</v>
      </c>
      <c r="C113698" s="14" t="s">
        <v>96</v>
      </c>
      <c r="D113698" s="14" t="s">
        <v>128</v>
      </c>
      <c r="E113698" s="15">
        <v>45559</v>
      </c>
      <c r="F113698" s="14" t="s">
        <v>15</v>
      </c>
      <c r="G113698" s="16">
        <v>0</v>
      </c>
    </row>
    <row r="113699" spans="1:7" x14ac:dyDescent="0.3">
      <c r="A113699" s="13" t="s">
        <v>542</v>
      </c>
      <c r="B113699" s="14" t="s">
        <v>1</v>
      </c>
      <c r="C113699" s="14" t="s">
        <v>96</v>
      </c>
      <c r="D113699" s="14" t="s">
        <v>128</v>
      </c>
      <c r="E113699" s="15">
        <v>45560</v>
      </c>
      <c r="F113699" s="14" t="s">
        <v>15</v>
      </c>
      <c r="G113699" s="16">
        <v>0</v>
      </c>
    </row>
    <row r="113700" spans="1:7" x14ac:dyDescent="0.3">
      <c r="A113700" s="13" t="s">
        <v>542</v>
      </c>
      <c r="B113700" s="14" t="s">
        <v>1</v>
      </c>
      <c r="C113700" s="14" t="s">
        <v>96</v>
      </c>
      <c r="D113700" s="14" t="s">
        <v>128</v>
      </c>
      <c r="E113700" s="15">
        <v>45561</v>
      </c>
      <c r="F113700" s="14" t="s">
        <v>15</v>
      </c>
      <c r="G113700" s="16">
        <v>0</v>
      </c>
    </row>
    <row r="113701" spans="1:7" x14ac:dyDescent="0.3">
      <c r="A113701" s="13" t="s">
        <v>542</v>
      </c>
      <c r="B113701" s="14" t="s">
        <v>1</v>
      </c>
      <c r="C113701" s="14" t="s">
        <v>96</v>
      </c>
      <c r="D113701" s="14" t="s">
        <v>128</v>
      </c>
      <c r="E113701" s="15">
        <v>45562</v>
      </c>
      <c r="F113701" s="14" t="s">
        <v>15</v>
      </c>
      <c r="G113701" s="16">
        <v>0</v>
      </c>
    </row>
    <row r="113702" spans="1:7" x14ac:dyDescent="0.3">
      <c r="A113702" s="13" t="s">
        <v>542</v>
      </c>
      <c r="B113702" s="14" t="s">
        <v>1</v>
      </c>
      <c r="C113702" s="14" t="s">
        <v>96</v>
      </c>
      <c r="D113702" s="14" t="s">
        <v>128</v>
      </c>
      <c r="E113702" s="15">
        <v>45563</v>
      </c>
      <c r="F113702" s="14" t="s">
        <v>15</v>
      </c>
      <c r="G113702" s="16">
        <v>0</v>
      </c>
    </row>
    <row r="113703" spans="1:7" x14ac:dyDescent="0.3">
      <c r="A113703" s="13" t="s">
        <v>542</v>
      </c>
      <c r="B113703" s="14" t="s">
        <v>1</v>
      </c>
      <c r="C113703" s="14" t="s">
        <v>96</v>
      </c>
      <c r="D113703" s="14" t="s">
        <v>128</v>
      </c>
      <c r="E113703" s="15">
        <v>45564</v>
      </c>
      <c r="F113703" s="14" t="s">
        <v>15</v>
      </c>
      <c r="G113703" s="16">
        <v>0</v>
      </c>
    </row>
    <row r="113704" spans="1:7" x14ac:dyDescent="0.3">
      <c r="A113704" s="13" t="s">
        <v>542</v>
      </c>
      <c r="B113704" s="14" t="s">
        <v>1</v>
      </c>
      <c r="C113704" s="14" t="s">
        <v>96</v>
      </c>
      <c r="D113704" s="14" t="s">
        <v>128</v>
      </c>
      <c r="E113704" s="15">
        <v>45565</v>
      </c>
      <c r="F113704" s="14" t="s">
        <v>15</v>
      </c>
      <c r="G113704" s="16">
        <v>0</v>
      </c>
    </row>
    <row r="113705" spans="1:7" x14ac:dyDescent="0.3">
      <c r="A113705" s="13" t="s">
        <v>542</v>
      </c>
      <c r="B113705" s="14" t="s">
        <v>1</v>
      </c>
      <c r="C113705" s="14" t="s">
        <v>96</v>
      </c>
      <c r="D113705" s="14" t="s">
        <v>128</v>
      </c>
      <c r="E113705" s="15">
        <v>45566</v>
      </c>
      <c r="F113705" s="14" t="s">
        <v>15</v>
      </c>
      <c r="G113705" s="16">
        <v>0</v>
      </c>
    </row>
    <row r="113706" spans="1:7" x14ac:dyDescent="0.3">
      <c r="A113706" s="13" t="s">
        <v>542</v>
      </c>
      <c r="B113706" s="14" t="s">
        <v>1</v>
      </c>
      <c r="C113706" s="14" t="s">
        <v>96</v>
      </c>
      <c r="D113706" s="14" t="s">
        <v>128</v>
      </c>
      <c r="E113706" s="15">
        <v>45567</v>
      </c>
      <c r="F113706" s="14" t="s">
        <v>15</v>
      </c>
      <c r="G113706" s="16">
        <v>0</v>
      </c>
    </row>
    <row r="113707" spans="1:7" x14ac:dyDescent="0.3">
      <c r="A113707" s="13" t="s">
        <v>542</v>
      </c>
      <c r="B113707" s="14" t="s">
        <v>1</v>
      </c>
      <c r="C113707" s="14" t="s">
        <v>96</v>
      </c>
      <c r="D113707" s="14" t="s">
        <v>128</v>
      </c>
      <c r="E113707" s="15">
        <v>45568</v>
      </c>
      <c r="F113707" s="14" t="s">
        <v>15</v>
      </c>
      <c r="G113707" s="16">
        <v>0</v>
      </c>
    </row>
    <row r="113708" spans="1:7" x14ac:dyDescent="0.3">
      <c r="A113708" s="13" t="s">
        <v>542</v>
      </c>
      <c r="B113708" s="14" t="s">
        <v>1</v>
      </c>
      <c r="C113708" s="14" t="s">
        <v>96</v>
      </c>
      <c r="D113708" s="14" t="s">
        <v>128</v>
      </c>
      <c r="E113708" s="15">
        <v>45569</v>
      </c>
      <c r="F113708" s="14" t="s">
        <v>15</v>
      </c>
      <c r="G113708" s="16">
        <v>0</v>
      </c>
    </row>
    <row r="113709" spans="1:7" x14ac:dyDescent="0.3">
      <c r="A113709" s="13" t="s">
        <v>542</v>
      </c>
      <c r="B113709" s="14" t="s">
        <v>1</v>
      </c>
      <c r="C113709" s="14" t="s">
        <v>96</v>
      </c>
      <c r="D113709" s="14" t="s">
        <v>128</v>
      </c>
      <c r="E113709" s="15">
        <v>45570</v>
      </c>
      <c r="F113709" s="14" t="s">
        <v>15</v>
      </c>
      <c r="G113709" s="16">
        <v>0</v>
      </c>
    </row>
    <row r="113710" spans="1:7" x14ac:dyDescent="0.3">
      <c r="A113710" s="13" t="s">
        <v>542</v>
      </c>
      <c r="B113710" s="14" t="s">
        <v>1</v>
      </c>
      <c r="C113710" s="14" t="s">
        <v>96</v>
      </c>
      <c r="D113710" s="14" t="s">
        <v>128</v>
      </c>
      <c r="E113710" s="15">
        <v>45571</v>
      </c>
      <c r="F113710" s="14" t="s">
        <v>15</v>
      </c>
      <c r="G113710" s="16">
        <v>0</v>
      </c>
    </row>
    <row r="113711" spans="1:7" x14ac:dyDescent="0.3">
      <c r="A113711" s="13" t="s">
        <v>542</v>
      </c>
      <c r="B113711" s="14" t="s">
        <v>1</v>
      </c>
      <c r="C113711" s="14" t="s">
        <v>96</v>
      </c>
      <c r="D113711" s="14" t="s">
        <v>128</v>
      </c>
      <c r="E113711" s="15">
        <v>45572</v>
      </c>
      <c r="F113711" s="14" t="s">
        <v>15</v>
      </c>
      <c r="G113711" s="16">
        <v>0</v>
      </c>
    </row>
    <row r="113712" spans="1:7" x14ac:dyDescent="0.3">
      <c r="A113712" s="13" t="s">
        <v>542</v>
      </c>
      <c r="B113712" s="14" t="s">
        <v>1</v>
      </c>
      <c r="C113712" s="14" t="s">
        <v>96</v>
      </c>
      <c r="D113712" s="14" t="s">
        <v>128</v>
      </c>
      <c r="E113712" s="15">
        <v>45573</v>
      </c>
      <c r="F113712" s="14" t="s">
        <v>15</v>
      </c>
      <c r="G113712" s="16">
        <v>0</v>
      </c>
    </row>
    <row r="113713" spans="1:7" x14ac:dyDescent="0.3">
      <c r="A113713" s="13" t="s">
        <v>542</v>
      </c>
      <c r="B113713" s="14" t="s">
        <v>1</v>
      </c>
      <c r="C113713" s="14" t="s">
        <v>96</v>
      </c>
      <c r="D113713" s="14" t="s">
        <v>128</v>
      </c>
      <c r="E113713" s="15">
        <v>45574</v>
      </c>
      <c r="F113713" s="14" t="s">
        <v>15</v>
      </c>
      <c r="G113713" s="16">
        <v>0</v>
      </c>
    </row>
    <row r="113714" spans="1:7" x14ac:dyDescent="0.3">
      <c r="A113714" s="13" t="s">
        <v>542</v>
      </c>
      <c r="B113714" s="14" t="s">
        <v>1</v>
      </c>
      <c r="C113714" s="14" t="s">
        <v>96</v>
      </c>
      <c r="D113714" s="14" t="s">
        <v>128</v>
      </c>
      <c r="E113714" s="15">
        <v>45575</v>
      </c>
      <c r="F113714" s="14" t="s">
        <v>15</v>
      </c>
      <c r="G113714" s="16">
        <v>0</v>
      </c>
    </row>
    <row r="113715" spans="1:7" x14ac:dyDescent="0.3">
      <c r="A113715" s="13" t="s">
        <v>542</v>
      </c>
      <c r="B113715" s="14" t="s">
        <v>1</v>
      </c>
      <c r="C113715" s="14" t="s">
        <v>96</v>
      </c>
      <c r="D113715" s="14" t="s">
        <v>128</v>
      </c>
      <c r="E113715" s="15">
        <v>45576</v>
      </c>
      <c r="F113715" s="14" t="s">
        <v>15</v>
      </c>
      <c r="G113715" s="16">
        <v>0</v>
      </c>
    </row>
    <row r="113716" spans="1:7" x14ac:dyDescent="0.3">
      <c r="A113716" s="13" t="s">
        <v>542</v>
      </c>
      <c r="B113716" s="14" t="s">
        <v>1</v>
      </c>
      <c r="C113716" s="14" t="s">
        <v>96</v>
      </c>
      <c r="D113716" s="14" t="s">
        <v>128</v>
      </c>
      <c r="E113716" s="15">
        <v>45577</v>
      </c>
      <c r="F113716" s="14" t="s">
        <v>15</v>
      </c>
      <c r="G113716" s="16">
        <v>0</v>
      </c>
    </row>
    <row r="113717" spans="1:7" x14ac:dyDescent="0.3">
      <c r="A113717" s="13" t="s">
        <v>542</v>
      </c>
      <c r="B113717" s="14" t="s">
        <v>1</v>
      </c>
      <c r="C113717" s="14" t="s">
        <v>96</v>
      </c>
      <c r="D113717" s="14" t="s">
        <v>128</v>
      </c>
      <c r="E113717" s="15">
        <v>45578</v>
      </c>
      <c r="F113717" s="14" t="s">
        <v>15</v>
      </c>
      <c r="G113717" s="16">
        <v>0</v>
      </c>
    </row>
    <row r="113718" spans="1:7" x14ac:dyDescent="0.3">
      <c r="A113718" s="13" t="s">
        <v>542</v>
      </c>
      <c r="B113718" s="14" t="s">
        <v>1</v>
      </c>
      <c r="C113718" s="14" t="s">
        <v>96</v>
      </c>
      <c r="D113718" s="14" t="s">
        <v>128</v>
      </c>
      <c r="E113718" s="15">
        <v>45579</v>
      </c>
      <c r="F113718" s="14" t="s">
        <v>15</v>
      </c>
      <c r="G113718" s="16">
        <v>0</v>
      </c>
    </row>
    <row r="113719" spans="1:7" x14ac:dyDescent="0.3">
      <c r="A113719" s="13" t="s">
        <v>542</v>
      </c>
      <c r="B113719" s="14" t="s">
        <v>1</v>
      </c>
      <c r="C113719" s="14" t="s">
        <v>96</v>
      </c>
      <c r="D113719" s="14" t="s">
        <v>128</v>
      </c>
      <c r="E113719" s="15">
        <v>45580</v>
      </c>
      <c r="F113719" s="14" t="s">
        <v>15</v>
      </c>
      <c r="G113719" s="16">
        <v>0</v>
      </c>
    </row>
    <row r="113720" spans="1:7" x14ac:dyDescent="0.3">
      <c r="A113720" s="13" t="s">
        <v>542</v>
      </c>
      <c r="B113720" s="14" t="s">
        <v>1</v>
      </c>
      <c r="C113720" s="14" t="s">
        <v>96</v>
      </c>
      <c r="D113720" s="14" t="s">
        <v>128</v>
      </c>
      <c r="E113720" s="15">
        <v>45581</v>
      </c>
      <c r="F113720" s="14" t="s">
        <v>15</v>
      </c>
      <c r="G113720" s="16">
        <v>0</v>
      </c>
    </row>
    <row r="113721" spans="1:7" x14ac:dyDescent="0.3">
      <c r="A113721" s="13" t="s">
        <v>542</v>
      </c>
      <c r="B113721" s="14" t="s">
        <v>1</v>
      </c>
      <c r="C113721" s="14" t="s">
        <v>96</v>
      </c>
      <c r="D113721" s="14" t="s">
        <v>128</v>
      </c>
      <c r="E113721" s="15">
        <v>45582</v>
      </c>
      <c r="F113721" s="14" t="s">
        <v>15</v>
      </c>
      <c r="G113721" s="16">
        <v>0</v>
      </c>
    </row>
    <row r="113722" spans="1:7" x14ac:dyDescent="0.3">
      <c r="A113722" s="13" t="s">
        <v>542</v>
      </c>
      <c r="B113722" s="14" t="s">
        <v>1</v>
      </c>
      <c r="C113722" s="14" t="s">
        <v>96</v>
      </c>
      <c r="D113722" s="14" t="s">
        <v>128</v>
      </c>
      <c r="E113722" s="15">
        <v>45583</v>
      </c>
      <c r="F113722" s="14" t="s">
        <v>15</v>
      </c>
      <c r="G113722" s="16">
        <v>0</v>
      </c>
    </row>
    <row r="113723" spans="1:7" x14ac:dyDescent="0.3">
      <c r="A113723" s="13" t="s">
        <v>542</v>
      </c>
      <c r="B113723" s="14" t="s">
        <v>1</v>
      </c>
      <c r="C113723" s="14" t="s">
        <v>96</v>
      </c>
      <c r="D113723" s="14" t="s">
        <v>128</v>
      </c>
      <c r="E113723" s="15">
        <v>45584</v>
      </c>
      <c r="F113723" s="14" t="s">
        <v>15</v>
      </c>
      <c r="G113723" s="16">
        <v>0</v>
      </c>
    </row>
    <row r="113724" spans="1:7" x14ac:dyDescent="0.3">
      <c r="A113724" s="13" t="s">
        <v>542</v>
      </c>
      <c r="B113724" s="14" t="s">
        <v>1</v>
      </c>
      <c r="C113724" s="14" t="s">
        <v>96</v>
      </c>
      <c r="D113724" s="14" t="s">
        <v>128</v>
      </c>
      <c r="E113724" s="15">
        <v>45585</v>
      </c>
      <c r="F113724" s="14" t="s">
        <v>15</v>
      </c>
      <c r="G113724" s="16">
        <v>0</v>
      </c>
    </row>
    <row r="113725" spans="1:7" x14ac:dyDescent="0.3">
      <c r="A113725" s="13" t="s">
        <v>542</v>
      </c>
      <c r="B113725" s="14" t="s">
        <v>1</v>
      </c>
      <c r="C113725" s="14" t="s">
        <v>96</v>
      </c>
      <c r="D113725" s="14" t="s">
        <v>128</v>
      </c>
      <c r="E113725" s="15">
        <v>45586</v>
      </c>
      <c r="F113725" s="14" t="s">
        <v>15</v>
      </c>
      <c r="G113725" s="16">
        <v>0</v>
      </c>
    </row>
    <row r="113726" spans="1:7" x14ac:dyDescent="0.3">
      <c r="A113726" s="13" t="s">
        <v>542</v>
      </c>
      <c r="B113726" s="14" t="s">
        <v>1</v>
      </c>
      <c r="C113726" s="14" t="s">
        <v>96</v>
      </c>
      <c r="D113726" s="14" t="s">
        <v>128</v>
      </c>
      <c r="E113726" s="15">
        <v>45587</v>
      </c>
      <c r="F113726" s="14" t="s">
        <v>15</v>
      </c>
      <c r="G113726" s="16">
        <v>0</v>
      </c>
    </row>
    <row r="113727" spans="1:7" x14ac:dyDescent="0.3">
      <c r="A113727" s="13" t="s">
        <v>542</v>
      </c>
      <c r="B113727" s="14" t="s">
        <v>1</v>
      </c>
      <c r="C113727" s="14" t="s">
        <v>96</v>
      </c>
      <c r="D113727" s="14" t="s">
        <v>128</v>
      </c>
      <c r="E113727" s="15">
        <v>45588</v>
      </c>
      <c r="F113727" s="14" t="s">
        <v>15</v>
      </c>
      <c r="G113727" s="16">
        <v>0</v>
      </c>
    </row>
    <row r="113728" spans="1:7" x14ac:dyDescent="0.3">
      <c r="A113728" s="13" t="s">
        <v>542</v>
      </c>
      <c r="B113728" s="14" t="s">
        <v>1</v>
      </c>
      <c r="C113728" s="14" t="s">
        <v>96</v>
      </c>
      <c r="D113728" s="14" t="s">
        <v>128</v>
      </c>
      <c r="E113728" s="15">
        <v>45589</v>
      </c>
      <c r="F113728" s="14" t="s">
        <v>15</v>
      </c>
      <c r="G113728" s="16">
        <v>0</v>
      </c>
    </row>
    <row r="113729" spans="1:7" x14ac:dyDescent="0.3">
      <c r="A113729" s="13" t="s">
        <v>542</v>
      </c>
      <c r="B113729" s="14" t="s">
        <v>1</v>
      </c>
      <c r="C113729" s="14" t="s">
        <v>96</v>
      </c>
      <c r="D113729" s="14" t="s">
        <v>128</v>
      </c>
      <c r="E113729" s="15">
        <v>45590</v>
      </c>
      <c r="F113729" s="14" t="s">
        <v>15</v>
      </c>
      <c r="G113729" s="16">
        <v>0</v>
      </c>
    </row>
    <row r="113730" spans="1:7" x14ac:dyDescent="0.3">
      <c r="A113730" s="13" t="s">
        <v>542</v>
      </c>
      <c r="B113730" s="14" t="s">
        <v>1</v>
      </c>
      <c r="C113730" s="14" t="s">
        <v>96</v>
      </c>
      <c r="D113730" s="14" t="s">
        <v>128</v>
      </c>
      <c r="E113730" s="15">
        <v>45591</v>
      </c>
      <c r="F113730" s="14" t="s">
        <v>15</v>
      </c>
      <c r="G113730" s="16">
        <v>0</v>
      </c>
    </row>
    <row r="113731" spans="1:7" x14ac:dyDescent="0.3">
      <c r="A113731" s="13" t="s">
        <v>542</v>
      </c>
      <c r="B113731" s="14" t="s">
        <v>1</v>
      </c>
      <c r="C113731" s="14" t="s">
        <v>96</v>
      </c>
      <c r="D113731" s="14" t="s">
        <v>128</v>
      </c>
      <c r="E113731" s="15">
        <v>45592</v>
      </c>
      <c r="F113731" s="14" t="s">
        <v>15</v>
      </c>
      <c r="G113731" s="16">
        <v>0</v>
      </c>
    </row>
    <row r="113732" spans="1:7" x14ac:dyDescent="0.3">
      <c r="A113732" s="13" t="s">
        <v>542</v>
      </c>
      <c r="B113732" s="14" t="s">
        <v>1</v>
      </c>
      <c r="C113732" s="14" t="s">
        <v>96</v>
      </c>
      <c r="D113732" s="14" t="s">
        <v>128</v>
      </c>
      <c r="E113732" s="15">
        <v>45593</v>
      </c>
      <c r="F113732" s="14" t="s">
        <v>15</v>
      </c>
      <c r="G113732" s="16">
        <v>0</v>
      </c>
    </row>
    <row r="113733" spans="1:7" x14ac:dyDescent="0.3">
      <c r="A113733" s="13" t="s">
        <v>542</v>
      </c>
      <c r="B113733" s="14" t="s">
        <v>1</v>
      </c>
      <c r="C113733" s="14" t="s">
        <v>96</v>
      </c>
      <c r="D113733" s="14" t="s">
        <v>128</v>
      </c>
      <c r="E113733" s="15">
        <v>45594</v>
      </c>
      <c r="F113733" s="14" t="s">
        <v>15</v>
      </c>
      <c r="G113733" s="16">
        <v>0</v>
      </c>
    </row>
    <row r="113734" spans="1:7" x14ac:dyDescent="0.3">
      <c r="A113734" s="13" t="s">
        <v>542</v>
      </c>
      <c r="B113734" s="14" t="s">
        <v>1</v>
      </c>
      <c r="C113734" s="14" t="s">
        <v>96</v>
      </c>
      <c r="D113734" s="14" t="s">
        <v>128</v>
      </c>
      <c r="E113734" s="15">
        <v>45595</v>
      </c>
      <c r="F113734" s="14" t="s">
        <v>15</v>
      </c>
      <c r="G113734" s="16">
        <v>0</v>
      </c>
    </row>
    <row r="113735" spans="1:7" x14ac:dyDescent="0.3">
      <c r="A113735" s="13" t="s">
        <v>542</v>
      </c>
      <c r="B113735" s="14" t="s">
        <v>1</v>
      </c>
      <c r="C113735" s="14" t="s">
        <v>96</v>
      </c>
      <c r="D113735" s="14" t="s">
        <v>128</v>
      </c>
      <c r="E113735" s="15">
        <v>45596</v>
      </c>
      <c r="F113735" s="14" t="s">
        <v>15</v>
      </c>
      <c r="G113735" s="16">
        <v>0</v>
      </c>
    </row>
    <row r="113736" spans="1:7" x14ac:dyDescent="0.3">
      <c r="A113736" s="13" t="s">
        <v>542</v>
      </c>
      <c r="B113736" s="14" t="s">
        <v>1</v>
      </c>
      <c r="C113736" s="14" t="s">
        <v>96</v>
      </c>
      <c r="D113736" s="14" t="s">
        <v>128</v>
      </c>
      <c r="E113736" s="15">
        <v>45597</v>
      </c>
      <c r="F113736" s="14" t="s">
        <v>15</v>
      </c>
      <c r="G113736" s="16">
        <v>0</v>
      </c>
    </row>
    <row r="113737" spans="1:7" x14ac:dyDescent="0.3">
      <c r="A113737" s="13" t="s">
        <v>542</v>
      </c>
      <c r="B113737" s="14" t="s">
        <v>1</v>
      </c>
      <c r="C113737" s="14" t="s">
        <v>96</v>
      </c>
      <c r="D113737" s="14" t="s">
        <v>128</v>
      </c>
      <c r="E113737" s="15">
        <v>45598</v>
      </c>
      <c r="F113737" s="14" t="s">
        <v>15</v>
      </c>
      <c r="G113737" s="16">
        <v>0</v>
      </c>
    </row>
    <row r="113738" spans="1:7" x14ac:dyDescent="0.3">
      <c r="A113738" s="13" t="s">
        <v>542</v>
      </c>
      <c r="B113738" s="14" t="s">
        <v>1</v>
      </c>
      <c r="C113738" s="14" t="s">
        <v>96</v>
      </c>
      <c r="D113738" s="14" t="s">
        <v>128</v>
      </c>
      <c r="E113738" s="15">
        <v>45599</v>
      </c>
      <c r="F113738" s="14" t="s">
        <v>15</v>
      </c>
      <c r="G113738" s="16">
        <v>0</v>
      </c>
    </row>
    <row r="113739" spans="1:7" x14ac:dyDescent="0.3">
      <c r="A113739" s="13" t="s">
        <v>542</v>
      </c>
      <c r="B113739" s="14" t="s">
        <v>1</v>
      </c>
      <c r="C113739" s="14" t="s">
        <v>96</v>
      </c>
      <c r="D113739" s="14" t="s">
        <v>128</v>
      </c>
      <c r="E113739" s="15">
        <v>45600</v>
      </c>
      <c r="F113739" s="14" t="s">
        <v>15</v>
      </c>
      <c r="G113739" s="16">
        <v>0</v>
      </c>
    </row>
    <row r="113740" spans="1:7" x14ac:dyDescent="0.3">
      <c r="A113740" s="13" t="s">
        <v>542</v>
      </c>
      <c r="B113740" s="14" t="s">
        <v>1</v>
      </c>
      <c r="C113740" s="14" t="s">
        <v>96</v>
      </c>
      <c r="D113740" s="14" t="s">
        <v>128</v>
      </c>
      <c r="E113740" s="15">
        <v>45601</v>
      </c>
      <c r="F113740" s="14" t="s">
        <v>15</v>
      </c>
      <c r="G113740" s="16">
        <v>0</v>
      </c>
    </row>
    <row r="113741" spans="1:7" x14ac:dyDescent="0.3">
      <c r="A113741" s="13" t="s">
        <v>542</v>
      </c>
      <c r="B113741" s="14" t="s">
        <v>1</v>
      </c>
      <c r="C113741" s="14" t="s">
        <v>96</v>
      </c>
      <c r="D113741" s="14" t="s">
        <v>128</v>
      </c>
      <c r="E113741" s="15">
        <v>45602</v>
      </c>
      <c r="F113741" s="14" t="s">
        <v>15</v>
      </c>
      <c r="G113741" s="16">
        <v>0</v>
      </c>
    </row>
    <row r="113742" spans="1:7" x14ac:dyDescent="0.3">
      <c r="A113742" s="13" t="s">
        <v>542</v>
      </c>
      <c r="B113742" s="14" t="s">
        <v>1</v>
      </c>
      <c r="C113742" s="14" t="s">
        <v>96</v>
      </c>
      <c r="D113742" s="14" t="s">
        <v>128</v>
      </c>
      <c r="E113742" s="15">
        <v>45603</v>
      </c>
      <c r="F113742" s="14" t="s">
        <v>15</v>
      </c>
      <c r="G113742" s="16">
        <v>0</v>
      </c>
    </row>
    <row r="113743" spans="1:7" x14ac:dyDescent="0.3">
      <c r="A113743" s="13" t="s">
        <v>542</v>
      </c>
      <c r="B113743" s="14" t="s">
        <v>1</v>
      </c>
      <c r="C113743" s="14" t="s">
        <v>96</v>
      </c>
      <c r="D113743" s="14" t="s">
        <v>128</v>
      </c>
      <c r="E113743" s="15">
        <v>45604</v>
      </c>
      <c r="F113743" s="14" t="s">
        <v>15</v>
      </c>
      <c r="G113743" s="16">
        <v>0</v>
      </c>
    </row>
    <row r="113744" spans="1:7" x14ac:dyDescent="0.3">
      <c r="A113744" s="13" t="s">
        <v>542</v>
      </c>
      <c r="B113744" s="14" t="s">
        <v>1</v>
      </c>
      <c r="C113744" s="14" t="s">
        <v>96</v>
      </c>
      <c r="D113744" s="14" t="s">
        <v>128</v>
      </c>
      <c r="E113744" s="15">
        <v>45605</v>
      </c>
      <c r="F113744" s="14" t="s">
        <v>15</v>
      </c>
      <c r="G113744" s="16">
        <v>0</v>
      </c>
    </row>
    <row r="113745" spans="1:7" x14ac:dyDescent="0.3">
      <c r="A113745" s="13" t="s">
        <v>542</v>
      </c>
      <c r="B113745" s="14" t="s">
        <v>1</v>
      </c>
      <c r="C113745" s="14" t="s">
        <v>96</v>
      </c>
      <c r="D113745" s="14" t="s">
        <v>128</v>
      </c>
      <c r="E113745" s="15">
        <v>45606</v>
      </c>
      <c r="F113745" s="14" t="s">
        <v>15</v>
      </c>
      <c r="G113745" s="16">
        <v>0</v>
      </c>
    </row>
    <row r="113746" spans="1:7" x14ac:dyDescent="0.3">
      <c r="A113746" s="13" t="s">
        <v>542</v>
      </c>
      <c r="B113746" s="14" t="s">
        <v>1</v>
      </c>
      <c r="C113746" s="14" t="s">
        <v>96</v>
      </c>
      <c r="D113746" s="14" t="s">
        <v>128</v>
      </c>
      <c r="E113746" s="15">
        <v>45607</v>
      </c>
      <c r="F113746" s="14" t="s">
        <v>15</v>
      </c>
      <c r="G113746" s="16">
        <v>0</v>
      </c>
    </row>
    <row r="113747" spans="1:7" x14ac:dyDescent="0.3">
      <c r="A113747" s="13" t="s">
        <v>542</v>
      </c>
      <c r="B113747" s="14" t="s">
        <v>1</v>
      </c>
      <c r="C113747" s="14" t="s">
        <v>96</v>
      </c>
      <c r="D113747" s="14" t="s">
        <v>128</v>
      </c>
      <c r="E113747" s="15">
        <v>45608</v>
      </c>
      <c r="F113747" s="14" t="s">
        <v>15</v>
      </c>
      <c r="G113747" s="16">
        <v>0</v>
      </c>
    </row>
    <row r="113748" spans="1:7" x14ac:dyDescent="0.3">
      <c r="A113748" s="13" t="s">
        <v>542</v>
      </c>
      <c r="B113748" s="14" t="s">
        <v>1</v>
      </c>
      <c r="C113748" s="14" t="s">
        <v>96</v>
      </c>
      <c r="D113748" s="14" t="s">
        <v>128</v>
      </c>
      <c r="E113748" s="15">
        <v>45609</v>
      </c>
      <c r="F113748" s="14" t="s">
        <v>15</v>
      </c>
      <c r="G113748" s="16">
        <v>0</v>
      </c>
    </row>
    <row r="113749" spans="1:7" x14ac:dyDescent="0.3">
      <c r="A113749" s="13" t="s">
        <v>542</v>
      </c>
      <c r="B113749" s="14" t="s">
        <v>1</v>
      </c>
      <c r="C113749" s="14" t="s">
        <v>96</v>
      </c>
      <c r="D113749" s="14" t="s">
        <v>128</v>
      </c>
      <c r="E113749" s="15">
        <v>45610</v>
      </c>
      <c r="F113749" s="14" t="s">
        <v>15</v>
      </c>
      <c r="G113749" s="16">
        <v>0</v>
      </c>
    </row>
    <row r="113750" spans="1:7" x14ac:dyDescent="0.3">
      <c r="A113750" s="13" t="s">
        <v>542</v>
      </c>
      <c r="B113750" s="14" t="s">
        <v>1</v>
      </c>
      <c r="C113750" s="14" t="s">
        <v>96</v>
      </c>
      <c r="D113750" s="14" t="s">
        <v>128</v>
      </c>
      <c r="E113750" s="15">
        <v>45611</v>
      </c>
      <c r="F113750" s="14" t="s">
        <v>15</v>
      </c>
      <c r="G113750" s="16">
        <v>0</v>
      </c>
    </row>
    <row r="113751" spans="1:7" x14ac:dyDescent="0.3">
      <c r="A113751" s="13" t="s">
        <v>542</v>
      </c>
      <c r="B113751" s="14" t="s">
        <v>1</v>
      </c>
      <c r="C113751" s="14" t="s">
        <v>96</v>
      </c>
      <c r="D113751" s="14" t="s">
        <v>128</v>
      </c>
      <c r="E113751" s="15">
        <v>45612</v>
      </c>
      <c r="F113751" s="14" t="s">
        <v>15</v>
      </c>
      <c r="G113751" s="16">
        <v>0</v>
      </c>
    </row>
    <row r="113752" spans="1:7" x14ac:dyDescent="0.3">
      <c r="A113752" s="13" t="s">
        <v>542</v>
      </c>
      <c r="B113752" s="14" t="s">
        <v>1</v>
      </c>
      <c r="C113752" s="14" t="s">
        <v>96</v>
      </c>
      <c r="D113752" s="14" t="s">
        <v>128</v>
      </c>
      <c r="E113752" s="15">
        <v>45613</v>
      </c>
      <c r="F113752" s="14" t="s">
        <v>15</v>
      </c>
      <c r="G113752" s="16">
        <v>0</v>
      </c>
    </row>
    <row r="113753" spans="1:7" x14ac:dyDescent="0.3">
      <c r="A113753" s="13" t="s">
        <v>542</v>
      </c>
      <c r="B113753" s="14" t="s">
        <v>1</v>
      </c>
      <c r="C113753" s="14" t="s">
        <v>96</v>
      </c>
      <c r="D113753" s="14" t="s">
        <v>128</v>
      </c>
      <c r="E113753" s="15">
        <v>45614</v>
      </c>
      <c r="F113753" s="14" t="s">
        <v>15</v>
      </c>
      <c r="G113753" s="16">
        <v>0</v>
      </c>
    </row>
    <row r="113754" spans="1:7" x14ac:dyDescent="0.3">
      <c r="A113754" s="13" t="s">
        <v>542</v>
      </c>
      <c r="B113754" s="14" t="s">
        <v>1</v>
      </c>
      <c r="C113754" s="14" t="s">
        <v>96</v>
      </c>
      <c r="D113754" s="14" t="s">
        <v>128</v>
      </c>
      <c r="E113754" s="15">
        <v>45615</v>
      </c>
      <c r="F113754" s="14" t="s">
        <v>15</v>
      </c>
      <c r="G113754" s="16">
        <v>0</v>
      </c>
    </row>
    <row r="113755" spans="1:7" x14ac:dyDescent="0.3">
      <c r="A113755" s="13" t="s">
        <v>542</v>
      </c>
      <c r="B113755" s="14" t="s">
        <v>1</v>
      </c>
      <c r="C113755" s="14" t="s">
        <v>96</v>
      </c>
      <c r="D113755" s="14" t="s">
        <v>128</v>
      </c>
      <c r="E113755" s="15">
        <v>45616</v>
      </c>
      <c r="F113755" s="14" t="s">
        <v>15</v>
      </c>
      <c r="G113755" s="16">
        <v>0</v>
      </c>
    </row>
    <row r="113756" spans="1:7" x14ac:dyDescent="0.3">
      <c r="A113756" s="13" t="s">
        <v>542</v>
      </c>
      <c r="B113756" s="14" t="s">
        <v>1</v>
      </c>
      <c r="C113756" s="14" t="s">
        <v>96</v>
      </c>
      <c r="D113756" s="14" t="s">
        <v>128</v>
      </c>
      <c r="E113756" s="15">
        <v>45617</v>
      </c>
      <c r="F113756" s="14" t="s">
        <v>15</v>
      </c>
      <c r="G113756" s="16">
        <v>0</v>
      </c>
    </row>
    <row r="113757" spans="1:7" x14ac:dyDescent="0.3">
      <c r="A113757" s="13" t="s">
        <v>542</v>
      </c>
      <c r="B113757" s="14" t="s">
        <v>1</v>
      </c>
      <c r="C113757" s="14" t="s">
        <v>96</v>
      </c>
      <c r="D113757" s="14" t="s">
        <v>128</v>
      </c>
      <c r="E113757" s="15">
        <v>45618</v>
      </c>
      <c r="F113757" s="14" t="s">
        <v>15</v>
      </c>
      <c r="G113757" s="16">
        <v>0</v>
      </c>
    </row>
    <row r="113758" spans="1:7" x14ac:dyDescent="0.3">
      <c r="A113758" s="13" t="s">
        <v>542</v>
      </c>
      <c r="B113758" s="14" t="s">
        <v>1</v>
      </c>
      <c r="C113758" s="14" t="s">
        <v>96</v>
      </c>
      <c r="D113758" s="14" t="s">
        <v>128</v>
      </c>
      <c r="E113758" s="15">
        <v>45619</v>
      </c>
      <c r="F113758" s="14" t="s">
        <v>15</v>
      </c>
      <c r="G113758" s="16">
        <v>0</v>
      </c>
    </row>
    <row r="113759" spans="1:7" x14ac:dyDescent="0.3">
      <c r="A113759" s="13" t="s">
        <v>542</v>
      </c>
      <c r="B113759" s="14" t="s">
        <v>1</v>
      </c>
      <c r="C113759" s="14" t="s">
        <v>96</v>
      </c>
      <c r="D113759" s="14" t="s">
        <v>128</v>
      </c>
      <c r="E113759" s="15">
        <v>45620</v>
      </c>
      <c r="F113759" s="14" t="s">
        <v>15</v>
      </c>
      <c r="G113759" s="16">
        <v>0</v>
      </c>
    </row>
    <row r="113760" spans="1:7" x14ac:dyDescent="0.3">
      <c r="A113760" s="13" t="s">
        <v>542</v>
      </c>
      <c r="B113760" s="14" t="s">
        <v>1</v>
      </c>
      <c r="C113760" s="14" t="s">
        <v>96</v>
      </c>
      <c r="D113760" s="14" t="s">
        <v>128</v>
      </c>
      <c r="E113760" s="15">
        <v>45621</v>
      </c>
      <c r="F113760" s="14" t="s">
        <v>15</v>
      </c>
      <c r="G113760" s="16">
        <v>0</v>
      </c>
    </row>
    <row r="113761" spans="1:7" x14ac:dyDescent="0.3">
      <c r="A113761" s="13" t="s">
        <v>542</v>
      </c>
      <c r="B113761" s="14" t="s">
        <v>1</v>
      </c>
      <c r="C113761" s="14" t="s">
        <v>96</v>
      </c>
      <c r="D113761" s="14" t="s">
        <v>128</v>
      </c>
      <c r="E113761" s="15">
        <v>45622</v>
      </c>
      <c r="F113761" s="14" t="s">
        <v>15</v>
      </c>
      <c r="G113761" s="16">
        <v>0</v>
      </c>
    </row>
    <row r="113762" spans="1:7" x14ac:dyDescent="0.3">
      <c r="A113762" s="13" t="s">
        <v>542</v>
      </c>
      <c r="B113762" s="14" t="s">
        <v>1</v>
      </c>
      <c r="C113762" s="14" t="s">
        <v>96</v>
      </c>
      <c r="D113762" s="14" t="s">
        <v>128</v>
      </c>
      <c r="E113762" s="15">
        <v>45623</v>
      </c>
      <c r="F113762" s="14" t="s">
        <v>15</v>
      </c>
      <c r="G113762" s="16">
        <v>0</v>
      </c>
    </row>
    <row r="113763" spans="1:7" x14ac:dyDescent="0.3">
      <c r="A113763" s="13" t="s">
        <v>542</v>
      </c>
      <c r="B113763" s="14" t="s">
        <v>1</v>
      </c>
      <c r="C113763" s="14" t="s">
        <v>96</v>
      </c>
      <c r="D113763" s="14" t="s">
        <v>128</v>
      </c>
      <c r="E113763" s="15">
        <v>45624</v>
      </c>
      <c r="F113763" s="14" t="s">
        <v>15</v>
      </c>
      <c r="G113763" s="16">
        <v>0</v>
      </c>
    </row>
    <row r="113764" spans="1:7" x14ac:dyDescent="0.3">
      <c r="A113764" s="13" t="s">
        <v>542</v>
      </c>
      <c r="B113764" s="14" t="s">
        <v>1</v>
      </c>
      <c r="C113764" s="14" t="s">
        <v>96</v>
      </c>
      <c r="D113764" s="14" t="s">
        <v>128</v>
      </c>
      <c r="E113764" s="15">
        <v>45625</v>
      </c>
      <c r="F113764" s="14" t="s">
        <v>15</v>
      </c>
      <c r="G113764" s="16">
        <v>0</v>
      </c>
    </row>
    <row r="113765" spans="1:7" x14ac:dyDescent="0.3">
      <c r="A113765" s="13" t="s">
        <v>542</v>
      </c>
      <c r="B113765" s="14" t="s">
        <v>1</v>
      </c>
      <c r="C113765" s="14" t="s">
        <v>96</v>
      </c>
      <c r="D113765" s="14" t="s">
        <v>128</v>
      </c>
      <c r="E113765" s="15">
        <v>45626</v>
      </c>
      <c r="F113765" s="14" t="s">
        <v>15</v>
      </c>
      <c r="G113765" s="16">
        <v>0</v>
      </c>
    </row>
    <row r="113766" spans="1:7" x14ac:dyDescent="0.3">
      <c r="A113766" s="13" t="s">
        <v>542</v>
      </c>
      <c r="B113766" s="14" t="s">
        <v>1</v>
      </c>
      <c r="C113766" s="14" t="s">
        <v>96</v>
      </c>
      <c r="D113766" s="14" t="s">
        <v>128</v>
      </c>
      <c r="E113766" s="15">
        <v>45627</v>
      </c>
      <c r="F113766" s="14" t="s">
        <v>15</v>
      </c>
      <c r="G113766" s="16">
        <v>0</v>
      </c>
    </row>
    <row r="113767" spans="1:7" x14ac:dyDescent="0.3">
      <c r="A113767" s="13" t="s">
        <v>542</v>
      </c>
      <c r="B113767" s="14" t="s">
        <v>1</v>
      </c>
      <c r="C113767" s="14" t="s">
        <v>96</v>
      </c>
      <c r="D113767" s="14" t="s">
        <v>128</v>
      </c>
      <c r="E113767" s="15">
        <v>45628</v>
      </c>
      <c r="F113767" s="14" t="s">
        <v>15</v>
      </c>
      <c r="G113767" s="16">
        <v>0</v>
      </c>
    </row>
    <row r="113768" spans="1:7" x14ac:dyDescent="0.3">
      <c r="A113768" s="13" t="s">
        <v>542</v>
      </c>
      <c r="B113768" s="14" t="s">
        <v>1</v>
      </c>
      <c r="C113768" s="14" t="s">
        <v>96</v>
      </c>
      <c r="D113768" s="14" t="s">
        <v>128</v>
      </c>
      <c r="E113768" s="15">
        <v>45629</v>
      </c>
      <c r="F113768" s="14" t="s">
        <v>15</v>
      </c>
      <c r="G113768" s="16">
        <v>0</v>
      </c>
    </row>
    <row r="113769" spans="1:7" x14ac:dyDescent="0.3">
      <c r="A113769" s="13" t="s">
        <v>542</v>
      </c>
      <c r="B113769" s="14" t="s">
        <v>1</v>
      </c>
      <c r="C113769" s="14" t="s">
        <v>96</v>
      </c>
      <c r="D113769" s="14" t="s">
        <v>128</v>
      </c>
      <c r="E113769" s="15">
        <v>45630</v>
      </c>
      <c r="F113769" s="14" t="s">
        <v>15</v>
      </c>
      <c r="G113769" s="16">
        <v>0</v>
      </c>
    </row>
    <row r="113770" spans="1:7" x14ac:dyDescent="0.3">
      <c r="A113770" s="13" t="s">
        <v>542</v>
      </c>
      <c r="B113770" s="14" t="s">
        <v>1</v>
      </c>
      <c r="C113770" s="14" t="s">
        <v>96</v>
      </c>
      <c r="D113770" s="14" t="s">
        <v>128</v>
      </c>
      <c r="E113770" s="15">
        <v>45631</v>
      </c>
      <c r="F113770" s="14" t="s">
        <v>15</v>
      </c>
      <c r="G113770" s="16">
        <v>0</v>
      </c>
    </row>
    <row r="113771" spans="1:7" x14ac:dyDescent="0.3">
      <c r="A113771" s="13" t="s">
        <v>542</v>
      </c>
      <c r="B113771" s="14" t="s">
        <v>1</v>
      </c>
      <c r="C113771" s="14" t="s">
        <v>96</v>
      </c>
      <c r="D113771" s="14" t="s">
        <v>128</v>
      </c>
      <c r="E113771" s="15">
        <v>45632</v>
      </c>
      <c r="F113771" s="14" t="s">
        <v>15</v>
      </c>
      <c r="G113771" s="16">
        <v>0</v>
      </c>
    </row>
    <row r="113772" spans="1:7" x14ac:dyDescent="0.3">
      <c r="A113772" s="13" t="s">
        <v>542</v>
      </c>
      <c r="B113772" s="14" t="s">
        <v>1</v>
      </c>
      <c r="C113772" s="14" t="s">
        <v>96</v>
      </c>
      <c r="D113772" s="14" t="s">
        <v>128</v>
      </c>
      <c r="E113772" s="15">
        <v>45633</v>
      </c>
      <c r="F113772" s="14" t="s">
        <v>15</v>
      </c>
      <c r="G113772" s="16">
        <v>0</v>
      </c>
    </row>
    <row r="113773" spans="1:7" x14ac:dyDescent="0.3">
      <c r="A113773" s="13" t="s">
        <v>542</v>
      </c>
      <c r="B113773" s="14" t="s">
        <v>1</v>
      </c>
      <c r="C113773" s="14" t="s">
        <v>96</v>
      </c>
      <c r="D113773" s="14" t="s">
        <v>128</v>
      </c>
      <c r="E113773" s="15">
        <v>45634</v>
      </c>
      <c r="F113773" s="14" t="s">
        <v>15</v>
      </c>
      <c r="G113773" s="16">
        <v>0</v>
      </c>
    </row>
    <row r="113774" spans="1:7" x14ac:dyDescent="0.3">
      <c r="A113774" s="13" t="s">
        <v>542</v>
      </c>
      <c r="B113774" s="14" t="s">
        <v>1</v>
      </c>
      <c r="C113774" s="14" t="s">
        <v>96</v>
      </c>
      <c r="D113774" s="14" t="s">
        <v>128</v>
      </c>
      <c r="E113774" s="15">
        <v>45635</v>
      </c>
      <c r="F113774" s="14" t="s">
        <v>15</v>
      </c>
      <c r="G113774" s="16">
        <v>0</v>
      </c>
    </row>
    <row r="113775" spans="1:7" x14ac:dyDescent="0.3">
      <c r="A113775" s="13" t="s">
        <v>542</v>
      </c>
      <c r="B113775" s="14" t="s">
        <v>1</v>
      </c>
      <c r="C113775" s="14" t="s">
        <v>96</v>
      </c>
      <c r="D113775" s="14" t="s">
        <v>128</v>
      </c>
      <c r="E113775" s="15">
        <v>45636</v>
      </c>
      <c r="F113775" s="14" t="s">
        <v>15</v>
      </c>
      <c r="G113775" s="16">
        <v>0</v>
      </c>
    </row>
    <row r="113776" spans="1:7" x14ac:dyDescent="0.3">
      <c r="A113776" s="13" t="s">
        <v>542</v>
      </c>
      <c r="B113776" s="14" t="s">
        <v>1</v>
      </c>
      <c r="C113776" s="14" t="s">
        <v>96</v>
      </c>
      <c r="D113776" s="14" t="s">
        <v>128</v>
      </c>
      <c r="E113776" s="15">
        <v>45637</v>
      </c>
      <c r="F113776" s="14" t="s">
        <v>15</v>
      </c>
      <c r="G113776" s="16">
        <v>0</v>
      </c>
    </row>
    <row r="113777" spans="1:7" x14ac:dyDescent="0.3">
      <c r="A113777" s="13" t="s">
        <v>542</v>
      </c>
      <c r="B113777" s="14" t="s">
        <v>1</v>
      </c>
      <c r="C113777" s="14" t="s">
        <v>96</v>
      </c>
      <c r="D113777" s="14" t="s">
        <v>128</v>
      </c>
      <c r="E113777" s="15">
        <v>45638</v>
      </c>
      <c r="F113777" s="14" t="s">
        <v>15</v>
      </c>
      <c r="G113777" s="16">
        <v>0</v>
      </c>
    </row>
    <row r="113778" spans="1:7" x14ac:dyDescent="0.3">
      <c r="A113778" s="13" t="s">
        <v>542</v>
      </c>
      <c r="B113778" s="14" t="s">
        <v>1</v>
      </c>
      <c r="C113778" s="14" t="s">
        <v>96</v>
      </c>
      <c r="D113778" s="14" t="s">
        <v>128</v>
      </c>
      <c r="E113778" s="15">
        <v>45639</v>
      </c>
      <c r="F113778" s="14" t="s">
        <v>15</v>
      </c>
      <c r="G113778" s="16">
        <v>0</v>
      </c>
    </row>
    <row r="113779" spans="1:7" x14ac:dyDescent="0.3">
      <c r="A113779" s="13" t="s">
        <v>542</v>
      </c>
      <c r="B113779" s="14" t="s">
        <v>1</v>
      </c>
      <c r="C113779" s="14" t="s">
        <v>96</v>
      </c>
      <c r="D113779" s="14" t="s">
        <v>128</v>
      </c>
      <c r="E113779" s="15">
        <v>45640</v>
      </c>
      <c r="F113779" s="14" t="s">
        <v>15</v>
      </c>
      <c r="G113779" s="16">
        <v>0</v>
      </c>
    </row>
    <row r="113780" spans="1:7" x14ac:dyDescent="0.3">
      <c r="A113780" s="13" t="s">
        <v>542</v>
      </c>
      <c r="B113780" s="14" t="s">
        <v>1</v>
      </c>
      <c r="C113780" s="14" t="s">
        <v>96</v>
      </c>
      <c r="D113780" s="14" t="s">
        <v>128</v>
      </c>
      <c r="E113780" s="15">
        <v>45641</v>
      </c>
      <c r="F113780" s="14" t="s">
        <v>15</v>
      </c>
      <c r="G113780" s="16">
        <v>0</v>
      </c>
    </row>
    <row r="113781" spans="1:7" x14ac:dyDescent="0.3">
      <c r="A113781" s="13" t="s">
        <v>542</v>
      </c>
      <c r="B113781" s="14" t="s">
        <v>1</v>
      </c>
      <c r="C113781" s="14" t="s">
        <v>96</v>
      </c>
      <c r="D113781" s="14" t="s">
        <v>128</v>
      </c>
      <c r="E113781" s="15">
        <v>45642</v>
      </c>
      <c r="F113781" s="14" t="s">
        <v>15</v>
      </c>
      <c r="G113781" s="16">
        <v>0</v>
      </c>
    </row>
    <row r="113782" spans="1:7" x14ac:dyDescent="0.3">
      <c r="A113782" s="13" t="s">
        <v>542</v>
      </c>
      <c r="B113782" s="14" t="s">
        <v>1</v>
      </c>
      <c r="C113782" s="14" t="s">
        <v>96</v>
      </c>
      <c r="D113782" s="14" t="s">
        <v>128</v>
      </c>
      <c r="E113782" s="15">
        <v>45643</v>
      </c>
      <c r="F113782" s="14" t="s">
        <v>15</v>
      </c>
      <c r="G113782" s="16">
        <v>0</v>
      </c>
    </row>
    <row r="113783" spans="1:7" x14ac:dyDescent="0.3">
      <c r="A113783" s="13" t="s">
        <v>542</v>
      </c>
      <c r="B113783" s="14" t="s">
        <v>1</v>
      </c>
      <c r="C113783" s="14" t="s">
        <v>96</v>
      </c>
      <c r="D113783" s="14" t="s">
        <v>128</v>
      </c>
      <c r="E113783" s="15">
        <v>45644</v>
      </c>
      <c r="F113783" s="14" t="s">
        <v>15</v>
      </c>
      <c r="G113783" s="16">
        <v>0</v>
      </c>
    </row>
    <row r="113784" spans="1:7" x14ac:dyDescent="0.3">
      <c r="A113784" s="13" t="s">
        <v>542</v>
      </c>
      <c r="B113784" s="14" t="s">
        <v>1</v>
      </c>
      <c r="C113784" s="14" t="s">
        <v>96</v>
      </c>
      <c r="D113784" s="14" t="s">
        <v>128</v>
      </c>
      <c r="E113784" s="15">
        <v>45645</v>
      </c>
      <c r="F113784" s="14" t="s">
        <v>15</v>
      </c>
      <c r="G113784" s="16">
        <v>0</v>
      </c>
    </row>
    <row r="113785" spans="1:7" x14ac:dyDescent="0.3">
      <c r="A113785" s="13" t="s">
        <v>542</v>
      </c>
      <c r="B113785" s="14" t="s">
        <v>1</v>
      </c>
      <c r="C113785" s="14" t="s">
        <v>96</v>
      </c>
      <c r="D113785" s="14" t="s">
        <v>128</v>
      </c>
      <c r="E113785" s="15">
        <v>45646</v>
      </c>
      <c r="F113785" s="14" t="s">
        <v>15</v>
      </c>
      <c r="G113785" s="16">
        <v>0</v>
      </c>
    </row>
    <row r="113786" spans="1:7" x14ac:dyDescent="0.3">
      <c r="A113786" s="13" t="s">
        <v>542</v>
      </c>
      <c r="B113786" s="14" t="s">
        <v>1</v>
      </c>
      <c r="C113786" s="14" t="s">
        <v>96</v>
      </c>
      <c r="D113786" s="14" t="s">
        <v>128</v>
      </c>
      <c r="E113786" s="15">
        <v>45647</v>
      </c>
      <c r="F113786" s="14" t="s">
        <v>15</v>
      </c>
      <c r="G113786" s="16">
        <v>0</v>
      </c>
    </row>
    <row r="113787" spans="1:7" x14ac:dyDescent="0.3">
      <c r="A113787" s="13" t="s">
        <v>542</v>
      </c>
      <c r="B113787" s="14" t="s">
        <v>1</v>
      </c>
      <c r="C113787" s="14" t="s">
        <v>96</v>
      </c>
      <c r="D113787" s="14" t="s">
        <v>128</v>
      </c>
      <c r="E113787" s="15">
        <v>45648</v>
      </c>
      <c r="F113787" s="14" t="s">
        <v>15</v>
      </c>
      <c r="G113787" s="16">
        <v>0</v>
      </c>
    </row>
    <row r="113788" spans="1:7" x14ac:dyDescent="0.3">
      <c r="A113788" s="13" t="s">
        <v>542</v>
      </c>
      <c r="B113788" s="14" t="s">
        <v>1</v>
      </c>
      <c r="C113788" s="14" t="s">
        <v>96</v>
      </c>
      <c r="D113788" s="14" t="s">
        <v>128</v>
      </c>
      <c r="E113788" s="15">
        <v>45649</v>
      </c>
      <c r="F113788" s="14" t="s">
        <v>15</v>
      </c>
      <c r="G113788" s="16">
        <v>0</v>
      </c>
    </row>
    <row r="113789" spans="1:7" x14ac:dyDescent="0.3">
      <c r="A113789" s="13" t="s">
        <v>542</v>
      </c>
      <c r="B113789" s="14" t="s">
        <v>1</v>
      </c>
      <c r="C113789" s="14" t="s">
        <v>96</v>
      </c>
      <c r="D113789" s="14" t="s">
        <v>128</v>
      </c>
      <c r="E113789" s="15">
        <v>45650</v>
      </c>
      <c r="F113789" s="14" t="s">
        <v>15</v>
      </c>
      <c r="G113789" s="16">
        <v>0</v>
      </c>
    </row>
    <row r="113790" spans="1:7" x14ac:dyDescent="0.3">
      <c r="A113790" s="13" t="s">
        <v>542</v>
      </c>
      <c r="B113790" s="14" t="s">
        <v>1</v>
      </c>
      <c r="C113790" s="14" t="s">
        <v>96</v>
      </c>
      <c r="D113790" s="14" t="s">
        <v>128</v>
      </c>
      <c r="E113790" s="15">
        <v>45651</v>
      </c>
      <c r="F113790" s="14" t="s">
        <v>15</v>
      </c>
      <c r="G113790" s="16">
        <v>0</v>
      </c>
    </row>
    <row r="113791" spans="1:7" x14ac:dyDescent="0.3">
      <c r="A113791" s="13" t="s">
        <v>542</v>
      </c>
      <c r="B113791" s="14" t="s">
        <v>1</v>
      </c>
      <c r="C113791" s="14" t="s">
        <v>96</v>
      </c>
      <c r="D113791" s="14" t="s">
        <v>128</v>
      </c>
      <c r="E113791" s="15">
        <v>45652</v>
      </c>
      <c r="F113791" s="14" t="s">
        <v>15</v>
      </c>
      <c r="G113791" s="16">
        <v>0</v>
      </c>
    </row>
    <row r="113792" spans="1:7" x14ac:dyDescent="0.3">
      <c r="A113792" s="13" t="s">
        <v>542</v>
      </c>
      <c r="B113792" s="14" t="s">
        <v>1</v>
      </c>
      <c r="C113792" s="14" t="s">
        <v>96</v>
      </c>
      <c r="D113792" s="14" t="s">
        <v>128</v>
      </c>
      <c r="E113792" s="15">
        <v>45653</v>
      </c>
      <c r="F113792" s="14" t="s">
        <v>15</v>
      </c>
      <c r="G113792" s="16">
        <v>0</v>
      </c>
    </row>
    <row r="113793" spans="1:7" x14ac:dyDescent="0.3">
      <c r="A113793" s="13" t="s">
        <v>542</v>
      </c>
      <c r="B113793" s="14" t="s">
        <v>1</v>
      </c>
      <c r="C113793" s="14" t="s">
        <v>96</v>
      </c>
      <c r="D113793" s="14" t="s">
        <v>128</v>
      </c>
      <c r="E113793" s="15">
        <v>45654</v>
      </c>
      <c r="F113793" s="14" t="s">
        <v>15</v>
      </c>
      <c r="G113793" s="16">
        <v>0</v>
      </c>
    </row>
    <row r="113794" spans="1:7" x14ac:dyDescent="0.3">
      <c r="A113794" s="13" t="s">
        <v>542</v>
      </c>
      <c r="B113794" s="14" t="s">
        <v>1</v>
      </c>
      <c r="C113794" s="14" t="s">
        <v>96</v>
      </c>
      <c r="D113794" s="14" t="s">
        <v>128</v>
      </c>
      <c r="E113794" s="15">
        <v>45655</v>
      </c>
      <c r="F113794" s="14" t="s">
        <v>15</v>
      </c>
      <c r="G113794" s="16">
        <v>0</v>
      </c>
    </row>
    <row r="113795" spans="1:7" x14ac:dyDescent="0.3">
      <c r="A113795" s="13" t="s">
        <v>542</v>
      </c>
      <c r="B113795" s="14" t="s">
        <v>1</v>
      </c>
      <c r="C113795" s="14" t="s">
        <v>96</v>
      </c>
      <c r="D113795" s="14" t="s">
        <v>128</v>
      </c>
      <c r="E113795" s="15">
        <v>45656</v>
      </c>
      <c r="F113795" s="14" t="s">
        <v>15</v>
      </c>
      <c r="G113795" s="16">
        <v>0</v>
      </c>
    </row>
    <row r="113796" spans="1:7" x14ac:dyDescent="0.3">
      <c r="A113796" s="13" t="s">
        <v>542</v>
      </c>
      <c r="B113796" s="14" t="s">
        <v>1</v>
      </c>
      <c r="C113796" s="14" t="s">
        <v>96</v>
      </c>
      <c r="D113796" s="14" t="s">
        <v>128</v>
      </c>
      <c r="E113796" s="15">
        <v>45657</v>
      </c>
      <c r="F113796" s="14" t="s">
        <v>15</v>
      </c>
      <c r="G113796" s="16">
        <v>0</v>
      </c>
    </row>
    <row r="113797" spans="1:7" x14ac:dyDescent="0.3">
      <c r="A113797" s="13" t="s">
        <v>542</v>
      </c>
      <c r="B113797" s="14" t="s">
        <v>1</v>
      </c>
      <c r="C113797" s="14" t="s">
        <v>96</v>
      </c>
      <c r="D113797" s="14" t="s">
        <v>128</v>
      </c>
      <c r="E113797" s="15">
        <v>45658</v>
      </c>
      <c r="F113797" s="14" t="s">
        <v>15</v>
      </c>
      <c r="G113797" s="16">
        <v>0</v>
      </c>
    </row>
    <row r="113798" spans="1:7" x14ac:dyDescent="0.3">
      <c r="A113798" s="13" t="s">
        <v>542</v>
      </c>
      <c r="B113798" s="14" t="s">
        <v>1</v>
      </c>
      <c r="C113798" s="14" t="s">
        <v>96</v>
      </c>
      <c r="D113798" s="14" t="s">
        <v>128</v>
      </c>
      <c r="E113798" s="15">
        <v>45659</v>
      </c>
      <c r="F113798" s="14" t="s">
        <v>15</v>
      </c>
      <c r="G113798" s="16">
        <v>0</v>
      </c>
    </row>
    <row r="113799" spans="1:7" x14ac:dyDescent="0.3">
      <c r="A113799" s="13" t="s">
        <v>542</v>
      </c>
      <c r="B113799" s="14" t="s">
        <v>1</v>
      </c>
      <c r="C113799" s="14" t="s">
        <v>96</v>
      </c>
      <c r="D113799" s="14" t="s">
        <v>128</v>
      </c>
      <c r="E113799" s="15">
        <v>45660</v>
      </c>
      <c r="F113799" s="14" t="s">
        <v>15</v>
      </c>
      <c r="G113799" s="16">
        <v>0</v>
      </c>
    </row>
    <row r="113800" spans="1:7" x14ac:dyDescent="0.3">
      <c r="A113800" s="13" t="s">
        <v>542</v>
      </c>
      <c r="B113800" s="14" t="s">
        <v>1</v>
      </c>
      <c r="C113800" s="14" t="s">
        <v>96</v>
      </c>
      <c r="D113800" s="14" t="s">
        <v>128</v>
      </c>
      <c r="E113800" s="15">
        <v>45661</v>
      </c>
      <c r="F113800" s="14" t="s">
        <v>15</v>
      </c>
      <c r="G113800" s="16">
        <v>0</v>
      </c>
    </row>
    <row r="113801" spans="1:7" x14ac:dyDescent="0.3">
      <c r="A113801" s="13" t="s">
        <v>542</v>
      </c>
      <c r="B113801" s="14" t="s">
        <v>1</v>
      </c>
      <c r="C113801" s="14" t="s">
        <v>96</v>
      </c>
      <c r="D113801" s="14" t="s">
        <v>128</v>
      </c>
      <c r="E113801" s="15">
        <v>45662</v>
      </c>
      <c r="F113801" s="14" t="s">
        <v>15</v>
      </c>
      <c r="G113801" s="16">
        <v>0</v>
      </c>
    </row>
    <row r="113802" spans="1:7" x14ac:dyDescent="0.3">
      <c r="A113802" s="13" t="s">
        <v>542</v>
      </c>
      <c r="B113802" s="14" t="s">
        <v>1</v>
      </c>
      <c r="C113802" s="14" t="s">
        <v>96</v>
      </c>
      <c r="D113802" s="14" t="s">
        <v>128</v>
      </c>
      <c r="E113802" s="15">
        <v>45663</v>
      </c>
      <c r="F113802" s="14" t="s">
        <v>15</v>
      </c>
      <c r="G113802" s="16">
        <v>0</v>
      </c>
    </row>
    <row r="113803" spans="1:7" x14ac:dyDescent="0.3">
      <c r="A113803" s="13" t="s">
        <v>542</v>
      </c>
      <c r="B113803" s="14" t="s">
        <v>1</v>
      </c>
      <c r="C113803" s="14" t="s">
        <v>96</v>
      </c>
      <c r="D113803" s="14" t="s">
        <v>128</v>
      </c>
      <c r="E113803" s="15">
        <v>45664</v>
      </c>
      <c r="F113803" s="14" t="s">
        <v>15</v>
      </c>
      <c r="G113803" s="16">
        <v>0</v>
      </c>
    </row>
    <row r="113804" spans="1:7" x14ac:dyDescent="0.3">
      <c r="A113804" s="13" t="s">
        <v>542</v>
      </c>
      <c r="B113804" s="14" t="s">
        <v>1</v>
      </c>
      <c r="C113804" s="14" t="s">
        <v>96</v>
      </c>
      <c r="D113804" s="14" t="s">
        <v>128</v>
      </c>
      <c r="E113804" s="15">
        <v>45665</v>
      </c>
      <c r="F113804" s="14" t="s">
        <v>15</v>
      </c>
      <c r="G113804" s="16">
        <v>0</v>
      </c>
    </row>
    <row r="113805" spans="1:7" x14ac:dyDescent="0.3">
      <c r="A113805" s="13" t="s">
        <v>542</v>
      </c>
      <c r="B113805" s="14" t="s">
        <v>1</v>
      </c>
      <c r="C113805" s="14" t="s">
        <v>96</v>
      </c>
      <c r="D113805" s="14" t="s">
        <v>128</v>
      </c>
      <c r="E113805" s="15">
        <v>45666</v>
      </c>
      <c r="F113805" s="14" t="s">
        <v>15</v>
      </c>
      <c r="G113805" s="16">
        <v>0</v>
      </c>
    </row>
    <row r="113806" spans="1:7" x14ac:dyDescent="0.3">
      <c r="A113806" s="13" t="s">
        <v>542</v>
      </c>
      <c r="B113806" s="14" t="s">
        <v>1</v>
      </c>
      <c r="C113806" s="14" t="s">
        <v>96</v>
      </c>
      <c r="D113806" s="14" t="s">
        <v>128</v>
      </c>
      <c r="E113806" s="15">
        <v>45667</v>
      </c>
      <c r="F113806" s="14" t="s">
        <v>15</v>
      </c>
      <c r="G113806" s="16">
        <v>0</v>
      </c>
    </row>
    <row r="113807" spans="1:7" x14ac:dyDescent="0.3">
      <c r="A113807" s="13" t="s">
        <v>542</v>
      </c>
      <c r="B113807" s="14" t="s">
        <v>1</v>
      </c>
      <c r="C113807" s="14" t="s">
        <v>96</v>
      </c>
      <c r="D113807" s="14" t="s">
        <v>128</v>
      </c>
      <c r="E113807" s="15">
        <v>45668</v>
      </c>
      <c r="F113807" s="14" t="s">
        <v>15</v>
      </c>
      <c r="G113807" s="16">
        <v>0</v>
      </c>
    </row>
    <row r="113808" spans="1:7" x14ac:dyDescent="0.3">
      <c r="A113808" s="13" t="s">
        <v>542</v>
      </c>
      <c r="B113808" s="14" t="s">
        <v>1</v>
      </c>
      <c r="C113808" s="14" t="s">
        <v>96</v>
      </c>
      <c r="D113808" s="14" t="s">
        <v>128</v>
      </c>
      <c r="E113808" s="15">
        <v>45669</v>
      </c>
      <c r="F113808" s="14" t="s">
        <v>15</v>
      </c>
      <c r="G113808" s="16">
        <v>0</v>
      </c>
    </row>
    <row r="113809" spans="1:7" x14ac:dyDescent="0.3">
      <c r="A113809" s="13" t="s">
        <v>542</v>
      </c>
      <c r="B113809" s="14" t="s">
        <v>1</v>
      </c>
      <c r="C113809" s="14" t="s">
        <v>96</v>
      </c>
      <c r="D113809" s="14" t="s">
        <v>128</v>
      </c>
      <c r="E113809" s="15">
        <v>45670</v>
      </c>
      <c r="F113809" s="14" t="s">
        <v>15</v>
      </c>
      <c r="G113809" s="16">
        <v>0</v>
      </c>
    </row>
    <row r="113810" spans="1:7" x14ac:dyDescent="0.3">
      <c r="A113810" s="13" t="s">
        <v>542</v>
      </c>
      <c r="B113810" s="14" t="s">
        <v>1</v>
      </c>
      <c r="C113810" s="14" t="s">
        <v>96</v>
      </c>
      <c r="D113810" s="14" t="s">
        <v>128</v>
      </c>
      <c r="E113810" s="15">
        <v>45671</v>
      </c>
      <c r="F113810" s="14" t="s">
        <v>15</v>
      </c>
      <c r="G113810" s="16">
        <v>0</v>
      </c>
    </row>
    <row r="113811" spans="1:7" x14ac:dyDescent="0.3">
      <c r="A113811" s="13" t="s">
        <v>542</v>
      </c>
      <c r="B113811" s="14" t="s">
        <v>1</v>
      </c>
      <c r="C113811" s="14" t="s">
        <v>96</v>
      </c>
      <c r="D113811" s="14" t="s">
        <v>128</v>
      </c>
      <c r="E113811" s="15">
        <v>45672</v>
      </c>
      <c r="F113811" s="14" t="s">
        <v>15</v>
      </c>
      <c r="G113811" s="16">
        <v>0</v>
      </c>
    </row>
    <row r="113812" spans="1:7" x14ac:dyDescent="0.3">
      <c r="A113812" s="13" t="s">
        <v>542</v>
      </c>
      <c r="B113812" s="14" t="s">
        <v>1</v>
      </c>
      <c r="C113812" s="14" t="s">
        <v>96</v>
      </c>
      <c r="D113812" s="14" t="s">
        <v>128</v>
      </c>
      <c r="E113812" s="15">
        <v>45673</v>
      </c>
      <c r="F113812" s="14" t="s">
        <v>15</v>
      </c>
      <c r="G113812" s="16">
        <v>0</v>
      </c>
    </row>
    <row r="113813" spans="1:7" x14ac:dyDescent="0.3">
      <c r="A113813" s="13" t="s">
        <v>542</v>
      </c>
      <c r="B113813" s="14" t="s">
        <v>1</v>
      </c>
      <c r="C113813" s="14" t="s">
        <v>96</v>
      </c>
      <c r="D113813" s="14" t="s">
        <v>128</v>
      </c>
      <c r="E113813" s="15">
        <v>45674</v>
      </c>
      <c r="F113813" s="14" t="s">
        <v>15</v>
      </c>
      <c r="G113813" s="16">
        <v>0</v>
      </c>
    </row>
    <row r="113814" spans="1:7" x14ac:dyDescent="0.3">
      <c r="A113814" s="13" t="s">
        <v>542</v>
      </c>
      <c r="B113814" s="14" t="s">
        <v>1</v>
      </c>
      <c r="C113814" s="14" t="s">
        <v>96</v>
      </c>
      <c r="D113814" s="14" t="s">
        <v>128</v>
      </c>
      <c r="E113814" s="15">
        <v>45675</v>
      </c>
      <c r="F113814" s="14" t="s">
        <v>15</v>
      </c>
      <c r="G113814" s="16">
        <v>0</v>
      </c>
    </row>
    <row r="113815" spans="1:7" x14ac:dyDescent="0.3">
      <c r="A113815" s="13" t="s">
        <v>542</v>
      </c>
      <c r="B113815" s="14" t="s">
        <v>1</v>
      </c>
      <c r="C113815" s="14" t="s">
        <v>96</v>
      </c>
      <c r="D113815" s="14" t="s">
        <v>128</v>
      </c>
      <c r="E113815" s="15">
        <v>45676</v>
      </c>
      <c r="F113815" s="14" t="s">
        <v>15</v>
      </c>
      <c r="G113815" s="16">
        <v>0</v>
      </c>
    </row>
    <row r="113816" spans="1:7" x14ac:dyDescent="0.3">
      <c r="A113816" s="13" t="s">
        <v>542</v>
      </c>
      <c r="B113816" s="14" t="s">
        <v>1</v>
      </c>
      <c r="C113816" s="14" t="s">
        <v>96</v>
      </c>
      <c r="D113816" s="14" t="s">
        <v>128</v>
      </c>
      <c r="E113816" s="15">
        <v>45677</v>
      </c>
      <c r="F113816" s="14" t="s">
        <v>15</v>
      </c>
      <c r="G113816" s="16">
        <v>0</v>
      </c>
    </row>
    <row r="113817" spans="1:7" x14ac:dyDescent="0.3">
      <c r="A113817" s="13" t="s">
        <v>542</v>
      </c>
      <c r="B113817" s="14" t="s">
        <v>1</v>
      </c>
      <c r="C113817" s="14" t="s">
        <v>96</v>
      </c>
      <c r="D113817" s="14" t="s">
        <v>128</v>
      </c>
      <c r="E113817" s="15">
        <v>45678</v>
      </c>
      <c r="F113817" s="14" t="s">
        <v>15</v>
      </c>
      <c r="G113817" s="16">
        <v>0</v>
      </c>
    </row>
    <row r="113818" spans="1:7" x14ac:dyDescent="0.3">
      <c r="A113818" s="13" t="s">
        <v>542</v>
      </c>
      <c r="B113818" s="14" t="s">
        <v>1</v>
      </c>
      <c r="C113818" s="14" t="s">
        <v>96</v>
      </c>
      <c r="D113818" s="14" t="s">
        <v>128</v>
      </c>
      <c r="E113818" s="15">
        <v>45679</v>
      </c>
      <c r="F113818" s="14" t="s">
        <v>15</v>
      </c>
      <c r="G113818" s="16">
        <v>0</v>
      </c>
    </row>
    <row r="113819" spans="1:7" x14ac:dyDescent="0.3">
      <c r="A113819" s="13" t="s">
        <v>542</v>
      </c>
      <c r="B113819" s="14" t="s">
        <v>1</v>
      </c>
      <c r="C113819" s="14" t="s">
        <v>96</v>
      </c>
      <c r="D113819" s="14" t="s">
        <v>128</v>
      </c>
      <c r="E113819" s="15">
        <v>45680</v>
      </c>
      <c r="F113819" s="14" t="s">
        <v>15</v>
      </c>
      <c r="G113819" s="16">
        <v>0</v>
      </c>
    </row>
    <row r="113820" spans="1:7" x14ac:dyDescent="0.3">
      <c r="A113820" s="13" t="s">
        <v>542</v>
      </c>
      <c r="B113820" s="14" t="s">
        <v>1</v>
      </c>
      <c r="C113820" s="14" t="s">
        <v>96</v>
      </c>
      <c r="D113820" s="14" t="s">
        <v>128</v>
      </c>
      <c r="E113820" s="15">
        <v>45681</v>
      </c>
      <c r="F113820" s="14" t="s">
        <v>15</v>
      </c>
      <c r="G113820" s="16">
        <v>0</v>
      </c>
    </row>
    <row r="113821" spans="1:7" x14ac:dyDescent="0.3">
      <c r="A113821" s="13" t="s">
        <v>542</v>
      </c>
      <c r="B113821" s="14" t="s">
        <v>1</v>
      </c>
      <c r="C113821" s="14" t="s">
        <v>96</v>
      </c>
      <c r="D113821" s="14" t="s">
        <v>128</v>
      </c>
      <c r="E113821" s="15">
        <v>45682</v>
      </c>
      <c r="F113821" s="14" t="s">
        <v>15</v>
      </c>
      <c r="G113821" s="16">
        <v>0</v>
      </c>
    </row>
    <row r="113822" spans="1:7" x14ac:dyDescent="0.3">
      <c r="A113822" s="13" t="s">
        <v>542</v>
      </c>
      <c r="B113822" s="14" t="s">
        <v>1</v>
      </c>
      <c r="C113822" s="14" t="s">
        <v>96</v>
      </c>
      <c r="D113822" s="14" t="s">
        <v>128</v>
      </c>
      <c r="E113822" s="15">
        <v>45683</v>
      </c>
      <c r="F113822" s="14" t="s">
        <v>15</v>
      </c>
      <c r="G113822" s="16">
        <v>0</v>
      </c>
    </row>
    <row r="113823" spans="1:7" x14ac:dyDescent="0.3">
      <c r="A113823" s="13" t="s">
        <v>542</v>
      </c>
      <c r="B113823" s="14" t="s">
        <v>1</v>
      </c>
      <c r="C113823" s="14" t="s">
        <v>96</v>
      </c>
      <c r="D113823" s="14" t="s">
        <v>128</v>
      </c>
      <c r="E113823" s="15">
        <v>45684</v>
      </c>
      <c r="F113823" s="14" t="s">
        <v>15</v>
      </c>
      <c r="G113823" s="16">
        <v>0</v>
      </c>
    </row>
    <row r="113824" spans="1:7" x14ac:dyDescent="0.3">
      <c r="A113824" s="13" t="s">
        <v>542</v>
      </c>
      <c r="B113824" s="14" t="s">
        <v>1</v>
      </c>
      <c r="C113824" s="14" t="s">
        <v>96</v>
      </c>
      <c r="D113824" s="14" t="s">
        <v>128</v>
      </c>
      <c r="E113824" s="15">
        <v>45685</v>
      </c>
      <c r="F113824" s="14" t="s">
        <v>15</v>
      </c>
      <c r="G113824" s="16">
        <v>0</v>
      </c>
    </row>
    <row r="113825" spans="1:7" x14ac:dyDescent="0.3">
      <c r="A113825" s="13" t="s">
        <v>542</v>
      </c>
      <c r="B113825" s="14" t="s">
        <v>1</v>
      </c>
      <c r="C113825" s="14" t="s">
        <v>96</v>
      </c>
      <c r="D113825" s="14" t="s">
        <v>128</v>
      </c>
      <c r="E113825" s="15">
        <v>45686</v>
      </c>
      <c r="F113825" s="14" t="s">
        <v>15</v>
      </c>
      <c r="G113825" s="16">
        <v>0</v>
      </c>
    </row>
    <row r="113826" spans="1:7" x14ac:dyDescent="0.3">
      <c r="A113826" s="13" t="s">
        <v>542</v>
      </c>
      <c r="B113826" s="14" t="s">
        <v>1</v>
      </c>
      <c r="C113826" s="14" t="s">
        <v>96</v>
      </c>
      <c r="D113826" s="14" t="s">
        <v>128</v>
      </c>
      <c r="E113826" s="15">
        <v>45687</v>
      </c>
      <c r="F113826" s="14" t="s">
        <v>15</v>
      </c>
      <c r="G113826" s="16">
        <v>0</v>
      </c>
    </row>
    <row r="113827" spans="1:7" x14ac:dyDescent="0.3">
      <c r="A113827" s="13" t="s">
        <v>542</v>
      </c>
      <c r="B113827" s="14" t="s">
        <v>1</v>
      </c>
      <c r="C113827" s="14" t="s">
        <v>96</v>
      </c>
      <c r="D113827" s="14" t="s">
        <v>128</v>
      </c>
      <c r="E113827" s="15">
        <v>45688</v>
      </c>
      <c r="F113827" s="14" t="s">
        <v>15</v>
      </c>
      <c r="G113827" s="16">
        <v>0</v>
      </c>
    </row>
    <row r="113828" spans="1:7" x14ac:dyDescent="0.3">
      <c r="A113828" s="13" t="s">
        <v>542</v>
      </c>
      <c r="B113828" s="14" t="s">
        <v>1</v>
      </c>
      <c r="C113828" s="14" t="s">
        <v>96</v>
      </c>
      <c r="D113828" s="14" t="s">
        <v>128</v>
      </c>
      <c r="E113828" s="15">
        <v>45689</v>
      </c>
      <c r="F113828" s="14" t="s">
        <v>15</v>
      </c>
      <c r="G113828" s="16">
        <v>0</v>
      </c>
    </row>
    <row r="113829" spans="1:7" x14ac:dyDescent="0.3">
      <c r="A113829" s="13" t="s">
        <v>542</v>
      </c>
      <c r="B113829" s="14" t="s">
        <v>1</v>
      </c>
      <c r="C113829" s="14" t="s">
        <v>96</v>
      </c>
      <c r="D113829" s="14" t="s">
        <v>128</v>
      </c>
      <c r="E113829" s="15">
        <v>45690</v>
      </c>
      <c r="F113829" s="14" t="s">
        <v>15</v>
      </c>
      <c r="G113829" s="16">
        <v>0</v>
      </c>
    </row>
    <row r="113830" spans="1:7" x14ac:dyDescent="0.3">
      <c r="A113830" s="13" t="s">
        <v>542</v>
      </c>
      <c r="B113830" s="14" t="s">
        <v>1</v>
      </c>
      <c r="C113830" s="14" t="s">
        <v>96</v>
      </c>
      <c r="D113830" s="14" t="s">
        <v>128</v>
      </c>
      <c r="E113830" s="15">
        <v>45691</v>
      </c>
      <c r="F113830" s="14" t="s">
        <v>15</v>
      </c>
      <c r="G113830" s="16">
        <v>0</v>
      </c>
    </row>
    <row r="113831" spans="1:7" x14ac:dyDescent="0.3">
      <c r="A113831" s="13" t="s">
        <v>542</v>
      </c>
      <c r="B113831" s="14" t="s">
        <v>1</v>
      </c>
      <c r="C113831" s="14" t="s">
        <v>96</v>
      </c>
      <c r="D113831" s="14" t="s">
        <v>128</v>
      </c>
      <c r="E113831" s="15">
        <v>45692</v>
      </c>
      <c r="F113831" s="14" t="s">
        <v>15</v>
      </c>
      <c r="G113831" s="16">
        <v>0</v>
      </c>
    </row>
    <row r="113832" spans="1:7" x14ac:dyDescent="0.3">
      <c r="A113832" s="13" t="s">
        <v>542</v>
      </c>
      <c r="B113832" s="14" t="s">
        <v>1</v>
      </c>
      <c r="C113832" s="14" t="s">
        <v>96</v>
      </c>
      <c r="D113832" s="14" t="s">
        <v>128</v>
      </c>
      <c r="E113832" s="15">
        <v>45693</v>
      </c>
      <c r="F113832" s="14" t="s">
        <v>15</v>
      </c>
      <c r="G113832" s="16">
        <v>0</v>
      </c>
    </row>
    <row r="113833" spans="1:7" x14ac:dyDescent="0.3">
      <c r="A113833" s="13" t="s">
        <v>542</v>
      </c>
      <c r="B113833" s="14" t="s">
        <v>1</v>
      </c>
      <c r="C113833" s="14" t="s">
        <v>96</v>
      </c>
      <c r="D113833" s="14" t="s">
        <v>128</v>
      </c>
      <c r="E113833" s="15">
        <v>45694</v>
      </c>
      <c r="F113833" s="14" t="s">
        <v>15</v>
      </c>
      <c r="G113833" s="16">
        <v>0</v>
      </c>
    </row>
    <row r="113834" spans="1:7" x14ac:dyDescent="0.3">
      <c r="A113834" s="13" t="s">
        <v>542</v>
      </c>
      <c r="B113834" s="14" t="s">
        <v>1</v>
      </c>
      <c r="C113834" s="14" t="s">
        <v>96</v>
      </c>
      <c r="D113834" s="14" t="s">
        <v>128</v>
      </c>
      <c r="E113834" s="15">
        <v>45695</v>
      </c>
      <c r="F113834" s="14" t="s">
        <v>15</v>
      </c>
      <c r="G113834" s="16">
        <v>0</v>
      </c>
    </row>
    <row r="113835" spans="1:7" x14ac:dyDescent="0.3">
      <c r="A113835" s="13" t="s">
        <v>542</v>
      </c>
      <c r="B113835" s="14" t="s">
        <v>1</v>
      </c>
      <c r="C113835" s="14" t="s">
        <v>96</v>
      </c>
      <c r="D113835" s="14" t="s">
        <v>128</v>
      </c>
      <c r="E113835" s="15">
        <v>45696</v>
      </c>
      <c r="F113835" s="14" t="s">
        <v>15</v>
      </c>
      <c r="G113835" s="16">
        <v>0</v>
      </c>
    </row>
    <row r="113836" spans="1:7" x14ac:dyDescent="0.3">
      <c r="A113836" s="13" t="s">
        <v>542</v>
      </c>
      <c r="B113836" s="14" t="s">
        <v>1</v>
      </c>
      <c r="C113836" s="14" t="s">
        <v>96</v>
      </c>
      <c r="D113836" s="14" t="s">
        <v>128</v>
      </c>
      <c r="E113836" s="15">
        <v>45697</v>
      </c>
      <c r="F113836" s="14" t="s">
        <v>15</v>
      </c>
      <c r="G113836" s="16">
        <v>0</v>
      </c>
    </row>
    <row r="113837" spans="1:7" x14ac:dyDescent="0.3">
      <c r="A113837" s="13" t="s">
        <v>542</v>
      </c>
      <c r="B113837" s="14" t="s">
        <v>1</v>
      </c>
      <c r="C113837" s="14" t="s">
        <v>96</v>
      </c>
      <c r="D113837" s="14" t="s">
        <v>128</v>
      </c>
      <c r="E113837" s="15">
        <v>45698</v>
      </c>
      <c r="F113837" s="14" t="s">
        <v>15</v>
      </c>
      <c r="G113837" s="16">
        <v>0</v>
      </c>
    </row>
    <row r="113838" spans="1:7" x14ac:dyDescent="0.3">
      <c r="A113838" s="13" t="s">
        <v>542</v>
      </c>
      <c r="B113838" s="14" t="s">
        <v>1</v>
      </c>
      <c r="C113838" s="14" t="s">
        <v>96</v>
      </c>
      <c r="D113838" s="14" t="s">
        <v>128</v>
      </c>
      <c r="E113838" s="15">
        <v>45699</v>
      </c>
      <c r="F113838" s="14" t="s">
        <v>15</v>
      </c>
      <c r="G113838" s="16">
        <v>0</v>
      </c>
    </row>
    <row r="113839" spans="1:7" x14ac:dyDescent="0.3">
      <c r="A113839" s="13" t="s">
        <v>542</v>
      </c>
      <c r="B113839" s="14" t="s">
        <v>1</v>
      </c>
      <c r="C113839" s="14" t="s">
        <v>96</v>
      </c>
      <c r="D113839" s="14" t="s">
        <v>128</v>
      </c>
      <c r="E113839" s="15">
        <v>45700</v>
      </c>
      <c r="F113839" s="14" t="s">
        <v>15</v>
      </c>
      <c r="G113839" s="16">
        <v>0</v>
      </c>
    </row>
    <row r="113840" spans="1:7" x14ac:dyDescent="0.3">
      <c r="A113840" s="13" t="s">
        <v>542</v>
      </c>
      <c r="B113840" s="14" t="s">
        <v>1</v>
      </c>
      <c r="C113840" s="14" t="s">
        <v>96</v>
      </c>
      <c r="D113840" s="14" t="s">
        <v>128</v>
      </c>
      <c r="E113840" s="15">
        <v>45701</v>
      </c>
      <c r="F113840" s="14" t="s">
        <v>15</v>
      </c>
      <c r="G113840" s="16">
        <v>0</v>
      </c>
    </row>
    <row r="113841" spans="1:7" x14ac:dyDescent="0.3">
      <c r="A113841" s="13" t="s">
        <v>542</v>
      </c>
      <c r="B113841" s="14" t="s">
        <v>1</v>
      </c>
      <c r="C113841" s="14" t="s">
        <v>96</v>
      </c>
      <c r="D113841" s="14" t="s">
        <v>128</v>
      </c>
      <c r="E113841" s="15">
        <v>45702</v>
      </c>
      <c r="F113841" s="14" t="s">
        <v>15</v>
      </c>
      <c r="G113841" s="16">
        <v>0</v>
      </c>
    </row>
    <row r="113842" spans="1:7" x14ac:dyDescent="0.3">
      <c r="A113842" s="13" t="s">
        <v>542</v>
      </c>
      <c r="B113842" s="14" t="s">
        <v>1</v>
      </c>
      <c r="C113842" s="14" t="s">
        <v>96</v>
      </c>
      <c r="D113842" s="14" t="s">
        <v>128</v>
      </c>
      <c r="E113842" s="15">
        <v>45703</v>
      </c>
      <c r="F113842" s="14" t="s">
        <v>15</v>
      </c>
      <c r="G113842" s="16">
        <v>0</v>
      </c>
    </row>
    <row r="113843" spans="1:7" x14ac:dyDescent="0.3">
      <c r="A113843" s="13" t="s">
        <v>542</v>
      </c>
      <c r="B113843" s="14" t="s">
        <v>1</v>
      </c>
      <c r="C113843" s="14" t="s">
        <v>96</v>
      </c>
      <c r="D113843" s="14" t="s">
        <v>128</v>
      </c>
      <c r="E113843" s="15">
        <v>45704</v>
      </c>
      <c r="F113843" s="14" t="s">
        <v>15</v>
      </c>
      <c r="G113843" s="16">
        <v>0</v>
      </c>
    </row>
    <row r="113844" spans="1:7" x14ac:dyDescent="0.3">
      <c r="A113844" s="13" t="s">
        <v>542</v>
      </c>
      <c r="B113844" s="14" t="s">
        <v>1</v>
      </c>
      <c r="C113844" s="14" t="s">
        <v>96</v>
      </c>
      <c r="D113844" s="14" t="s">
        <v>128</v>
      </c>
      <c r="E113844" s="15">
        <v>45705</v>
      </c>
      <c r="F113844" s="14" t="s">
        <v>15</v>
      </c>
      <c r="G113844" s="16">
        <v>0</v>
      </c>
    </row>
    <row r="113845" spans="1:7" x14ac:dyDescent="0.3">
      <c r="A113845" s="13" t="s">
        <v>542</v>
      </c>
      <c r="B113845" s="14" t="s">
        <v>1</v>
      </c>
      <c r="C113845" s="14" t="s">
        <v>96</v>
      </c>
      <c r="D113845" s="14" t="s">
        <v>128</v>
      </c>
      <c r="E113845" s="15">
        <v>45706</v>
      </c>
      <c r="F113845" s="14" t="s">
        <v>15</v>
      </c>
      <c r="G113845" s="16">
        <v>0</v>
      </c>
    </row>
    <row r="113846" spans="1:7" x14ac:dyDescent="0.3">
      <c r="A113846" s="13" t="s">
        <v>542</v>
      </c>
      <c r="B113846" s="14" t="s">
        <v>1</v>
      </c>
      <c r="C113846" s="14" t="s">
        <v>96</v>
      </c>
      <c r="D113846" s="14" t="s">
        <v>128</v>
      </c>
      <c r="E113846" s="15">
        <v>45707</v>
      </c>
      <c r="F113846" s="14" t="s">
        <v>15</v>
      </c>
      <c r="G113846" s="16">
        <v>0</v>
      </c>
    </row>
    <row r="113847" spans="1:7" x14ac:dyDescent="0.3">
      <c r="A113847" s="13" t="s">
        <v>542</v>
      </c>
      <c r="B113847" s="14" t="s">
        <v>1</v>
      </c>
      <c r="C113847" s="14" t="s">
        <v>96</v>
      </c>
      <c r="D113847" s="14" t="s">
        <v>128</v>
      </c>
      <c r="E113847" s="15">
        <v>45708</v>
      </c>
      <c r="F113847" s="14" t="s">
        <v>15</v>
      </c>
      <c r="G113847" s="16">
        <v>0</v>
      </c>
    </row>
    <row r="113848" spans="1:7" x14ac:dyDescent="0.3">
      <c r="A113848" s="13" t="s">
        <v>542</v>
      </c>
      <c r="B113848" s="14" t="s">
        <v>1</v>
      </c>
      <c r="C113848" s="14" t="s">
        <v>96</v>
      </c>
      <c r="D113848" s="14" t="s">
        <v>128</v>
      </c>
      <c r="E113848" s="15">
        <v>45709</v>
      </c>
      <c r="F113848" s="14" t="s">
        <v>15</v>
      </c>
      <c r="G113848" s="16">
        <v>0</v>
      </c>
    </row>
    <row r="113849" spans="1:7" x14ac:dyDescent="0.3">
      <c r="A113849" s="13" t="s">
        <v>542</v>
      </c>
      <c r="B113849" s="14" t="s">
        <v>1</v>
      </c>
      <c r="C113849" s="14" t="s">
        <v>96</v>
      </c>
      <c r="D113849" s="14" t="s">
        <v>128</v>
      </c>
      <c r="E113849" s="15">
        <v>45710</v>
      </c>
      <c r="F113849" s="14" t="s">
        <v>15</v>
      </c>
      <c r="G113849" s="16">
        <v>0</v>
      </c>
    </row>
    <row r="113850" spans="1:7" x14ac:dyDescent="0.3">
      <c r="A113850" s="13" t="s">
        <v>542</v>
      </c>
      <c r="B113850" s="14" t="s">
        <v>1</v>
      </c>
      <c r="C113850" s="14" t="s">
        <v>96</v>
      </c>
      <c r="D113850" s="14" t="s">
        <v>128</v>
      </c>
      <c r="E113850" s="15">
        <v>45711</v>
      </c>
      <c r="F113850" s="14" t="s">
        <v>15</v>
      </c>
      <c r="G113850" s="16">
        <v>0</v>
      </c>
    </row>
    <row r="113851" spans="1:7" x14ac:dyDescent="0.3">
      <c r="A113851" s="13" t="s">
        <v>542</v>
      </c>
      <c r="B113851" s="14" t="s">
        <v>1</v>
      </c>
      <c r="C113851" s="14" t="s">
        <v>96</v>
      </c>
      <c r="D113851" s="14" t="s">
        <v>128</v>
      </c>
      <c r="E113851" s="15">
        <v>45712</v>
      </c>
      <c r="F113851" s="14" t="s">
        <v>15</v>
      </c>
      <c r="G113851" s="16">
        <v>0</v>
      </c>
    </row>
    <row r="113852" spans="1:7" x14ac:dyDescent="0.3">
      <c r="A113852" s="13" t="s">
        <v>542</v>
      </c>
      <c r="B113852" s="14" t="s">
        <v>1</v>
      </c>
      <c r="C113852" s="14" t="s">
        <v>96</v>
      </c>
      <c r="D113852" s="14" t="s">
        <v>128</v>
      </c>
      <c r="E113852" s="15">
        <v>45713</v>
      </c>
      <c r="F113852" s="14" t="s">
        <v>15</v>
      </c>
      <c r="G113852" s="16">
        <v>0</v>
      </c>
    </row>
    <row r="113853" spans="1:7" x14ac:dyDescent="0.3">
      <c r="A113853" s="13" t="s">
        <v>542</v>
      </c>
      <c r="B113853" s="14" t="s">
        <v>1</v>
      </c>
      <c r="C113853" s="14" t="s">
        <v>96</v>
      </c>
      <c r="D113853" s="14" t="s">
        <v>128</v>
      </c>
      <c r="E113853" s="15">
        <v>45714</v>
      </c>
      <c r="F113853" s="14" t="s">
        <v>15</v>
      </c>
      <c r="G113853" s="16">
        <v>0</v>
      </c>
    </row>
    <row r="113854" spans="1:7" x14ac:dyDescent="0.3">
      <c r="A113854" s="13" t="s">
        <v>542</v>
      </c>
      <c r="B113854" s="14" t="s">
        <v>1</v>
      </c>
      <c r="C113854" s="14" t="s">
        <v>96</v>
      </c>
      <c r="D113854" s="14" t="s">
        <v>128</v>
      </c>
      <c r="E113854" s="15">
        <v>45715</v>
      </c>
      <c r="F113854" s="14" t="s">
        <v>15</v>
      </c>
      <c r="G113854" s="16">
        <v>0</v>
      </c>
    </row>
    <row r="113855" spans="1:7" x14ac:dyDescent="0.3">
      <c r="A113855" s="13" t="s">
        <v>542</v>
      </c>
      <c r="B113855" s="14" t="s">
        <v>1</v>
      </c>
      <c r="C113855" s="14" t="s">
        <v>96</v>
      </c>
      <c r="D113855" s="14" t="s">
        <v>128</v>
      </c>
      <c r="E113855" s="15">
        <v>45716</v>
      </c>
      <c r="F113855" s="14" t="s">
        <v>15</v>
      </c>
      <c r="G113855" s="16">
        <v>0</v>
      </c>
    </row>
    <row r="113856" spans="1:7" x14ac:dyDescent="0.3">
      <c r="A113856" s="13" t="s">
        <v>542</v>
      </c>
      <c r="B113856" s="14" t="s">
        <v>1</v>
      </c>
      <c r="C113856" s="14" t="s">
        <v>96</v>
      </c>
      <c r="D113856" s="14" t="s">
        <v>128</v>
      </c>
      <c r="E113856" s="15">
        <v>45717</v>
      </c>
      <c r="F113856" s="14" t="s">
        <v>15</v>
      </c>
      <c r="G113856" s="16">
        <v>0</v>
      </c>
    </row>
    <row r="113857" spans="1:7" x14ac:dyDescent="0.3">
      <c r="A113857" s="13" t="s">
        <v>542</v>
      </c>
      <c r="B113857" s="14" t="s">
        <v>1</v>
      </c>
      <c r="C113857" s="14" t="s">
        <v>96</v>
      </c>
      <c r="D113857" s="14" t="s">
        <v>128</v>
      </c>
      <c r="E113857" s="15">
        <v>45718</v>
      </c>
      <c r="F113857" s="14" t="s">
        <v>15</v>
      </c>
      <c r="G113857" s="16">
        <v>0</v>
      </c>
    </row>
    <row r="113858" spans="1:7" x14ac:dyDescent="0.3">
      <c r="A113858" s="13" t="s">
        <v>542</v>
      </c>
      <c r="B113858" s="14" t="s">
        <v>1</v>
      </c>
      <c r="C113858" s="14" t="s">
        <v>96</v>
      </c>
      <c r="D113858" s="14" t="s">
        <v>128</v>
      </c>
      <c r="E113858" s="15">
        <v>45719</v>
      </c>
      <c r="F113858" s="14" t="s">
        <v>15</v>
      </c>
      <c r="G113858" s="16">
        <v>0</v>
      </c>
    </row>
    <row r="113859" spans="1:7" x14ac:dyDescent="0.3">
      <c r="A113859" s="13" t="s">
        <v>542</v>
      </c>
      <c r="B113859" s="14" t="s">
        <v>1</v>
      </c>
      <c r="C113859" s="14" t="s">
        <v>96</v>
      </c>
      <c r="D113859" s="14" t="s">
        <v>128</v>
      </c>
      <c r="E113859" s="15">
        <v>45720</v>
      </c>
      <c r="F113859" s="14" t="s">
        <v>15</v>
      </c>
      <c r="G113859" s="16">
        <v>0</v>
      </c>
    </row>
    <row r="113860" spans="1:7" x14ac:dyDescent="0.3">
      <c r="A113860" s="13" t="s">
        <v>542</v>
      </c>
      <c r="B113860" s="14" t="s">
        <v>1</v>
      </c>
      <c r="C113860" s="14" t="s">
        <v>96</v>
      </c>
      <c r="D113860" s="14" t="s">
        <v>128</v>
      </c>
      <c r="E113860" s="15">
        <v>45721</v>
      </c>
      <c r="F113860" s="14" t="s">
        <v>15</v>
      </c>
      <c r="G113860" s="16">
        <v>0</v>
      </c>
    </row>
    <row r="113861" spans="1:7" x14ac:dyDescent="0.3">
      <c r="A113861" s="13" t="s">
        <v>542</v>
      </c>
      <c r="B113861" s="14" t="s">
        <v>1</v>
      </c>
      <c r="C113861" s="14" t="s">
        <v>96</v>
      </c>
      <c r="D113861" s="14" t="s">
        <v>128</v>
      </c>
      <c r="E113861" s="15">
        <v>45722</v>
      </c>
      <c r="F113861" s="14" t="s">
        <v>15</v>
      </c>
      <c r="G113861" s="16">
        <v>0</v>
      </c>
    </row>
    <row r="113862" spans="1:7" x14ac:dyDescent="0.3">
      <c r="A113862" s="13" t="s">
        <v>542</v>
      </c>
      <c r="B113862" s="14" t="s">
        <v>1</v>
      </c>
      <c r="C113862" s="14" t="s">
        <v>96</v>
      </c>
      <c r="D113862" s="14" t="s">
        <v>128</v>
      </c>
      <c r="E113862" s="15">
        <v>45723</v>
      </c>
      <c r="F113862" s="14" t="s">
        <v>15</v>
      </c>
      <c r="G113862" s="16">
        <v>0</v>
      </c>
    </row>
    <row r="113863" spans="1:7" x14ac:dyDescent="0.3">
      <c r="A113863" s="13" t="s">
        <v>542</v>
      </c>
      <c r="B113863" s="14" t="s">
        <v>1</v>
      </c>
      <c r="C113863" s="14" t="s">
        <v>96</v>
      </c>
      <c r="D113863" s="14" t="s">
        <v>128</v>
      </c>
      <c r="E113863" s="15">
        <v>45724</v>
      </c>
      <c r="F113863" s="14" t="s">
        <v>15</v>
      </c>
      <c r="G113863" s="16">
        <v>0</v>
      </c>
    </row>
    <row r="113864" spans="1:7" x14ac:dyDescent="0.3">
      <c r="A113864" s="13" t="s">
        <v>542</v>
      </c>
      <c r="B113864" s="14" t="s">
        <v>1</v>
      </c>
      <c r="C113864" s="14" t="s">
        <v>96</v>
      </c>
      <c r="D113864" s="14" t="s">
        <v>128</v>
      </c>
      <c r="E113864" s="15">
        <v>45725</v>
      </c>
      <c r="F113864" s="14" t="s">
        <v>15</v>
      </c>
      <c r="G113864" s="16">
        <v>0</v>
      </c>
    </row>
    <row r="113865" spans="1:7" x14ac:dyDescent="0.3">
      <c r="A113865" s="13" t="s">
        <v>542</v>
      </c>
      <c r="B113865" s="14" t="s">
        <v>1</v>
      </c>
      <c r="C113865" s="14" t="s">
        <v>96</v>
      </c>
      <c r="D113865" s="14" t="s">
        <v>128</v>
      </c>
      <c r="E113865" s="15">
        <v>45726</v>
      </c>
      <c r="F113865" s="14" t="s">
        <v>15</v>
      </c>
      <c r="G113865" s="16">
        <v>0</v>
      </c>
    </row>
    <row r="113866" spans="1:7" x14ac:dyDescent="0.3">
      <c r="A113866" s="13" t="s">
        <v>542</v>
      </c>
      <c r="B113866" s="14" t="s">
        <v>1</v>
      </c>
      <c r="C113866" s="14" t="s">
        <v>96</v>
      </c>
      <c r="D113866" s="14" t="s">
        <v>128</v>
      </c>
      <c r="E113866" s="15">
        <v>45727</v>
      </c>
      <c r="F113866" s="14" t="s">
        <v>15</v>
      </c>
      <c r="G113866" s="16">
        <v>0</v>
      </c>
    </row>
    <row r="113867" spans="1:7" x14ac:dyDescent="0.3">
      <c r="A113867" s="13" t="s">
        <v>542</v>
      </c>
      <c r="B113867" s="14" t="s">
        <v>1</v>
      </c>
      <c r="C113867" s="14" t="s">
        <v>96</v>
      </c>
      <c r="D113867" s="14" t="s">
        <v>128</v>
      </c>
      <c r="E113867" s="15">
        <v>45728</v>
      </c>
      <c r="F113867" s="14" t="s">
        <v>15</v>
      </c>
      <c r="G113867" s="16">
        <v>0</v>
      </c>
    </row>
    <row r="113868" spans="1:7" x14ac:dyDescent="0.3">
      <c r="A113868" s="13" t="s">
        <v>542</v>
      </c>
      <c r="B113868" s="14" t="s">
        <v>1</v>
      </c>
      <c r="C113868" s="14" t="s">
        <v>96</v>
      </c>
      <c r="D113868" s="14" t="s">
        <v>128</v>
      </c>
      <c r="E113868" s="15">
        <v>45729</v>
      </c>
      <c r="F113868" s="14" t="s">
        <v>15</v>
      </c>
      <c r="G113868" s="16">
        <v>0</v>
      </c>
    </row>
    <row r="113869" spans="1:7" x14ac:dyDescent="0.3">
      <c r="A113869" s="13" t="s">
        <v>542</v>
      </c>
      <c r="B113869" s="14" t="s">
        <v>1</v>
      </c>
      <c r="C113869" s="14" t="s">
        <v>96</v>
      </c>
      <c r="D113869" s="14" t="s">
        <v>128</v>
      </c>
      <c r="E113869" s="15">
        <v>45730</v>
      </c>
      <c r="F113869" s="14" t="s">
        <v>15</v>
      </c>
      <c r="G113869" s="16">
        <v>0</v>
      </c>
    </row>
    <row r="113870" spans="1:7" x14ac:dyDescent="0.3">
      <c r="A113870" s="13" t="s">
        <v>542</v>
      </c>
      <c r="B113870" s="14" t="s">
        <v>1</v>
      </c>
      <c r="C113870" s="14" t="s">
        <v>96</v>
      </c>
      <c r="D113870" s="14" t="s">
        <v>128</v>
      </c>
      <c r="E113870" s="15">
        <v>45731</v>
      </c>
      <c r="F113870" s="14" t="s">
        <v>15</v>
      </c>
      <c r="G113870" s="16">
        <v>0</v>
      </c>
    </row>
    <row r="113871" spans="1:7" x14ac:dyDescent="0.3">
      <c r="A113871" s="13" t="s">
        <v>542</v>
      </c>
      <c r="B113871" s="14" t="s">
        <v>1</v>
      </c>
      <c r="C113871" s="14" t="s">
        <v>96</v>
      </c>
      <c r="D113871" s="14" t="s">
        <v>128</v>
      </c>
      <c r="E113871" s="15">
        <v>45732</v>
      </c>
      <c r="F113871" s="14" t="s">
        <v>15</v>
      </c>
      <c r="G113871" s="16">
        <v>0</v>
      </c>
    </row>
    <row r="113872" spans="1:7" x14ac:dyDescent="0.3">
      <c r="A113872" s="13" t="s">
        <v>542</v>
      </c>
      <c r="B113872" s="14" t="s">
        <v>1</v>
      </c>
      <c r="C113872" s="14" t="s">
        <v>96</v>
      </c>
      <c r="D113872" s="14" t="s">
        <v>128</v>
      </c>
      <c r="E113872" s="15">
        <v>45733</v>
      </c>
      <c r="F113872" s="14" t="s">
        <v>15</v>
      </c>
      <c r="G113872" s="16">
        <v>0</v>
      </c>
    </row>
    <row r="113873" spans="1:7" x14ac:dyDescent="0.3">
      <c r="A113873" s="13" t="s">
        <v>542</v>
      </c>
      <c r="B113873" s="14" t="s">
        <v>1</v>
      </c>
      <c r="C113873" s="14" t="s">
        <v>96</v>
      </c>
      <c r="D113873" s="14" t="s">
        <v>128</v>
      </c>
      <c r="E113873" s="15">
        <v>45734</v>
      </c>
      <c r="F113873" s="14" t="s">
        <v>15</v>
      </c>
      <c r="G113873" s="16">
        <v>0</v>
      </c>
    </row>
    <row r="113874" spans="1:7" x14ac:dyDescent="0.3">
      <c r="A113874" s="13" t="s">
        <v>542</v>
      </c>
      <c r="B113874" s="14" t="s">
        <v>1</v>
      </c>
      <c r="C113874" s="14" t="s">
        <v>96</v>
      </c>
      <c r="D113874" s="14" t="s">
        <v>128</v>
      </c>
      <c r="E113874" s="15">
        <v>45735</v>
      </c>
      <c r="F113874" s="14" t="s">
        <v>15</v>
      </c>
      <c r="G113874" s="16">
        <v>0</v>
      </c>
    </row>
    <row r="113875" spans="1:7" x14ac:dyDescent="0.3">
      <c r="A113875" s="13" t="s">
        <v>542</v>
      </c>
      <c r="B113875" s="14" t="s">
        <v>1</v>
      </c>
      <c r="C113875" s="14" t="s">
        <v>96</v>
      </c>
      <c r="D113875" s="14" t="s">
        <v>128</v>
      </c>
      <c r="E113875" s="15">
        <v>45736</v>
      </c>
      <c r="F113875" s="14" t="s">
        <v>15</v>
      </c>
      <c r="G113875" s="16">
        <v>0</v>
      </c>
    </row>
    <row r="113876" spans="1:7" x14ac:dyDescent="0.3">
      <c r="A113876" s="13" t="s">
        <v>542</v>
      </c>
      <c r="B113876" s="14" t="s">
        <v>1</v>
      </c>
      <c r="C113876" s="14" t="s">
        <v>96</v>
      </c>
      <c r="D113876" s="14" t="s">
        <v>128</v>
      </c>
      <c r="E113876" s="15">
        <v>45737</v>
      </c>
      <c r="F113876" s="14" t="s">
        <v>15</v>
      </c>
      <c r="G113876" s="16">
        <v>0</v>
      </c>
    </row>
    <row r="113877" spans="1:7" x14ac:dyDescent="0.3">
      <c r="A113877" s="13" t="s">
        <v>542</v>
      </c>
      <c r="B113877" s="14" t="s">
        <v>1</v>
      </c>
      <c r="C113877" s="14" t="s">
        <v>96</v>
      </c>
      <c r="D113877" s="14" t="s">
        <v>128</v>
      </c>
      <c r="E113877" s="15">
        <v>45738</v>
      </c>
      <c r="F113877" s="14" t="s">
        <v>15</v>
      </c>
      <c r="G113877" s="16">
        <v>0</v>
      </c>
    </row>
    <row r="113878" spans="1:7" x14ac:dyDescent="0.3">
      <c r="A113878" s="13" t="s">
        <v>542</v>
      </c>
      <c r="B113878" s="14" t="s">
        <v>1</v>
      </c>
      <c r="C113878" s="14" t="s">
        <v>96</v>
      </c>
      <c r="D113878" s="14" t="s">
        <v>128</v>
      </c>
      <c r="E113878" s="15">
        <v>45739</v>
      </c>
      <c r="F113878" s="14" t="s">
        <v>15</v>
      </c>
      <c r="G113878" s="16">
        <v>0</v>
      </c>
    </row>
    <row r="113879" spans="1:7" x14ac:dyDescent="0.3">
      <c r="A113879" s="13" t="s">
        <v>542</v>
      </c>
      <c r="B113879" s="14" t="s">
        <v>1</v>
      </c>
      <c r="C113879" s="14" t="s">
        <v>96</v>
      </c>
      <c r="D113879" s="14" t="s">
        <v>128</v>
      </c>
      <c r="E113879" s="15">
        <v>45740</v>
      </c>
      <c r="F113879" s="14" t="s">
        <v>15</v>
      </c>
      <c r="G113879" s="16">
        <v>0</v>
      </c>
    </row>
    <row r="113880" spans="1:7" x14ac:dyDescent="0.3">
      <c r="A113880" s="13" t="s">
        <v>542</v>
      </c>
      <c r="B113880" s="14" t="s">
        <v>1</v>
      </c>
      <c r="C113880" s="14" t="s">
        <v>96</v>
      </c>
      <c r="D113880" s="14" t="s">
        <v>128</v>
      </c>
      <c r="E113880" s="15">
        <v>45741</v>
      </c>
      <c r="F113880" s="14" t="s">
        <v>15</v>
      </c>
      <c r="G113880" s="16">
        <v>0</v>
      </c>
    </row>
    <row r="113881" spans="1:7" x14ac:dyDescent="0.3">
      <c r="A113881" s="13" t="s">
        <v>542</v>
      </c>
      <c r="B113881" s="14" t="s">
        <v>1</v>
      </c>
      <c r="C113881" s="14" t="s">
        <v>96</v>
      </c>
      <c r="D113881" s="14" t="s">
        <v>128</v>
      </c>
      <c r="E113881" s="15">
        <v>45742</v>
      </c>
      <c r="F113881" s="14" t="s">
        <v>15</v>
      </c>
      <c r="G113881" s="16">
        <v>1.2120267260579064E-2</v>
      </c>
    </row>
    <row r="113882" spans="1:7" x14ac:dyDescent="0.3">
      <c r="A113882" s="13" t="s">
        <v>542</v>
      </c>
      <c r="B113882" s="14" t="s">
        <v>1</v>
      </c>
      <c r="C113882" s="14" t="s">
        <v>96</v>
      </c>
      <c r="D113882" s="14" t="s">
        <v>128</v>
      </c>
      <c r="E113882" s="15">
        <v>45743</v>
      </c>
      <c r="F113882" s="14" t="s">
        <v>15</v>
      </c>
      <c r="G113882" s="16">
        <v>2.2076169265033405E-2</v>
      </c>
    </row>
    <row r="113883" spans="1:7" x14ac:dyDescent="0.3">
      <c r="A113883" s="13" t="s">
        <v>542</v>
      </c>
      <c r="B113883" s="14" t="s">
        <v>1</v>
      </c>
      <c r="C113883" s="14" t="s">
        <v>96</v>
      </c>
      <c r="D113883" s="14" t="s">
        <v>128</v>
      </c>
      <c r="E113883" s="15">
        <v>45744</v>
      </c>
      <c r="F113883" s="14" t="s">
        <v>15</v>
      </c>
      <c r="G113883" s="16">
        <v>1.3116703786191532E-2</v>
      </c>
    </row>
    <row r="113884" spans="1:7" x14ac:dyDescent="0.3">
      <c r="A113884" s="13" t="s">
        <v>542</v>
      </c>
      <c r="B113884" s="14" t="s">
        <v>1</v>
      </c>
      <c r="C113884" s="14" t="s">
        <v>96</v>
      </c>
      <c r="D113884" s="14" t="s">
        <v>128</v>
      </c>
      <c r="E113884" s="15">
        <v>45745</v>
      </c>
      <c r="F113884" s="14" t="s">
        <v>15</v>
      </c>
      <c r="G113884" s="16">
        <v>1.3116703786191532E-2</v>
      </c>
    </row>
    <row r="113885" spans="1:7" x14ac:dyDescent="0.3">
      <c r="A113885" s="13" t="s">
        <v>542</v>
      </c>
      <c r="B113885" s="14" t="s">
        <v>1</v>
      </c>
      <c r="C113885" s="14" t="s">
        <v>96</v>
      </c>
      <c r="D113885" s="14" t="s">
        <v>128</v>
      </c>
      <c r="E113885" s="15">
        <v>45746</v>
      </c>
      <c r="F113885" s="14" t="s">
        <v>15</v>
      </c>
      <c r="G113885" s="16">
        <v>1.3116703786191532E-2</v>
      </c>
    </row>
    <row r="113886" spans="1:7" x14ac:dyDescent="0.3">
      <c r="A113886" s="13" t="s">
        <v>542</v>
      </c>
      <c r="B113886" s="14" t="s">
        <v>1</v>
      </c>
      <c r="C113886" s="14" t="s">
        <v>96</v>
      </c>
      <c r="D113886" s="14" t="s">
        <v>128</v>
      </c>
      <c r="E113886" s="15">
        <v>45747</v>
      </c>
      <c r="F113886" s="14" t="s">
        <v>15</v>
      </c>
      <c r="G113886" s="16">
        <v>1.3116703786191532E-2</v>
      </c>
    </row>
    <row r="113887" spans="1:7" x14ac:dyDescent="0.3">
      <c r="A113887" s="13" t="s">
        <v>543</v>
      </c>
      <c r="B113887" s="14" t="s">
        <v>1</v>
      </c>
      <c r="C113887" s="14" t="s">
        <v>200</v>
      </c>
      <c r="D113887" s="14" t="s">
        <v>544</v>
      </c>
      <c r="E113887" s="15">
        <v>45383</v>
      </c>
      <c r="F113887" s="14" t="s">
        <v>53</v>
      </c>
      <c r="G113887" s="16">
        <v>0</v>
      </c>
    </row>
    <row r="113888" spans="1:7" x14ac:dyDescent="0.3">
      <c r="A113888" s="13" t="s">
        <v>543</v>
      </c>
      <c r="B113888" s="14" t="s">
        <v>1</v>
      </c>
      <c r="C113888" s="14" t="s">
        <v>200</v>
      </c>
      <c r="D113888" s="14" t="s">
        <v>544</v>
      </c>
      <c r="E113888" s="15">
        <v>45384</v>
      </c>
      <c r="F113888" s="14" t="s">
        <v>53</v>
      </c>
      <c r="G113888" s="16">
        <v>0</v>
      </c>
    </row>
    <row r="113889" spans="1:7" x14ac:dyDescent="0.3">
      <c r="A113889" s="13" t="s">
        <v>543</v>
      </c>
      <c r="B113889" s="14" t="s">
        <v>1</v>
      </c>
      <c r="C113889" s="14" t="s">
        <v>200</v>
      </c>
      <c r="D113889" s="14" t="s">
        <v>544</v>
      </c>
      <c r="E113889" s="15">
        <v>45385</v>
      </c>
      <c r="F113889" s="14" t="s">
        <v>53</v>
      </c>
      <c r="G113889" s="16">
        <v>3.3366672284363443E-2</v>
      </c>
    </row>
    <row r="113890" spans="1:7" x14ac:dyDescent="0.3">
      <c r="A113890" s="13" t="s">
        <v>543</v>
      </c>
      <c r="B113890" s="14" t="s">
        <v>1</v>
      </c>
      <c r="C113890" s="14" t="s">
        <v>200</v>
      </c>
      <c r="D113890" s="14" t="s">
        <v>544</v>
      </c>
      <c r="E113890" s="15">
        <v>45386</v>
      </c>
      <c r="F113890" s="14" t="s">
        <v>53</v>
      </c>
      <c r="G113890" s="16">
        <v>4.204001291731941E-2</v>
      </c>
    </row>
    <row r="113891" spans="1:7" x14ac:dyDescent="0.3">
      <c r="A113891" s="13" t="s">
        <v>543</v>
      </c>
      <c r="B113891" s="14" t="s">
        <v>1</v>
      </c>
      <c r="C113891" s="14" t="s">
        <v>200</v>
      </c>
      <c r="D113891" s="14" t="s">
        <v>544</v>
      </c>
      <c r="E113891" s="15">
        <v>45387</v>
      </c>
      <c r="F113891" s="14" t="s">
        <v>53</v>
      </c>
      <c r="G113891" s="16">
        <v>4.8770620185227292E-2</v>
      </c>
    </row>
    <row r="113892" spans="1:7" x14ac:dyDescent="0.3">
      <c r="A113892" s="13" t="s">
        <v>543</v>
      </c>
      <c r="B113892" s="14" t="s">
        <v>1</v>
      </c>
      <c r="C113892" s="14" t="s">
        <v>200</v>
      </c>
      <c r="D113892" s="14" t="s">
        <v>544</v>
      </c>
      <c r="E113892" s="15">
        <v>45388</v>
      </c>
      <c r="F113892" s="14" t="s">
        <v>53</v>
      </c>
      <c r="G113892" s="16">
        <v>4.8770620185227292E-2</v>
      </c>
    </row>
    <row r="113893" spans="1:7" x14ac:dyDescent="0.3">
      <c r="A113893" s="13" t="s">
        <v>543</v>
      </c>
      <c r="B113893" s="14" t="s">
        <v>1</v>
      </c>
      <c r="C113893" s="14" t="s">
        <v>200</v>
      </c>
      <c r="D113893" s="14" t="s">
        <v>544</v>
      </c>
      <c r="E113893" s="15">
        <v>45389</v>
      </c>
      <c r="F113893" s="14" t="s">
        <v>53</v>
      </c>
      <c r="G113893" s="16">
        <v>4.8770620185227292E-2</v>
      </c>
    </row>
    <row r="113894" spans="1:7" x14ac:dyDescent="0.3">
      <c r="A113894" s="13" t="s">
        <v>543</v>
      </c>
      <c r="B113894" s="14" t="s">
        <v>1</v>
      </c>
      <c r="C113894" s="14" t="s">
        <v>200</v>
      </c>
      <c r="D113894" s="14" t="s">
        <v>544</v>
      </c>
      <c r="E113894" s="15">
        <v>45390</v>
      </c>
      <c r="F113894" s="14" t="s">
        <v>53</v>
      </c>
      <c r="G113894" s="16">
        <v>4.8478657838190983E-2</v>
      </c>
    </row>
    <row r="113895" spans="1:7" x14ac:dyDescent="0.3">
      <c r="A113895" s="13" t="s">
        <v>543</v>
      </c>
      <c r="B113895" s="14" t="s">
        <v>1</v>
      </c>
      <c r="C113895" s="14" t="s">
        <v>200</v>
      </c>
      <c r="D113895" s="14" t="s">
        <v>544</v>
      </c>
      <c r="E113895" s="15">
        <v>45391</v>
      </c>
      <c r="F113895" s="14" t="s">
        <v>53</v>
      </c>
      <c r="G113895" s="16">
        <v>6.6390711981246006E-2</v>
      </c>
    </row>
    <row r="113896" spans="1:7" x14ac:dyDescent="0.3">
      <c r="A113896" s="13" t="s">
        <v>543</v>
      </c>
      <c r="B113896" s="14" t="s">
        <v>1</v>
      </c>
      <c r="C113896" s="14" t="s">
        <v>200</v>
      </c>
      <c r="D113896" s="14" t="s">
        <v>544</v>
      </c>
      <c r="E113896" s="15">
        <v>45392</v>
      </c>
      <c r="F113896" s="14" t="s">
        <v>53</v>
      </c>
      <c r="G113896" s="16">
        <v>8.3873944773399975E-2</v>
      </c>
    </row>
    <row r="113897" spans="1:7" x14ac:dyDescent="0.3">
      <c r="A113897" s="13" t="s">
        <v>543</v>
      </c>
      <c r="B113897" s="14" t="s">
        <v>1</v>
      </c>
      <c r="C113897" s="14" t="s">
        <v>200</v>
      </c>
      <c r="D113897" s="14" t="s">
        <v>544</v>
      </c>
      <c r="E113897" s="15">
        <v>45393</v>
      </c>
      <c r="F113897" s="14" t="s">
        <v>53</v>
      </c>
      <c r="G113897" s="16">
        <v>0.10671354500540399</v>
      </c>
    </row>
    <row r="113898" spans="1:7" x14ac:dyDescent="0.3">
      <c r="A113898" s="13" t="s">
        <v>543</v>
      </c>
      <c r="B113898" s="14" t="s">
        <v>1</v>
      </c>
      <c r="C113898" s="14" t="s">
        <v>200</v>
      </c>
      <c r="D113898" s="14" t="s">
        <v>544</v>
      </c>
      <c r="E113898" s="15">
        <v>45394</v>
      </c>
      <c r="F113898" s="14" t="s">
        <v>53</v>
      </c>
      <c r="G113898" s="16">
        <v>0.11195216013365648</v>
      </c>
    </row>
    <row r="113899" spans="1:7" x14ac:dyDescent="0.3">
      <c r="A113899" s="13" t="s">
        <v>543</v>
      </c>
      <c r="B113899" s="14" t="s">
        <v>1</v>
      </c>
      <c r="C113899" s="14" t="s">
        <v>200</v>
      </c>
      <c r="D113899" s="14" t="s">
        <v>544</v>
      </c>
      <c r="E113899" s="15">
        <v>45395</v>
      </c>
      <c r="F113899" s="14" t="s">
        <v>53</v>
      </c>
      <c r="G113899" s="16">
        <v>0.11195216013365648</v>
      </c>
    </row>
    <row r="113900" spans="1:7" x14ac:dyDescent="0.3">
      <c r="A113900" s="13" t="s">
        <v>543</v>
      </c>
      <c r="B113900" s="14" t="s">
        <v>1</v>
      </c>
      <c r="C113900" s="14" t="s">
        <v>200</v>
      </c>
      <c r="D113900" s="14" t="s">
        <v>544</v>
      </c>
      <c r="E113900" s="15">
        <v>45396</v>
      </c>
      <c r="F113900" s="14" t="s">
        <v>53</v>
      </c>
      <c r="G113900" s="16">
        <v>0.11195216013365648</v>
      </c>
    </row>
    <row r="113901" spans="1:7" x14ac:dyDescent="0.3">
      <c r="A113901" s="13" t="s">
        <v>543</v>
      </c>
      <c r="B113901" s="14" t="s">
        <v>1</v>
      </c>
      <c r="C113901" s="14" t="s">
        <v>200</v>
      </c>
      <c r="D113901" s="14" t="s">
        <v>544</v>
      </c>
      <c r="E113901" s="15">
        <v>45397</v>
      </c>
      <c r="F113901" s="14" t="s">
        <v>53</v>
      </c>
      <c r="G113901" s="16">
        <v>0.11898420331635867</v>
      </c>
    </row>
    <row r="113902" spans="1:7" x14ac:dyDescent="0.3">
      <c r="A113902" s="13" t="s">
        <v>543</v>
      </c>
      <c r="B113902" s="14" t="s">
        <v>1</v>
      </c>
      <c r="C113902" s="14" t="s">
        <v>200</v>
      </c>
      <c r="D113902" s="14" t="s">
        <v>544</v>
      </c>
      <c r="E113902" s="15">
        <v>45398</v>
      </c>
      <c r="F113902" s="14" t="s">
        <v>53</v>
      </c>
      <c r="G113902" s="16">
        <v>0.14043374929253918</v>
      </c>
    </row>
    <row r="113903" spans="1:7" x14ac:dyDescent="0.3">
      <c r="A113903" s="13" t="s">
        <v>543</v>
      </c>
      <c r="B113903" s="14" t="s">
        <v>1</v>
      </c>
      <c r="C113903" s="14" t="s">
        <v>200</v>
      </c>
      <c r="D113903" s="14" t="s">
        <v>544</v>
      </c>
      <c r="E113903" s="15">
        <v>45399</v>
      </c>
      <c r="F113903" s="14" t="s">
        <v>53</v>
      </c>
      <c r="G113903" s="16">
        <v>0.14665126204043846</v>
      </c>
    </row>
    <row r="113904" spans="1:7" x14ac:dyDescent="0.3">
      <c r="A113904" s="13" t="s">
        <v>543</v>
      </c>
      <c r="B113904" s="14" t="s">
        <v>1</v>
      </c>
      <c r="C113904" s="14" t="s">
        <v>200</v>
      </c>
      <c r="D113904" s="14" t="s">
        <v>544</v>
      </c>
      <c r="E113904" s="15">
        <v>45400</v>
      </c>
      <c r="F113904" s="14" t="s">
        <v>53</v>
      </c>
      <c r="G113904" s="16">
        <v>0.15329915004434</v>
      </c>
    </row>
    <row r="113905" spans="1:7" x14ac:dyDescent="0.3">
      <c r="A113905" s="13" t="s">
        <v>543</v>
      </c>
      <c r="B113905" s="14" t="s">
        <v>1</v>
      </c>
      <c r="C113905" s="14" t="s">
        <v>200</v>
      </c>
      <c r="D113905" s="14" t="s">
        <v>544</v>
      </c>
      <c r="E113905" s="15">
        <v>45401</v>
      </c>
      <c r="F113905" s="14" t="s">
        <v>53</v>
      </c>
      <c r="G113905" s="16">
        <v>0.14957902345820598</v>
      </c>
    </row>
    <row r="113906" spans="1:7" x14ac:dyDescent="0.3">
      <c r="A113906" s="13" t="s">
        <v>543</v>
      </c>
      <c r="B113906" s="14" t="s">
        <v>1</v>
      </c>
      <c r="C113906" s="14" t="s">
        <v>200</v>
      </c>
      <c r="D113906" s="14" t="s">
        <v>544</v>
      </c>
      <c r="E113906" s="15">
        <v>45402</v>
      </c>
      <c r="F113906" s="14" t="s">
        <v>53</v>
      </c>
      <c r="G113906" s="16">
        <v>0.14957902345820598</v>
      </c>
    </row>
    <row r="113907" spans="1:7" x14ac:dyDescent="0.3">
      <c r="A113907" s="13" t="s">
        <v>543</v>
      </c>
      <c r="B113907" s="14" t="s">
        <v>1</v>
      </c>
      <c r="C113907" s="14" t="s">
        <v>200</v>
      </c>
      <c r="D113907" s="14" t="s">
        <v>544</v>
      </c>
      <c r="E113907" s="15">
        <v>45403</v>
      </c>
      <c r="F113907" s="14" t="s">
        <v>53</v>
      </c>
      <c r="G113907" s="16">
        <v>0.14957902345820598</v>
      </c>
    </row>
    <row r="113908" spans="1:7" x14ac:dyDescent="0.3">
      <c r="A113908" s="13" t="s">
        <v>543</v>
      </c>
      <c r="B113908" s="14" t="s">
        <v>1</v>
      </c>
      <c r="C113908" s="14" t="s">
        <v>200</v>
      </c>
      <c r="D113908" s="14" t="s">
        <v>544</v>
      </c>
      <c r="E113908" s="15">
        <v>45404</v>
      </c>
      <c r="F113908" s="14" t="s">
        <v>53</v>
      </c>
      <c r="G113908" s="16">
        <v>0.14550317105664093</v>
      </c>
    </row>
    <row r="113909" spans="1:7" x14ac:dyDescent="0.3">
      <c r="A113909" s="13" t="s">
        <v>543</v>
      </c>
      <c r="B113909" s="14" t="s">
        <v>1</v>
      </c>
      <c r="C113909" s="14" t="s">
        <v>200</v>
      </c>
      <c r="D113909" s="14" t="s">
        <v>544</v>
      </c>
      <c r="E113909" s="15">
        <v>45405</v>
      </c>
      <c r="F113909" s="14" t="s">
        <v>53</v>
      </c>
      <c r="G113909" s="16">
        <v>0.16577956728621412</v>
      </c>
    </row>
    <row r="113910" spans="1:7" x14ac:dyDescent="0.3">
      <c r="A113910" s="13" t="s">
        <v>543</v>
      </c>
      <c r="B113910" s="14" t="s">
        <v>1</v>
      </c>
      <c r="C113910" s="14" t="s">
        <v>200</v>
      </c>
      <c r="D113910" s="14" t="s">
        <v>544</v>
      </c>
      <c r="E113910" s="15">
        <v>45406</v>
      </c>
      <c r="F113910" s="14" t="s">
        <v>53</v>
      </c>
      <c r="G113910" s="16">
        <v>0.17348560623569687</v>
      </c>
    </row>
    <row r="113911" spans="1:7" x14ac:dyDescent="0.3">
      <c r="A113911" s="13" t="s">
        <v>543</v>
      </c>
      <c r="B113911" s="14" t="s">
        <v>1</v>
      </c>
      <c r="C113911" s="14" t="s">
        <v>200</v>
      </c>
      <c r="D113911" s="14" t="s">
        <v>544</v>
      </c>
      <c r="E113911" s="15">
        <v>45407</v>
      </c>
      <c r="F113911" s="14" t="s">
        <v>53</v>
      </c>
      <c r="G113911" s="16">
        <v>0.17853428841249516</v>
      </c>
    </row>
    <row r="113912" spans="1:7" x14ac:dyDescent="0.3">
      <c r="A113912" s="13" t="s">
        <v>543</v>
      </c>
      <c r="B113912" s="14" t="s">
        <v>1</v>
      </c>
      <c r="C113912" s="14" t="s">
        <v>200</v>
      </c>
      <c r="D113912" s="14" t="s">
        <v>544</v>
      </c>
      <c r="E113912" s="15">
        <v>45408</v>
      </c>
      <c r="F113912" s="14" t="s">
        <v>53</v>
      </c>
      <c r="G113912" s="16">
        <v>0.18475694918284363</v>
      </c>
    </row>
    <row r="113913" spans="1:7" x14ac:dyDescent="0.3">
      <c r="A113913" s="13" t="s">
        <v>543</v>
      </c>
      <c r="B113913" s="14" t="s">
        <v>1</v>
      </c>
      <c r="C113913" s="14" t="s">
        <v>200</v>
      </c>
      <c r="D113913" s="14" t="s">
        <v>544</v>
      </c>
      <c r="E113913" s="15">
        <v>45409</v>
      </c>
      <c r="F113913" s="14" t="s">
        <v>53</v>
      </c>
      <c r="G113913" s="16">
        <v>0.18475694918284363</v>
      </c>
    </row>
    <row r="113914" spans="1:7" x14ac:dyDescent="0.3">
      <c r="A113914" s="13" t="s">
        <v>543</v>
      </c>
      <c r="B113914" s="14" t="s">
        <v>1</v>
      </c>
      <c r="C113914" s="14" t="s">
        <v>200</v>
      </c>
      <c r="D113914" s="14" t="s">
        <v>544</v>
      </c>
      <c r="E113914" s="15">
        <v>45410</v>
      </c>
      <c r="F113914" s="14" t="s">
        <v>53</v>
      </c>
      <c r="G113914" s="16">
        <v>0.18475694918284363</v>
      </c>
    </row>
    <row r="113915" spans="1:7" x14ac:dyDescent="0.3">
      <c r="A113915" s="13" t="s">
        <v>543</v>
      </c>
      <c r="B113915" s="14" t="s">
        <v>1</v>
      </c>
      <c r="C113915" s="14" t="s">
        <v>200</v>
      </c>
      <c r="D113915" s="14" t="s">
        <v>544</v>
      </c>
      <c r="E113915" s="15">
        <v>45411</v>
      </c>
      <c r="F113915" s="14" t="s">
        <v>53</v>
      </c>
      <c r="G113915" s="16">
        <v>0.18981779914969185</v>
      </c>
    </row>
    <row r="113916" spans="1:7" x14ac:dyDescent="0.3">
      <c r="A113916" s="13" t="s">
        <v>543</v>
      </c>
      <c r="B113916" s="14" t="s">
        <v>1</v>
      </c>
      <c r="C113916" s="14" t="s">
        <v>200</v>
      </c>
      <c r="D113916" s="14" t="s">
        <v>544</v>
      </c>
      <c r="E113916" s="15">
        <v>45412</v>
      </c>
      <c r="F113916" s="14" t="s">
        <v>53</v>
      </c>
      <c r="G113916" s="16">
        <v>0.20834312002532626</v>
      </c>
    </row>
    <row r="113917" spans="1:7" x14ac:dyDescent="0.3">
      <c r="A113917" s="13" t="s">
        <v>543</v>
      </c>
      <c r="B113917" s="14" t="s">
        <v>1</v>
      </c>
      <c r="C113917" s="14" t="s">
        <v>200</v>
      </c>
      <c r="D113917" s="14" t="s">
        <v>544</v>
      </c>
      <c r="E113917" s="15">
        <v>45413</v>
      </c>
      <c r="F113917" s="14" t="s">
        <v>53</v>
      </c>
      <c r="G113917" s="16">
        <v>0.21282400019509914</v>
      </c>
    </row>
    <row r="113918" spans="1:7" x14ac:dyDescent="0.3">
      <c r="A113918" s="13" t="s">
        <v>543</v>
      </c>
      <c r="B113918" s="14" t="s">
        <v>1</v>
      </c>
      <c r="C113918" s="14" t="s">
        <v>200</v>
      </c>
      <c r="D113918" s="14" t="s">
        <v>544</v>
      </c>
      <c r="E113918" s="15">
        <v>45414</v>
      </c>
      <c r="F113918" s="14" t="s">
        <v>53</v>
      </c>
      <c r="G113918" s="16">
        <v>0.22094991693737051</v>
      </c>
    </row>
    <row r="113919" spans="1:7" x14ac:dyDescent="0.3">
      <c r="A113919" s="13" t="s">
        <v>543</v>
      </c>
      <c r="B113919" s="14" t="s">
        <v>1</v>
      </c>
      <c r="C113919" s="14" t="s">
        <v>200</v>
      </c>
      <c r="D113919" s="14" t="s">
        <v>544</v>
      </c>
      <c r="E113919" s="15">
        <v>45415</v>
      </c>
      <c r="F113919" s="14" t="s">
        <v>53</v>
      </c>
      <c r="G113919" s="16">
        <v>0.22635702698812399</v>
      </c>
    </row>
    <row r="113920" spans="1:7" x14ac:dyDescent="0.3">
      <c r="A113920" s="13" t="s">
        <v>543</v>
      </c>
      <c r="B113920" s="14" t="s">
        <v>1</v>
      </c>
      <c r="C113920" s="14" t="s">
        <v>200</v>
      </c>
      <c r="D113920" s="14" t="s">
        <v>544</v>
      </c>
      <c r="E113920" s="15">
        <v>45416</v>
      </c>
      <c r="F113920" s="14" t="s">
        <v>53</v>
      </c>
      <c r="G113920" s="16">
        <v>0.22635702698812399</v>
      </c>
    </row>
    <row r="113921" spans="1:7" x14ac:dyDescent="0.3">
      <c r="A113921" s="13" t="s">
        <v>543</v>
      </c>
      <c r="B113921" s="14" t="s">
        <v>1</v>
      </c>
      <c r="C113921" s="14" t="s">
        <v>200</v>
      </c>
      <c r="D113921" s="14" t="s">
        <v>544</v>
      </c>
      <c r="E113921" s="15">
        <v>45417</v>
      </c>
      <c r="F113921" s="14" t="s">
        <v>53</v>
      </c>
      <c r="G113921" s="16">
        <v>0.22635702698812399</v>
      </c>
    </row>
    <row r="113922" spans="1:7" x14ac:dyDescent="0.3">
      <c r="A113922" s="13" t="s">
        <v>543</v>
      </c>
      <c r="B113922" s="14" t="s">
        <v>1</v>
      </c>
      <c r="C113922" s="14" t="s">
        <v>200</v>
      </c>
      <c r="D113922" s="14" t="s">
        <v>544</v>
      </c>
      <c r="E113922" s="15">
        <v>45418</v>
      </c>
      <c r="F113922" s="14" t="s">
        <v>53</v>
      </c>
      <c r="G113922" s="16">
        <v>0.22635702698812399</v>
      </c>
    </row>
    <row r="113923" spans="1:7" x14ac:dyDescent="0.3">
      <c r="A113923" s="13" t="s">
        <v>543</v>
      </c>
      <c r="B113923" s="14" t="s">
        <v>1</v>
      </c>
      <c r="C113923" s="14" t="s">
        <v>200</v>
      </c>
      <c r="D113923" s="14" t="s">
        <v>544</v>
      </c>
      <c r="E113923" s="15">
        <v>45419</v>
      </c>
      <c r="F113923" s="14" t="s">
        <v>53</v>
      </c>
      <c r="G113923" s="16">
        <v>0.2310286047640078</v>
      </c>
    </row>
    <row r="113924" spans="1:7" x14ac:dyDescent="0.3">
      <c r="A113924" s="13" t="s">
        <v>543</v>
      </c>
      <c r="B113924" s="14" t="s">
        <v>1</v>
      </c>
      <c r="C113924" s="14" t="s">
        <v>200</v>
      </c>
      <c r="D113924" s="14" t="s">
        <v>544</v>
      </c>
      <c r="E113924" s="15">
        <v>45420</v>
      </c>
      <c r="F113924" s="14" t="s">
        <v>53</v>
      </c>
      <c r="G113924" s="16">
        <v>0.25200236676281473</v>
      </c>
    </row>
    <row r="113925" spans="1:7" x14ac:dyDescent="0.3">
      <c r="A113925" s="13" t="s">
        <v>543</v>
      </c>
      <c r="B113925" s="14" t="s">
        <v>1</v>
      </c>
      <c r="C113925" s="14" t="s">
        <v>200</v>
      </c>
      <c r="D113925" s="14" t="s">
        <v>544</v>
      </c>
      <c r="E113925" s="15">
        <v>45421</v>
      </c>
      <c r="F113925" s="14" t="s">
        <v>53</v>
      </c>
      <c r="G113925" s="16">
        <v>0.25745892500976469</v>
      </c>
    </row>
    <row r="113926" spans="1:7" x14ac:dyDescent="0.3">
      <c r="A113926" s="13" t="s">
        <v>543</v>
      </c>
      <c r="B113926" s="14" t="s">
        <v>1</v>
      </c>
      <c r="C113926" s="14" t="s">
        <v>200</v>
      </c>
      <c r="D113926" s="14" t="s">
        <v>544</v>
      </c>
      <c r="E113926" s="15">
        <v>45422</v>
      </c>
      <c r="F113926" s="14" t="s">
        <v>53</v>
      </c>
      <c r="G113926" s="16">
        <v>0.26282964359042493</v>
      </c>
    </row>
    <row r="113927" spans="1:7" x14ac:dyDescent="0.3">
      <c r="A113927" s="13" t="s">
        <v>543</v>
      </c>
      <c r="B113927" s="14" t="s">
        <v>1</v>
      </c>
      <c r="C113927" s="14" t="s">
        <v>200</v>
      </c>
      <c r="D113927" s="14" t="s">
        <v>544</v>
      </c>
      <c r="E113927" s="15">
        <v>45423</v>
      </c>
      <c r="F113927" s="14" t="s">
        <v>53</v>
      </c>
      <c r="G113927" s="16">
        <v>0.26282964359042493</v>
      </c>
    </row>
    <row r="113928" spans="1:7" x14ac:dyDescent="0.3">
      <c r="A113928" s="13" t="s">
        <v>543</v>
      </c>
      <c r="B113928" s="14" t="s">
        <v>1</v>
      </c>
      <c r="C113928" s="14" t="s">
        <v>200</v>
      </c>
      <c r="D113928" s="14" t="s">
        <v>544</v>
      </c>
      <c r="E113928" s="15">
        <v>45424</v>
      </c>
      <c r="F113928" s="14" t="s">
        <v>53</v>
      </c>
      <c r="G113928" s="16">
        <v>0.26282964359042493</v>
      </c>
    </row>
    <row r="113929" spans="1:7" x14ac:dyDescent="0.3">
      <c r="A113929" s="13" t="s">
        <v>543</v>
      </c>
      <c r="B113929" s="14" t="s">
        <v>1</v>
      </c>
      <c r="C113929" s="14" t="s">
        <v>200</v>
      </c>
      <c r="D113929" s="14" t="s">
        <v>544</v>
      </c>
      <c r="E113929" s="15">
        <v>45425</v>
      </c>
      <c r="F113929" s="14" t="s">
        <v>53</v>
      </c>
      <c r="G113929" s="16">
        <v>0.26620664225543555</v>
      </c>
    </row>
    <row r="113930" spans="1:7" x14ac:dyDescent="0.3">
      <c r="A113930" s="13" t="s">
        <v>543</v>
      </c>
      <c r="B113930" s="14" t="s">
        <v>1</v>
      </c>
      <c r="C113930" s="14" t="s">
        <v>200</v>
      </c>
      <c r="D113930" s="14" t="s">
        <v>544</v>
      </c>
      <c r="E113930" s="15">
        <v>45426</v>
      </c>
      <c r="F113930" s="14" t="s">
        <v>53</v>
      </c>
      <c r="G113930" s="16">
        <v>0.28659212666405293</v>
      </c>
    </row>
    <row r="113931" spans="1:7" x14ac:dyDescent="0.3">
      <c r="A113931" s="13" t="s">
        <v>543</v>
      </c>
      <c r="B113931" s="14" t="s">
        <v>1</v>
      </c>
      <c r="C113931" s="14" t="s">
        <v>200</v>
      </c>
      <c r="D113931" s="14" t="s">
        <v>544</v>
      </c>
      <c r="E113931" s="15">
        <v>45427</v>
      </c>
      <c r="F113931" s="14" t="s">
        <v>53</v>
      </c>
      <c r="G113931" s="16">
        <v>0.29018661425810766</v>
      </c>
    </row>
    <row r="113932" spans="1:7" x14ac:dyDescent="0.3">
      <c r="A113932" s="13" t="s">
        <v>543</v>
      </c>
      <c r="B113932" s="14" t="s">
        <v>1</v>
      </c>
      <c r="C113932" s="14" t="s">
        <v>200</v>
      </c>
      <c r="D113932" s="14" t="s">
        <v>544</v>
      </c>
      <c r="E113932" s="15">
        <v>45428</v>
      </c>
      <c r="F113932" s="14" t="s">
        <v>53</v>
      </c>
      <c r="G113932" s="16">
        <v>0.29710585663069516</v>
      </c>
    </row>
    <row r="113933" spans="1:7" x14ac:dyDescent="0.3">
      <c r="A113933" s="13" t="s">
        <v>543</v>
      </c>
      <c r="B113933" s="14" t="s">
        <v>1</v>
      </c>
      <c r="C113933" s="14" t="s">
        <v>200</v>
      </c>
      <c r="D113933" s="14" t="s">
        <v>544</v>
      </c>
      <c r="E113933" s="15">
        <v>45429</v>
      </c>
      <c r="F113933" s="14" t="s">
        <v>53</v>
      </c>
      <c r="G113933" s="16">
        <v>0.30238967504607572</v>
      </c>
    </row>
    <row r="113934" spans="1:7" x14ac:dyDescent="0.3">
      <c r="A113934" s="13" t="s">
        <v>543</v>
      </c>
      <c r="B113934" s="14" t="s">
        <v>1</v>
      </c>
      <c r="C113934" s="14" t="s">
        <v>200</v>
      </c>
      <c r="D113934" s="14" t="s">
        <v>544</v>
      </c>
      <c r="E113934" s="15">
        <v>45430</v>
      </c>
      <c r="F113934" s="14" t="s">
        <v>53</v>
      </c>
      <c r="G113934" s="16">
        <v>0.30238967504607572</v>
      </c>
    </row>
    <row r="113935" spans="1:7" x14ac:dyDescent="0.3">
      <c r="A113935" s="13" t="s">
        <v>543</v>
      </c>
      <c r="B113935" s="14" t="s">
        <v>1</v>
      </c>
      <c r="C113935" s="14" t="s">
        <v>200</v>
      </c>
      <c r="D113935" s="14" t="s">
        <v>544</v>
      </c>
      <c r="E113935" s="15">
        <v>45431</v>
      </c>
      <c r="F113935" s="14" t="s">
        <v>53</v>
      </c>
      <c r="G113935" s="16">
        <v>0.30238967504607572</v>
      </c>
    </row>
    <row r="113936" spans="1:7" x14ac:dyDescent="0.3">
      <c r="A113936" s="13" t="s">
        <v>543</v>
      </c>
      <c r="B113936" s="14" t="s">
        <v>1</v>
      </c>
      <c r="C113936" s="14" t="s">
        <v>200</v>
      </c>
      <c r="D113936" s="14" t="s">
        <v>544</v>
      </c>
      <c r="E113936" s="15">
        <v>45432</v>
      </c>
      <c r="F113936" s="14" t="s">
        <v>53</v>
      </c>
      <c r="G113936" s="16">
        <v>0.30613624603284251</v>
      </c>
    </row>
    <row r="113937" spans="1:7" x14ac:dyDescent="0.3">
      <c r="A113937" s="13" t="s">
        <v>543</v>
      </c>
      <c r="B113937" s="14" t="s">
        <v>1</v>
      </c>
      <c r="C113937" s="14" t="s">
        <v>200</v>
      </c>
      <c r="D113937" s="14" t="s">
        <v>544</v>
      </c>
      <c r="E113937" s="15">
        <v>45433</v>
      </c>
      <c r="F113937" s="14" t="s">
        <v>53</v>
      </c>
      <c r="G113937" s="16">
        <v>0.3245943750873696</v>
      </c>
    </row>
    <row r="113938" spans="1:7" x14ac:dyDescent="0.3">
      <c r="A113938" s="13" t="s">
        <v>543</v>
      </c>
      <c r="B113938" s="14" t="s">
        <v>1</v>
      </c>
      <c r="C113938" s="14" t="s">
        <v>200</v>
      </c>
      <c r="D113938" s="14" t="s">
        <v>544</v>
      </c>
      <c r="E113938" s="15">
        <v>45434</v>
      </c>
      <c r="F113938" s="14" t="s">
        <v>53</v>
      </c>
      <c r="G113938" s="16">
        <v>0.33119565155354186</v>
      </c>
    </row>
    <row r="113939" spans="1:7" x14ac:dyDescent="0.3">
      <c r="A113939" s="13" t="s">
        <v>543</v>
      </c>
      <c r="B113939" s="14" t="s">
        <v>1</v>
      </c>
      <c r="C113939" s="14" t="s">
        <v>200</v>
      </c>
      <c r="D113939" s="14" t="s">
        <v>544</v>
      </c>
      <c r="E113939" s="15">
        <v>45435</v>
      </c>
      <c r="F113939" s="14" t="s">
        <v>53</v>
      </c>
      <c r="G113939" s="16">
        <v>0.33752068274092561</v>
      </c>
    </row>
    <row r="113940" spans="1:7" x14ac:dyDescent="0.3">
      <c r="A113940" s="13" t="s">
        <v>543</v>
      </c>
      <c r="B113940" s="14" t="s">
        <v>1</v>
      </c>
      <c r="C113940" s="14" t="s">
        <v>200</v>
      </c>
      <c r="D113940" s="14" t="s">
        <v>544</v>
      </c>
      <c r="E113940" s="15">
        <v>45436</v>
      </c>
      <c r="F113940" s="14" t="s">
        <v>53</v>
      </c>
      <c r="G113940" s="16">
        <v>0.34220882633541766</v>
      </c>
    </row>
    <row r="113941" spans="1:7" x14ac:dyDescent="0.3">
      <c r="A113941" s="13" t="s">
        <v>543</v>
      </c>
      <c r="B113941" s="14" t="s">
        <v>1</v>
      </c>
      <c r="C113941" s="14" t="s">
        <v>200</v>
      </c>
      <c r="D113941" s="14" t="s">
        <v>544</v>
      </c>
      <c r="E113941" s="15">
        <v>45437</v>
      </c>
      <c r="F113941" s="14" t="s">
        <v>53</v>
      </c>
      <c r="G113941" s="16">
        <v>0.34220882633541766</v>
      </c>
    </row>
    <row r="113942" spans="1:7" x14ac:dyDescent="0.3">
      <c r="A113942" s="13" t="s">
        <v>543</v>
      </c>
      <c r="B113942" s="14" t="s">
        <v>1</v>
      </c>
      <c r="C113942" s="14" t="s">
        <v>200</v>
      </c>
      <c r="D113942" s="14" t="s">
        <v>544</v>
      </c>
      <c r="E113942" s="15">
        <v>45438</v>
      </c>
      <c r="F113942" s="14" t="s">
        <v>53</v>
      </c>
      <c r="G113942" s="16">
        <v>0.34220882633541766</v>
      </c>
    </row>
    <row r="113943" spans="1:7" x14ac:dyDescent="0.3">
      <c r="A113943" s="13" t="s">
        <v>543</v>
      </c>
      <c r="B113943" s="14" t="s">
        <v>1</v>
      </c>
      <c r="C113943" s="14" t="s">
        <v>200</v>
      </c>
      <c r="D113943" s="14" t="s">
        <v>544</v>
      </c>
      <c r="E113943" s="15">
        <v>45439</v>
      </c>
      <c r="F113943" s="14" t="s">
        <v>53</v>
      </c>
      <c r="G113943" s="16">
        <v>0.34220882633541766</v>
      </c>
    </row>
    <row r="113944" spans="1:7" x14ac:dyDescent="0.3">
      <c r="A113944" s="13" t="s">
        <v>543</v>
      </c>
      <c r="B113944" s="14" t="s">
        <v>1</v>
      </c>
      <c r="C113944" s="14" t="s">
        <v>200</v>
      </c>
      <c r="D113944" s="14" t="s">
        <v>544</v>
      </c>
      <c r="E113944" s="15">
        <v>45440</v>
      </c>
      <c r="F113944" s="14" t="s">
        <v>53</v>
      </c>
      <c r="G113944" s="16">
        <v>0.34740446553531024</v>
      </c>
    </row>
    <row r="113945" spans="1:7" x14ac:dyDescent="0.3">
      <c r="A113945" s="13" t="s">
        <v>543</v>
      </c>
      <c r="B113945" s="14" t="s">
        <v>1</v>
      </c>
      <c r="C113945" s="14" t="s">
        <v>200</v>
      </c>
      <c r="D113945" s="14" t="s">
        <v>544</v>
      </c>
      <c r="E113945" s="15">
        <v>45441</v>
      </c>
      <c r="F113945" s="14" t="s">
        <v>53</v>
      </c>
      <c r="G113945" s="16">
        <v>0.36009547812520659</v>
      </c>
    </row>
    <row r="113946" spans="1:7" x14ac:dyDescent="0.3">
      <c r="A113946" s="13" t="s">
        <v>543</v>
      </c>
      <c r="B113946" s="14" t="s">
        <v>1</v>
      </c>
      <c r="C113946" s="14" t="s">
        <v>200</v>
      </c>
      <c r="D113946" s="14" t="s">
        <v>544</v>
      </c>
      <c r="E113946" s="15">
        <v>45442</v>
      </c>
      <c r="F113946" s="14" t="s">
        <v>53</v>
      </c>
      <c r="G113946" s="16">
        <v>0.36123291448604583</v>
      </c>
    </row>
    <row r="113947" spans="1:7" x14ac:dyDescent="0.3">
      <c r="A113947" s="13" t="s">
        <v>543</v>
      </c>
      <c r="B113947" s="14" t="s">
        <v>1</v>
      </c>
      <c r="C113947" s="14" t="s">
        <v>200</v>
      </c>
      <c r="D113947" s="14" t="s">
        <v>544</v>
      </c>
      <c r="E113947" s="15">
        <v>45443</v>
      </c>
      <c r="F113947" s="14" t="s">
        <v>53</v>
      </c>
      <c r="G113947" s="16">
        <v>0.36589114839975356</v>
      </c>
    </row>
    <row r="113948" spans="1:7" x14ac:dyDescent="0.3">
      <c r="A113948" s="13" t="s">
        <v>543</v>
      </c>
      <c r="B113948" s="14" t="s">
        <v>1</v>
      </c>
      <c r="C113948" s="14" t="s">
        <v>200</v>
      </c>
      <c r="D113948" s="14" t="s">
        <v>544</v>
      </c>
      <c r="E113948" s="15">
        <v>45444</v>
      </c>
      <c r="F113948" s="14" t="s">
        <v>53</v>
      </c>
      <c r="G113948" s="16">
        <v>0.36589114839975356</v>
      </c>
    </row>
    <row r="113949" spans="1:7" x14ac:dyDescent="0.3">
      <c r="A113949" s="13" t="s">
        <v>543</v>
      </c>
      <c r="B113949" s="14" t="s">
        <v>1</v>
      </c>
      <c r="C113949" s="14" t="s">
        <v>200</v>
      </c>
      <c r="D113949" s="14" t="s">
        <v>544</v>
      </c>
      <c r="E113949" s="15">
        <v>45445</v>
      </c>
      <c r="F113949" s="14" t="s">
        <v>53</v>
      </c>
      <c r="G113949" s="16">
        <v>0.36589114839975356</v>
      </c>
    </row>
    <row r="113950" spans="1:7" x14ac:dyDescent="0.3">
      <c r="A113950" s="13" t="s">
        <v>543</v>
      </c>
      <c r="B113950" s="14" t="s">
        <v>1</v>
      </c>
      <c r="C113950" s="14" t="s">
        <v>200</v>
      </c>
      <c r="D113950" s="14" t="s">
        <v>544</v>
      </c>
      <c r="E113950" s="15">
        <v>45446</v>
      </c>
      <c r="F113950" s="14" t="s">
        <v>53</v>
      </c>
      <c r="G113950" s="16">
        <v>0.36589114839975356</v>
      </c>
    </row>
    <row r="113951" spans="1:7" x14ac:dyDescent="0.3">
      <c r="A113951" s="13" t="s">
        <v>543</v>
      </c>
      <c r="B113951" s="14" t="s">
        <v>1</v>
      </c>
      <c r="C113951" s="14" t="s">
        <v>200</v>
      </c>
      <c r="D113951" s="14" t="s">
        <v>544</v>
      </c>
      <c r="E113951" s="15">
        <v>45447</v>
      </c>
      <c r="F113951" s="14" t="s">
        <v>53</v>
      </c>
      <c r="G113951" s="16">
        <v>0.37208659675020833</v>
      </c>
    </row>
    <row r="113952" spans="1:7" x14ac:dyDescent="0.3">
      <c r="A113952" s="13" t="s">
        <v>543</v>
      </c>
      <c r="B113952" s="14" t="s">
        <v>1</v>
      </c>
      <c r="C113952" s="14" t="s">
        <v>200</v>
      </c>
      <c r="D113952" s="14" t="s">
        <v>544</v>
      </c>
      <c r="E113952" s="15">
        <v>45448</v>
      </c>
      <c r="F113952" s="14" t="s">
        <v>53</v>
      </c>
      <c r="G113952" s="16">
        <v>0.39321582065202021</v>
      </c>
    </row>
    <row r="113953" spans="1:7" x14ac:dyDescent="0.3">
      <c r="A113953" s="13" t="s">
        <v>543</v>
      </c>
      <c r="B113953" s="14" t="s">
        <v>1</v>
      </c>
      <c r="C113953" s="14" t="s">
        <v>200</v>
      </c>
      <c r="D113953" s="14" t="s">
        <v>544</v>
      </c>
      <c r="E113953" s="15">
        <v>45449</v>
      </c>
      <c r="F113953" s="14" t="s">
        <v>53</v>
      </c>
      <c r="G113953" s="16">
        <v>0.39857117560455929</v>
      </c>
    </row>
    <row r="113954" spans="1:7" x14ac:dyDescent="0.3">
      <c r="A113954" s="13" t="s">
        <v>543</v>
      </c>
      <c r="B113954" s="14" t="s">
        <v>1</v>
      </c>
      <c r="C113954" s="14" t="s">
        <v>200</v>
      </c>
      <c r="D113954" s="14" t="s">
        <v>544</v>
      </c>
      <c r="E113954" s="15">
        <v>45450</v>
      </c>
      <c r="F113954" s="14" t="s">
        <v>53</v>
      </c>
      <c r="G113954" s="16">
        <v>0.40617709834087296</v>
      </c>
    </row>
    <row r="113955" spans="1:7" x14ac:dyDescent="0.3">
      <c r="A113955" s="13" t="s">
        <v>543</v>
      </c>
      <c r="B113955" s="14" t="s">
        <v>1</v>
      </c>
      <c r="C113955" s="14" t="s">
        <v>200</v>
      </c>
      <c r="D113955" s="14" t="s">
        <v>544</v>
      </c>
      <c r="E113955" s="15">
        <v>45451</v>
      </c>
      <c r="F113955" s="14" t="s">
        <v>53</v>
      </c>
      <c r="G113955" s="16">
        <v>0.40617709834087296</v>
      </c>
    </row>
    <row r="113956" spans="1:7" x14ac:dyDescent="0.3">
      <c r="A113956" s="13" t="s">
        <v>543</v>
      </c>
      <c r="B113956" s="14" t="s">
        <v>1</v>
      </c>
      <c r="C113956" s="14" t="s">
        <v>200</v>
      </c>
      <c r="D113956" s="14" t="s">
        <v>544</v>
      </c>
      <c r="E113956" s="15">
        <v>45452</v>
      </c>
      <c r="F113956" s="14" t="s">
        <v>53</v>
      </c>
      <c r="G113956" s="16">
        <v>0.40617709834087296</v>
      </c>
    </row>
    <row r="113957" spans="1:7" x14ac:dyDescent="0.3">
      <c r="A113957" s="13" t="s">
        <v>543</v>
      </c>
      <c r="B113957" s="14" t="s">
        <v>1</v>
      </c>
      <c r="C113957" s="14" t="s">
        <v>200</v>
      </c>
      <c r="D113957" s="14" t="s">
        <v>544</v>
      </c>
      <c r="E113957" s="15">
        <v>45453</v>
      </c>
      <c r="F113957" s="14" t="s">
        <v>53</v>
      </c>
      <c r="G113957" s="16">
        <v>0.41166574217260926</v>
      </c>
    </row>
    <row r="113958" spans="1:7" x14ac:dyDescent="0.3">
      <c r="A113958" s="13" t="s">
        <v>543</v>
      </c>
      <c r="B113958" s="14" t="s">
        <v>1</v>
      </c>
      <c r="C113958" s="14" t="s">
        <v>200</v>
      </c>
      <c r="D113958" s="14" t="s">
        <v>544</v>
      </c>
      <c r="E113958" s="15">
        <v>45454</v>
      </c>
      <c r="F113958" s="14" t="s">
        <v>53</v>
      </c>
      <c r="G113958" s="16">
        <v>0.42735139807929368</v>
      </c>
    </row>
    <row r="113959" spans="1:7" x14ac:dyDescent="0.3">
      <c r="A113959" s="13" t="s">
        <v>543</v>
      </c>
      <c r="B113959" s="14" t="s">
        <v>1</v>
      </c>
      <c r="C113959" s="14" t="s">
        <v>200</v>
      </c>
      <c r="D113959" s="14" t="s">
        <v>544</v>
      </c>
      <c r="E113959" s="15">
        <v>45455</v>
      </c>
      <c r="F113959" s="14" t="s">
        <v>53</v>
      </c>
      <c r="G113959" s="16">
        <v>0.43288304812738732</v>
      </c>
    </row>
    <row r="113960" spans="1:7" x14ac:dyDescent="0.3">
      <c r="A113960" s="13" t="s">
        <v>543</v>
      </c>
      <c r="B113960" s="14" t="s">
        <v>1</v>
      </c>
      <c r="C113960" s="14" t="s">
        <v>200</v>
      </c>
      <c r="D113960" s="14" t="s">
        <v>544</v>
      </c>
      <c r="E113960" s="15">
        <v>45456</v>
      </c>
      <c r="F113960" s="14" t="s">
        <v>53</v>
      </c>
      <c r="G113960" s="16">
        <v>0.43790256238418651</v>
      </c>
    </row>
    <row r="113961" spans="1:7" x14ac:dyDescent="0.3">
      <c r="A113961" s="13" t="s">
        <v>543</v>
      </c>
      <c r="B113961" s="14" t="s">
        <v>1</v>
      </c>
      <c r="C113961" s="14" t="s">
        <v>200</v>
      </c>
      <c r="D113961" s="14" t="s">
        <v>544</v>
      </c>
      <c r="E113961" s="15">
        <v>45457</v>
      </c>
      <c r="F113961" s="14" t="s">
        <v>53</v>
      </c>
      <c r="G113961" s="16">
        <v>0.44589006052952523</v>
      </c>
    </row>
    <row r="113962" spans="1:7" x14ac:dyDescent="0.3">
      <c r="A113962" s="13" t="s">
        <v>543</v>
      </c>
      <c r="B113962" s="14" t="s">
        <v>1</v>
      </c>
      <c r="C113962" s="14" t="s">
        <v>200</v>
      </c>
      <c r="D113962" s="14" t="s">
        <v>544</v>
      </c>
      <c r="E113962" s="15">
        <v>45458</v>
      </c>
      <c r="F113962" s="14" t="s">
        <v>53</v>
      </c>
      <c r="G113962" s="16">
        <v>0.44589006052952523</v>
      </c>
    </row>
    <row r="113963" spans="1:7" x14ac:dyDescent="0.3">
      <c r="A113963" s="13" t="s">
        <v>543</v>
      </c>
      <c r="B113963" s="14" t="s">
        <v>1</v>
      </c>
      <c r="C113963" s="14" t="s">
        <v>200</v>
      </c>
      <c r="D113963" s="14" t="s">
        <v>544</v>
      </c>
      <c r="E113963" s="15">
        <v>45459</v>
      </c>
      <c r="F113963" s="14" t="s">
        <v>53</v>
      </c>
      <c r="G113963" s="16">
        <v>0.44589006052952523</v>
      </c>
    </row>
    <row r="113964" spans="1:7" x14ac:dyDescent="0.3">
      <c r="A113964" s="13" t="s">
        <v>543</v>
      </c>
      <c r="B113964" s="14" t="s">
        <v>1</v>
      </c>
      <c r="C113964" s="14" t="s">
        <v>200</v>
      </c>
      <c r="D113964" s="14" t="s">
        <v>544</v>
      </c>
      <c r="E113964" s="15">
        <v>45460</v>
      </c>
      <c r="F113964" s="14" t="s">
        <v>53</v>
      </c>
      <c r="G113964" s="16">
        <v>0.45896975095226455</v>
      </c>
    </row>
    <row r="113965" spans="1:7" x14ac:dyDescent="0.3">
      <c r="A113965" s="13" t="s">
        <v>543</v>
      </c>
      <c r="B113965" s="14" t="s">
        <v>1</v>
      </c>
      <c r="C113965" s="14" t="s">
        <v>200</v>
      </c>
      <c r="D113965" s="14" t="s">
        <v>544</v>
      </c>
      <c r="E113965" s="15">
        <v>45461</v>
      </c>
      <c r="F113965" s="14" t="s">
        <v>53</v>
      </c>
      <c r="G113965" s="16">
        <v>0.47382429428488188</v>
      </c>
    </row>
    <row r="113966" spans="1:7" x14ac:dyDescent="0.3">
      <c r="A113966" s="13" t="s">
        <v>543</v>
      </c>
      <c r="B113966" s="14" t="s">
        <v>1</v>
      </c>
      <c r="C113966" s="14" t="s">
        <v>200</v>
      </c>
      <c r="D113966" s="14" t="s">
        <v>544</v>
      </c>
      <c r="E113966" s="15">
        <v>45462</v>
      </c>
      <c r="F113966" s="14" t="s">
        <v>53</v>
      </c>
      <c r="G113966" s="16">
        <v>0.47382429428488188</v>
      </c>
    </row>
    <row r="113967" spans="1:7" x14ac:dyDescent="0.3">
      <c r="A113967" s="13" t="s">
        <v>543</v>
      </c>
      <c r="B113967" s="14" t="s">
        <v>1</v>
      </c>
      <c r="C113967" s="14" t="s">
        <v>200</v>
      </c>
      <c r="D113967" s="14" t="s">
        <v>544</v>
      </c>
      <c r="E113967" s="15">
        <v>45463</v>
      </c>
      <c r="F113967" s="14" t="s">
        <v>53</v>
      </c>
      <c r="G113967" s="16">
        <v>0.48093641696954464</v>
      </c>
    </row>
    <row r="113968" spans="1:7" x14ac:dyDescent="0.3">
      <c r="A113968" s="13" t="s">
        <v>543</v>
      </c>
      <c r="B113968" s="14" t="s">
        <v>1</v>
      </c>
      <c r="C113968" s="14" t="s">
        <v>200</v>
      </c>
      <c r="D113968" s="14" t="s">
        <v>544</v>
      </c>
      <c r="E113968" s="15">
        <v>45464</v>
      </c>
      <c r="F113968" s="14" t="s">
        <v>53</v>
      </c>
      <c r="G113968" s="16">
        <v>0.49147714445566892</v>
      </c>
    </row>
    <row r="113969" spans="1:7" x14ac:dyDescent="0.3">
      <c r="A113969" s="13" t="s">
        <v>543</v>
      </c>
      <c r="B113969" s="14" t="s">
        <v>1</v>
      </c>
      <c r="C113969" s="14" t="s">
        <v>200</v>
      </c>
      <c r="D113969" s="14" t="s">
        <v>544</v>
      </c>
      <c r="E113969" s="15">
        <v>45465</v>
      </c>
      <c r="F113969" s="14" t="s">
        <v>53</v>
      </c>
      <c r="G113969" s="16">
        <v>0.49147714445566892</v>
      </c>
    </row>
    <row r="113970" spans="1:7" x14ac:dyDescent="0.3">
      <c r="A113970" s="13" t="s">
        <v>543</v>
      </c>
      <c r="B113970" s="14" t="s">
        <v>1</v>
      </c>
      <c r="C113970" s="14" t="s">
        <v>200</v>
      </c>
      <c r="D113970" s="14" t="s">
        <v>544</v>
      </c>
      <c r="E113970" s="15">
        <v>45466</v>
      </c>
      <c r="F113970" s="14" t="s">
        <v>53</v>
      </c>
      <c r="G113970" s="16">
        <v>0.49147714445566892</v>
      </c>
    </row>
    <row r="113971" spans="1:7" x14ac:dyDescent="0.3">
      <c r="A113971" s="13" t="s">
        <v>543</v>
      </c>
      <c r="B113971" s="14" t="s">
        <v>1</v>
      </c>
      <c r="C113971" s="14" t="s">
        <v>200</v>
      </c>
      <c r="D113971" s="14" t="s">
        <v>544</v>
      </c>
      <c r="E113971" s="15">
        <v>45467</v>
      </c>
      <c r="F113971" s="14" t="s">
        <v>53</v>
      </c>
      <c r="G113971" s="16">
        <v>0.49574602974050536</v>
      </c>
    </row>
    <row r="113972" spans="1:7" x14ac:dyDescent="0.3">
      <c r="A113972" s="13" t="s">
        <v>543</v>
      </c>
      <c r="B113972" s="14" t="s">
        <v>1</v>
      </c>
      <c r="C113972" s="14" t="s">
        <v>200</v>
      </c>
      <c r="D113972" s="14" t="s">
        <v>544</v>
      </c>
      <c r="E113972" s="15">
        <v>45468</v>
      </c>
      <c r="F113972" s="14" t="s">
        <v>53</v>
      </c>
      <c r="G113972" s="16">
        <v>0.51234167387419072</v>
      </c>
    </row>
    <row r="113973" spans="1:7" x14ac:dyDescent="0.3">
      <c r="A113973" s="13" t="s">
        <v>543</v>
      </c>
      <c r="B113973" s="14" t="s">
        <v>1</v>
      </c>
      <c r="C113973" s="14" t="s">
        <v>200</v>
      </c>
      <c r="D113973" s="14" t="s">
        <v>544</v>
      </c>
      <c r="E113973" s="15">
        <v>45469</v>
      </c>
      <c r="F113973" s="14" t="s">
        <v>53</v>
      </c>
      <c r="G113973" s="16">
        <v>0.52049785214487176</v>
      </c>
    </row>
    <row r="113974" spans="1:7" x14ac:dyDescent="0.3">
      <c r="A113974" s="13" t="s">
        <v>543</v>
      </c>
      <c r="B113974" s="14" t="s">
        <v>1</v>
      </c>
      <c r="C113974" s="14" t="s">
        <v>200</v>
      </c>
      <c r="D113974" s="14" t="s">
        <v>544</v>
      </c>
      <c r="E113974" s="15">
        <v>45470</v>
      </c>
      <c r="F113974" s="14" t="s">
        <v>53</v>
      </c>
      <c r="G113974" s="16">
        <v>0.52637179369902432</v>
      </c>
    </row>
    <row r="113975" spans="1:7" x14ac:dyDescent="0.3">
      <c r="A113975" s="13" t="s">
        <v>543</v>
      </c>
      <c r="B113975" s="14" t="s">
        <v>1</v>
      </c>
      <c r="C113975" s="14" t="s">
        <v>200</v>
      </c>
      <c r="D113975" s="14" t="s">
        <v>544</v>
      </c>
      <c r="E113975" s="15">
        <v>45471</v>
      </c>
      <c r="F113975" s="14" t="s">
        <v>53</v>
      </c>
      <c r="G113975" s="16">
        <v>0.52995621298819617</v>
      </c>
    </row>
    <row r="113976" spans="1:7" x14ac:dyDescent="0.3">
      <c r="A113976" s="13" t="s">
        <v>543</v>
      </c>
      <c r="B113976" s="14" t="s">
        <v>1</v>
      </c>
      <c r="C113976" s="14" t="s">
        <v>200</v>
      </c>
      <c r="D113976" s="14" t="s">
        <v>544</v>
      </c>
      <c r="E113976" s="15">
        <v>45472</v>
      </c>
      <c r="F113976" s="14" t="s">
        <v>53</v>
      </c>
      <c r="G113976" s="16">
        <v>0.52995621298819617</v>
      </c>
    </row>
    <row r="113977" spans="1:7" x14ac:dyDescent="0.3">
      <c r="A113977" s="13" t="s">
        <v>543</v>
      </c>
      <c r="B113977" s="14" t="s">
        <v>1</v>
      </c>
      <c r="C113977" s="14" t="s">
        <v>200</v>
      </c>
      <c r="D113977" s="14" t="s">
        <v>544</v>
      </c>
      <c r="E113977" s="15">
        <v>45473</v>
      </c>
      <c r="F113977" s="14" t="s">
        <v>53</v>
      </c>
      <c r="G113977" s="16">
        <v>0.52995621298819617</v>
      </c>
    </row>
    <row r="113978" spans="1:7" x14ac:dyDescent="0.3">
      <c r="A113978" s="13" t="s">
        <v>543</v>
      </c>
      <c r="B113978" s="14" t="s">
        <v>1</v>
      </c>
      <c r="C113978" s="14" t="s">
        <v>200</v>
      </c>
      <c r="D113978" s="14" t="s">
        <v>544</v>
      </c>
      <c r="E113978" s="15">
        <v>45474</v>
      </c>
      <c r="F113978" s="14" t="s">
        <v>53</v>
      </c>
      <c r="G113978" s="16">
        <v>0.53516090641077507</v>
      </c>
    </row>
    <row r="113979" spans="1:7" x14ac:dyDescent="0.3">
      <c r="A113979" s="13" t="s">
        <v>543</v>
      </c>
      <c r="B113979" s="14" t="s">
        <v>1</v>
      </c>
      <c r="C113979" s="14" t="s">
        <v>200</v>
      </c>
      <c r="D113979" s="14" t="s">
        <v>544</v>
      </c>
      <c r="E113979" s="15">
        <v>45475</v>
      </c>
      <c r="F113979" s="14" t="s">
        <v>53</v>
      </c>
      <c r="G113979" s="16">
        <v>0.55188932110457534</v>
      </c>
    </row>
    <row r="113980" spans="1:7" x14ac:dyDescent="0.3">
      <c r="A113980" s="13" t="s">
        <v>543</v>
      </c>
      <c r="B113980" s="14" t="s">
        <v>1</v>
      </c>
      <c r="C113980" s="14" t="s">
        <v>200</v>
      </c>
      <c r="D113980" s="14" t="s">
        <v>544</v>
      </c>
      <c r="E113980" s="15">
        <v>45476</v>
      </c>
      <c r="F113980" s="14" t="s">
        <v>53</v>
      </c>
      <c r="G113980" s="16">
        <v>0.55433472253489247</v>
      </c>
    </row>
    <row r="113981" spans="1:7" x14ac:dyDescent="0.3">
      <c r="A113981" s="13" t="s">
        <v>543</v>
      </c>
      <c r="B113981" s="14" t="s">
        <v>1</v>
      </c>
      <c r="C113981" s="14" t="s">
        <v>200</v>
      </c>
      <c r="D113981" s="14" t="s">
        <v>544</v>
      </c>
      <c r="E113981" s="15">
        <v>45477</v>
      </c>
      <c r="F113981" s="14" t="s">
        <v>53</v>
      </c>
      <c r="G113981" s="16">
        <v>0.55433472253489247</v>
      </c>
    </row>
    <row r="113982" spans="1:7" x14ac:dyDescent="0.3">
      <c r="A113982" s="13" t="s">
        <v>543</v>
      </c>
      <c r="B113982" s="14" t="s">
        <v>1</v>
      </c>
      <c r="C113982" s="14" t="s">
        <v>200</v>
      </c>
      <c r="D113982" s="14" t="s">
        <v>544</v>
      </c>
      <c r="E113982" s="15">
        <v>45478</v>
      </c>
      <c r="F113982" s="14" t="s">
        <v>53</v>
      </c>
      <c r="G113982" s="16">
        <v>0.55651933629928685</v>
      </c>
    </row>
    <row r="113983" spans="1:7" x14ac:dyDescent="0.3">
      <c r="A113983" s="13" t="s">
        <v>543</v>
      </c>
      <c r="B113983" s="14" t="s">
        <v>1</v>
      </c>
      <c r="C113983" s="14" t="s">
        <v>200</v>
      </c>
      <c r="D113983" s="14" t="s">
        <v>544</v>
      </c>
      <c r="E113983" s="15">
        <v>45479</v>
      </c>
      <c r="F113983" s="14" t="s">
        <v>53</v>
      </c>
      <c r="G113983" s="16">
        <v>0.55651933629928685</v>
      </c>
    </row>
    <row r="113984" spans="1:7" x14ac:dyDescent="0.3">
      <c r="A113984" s="13" t="s">
        <v>543</v>
      </c>
      <c r="B113984" s="14" t="s">
        <v>1</v>
      </c>
      <c r="C113984" s="14" t="s">
        <v>200</v>
      </c>
      <c r="D113984" s="14" t="s">
        <v>544</v>
      </c>
      <c r="E113984" s="15">
        <v>45480</v>
      </c>
      <c r="F113984" s="14" t="s">
        <v>53</v>
      </c>
      <c r="G113984" s="16">
        <v>0.55651933629928685</v>
      </c>
    </row>
    <row r="113985" spans="1:7" x14ac:dyDescent="0.3">
      <c r="A113985" s="13" t="s">
        <v>543</v>
      </c>
      <c r="B113985" s="14" t="s">
        <v>1</v>
      </c>
      <c r="C113985" s="14" t="s">
        <v>200</v>
      </c>
      <c r="D113985" s="14" t="s">
        <v>544</v>
      </c>
      <c r="E113985" s="15">
        <v>45481</v>
      </c>
      <c r="F113985" s="14" t="s">
        <v>53</v>
      </c>
      <c r="G113985" s="16">
        <v>0.5661680512315499</v>
      </c>
    </row>
    <row r="113986" spans="1:7" x14ac:dyDescent="0.3">
      <c r="A113986" s="13" t="s">
        <v>543</v>
      </c>
      <c r="B113986" s="14" t="s">
        <v>1</v>
      </c>
      <c r="C113986" s="14" t="s">
        <v>200</v>
      </c>
      <c r="D113986" s="14" t="s">
        <v>544</v>
      </c>
      <c r="E113986" s="15">
        <v>45482</v>
      </c>
      <c r="F113986" s="14" t="s">
        <v>53</v>
      </c>
      <c r="G113986" s="16">
        <v>0.58435812795435282</v>
      </c>
    </row>
    <row r="113987" spans="1:7" x14ac:dyDescent="0.3">
      <c r="A113987" s="13" t="s">
        <v>543</v>
      </c>
      <c r="B113987" s="14" t="s">
        <v>1</v>
      </c>
      <c r="C113987" s="14" t="s">
        <v>200</v>
      </c>
      <c r="D113987" s="14" t="s">
        <v>544</v>
      </c>
      <c r="E113987" s="15">
        <v>45483</v>
      </c>
      <c r="F113987" s="14" t="s">
        <v>53</v>
      </c>
      <c r="G113987" s="16">
        <v>0.58736408818857444</v>
      </c>
    </row>
    <row r="113988" spans="1:7" x14ac:dyDescent="0.3">
      <c r="A113988" s="13" t="s">
        <v>543</v>
      </c>
      <c r="B113988" s="14" t="s">
        <v>1</v>
      </c>
      <c r="C113988" s="14" t="s">
        <v>200</v>
      </c>
      <c r="D113988" s="14" t="s">
        <v>544</v>
      </c>
      <c r="E113988" s="15">
        <v>45484</v>
      </c>
      <c r="F113988" s="14" t="s">
        <v>53</v>
      </c>
      <c r="G113988" s="16">
        <v>0.58872011291487159</v>
      </c>
    </row>
    <row r="113989" spans="1:7" x14ac:dyDescent="0.3">
      <c r="A113989" s="13" t="s">
        <v>543</v>
      </c>
      <c r="B113989" s="14" t="s">
        <v>1</v>
      </c>
      <c r="C113989" s="14" t="s">
        <v>200</v>
      </c>
      <c r="D113989" s="14" t="s">
        <v>544</v>
      </c>
      <c r="E113989" s="15">
        <v>45485</v>
      </c>
      <c r="F113989" s="14" t="s">
        <v>53</v>
      </c>
      <c r="G113989" s="16">
        <v>0.59055815543308421</v>
      </c>
    </row>
    <row r="113990" spans="1:7" x14ac:dyDescent="0.3">
      <c r="A113990" s="13" t="s">
        <v>543</v>
      </c>
      <c r="B113990" s="14" t="s">
        <v>1</v>
      </c>
      <c r="C113990" s="14" t="s">
        <v>200</v>
      </c>
      <c r="D113990" s="14" t="s">
        <v>544</v>
      </c>
      <c r="E113990" s="15">
        <v>45486</v>
      </c>
      <c r="F113990" s="14" t="s">
        <v>53</v>
      </c>
      <c r="G113990" s="16">
        <v>0.59055815543308421</v>
      </c>
    </row>
    <row r="113991" spans="1:7" x14ac:dyDescent="0.3">
      <c r="A113991" s="13" t="s">
        <v>543</v>
      </c>
      <c r="B113991" s="14" t="s">
        <v>1</v>
      </c>
      <c r="C113991" s="14" t="s">
        <v>200</v>
      </c>
      <c r="D113991" s="14" t="s">
        <v>544</v>
      </c>
      <c r="E113991" s="15">
        <v>45487</v>
      </c>
      <c r="F113991" s="14" t="s">
        <v>53</v>
      </c>
      <c r="G113991" s="16">
        <v>0.59055815543308421</v>
      </c>
    </row>
    <row r="113992" spans="1:7" x14ac:dyDescent="0.3">
      <c r="A113992" s="13" t="s">
        <v>543</v>
      </c>
      <c r="B113992" s="14" t="s">
        <v>1</v>
      </c>
      <c r="C113992" s="14" t="s">
        <v>200</v>
      </c>
      <c r="D113992" s="14" t="s">
        <v>544</v>
      </c>
      <c r="E113992" s="15">
        <v>45488</v>
      </c>
      <c r="F113992" s="14" t="s">
        <v>53</v>
      </c>
      <c r="G113992" s="16">
        <v>0.59256558138455562</v>
      </c>
    </row>
    <row r="113993" spans="1:7" x14ac:dyDescent="0.3">
      <c r="A113993" s="13" t="s">
        <v>543</v>
      </c>
      <c r="B113993" s="14" t="s">
        <v>1</v>
      </c>
      <c r="C113993" s="14" t="s">
        <v>200</v>
      </c>
      <c r="D113993" s="14" t="s">
        <v>544</v>
      </c>
      <c r="E113993" s="15">
        <v>45489</v>
      </c>
      <c r="F113993" s="14" t="s">
        <v>53</v>
      </c>
      <c r="G113993" s="16">
        <v>0.61008219584616019</v>
      </c>
    </row>
    <row r="113994" spans="1:7" x14ac:dyDescent="0.3">
      <c r="A113994" s="13" t="s">
        <v>543</v>
      </c>
      <c r="B113994" s="14" t="s">
        <v>1</v>
      </c>
      <c r="C113994" s="14" t="s">
        <v>200</v>
      </c>
      <c r="D113994" s="14" t="s">
        <v>544</v>
      </c>
      <c r="E113994" s="15">
        <v>45490</v>
      </c>
      <c r="F113994" s="14" t="s">
        <v>53</v>
      </c>
      <c r="G113994" s="16">
        <v>0.60430292285255849</v>
      </c>
    </row>
    <row r="113995" spans="1:7" x14ac:dyDescent="0.3">
      <c r="A113995" s="13" t="s">
        <v>543</v>
      </c>
      <c r="B113995" s="14" t="s">
        <v>1</v>
      </c>
      <c r="C113995" s="14" t="s">
        <v>200</v>
      </c>
      <c r="D113995" s="14" t="s">
        <v>544</v>
      </c>
      <c r="E113995" s="15">
        <v>45491</v>
      </c>
      <c r="F113995" s="14" t="s">
        <v>53</v>
      </c>
      <c r="G113995" s="16">
        <v>0.61316760695064476</v>
      </c>
    </row>
    <row r="113996" spans="1:7" x14ac:dyDescent="0.3">
      <c r="A113996" s="13" t="s">
        <v>543</v>
      </c>
      <c r="B113996" s="14" t="s">
        <v>1</v>
      </c>
      <c r="C113996" s="14" t="s">
        <v>200</v>
      </c>
      <c r="D113996" s="14" t="s">
        <v>544</v>
      </c>
      <c r="E113996" s="15">
        <v>45492</v>
      </c>
      <c r="F113996" s="14" t="s">
        <v>53</v>
      </c>
      <c r="G113996" s="16">
        <v>0.62033393879075127</v>
      </c>
    </row>
    <row r="113997" spans="1:7" x14ac:dyDescent="0.3">
      <c r="A113997" s="13" t="s">
        <v>543</v>
      </c>
      <c r="B113997" s="14" t="s">
        <v>1</v>
      </c>
      <c r="C113997" s="14" t="s">
        <v>200</v>
      </c>
      <c r="D113997" s="14" t="s">
        <v>544</v>
      </c>
      <c r="E113997" s="15">
        <v>45493</v>
      </c>
      <c r="F113997" s="14" t="s">
        <v>53</v>
      </c>
      <c r="G113997" s="16">
        <v>0.62033393879075127</v>
      </c>
    </row>
    <row r="113998" spans="1:7" x14ac:dyDescent="0.3">
      <c r="A113998" s="13" t="s">
        <v>543</v>
      </c>
      <c r="B113998" s="14" t="s">
        <v>1</v>
      </c>
      <c r="C113998" s="14" t="s">
        <v>200</v>
      </c>
      <c r="D113998" s="14" t="s">
        <v>544</v>
      </c>
      <c r="E113998" s="15">
        <v>45494</v>
      </c>
      <c r="F113998" s="14" t="s">
        <v>53</v>
      </c>
      <c r="G113998" s="16">
        <v>0.62033393879075127</v>
      </c>
    </row>
    <row r="113999" spans="1:7" x14ac:dyDescent="0.3">
      <c r="A113999" s="13" t="s">
        <v>543</v>
      </c>
      <c r="B113999" s="14" t="s">
        <v>1</v>
      </c>
      <c r="C113999" s="14" t="s">
        <v>200</v>
      </c>
      <c r="D113999" s="14" t="s">
        <v>544</v>
      </c>
      <c r="E113999" s="15">
        <v>45495</v>
      </c>
      <c r="F113999" s="14" t="s">
        <v>53</v>
      </c>
      <c r="G113999" s="16">
        <v>0.62549474233711366</v>
      </c>
    </row>
    <row r="114000" spans="1:7" x14ac:dyDescent="0.3">
      <c r="A114000" s="13" t="s">
        <v>543</v>
      </c>
      <c r="B114000" s="14" t="s">
        <v>1</v>
      </c>
      <c r="C114000" s="14" t="s">
        <v>200</v>
      </c>
      <c r="D114000" s="14" t="s">
        <v>544</v>
      </c>
      <c r="E114000" s="15">
        <v>45496</v>
      </c>
      <c r="F114000" s="14" t="s">
        <v>53</v>
      </c>
      <c r="G114000" s="16">
        <v>0.64409978158286862</v>
      </c>
    </row>
    <row r="114001" spans="1:7" x14ac:dyDescent="0.3">
      <c r="A114001" s="13" t="s">
        <v>543</v>
      </c>
      <c r="B114001" s="14" t="s">
        <v>1</v>
      </c>
      <c r="C114001" s="14" t="s">
        <v>200</v>
      </c>
      <c r="D114001" s="14" t="s">
        <v>544</v>
      </c>
      <c r="E114001" s="15">
        <v>45497</v>
      </c>
      <c r="F114001" s="14" t="s">
        <v>53</v>
      </c>
      <c r="G114001" s="16">
        <v>0.64968698695383476</v>
      </c>
    </row>
    <row r="114002" spans="1:7" x14ac:dyDescent="0.3">
      <c r="A114002" s="13" t="s">
        <v>543</v>
      </c>
      <c r="B114002" s="14" t="s">
        <v>1</v>
      </c>
      <c r="C114002" s="14" t="s">
        <v>200</v>
      </c>
      <c r="D114002" s="14" t="s">
        <v>544</v>
      </c>
      <c r="E114002" s="15">
        <v>45498</v>
      </c>
      <c r="F114002" s="14" t="s">
        <v>53</v>
      </c>
      <c r="G114002" s="16">
        <v>0.65818724564574782</v>
      </c>
    </row>
    <row r="114003" spans="1:7" x14ac:dyDescent="0.3">
      <c r="A114003" s="13" t="s">
        <v>543</v>
      </c>
      <c r="B114003" s="14" t="s">
        <v>1</v>
      </c>
      <c r="C114003" s="14" t="s">
        <v>200</v>
      </c>
      <c r="D114003" s="14" t="s">
        <v>544</v>
      </c>
      <c r="E114003" s="15">
        <v>45499</v>
      </c>
      <c r="F114003" s="14" t="s">
        <v>53</v>
      </c>
      <c r="G114003" s="16">
        <v>0.66287008493837651</v>
      </c>
    </row>
    <row r="114004" spans="1:7" x14ac:dyDescent="0.3">
      <c r="A114004" s="13" t="s">
        <v>543</v>
      </c>
      <c r="B114004" s="14" t="s">
        <v>1</v>
      </c>
      <c r="C114004" s="14" t="s">
        <v>200</v>
      </c>
      <c r="D114004" s="14" t="s">
        <v>544</v>
      </c>
      <c r="E114004" s="15">
        <v>45500</v>
      </c>
      <c r="F114004" s="14" t="s">
        <v>53</v>
      </c>
      <c r="G114004" s="16">
        <v>0.66287008493837651</v>
      </c>
    </row>
    <row r="114005" spans="1:7" x14ac:dyDescent="0.3">
      <c r="A114005" s="13" t="s">
        <v>543</v>
      </c>
      <c r="B114005" s="14" t="s">
        <v>1</v>
      </c>
      <c r="C114005" s="14" t="s">
        <v>200</v>
      </c>
      <c r="D114005" s="14" t="s">
        <v>544</v>
      </c>
      <c r="E114005" s="15">
        <v>45501</v>
      </c>
      <c r="F114005" s="14" t="s">
        <v>53</v>
      </c>
      <c r="G114005" s="16">
        <v>0.66287008493837651</v>
      </c>
    </row>
    <row r="114006" spans="1:7" x14ac:dyDescent="0.3">
      <c r="A114006" s="13" t="s">
        <v>543</v>
      </c>
      <c r="B114006" s="14" t="s">
        <v>1</v>
      </c>
      <c r="C114006" s="14" t="s">
        <v>200</v>
      </c>
      <c r="D114006" s="14" t="s">
        <v>544</v>
      </c>
      <c r="E114006" s="15">
        <v>45502</v>
      </c>
      <c r="F114006" s="14" t="s">
        <v>53</v>
      </c>
      <c r="G114006" s="16">
        <v>0.67296485461003708</v>
      </c>
    </row>
    <row r="114007" spans="1:7" x14ac:dyDescent="0.3">
      <c r="A114007" s="13" t="s">
        <v>543</v>
      </c>
      <c r="B114007" s="14" t="s">
        <v>1</v>
      </c>
      <c r="C114007" s="14" t="s">
        <v>200</v>
      </c>
      <c r="D114007" s="14" t="s">
        <v>544</v>
      </c>
      <c r="E114007" s="15">
        <v>45503</v>
      </c>
      <c r="F114007" s="14" t="s">
        <v>53</v>
      </c>
      <c r="G114007" s="16">
        <v>0.69022549117227894</v>
      </c>
    </row>
    <row r="114008" spans="1:7" x14ac:dyDescent="0.3">
      <c r="A114008" s="13" t="s">
        <v>543</v>
      </c>
      <c r="B114008" s="14" t="s">
        <v>1</v>
      </c>
      <c r="C114008" s="14" t="s">
        <v>200</v>
      </c>
      <c r="D114008" s="14" t="s">
        <v>544</v>
      </c>
      <c r="E114008" s="15">
        <v>45504</v>
      </c>
      <c r="F114008" s="14" t="s">
        <v>53</v>
      </c>
      <c r="G114008" s="16">
        <v>0.69470097311226364</v>
      </c>
    </row>
    <row r="114009" spans="1:7" x14ac:dyDescent="0.3">
      <c r="A114009" s="13" t="s">
        <v>543</v>
      </c>
      <c r="B114009" s="14" t="s">
        <v>1</v>
      </c>
      <c r="C114009" s="14" t="s">
        <v>200</v>
      </c>
      <c r="D114009" s="14" t="s">
        <v>544</v>
      </c>
      <c r="E114009" s="15">
        <v>45505</v>
      </c>
      <c r="F114009" s="14" t="s">
        <v>53</v>
      </c>
      <c r="G114009" s="16">
        <v>0.7072892142840107</v>
      </c>
    </row>
    <row r="114010" spans="1:7" x14ac:dyDescent="0.3">
      <c r="A114010" s="13" t="s">
        <v>543</v>
      </c>
      <c r="B114010" s="14" t="s">
        <v>1</v>
      </c>
      <c r="C114010" s="14" t="s">
        <v>200</v>
      </c>
      <c r="D114010" s="14" t="s">
        <v>544</v>
      </c>
      <c r="E114010" s="15">
        <v>45506</v>
      </c>
      <c r="F114010" s="14" t="s">
        <v>53</v>
      </c>
      <c r="G114010" s="16">
        <v>0.71646268434946969</v>
      </c>
    </row>
    <row r="114011" spans="1:7" x14ac:dyDescent="0.3">
      <c r="A114011" s="13" t="s">
        <v>543</v>
      </c>
      <c r="B114011" s="14" t="s">
        <v>1</v>
      </c>
      <c r="C114011" s="14" t="s">
        <v>200</v>
      </c>
      <c r="D114011" s="14" t="s">
        <v>544</v>
      </c>
      <c r="E114011" s="15">
        <v>45507</v>
      </c>
      <c r="F114011" s="14" t="s">
        <v>53</v>
      </c>
      <c r="G114011" s="16">
        <v>0.71646268434946969</v>
      </c>
    </row>
    <row r="114012" spans="1:7" x14ac:dyDescent="0.3">
      <c r="A114012" s="13" t="s">
        <v>543</v>
      </c>
      <c r="B114012" s="14" t="s">
        <v>1</v>
      </c>
      <c r="C114012" s="14" t="s">
        <v>200</v>
      </c>
      <c r="D114012" s="14" t="s">
        <v>544</v>
      </c>
      <c r="E114012" s="15">
        <v>45508</v>
      </c>
      <c r="F114012" s="14" t="s">
        <v>53</v>
      </c>
      <c r="G114012" s="16">
        <v>0.71646268434946969</v>
      </c>
    </row>
    <row r="114013" spans="1:7" x14ac:dyDescent="0.3">
      <c r="A114013" s="13" t="s">
        <v>543</v>
      </c>
      <c r="B114013" s="14" t="s">
        <v>1</v>
      </c>
      <c r="C114013" s="14" t="s">
        <v>200</v>
      </c>
      <c r="D114013" s="14" t="s">
        <v>544</v>
      </c>
      <c r="E114013" s="15">
        <v>45509</v>
      </c>
      <c r="F114013" s="14" t="s">
        <v>53</v>
      </c>
      <c r="G114013" s="16">
        <v>0.71646268434946969</v>
      </c>
    </row>
    <row r="114014" spans="1:7" x14ac:dyDescent="0.3">
      <c r="A114014" s="13" t="s">
        <v>543</v>
      </c>
      <c r="B114014" s="14" t="s">
        <v>1</v>
      </c>
      <c r="C114014" s="14" t="s">
        <v>200</v>
      </c>
      <c r="D114014" s="14" t="s">
        <v>544</v>
      </c>
      <c r="E114014" s="15">
        <v>45510</v>
      </c>
      <c r="F114014" s="14" t="s">
        <v>53</v>
      </c>
      <c r="G114014" s="16">
        <v>0.73460240957018397</v>
      </c>
    </row>
    <row r="114015" spans="1:7" x14ac:dyDescent="0.3">
      <c r="A114015" s="13" t="s">
        <v>543</v>
      </c>
      <c r="B114015" s="14" t="s">
        <v>1</v>
      </c>
      <c r="C114015" s="14" t="s">
        <v>200</v>
      </c>
      <c r="D114015" s="14" t="s">
        <v>544</v>
      </c>
      <c r="E114015" s="15">
        <v>45511</v>
      </c>
      <c r="F114015" s="14" t="s">
        <v>53</v>
      </c>
      <c r="G114015" s="16">
        <v>0.75717875840963855</v>
      </c>
    </row>
    <row r="114016" spans="1:7" x14ac:dyDescent="0.3">
      <c r="A114016" s="13" t="s">
        <v>543</v>
      </c>
      <c r="B114016" s="14" t="s">
        <v>1</v>
      </c>
      <c r="C114016" s="14" t="s">
        <v>200</v>
      </c>
      <c r="D114016" s="14" t="s">
        <v>544</v>
      </c>
      <c r="E114016" s="15">
        <v>45512</v>
      </c>
      <c r="F114016" s="14" t="s">
        <v>53</v>
      </c>
      <c r="G114016" s="16">
        <v>0.75880316069636733</v>
      </c>
    </row>
    <row r="114017" spans="1:7" x14ac:dyDescent="0.3">
      <c r="A114017" s="13" t="s">
        <v>543</v>
      </c>
      <c r="B114017" s="14" t="s">
        <v>1</v>
      </c>
      <c r="C114017" s="14" t="s">
        <v>200</v>
      </c>
      <c r="D114017" s="14" t="s">
        <v>544</v>
      </c>
      <c r="E114017" s="15">
        <v>45513</v>
      </c>
      <c r="F114017" s="14" t="s">
        <v>53</v>
      </c>
      <c r="G114017" s="16">
        <v>0.76265874851978688</v>
      </c>
    </row>
    <row r="114018" spans="1:7" x14ac:dyDescent="0.3">
      <c r="A114018" s="13" t="s">
        <v>543</v>
      </c>
      <c r="B114018" s="14" t="s">
        <v>1</v>
      </c>
      <c r="C114018" s="14" t="s">
        <v>200</v>
      </c>
      <c r="D114018" s="14" t="s">
        <v>544</v>
      </c>
      <c r="E114018" s="15">
        <v>45514</v>
      </c>
      <c r="F114018" s="14" t="s">
        <v>53</v>
      </c>
      <c r="G114018" s="16">
        <v>0.76265874851978688</v>
      </c>
    </row>
    <row r="114019" spans="1:7" x14ac:dyDescent="0.3">
      <c r="A114019" s="13" t="s">
        <v>543</v>
      </c>
      <c r="B114019" s="14" t="s">
        <v>1</v>
      </c>
      <c r="C114019" s="14" t="s">
        <v>200</v>
      </c>
      <c r="D114019" s="14" t="s">
        <v>544</v>
      </c>
      <c r="E114019" s="15">
        <v>45515</v>
      </c>
      <c r="F114019" s="14" t="s">
        <v>53</v>
      </c>
      <c r="G114019" s="16">
        <v>0.76265874851978688</v>
      </c>
    </row>
    <row r="114020" spans="1:7" x14ac:dyDescent="0.3">
      <c r="A114020" s="13" t="s">
        <v>543</v>
      </c>
      <c r="B114020" s="14" t="s">
        <v>1</v>
      </c>
      <c r="C114020" s="14" t="s">
        <v>200</v>
      </c>
      <c r="D114020" s="14" t="s">
        <v>544</v>
      </c>
      <c r="E114020" s="15">
        <v>45516</v>
      </c>
      <c r="F114020" s="14" t="s">
        <v>53</v>
      </c>
      <c r="G114020" s="16">
        <v>0.76653881160955328</v>
      </c>
    </row>
    <row r="114021" spans="1:7" x14ac:dyDescent="0.3">
      <c r="A114021" s="13" t="s">
        <v>543</v>
      </c>
      <c r="B114021" s="14" t="s">
        <v>1</v>
      </c>
      <c r="C114021" s="14" t="s">
        <v>200</v>
      </c>
      <c r="D114021" s="14" t="s">
        <v>544</v>
      </c>
      <c r="E114021" s="15">
        <v>45517</v>
      </c>
      <c r="F114021" s="14" t="s">
        <v>53</v>
      </c>
      <c r="G114021" s="16">
        <v>0.77533671784691416</v>
      </c>
    </row>
    <row r="114022" spans="1:7" x14ac:dyDescent="0.3">
      <c r="A114022" s="13" t="s">
        <v>543</v>
      </c>
      <c r="B114022" s="14" t="s">
        <v>1</v>
      </c>
      <c r="C114022" s="14" t="s">
        <v>200</v>
      </c>
      <c r="D114022" s="14" t="s">
        <v>544</v>
      </c>
      <c r="E114022" s="15">
        <v>45518</v>
      </c>
      <c r="F114022" s="14" t="s">
        <v>53</v>
      </c>
      <c r="G114022" s="16">
        <v>0.78336158583810012</v>
      </c>
    </row>
    <row r="114023" spans="1:7" x14ac:dyDescent="0.3">
      <c r="A114023" s="13" t="s">
        <v>543</v>
      </c>
      <c r="B114023" s="14" t="s">
        <v>1</v>
      </c>
      <c r="C114023" s="14" t="s">
        <v>200</v>
      </c>
      <c r="D114023" s="14" t="s">
        <v>544</v>
      </c>
      <c r="E114023" s="15">
        <v>45519</v>
      </c>
      <c r="F114023" s="14" t="s">
        <v>53</v>
      </c>
      <c r="G114023" s="16">
        <v>0.78691075895715357</v>
      </c>
    </row>
    <row r="114024" spans="1:7" x14ac:dyDescent="0.3">
      <c r="A114024" s="13" t="s">
        <v>543</v>
      </c>
      <c r="B114024" s="14" t="s">
        <v>1</v>
      </c>
      <c r="C114024" s="14" t="s">
        <v>200</v>
      </c>
      <c r="D114024" s="14" t="s">
        <v>544</v>
      </c>
      <c r="E114024" s="15">
        <v>45520</v>
      </c>
      <c r="F114024" s="14" t="s">
        <v>53</v>
      </c>
      <c r="G114024" s="16">
        <v>0.78644124700609053</v>
      </c>
    </row>
    <row r="114025" spans="1:7" x14ac:dyDescent="0.3">
      <c r="A114025" s="13" t="s">
        <v>543</v>
      </c>
      <c r="B114025" s="14" t="s">
        <v>1</v>
      </c>
      <c r="C114025" s="14" t="s">
        <v>200</v>
      </c>
      <c r="D114025" s="14" t="s">
        <v>544</v>
      </c>
      <c r="E114025" s="15">
        <v>45521</v>
      </c>
      <c r="F114025" s="14" t="s">
        <v>53</v>
      </c>
      <c r="G114025" s="16">
        <v>0.78644124700609053</v>
      </c>
    </row>
    <row r="114026" spans="1:7" x14ac:dyDescent="0.3">
      <c r="A114026" s="13" t="s">
        <v>543</v>
      </c>
      <c r="B114026" s="14" t="s">
        <v>1</v>
      </c>
      <c r="C114026" s="14" t="s">
        <v>200</v>
      </c>
      <c r="D114026" s="14" t="s">
        <v>544</v>
      </c>
      <c r="E114026" s="15">
        <v>45522</v>
      </c>
      <c r="F114026" s="14" t="s">
        <v>53</v>
      </c>
      <c r="G114026" s="16">
        <v>0.78644124700609053</v>
      </c>
    </row>
    <row r="114027" spans="1:7" x14ac:dyDescent="0.3">
      <c r="A114027" s="13" t="s">
        <v>543</v>
      </c>
      <c r="B114027" s="14" t="s">
        <v>1</v>
      </c>
      <c r="C114027" s="14" t="s">
        <v>200</v>
      </c>
      <c r="D114027" s="14" t="s">
        <v>544</v>
      </c>
      <c r="E114027" s="15">
        <v>45523</v>
      </c>
      <c r="F114027" s="14" t="s">
        <v>53</v>
      </c>
      <c r="G114027" s="16">
        <v>0.78858654695194452</v>
      </c>
    </row>
    <row r="114028" spans="1:7" x14ac:dyDescent="0.3">
      <c r="A114028" s="13" t="s">
        <v>543</v>
      </c>
      <c r="B114028" s="14" t="s">
        <v>1</v>
      </c>
      <c r="C114028" s="14" t="s">
        <v>200</v>
      </c>
      <c r="D114028" s="14" t="s">
        <v>544</v>
      </c>
      <c r="E114028" s="15">
        <v>45524</v>
      </c>
      <c r="F114028" s="14" t="s">
        <v>53</v>
      </c>
      <c r="G114028" s="16">
        <v>0.80039572117358548</v>
      </c>
    </row>
    <row r="114029" spans="1:7" x14ac:dyDescent="0.3">
      <c r="A114029" s="13" t="s">
        <v>543</v>
      </c>
      <c r="B114029" s="14" t="s">
        <v>1</v>
      </c>
      <c r="C114029" s="14" t="s">
        <v>200</v>
      </c>
      <c r="D114029" s="14" t="s">
        <v>544</v>
      </c>
      <c r="E114029" s="15">
        <v>45525</v>
      </c>
      <c r="F114029" s="14" t="s">
        <v>53</v>
      </c>
      <c r="G114029" s="16">
        <v>0.80100038052793632</v>
      </c>
    </row>
    <row r="114030" spans="1:7" x14ac:dyDescent="0.3">
      <c r="A114030" s="13" t="s">
        <v>543</v>
      </c>
      <c r="B114030" s="14" t="s">
        <v>1</v>
      </c>
      <c r="C114030" s="14" t="s">
        <v>200</v>
      </c>
      <c r="D114030" s="14" t="s">
        <v>544</v>
      </c>
      <c r="E114030" s="15">
        <v>45526</v>
      </c>
      <c r="F114030" s="14" t="s">
        <v>53</v>
      </c>
      <c r="G114030" s="16">
        <v>0.80925171310171573</v>
      </c>
    </row>
    <row r="114031" spans="1:7" x14ac:dyDescent="0.3">
      <c r="A114031" s="13" t="s">
        <v>543</v>
      </c>
      <c r="B114031" s="14" t="s">
        <v>1</v>
      </c>
      <c r="C114031" s="14" t="s">
        <v>200</v>
      </c>
      <c r="D114031" s="14" t="s">
        <v>544</v>
      </c>
      <c r="E114031" s="15">
        <v>45527</v>
      </c>
      <c r="F114031" s="14" t="s">
        <v>53</v>
      </c>
      <c r="G114031" s="16">
        <v>0.80466270191305778</v>
      </c>
    </row>
    <row r="114032" spans="1:7" x14ac:dyDescent="0.3">
      <c r="A114032" s="13" t="s">
        <v>543</v>
      </c>
      <c r="B114032" s="14" t="s">
        <v>1</v>
      </c>
      <c r="C114032" s="14" t="s">
        <v>200</v>
      </c>
      <c r="D114032" s="14" t="s">
        <v>544</v>
      </c>
      <c r="E114032" s="15">
        <v>45528</v>
      </c>
      <c r="F114032" s="14" t="s">
        <v>53</v>
      </c>
      <c r="G114032" s="16">
        <v>0.80466270191305778</v>
      </c>
    </row>
    <row r="114033" spans="1:7" x14ac:dyDescent="0.3">
      <c r="A114033" s="13" t="s">
        <v>543</v>
      </c>
      <c r="B114033" s="14" t="s">
        <v>1</v>
      </c>
      <c r="C114033" s="14" t="s">
        <v>200</v>
      </c>
      <c r="D114033" s="14" t="s">
        <v>544</v>
      </c>
      <c r="E114033" s="15">
        <v>45529</v>
      </c>
      <c r="F114033" s="14" t="s">
        <v>53</v>
      </c>
      <c r="G114033" s="16">
        <v>0.80466270191305778</v>
      </c>
    </row>
    <row r="114034" spans="1:7" x14ac:dyDescent="0.3">
      <c r="A114034" s="13" t="s">
        <v>543</v>
      </c>
      <c r="B114034" s="14" t="s">
        <v>1</v>
      </c>
      <c r="C114034" s="14" t="s">
        <v>200</v>
      </c>
      <c r="D114034" s="14" t="s">
        <v>544</v>
      </c>
      <c r="E114034" s="15">
        <v>45530</v>
      </c>
      <c r="F114034" s="14" t="s">
        <v>53</v>
      </c>
      <c r="G114034" s="16">
        <v>0.8184938723320806</v>
      </c>
    </row>
    <row r="114035" spans="1:7" x14ac:dyDescent="0.3">
      <c r="A114035" s="13" t="s">
        <v>543</v>
      </c>
      <c r="B114035" s="14" t="s">
        <v>1</v>
      </c>
      <c r="C114035" s="14" t="s">
        <v>200</v>
      </c>
      <c r="D114035" s="14" t="s">
        <v>544</v>
      </c>
      <c r="E114035" s="15">
        <v>45531</v>
      </c>
      <c r="F114035" s="14" t="s">
        <v>53</v>
      </c>
      <c r="G114035" s="16">
        <v>0.8285314422846114</v>
      </c>
    </row>
    <row r="114036" spans="1:7" x14ac:dyDescent="0.3">
      <c r="A114036" s="13" t="s">
        <v>543</v>
      </c>
      <c r="B114036" s="14" t="s">
        <v>1</v>
      </c>
      <c r="C114036" s="14" t="s">
        <v>200</v>
      </c>
      <c r="D114036" s="14" t="s">
        <v>544</v>
      </c>
      <c r="E114036" s="15">
        <v>45532</v>
      </c>
      <c r="F114036" s="14" t="s">
        <v>53</v>
      </c>
      <c r="G114036" s="16">
        <v>0.8373140979386704</v>
      </c>
    </row>
    <row r="114037" spans="1:7" x14ac:dyDescent="0.3">
      <c r="A114037" s="13" t="s">
        <v>543</v>
      </c>
      <c r="B114037" s="14" t="s">
        <v>1</v>
      </c>
      <c r="C114037" s="14" t="s">
        <v>200</v>
      </c>
      <c r="D114037" s="14" t="s">
        <v>544</v>
      </c>
      <c r="E114037" s="15">
        <v>45533</v>
      </c>
      <c r="F114037" s="14" t="s">
        <v>53</v>
      </c>
      <c r="G114037" s="16">
        <v>0.84305829408006083</v>
      </c>
    </row>
    <row r="114038" spans="1:7" x14ac:dyDescent="0.3">
      <c r="A114038" s="13" t="s">
        <v>543</v>
      </c>
      <c r="B114038" s="14" t="s">
        <v>1</v>
      </c>
      <c r="C114038" s="14" t="s">
        <v>200</v>
      </c>
      <c r="D114038" s="14" t="s">
        <v>544</v>
      </c>
      <c r="E114038" s="15">
        <v>45534</v>
      </c>
      <c r="F114038" s="14" t="s">
        <v>53</v>
      </c>
      <c r="G114038" s="16">
        <v>0.85347707323071065</v>
      </c>
    </row>
    <row r="114039" spans="1:7" x14ac:dyDescent="0.3">
      <c r="A114039" s="13" t="s">
        <v>543</v>
      </c>
      <c r="B114039" s="14" t="s">
        <v>1</v>
      </c>
      <c r="C114039" s="14" t="s">
        <v>200</v>
      </c>
      <c r="D114039" s="14" t="s">
        <v>544</v>
      </c>
      <c r="E114039" s="15">
        <v>45535</v>
      </c>
      <c r="F114039" s="14" t="s">
        <v>53</v>
      </c>
      <c r="G114039" s="16">
        <v>0.85347707323071065</v>
      </c>
    </row>
    <row r="114040" spans="1:7" x14ac:dyDescent="0.3">
      <c r="A114040" s="13" t="s">
        <v>543</v>
      </c>
      <c r="B114040" s="14" t="s">
        <v>1</v>
      </c>
      <c r="C114040" s="14" t="s">
        <v>200</v>
      </c>
      <c r="D114040" s="14" t="s">
        <v>544</v>
      </c>
      <c r="E114040" s="15">
        <v>45536</v>
      </c>
      <c r="F114040" s="14" t="s">
        <v>53</v>
      </c>
      <c r="G114040" s="16">
        <v>0.85347707323071065</v>
      </c>
    </row>
    <row r="114041" spans="1:7" x14ac:dyDescent="0.3">
      <c r="A114041" s="13" t="s">
        <v>543</v>
      </c>
      <c r="B114041" s="14" t="s">
        <v>1</v>
      </c>
      <c r="C114041" s="14" t="s">
        <v>200</v>
      </c>
      <c r="D114041" s="14" t="s">
        <v>544</v>
      </c>
      <c r="E114041" s="15">
        <v>45537</v>
      </c>
      <c r="F114041" s="14" t="s">
        <v>53</v>
      </c>
      <c r="G114041" s="16">
        <v>0.85347707323071065</v>
      </c>
    </row>
    <row r="114042" spans="1:7" x14ac:dyDescent="0.3">
      <c r="A114042" s="13" t="s">
        <v>543</v>
      </c>
      <c r="B114042" s="14" t="s">
        <v>1</v>
      </c>
      <c r="C114042" s="14" t="s">
        <v>200</v>
      </c>
      <c r="D114042" s="14" t="s">
        <v>544</v>
      </c>
      <c r="E114042" s="15">
        <v>45538</v>
      </c>
      <c r="F114042" s="14" t="s">
        <v>53</v>
      </c>
      <c r="G114042" s="16">
        <v>0.85937758107627971</v>
      </c>
    </row>
    <row r="114043" spans="1:7" x14ac:dyDescent="0.3">
      <c r="A114043" s="13" t="s">
        <v>543</v>
      </c>
      <c r="B114043" s="14" t="s">
        <v>1</v>
      </c>
      <c r="C114043" s="14" t="s">
        <v>200</v>
      </c>
      <c r="D114043" s="14" t="s">
        <v>544</v>
      </c>
      <c r="E114043" s="15">
        <v>45539</v>
      </c>
      <c r="F114043" s="14" t="s">
        <v>53</v>
      </c>
      <c r="G114043" s="16">
        <v>0.87354835146343968</v>
      </c>
    </row>
    <row r="114044" spans="1:7" x14ac:dyDescent="0.3">
      <c r="A114044" s="13" t="s">
        <v>543</v>
      </c>
      <c r="B114044" s="14" t="s">
        <v>1</v>
      </c>
      <c r="C114044" s="14" t="s">
        <v>200</v>
      </c>
      <c r="D114044" s="14" t="s">
        <v>544</v>
      </c>
      <c r="E114044" s="15">
        <v>45540</v>
      </c>
      <c r="F114044" s="14" t="s">
        <v>53</v>
      </c>
      <c r="G114044" s="16">
        <v>0.8762891044885539</v>
      </c>
    </row>
    <row r="114045" spans="1:7" x14ac:dyDescent="0.3">
      <c r="A114045" s="13" t="s">
        <v>543</v>
      </c>
      <c r="B114045" s="14" t="s">
        <v>1</v>
      </c>
      <c r="C114045" s="14" t="s">
        <v>200</v>
      </c>
      <c r="D114045" s="14" t="s">
        <v>544</v>
      </c>
      <c r="E114045" s="15">
        <v>45541</v>
      </c>
      <c r="F114045" s="14" t="s">
        <v>53</v>
      </c>
      <c r="G114045" s="16">
        <v>0.88506942642103315</v>
      </c>
    </row>
    <row r="114046" spans="1:7" x14ac:dyDescent="0.3">
      <c r="A114046" s="13" t="s">
        <v>543</v>
      </c>
      <c r="B114046" s="14" t="s">
        <v>1</v>
      </c>
      <c r="C114046" s="14" t="s">
        <v>200</v>
      </c>
      <c r="D114046" s="14" t="s">
        <v>544</v>
      </c>
      <c r="E114046" s="15">
        <v>45542</v>
      </c>
      <c r="F114046" s="14" t="s">
        <v>53</v>
      </c>
      <c r="G114046" s="16">
        <v>0.88506942642103315</v>
      </c>
    </row>
    <row r="114047" spans="1:7" x14ac:dyDescent="0.3">
      <c r="A114047" s="13" t="s">
        <v>543</v>
      </c>
      <c r="B114047" s="14" t="s">
        <v>1</v>
      </c>
      <c r="C114047" s="14" t="s">
        <v>200</v>
      </c>
      <c r="D114047" s="14" t="s">
        <v>544</v>
      </c>
      <c r="E114047" s="15">
        <v>45543</v>
      </c>
      <c r="F114047" s="14" t="s">
        <v>53</v>
      </c>
      <c r="G114047" s="16">
        <v>0.88506942642103315</v>
      </c>
    </row>
    <row r="114048" spans="1:7" x14ac:dyDescent="0.3">
      <c r="A114048" s="13" t="s">
        <v>543</v>
      </c>
      <c r="B114048" s="14" t="s">
        <v>1</v>
      </c>
      <c r="C114048" s="14" t="s">
        <v>200</v>
      </c>
      <c r="D114048" s="14" t="s">
        <v>544</v>
      </c>
      <c r="E114048" s="15">
        <v>45544</v>
      </c>
      <c r="F114048" s="14" t="s">
        <v>53</v>
      </c>
      <c r="G114048" s="16">
        <v>0.89579220607668286</v>
      </c>
    </row>
    <row r="114049" spans="1:7" x14ac:dyDescent="0.3">
      <c r="A114049" s="13" t="s">
        <v>543</v>
      </c>
      <c r="B114049" s="14" t="s">
        <v>1</v>
      </c>
      <c r="C114049" s="14" t="s">
        <v>200</v>
      </c>
      <c r="D114049" s="14" t="s">
        <v>544</v>
      </c>
      <c r="E114049" s="15">
        <v>45545</v>
      </c>
      <c r="F114049" s="14" t="s">
        <v>53</v>
      </c>
      <c r="G114049" s="16">
        <v>0.90879746592398336</v>
      </c>
    </row>
    <row r="114050" spans="1:7" x14ac:dyDescent="0.3">
      <c r="A114050" s="13" t="s">
        <v>543</v>
      </c>
      <c r="B114050" s="14" t="s">
        <v>1</v>
      </c>
      <c r="C114050" s="14" t="s">
        <v>200</v>
      </c>
      <c r="D114050" s="14" t="s">
        <v>544</v>
      </c>
      <c r="E114050" s="15">
        <v>45546</v>
      </c>
      <c r="F114050" s="14" t="s">
        <v>53</v>
      </c>
      <c r="G114050" s="16">
        <v>0.91759402582951943</v>
      </c>
    </row>
    <row r="114051" spans="1:7" x14ac:dyDescent="0.3">
      <c r="A114051" s="13" t="s">
        <v>543</v>
      </c>
      <c r="B114051" s="14" t="s">
        <v>1</v>
      </c>
      <c r="C114051" s="14" t="s">
        <v>200</v>
      </c>
      <c r="D114051" s="14" t="s">
        <v>544</v>
      </c>
      <c r="E114051" s="15">
        <v>45547</v>
      </c>
      <c r="F114051" s="14" t="s">
        <v>53</v>
      </c>
      <c r="G114051" s="16">
        <v>0.91667731224360494</v>
      </c>
    </row>
    <row r="114052" spans="1:7" x14ac:dyDescent="0.3">
      <c r="A114052" s="13" t="s">
        <v>543</v>
      </c>
      <c r="B114052" s="14" t="s">
        <v>1</v>
      </c>
      <c r="C114052" s="14" t="s">
        <v>200</v>
      </c>
      <c r="D114052" s="14" t="s">
        <v>544</v>
      </c>
      <c r="E114052" s="15">
        <v>45548</v>
      </c>
      <c r="F114052" s="14" t="s">
        <v>53</v>
      </c>
      <c r="G114052" s="16">
        <v>0.92102957431463994</v>
      </c>
    </row>
    <row r="114053" spans="1:7" x14ac:dyDescent="0.3">
      <c r="A114053" s="13" t="s">
        <v>543</v>
      </c>
      <c r="B114053" s="14" t="s">
        <v>1</v>
      </c>
      <c r="C114053" s="14" t="s">
        <v>200</v>
      </c>
      <c r="D114053" s="14" t="s">
        <v>544</v>
      </c>
      <c r="E114053" s="15">
        <v>45549</v>
      </c>
      <c r="F114053" s="14" t="s">
        <v>53</v>
      </c>
      <c r="G114053" s="16">
        <v>0.92102957431463994</v>
      </c>
    </row>
    <row r="114054" spans="1:7" x14ac:dyDescent="0.3">
      <c r="A114054" s="13" t="s">
        <v>543</v>
      </c>
      <c r="B114054" s="14" t="s">
        <v>1</v>
      </c>
      <c r="C114054" s="14" t="s">
        <v>200</v>
      </c>
      <c r="D114054" s="14" t="s">
        <v>544</v>
      </c>
      <c r="E114054" s="15">
        <v>45550</v>
      </c>
      <c r="F114054" s="14" t="s">
        <v>53</v>
      </c>
      <c r="G114054" s="16">
        <v>0.92102957431463994</v>
      </c>
    </row>
    <row r="114055" spans="1:7" x14ac:dyDescent="0.3">
      <c r="A114055" s="13" t="s">
        <v>543</v>
      </c>
      <c r="B114055" s="14" t="s">
        <v>1</v>
      </c>
      <c r="C114055" s="14" t="s">
        <v>200</v>
      </c>
      <c r="D114055" s="14" t="s">
        <v>544</v>
      </c>
      <c r="E114055" s="15">
        <v>45551</v>
      </c>
      <c r="F114055" s="14" t="s">
        <v>53</v>
      </c>
      <c r="G114055" s="16">
        <v>0.91928276492492911</v>
      </c>
    </row>
    <row r="114056" spans="1:7" x14ac:dyDescent="0.3">
      <c r="A114056" s="13" t="s">
        <v>543</v>
      </c>
      <c r="B114056" s="14" t="s">
        <v>1</v>
      </c>
      <c r="C114056" s="14" t="s">
        <v>200</v>
      </c>
      <c r="D114056" s="14" t="s">
        <v>544</v>
      </c>
      <c r="E114056" s="15">
        <v>45552</v>
      </c>
      <c r="F114056" s="14" t="s">
        <v>53</v>
      </c>
      <c r="G114056" s="16">
        <v>0.93549431365639191</v>
      </c>
    </row>
    <row r="114057" spans="1:7" x14ac:dyDescent="0.3">
      <c r="A114057" s="13" t="s">
        <v>543</v>
      </c>
      <c r="B114057" s="14" t="s">
        <v>1</v>
      </c>
      <c r="C114057" s="14" t="s">
        <v>200</v>
      </c>
      <c r="D114057" s="14" t="s">
        <v>544</v>
      </c>
      <c r="E114057" s="15">
        <v>45553</v>
      </c>
      <c r="F114057" s="14" t="s">
        <v>53</v>
      </c>
      <c r="G114057" s="16">
        <v>0.93676405020098963</v>
      </c>
    </row>
    <row r="114058" spans="1:7" x14ac:dyDescent="0.3">
      <c r="A114058" s="13" t="s">
        <v>543</v>
      </c>
      <c r="B114058" s="14" t="s">
        <v>1</v>
      </c>
      <c r="C114058" s="14" t="s">
        <v>200</v>
      </c>
      <c r="D114058" s="14" t="s">
        <v>544</v>
      </c>
      <c r="E114058" s="15">
        <v>45554</v>
      </c>
      <c r="F114058" s="14" t="s">
        <v>53</v>
      </c>
      <c r="G114058" s="16">
        <v>0.93668590160354448</v>
      </c>
    </row>
    <row r="114059" spans="1:7" x14ac:dyDescent="0.3">
      <c r="A114059" s="13" t="s">
        <v>543</v>
      </c>
      <c r="B114059" s="14" t="s">
        <v>1</v>
      </c>
      <c r="C114059" s="14" t="s">
        <v>200</v>
      </c>
      <c r="D114059" s="14" t="s">
        <v>544</v>
      </c>
      <c r="E114059" s="15">
        <v>45555</v>
      </c>
      <c r="F114059" s="14" t="s">
        <v>53</v>
      </c>
      <c r="G114059" s="16">
        <v>0.94016374552771476</v>
      </c>
    </row>
    <row r="114060" spans="1:7" x14ac:dyDescent="0.3">
      <c r="A114060" s="13" t="s">
        <v>543</v>
      </c>
      <c r="B114060" s="14" t="s">
        <v>1</v>
      </c>
      <c r="C114060" s="14" t="s">
        <v>200</v>
      </c>
      <c r="D114060" s="14" t="s">
        <v>544</v>
      </c>
      <c r="E114060" s="15">
        <v>45556</v>
      </c>
      <c r="F114060" s="14" t="s">
        <v>53</v>
      </c>
      <c r="G114060" s="16">
        <v>0.94016374552771476</v>
      </c>
    </row>
    <row r="114061" spans="1:7" x14ac:dyDescent="0.3">
      <c r="A114061" s="13" t="s">
        <v>543</v>
      </c>
      <c r="B114061" s="14" t="s">
        <v>1</v>
      </c>
      <c r="C114061" s="14" t="s">
        <v>200</v>
      </c>
      <c r="D114061" s="14" t="s">
        <v>544</v>
      </c>
      <c r="E114061" s="15">
        <v>45557</v>
      </c>
      <c r="F114061" s="14" t="s">
        <v>53</v>
      </c>
      <c r="G114061" s="16">
        <v>0.94016374552771476</v>
      </c>
    </row>
    <row r="114062" spans="1:7" x14ac:dyDescent="0.3">
      <c r="A114062" s="13" t="s">
        <v>543</v>
      </c>
      <c r="B114062" s="14" t="s">
        <v>1</v>
      </c>
      <c r="C114062" s="14" t="s">
        <v>200</v>
      </c>
      <c r="D114062" s="14" t="s">
        <v>544</v>
      </c>
      <c r="E114062" s="15">
        <v>45558</v>
      </c>
      <c r="F114062" s="14" t="s">
        <v>53</v>
      </c>
      <c r="G114062" s="16">
        <v>0.94367217857787167</v>
      </c>
    </row>
    <row r="114063" spans="1:7" x14ac:dyDescent="0.3">
      <c r="A114063" s="13" t="s">
        <v>543</v>
      </c>
      <c r="B114063" s="14" t="s">
        <v>1</v>
      </c>
      <c r="C114063" s="14" t="s">
        <v>200</v>
      </c>
      <c r="D114063" s="14" t="s">
        <v>544</v>
      </c>
      <c r="E114063" s="15">
        <v>45559</v>
      </c>
      <c r="F114063" s="14" t="s">
        <v>53</v>
      </c>
      <c r="G114063" s="16">
        <v>0.95388443126055689</v>
      </c>
    </row>
    <row r="114064" spans="1:7" x14ac:dyDescent="0.3">
      <c r="A114064" s="13" t="s">
        <v>543</v>
      </c>
      <c r="B114064" s="14" t="s">
        <v>1</v>
      </c>
      <c r="C114064" s="14" t="s">
        <v>200</v>
      </c>
      <c r="D114064" s="14" t="s">
        <v>544</v>
      </c>
      <c r="E114064" s="15">
        <v>45560</v>
      </c>
      <c r="F114064" s="14" t="s">
        <v>53</v>
      </c>
      <c r="G114064" s="16">
        <v>0.96509753788536212</v>
      </c>
    </row>
    <row r="114065" spans="1:7" x14ac:dyDescent="0.3">
      <c r="A114065" s="13" t="s">
        <v>543</v>
      </c>
      <c r="B114065" s="14" t="s">
        <v>1</v>
      </c>
      <c r="C114065" s="14" t="s">
        <v>200</v>
      </c>
      <c r="D114065" s="14" t="s">
        <v>544</v>
      </c>
      <c r="E114065" s="15">
        <v>45561</v>
      </c>
      <c r="F114065" s="14" t="s">
        <v>53</v>
      </c>
      <c r="G114065" s="16">
        <v>0.96353769588640803</v>
      </c>
    </row>
    <row r="114066" spans="1:7" x14ac:dyDescent="0.3">
      <c r="A114066" s="13" t="s">
        <v>543</v>
      </c>
      <c r="B114066" s="14" t="s">
        <v>1</v>
      </c>
      <c r="C114066" s="14" t="s">
        <v>200</v>
      </c>
      <c r="D114066" s="14" t="s">
        <v>544</v>
      </c>
      <c r="E114066" s="15">
        <v>45562</v>
      </c>
      <c r="F114066" s="14" t="s">
        <v>53</v>
      </c>
      <c r="G114066" s="16">
        <v>0.97136043438068731</v>
      </c>
    </row>
    <row r="114067" spans="1:7" x14ac:dyDescent="0.3">
      <c r="A114067" s="13" t="s">
        <v>543</v>
      </c>
      <c r="B114067" s="14" t="s">
        <v>1</v>
      </c>
      <c r="C114067" s="14" t="s">
        <v>200</v>
      </c>
      <c r="D114067" s="14" t="s">
        <v>544</v>
      </c>
      <c r="E114067" s="15">
        <v>45563</v>
      </c>
      <c r="F114067" s="14" t="s">
        <v>53</v>
      </c>
      <c r="G114067" s="16">
        <v>0.97136043438068731</v>
      </c>
    </row>
    <row r="114068" spans="1:7" x14ac:dyDescent="0.3">
      <c r="A114068" s="13" t="s">
        <v>543</v>
      </c>
      <c r="B114068" s="14" t="s">
        <v>1</v>
      </c>
      <c r="C114068" s="14" t="s">
        <v>200</v>
      </c>
      <c r="D114068" s="14" t="s">
        <v>544</v>
      </c>
      <c r="E114068" s="15">
        <v>45564</v>
      </c>
      <c r="F114068" s="14" t="s">
        <v>53</v>
      </c>
      <c r="G114068" s="16">
        <v>0.97136043438068731</v>
      </c>
    </row>
    <row r="114069" spans="1:7" x14ac:dyDescent="0.3">
      <c r="A114069" s="13" t="s">
        <v>543</v>
      </c>
      <c r="B114069" s="14" t="s">
        <v>1</v>
      </c>
      <c r="C114069" s="14" t="s">
        <v>200</v>
      </c>
      <c r="D114069" s="14" t="s">
        <v>544</v>
      </c>
      <c r="E114069" s="15">
        <v>45565</v>
      </c>
      <c r="F114069" s="14" t="s">
        <v>53</v>
      </c>
      <c r="G114069" s="16">
        <v>0.9768094858878632</v>
      </c>
    </row>
    <row r="114070" spans="1:7" x14ac:dyDescent="0.3">
      <c r="A114070" s="13" t="s">
        <v>543</v>
      </c>
      <c r="B114070" s="14" t="s">
        <v>1</v>
      </c>
      <c r="C114070" s="14" t="s">
        <v>200</v>
      </c>
      <c r="D114070" s="14" t="s">
        <v>544</v>
      </c>
      <c r="E114070" s="15">
        <v>45566</v>
      </c>
      <c r="F114070" s="14" t="s">
        <v>53</v>
      </c>
      <c r="G114070" s="16">
        <v>0.9905095053410079</v>
      </c>
    </row>
    <row r="114071" spans="1:7" x14ac:dyDescent="0.3">
      <c r="A114071" s="13" t="s">
        <v>543</v>
      </c>
      <c r="B114071" s="14" t="s">
        <v>1</v>
      </c>
      <c r="C114071" s="14" t="s">
        <v>200</v>
      </c>
      <c r="D114071" s="14" t="s">
        <v>544</v>
      </c>
      <c r="E114071" s="15">
        <v>45567</v>
      </c>
      <c r="F114071" s="14" t="s">
        <v>53</v>
      </c>
      <c r="G114071" s="16">
        <v>0.99934495314187344</v>
      </c>
    </row>
    <row r="114072" spans="1:7" x14ac:dyDescent="0.3">
      <c r="A114072" s="13" t="s">
        <v>543</v>
      </c>
      <c r="B114072" s="14" t="s">
        <v>1</v>
      </c>
      <c r="C114072" s="14" t="s">
        <v>200</v>
      </c>
      <c r="D114072" s="14" t="s">
        <v>544</v>
      </c>
      <c r="E114072" s="15">
        <v>45568</v>
      </c>
      <c r="F114072" s="14" t="s">
        <v>53</v>
      </c>
      <c r="G114072" s="16">
        <v>1.0151653797168043</v>
      </c>
    </row>
    <row r="114073" spans="1:7" x14ac:dyDescent="0.3">
      <c r="A114073" s="13" t="s">
        <v>543</v>
      </c>
      <c r="B114073" s="14" t="s">
        <v>1</v>
      </c>
      <c r="C114073" s="14" t="s">
        <v>200</v>
      </c>
      <c r="D114073" s="14" t="s">
        <v>544</v>
      </c>
      <c r="E114073" s="15">
        <v>45569</v>
      </c>
      <c r="F114073" s="14" t="s">
        <v>53</v>
      </c>
      <c r="G114073" s="16">
        <v>1.020162308800217</v>
      </c>
    </row>
    <row r="114074" spans="1:7" x14ac:dyDescent="0.3">
      <c r="A114074" s="13" t="s">
        <v>543</v>
      </c>
      <c r="B114074" s="14" t="s">
        <v>1</v>
      </c>
      <c r="C114074" s="14" t="s">
        <v>200</v>
      </c>
      <c r="D114074" s="14" t="s">
        <v>544</v>
      </c>
      <c r="E114074" s="15">
        <v>45570</v>
      </c>
      <c r="F114074" s="14" t="s">
        <v>53</v>
      </c>
      <c r="G114074" s="16">
        <v>1.020162308800217</v>
      </c>
    </row>
    <row r="114075" spans="1:7" x14ac:dyDescent="0.3">
      <c r="A114075" s="13" t="s">
        <v>543</v>
      </c>
      <c r="B114075" s="14" t="s">
        <v>1</v>
      </c>
      <c r="C114075" s="14" t="s">
        <v>200</v>
      </c>
      <c r="D114075" s="14" t="s">
        <v>544</v>
      </c>
      <c r="E114075" s="15">
        <v>45571</v>
      </c>
      <c r="F114075" s="14" t="s">
        <v>53</v>
      </c>
      <c r="G114075" s="16">
        <v>1.020162308800217</v>
      </c>
    </row>
    <row r="114076" spans="1:7" x14ac:dyDescent="0.3">
      <c r="A114076" s="13" t="s">
        <v>543</v>
      </c>
      <c r="B114076" s="14" t="s">
        <v>1</v>
      </c>
      <c r="C114076" s="14" t="s">
        <v>200</v>
      </c>
      <c r="D114076" s="14" t="s">
        <v>544</v>
      </c>
      <c r="E114076" s="15">
        <v>45572</v>
      </c>
      <c r="F114076" s="14" t="s">
        <v>53</v>
      </c>
      <c r="G114076" s="16">
        <v>1.0334467810849961</v>
      </c>
    </row>
    <row r="114077" spans="1:7" x14ac:dyDescent="0.3">
      <c r="A114077" s="13" t="s">
        <v>543</v>
      </c>
      <c r="B114077" s="14" t="s">
        <v>1</v>
      </c>
      <c r="C114077" s="14" t="s">
        <v>200</v>
      </c>
      <c r="D114077" s="14" t="s">
        <v>544</v>
      </c>
      <c r="E114077" s="15">
        <v>45573</v>
      </c>
      <c r="F114077" s="14" t="s">
        <v>53</v>
      </c>
      <c r="G114077" s="16">
        <v>1.0460336587084662</v>
      </c>
    </row>
    <row r="114078" spans="1:7" x14ac:dyDescent="0.3">
      <c r="A114078" s="13" t="s">
        <v>543</v>
      </c>
      <c r="B114078" s="14" t="s">
        <v>1</v>
      </c>
      <c r="C114078" s="14" t="s">
        <v>200</v>
      </c>
      <c r="D114078" s="14" t="s">
        <v>544</v>
      </c>
      <c r="E114078" s="15">
        <v>45574</v>
      </c>
      <c r="F114078" s="14" t="s">
        <v>53</v>
      </c>
      <c r="G114078" s="16">
        <v>1.0534921405320601</v>
      </c>
    </row>
    <row r="114079" spans="1:7" x14ac:dyDescent="0.3">
      <c r="A114079" s="13" t="s">
        <v>543</v>
      </c>
      <c r="B114079" s="14" t="s">
        <v>1</v>
      </c>
      <c r="C114079" s="14" t="s">
        <v>200</v>
      </c>
      <c r="D114079" s="14" t="s">
        <v>544</v>
      </c>
      <c r="E114079" s="15">
        <v>45575</v>
      </c>
      <c r="F114079" s="14" t="s">
        <v>53</v>
      </c>
      <c r="G114079" s="16">
        <v>1.0581270080318061</v>
      </c>
    </row>
    <row r="114080" spans="1:7" x14ac:dyDescent="0.3">
      <c r="A114080" s="13" t="s">
        <v>543</v>
      </c>
      <c r="B114080" s="14" t="s">
        <v>1</v>
      </c>
      <c r="C114080" s="14" t="s">
        <v>200</v>
      </c>
      <c r="D114080" s="14" t="s">
        <v>544</v>
      </c>
      <c r="E114080" s="15">
        <v>45576</v>
      </c>
      <c r="F114080" s="14" t="s">
        <v>53</v>
      </c>
      <c r="G114080" s="16">
        <v>1.0618294067975096</v>
      </c>
    </row>
    <row r="114081" spans="1:7" x14ac:dyDescent="0.3">
      <c r="A114081" s="13" t="s">
        <v>543</v>
      </c>
      <c r="B114081" s="14" t="s">
        <v>1</v>
      </c>
      <c r="C114081" s="14" t="s">
        <v>200</v>
      </c>
      <c r="D114081" s="14" t="s">
        <v>544</v>
      </c>
      <c r="E114081" s="15">
        <v>45577</v>
      </c>
      <c r="F114081" s="14" t="s">
        <v>53</v>
      </c>
      <c r="G114081" s="16">
        <v>1.0618294067975096</v>
      </c>
    </row>
    <row r="114082" spans="1:7" x14ac:dyDescent="0.3">
      <c r="A114082" s="13" t="s">
        <v>543</v>
      </c>
      <c r="B114082" s="14" t="s">
        <v>1</v>
      </c>
      <c r="C114082" s="14" t="s">
        <v>200</v>
      </c>
      <c r="D114082" s="14" t="s">
        <v>544</v>
      </c>
      <c r="E114082" s="15">
        <v>45578</v>
      </c>
      <c r="F114082" s="14" t="s">
        <v>53</v>
      </c>
      <c r="G114082" s="16">
        <v>1.0618294067975096</v>
      </c>
    </row>
    <row r="114083" spans="1:7" x14ac:dyDescent="0.3">
      <c r="A114083" s="13" t="s">
        <v>543</v>
      </c>
      <c r="B114083" s="14" t="s">
        <v>1</v>
      </c>
      <c r="C114083" s="14" t="s">
        <v>200</v>
      </c>
      <c r="D114083" s="14" t="s">
        <v>544</v>
      </c>
      <c r="E114083" s="15">
        <v>45579</v>
      </c>
      <c r="F114083" s="14" t="s">
        <v>53</v>
      </c>
      <c r="G114083" s="16">
        <v>1.0618294067975096</v>
      </c>
    </row>
    <row r="114084" spans="1:7" x14ac:dyDescent="0.3">
      <c r="A114084" s="13" t="s">
        <v>543</v>
      </c>
      <c r="B114084" s="14" t="s">
        <v>1</v>
      </c>
      <c r="C114084" s="14" t="s">
        <v>200</v>
      </c>
      <c r="D114084" s="14" t="s">
        <v>544</v>
      </c>
      <c r="E114084" s="15">
        <v>45580</v>
      </c>
      <c r="F114084" s="14" t="s">
        <v>53</v>
      </c>
      <c r="G114084" s="16">
        <v>1.0660102570041599</v>
      </c>
    </row>
    <row r="114085" spans="1:7" x14ac:dyDescent="0.3">
      <c r="A114085" s="13" t="s">
        <v>543</v>
      </c>
      <c r="B114085" s="14" t="s">
        <v>1</v>
      </c>
      <c r="C114085" s="14" t="s">
        <v>200</v>
      </c>
      <c r="D114085" s="14" t="s">
        <v>544</v>
      </c>
      <c r="E114085" s="15">
        <v>45581</v>
      </c>
      <c r="F114085" s="14" t="s">
        <v>53</v>
      </c>
      <c r="G114085" s="16">
        <v>1.0917058160697186</v>
      </c>
    </row>
    <row r="114086" spans="1:7" x14ac:dyDescent="0.3">
      <c r="A114086" s="13" t="s">
        <v>543</v>
      </c>
      <c r="B114086" s="14" t="s">
        <v>1</v>
      </c>
      <c r="C114086" s="14" t="s">
        <v>200</v>
      </c>
      <c r="D114086" s="14" t="s">
        <v>544</v>
      </c>
      <c r="E114086" s="15">
        <v>45582</v>
      </c>
      <c r="F114086" s="14" t="s">
        <v>53</v>
      </c>
      <c r="G114086" s="16">
        <v>1.096749798703921</v>
      </c>
    </row>
    <row r="114087" spans="1:7" x14ac:dyDescent="0.3">
      <c r="A114087" s="13" t="s">
        <v>543</v>
      </c>
      <c r="B114087" s="14" t="s">
        <v>1</v>
      </c>
      <c r="C114087" s="14" t="s">
        <v>200</v>
      </c>
      <c r="D114087" s="14" t="s">
        <v>544</v>
      </c>
      <c r="E114087" s="15">
        <v>45583</v>
      </c>
      <c r="F114087" s="14" t="s">
        <v>53</v>
      </c>
      <c r="G114087" s="16">
        <v>1.1047051085867678</v>
      </c>
    </row>
    <row r="114088" spans="1:7" x14ac:dyDescent="0.3">
      <c r="A114088" s="13" t="s">
        <v>543</v>
      </c>
      <c r="B114088" s="14" t="s">
        <v>1</v>
      </c>
      <c r="C114088" s="14" t="s">
        <v>200</v>
      </c>
      <c r="D114088" s="14" t="s">
        <v>544</v>
      </c>
      <c r="E114088" s="15">
        <v>45584</v>
      </c>
      <c r="F114088" s="14" t="s">
        <v>53</v>
      </c>
      <c r="G114088" s="16">
        <v>1.1047051085867678</v>
      </c>
    </row>
    <row r="114089" spans="1:7" x14ac:dyDescent="0.3">
      <c r="A114089" s="13" t="s">
        <v>543</v>
      </c>
      <c r="B114089" s="14" t="s">
        <v>1</v>
      </c>
      <c r="C114089" s="14" t="s">
        <v>200</v>
      </c>
      <c r="D114089" s="14" t="s">
        <v>544</v>
      </c>
      <c r="E114089" s="15">
        <v>45585</v>
      </c>
      <c r="F114089" s="14" t="s">
        <v>53</v>
      </c>
      <c r="G114089" s="16">
        <v>1.1047051085867678</v>
      </c>
    </row>
    <row r="114090" spans="1:7" x14ac:dyDescent="0.3">
      <c r="A114090" s="13" t="s">
        <v>543</v>
      </c>
      <c r="B114090" s="14" t="s">
        <v>1</v>
      </c>
      <c r="C114090" s="14" t="s">
        <v>200</v>
      </c>
      <c r="D114090" s="14" t="s">
        <v>544</v>
      </c>
      <c r="E114090" s="15">
        <v>45586</v>
      </c>
      <c r="F114090" s="14" t="s">
        <v>53</v>
      </c>
      <c r="G114090" s="16">
        <v>1.120238166872082</v>
      </c>
    </row>
    <row r="114091" spans="1:7" x14ac:dyDescent="0.3">
      <c r="A114091" s="13" t="s">
        <v>543</v>
      </c>
      <c r="B114091" s="14" t="s">
        <v>1</v>
      </c>
      <c r="C114091" s="14" t="s">
        <v>200</v>
      </c>
      <c r="D114091" s="14" t="s">
        <v>544</v>
      </c>
      <c r="E114091" s="15">
        <v>45587</v>
      </c>
      <c r="F114091" s="14" t="s">
        <v>53</v>
      </c>
      <c r="G114091" s="16">
        <v>1.1355859067416663</v>
      </c>
    </row>
    <row r="114092" spans="1:7" x14ac:dyDescent="0.3">
      <c r="A114092" s="13" t="s">
        <v>543</v>
      </c>
      <c r="B114092" s="14" t="s">
        <v>1</v>
      </c>
      <c r="C114092" s="14" t="s">
        <v>200</v>
      </c>
      <c r="D114092" s="14" t="s">
        <v>544</v>
      </c>
      <c r="E114092" s="15">
        <v>45588</v>
      </c>
      <c r="F114092" s="14" t="s">
        <v>53</v>
      </c>
      <c r="G114092" s="16">
        <v>1.1463617212677069</v>
      </c>
    </row>
    <row r="114093" spans="1:7" x14ac:dyDescent="0.3">
      <c r="A114093" s="13" t="s">
        <v>543</v>
      </c>
      <c r="B114093" s="14" t="s">
        <v>1</v>
      </c>
      <c r="C114093" s="14" t="s">
        <v>200</v>
      </c>
      <c r="D114093" s="14" t="s">
        <v>544</v>
      </c>
      <c r="E114093" s="15">
        <v>45589</v>
      </c>
      <c r="F114093" s="14" t="s">
        <v>53</v>
      </c>
      <c r="G114093" s="16">
        <v>1.1467484177759919</v>
      </c>
    </row>
    <row r="114094" spans="1:7" x14ac:dyDescent="0.3">
      <c r="A114094" s="13" t="s">
        <v>543</v>
      </c>
      <c r="B114094" s="14" t="s">
        <v>1</v>
      </c>
      <c r="C114094" s="14" t="s">
        <v>200</v>
      </c>
      <c r="D114094" s="14" t="s">
        <v>544</v>
      </c>
      <c r="E114094" s="15">
        <v>45590</v>
      </c>
      <c r="F114094" s="14" t="s">
        <v>53</v>
      </c>
      <c r="G114094" s="16">
        <v>1.1527057013697444</v>
      </c>
    </row>
    <row r="114095" spans="1:7" x14ac:dyDescent="0.3">
      <c r="A114095" s="13" t="s">
        <v>543</v>
      </c>
      <c r="B114095" s="14" t="s">
        <v>1</v>
      </c>
      <c r="C114095" s="14" t="s">
        <v>200</v>
      </c>
      <c r="D114095" s="14" t="s">
        <v>544</v>
      </c>
      <c r="E114095" s="15">
        <v>45591</v>
      </c>
      <c r="F114095" s="14" t="s">
        <v>53</v>
      </c>
      <c r="G114095" s="16">
        <v>1.1527057013697444</v>
      </c>
    </row>
    <row r="114096" spans="1:7" x14ac:dyDescent="0.3">
      <c r="A114096" s="13" t="s">
        <v>543</v>
      </c>
      <c r="B114096" s="14" t="s">
        <v>1</v>
      </c>
      <c r="C114096" s="14" t="s">
        <v>200</v>
      </c>
      <c r="D114096" s="14" t="s">
        <v>544</v>
      </c>
      <c r="E114096" s="15">
        <v>45592</v>
      </c>
      <c r="F114096" s="14" t="s">
        <v>53</v>
      </c>
      <c r="G114096" s="16">
        <v>1.1527057013697444</v>
      </c>
    </row>
    <row r="114097" spans="1:7" x14ac:dyDescent="0.3">
      <c r="A114097" s="13" t="s">
        <v>543</v>
      </c>
      <c r="B114097" s="14" t="s">
        <v>1</v>
      </c>
      <c r="C114097" s="14" t="s">
        <v>200</v>
      </c>
      <c r="D114097" s="14" t="s">
        <v>544</v>
      </c>
      <c r="E114097" s="15">
        <v>45593</v>
      </c>
      <c r="F114097" s="14" t="s">
        <v>53</v>
      </c>
      <c r="G114097" s="16">
        <v>1.1527057013697444</v>
      </c>
    </row>
    <row r="114098" spans="1:7" x14ac:dyDescent="0.3">
      <c r="A114098" s="13" t="s">
        <v>543</v>
      </c>
      <c r="B114098" s="14" t="s">
        <v>1</v>
      </c>
      <c r="C114098" s="14" t="s">
        <v>200</v>
      </c>
      <c r="D114098" s="14" t="s">
        <v>544</v>
      </c>
      <c r="E114098" s="15">
        <v>45594</v>
      </c>
      <c r="F114098" s="14" t="s">
        <v>53</v>
      </c>
      <c r="G114098" s="16">
        <v>1.1536392023124835</v>
      </c>
    </row>
    <row r="114099" spans="1:7" x14ac:dyDescent="0.3">
      <c r="A114099" s="13" t="s">
        <v>543</v>
      </c>
      <c r="B114099" s="14" t="s">
        <v>1</v>
      </c>
      <c r="C114099" s="14" t="s">
        <v>200</v>
      </c>
      <c r="D114099" s="14" t="s">
        <v>544</v>
      </c>
      <c r="E114099" s="15">
        <v>45595</v>
      </c>
      <c r="F114099" s="14" t="s">
        <v>53</v>
      </c>
      <c r="G114099" s="16">
        <v>1.1791478962959794</v>
      </c>
    </row>
    <row r="114100" spans="1:7" x14ac:dyDescent="0.3">
      <c r="A114100" s="13" t="s">
        <v>543</v>
      </c>
      <c r="B114100" s="14" t="s">
        <v>1</v>
      </c>
      <c r="C114100" s="14" t="s">
        <v>200</v>
      </c>
      <c r="D114100" s="14" t="s">
        <v>544</v>
      </c>
      <c r="E114100" s="15">
        <v>45596</v>
      </c>
      <c r="F114100" s="14" t="s">
        <v>53</v>
      </c>
      <c r="G114100" s="16">
        <v>1.1900696710703995</v>
      </c>
    </row>
    <row r="114101" spans="1:7" x14ac:dyDescent="0.3">
      <c r="A114101" s="13" t="s">
        <v>543</v>
      </c>
      <c r="B114101" s="14" t="s">
        <v>1</v>
      </c>
      <c r="C114101" s="14" t="s">
        <v>200</v>
      </c>
      <c r="D114101" s="14" t="s">
        <v>544</v>
      </c>
      <c r="E114101" s="15">
        <v>45597</v>
      </c>
      <c r="F114101" s="14" t="s">
        <v>53</v>
      </c>
      <c r="G114101" s="16">
        <v>1.1920097844239528</v>
      </c>
    </row>
    <row r="114102" spans="1:7" x14ac:dyDescent="0.3">
      <c r="A114102" s="13" t="s">
        <v>543</v>
      </c>
      <c r="B114102" s="14" t="s">
        <v>1</v>
      </c>
      <c r="C114102" s="14" t="s">
        <v>200</v>
      </c>
      <c r="D114102" s="14" t="s">
        <v>544</v>
      </c>
      <c r="E114102" s="15">
        <v>45598</v>
      </c>
      <c r="F114102" s="14" t="s">
        <v>53</v>
      </c>
      <c r="G114102" s="16">
        <v>1.1920097844239528</v>
      </c>
    </row>
    <row r="114103" spans="1:7" x14ac:dyDescent="0.3">
      <c r="A114103" s="13" t="s">
        <v>543</v>
      </c>
      <c r="B114103" s="14" t="s">
        <v>1</v>
      </c>
      <c r="C114103" s="14" t="s">
        <v>200</v>
      </c>
      <c r="D114103" s="14" t="s">
        <v>544</v>
      </c>
      <c r="E114103" s="15">
        <v>45599</v>
      </c>
      <c r="F114103" s="14" t="s">
        <v>53</v>
      </c>
      <c r="G114103" s="16">
        <v>1.1920097844239528</v>
      </c>
    </row>
    <row r="114104" spans="1:7" x14ac:dyDescent="0.3">
      <c r="A114104" s="13" t="s">
        <v>543</v>
      </c>
      <c r="B114104" s="14" t="s">
        <v>1</v>
      </c>
      <c r="C114104" s="14" t="s">
        <v>200</v>
      </c>
      <c r="D114104" s="14" t="s">
        <v>544</v>
      </c>
      <c r="E114104" s="15">
        <v>45600</v>
      </c>
      <c r="F114104" s="14" t="s">
        <v>53</v>
      </c>
      <c r="G114104" s="16">
        <v>1.1960569598031356</v>
      </c>
    </row>
    <row r="114105" spans="1:7" x14ac:dyDescent="0.3">
      <c r="A114105" s="13" t="s">
        <v>543</v>
      </c>
      <c r="B114105" s="14" t="s">
        <v>1</v>
      </c>
      <c r="C114105" s="14" t="s">
        <v>200</v>
      </c>
      <c r="D114105" s="14" t="s">
        <v>544</v>
      </c>
      <c r="E114105" s="15">
        <v>45601</v>
      </c>
      <c r="F114105" s="14" t="s">
        <v>53</v>
      </c>
      <c r="G114105" s="16">
        <v>1.2111190447581899</v>
      </c>
    </row>
    <row r="114106" spans="1:7" x14ac:dyDescent="0.3">
      <c r="A114106" s="13" t="s">
        <v>543</v>
      </c>
      <c r="B114106" s="14" t="s">
        <v>1</v>
      </c>
      <c r="C114106" s="14" t="s">
        <v>200</v>
      </c>
      <c r="D114106" s="14" t="s">
        <v>544</v>
      </c>
      <c r="E114106" s="15">
        <v>45602</v>
      </c>
      <c r="F114106" s="14" t="s">
        <v>53</v>
      </c>
      <c r="G114106" s="16">
        <v>1.2311826453732597</v>
      </c>
    </row>
    <row r="114107" spans="1:7" x14ac:dyDescent="0.3">
      <c r="A114107" s="13" t="s">
        <v>543</v>
      </c>
      <c r="B114107" s="14" t="s">
        <v>1</v>
      </c>
      <c r="C114107" s="14" t="s">
        <v>200</v>
      </c>
      <c r="D114107" s="14" t="s">
        <v>544</v>
      </c>
      <c r="E114107" s="15">
        <v>45603</v>
      </c>
      <c r="F114107" s="14" t="s">
        <v>53</v>
      </c>
      <c r="G114107" s="16">
        <v>1.2198653293534183</v>
      </c>
    </row>
    <row r="114108" spans="1:7" x14ac:dyDescent="0.3">
      <c r="A114108" s="13" t="s">
        <v>543</v>
      </c>
      <c r="B114108" s="14" t="s">
        <v>1</v>
      </c>
      <c r="C114108" s="14" t="s">
        <v>200</v>
      </c>
      <c r="D114108" s="14" t="s">
        <v>544</v>
      </c>
      <c r="E114108" s="15">
        <v>45604</v>
      </c>
      <c r="F114108" s="14" t="s">
        <v>53</v>
      </c>
      <c r="G114108" s="16">
        <v>1.2323623993444734</v>
      </c>
    </row>
    <row r="114109" spans="1:7" x14ac:dyDescent="0.3">
      <c r="A114109" s="13" t="s">
        <v>543</v>
      </c>
      <c r="B114109" s="14" t="s">
        <v>1</v>
      </c>
      <c r="C114109" s="14" t="s">
        <v>200</v>
      </c>
      <c r="D114109" s="14" t="s">
        <v>544</v>
      </c>
      <c r="E114109" s="15">
        <v>45605</v>
      </c>
      <c r="F114109" s="14" t="s">
        <v>53</v>
      </c>
      <c r="G114109" s="16">
        <v>1.2323623993444734</v>
      </c>
    </row>
    <row r="114110" spans="1:7" x14ac:dyDescent="0.3">
      <c r="A114110" s="13" t="s">
        <v>543</v>
      </c>
      <c r="B114110" s="14" t="s">
        <v>1</v>
      </c>
      <c r="C114110" s="14" t="s">
        <v>200</v>
      </c>
      <c r="D114110" s="14" t="s">
        <v>544</v>
      </c>
      <c r="E114110" s="15">
        <v>45606</v>
      </c>
      <c r="F114110" s="14" t="s">
        <v>53</v>
      </c>
      <c r="G114110" s="16">
        <v>1.2323623993444734</v>
      </c>
    </row>
    <row r="114111" spans="1:7" x14ac:dyDescent="0.3">
      <c r="A114111" s="13" t="s">
        <v>543</v>
      </c>
      <c r="B114111" s="14" t="s">
        <v>1</v>
      </c>
      <c r="C114111" s="14" t="s">
        <v>200</v>
      </c>
      <c r="D114111" s="14" t="s">
        <v>544</v>
      </c>
      <c r="E114111" s="15">
        <v>45607</v>
      </c>
      <c r="F114111" s="14" t="s">
        <v>53</v>
      </c>
      <c r="G114111" s="16">
        <v>1.2323623993444734</v>
      </c>
    </row>
    <row r="114112" spans="1:7" x14ac:dyDescent="0.3">
      <c r="A114112" s="13" t="s">
        <v>543</v>
      </c>
      <c r="B114112" s="14" t="s">
        <v>1</v>
      </c>
      <c r="C114112" s="14" t="s">
        <v>200</v>
      </c>
      <c r="D114112" s="14" t="s">
        <v>544</v>
      </c>
      <c r="E114112" s="15">
        <v>45608</v>
      </c>
      <c r="F114112" s="14" t="s">
        <v>53</v>
      </c>
      <c r="G114112" s="16">
        <v>1.2557248548630047</v>
      </c>
    </row>
    <row r="114113" spans="1:7" x14ac:dyDescent="0.3">
      <c r="A114113" s="13" t="s">
        <v>543</v>
      </c>
      <c r="B114113" s="14" t="s">
        <v>1</v>
      </c>
      <c r="C114113" s="14" t="s">
        <v>200</v>
      </c>
      <c r="D114113" s="14" t="s">
        <v>544</v>
      </c>
      <c r="E114113" s="15">
        <v>45609</v>
      </c>
      <c r="F114113" s="14" t="s">
        <v>53</v>
      </c>
      <c r="G114113" s="16">
        <v>1.2737783661794078</v>
      </c>
    </row>
    <row r="114114" spans="1:7" x14ac:dyDescent="0.3">
      <c r="A114114" s="13" t="s">
        <v>543</v>
      </c>
      <c r="B114114" s="14" t="s">
        <v>1</v>
      </c>
      <c r="C114114" s="14" t="s">
        <v>200</v>
      </c>
      <c r="D114114" s="14" t="s">
        <v>544</v>
      </c>
      <c r="E114114" s="15">
        <v>45610</v>
      </c>
      <c r="F114114" s="14" t="s">
        <v>53</v>
      </c>
      <c r="G114114" s="16">
        <v>1.2832910062042888</v>
      </c>
    </row>
    <row r="114115" spans="1:7" x14ac:dyDescent="0.3">
      <c r="A114115" s="13" t="s">
        <v>543</v>
      </c>
      <c r="B114115" s="14" t="s">
        <v>1</v>
      </c>
      <c r="C114115" s="14" t="s">
        <v>200</v>
      </c>
      <c r="D114115" s="14" t="s">
        <v>544</v>
      </c>
      <c r="E114115" s="15">
        <v>45611</v>
      </c>
      <c r="F114115" s="14" t="s">
        <v>53</v>
      </c>
      <c r="G114115" s="16">
        <v>1.2937584558586499</v>
      </c>
    </row>
    <row r="114116" spans="1:7" x14ac:dyDescent="0.3">
      <c r="A114116" s="13" t="s">
        <v>543</v>
      </c>
      <c r="B114116" s="14" t="s">
        <v>1</v>
      </c>
      <c r="C114116" s="14" t="s">
        <v>200</v>
      </c>
      <c r="D114116" s="14" t="s">
        <v>544</v>
      </c>
      <c r="E114116" s="15">
        <v>45612</v>
      </c>
      <c r="F114116" s="14" t="s">
        <v>53</v>
      </c>
      <c r="G114116" s="16">
        <v>1.2937584558586499</v>
      </c>
    </row>
    <row r="114117" spans="1:7" x14ac:dyDescent="0.3">
      <c r="A114117" s="13" t="s">
        <v>543</v>
      </c>
      <c r="B114117" s="14" t="s">
        <v>1</v>
      </c>
      <c r="C114117" s="14" t="s">
        <v>200</v>
      </c>
      <c r="D114117" s="14" t="s">
        <v>544</v>
      </c>
      <c r="E114117" s="15">
        <v>45613</v>
      </c>
      <c r="F114117" s="14" t="s">
        <v>53</v>
      </c>
      <c r="G114117" s="16">
        <v>1.2937584558586499</v>
      </c>
    </row>
    <row r="114118" spans="1:7" x14ac:dyDescent="0.3">
      <c r="A114118" s="13" t="s">
        <v>543</v>
      </c>
      <c r="B114118" s="14" t="s">
        <v>1</v>
      </c>
      <c r="C114118" s="14" t="s">
        <v>200</v>
      </c>
      <c r="D114118" s="14" t="s">
        <v>544</v>
      </c>
      <c r="E114118" s="15">
        <v>45614</v>
      </c>
      <c r="F114118" s="14" t="s">
        <v>53</v>
      </c>
      <c r="G114118" s="16">
        <v>1.2924630404760706</v>
      </c>
    </row>
    <row r="114119" spans="1:7" x14ac:dyDescent="0.3">
      <c r="A114119" s="13" t="s">
        <v>543</v>
      </c>
      <c r="B114119" s="14" t="s">
        <v>1</v>
      </c>
      <c r="C114119" s="14" t="s">
        <v>200</v>
      </c>
      <c r="D114119" s="14" t="s">
        <v>544</v>
      </c>
      <c r="E114119" s="15">
        <v>45615</v>
      </c>
      <c r="F114119" s="14" t="s">
        <v>53</v>
      </c>
      <c r="G114119" s="16">
        <v>1.3072829891065647</v>
      </c>
    </row>
    <row r="114120" spans="1:7" x14ac:dyDescent="0.3">
      <c r="A114120" s="13" t="s">
        <v>543</v>
      </c>
      <c r="B114120" s="14" t="s">
        <v>1</v>
      </c>
      <c r="C114120" s="14" t="s">
        <v>200</v>
      </c>
      <c r="D114120" s="14" t="s">
        <v>544</v>
      </c>
      <c r="E114120" s="15">
        <v>45616</v>
      </c>
      <c r="F114120" s="14" t="s">
        <v>53</v>
      </c>
      <c r="G114120" s="16">
        <v>1.3175998570141609</v>
      </c>
    </row>
    <row r="114121" spans="1:7" x14ac:dyDescent="0.3">
      <c r="A114121" s="13" t="s">
        <v>543</v>
      </c>
      <c r="B114121" s="14" t="s">
        <v>1</v>
      </c>
      <c r="C114121" s="14" t="s">
        <v>200</v>
      </c>
      <c r="D114121" s="14" t="s">
        <v>544</v>
      </c>
      <c r="E114121" s="15">
        <v>45617</v>
      </c>
      <c r="F114121" s="14" t="s">
        <v>53</v>
      </c>
      <c r="G114121" s="16">
        <v>1.3291614624021915</v>
      </c>
    </row>
    <row r="114122" spans="1:7" x14ac:dyDescent="0.3">
      <c r="A114122" s="13" t="s">
        <v>543</v>
      </c>
      <c r="B114122" s="14" t="s">
        <v>1</v>
      </c>
      <c r="C114122" s="14" t="s">
        <v>200</v>
      </c>
      <c r="D114122" s="14" t="s">
        <v>544</v>
      </c>
      <c r="E114122" s="15">
        <v>45618</v>
      </c>
      <c r="F114122" s="14" t="s">
        <v>53</v>
      </c>
      <c r="G114122" s="16">
        <v>1.3431625544754944</v>
      </c>
    </row>
    <row r="114123" spans="1:7" x14ac:dyDescent="0.3">
      <c r="A114123" s="13" t="s">
        <v>543</v>
      </c>
      <c r="B114123" s="14" t="s">
        <v>1</v>
      </c>
      <c r="C114123" s="14" t="s">
        <v>200</v>
      </c>
      <c r="D114123" s="14" t="s">
        <v>544</v>
      </c>
      <c r="E114123" s="15">
        <v>45619</v>
      </c>
      <c r="F114123" s="14" t="s">
        <v>53</v>
      </c>
      <c r="G114123" s="16">
        <v>1.3431625544754944</v>
      </c>
    </row>
    <row r="114124" spans="1:7" x14ac:dyDescent="0.3">
      <c r="A114124" s="13" t="s">
        <v>543</v>
      </c>
      <c r="B114124" s="14" t="s">
        <v>1</v>
      </c>
      <c r="C114124" s="14" t="s">
        <v>200</v>
      </c>
      <c r="D114124" s="14" t="s">
        <v>544</v>
      </c>
      <c r="E114124" s="15">
        <v>45620</v>
      </c>
      <c r="F114124" s="14" t="s">
        <v>53</v>
      </c>
      <c r="G114124" s="16">
        <v>1.3431625544754944</v>
      </c>
    </row>
    <row r="114125" spans="1:7" x14ac:dyDescent="0.3">
      <c r="A114125" s="13" t="s">
        <v>543</v>
      </c>
      <c r="B114125" s="14" t="s">
        <v>1</v>
      </c>
      <c r="C114125" s="14" t="s">
        <v>200</v>
      </c>
      <c r="D114125" s="14" t="s">
        <v>544</v>
      </c>
      <c r="E114125" s="15">
        <v>45621</v>
      </c>
      <c r="F114125" s="14" t="s">
        <v>53</v>
      </c>
      <c r="G114125" s="16">
        <v>1.3427989860294813</v>
      </c>
    </row>
    <row r="114126" spans="1:7" x14ac:dyDescent="0.3">
      <c r="A114126" s="13" t="s">
        <v>543</v>
      </c>
      <c r="B114126" s="14" t="s">
        <v>1</v>
      </c>
      <c r="C114126" s="14" t="s">
        <v>200</v>
      </c>
      <c r="D114126" s="14" t="s">
        <v>544</v>
      </c>
      <c r="E114126" s="15">
        <v>45622</v>
      </c>
      <c r="F114126" s="14" t="s">
        <v>53</v>
      </c>
      <c r="G114126" s="16">
        <v>1.3606018571479905</v>
      </c>
    </row>
    <row r="114127" spans="1:7" x14ac:dyDescent="0.3">
      <c r="A114127" s="13" t="s">
        <v>543</v>
      </c>
      <c r="B114127" s="14" t="s">
        <v>1</v>
      </c>
      <c r="C114127" s="14" t="s">
        <v>200</v>
      </c>
      <c r="D114127" s="14" t="s">
        <v>544</v>
      </c>
      <c r="E114127" s="15">
        <v>45623</v>
      </c>
      <c r="F114127" s="14" t="s">
        <v>53</v>
      </c>
      <c r="G114127" s="16">
        <v>1.3537613495335135</v>
      </c>
    </row>
    <row r="114128" spans="1:7" x14ac:dyDescent="0.3">
      <c r="A114128" s="13" t="s">
        <v>543</v>
      </c>
      <c r="B114128" s="14" t="s">
        <v>1</v>
      </c>
      <c r="C114128" s="14" t="s">
        <v>200</v>
      </c>
      <c r="D114128" s="14" t="s">
        <v>544</v>
      </c>
      <c r="E114128" s="15">
        <v>45624</v>
      </c>
      <c r="F114128" s="14" t="s">
        <v>53</v>
      </c>
      <c r="G114128" s="16">
        <v>1.3537613495335135</v>
      </c>
    </row>
    <row r="114129" spans="1:7" x14ac:dyDescent="0.3">
      <c r="A114129" s="13" t="s">
        <v>543</v>
      </c>
      <c r="B114129" s="14" t="s">
        <v>1</v>
      </c>
      <c r="C114129" s="14" t="s">
        <v>200</v>
      </c>
      <c r="D114129" s="14" t="s">
        <v>544</v>
      </c>
      <c r="E114129" s="15">
        <v>45625</v>
      </c>
      <c r="F114129" s="14" t="s">
        <v>53</v>
      </c>
      <c r="G114129" s="16">
        <v>1.3543861038614007</v>
      </c>
    </row>
    <row r="114130" spans="1:7" x14ac:dyDescent="0.3">
      <c r="A114130" s="13" t="s">
        <v>543</v>
      </c>
      <c r="B114130" s="14" t="s">
        <v>1</v>
      </c>
      <c r="C114130" s="14" t="s">
        <v>200</v>
      </c>
      <c r="D114130" s="14" t="s">
        <v>544</v>
      </c>
      <c r="E114130" s="15">
        <v>45626</v>
      </c>
      <c r="F114130" s="14" t="s">
        <v>53</v>
      </c>
      <c r="G114130" s="16">
        <v>1.3543861038614007</v>
      </c>
    </row>
    <row r="114131" spans="1:7" x14ac:dyDescent="0.3">
      <c r="A114131" s="13" t="s">
        <v>543</v>
      </c>
      <c r="B114131" s="14" t="s">
        <v>1</v>
      </c>
      <c r="C114131" s="14" t="s">
        <v>200</v>
      </c>
      <c r="D114131" s="14" t="s">
        <v>544</v>
      </c>
      <c r="E114131" s="15">
        <v>45627</v>
      </c>
      <c r="F114131" s="14" t="s">
        <v>53</v>
      </c>
      <c r="G114131" s="16">
        <v>1.3543861038614007</v>
      </c>
    </row>
    <row r="114132" spans="1:7" x14ac:dyDescent="0.3">
      <c r="A114132" s="13" t="s">
        <v>543</v>
      </c>
      <c r="B114132" s="14" t="s">
        <v>1</v>
      </c>
      <c r="C114132" s="14" t="s">
        <v>200</v>
      </c>
      <c r="D114132" s="14" t="s">
        <v>544</v>
      </c>
      <c r="E114132" s="15">
        <v>45628</v>
      </c>
      <c r="F114132" s="14" t="s">
        <v>53</v>
      </c>
      <c r="G114132" s="16">
        <v>1.3743182313501934</v>
      </c>
    </row>
    <row r="114133" spans="1:7" x14ac:dyDescent="0.3">
      <c r="A114133" s="13" t="s">
        <v>543</v>
      </c>
      <c r="B114133" s="14" t="s">
        <v>1</v>
      </c>
      <c r="C114133" s="14" t="s">
        <v>200</v>
      </c>
      <c r="D114133" s="14" t="s">
        <v>544</v>
      </c>
      <c r="E114133" s="15">
        <v>45629</v>
      </c>
      <c r="F114133" s="14" t="s">
        <v>53</v>
      </c>
      <c r="G114133" s="16">
        <v>1.3878480515426697</v>
      </c>
    </row>
    <row r="114134" spans="1:7" x14ac:dyDescent="0.3">
      <c r="A114134" s="13" t="s">
        <v>543</v>
      </c>
      <c r="B114134" s="14" t="s">
        <v>1</v>
      </c>
      <c r="C114134" s="14" t="s">
        <v>200</v>
      </c>
      <c r="D114134" s="14" t="s">
        <v>544</v>
      </c>
      <c r="E114134" s="15">
        <v>45630</v>
      </c>
      <c r="F114134" s="14" t="s">
        <v>53</v>
      </c>
      <c r="G114134" s="16">
        <v>1.38867632535563</v>
      </c>
    </row>
    <row r="114135" spans="1:7" x14ac:dyDescent="0.3">
      <c r="A114135" s="13" t="s">
        <v>543</v>
      </c>
      <c r="B114135" s="14" t="s">
        <v>1</v>
      </c>
      <c r="C114135" s="14" t="s">
        <v>200</v>
      </c>
      <c r="D114135" s="14" t="s">
        <v>544</v>
      </c>
      <c r="E114135" s="15">
        <v>45631</v>
      </c>
      <c r="F114135" s="14" t="s">
        <v>53</v>
      </c>
      <c r="G114135" s="16">
        <v>1.3856767653627677</v>
      </c>
    </row>
    <row r="114136" spans="1:7" x14ac:dyDescent="0.3">
      <c r="A114136" s="13" t="s">
        <v>543</v>
      </c>
      <c r="B114136" s="14" t="s">
        <v>1</v>
      </c>
      <c r="C114136" s="14" t="s">
        <v>200</v>
      </c>
      <c r="D114136" s="14" t="s">
        <v>544</v>
      </c>
      <c r="E114136" s="15">
        <v>45632</v>
      </c>
      <c r="F114136" s="14" t="s">
        <v>53</v>
      </c>
      <c r="G114136" s="16">
        <v>1.392772307904327</v>
      </c>
    </row>
    <row r="114137" spans="1:7" x14ac:dyDescent="0.3">
      <c r="A114137" s="13" t="s">
        <v>543</v>
      </c>
      <c r="B114137" s="14" t="s">
        <v>1</v>
      </c>
      <c r="C114137" s="14" t="s">
        <v>200</v>
      </c>
      <c r="D114137" s="14" t="s">
        <v>544</v>
      </c>
      <c r="E114137" s="15">
        <v>45633</v>
      </c>
      <c r="F114137" s="14" t="s">
        <v>53</v>
      </c>
      <c r="G114137" s="16">
        <v>1.392772307904327</v>
      </c>
    </row>
    <row r="114138" spans="1:7" x14ac:dyDescent="0.3">
      <c r="A114138" s="13" t="s">
        <v>543</v>
      </c>
      <c r="B114138" s="14" t="s">
        <v>1</v>
      </c>
      <c r="C114138" s="14" t="s">
        <v>200</v>
      </c>
      <c r="D114138" s="14" t="s">
        <v>544</v>
      </c>
      <c r="E114138" s="15">
        <v>45634</v>
      </c>
      <c r="F114138" s="14" t="s">
        <v>53</v>
      </c>
      <c r="G114138" s="16">
        <v>1.392772307904327</v>
      </c>
    </row>
    <row r="114139" spans="1:7" x14ac:dyDescent="0.3">
      <c r="A114139" s="13" t="s">
        <v>543</v>
      </c>
      <c r="B114139" s="14" t="s">
        <v>1</v>
      </c>
      <c r="C114139" s="14" t="s">
        <v>200</v>
      </c>
      <c r="D114139" s="14" t="s">
        <v>544</v>
      </c>
      <c r="E114139" s="15">
        <v>45635</v>
      </c>
      <c r="F114139" s="14" t="s">
        <v>53</v>
      </c>
      <c r="G114139" s="16">
        <v>1.3972960261971286</v>
      </c>
    </row>
    <row r="114140" spans="1:7" x14ac:dyDescent="0.3">
      <c r="A114140" s="13" t="s">
        <v>543</v>
      </c>
      <c r="B114140" s="14" t="s">
        <v>1</v>
      </c>
      <c r="C114140" s="14" t="s">
        <v>200</v>
      </c>
      <c r="D114140" s="14" t="s">
        <v>544</v>
      </c>
      <c r="E114140" s="15">
        <v>45636</v>
      </c>
      <c r="F114140" s="14" t="s">
        <v>53</v>
      </c>
      <c r="G114140" s="16">
        <v>1.4131269272226836</v>
      </c>
    </row>
    <row r="114141" spans="1:7" x14ac:dyDescent="0.3">
      <c r="A114141" s="13" t="s">
        <v>543</v>
      </c>
      <c r="B114141" s="14" t="s">
        <v>1</v>
      </c>
      <c r="C114141" s="14" t="s">
        <v>200</v>
      </c>
      <c r="D114141" s="14" t="s">
        <v>544</v>
      </c>
      <c r="E114141" s="15">
        <v>45637</v>
      </c>
      <c r="F114141" s="14" t="s">
        <v>53</v>
      </c>
      <c r="G114141" s="16">
        <v>1.4207050621445509</v>
      </c>
    </row>
    <row r="114142" spans="1:7" x14ac:dyDescent="0.3">
      <c r="A114142" s="13" t="s">
        <v>543</v>
      </c>
      <c r="B114142" s="14" t="s">
        <v>1</v>
      </c>
      <c r="C114142" s="14" t="s">
        <v>200</v>
      </c>
      <c r="D114142" s="14" t="s">
        <v>544</v>
      </c>
      <c r="E114142" s="15">
        <v>45638</v>
      </c>
      <c r="F114142" s="14" t="s">
        <v>53</v>
      </c>
      <c r="G114142" s="16">
        <v>1.4343492764696177</v>
      </c>
    </row>
    <row r="114143" spans="1:7" x14ac:dyDescent="0.3">
      <c r="A114143" s="13" t="s">
        <v>543</v>
      </c>
      <c r="B114143" s="14" t="s">
        <v>1</v>
      </c>
      <c r="C114143" s="14" t="s">
        <v>200</v>
      </c>
      <c r="D114143" s="14" t="s">
        <v>544</v>
      </c>
      <c r="E114143" s="15">
        <v>45639</v>
      </c>
      <c r="F114143" s="14" t="s">
        <v>53</v>
      </c>
      <c r="G114143" s="16">
        <v>1.447323464814096</v>
      </c>
    </row>
    <row r="114144" spans="1:7" x14ac:dyDescent="0.3">
      <c r="A114144" s="13" t="s">
        <v>543</v>
      </c>
      <c r="B114144" s="14" t="s">
        <v>1</v>
      </c>
      <c r="C114144" s="14" t="s">
        <v>200</v>
      </c>
      <c r="D114144" s="14" t="s">
        <v>544</v>
      </c>
      <c r="E114144" s="15">
        <v>45640</v>
      </c>
      <c r="F114144" s="14" t="s">
        <v>53</v>
      </c>
      <c r="G114144" s="16">
        <v>1.447323464814096</v>
      </c>
    </row>
    <row r="114145" spans="1:7" x14ac:dyDescent="0.3">
      <c r="A114145" s="13" t="s">
        <v>543</v>
      </c>
      <c r="B114145" s="14" t="s">
        <v>1</v>
      </c>
      <c r="C114145" s="14" t="s">
        <v>200</v>
      </c>
      <c r="D114145" s="14" t="s">
        <v>544</v>
      </c>
      <c r="E114145" s="15">
        <v>45641</v>
      </c>
      <c r="F114145" s="14" t="s">
        <v>53</v>
      </c>
      <c r="G114145" s="16">
        <v>1.447323464814096</v>
      </c>
    </row>
    <row r="114146" spans="1:7" x14ac:dyDescent="0.3">
      <c r="A114146" s="13" t="s">
        <v>543</v>
      </c>
      <c r="B114146" s="14" t="s">
        <v>1</v>
      </c>
      <c r="C114146" s="14" t="s">
        <v>200</v>
      </c>
      <c r="D114146" s="14" t="s">
        <v>544</v>
      </c>
      <c r="E114146" s="15">
        <v>45642</v>
      </c>
      <c r="F114146" s="14" t="s">
        <v>53</v>
      </c>
      <c r="G114146" s="16">
        <v>1.4459242115796616</v>
      </c>
    </row>
    <row r="114147" spans="1:7" x14ac:dyDescent="0.3">
      <c r="A114147" s="13" t="s">
        <v>543</v>
      </c>
      <c r="B114147" s="14" t="s">
        <v>1</v>
      </c>
      <c r="C114147" s="14" t="s">
        <v>200</v>
      </c>
      <c r="D114147" s="14" t="s">
        <v>544</v>
      </c>
      <c r="E114147" s="15">
        <v>45643</v>
      </c>
      <c r="F114147" s="14" t="s">
        <v>53</v>
      </c>
      <c r="G114147" s="16">
        <v>1.4581024156969684</v>
      </c>
    </row>
    <row r="114148" spans="1:7" x14ac:dyDescent="0.3">
      <c r="A114148" s="13" t="s">
        <v>543</v>
      </c>
      <c r="B114148" s="14" t="s">
        <v>1</v>
      </c>
      <c r="C114148" s="14" t="s">
        <v>200</v>
      </c>
      <c r="D114148" s="14" t="s">
        <v>544</v>
      </c>
      <c r="E114148" s="15">
        <v>45644</v>
      </c>
      <c r="F114148" s="14" t="s">
        <v>53</v>
      </c>
      <c r="G114148" s="16">
        <v>1.479444285246488</v>
      </c>
    </row>
    <row r="114149" spans="1:7" x14ac:dyDescent="0.3">
      <c r="A114149" s="13" t="s">
        <v>543</v>
      </c>
      <c r="B114149" s="14" t="s">
        <v>1</v>
      </c>
      <c r="C114149" s="14" t="s">
        <v>200</v>
      </c>
      <c r="D114149" s="14" t="s">
        <v>544</v>
      </c>
      <c r="E114149" s="15">
        <v>45645</v>
      </c>
      <c r="F114149" s="14" t="s">
        <v>53</v>
      </c>
      <c r="G114149" s="16">
        <v>1.4948756406734853</v>
      </c>
    </row>
    <row r="114150" spans="1:7" x14ac:dyDescent="0.3">
      <c r="A114150" s="13" t="s">
        <v>543</v>
      </c>
      <c r="B114150" s="14" t="s">
        <v>1</v>
      </c>
      <c r="C114150" s="14" t="s">
        <v>200</v>
      </c>
      <c r="D114150" s="14" t="s">
        <v>544</v>
      </c>
      <c r="E114150" s="15">
        <v>45646</v>
      </c>
      <c r="F114150" s="14" t="s">
        <v>53</v>
      </c>
      <c r="G114150" s="16">
        <v>1.4954779258776782</v>
      </c>
    </row>
    <row r="114151" spans="1:7" x14ac:dyDescent="0.3">
      <c r="A114151" s="13" t="s">
        <v>543</v>
      </c>
      <c r="B114151" s="14" t="s">
        <v>1</v>
      </c>
      <c r="C114151" s="14" t="s">
        <v>200</v>
      </c>
      <c r="D114151" s="14" t="s">
        <v>544</v>
      </c>
      <c r="E114151" s="15">
        <v>45647</v>
      </c>
      <c r="F114151" s="14" t="s">
        <v>53</v>
      </c>
      <c r="G114151" s="16">
        <v>1.4954779258776782</v>
      </c>
    </row>
    <row r="114152" spans="1:7" x14ac:dyDescent="0.3">
      <c r="A114152" s="13" t="s">
        <v>543</v>
      </c>
      <c r="B114152" s="14" t="s">
        <v>1</v>
      </c>
      <c r="C114152" s="14" t="s">
        <v>200</v>
      </c>
      <c r="D114152" s="14" t="s">
        <v>544</v>
      </c>
      <c r="E114152" s="15">
        <v>45648</v>
      </c>
      <c r="F114152" s="14" t="s">
        <v>53</v>
      </c>
      <c r="G114152" s="16">
        <v>1.4954779258776782</v>
      </c>
    </row>
    <row r="114153" spans="1:7" x14ac:dyDescent="0.3">
      <c r="A114153" s="13" t="s">
        <v>543</v>
      </c>
      <c r="B114153" s="14" t="s">
        <v>1</v>
      </c>
      <c r="C114153" s="14" t="s">
        <v>200</v>
      </c>
      <c r="D114153" s="14" t="s">
        <v>544</v>
      </c>
      <c r="E114153" s="15">
        <v>45649</v>
      </c>
      <c r="F114153" s="14" t="s">
        <v>53</v>
      </c>
      <c r="G114153" s="16">
        <v>1.5056438316594545</v>
      </c>
    </row>
    <row r="114154" spans="1:7" x14ac:dyDescent="0.3">
      <c r="A114154" s="13" t="s">
        <v>543</v>
      </c>
      <c r="B114154" s="14" t="s">
        <v>1</v>
      </c>
      <c r="C114154" s="14" t="s">
        <v>200</v>
      </c>
      <c r="D114154" s="14" t="s">
        <v>544</v>
      </c>
      <c r="E114154" s="15">
        <v>45650</v>
      </c>
      <c r="F114154" s="14" t="s">
        <v>53</v>
      </c>
      <c r="G114154" s="16">
        <v>1.5201702958695562</v>
      </c>
    </row>
    <row r="114155" spans="1:7" x14ac:dyDescent="0.3">
      <c r="A114155" s="13" t="s">
        <v>543</v>
      </c>
      <c r="B114155" s="14" t="s">
        <v>1</v>
      </c>
      <c r="C114155" s="14" t="s">
        <v>200</v>
      </c>
      <c r="D114155" s="14" t="s">
        <v>544</v>
      </c>
      <c r="E114155" s="15">
        <v>45651</v>
      </c>
      <c r="F114155" s="14" t="s">
        <v>53</v>
      </c>
      <c r="G114155" s="16">
        <v>1.5201702958695562</v>
      </c>
    </row>
    <row r="114156" spans="1:7" x14ac:dyDescent="0.3">
      <c r="A114156" s="13" t="s">
        <v>543</v>
      </c>
      <c r="B114156" s="14" t="s">
        <v>1</v>
      </c>
      <c r="C114156" s="14" t="s">
        <v>200</v>
      </c>
      <c r="D114156" s="14" t="s">
        <v>544</v>
      </c>
      <c r="E114156" s="15">
        <v>45652</v>
      </c>
      <c r="F114156" s="14" t="s">
        <v>53</v>
      </c>
      <c r="G114156" s="16">
        <v>1.5201702958695562</v>
      </c>
    </row>
    <row r="114157" spans="1:7" x14ac:dyDescent="0.3">
      <c r="A114157" s="13" t="s">
        <v>543</v>
      </c>
      <c r="B114157" s="14" t="s">
        <v>1</v>
      </c>
      <c r="C114157" s="14" t="s">
        <v>200</v>
      </c>
      <c r="D114157" s="14" t="s">
        <v>544</v>
      </c>
      <c r="E114157" s="15">
        <v>45653</v>
      </c>
      <c r="F114157" s="14" t="s">
        <v>53</v>
      </c>
      <c r="G114157" s="16">
        <v>1.5201702958695562</v>
      </c>
    </row>
    <row r="114158" spans="1:7" x14ac:dyDescent="0.3">
      <c r="A114158" s="13" t="s">
        <v>543</v>
      </c>
      <c r="B114158" s="14" t="s">
        <v>1</v>
      </c>
      <c r="C114158" s="14" t="s">
        <v>200</v>
      </c>
      <c r="D114158" s="14" t="s">
        <v>544</v>
      </c>
      <c r="E114158" s="15">
        <v>45654</v>
      </c>
      <c r="F114158" s="14" t="s">
        <v>53</v>
      </c>
      <c r="G114158" s="16">
        <v>1.5201702958695562</v>
      </c>
    </row>
    <row r="114159" spans="1:7" x14ac:dyDescent="0.3">
      <c r="A114159" s="13" t="s">
        <v>543</v>
      </c>
      <c r="B114159" s="14" t="s">
        <v>1</v>
      </c>
      <c r="C114159" s="14" t="s">
        <v>200</v>
      </c>
      <c r="D114159" s="14" t="s">
        <v>544</v>
      </c>
      <c r="E114159" s="15">
        <v>45655</v>
      </c>
      <c r="F114159" s="14" t="s">
        <v>53</v>
      </c>
      <c r="G114159" s="16">
        <v>1.5201702958695562</v>
      </c>
    </row>
    <row r="114160" spans="1:7" x14ac:dyDescent="0.3">
      <c r="A114160" s="13" t="s">
        <v>543</v>
      </c>
      <c r="B114160" s="14" t="s">
        <v>1</v>
      </c>
      <c r="C114160" s="14" t="s">
        <v>200</v>
      </c>
      <c r="D114160" s="14" t="s">
        <v>544</v>
      </c>
      <c r="E114160" s="15">
        <v>45656</v>
      </c>
      <c r="F114160" s="14" t="s">
        <v>53</v>
      </c>
      <c r="G114160" s="16">
        <v>1.5251302392387363</v>
      </c>
    </row>
    <row r="114161" spans="1:7" x14ac:dyDescent="0.3">
      <c r="A114161" s="13" t="s">
        <v>543</v>
      </c>
      <c r="B114161" s="14" t="s">
        <v>1</v>
      </c>
      <c r="C114161" s="14" t="s">
        <v>200</v>
      </c>
      <c r="D114161" s="14" t="s">
        <v>544</v>
      </c>
      <c r="E114161" s="15">
        <v>45657</v>
      </c>
      <c r="F114161" s="14" t="s">
        <v>53</v>
      </c>
      <c r="G114161" s="16">
        <v>1.5653154976854282</v>
      </c>
    </row>
    <row r="114162" spans="1:7" x14ac:dyDescent="0.3">
      <c r="A114162" s="13" t="s">
        <v>543</v>
      </c>
      <c r="B114162" s="14" t="s">
        <v>1</v>
      </c>
      <c r="C114162" s="14" t="s">
        <v>200</v>
      </c>
      <c r="D114162" s="14" t="s">
        <v>544</v>
      </c>
      <c r="E114162" s="15">
        <v>45658</v>
      </c>
      <c r="F114162" s="14" t="s">
        <v>53</v>
      </c>
      <c r="G114162" s="16">
        <v>1.5653154976854282</v>
      </c>
    </row>
    <row r="114163" spans="1:7" x14ac:dyDescent="0.3">
      <c r="A114163" s="13" t="s">
        <v>543</v>
      </c>
      <c r="B114163" s="14" t="s">
        <v>1</v>
      </c>
      <c r="C114163" s="14" t="s">
        <v>200</v>
      </c>
      <c r="D114163" s="14" t="s">
        <v>544</v>
      </c>
      <c r="E114163" s="15">
        <v>45659</v>
      </c>
      <c r="F114163" s="14" t="s">
        <v>53</v>
      </c>
      <c r="G114163" s="16">
        <v>1.5885791065810144</v>
      </c>
    </row>
    <row r="114164" spans="1:7" x14ac:dyDescent="0.3">
      <c r="A114164" s="13" t="s">
        <v>543</v>
      </c>
      <c r="B114164" s="14" t="s">
        <v>1</v>
      </c>
      <c r="C114164" s="14" t="s">
        <v>200</v>
      </c>
      <c r="D114164" s="14" t="s">
        <v>544</v>
      </c>
      <c r="E114164" s="15">
        <v>45660</v>
      </c>
      <c r="F114164" s="14" t="s">
        <v>53</v>
      </c>
      <c r="G114164" s="16">
        <v>1.5904332365784335</v>
      </c>
    </row>
    <row r="114165" spans="1:7" x14ac:dyDescent="0.3">
      <c r="A114165" s="13" t="s">
        <v>543</v>
      </c>
      <c r="B114165" s="14" t="s">
        <v>1</v>
      </c>
      <c r="C114165" s="14" t="s">
        <v>200</v>
      </c>
      <c r="D114165" s="14" t="s">
        <v>544</v>
      </c>
      <c r="E114165" s="15">
        <v>45661</v>
      </c>
      <c r="F114165" s="14" t="s">
        <v>53</v>
      </c>
      <c r="G114165" s="16">
        <v>1.5904332365784335</v>
      </c>
    </row>
    <row r="114166" spans="1:7" x14ac:dyDescent="0.3">
      <c r="A114166" s="13" t="s">
        <v>543</v>
      </c>
      <c r="B114166" s="14" t="s">
        <v>1</v>
      </c>
      <c r="C114166" s="14" t="s">
        <v>200</v>
      </c>
      <c r="D114166" s="14" t="s">
        <v>544</v>
      </c>
      <c r="E114166" s="15">
        <v>45662</v>
      </c>
      <c r="F114166" s="14" t="s">
        <v>53</v>
      </c>
      <c r="G114166" s="16">
        <v>1.5904332365784335</v>
      </c>
    </row>
    <row r="114167" spans="1:7" x14ac:dyDescent="0.3">
      <c r="A114167" s="13" t="s">
        <v>543</v>
      </c>
      <c r="B114167" s="14" t="s">
        <v>1</v>
      </c>
      <c r="C114167" s="14" t="s">
        <v>200</v>
      </c>
      <c r="D114167" s="14" t="s">
        <v>544</v>
      </c>
      <c r="E114167" s="15">
        <v>45663</v>
      </c>
      <c r="F114167" s="14" t="s">
        <v>53</v>
      </c>
      <c r="G114167" s="16">
        <v>1.5830079138790896</v>
      </c>
    </row>
    <row r="114168" spans="1:7" x14ac:dyDescent="0.3">
      <c r="A114168" s="13" t="s">
        <v>543</v>
      </c>
      <c r="B114168" s="14" t="s">
        <v>1</v>
      </c>
      <c r="C114168" s="14" t="s">
        <v>200</v>
      </c>
      <c r="D114168" s="14" t="s">
        <v>544</v>
      </c>
      <c r="E114168" s="15">
        <v>45664</v>
      </c>
      <c r="F114168" s="14" t="s">
        <v>53</v>
      </c>
      <c r="G114168" s="16">
        <v>1.60605209216992</v>
      </c>
    </row>
    <row r="114169" spans="1:7" x14ac:dyDescent="0.3">
      <c r="A114169" s="13" t="s">
        <v>543</v>
      </c>
      <c r="B114169" s="14" t="s">
        <v>1</v>
      </c>
      <c r="C114169" s="14" t="s">
        <v>200</v>
      </c>
      <c r="D114169" s="14" t="s">
        <v>544</v>
      </c>
      <c r="E114169" s="15">
        <v>45665</v>
      </c>
      <c r="F114169" s="14" t="s">
        <v>53</v>
      </c>
      <c r="G114169" s="16">
        <v>1.6264756748979092</v>
      </c>
    </row>
    <row r="114170" spans="1:7" x14ac:dyDescent="0.3">
      <c r="A114170" s="13" t="s">
        <v>543</v>
      </c>
      <c r="B114170" s="14" t="s">
        <v>1</v>
      </c>
      <c r="C114170" s="14" t="s">
        <v>200</v>
      </c>
      <c r="D114170" s="14" t="s">
        <v>544</v>
      </c>
      <c r="E114170" s="15">
        <v>45666</v>
      </c>
      <c r="F114170" s="14" t="s">
        <v>53</v>
      </c>
      <c r="G114170" s="16">
        <v>1.6264756748979092</v>
      </c>
    </row>
    <row r="114171" spans="1:7" x14ac:dyDescent="0.3">
      <c r="A114171" s="13" t="s">
        <v>543</v>
      </c>
      <c r="B114171" s="14" t="s">
        <v>1</v>
      </c>
      <c r="C114171" s="14" t="s">
        <v>200</v>
      </c>
      <c r="D114171" s="14" t="s">
        <v>544</v>
      </c>
      <c r="E114171" s="15">
        <v>45667</v>
      </c>
      <c r="F114171" s="14" t="s">
        <v>53</v>
      </c>
      <c r="G114171" s="16">
        <v>1.6575803462563756</v>
      </c>
    </row>
    <row r="114172" spans="1:7" x14ac:dyDescent="0.3">
      <c r="A114172" s="13" t="s">
        <v>543</v>
      </c>
      <c r="B114172" s="14" t="s">
        <v>1</v>
      </c>
      <c r="C114172" s="14" t="s">
        <v>200</v>
      </c>
      <c r="D114172" s="14" t="s">
        <v>544</v>
      </c>
      <c r="E114172" s="15">
        <v>45668</v>
      </c>
      <c r="F114172" s="14" t="s">
        <v>53</v>
      </c>
      <c r="G114172" s="16">
        <v>1.6575803462563756</v>
      </c>
    </row>
    <row r="114173" spans="1:7" x14ac:dyDescent="0.3">
      <c r="A114173" s="13" t="s">
        <v>543</v>
      </c>
      <c r="B114173" s="14" t="s">
        <v>1</v>
      </c>
      <c r="C114173" s="14" t="s">
        <v>200</v>
      </c>
      <c r="D114173" s="14" t="s">
        <v>544</v>
      </c>
      <c r="E114173" s="15">
        <v>45669</v>
      </c>
      <c r="F114173" s="14" t="s">
        <v>53</v>
      </c>
      <c r="G114173" s="16">
        <v>1.6575803462563756</v>
      </c>
    </row>
    <row r="114174" spans="1:7" x14ac:dyDescent="0.3">
      <c r="A114174" s="13" t="s">
        <v>543</v>
      </c>
      <c r="B114174" s="14" t="s">
        <v>1</v>
      </c>
      <c r="C114174" s="14" t="s">
        <v>200</v>
      </c>
      <c r="D114174" s="14" t="s">
        <v>544</v>
      </c>
      <c r="E114174" s="15">
        <v>45670</v>
      </c>
      <c r="F114174" s="14" t="s">
        <v>53</v>
      </c>
      <c r="G114174" s="16">
        <v>1.6682027352367346</v>
      </c>
    </row>
    <row r="114175" spans="1:7" x14ac:dyDescent="0.3">
      <c r="A114175" s="13" t="s">
        <v>543</v>
      </c>
      <c r="B114175" s="14" t="s">
        <v>1</v>
      </c>
      <c r="C114175" s="14" t="s">
        <v>200</v>
      </c>
      <c r="D114175" s="14" t="s">
        <v>544</v>
      </c>
      <c r="E114175" s="15">
        <v>45671</v>
      </c>
      <c r="F114175" s="14" t="s">
        <v>53</v>
      </c>
      <c r="G114175" s="16">
        <v>1.6805458951540739</v>
      </c>
    </row>
    <row r="114176" spans="1:7" x14ac:dyDescent="0.3">
      <c r="A114176" s="13" t="s">
        <v>543</v>
      </c>
      <c r="B114176" s="14" t="s">
        <v>1</v>
      </c>
      <c r="C114176" s="14" t="s">
        <v>200</v>
      </c>
      <c r="D114176" s="14" t="s">
        <v>544</v>
      </c>
      <c r="E114176" s="15">
        <v>45672</v>
      </c>
      <c r="F114176" s="14" t="s">
        <v>53</v>
      </c>
      <c r="G114176" s="16">
        <v>1.6814960483723271</v>
      </c>
    </row>
    <row r="114177" spans="1:7" x14ac:dyDescent="0.3">
      <c r="A114177" s="13" t="s">
        <v>543</v>
      </c>
      <c r="B114177" s="14" t="s">
        <v>1</v>
      </c>
      <c r="C114177" s="14" t="s">
        <v>200</v>
      </c>
      <c r="D114177" s="14" t="s">
        <v>544</v>
      </c>
      <c r="E114177" s="15">
        <v>45673</v>
      </c>
      <c r="F114177" s="14" t="s">
        <v>53</v>
      </c>
      <c r="G114177" s="16">
        <v>1.6860692207839476</v>
      </c>
    </row>
    <row r="114178" spans="1:7" x14ac:dyDescent="0.3">
      <c r="A114178" s="13" t="s">
        <v>543</v>
      </c>
      <c r="B114178" s="14" t="s">
        <v>1</v>
      </c>
      <c r="C114178" s="14" t="s">
        <v>200</v>
      </c>
      <c r="D114178" s="14" t="s">
        <v>544</v>
      </c>
      <c r="E114178" s="15">
        <v>45674</v>
      </c>
      <c r="F114178" s="14" t="s">
        <v>53</v>
      </c>
      <c r="G114178" s="16">
        <v>1.7006212746465883</v>
      </c>
    </row>
    <row r="114179" spans="1:7" x14ac:dyDescent="0.3">
      <c r="A114179" s="13" t="s">
        <v>543</v>
      </c>
      <c r="B114179" s="14" t="s">
        <v>1</v>
      </c>
      <c r="C114179" s="14" t="s">
        <v>200</v>
      </c>
      <c r="D114179" s="14" t="s">
        <v>544</v>
      </c>
      <c r="E114179" s="15">
        <v>45675</v>
      </c>
      <c r="F114179" s="14" t="s">
        <v>53</v>
      </c>
      <c r="G114179" s="16">
        <v>1.7006212746465883</v>
      </c>
    </row>
    <row r="114180" spans="1:7" x14ac:dyDescent="0.3">
      <c r="A114180" s="13" t="s">
        <v>543</v>
      </c>
      <c r="B114180" s="14" t="s">
        <v>1</v>
      </c>
      <c r="C114180" s="14" t="s">
        <v>200</v>
      </c>
      <c r="D114180" s="14" t="s">
        <v>544</v>
      </c>
      <c r="E114180" s="15">
        <v>45676</v>
      </c>
      <c r="F114180" s="14" t="s">
        <v>53</v>
      </c>
      <c r="G114180" s="16">
        <v>1.7006212746465883</v>
      </c>
    </row>
    <row r="114181" spans="1:7" x14ac:dyDescent="0.3">
      <c r="A114181" s="13" t="s">
        <v>543</v>
      </c>
      <c r="B114181" s="14" t="s">
        <v>1</v>
      </c>
      <c r="C114181" s="14" t="s">
        <v>200</v>
      </c>
      <c r="D114181" s="14" t="s">
        <v>544</v>
      </c>
      <c r="E114181" s="15">
        <v>45677</v>
      </c>
      <c r="F114181" s="14" t="s">
        <v>53</v>
      </c>
      <c r="G114181" s="16">
        <v>1.7006212746465883</v>
      </c>
    </row>
    <row r="114182" spans="1:7" x14ac:dyDescent="0.3">
      <c r="A114182" s="13" t="s">
        <v>543</v>
      </c>
      <c r="B114182" s="14" t="s">
        <v>1</v>
      </c>
      <c r="C114182" s="14" t="s">
        <v>200</v>
      </c>
      <c r="D114182" s="14" t="s">
        <v>544</v>
      </c>
      <c r="E114182" s="15">
        <v>45678</v>
      </c>
      <c r="F114182" s="14" t="s">
        <v>53</v>
      </c>
      <c r="G114182" s="16">
        <v>1.6808193188235454</v>
      </c>
    </row>
    <row r="114183" spans="1:7" x14ac:dyDescent="0.3">
      <c r="A114183" s="13" t="s">
        <v>543</v>
      </c>
      <c r="B114183" s="14" t="s">
        <v>1</v>
      </c>
      <c r="C114183" s="14" t="s">
        <v>200</v>
      </c>
      <c r="D114183" s="14" t="s">
        <v>544</v>
      </c>
      <c r="E114183" s="15">
        <v>45679</v>
      </c>
      <c r="F114183" s="14" t="s">
        <v>53</v>
      </c>
      <c r="G114183" s="16">
        <v>1.7039722181277406</v>
      </c>
    </row>
    <row r="114184" spans="1:7" x14ac:dyDescent="0.3">
      <c r="A114184" s="13" t="s">
        <v>543</v>
      </c>
      <c r="B114184" s="14" t="s">
        <v>1</v>
      </c>
      <c r="C114184" s="14" t="s">
        <v>200</v>
      </c>
      <c r="D114184" s="14" t="s">
        <v>544</v>
      </c>
      <c r="E114184" s="15">
        <v>45680</v>
      </c>
      <c r="F114184" s="14" t="s">
        <v>53</v>
      </c>
      <c r="G114184" s="16">
        <v>1.7041528008331523</v>
      </c>
    </row>
    <row r="114185" spans="1:7" x14ac:dyDescent="0.3">
      <c r="A114185" s="13" t="s">
        <v>543</v>
      </c>
      <c r="B114185" s="14" t="s">
        <v>1</v>
      </c>
      <c r="C114185" s="14" t="s">
        <v>200</v>
      </c>
      <c r="D114185" s="14" t="s">
        <v>544</v>
      </c>
      <c r="E114185" s="15">
        <v>45681</v>
      </c>
      <c r="F114185" s="14" t="s">
        <v>53</v>
      </c>
      <c r="G114185" s="16">
        <v>1.6904233023553523</v>
      </c>
    </row>
    <row r="114186" spans="1:7" x14ac:dyDescent="0.3">
      <c r="A114186" s="13" t="s">
        <v>543</v>
      </c>
      <c r="B114186" s="14" t="s">
        <v>1</v>
      </c>
      <c r="C114186" s="14" t="s">
        <v>200</v>
      </c>
      <c r="D114186" s="14" t="s">
        <v>544</v>
      </c>
      <c r="E114186" s="15">
        <v>45682</v>
      </c>
      <c r="F114186" s="14" t="s">
        <v>53</v>
      </c>
      <c r="G114186" s="16">
        <v>1.6904233023553523</v>
      </c>
    </row>
    <row r="114187" spans="1:7" x14ac:dyDescent="0.3">
      <c r="A114187" s="13" t="s">
        <v>543</v>
      </c>
      <c r="B114187" s="14" t="s">
        <v>1</v>
      </c>
      <c r="C114187" s="14" t="s">
        <v>200</v>
      </c>
      <c r="D114187" s="14" t="s">
        <v>544</v>
      </c>
      <c r="E114187" s="15">
        <v>45683</v>
      </c>
      <c r="F114187" s="14" t="s">
        <v>53</v>
      </c>
      <c r="G114187" s="16">
        <v>1.6904233023553523</v>
      </c>
    </row>
    <row r="114188" spans="1:7" x14ac:dyDescent="0.3">
      <c r="A114188" s="13" t="s">
        <v>543</v>
      </c>
      <c r="B114188" s="14" t="s">
        <v>1</v>
      </c>
      <c r="C114188" s="14" t="s">
        <v>200</v>
      </c>
      <c r="D114188" s="14" t="s">
        <v>544</v>
      </c>
      <c r="E114188" s="15">
        <v>45684</v>
      </c>
      <c r="F114188" s="14" t="s">
        <v>53</v>
      </c>
      <c r="G114188" s="16">
        <v>1.69219734631302</v>
      </c>
    </row>
    <row r="114189" spans="1:7" x14ac:dyDescent="0.3">
      <c r="A114189" s="13" t="s">
        <v>543</v>
      </c>
      <c r="B114189" s="14" t="s">
        <v>1</v>
      </c>
      <c r="C114189" s="14" t="s">
        <v>200</v>
      </c>
      <c r="D114189" s="14" t="s">
        <v>544</v>
      </c>
      <c r="E114189" s="15">
        <v>45685</v>
      </c>
      <c r="F114189" s="14" t="s">
        <v>53</v>
      </c>
      <c r="G114189" s="16">
        <v>1.71459257193632</v>
      </c>
    </row>
    <row r="114190" spans="1:7" x14ac:dyDescent="0.3">
      <c r="A114190" s="13" t="s">
        <v>543</v>
      </c>
      <c r="B114190" s="14" t="s">
        <v>1</v>
      </c>
      <c r="C114190" s="14" t="s">
        <v>200</v>
      </c>
      <c r="D114190" s="14" t="s">
        <v>544</v>
      </c>
      <c r="E114190" s="15">
        <v>45686</v>
      </c>
      <c r="F114190" s="14" t="s">
        <v>53</v>
      </c>
      <c r="G114190" s="16">
        <v>1.7177123746009517</v>
      </c>
    </row>
    <row r="114191" spans="1:7" x14ac:dyDescent="0.3">
      <c r="A114191" s="13" t="s">
        <v>543</v>
      </c>
      <c r="B114191" s="14" t="s">
        <v>1</v>
      </c>
      <c r="C114191" s="14" t="s">
        <v>200</v>
      </c>
      <c r="D114191" s="14" t="s">
        <v>544</v>
      </c>
      <c r="E114191" s="15">
        <v>45687</v>
      </c>
      <c r="F114191" s="14" t="s">
        <v>53</v>
      </c>
      <c r="G114191" s="16">
        <v>1.725922592584896</v>
      </c>
    </row>
    <row r="114192" spans="1:7" x14ac:dyDescent="0.3">
      <c r="A114192" s="13" t="s">
        <v>543</v>
      </c>
      <c r="B114192" s="14" t="s">
        <v>1</v>
      </c>
      <c r="C114192" s="14" t="s">
        <v>200</v>
      </c>
      <c r="D114192" s="14" t="s">
        <v>544</v>
      </c>
      <c r="E114192" s="15">
        <v>45688</v>
      </c>
      <c r="F114192" s="14" t="s">
        <v>53</v>
      </c>
      <c r="G114192" s="16">
        <v>1.7345354265698274</v>
      </c>
    </row>
    <row r="114193" spans="1:7" x14ac:dyDescent="0.3">
      <c r="A114193" s="13" t="s">
        <v>543</v>
      </c>
      <c r="B114193" s="14" t="s">
        <v>1</v>
      </c>
      <c r="C114193" s="14" t="s">
        <v>200</v>
      </c>
      <c r="D114193" s="14" t="s">
        <v>544</v>
      </c>
      <c r="E114193" s="15">
        <v>45689</v>
      </c>
      <c r="F114193" s="14" t="s">
        <v>53</v>
      </c>
      <c r="G114193" s="16">
        <v>1.7345354265698274</v>
      </c>
    </row>
    <row r="114194" spans="1:7" x14ac:dyDescent="0.3">
      <c r="A114194" s="13" t="s">
        <v>543</v>
      </c>
      <c r="B114194" s="14" t="s">
        <v>1</v>
      </c>
      <c r="C114194" s="14" t="s">
        <v>200</v>
      </c>
      <c r="D114194" s="14" t="s">
        <v>544</v>
      </c>
      <c r="E114194" s="15">
        <v>45690</v>
      </c>
      <c r="F114194" s="14" t="s">
        <v>53</v>
      </c>
      <c r="G114194" s="16">
        <v>1.7345354265698274</v>
      </c>
    </row>
    <row r="114195" spans="1:7" x14ac:dyDescent="0.3">
      <c r="A114195" s="13" t="s">
        <v>543</v>
      </c>
      <c r="B114195" s="14" t="s">
        <v>1</v>
      </c>
      <c r="C114195" s="14" t="s">
        <v>200</v>
      </c>
      <c r="D114195" s="14" t="s">
        <v>544</v>
      </c>
      <c r="E114195" s="15">
        <v>45691</v>
      </c>
      <c r="F114195" s="14" t="s">
        <v>53</v>
      </c>
      <c r="G114195" s="16">
        <v>1.7345354265698274</v>
      </c>
    </row>
    <row r="114196" spans="1:7" x14ac:dyDescent="0.3">
      <c r="A114196" s="13" t="s">
        <v>543</v>
      </c>
      <c r="B114196" s="14" t="s">
        <v>1</v>
      </c>
      <c r="C114196" s="14" t="s">
        <v>200</v>
      </c>
      <c r="D114196" s="14" t="s">
        <v>544</v>
      </c>
      <c r="E114196" s="15">
        <v>45692</v>
      </c>
      <c r="F114196" s="14" t="s">
        <v>53</v>
      </c>
      <c r="G114196" s="16">
        <v>1.7278659929304248</v>
      </c>
    </row>
    <row r="114197" spans="1:7" x14ac:dyDescent="0.3">
      <c r="A114197" s="13" t="s">
        <v>543</v>
      </c>
      <c r="B114197" s="14" t="s">
        <v>1</v>
      </c>
      <c r="C114197" s="14" t="s">
        <v>200</v>
      </c>
      <c r="D114197" s="14" t="s">
        <v>544</v>
      </c>
      <c r="E114197" s="15">
        <v>45693</v>
      </c>
      <c r="F114197" s="14" t="s">
        <v>53</v>
      </c>
      <c r="G114197" s="16">
        <v>1.7448021318711111</v>
      </c>
    </row>
    <row r="114198" spans="1:7" x14ac:dyDescent="0.3">
      <c r="A114198" s="13" t="s">
        <v>543</v>
      </c>
      <c r="B114198" s="14" t="s">
        <v>1</v>
      </c>
      <c r="C114198" s="14" t="s">
        <v>200</v>
      </c>
      <c r="D114198" s="14" t="s">
        <v>544</v>
      </c>
      <c r="E114198" s="15">
        <v>45694</v>
      </c>
      <c r="F114198" s="14" t="s">
        <v>53</v>
      </c>
      <c r="G114198" s="16">
        <v>1.7601554986338397</v>
      </c>
    </row>
    <row r="114199" spans="1:7" x14ac:dyDescent="0.3">
      <c r="A114199" s="13" t="s">
        <v>543</v>
      </c>
      <c r="B114199" s="14" t="s">
        <v>1</v>
      </c>
      <c r="C114199" s="14" t="s">
        <v>200</v>
      </c>
      <c r="D114199" s="14" t="s">
        <v>544</v>
      </c>
      <c r="E114199" s="15">
        <v>45695</v>
      </c>
      <c r="F114199" s="14" t="s">
        <v>53</v>
      </c>
      <c r="G114199" s="16">
        <v>1.7689909689254362</v>
      </c>
    </row>
    <row r="114200" spans="1:7" x14ac:dyDescent="0.3">
      <c r="A114200" s="13" t="s">
        <v>543</v>
      </c>
      <c r="B114200" s="14" t="s">
        <v>1</v>
      </c>
      <c r="C114200" s="14" t="s">
        <v>200</v>
      </c>
      <c r="D114200" s="14" t="s">
        <v>544</v>
      </c>
      <c r="E114200" s="15">
        <v>45696</v>
      </c>
      <c r="F114200" s="14" t="s">
        <v>53</v>
      </c>
      <c r="G114200" s="16">
        <v>1.7689909689254362</v>
      </c>
    </row>
    <row r="114201" spans="1:7" x14ac:dyDescent="0.3">
      <c r="A114201" s="13" t="s">
        <v>543</v>
      </c>
      <c r="B114201" s="14" t="s">
        <v>1</v>
      </c>
      <c r="C114201" s="14" t="s">
        <v>200</v>
      </c>
      <c r="D114201" s="14" t="s">
        <v>544</v>
      </c>
      <c r="E114201" s="15">
        <v>45697</v>
      </c>
      <c r="F114201" s="14" t="s">
        <v>53</v>
      </c>
      <c r="G114201" s="16">
        <v>1.7689909689254362</v>
      </c>
    </row>
    <row r="114202" spans="1:7" x14ac:dyDescent="0.3">
      <c r="A114202" s="13" t="s">
        <v>543</v>
      </c>
      <c r="B114202" s="14" t="s">
        <v>1</v>
      </c>
      <c r="C114202" s="14" t="s">
        <v>200</v>
      </c>
      <c r="D114202" s="14" t="s">
        <v>544</v>
      </c>
      <c r="E114202" s="15">
        <v>45698</v>
      </c>
      <c r="F114202" s="14" t="s">
        <v>53</v>
      </c>
      <c r="G114202" s="16">
        <v>1.7799838159829779</v>
      </c>
    </row>
    <row r="114203" spans="1:7" x14ac:dyDescent="0.3">
      <c r="A114203" s="13" t="s">
        <v>543</v>
      </c>
      <c r="B114203" s="14" t="s">
        <v>1</v>
      </c>
      <c r="C114203" s="14" t="s">
        <v>200</v>
      </c>
      <c r="D114203" s="14" t="s">
        <v>544</v>
      </c>
      <c r="E114203" s="15">
        <v>45699</v>
      </c>
      <c r="F114203" s="14" t="s">
        <v>53</v>
      </c>
      <c r="G114203" s="16">
        <v>1.7855382421266079</v>
      </c>
    </row>
    <row r="114204" spans="1:7" x14ac:dyDescent="0.3">
      <c r="A114204" s="13" t="s">
        <v>543</v>
      </c>
      <c r="B114204" s="14" t="s">
        <v>1</v>
      </c>
      <c r="C114204" s="14" t="s">
        <v>200</v>
      </c>
      <c r="D114204" s="14" t="s">
        <v>544</v>
      </c>
      <c r="E114204" s="15">
        <v>45700</v>
      </c>
      <c r="F114204" s="14" t="s">
        <v>53</v>
      </c>
      <c r="G114204" s="16">
        <v>1.7916528341104321</v>
      </c>
    </row>
    <row r="114205" spans="1:7" x14ac:dyDescent="0.3">
      <c r="A114205" s="13" t="s">
        <v>543</v>
      </c>
      <c r="B114205" s="14" t="s">
        <v>1</v>
      </c>
      <c r="C114205" s="14" t="s">
        <v>200</v>
      </c>
      <c r="D114205" s="14" t="s">
        <v>544</v>
      </c>
      <c r="E114205" s="15">
        <v>45701</v>
      </c>
      <c r="F114205" s="14" t="s">
        <v>53</v>
      </c>
      <c r="G114205" s="16">
        <v>1.7812777431428226</v>
      </c>
    </row>
    <row r="114206" spans="1:7" x14ac:dyDescent="0.3">
      <c r="A114206" s="13" t="s">
        <v>543</v>
      </c>
      <c r="B114206" s="14" t="s">
        <v>1</v>
      </c>
      <c r="C114206" s="14" t="s">
        <v>200</v>
      </c>
      <c r="D114206" s="14" t="s">
        <v>544</v>
      </c>
      <c r="E114206" s="15">
        <v>45702</v>
      </c>
      <c r="F114206" s="14" t="s">
        <v>53</v>
      </c>
      <c r="G114206" s="16">
        <v>1.784139651441552</v>
      </c>
    </row>
    <row r="114207" spans="1:7" x14ac:dyDescent="0.3">
      <c r="A114207" s="13" t="s">
        <v>543</v>
      </c>
      <c r="B114207" s="14" t="s">
        <v>1</v>
      </c>
      <c r="C114207" s="14" t="s">
        <v>200</v>
      </c>
      <c r="D114207" s="14" t="s">
        <v>544</v>
      </c>
      <c r="E114207" s="15">
        <v>45703</v>
      </c>
      <c r="F114207" s="14" t="s">
        <v>53</v>
      </c>
      <c r="G114207" s="16">
        <v>1.784139651441552</v>
      </c>
    </row>
    <row r="114208" spans="1:7" x14ac:dyDescent="0.3">
      <c r="A114208" s="13" t="s">
        <v>543</v>
      </c>
      <c r="B114208" s="14" t="s">
        <v>1</v>
      </c>
      <c r="C114208" s="14" t="s">
        <v>200</v>
      </c>
      <c r="D114208" s="14" t="s">
        <v>544</v>
      </c>
      <c r="E114208" s="15">
        <v>45704</v>
      </c>
      <c r="F114208" s="14" t="s">
        <v>53</v>
      </c>
      <c r="G114208" s="16">
        <v>1.784139651441552</v>
      </c>
    </row>
    <row r="114209" spans="1:7" x14ac:dyDescent="0.3">
      <c r="A114209" s="13" t="s">
        <v>543</v>
      </c>
      <c r="B114209" s="14" t="s">
        <v>1</v>
      </c>
      <c r="C114209" s="14" t="s">
        <v>200</v>
      </c>
      <c r="D114209" s="14" t="s">
        <v>544</v>
      </c>
      <c r="E114209" s="15">
        <v>45705</v>
      </c>
      <c r="F114209" s="14" t="s">
        <v>53</v>
      </c>
      <c r="G114209" s="16">
        <v>1.784139651441552</v>
      </c>
    </row>
    <row r="114210" spans="1:7" x14ac:dyDescent="0.3">
      <c r="A114210" s="13" t="s">
        <v>543</v>
      </c>
      <c r="B114210" s="14" t="s">
        <v>1</v>
      </c>
      <c r="C114210" s="14" t="s">
        <v>200</v>
      </c>
      <c r="D114210" s="14" t="s">
        <v>544</v>
      </c>
      <c r="E114210" s="15">
        <v>45706</v>
      </c>
      <c r="F114210" s="14" t="s">
        <v>53</v>
      </c>
      <c r="G114210" s="16">
        <v>1.7862123099338798</v>
      </c>
    </row>
    <row r="114211" spans="1:7" x14ac:dyDescent="0.3">
      <c r="A114211" s="13" t="s">
        <v>543</v>
      </c>
      <c r="B114211" s="14" t="s">
        <v>1</v>
      </c>
      <c r="C114211" s="14" t="s">
        <v>200</v>
      </c>
      <c r="D114211" s="14" t="s">
        <v>544</v>
      </c>
      <c r="E114211" s="15">
        <v>45707</v>
      </c>
      <c r="F114211" s="14" t="s">
        <v>53</v>
      </c>
      <c r="G114211" s="16">
        <v>1.8107331593908067</v>
      </c>
    </row>
    <row r="114212" spans="1:7" x14ac:dyDescent="0.3">
      <c r="A114212" s="13" t="s">
        <v>543</v>
      </c>
      <c r="B114212" s="14" t="s">
        <v>1</v>
      </c>
      <c r="C114212" s="14" t="s">
        <v>200</v>
      </c>
      <c r="D114212" s="14" t="s">
        <v>544</v>
      </c>
      <c r="E114212" s="15">
        <v>45708</v>
      </c>
      <c r="F114212" s="14" t="s">
        <v>53</v>
      </c>
      <c r="G114212" s="16">
        <v>1.8044141304181545</v>
      </c>
    </row>
    <row r="114213" spans="1:7" x14ac:dyDescent="0.3">
      <c r="A114213" s="13" t="s">
        <v>543</v>
      </c>
      <c r="B114213" s="14" t="s">
        <v>1</v>
      </c>
      <c r="C114213" s="14" t="s">
        <v>200</v>
      </c>
      <c r="D114213" s="14" t="s">
        <v>544</v>
      </c>
      <c r="E114213" s="15">
        <v>45709</v>
      </c>
      <c r="F114213" s="14" t="s">
        <v>53</v>
      </c>
      <c r="G114213" s="16">
        <v>1.8157111965812074</v>
      </c>
    </row>
    <row r="114214" spans="1:7" x14ac:dyDescent="0.3">
      <c r="A114214" s="13" t="s">
        <v>543</v>
      </c>
      <c r="B114214" s="14" t="s">
        <v>1</v>
      </c>
      <c r="C114214" s="14" t="s">
        <v>200</v>
      </c>
      <c r="D114214" s="14" t="s">
        <v>544</v>
      </c>
      <c r="E114214" s="15">
        <v>45710</v>
      </c>
      <c r="F114214" s="14" t="s">
        <v>53</v>
      </c>
      <c r="G114214" s="16">
        <v>1.8157111965812074</v>
      </c>
    </row>
    <row r="114215" spans="1:7" x14ac:dyDescent="0.3">
      <c r="A114215" s="13" t="s">
        <v>543</v>
      </c>
      <c r="B114215" s="14" t="s">
        <v>1</v>
      </c>
      <c r="C114215" s="14" t="s">
        <v>200</v>
      </c>
      <c r="D114215" s="14" t="s">
        <v>544</v>
      </c>
      <c r="E114215" s="15">
        <v>45711</v>
      </c>
      <c r="F114215" s="14" t="s">
        <v>53</v>
      </c>
      <c r="G114215" s="16">
        <v>1.8157111965812074</v>
      </c>
    </row>
    <row r="114216" spans="1:7" x14ac:dyDescent="0.3">
      <c r="A114216" s="13" t="s">
        <v>543</v>
      </c>
      <c r="B114216" s="14" t="s">
        <v>1</v>
      </c>
      <c r="C114216" s="14" t="s">
        <v>200</v>
      </c>
      <c r="D114216" s="14" t="s">
        <v>544</v>
      </c>
      <c r="E114216" s="15">
        <v>45712</v>
      </c>
      <c r="F114216" s="14" t="s">
        <v>53</v>
      </c>
      <c r="G114216" s="16">
        <v>1.8230006283578704</v>
      </c>
    </row>
    <row r="114217" spans="1:7" x14ac:dyDescent="0.3">
      <c r="A114217" s="13" t="s">
        <v>543</v>
      </c>
      <c r="B114217" s="14" t="s">
        <v>1</v>
      </c>
      <c r="C114217" s="14" t="s">
        <v>200</v>
      </c>
      <c r="D114217" s="14" t="s">
        <v>544</v>
      </c>
      <c r="E114217" s="15">
        <v>45713</v>
      </c>
      <c r="F114217" s="14" t="s">
        <v>53</v>
      </c>
      <c r="G114217" s="16">
        <v>1.8330359422667577</v>
      </c>
    </row>
    <row r="114218" spans="1:7" x14ac:dyDescent="0.3">
      <c r="A114218" s="13" t="s">
        <v>543</v>
      </c>
      <c r="B114218" s="14" t="s">
        <v>1</v>
      </c>
      <c r="C114218" s="14" t="s">
        <v>200</v>
      </c>
      <c r="D114218" s="14" t="s">
        <v>544</v>
      </c>
      <c r="E114218" s="15">
        <v>45714</v>
      </c>
      <c r="F114218" s="14" t="s">
        <v>53</v>
      </c>
      <c r="G114218" s="16">
        <v>1.8378078628195171</v>
      </c>
    </row>
    <row r="114219" spans="1:7" x14ac:dyDescent="0.3">
      <c r="A114219" s="13" t="s">
        <v>543</v>
      </c>
      <c r="B114219" s="14" t="s">
        <v>1</v>
      </c>
      <c r="C114219" s="14" t="s">
        <v>200</v>
      </c>
      <c r="D114219" s="14" t="s">
        <v>544</v>
      </c>
      <c r="E114219" s="15">
        <v>45715</v>
      </c>
      <c r="F114219" s="14" t="s">
        <v>53</v>
      </c>
      <c r="G114219" s="16">
        <v>1.8543730008682704</v>
      </c>
    </row>
    <row r="114220" spans="1:7" x14ac:dyDescent="0.3">
      <c r="A114220" s="13" t="s">
        <v>543</v>
      </c>
      <c r="B114220" s="14" t="s">
        <v>1</v>
      </c>
      <c r="C114220" s="14" t="s">
        <v>200</v>
      </c>
      <c r="D114220" s="14" t="s">
        <v>544</v>
      </c>
      <c r="E114220" s="15">
        <v>45716</v>
      </c>
      <c r="F114220" s="14" t="s">
        <v>53</v>
      </c>
      <c r="G114220" s="16">
        <v>1.8633654418692367</v>
      </c>
    </row>
    <row r="114221" spans="1:7" x14ac:dyDescent="0.3">
      <c r="A114221" s="13" t="s">
        <v>543</v>
      </c>
      <c r="B114221" s="14" t="s">
        <v>1</v>
      </c>
      <c r="C114221" s="14" t="s">
        <v>200</v>
      </c>
      <c r="D114221" s="14" t="s">
        <v>544</v>
      </c>
      <c r="E114221" s="15">
        <v>45717</v>
      </c>
      <c r="F114221" s="14" t="s">
        <v>53</v>
      </c>
      <c r="G114221" s="16">
        <v>1.8633654418692367</v>
      </c>
    </row>
    <row r="114222" spans="1:7" x14ac:dyDescent="0.3">
      <c r="A114222" s="13" t="s">
        <v>543</v>
      </c>
      <c r="B114222" s="14" t="s">
        <v>1</v>
      </c>
      <c r="C114222" s="14" t="s">
        <v>200</v>
      </c>
      <c r="D114222" s="14" t="s">
        <v>544</v>
      </c>
      <c r="E114222" s="15">
        <v>45718</v>
      </c>
      <c r="F114222" s="14" t="s">
        <v>53</v>
      </c>
      <c r="G114222" s="16">
        <v>1.8633654418692367</v>
      </c>
    </row>
    <row r="114223" spans="1:7" x14ac:dyDescent="0.3">
      <c r="A114223" s="13" t="s">
        <v>543</v>
      </c>
      <c r="B114223" s="14" t="s">
        <v>1</v>
      </c>
      <c r="C114223" s="14" t="s">
        <v>200</v>
      </c>
      <c r="D114223" s="14" t="s">
        <v>544</v>
      </c>
      <c r="E114223" s="15">
        <v>45719</v>
      </c>
      <c r="F114223" s="14" t="s">
        <v>53</v>
      </c>
      <c r="G114223" s="16">
        <v>1.8539833033086532</v>
      </c>
    </row>
    <row r="114224" spans="1:7" x14ac:dyDescent="0.3">
      <c r="A114224" s="13" t="s">
        <v>543</v>
      </c>
      <c r="B114224" s="14" t="s">
        <v>1</v>
      </c>
      <c r="C114224" s="14" t="s">
        <v>200</v>
      </c>
      <c r="D114224" s="14" t="s">
        <v>544</v>
      </c>
      <c r="E114224" s="15">
        <v>45720</v>
      </c>
      <c r="F114224" s="14" t="s">
        <v>53</v>
      </c>
      <c r="G114224" s="16">
        <v>1.8565218683817875</v>
      </c>
    </row>
    <row r="114225" spans="1:7" x14ac:dyDescent="0.3">
      <c r="A114225" s="13" t="s">
        <v>543</v>
      </c>
      <c r="B114225" s="14" t="s">
        <v>1</v>
      </c>
      <c r="C114225" s="14" t="s">
        <v>200</v>
      </c>
      <c r="D114225" s="14" t="s">
        <v>544</v>
      </c>
      <c r="E114225" s="15">
        <v>45721</v>
      </c>
      <c r="F114225" s="14" t="s">
        <v>53</v>
      </c>
      <c r="G114225" s="16">
        <v>1.8473440951991902</v>
      </c>
    </row>
    <row r="114226" spans="1:7" x14ac:dyDescent="0.3">
      <c r="A114226" s="13" t="s">
        <v>543</v>
      </c>
      <c r="B114226" s="14" t="s">
        <v>1</v>
      </c>
      <c r="C114226" s="14" t="s">
        <v>200</v>
      </c>
      <c r="D114226" s="14" t="s">
        <v>544</v>
      </c>
      <c r="E114226" s="15">
        <v>45722</v>
      </c>
      <c r="F114226" s="14" t="s">
        <v>53</v>
      </c>
      <c r="G114226" s="16">
        <v>1.8545277628576107</v>
      </c>
    </row>
    <row r="114227" spans="1:7" x14ac:dyDescent="0.3">
      <c r="A114227" s="13" t="s">
        <v>543</v>
      </c>
      <c r="B114227" s="14" t="s">
        <v>1</v>
      </c>
      <c r="C114227" s="14" t="s">
        <v>200</v>
      </c>
      <c r="D114227" s="14" t="s">
        <v>544</v>
      </c>
      <c r="E114227" s="15">
        <v>45723</v>
      </c>
      <c r="F114227" s="14" t="s">
        <v>53</v>
      </c>
      <c r="G114227" s="16">
        <v>1.8543409286604258</v>
      </c>
    </row>
    <row r="114228" spans="1:7" x14ac:dyDescent="0.3">
      <c r="A114228" s="13" t="s">
        <v>543</v>
      </c>
      <c r="B114228" s="14" t="s">
        <v>1</v>
      </c>
      <c r="C114228" s="14" t="s">
        <v>200</v>
      </c>
      <c r="D114228" s="14" t="s">
        <v>544</v>
      </c>
      <c r="E114228" s="15">
        <v>45724</v>
      </c>
      <c r="F114228" s="14" t="s">
        <v>53</v>
      </c>
      <c r="G114228" s="16">
        <v>1.8543409286604258</v>
      </c>
    </row>
    <row r="114229" spans="1:7" x14ac:dyDescent="0.3">
      <c r="A114229" s="13" t="s">
        <v>543</v>
      </c>
      <c r="B114229" s="14" t="s">
        <v>1</v>
      </c>
      <c r="C114229" s="14" t="s">
        <v>200</v>
      </c>
      <c r="D114229" s="14" t="s">
        <v>544</v>
      </c>
      <c r="E114229" s="15">
        <v>45725</v>
      </c>
      <c r="F114229" s="14" t="s">
        <v>53</v>
      </c>
      <c r="G114229" s="16">
        <v>1.8543409286604258</v>
      </c>
    </row>
    <row r="114230" spans="1:7" x14ac:dyDescent="0.3">
      <c r="A114230" s="13" t="s">
        <v>543</v>
      </c>
      <c r="B114230" s="14" t="s">
        <v>1</v>
      </c>
      <c r="C114230" s="14" t="s">
        <v>200</v>
      </c>
      <c r="D114230" s="14" t="s">
        <v>544</v>
      </c>
      <c r="E114230" s="15">
        <v>45726</v>
      </c>
      <c r="F114230" s="14" t="s">
        <v>53</v>
      </c>
      <c r="G114230" s="16">
        <v>1.8658900305534558</v>
      </c>
    </row>
    <row r="114231" spans="1:7" x14ac:dyDescent="0.3">
      <c r="A114231" s="13" t="s">
        <v>543</v>
      </c>
      <c r="B114231" s="14" t="s">
        <v>1</v>
      </c>
      <c r="C114231" s="14" t="s">
        <v>200</v>
      </c>
      <c r="D114231" s="14" t="s">
        <v>544</v>
      </c>
      <c r="E114231" s="15">
        <v>45727</v>
      </c>
      <c r="F114231" s="14" t="s">
        <v>53</v>
      </c>
      <c r="G114231" s="16">
        <v>1.8720976122432991</v>
      </c>
    </row>
    <row r="114232" spans="1:7" x14ac:dyDescent="0.3">
      <c r="A114232" s="13" t="s">
        <v>543</v>
      </c>
      <c r="B114232" s="14" t="s">
        <v>1</v>
      </c>
      <c r="C114232" s="14" t="s">
        <v>200</v>
      </c>
      <c r="D114232" s="14" t="s">
        <v>544</v>
      </c>
      <c r="E114232" s="15">
        <v>45728</v>
      </c>
      <c r="F114232" s="14" t="s">
        <v>53</v>
      </c>
      <c r="G114232" s="16">
        <v>1.8770487855998466</v>
      </c>
    </row>
    <row r="114233" spans="1:7" x14ac:dyDescent="0.3">
      <c r="A114233" s="13" t="s">
        <v>543</v>
      </c>
      <c r="B114233" s="14" t="s">
        <v>1</v>
      </c>
      <c r="C114233" s="14" t="s">
        <v>200</v>
      </c>
      <c r="D114233" s="14" t="s">
        <v>544</v>
      </c>
      <c r="E114233" s="15">
        <v>45729</v>
      </c>
      <c r="F114233" s="14" t="s">
        <v>53</v>
      </c>
      <c r="G114233" s="16">
        <v>1.885070911670282</v>
      </c>
    </row>
    <row r="114234" spans="1:7" x14ac:dyDescent="0.3">
      <c r="A114234" s="13" t="s">
        <v>543</v>
      </c>
      <c r="B114234" s="14" t="s">
        <v>1</v>
      </c>
      <c r="C114234" s="14" t="s">
        <v>200</v>
      </c>
      <c r="D114234" s="14" t="s">
        <v>544</v>
      </c>
      <c r="E114234" s="15">
        <v>45730</v>
      </c>
      <c r="F114234" s="14" t="s">
        <v>53</v>
      </c>
      <c r="G114234" s="16">
        <v>1.8930049195456025</v>
      </c>
    </row>
    <row r="114235" spans="1:7" x14ac:dyDescent="0.3">
      <c r="A114235" s="13" t="s">
        <v>543</v>
      </c>
      <c r="B114235" s="14" t="s">
        <v>1</v>
      </c>
      <c r="C114235" s="14" t="s">
        <v>200</v>
      </c>
      <c r="D114235" s="14" t="s">
        <v>544</v>
      </c>
      <c r="E114235" s="15">
        <v>45731</v>
      </c>
      <c r="F114235" s="14" t="s">
        <v>53</v>
      </c>
      <c r="G114235" s="16">
        <v>1.8930049195456025</v>
      </c>
    </row>
    <row r="114236" spans="1:7" x14ac:dyDescent="0.3">
      <c r="A114236" s="13" t="s">
        <v>543</v>
      </c>
      <c r="B114236" s="14" t="s">
        <v>1</v>
      </c>
      <c r="C114236" s="14" t="s">
        <v>200</v>
      </c>
      <c r="D114236" s="14" t="s">
        <v>544</v>
      </c>
      <c r="E114236" s="15">
        <v>45732</v>
      </c>
      <c r="F114236" s="14" t="s">
        <v>53</v>
      </c>
      <c r="G114236" s="16">
        <v>1.8930049195456025</v>
      </c>
    </row>
    <row r="114237" spans="1:7" x14ac:dyDescent="0.3">
      <c r="A114237" s="13" t="s">
        <v>543</v>
      </c>
      <c r="B114237" s="14" t="s">
        <v>1</v>
      </c>
      <c r="C114237" s="14" t="s">
        <v>200</v>
      </c>
      <c r="D114237" s="14" t="s">
        <v>544</v>
      </c>
      <c r="E114237" s="15">
        <v>45733</v>
      </c>
      <c r="F114237" s="14" t="s">
        <v>53</v>
      </c>
      <c r="G114237" s="16">
        <v>1.8930049195456025</v>
      </c>
    </row>
    <row r="114238" spans="1:7" x14ac:dyDescent="0.3">
      <c r="A114238" s="13" t="s">
        <v>543</v>
      </c>
      <c r="B114238" s="14" t="s">
        <v>1</v>
      </c>
      <c r="C114238" s="14" t="s">
        <v>200</v>
      </c>
      <c r="D114238" s="14" t="s">
        <v>544</v>
      </c>
      <c r="E114238" s="15">
        <v>45734</v>
      </c>
      <c r="F114238" s="14" t="s">
        <v>53</v>
      </c>
      <c r="G114238" s="16">
        <v>1.8889034313989417</v>
      </c>
    </row>
    <row r="114239" spans="1:7" x14ac:dyDescent="0.3">
      <c r="A114239" s="13" t="s">
        <v>543</v>
      </c>
      <c r="B114239" s="14" t="s">
        <v>1</v>
      </c>
      <c r="C114239" s="14" t="s">
        <v>200</v>
      </c>
      <c r="D114239" s="14" t="s">
        <v>544</v>
      </c>
      <c r="E114239" s="15">
        <v>45735</v>
      </c>
      <c r="F114239" s="14" t="s">
        <v>53</v>
      </c>
      <c r="G114239" s="16">
        <v>1.9080261289163589</v>
      </c>
    </row>
    <row r="114240" spans="1:7" x14ac:dyDescent="0.3">
      <c r="A114240" s="13" t="s">
        <v>543</v>
      </c>
      <c r="B114240" s="14" t="s">
        <v>1</v>
      </c>
      <c r="C114240" s="14" t="s">
        <v>200</v>
      </c>
      <c r="D114240" s="14" t="s">
        <v>544</v>
      </c>
      <c r="E114240" s="15">
        <v>45736</v>
      </c>
      <c r="F114240" s="14" t="s">
        <v>53</v>
      </c>
      <c r="G114240" s="16">
        <v>1.919292785213</v>
      </c>
    </row>
    <row r="114241" spans="1:7" x14ac:dyDescent="0.3">
      <c r="A114241" s="13" t="s">
        <v>543</v>
      </c>
      <c r="B114241" s="14" t="s">
        <v>1</v>
      </c>
      <c r="C114241" s="14" t="s">
        <v>200</v>
      </c>
      <c r="D114241" s="14" t="s">
        <v>544</v>
      </c>
      <c r="E114241" s="15">
        <v>45737</v>
      </c>
      <c r="F114241" s="14" t="s">
        <v>53</v>
      </c>
      <c r="G114241" s="16">
        <v>1.9285708866792175</v>
      </c>
    </row>
    <row r="114242" spans="1:7" x14ac:dyDescent="0.3">
      <c r="A114242" s="13" t="s">
        <v>543</v>
      </c>
      <c r="B114242" s="14" t="s">
        <v>1</v>
      </c>
      <c r="C114242" s="14" t="s">
        <v>200</v>
      </c>
      <c r="D114242" s="14" t="s">
        <v>544</v>
      </c>
      <c r="E114242" s="15">
        <v>45738</v>
      </c>
      <c r="F114242" s="14" t="s">
        <v>53</v>
      </c>
      <c r="G114242" s="16">
        <v>1.9285708866792175</v>
      </c>
    </row>
    <row r="114243" spans="1:7" x14ac:dyDescent="0.3">
      <c r="A114243" s="13" t="s">
        <v>543</v>
      </c>
      <c r="B114243" s="14" t="s">
        <v>1</v>
      </c>
      <c r="C114243" s="14" t="s">
        <v>200</v>
      </c>
      <c r="D114243" s="14" t="s">
        <v>544</v>
      </c>
      <c r="E114243" s="15">
        <v>45739</v>
      </c>
      <c r="F114243" s="14" t="s">
        <v>53</v>
      </c>
      <c r="G114243" s="16">
        <v>1.9285708866792175</v>
      </c>
    </row>
    <row r="114244" spans="1:7" x14ac:dyDescent="0.3">
      <c r="A114244" s="13" t="s">
        <v>543</v>
      </c>
      <c r="B114244" s="14" t="s">
        <v>1</v>
      </c>
      <c r="C114244" s="14" t="s">
        <v>200</v>
      </c>
      <c r="D114244" s="14" t="s">
        <v>544</v>
      </c>
      <c r="E114244" s="15">
        <v>45740</v>
      </c>
      <c r="F114244" s="14" t="s">
        <v>53</v>
      </c>
      <c r="G114244" s="16">
        <v>1.9323676417245923</v>
      </c>
    </row>
    <row r="114245" spans="1:7" x14ac:dyDescent="0.3">
      <c r="A114245" s="13" t="s">
        <v>543</v>
      </c>
      <c r="B114245" s="14" t="s">
        <v>1</v>
      </c>
      <c r="C114245" s="14" t="s">
        <v>200</v>
      </c>
      <c r="D114245" s="14" t="s">
        <v>544</v>
      </c>
      <c r="E114245" s="15">
        <v>45741</v>
      </c>
      <c r="F114245" s="14" t="s">
        <v>53</v>
      </c>
      <c r="G114245" s="16">
        <v>1.9456892560588195</v>
      </c>
    </row>
    <row r="114246" spans="1:7" x14ac:dyDescent="0.3">
      <c r="A114246" s="13" t="s">
        <v>543</v>
      </c>
      <c r="B114246" s="14" t="s">
        <v>1</v>
      </c>
      <c r="C114246" s="14" t="s">
        <v>200</v>
      </c>
      <c r="D114246" s="14" t="s">
        <v>544</v>
      </c>
      <c r="E114246" s="15">
        <v>45742</v>
      </c>
      <c r="F114246" s="14" t="s">
        <v>53</v>
      </c>
      <c r="G114246" s="16">
        <v>1.9586870076983913</v>
      </c>
    </row>
    <row r="114247" spans="1:7" x14ac:dyDescent="0.3">
      <c r="A114247" s="13" t="s">
        <v>543</v>
      </c>
      <c r="B114247" s="14" t="s">
        <v>1</v>
      </c>
      <c r="C114247" s="14" t="s">
        <v>200</v>
      </c>
      <c r="D114247" s="14" t="s">
        <v>544</v>
      </c>
      <c r="E114247" s="15">
        <v>45743</v>
      </c>
      <c r="F114247" s="14" t="s">
        <v>53</v>
      </c>
      <c r="G114247" s="16">
        <v>1.9544493129134037</v>
      </c>
    </row>
    <row r="114248" spans="1:7" x14ac:dyDescent="0.3">
      <c r="A114248" s="13" t="s">
        <v>543</v>
      </c>
      <c r="B114248" s="14" t="s">
        <v>1</v>
      </c>
      <c r="C114248" s="14" t="s">
        <v>200</v>
      </c>
      <c r="D114248" s="14" t="s">
        <v>544</v>
      </c>
      <c r="E114248" s="15">
        <v>45744</v>
      </c>
      <c r="F114248" s="14" t="s">
        <v>53</v>
      </c>
      <c r="G114248" s="16">
        <v>1.9605420583015551</v>
      </c>
    </row>
    <row r="114249" spans="1:7" x14ac:dyDescent="0.3">
      <c r="A114249" s="13" t="s">
        <v>543</v>
      </c>
      <c r="B114249" s="14" t="s">
        <v>1</v>
      </c>
      <c r="C114249" s="14" t="s">
        <v>200</v>
      </c>
      <c r="D114249" s="14" t="s">
        <v>544</v>
      </c>
      <c r="E114249" s="15">
        <v>45745</v>
      </c>
      <c r="F114249" s="14" t="s">
        <v>53</v>
      </c>
      <c r="G114249" s="16">
        <v>1.9605420583015551</v>
      </c>
    </row>
    <row r="114250" spans="1:7" x14ac:dyDescent="0.3">
      <c r="A114250" s="13" t="s">
        <v>543</v>
      </c>
      <c r="B114250" s="14" t="s">
        <v>1</v>
      </c>
      <c r="C114250" s="14" t="s">
        <v>200</v>
      </c>
      <c r="D114250" s="14" t="s">
        <v>544</v>
      </c>
      <c r="E114250" s="15">
        <v>45746</v>
      </c>
      <c r="F114250" s="14" t="s">
        <v>53</v>
      </c>
      <c r="G114250" s="16">
        <v>1.9605420583015551</v>
      </c>
    </row>
    <row r="114251" spans="1:7" x14ac:dyDescent="0.3">
      <c r="A114251" s="13" t="s">
        <v>543</v>
      </c>
      <c r="B114251" s="14" t="s">
        <v>1</v>
      </c>
      <c r="C114251" s="14" t="s">
        <v>200</v>
      </c>
      <c r="D114251" s="14" t="s">
        <v>544</v>
      </c>
      <c r="E114251" s="15">
        <v>45747</v>
      </c>
      <c r="F114251" s="14" t="s">
        <v>53</v>
      </c>
      <c r="G114251" s="16">
        <v>1.9698265773478045</v>
      </c>
    </row>
    <row r="114252" spans="1:7" x14ac:dyDescent="0.3">
      <c r="A114252" s="13" t="s">
        <v>545</v>
      </c>
      <c r="B114252" s="14" t="s">
        <v>1</v>
      </c>
      <c r="C114252" s="14" t="s">
        <v>546</v>
      </c>
      <c r="D114252" s="14" t="s">
        <v>146</v>
      </c>
      <c r="E114252" s="15">
        <v>45383</v>
      </c>
      <c r="F114252" s="14" t="s">
        <v>61</v>
      </c>
      <c r="G114252" s="16">
        <v>0</v>
      </c>
    </row>
    <row r="114253" spans="1:7" x14ac:dyDescent="0.3">
      <c r="A114253" s="13" t="s">
        <v>545</v>
      </c>
      <c r="B114253" s="14" t="s">
        <v>1</v>
      </c>
      <c r="C114253" s="14" t="s">
        <v>546</v>
      </c>
      <c r="D114253" s="14" t="s">
        <v>146</v>
      </c>
      <c r="E114253" s="15">
        <v>45384</v>
      </c>
      <c r="F114253" s="14" t="s">
        <v>61</v>
      </c>
      <c r="G114253" s="16">
        <v>0</v>
      </c>
    </row>
    <row r="114254" spans="1:7" x14ac:dyDescent="0.3">
      <c r="A114254" s="13" t="s">
        <v>545</v>
      </c>
      <c r="B114254" s="14" t="s">
        <v>1</v>
      </c>
      <c r="C114254" s="14" t="s">
        <v>546</v>
      </c>
      <c r="D114254" s="14" t="s">
        <v>146</v>
      </c>
      <c r="E114254" s="15">
        <v>45385</v>
      </c>
      <c r="F114254" s="14" t="s">
        <v>61</v>
      </c>
      <c r="G114254" s="16">
        <v>0</v>
      </c>
    </row>
    <row r="114255" spans="1:7" x14ac:dyDescent="0.3">
      <c r="A114255" s="13" t="s">
        <v>545</v>
      </c>
      <c r="B114255" s="14" t="s">
        <v>1</v>
      </c>
      <c r="C114255" s="14" t="s">
        <v>546</v>
      </c>
      <c r="D114255" s="14" t="s">
        <v>146</v>
      </c>
      <c r="E114255" s="15">
        <v>45386</v>
      </c>
      <c r="F114255" s="14" t="s">
        <v>61</v>
      </c>
      <c r="G114255" s="16">
        <v>0</v>
      </c>
    </row>
    <row r="114256" spans="1:7" x14ac:dyDescent="0.3">
      <c r="A114256" s="13" t="s">
        <v>545</v>
      </c>
      <c r="B114256" s="14" t="s">
        <v>1</v>
      </c>
      <c r="C114256" s="14" t="s">
        <v>546</v>
      </c>
      <c r="D114256" s="14" t="s">
        <v>146</v>
      </c>
      <c r="E114256" s="15">
        <v>45387</v>
      </c>
      <c r="F114256" s="14" t="s">
        <v>61</v>
      </c>
      <c r="G114256" s="16">
        <v>0</v>
      </c>
    </row>
    <row r="114257" spans="1:7" x14ac:dyDescent="0.3">
      <c r="A114257" s="13" t="s">
        <v>545</v>
      </c>
      <c r="B114257" s="14" t="s">
        <v>1</v>
      </c>
      <c r="C114257" s="14" t="s">
        <v>546</v>
      </c>
      <c r="D114257" s="14" t="s">
        <v>146</v>
      </c>
      <c r="E114257" s="15">
        <v>45388</v>
      </c>
      <c r="F114257" s="14" t="s">
        <v>61</v>
      </c>
      <c r="G114257" s="16">
        <v>0</v>
      </c>
    </row>
    <row r="114258" spans="1:7" x14ac:dyDescent="0.3">
      <c r="A114258" s="13" t="s">
        <v>545</v>
      </c>
      <c r="B114258" s="14" t="s">
        <v>1</v>
      </c>
      <c r="C114258" s="14" t="s">
        <v>546</v>
      </c>
      <c r="D114258" s="14" t="s">
        <v>146</v>
      </c>
      <c r="E114258" s="15">
        <v>45389</v>
      </c>
      <c r="F114258" s="14" t="s">
        <v>61</v>
      </c>
      <c r="G114258" s="16">
        <v>0</v>
      </c>
    </row>
    <row r="114259" spans="1:7" x14ac:dyDescent="0.3">
      <c r="A114259" s="13" t="s">
        <v>545</v>
      </c>
      <c r="B114259" s="14" t="s">
        <v>1</v>
      </c>
      <c r="C114259" s="14" t="s">
        <v>546</v>
      </c>
      <c r="D114259" s="14" t="s">
        <v>146</v>
      </c>
      <c r="E114259" s="15">
        <v>45390</v>
      </c>
      <c r="F114259" s="14" t="s">
        <v>61</v>
      </c>
      <c r="G114259" s="16">
        <v>0</v>
      </c>
    </row>
    <row r="114260" spans="1:7" x14ac:dyDescent="0.3">
      <c r="A114260" s="13" t="s">
        <v>545</v>
      </c>
      <c r="B114260" s="14" t="s">
        <v>1</v>
      </c>
      <c r="C114260" s="14" t="s">
        <v>546</v>
      </c>
      <c r="D114260" s="14" t="s">
        <v>146</v>
      </c>
      <c r="E114260" s="15">
        <v>45391</v>
      </c>
      <c r="F114260" s="14" t="s">
        <v>61</v>
      </c>
      <c r="G114260" s="16">
        <v>0</v>
      </c>
    </row>
    <row r="114261" spans="1:7" x14ac:dyDescent="0.3">
      <c r="A114261" s="13" t="s">
        <v>545</v>
      </c>
      <c r="B114261" s="14" t="s">
        <v>1</v>
      </c>
      <c r="C114261" s="14" t="s">
        <v>546</v>
      </c>
      <c r="D114261" s="14" t="s">
        <v>146</v>
      </c>
      <c r="E114261" s="15">
        <v>45392</v>
      </c>
      <c r="F114261" s="14" t="s">
        <v>61</v>
      </c>
      <c r="G114261" s="16">
        <v>0</v>
      </c>
    </row>
    <row r="114262" spans="1:7" x14ac:dyDescent="0.3">
      <c r="A114262" s="13" t="s">
        <v>545</v>
      </c>
      <c r="B114262" s="14" t="s">
        <v>1</v>
      </c>
      <c r="C114262" s="14" t="s">
        <v>546</v>
      </c>
      <c r="D114262" s="14" t="s">
        <v>146</v>
      </c>
      <c r="E114262" s="15">
        <v>45393</v>
      </c>
      <c r="F114262" s="14" t="s">
        <v>61</v>
      </c>
      <c r="G114262" s="16">
        <v>0</v>
      </c>
    </row>
    <row r="114263" spans="1:7" x14ac:dyDescent="0.3">
      <c r="A114263" s="13" t="s">
        <v>545</v>
      </c>
      <c r="B114263" s="14" t="s">
        <v>1</v>
      </c>
      <c r="C114263" s="14" t="s">
        <v>546</v>
      </c>
      <c r="D114263" s="14" t="s">
        <v>146</v>
      </c>
      <c r="E114263" s="15">
        <v>45394</v>
      </c>
      <c r="F114263" s="14" t="s">
        <v>61</v>
      </c>
      <c r="G114263" s="16">
        <v>0</v>
      </c>
    </row>
    <row r="114264" spans="1:7" x14ac:dyDescent="0.3">
      <c r="A114264" s="13" t="s">
        <v>545</v>
      </c>
      <c r="B114264" s="14" t="s">
        <v>1</v>
      </c>
      <c r="C114264" s="14" t="s">
        <v>546</v>
      </c>
      <c r="D114264" s="14" t="s">
        <v>146</v>
      </c>
      <c r="E114264" s="15">
        <v>45395</v>
      </c>
      <c r="F114264" s="14" t="s">
        <v>61</v>
      </c>
      <c r="G114264" s="16">
        <v>0</v>
      </c>
    </row>
    <row r="114265" spans="1:7" x14ac:dyDescent="0.3">
      <c r="A114265" s="13" t="s">
        <v>545</v>
      </c>
      <c r="B114265" s="14" t="s">
        <v>1</v>
      </c>
      <c r="C114265" s="14" t="s">
        <v>546</v>
      </c>
      <c r="D114265" s="14" t="s">
        <v>146</v>
      </c>
      <c r="E114265" s="15">
        <v>45396</v>
      </c>
      <c r="F114265" s="14" t="s">
        <v>61</v>
      </c>
      <c r="G114265" s="16">
        <v>0</v>
      </c>
    </row>
    <row r="114266" spans="1:7" x14ac:dyDescent="0.3">
      <c r="A114266" s="13" t="s">
        <v>545</v>
      </c>
      <c r="B114266" s="14" t="s">
        <v>1</v>
      </c>
      <c r="C114266" s="14" t="s">
        <v>546</v>
      </c>
      <c r="D114266" s="14" t="s">
        <v>146</v>
      </c>
      <c r="E114266" s="15">
        <v>45397</v>
      </c>
      <c r="F114266" s="14" t="s">
        <v>61</v>
      </c>
      <c r="G114266" s="16">
        <v>0</v>
      </c>
    </row>
    <row r="114267" spans="1:7" x14ac:dyDescent="0.3">
      <c r="A114267" s="13" t="s">
        <v>545</v>
      </c>
      <c r="B114267" s="14" t="s">
        <v>1</v>
      </c>
      <c r="C114267" s="14" t="s">
        <v>546</v>
      </c>
      <c r="D114267" s="14" t="s">
        <v>146</v>
      </c>
      <c r="E114267" s="15">
        <v>45398</v>
      </c>
      <c r="F114267" s="14" t="s">
        <v>61</v>
      </c>
      <c r="G114267" s="16">
        <v>0</v>
      </c>
    </row>
    <row r="114268" spans="1:7" x14ac:dyDescent="0.3">
      <c r="A114268" s="13" t="s">
        <v>545</v>
      </c>
      <c r="B114268" s="14" t="s">
        <v>1</v>
      </c>
      <c r="C114268" s="14" t="s">
        <v>546</v>
      </c>
      <c r="D114268" s="14" t="s">
        <v>146</v>
      </c>
      <c r="E114268" s="15">
        <v>45399</v>
      </c>
      <c r="F114268" s="14" t="s">
        <v>61</v>
      </c>
      <c r="G114268" s="16">
        <v>0</v>
      </c>
    </row>
    <row r="114269" spans="1:7" x14ac:dyDescent="0.3">
      <c r="A114269" s="13" t="s">
        <v>545</v>
      </c>
      <c r="B114269" s="14" t="s">
        <v>1</v>
      </c>
      <c r="C114269" s="14" t="s">
        <v>546</v>
      </c>
      <c r="D114269" s="14" t="s">
        <v>146</v>
      </c>
      <c r="E114269" s="15">
        <v>45400</v>
      </c>
      <c r="F114269" s="14" t="s">
        <v>61</v>
      </c>
      <c r="G114269" s="16">
        <v>0</v>
      </c>
    </row>
    <row r="114270" spans="1:7" x14ac:dyDescent="0.3">
      <c r="A114270" s="13" t="s">
        <v>545</v>
      </c>
      <c r="B114270" s="14" t="s">
        <v>1</v>
      </c>
      <c r="C114270" s="14" t="s">
        <v>546</v>
      </c>
      <c r="D114270" s="14" t="s">
        <v>146</v>
      </c>
      <c r="E114270" s="15">
        <v>45401</v>
      </c>
      <c r="F114270" s="14" t="s">
        <v>61</v>
      </c>
      <c r="G114270" s="16">
        <v>0</v>
      </c>
    </row>
    <row r="114271" spans="1:7" x14ac:dyDescent="0.3">
      <c r="A114271" s="13" t="s">
        <v>545</v>
      </c>
      <c r="B114271" s="14" t="s">
        <v>1</v>
      </c>
      <c r="C114271" s="14" t="s">
        <v>546</v>
      </c>
      <c r="D114271" s="14" t="s">
        <v>146</v>
      </c>
      <c r="E114271" s="15">
        <v>45402</v>
      </c>
      <c r="F114271" s="14" t="s">
        <v>61</v>
      </c>
      <c r="G114271" s="16">
        <v>0</v>
      </c>
    </row>
    <row r="114272" spans="1:7" x14ac:dyDescent="0.3">
      <c r="A114272" s="13" t="s">
        <v>545</v>
      </c>
      <c r="B114272" s="14" t="s">
        <v>1</v>
      </c>
      <c r="C114272" s="14" t="s">
        <v>546</v>
      </c>
      <c r="D114272" s="14" t="s">
        <v>146</v>
      </c>
      <c r="E114272" s="15">
        <v>45403</v>
      </c>
      <c r="F114272" s="14" t="s">
        <v>61</v>
      </c>
      <c r="G114272" s="16">
        <v>0</v>
      </c>
    </row>
    <row r="114273" spans="1:7" x14ac:dyDescent="0.3">
      <c r="A114273" s="13" t="s">
        <v>545</v>
      </c>
      <c r="B114273" s="14" t="s">
        <v>1</v>
      </c>
      <c r="C114273" s="14" t="s">
        <v>546</v>
      </c>
      <c r="D114273" s="14" t="s">
        <v>146</v>
      </c>
      <c r="E114273" s="15">
        <v>45404</v>
      </c>
      <c r="F114273" s="14" t="s">
        <v>61</v>
      </c>
      <c r="G114273" s="16">
        <v>0</v>
      </c>
    </row>
    <row r="114274" spans="1:7" x14ac:dyDescent="0.3">
      <c r="A114274" s="13" t="s">
        <v>545</v>
      </c>
      <c r="B114274" s="14" t="s">
        <v>1</v>
      </c>
      <c r="C114274" s="14" t="s">
        <v>546</v>
      </c>
      <c r="D114274" s="14" t="s">
        <v>146</v>
      </c>
      <c r="E114274" s="15">
        <v>45405</v>
      </c>
      <c r="F114274" s="14" t="s">
        <v>61</v>
      </c>
      <c r="G114274" s="16">
        <v>0</v>
      </c>
    </row>
    <row r="114275" spans="1:7" x14ac:dyDescent="0.3">
      <c r="A114275" s="13" t="s">
        <v>545</v>
      </c>
      <c r="B114275" s="14" t="s">
        <v>1</v>
      </c>
      <c r="C114275" s="14" t="s">
        <v>546</v>
      </c>
      <c r="D114275" s="14" t="s">
        <v>146</v>
      </c>
      <c r="E114275" s="15">
        <v>45406</v>
      </c>
      <c r="F114275" s="14" t="s">
        <v>61</v>
      </c>
      <c r="G114275" s="16">
        <v>0</v>
      </c>
    </row>
    <row r="114276" spans="1:7" x14ac:dyDescent="0.3">
      <c r="A114276" s="13" t="s">
        <v>545</v>
      </c>
      <c r="B114276" s="14" t="s">
        <v>1</v>
      </c>
      <c r="C114276" s="14" t="s">
        <v>546</v>
      </c>
      <c r="D114276" s="14" t="s">
        <v>146</v>
      </c>
      <c r="E114276" s="15">
        <v>45407</v>
      </c>
      <c r="F114276" s="14" t="s">
        <v>61</v>
      </c>
      <c r="G114276" s="16">
        <v>0</v>
      </c>
    </row>
    <row r="114277" spans="1:7" x14ac:dyDescent="0.3">
      <c r="A114277" s="13" t="s">
        <v>545</v>
      </c>
      <c r="B114277" s="14" t="s">
        <v>1</v>
      </c>
      <c r="C114277" s="14" t="s">
        <v>546</v>
      </c>
      <c r="D114277" s="14" t="s">
        <v>146</v>
      </c>
      <c r="E114277" s="15">
        <v>45408</v>
      </c>
      <c r="F114277" s="14" t="s">
        <v>61</v>
      </c>
      <c r="G114277" s="16">
        <v>0</v>
      </c>
    </row>
    <row r="114278" spans="1:7" x14ac:dyDescent="0.3">
      <c r="A114278" s="13" t="s">
        <v>545</v>
      </c>
      <c r="B114278" s="14" t="s">
        <v>1</v>
      </c>
      <c r="C114278" s="14" t="s">
        <v>546</v>
      </c>
      <c r="D114278" s="14" t="s">
        <v>146</v>
      </c>
      <c r="E114278" s="15">
        <v>45409</v>
      </c>
      <c r="F114278" s="14" t="s">
        <v>61</v>
      </c>
      <c r="G114278" s="16">
        <v>0</v>
      </c>
    </row>
    <row r="114279" spans="1:7" x14ac:dyDescent="0.3">
      <c r="A114279" s="13" t="s">
        <v>545</v>
      </c>
      <c r="B114279" s="14" t="s">
        <v>1</v>
      </c>
      <c r="C114279" s="14" t="s">
        <v>546</v>
      </c>
      <c r="D114279" s="14" t="s">
        <v>146</v>
      </c>
      <c r="E114279" s="15">
        <v>45410</v>
      </c>
      <c r="F114279" s="14" t="s">
        <v>61</v>
      </c>
      <c r="G114279" s="16">
        <v>0</v>
      </c>
    </row>
    <row r="114280" spans="1:7" x14ac:dyDescent="0.3">
      <c r="A114280" s="13" t="s">
        <v>545</v>
      </c>
      <c r="B114280" s="14" t="s">
        <v>1</v>
      </c>
      <c r="C114280" s="14" t="s">
        <v>546</v>
      </c>
      <c r="D114280" s="14" t="s">
        <v>146</v>
      </c>
      <c r="E114280" s="15">
        <v>45411</v>
      </c>
      <c r="F114280" s="14" t="s">
        <v>61</v>
      </c>
      <c r="G114280" s="16">
        <v>0</v>
      </c>
    </row>
    <row r="114281" spans="1:7" x14ac:dyDescent="0.3">
      <c r="A114281" s="13" t="s">
        <v>545</v>
      </c>
      <c r="B114281" s="14" t="s">
        <v>1</v>
      </c>
      <c r="C114281" s="14" t="s">
        <v>546</v>
      </c>
      <c r="D114281" s="14" t="s">
        <v>146</v>
      </c>
      <c r="E114281" s="15">
        <v>45412</v>
      </c>
      <c r="F114281" s="14" t="s">
        <v>61</v>
      </c>
      <c r="G114281" s="16">
        <v>0</v>
      </c>
    </row>
    <row r="114282" spans="1:7" x14ac:dyDescent="0.3">
      <c r="A114282" s="13" t="s">
        <v>545</v>
      </c>
      <c r="B114282" s="14" t="s">
        <v>1</v>
      </c>
      <c r="C114282" s="14" t="s">
        <v>546</v>
      </c>
      <c r="D114282" s="14" t="s">
        <v>146</v>
      </c>
      <c r="E114282" s="15">
        <v>45413</v>
      </c>
      <c r="F114282" s="14" t="s">
        <v>61</v>
      </c>
      <c r="G114282" s="16">
        <v>0</v>
      </c>
    </row>
    <row r="114283" spans="1:7" x14ac:dyDescent="0.3">
      <c r="A114283" s="13" t="s">
        <v>545</v>
      </c>
      <c r="B114283" s="14" t="s">
        <v>1</v>
      </c>
      <c r="C114283" s="14" t="s">
        <v>546</v>
      </c>
      <c r="D114283" s="14" t="s">
        <v>146</v>
      </c>
      <c r="E114283" s="15">
        <v>45414</v>
      </c>
      <c r="F114283" s="14" t="s">
        <v>61</v>
      </c>
      <c r="G114283" s="16">
        <v>0</v>
      </c>
    </row>
    <row r="114284" spans="1:7" x14ac:dyDescent="0.3">
      <c r="A114284" s="13" t="s">
        <v>545</v>
      </c>
      <c r="B114284" s="14" t="s">
        <v>1</v>
      </c>
      <c r="C114284" s="14" t="s">
        <v>546</v>
      </c>
      <c r="D114284" s="14" t="s">
        <v>146</v>
      </c>
      <c r="E114284" s="15">
        <v>45415</v>
      </c>
      <c r="F114284" s="14" t="s">
        <v>61</v>
      </c>
      <c r="G114284" s="16">
        <v>0</v>
      </c>
    </row>
    <row r="114285" spans="1:7" x14ac:dyDescent="0.3">
      <c r="A114285" s="13" t="s">
        <v>545</v>
      </c>
      <c r="B114285" s="14" t="s">
        <v>1</v>
      </c>
      <c r="C114285" s="14" t="s">
        <v>546</v>
      </c>
      <c r="D114285" s="14" t="s">
        <v>146</v>
      </c>
      <c r="E114285" s="15">
        <v>45416</v>
      </c>
      <c r="F114285" s="14" t="s">
        <v>61</v>
      </c>
      <c r="G114285" s="16">
        <v>0</v>
      </c>
    </row>
    <row r="114286" spans="1:7" x14ac:dyDescent="0.3">
      <c r="A114286" s="13" t="s">
        <v>545</v>
      </c>
      <c r="B114286" s="14" t="s">
        <v>1</v>
      </c>
      <c r="C114286" s="14" t="s">
        <v>546</v>
      </c>
      <c r="D114286" s="14" t="s">
        <v>146</v>
      </c>
      <c r="E114286" s="15">
        <v>45417</v>
      </c>
      <c r="F114286" s="14" t="s">
        <v>61</v>
      </c>
      <c r="G114286" s="16">
        <v>0</v>
      </c>
    </row>
    <row r="114287" spans="1:7" x14ac:dyDescent="0.3">
      <c r="A114287" s="13" t="s">
        <v>545</v>
      </c>
      <c r="B114287" s="14" t="s">
        <v>1</v>
      </c>
      <c r="C114287" s="14" t="s">
        <v>546</v>
      </c>
      <c r="D114287" s="14" t="s">
        <v>146</v>
      </c>
      <c r="E114287" s="15">
        <v>45418</v>
      </c>
      <c r="F114287" s="14" t="s">
        <v>61</v>
      </c>
      <c r="G114287" s="16">
        <v>0</v>
      </c>
    </row>
    <row r="114288" spans="1:7" x14ac:dyDescent="0.3">
      <c r="A114288" s="13" t="s">
        <v>545</v>
      </c>
      <c r="B114288" s="14" t="s">
        <v>1</v>
      </c>
      <c r="C114288" s="14" t="s">
        <v>546</v>
      </c>
      <c r="D114288" s="14" t="s">
        <v>146</v>
      </c>
      <c r="E114288" s="15">
        <v>45419</v>
      </c>
      <c r="F114288" s="14" t="s">
        <v>61</v>
      </c>
      <c r="G114288" s="16">
        <v>0</v>
      </c>
    </row>
    <row r="114289" spans="1:7" x14ac:dyDescent="0.3">
      <c r="A114289" s="13" t="s">
        <v>545</v>
      </c>
      <c r="B114289" s="14" t="s">
        <v>1</v>
      </c>
      <c r="C114289" s="14" t="s">
        <v>546</v>
      </c>
      <c r="D114289" s="14" t="s">
        <v>146</v>
      </c>
      <c r="E114289" s="15">
        <v>45420</v>
      </c>
      <c r="F114289" s="14" t="s">
        <v>61</v>
      </c>
      <c r="G114289" s="16">
        <v>0</v>
      </c>
    </row>
    <row r="114290" spans="1:7" x14ac:dyDescent="0.3">
      <c r="A114290" s="13" t="s">
        <v>545</v>
      </c>
      <c r="B114290" s="14" t="s">
        <v>1</v>
      </c>
      <c r="C114290" s="14" t="s">
        <v>546</v>
      </c>
      <c r="D114290" s="14" t="s">
        <v>146</v>
      </c>
      <c r="E114290" s="15">
        <v>45421</v>
      </c>
      <c r="F114290" s="14" t="s">
        <v>61</v>
      </c>
      <c r="G114290" s="16">
        <v>0</v>
      </c>
    </row>
    <row r="114291" spans="1:7" x14ac:dyDescent="0.3">
      <c r="A114291" s="13" t="s">
        <v>545</v>
      </c>
      <c r="B114291" s="14" t="s">
        <v>1</v>
      </c>
      <c r="C114291" s="14" t="s">
        <v>546</v>
      </c>
      <c r="D114291" s="14" t="s">
        <v>146</v>
      </c>
      <c r="E114291" s="15">
        <v>45422</v>
      </c>
      <c r="F114291" s="14" t="s">
        <v>61</v>
      </c>
      <c r="G114291" s="16">
        <v>0</v>
      </c>
    </row>
    <row r="114292" spans="1:7" x14ac:dyDescent="0.3">
      <c r="A114292" s="13" t="s">
        <v>545</v>
      </c>
      <c r="B114292" s="14" t="s">
        <v>1</v>
      </c>
      <c r="C114292" s="14" t="s">
        <v>546</v>
      </c>
      <c r="D114292" s="14" t="s">
        <v>146</v>
      </c>
      <c r="E114292" s="15">
        <v>45423</v>
      </c>
      <c r="F114292" s="14" t="s">
        <v>61</v>
      </c>
      <c r="G114292" s="16">
        <v>0</v>
      </c>
    </row>
    <row r="114293" spans="1:7" x14ac:dyDescent="0.3">
      <c r="A114293" s="13" t="s">
        <v>545</v>
      </c>
      <c r="B114293" s="14" t="s">
        <v>1</v>
      </c>
      <c r="C114293" s="14" t="s">
        <v>546</v>
      </c>
      <c r="D114293" s="14" t="s">
        <v>146</v>
      </c>
      <c r="E114293" s="15">
        <v>45424</v>
      </c>
      <c r="F114293" s="14" t="s">
        <v>61</v>
      </c>
      <c r="G114293" s="16">
        <v>0</v>
      </c>
    </row>
    <row r="114294" spans="1:7" x14ac:dyDescent="0.3">
      <c r="A114294" s="13" t="s">
        <v>545</v>
      </c>
      <c r="B114294" s="14" t="s">
        <v>1</v>
      </c>
      <c r="C114294" s="14" t="s">
        <v>546</v>
      </c>
      <c r="D114294" s="14" t="s">
        <v>146</v>
      </c>
      <c r="E114294" s="15">
        <v>45425</v>
      </c>
      <c r="F114294" s="14" t="s">
        <v>61</v>
      </c>
      <c r="G114294" s="16">
        <v>0</v>
      </c>
    </row>
    <row r="114295" spans="1:7" x14ac:dyDescent="0.3">
      <c r="A114295" s="13" t="s">
        <v>545</v>
      </c>
      <c r="B114295" s="14" t="s">
        <v>1</v>
      </c>
      <c r="C114295" s="14" t="s">
        <v>546</v>
      </c>
      <c r="D114295" s="14" t="s">
        <v>146</v>
      </c>
      <c r="E114295" s="15">
        <v>45426</v>
      </c>
      <c r="F114295" s="14" t="s">
        <v>61</v>
      </c>
      <c r="G114295" s="16">
        <v>0</v>
      </c>
    </row>
    <row r="114296" spans="1:7" x14ac:dyDescent="0.3">
      <c r="A114296" s="13" t="s">
        <v>545</v>
      </c>
      <c r="B114296" s="14" t="s">
        <v>1</v>
      </c>
      <c r="C114296" s="14" t="s">
        <v>546</v>
      </c>
      <c r="D114296" s="14" t="s">
        <v>146</v>
      </c>
      <c r="E114296" s="15">
        <v>45427</v>
      </c>
      <c r="F114296" s="14" t="s">
        <v>61</v>
      </c>
      <c r="G114296" s="16">
        <v>0</v>
      </c>
    </row>
    <row r="114297" spans="1:7" x14ac:dyDescent="0.3">
      <c r="A114297" s="13" t="s">
        <v>545</v>
      </c>
      <c r="B114297" s="14" t="s">
        <v>1</v>
      </c>
      <c r="C114297" s="14" t="s">
        <v>546</v>
      </c>
      <c r="D114297" s="14" t="s">
        <v>146</v>
      </c>
      <c r="E114297" s="15">
        <v>45428</v>
      </c>
      <c r="F114297" s="14" t="s">
        <v>61</v>
      </c>
      <c r="G114297" s="16">
        <v>0</v>
      </c>
    </row>
    <row r="114298" spans="1:7" x14ac:dyDescent="0.3">
      <c r="A114298" s="13" t="s">
        <v>545</v>
      </c>
      <c r="B114298" s="14" t="s">
        <v>1</v>
      </c>
      <c r="C114298" s="14" t="s">
        <v>546</v>
      </c>
      <c r="D114298" s="14" t="s">
        <v>146</v>
      </c>
      <c r="E114298" s="15">
        <v>45429</v>
      </c>
      <c r="F114298" s="14" t="s">
        <v>61</v>
      </c>
      <c r="G114298" s="16">
        <v>0</v>
      </c>
    </row>
    <row r="114299" spans="1:7" x14ac:dyDescent="0.3">
      <c r="A114299" s="13" t="s">
        <v>545</v>
      </c>
      <c r="B114299" s="14" t="s">
        <v>1</v>
      </c>
      <c r="C114299" s="14" t="s">
        <v>546</v>
      </c>
      <c r="D114299" s="14" t="s">
        <v>146</v>
      </c>
      <c r="E114299" s="15">
        <v>45430</v>
      </c>
      <c r="F114299" s="14" t="s">
        <v>61</v>
      </c>
      <c r="G114299" s="16">
        <v>0</v>
      </c>
    </row>
    <row r="114300" spans="1:7" x14ac:dyDescent="0.3">
      <c r="A114300" s="13" t="s">
        <v>545</v>
      </c>
      <c r="B114300" s="14" t="s">
        <v>1</v>
      </c>
      <c r="C114300" s="14" t="s">
        <v>546</v>
      </c>
      <c r="D114300" s="14" t="s">
        <v>146</v>
      </c>
      <c r="E114300" s="15">
        <v>45431</v>
      </c>
      <c r="F114300" s="14" t="s">
        <v>61</v>
      </c>
      <c r="G114300" s="16">
        <v>0</v>
      </c>
    </row>
    <row r="114301" spans="1:7" x14ac:dyDescent="0.3">
      <c r="A114301" s="13" t="s">
        <v>545</v>
      </c>
      <c r="B114301" s="14" t="s">
        <v>1</v>
      </c>
      <c r="C114301" s="14" t="s">
        <v>546</v>
      </c>
      <c r="D114301" s="14" t="s">
        <v>146</v>
      </c>
      <c r="E114301" s="15">
        <v>45432</v>
      </c>
      <c r="F114301" s="14" t="s">
        <v>61</v>
      </c>
      <c r="G114301" s="16">
        <v>2.3467374767082182E-2</v>
      </c>
    </row>
    <row r="114302" spans="1:7" x14ac:dyDescent="0.3">
      <c r="A114302" s="13" t="s">
        <v>545</v>
      </c>
      <c r="B114302" s="14" t="s">
        <v>1</v>
      </c>
      <c r="C114302" s="14" t="s">
        <v>546</v>
      </c>
      <c r="D114302" s="14" t="s">
        <v>146</v>
      </c>
      <c r="E114302" s="15">
        <v>45433</v>
      </c>
      <c r="F114302" s="14" t="s">
        <v>61</v>
      </c>
      <c r="G114302" s="16">
        <v>1.5349259825990471E-2</v>
      </c>
    </row>
    <row r="114303" spans="1:7" x14ac:dyDescent="0.3">
      <c r="A114303" s="13" t="s">
        <v>545</v>
      </c>
      <c r="B114303" s="14" t="s">
        <v>1</v>
      </c>
      <c r="C114303" s="14" t="s">
        <v>546</v>
      </c>
      <c r="D114303" s="14" t="s">
        <v>146</v>
      </c>
      <c r="E114303" s="15">
        <v>45434</v>
      </c>
      <c r="F114303" s="14" t="s">
        <v>61</v>
      </c>
      <c r="G114303" s="16">
        <v>2.4566675347057931E-2</v>
      </c>
    </row>
    <row r="114304" spans="1:7" x14ac:dyDescent="0.3">
      <c r="A114304" s="13" t="s">
        <v>545</v>
      </c>
      <c r="B114304" s="14" t="s">
        <v>1</v>
      </c>
      <c r="C114304" s="14" t="s">
        <v>546</v>
      </c>
      <c r="D114304" s="14" t="s">
        <v>146</v>
      </c>
      <c r="E114304" s="15">
        <v>45435</v>
      </c>
      <c r="F114304" s="14" t="s">
        <v>61</v>
      </c>
      <c r="G114304" s="16">
        <v>2.189108129369214E-2</v>
      </c>
    </row>
    <row r="114305" spans="1:7" x14ac:dyDescent="0.3">
      <c r="A114305" s="13" t="s">
        <v>545</v>
      </c>
      <c r="B114305" s="14" t="s">
        <v>1</v>
      </c>
      <c r="C114305" s="14" t="s">
        <v>546</v>
      </c>
      <c r="D114305" s="14" t="s">
        <v>146</v>
      </c>
      <c r="E114305" s="15">
        <v>45436</v>
      </c>
      <c r="F114305" s="14" t="s">
        <v>61</v>
      </c>
      <c r="G114305" s="16">
        <v>1.9150994840735545E-2</v>
      </c>
    </row>
    <row r="114306" spans="1:7" x14ac:dyDescent="0.3">
      <c r="A114306" s="13" t="s">
        <v>545</v>
      </c>
      <c r="B114306" s="14" t="s">
        <v>1</v>
      </c>
      <c r="C114306" s="14" t="s">
        <v>546</v>
      </c>
      <c r="D114306" s="14" t="s">
        <v>146</v>
      </c>
      <c r="E114306" s="15">
        <v>45437</v>
      </c>
      <c r="F114306" s="14" t="s">
        <v>61</v>
      </c>
      <c r="G114306" s="16">
        <v>1.9150994840735545E-2</v>
      </c>
    </row>
    <row r="114307" spans="1:7" x14ac:dyDescent="0.3">
      <c r="A114307" s="13" t="s">
        <v>545</v>
      </c>
      <c r="B114307" s="14" t="s">
        <v>1</v>
      </c>
      <c r="C114307" s="14" t="s">
        <v>546</v>
      </c>
      <c r="D114307" s="14" t="s">
        <v>146</v>
      </c>
      <c r="E114307" s="15">
        <v>45438</v>
      </c>
      <c r="F114307" s="14" t="s">
        <v>61</v>
      </c>
      <c r="G114307" s="16">
        <v>1.9150994840735545E-2</v>
      </c>
    </row>
    <row r="114308" spans="1:7" x14ac:dyDescent="0.3">
      <c r="A114308" s="13" t="s">
        <v>545</v>
      </c>
      <c r="B114308" s="14" t="s">
        <v>1</v>
      </c>
      <c r="C114308" s="14" t="s">
        <v>546</v>
      </c>
      <c r="D114308" s="14" t="s">
        <v>146</v>
      </c>
      <c r="E114308" s="15">
        <v>45439</v>
      </c>
      <c r="F114308" s="14" t="s">
        <v>61</v>
      </c>
      <c r="G114308" s="16">
        <v>1.6497351697087034E-2</v>
      </c>
    </row>
    <row r="114309" spans="1:7" x14ac:dyDescent="0.3">
      <c r="A114309" s="13" t="s">
        <v>545</v>
      </c>
      <c r="B114309" s="14" t="s">
        <v>1</v>
      </c>
      <c r="C114309" s="14" t="s">
        <v>546</v>
      </c>
      <c r="D114309" s="14" t="s">
        <v>146</v>
      </c>
      <c r="E114309" s="15">
        <v>45440</v>
      </c>
      <c r="F114309" s="14" t="s">
        <v>61</v>
      </c>
      <c r="G114309" s="16">
        <v>2.4308884932461861E-2</v>
      </c>
    </row>
    <row r="114310" spans="1:7" x14ac:dyDescent="0.3">
      <c r="A114310" s="13" t="s">
        <v>545</v>
      </c>
      <c r="B114310" s="14" t="s">
        <v>1</v>
      </c>
      <c r="C114310" s="14" t="s">
        <v>546</v>
      </c>
      <c r="D114310" s="14" t="s">
        <v>146</v>
      </c>
      <c r="E114310" s="15">
        <v>45441</v>
      </c>
      <c r="F114310" s="14" t="s">
        <v>61</v>
      </c>
      <c r="G114310" s="16">
        <v>2.2392430763002815E-2</v>
      </c>
    </row>
    <row r="114311" spans="1:7" x14ac:dyDescent="0.3">
      <c r="A114311" s="13" t="s">
        <v>545</v>
      </c>
      <c r="B114311" s="14" t="s">
        <v>1</v>
      </c>
      <c r="C114311" s="14" t="s">
        <v>546</v>
      </c>
      <c r="D114311" s="14" t="s">
        <v>146</v>
      </c>
      <c r="E114311" s="15">
        <v>45442</v>
      </c>
      <c r="F114311" s="14" t="s">
        <v>61</v>
      </c>
      <c r="G114311" s="16">
        <v>1.9697881702208892E-2</v>
      </c>
    </row>
    <row r="114312" spans="1:7" x14ac:dyDescent="0.3">
      <c r="A114312" s="13" t="s">
        <v>545</v>
      </c>
      <c r="B114312" s="14" t="s">
        <v>1</v>
      </c>
      <c r="C114312" s="14" t="s">
        <v>546</v>
      </c>
      <c r="D114312" s="14" t="s">
        <v>146</v>
      </c>
      <c r="E114312" s="15">
        <v>45443</v>
      </c>
      <c r="F114312" s="14" t="s">
        <v>61</v>
      </c>
      <c r="G114312" s="16">
        <v>2.0929878854584208E-2</v>
      </c>
    </row>
    <row r="114313" spans="1:7" x14ac:dyDescent="0.3">
      <c r="A114313" s="13" t="s">
        <v>545</v>
      </c>
      <c r="B114313" s="14" t="s">
        <v>1</v>
      </c>
      <c r="C114313" s="14" t="s">
        <v>546</v>
      </c>
      <c r="D114313" s="14" t="s">
        <v>146</v>
      </c>
      <c r="E114313" s="15">
        <v>45444</v>
      </c>
      <c r="F114313" s="14" t="s">
        <v>61</v>
      </c>
      <c r="G114313" s="16">
        <v>2.0929878854584208E-2</v>
      </c>
    </row>
    <row r="114314" spans="1:7" x14ac:dyDescent="0.3">
      <c r="A114314" s="13" t="s">
        <v>545</v>
      </c>
      <c r="B114314" s="14" t="s">
        <v>1</v>
      </c>
      <c r="C114314" s="14" t="s">
        <v>546</v>
      </c>
      <c r="D114314" s="14" t="s">
        <v>146</v>
      </c>
      <c r="E114314" s="15">
        <v>45445</v>
      </c>
      <c r="F114314" s="14" t="s">
        <v>61</v>
      </c>
      <c r="G114314" s="16">
        <v>2.0929878854584208E-2</v>
      </c>
    </row>
    <row r="114315" spans="1:7" x14ac:dyDescent="0.3">
      <c r="A114315" s="13" t="s">
        <v>545</v>
      </c>
      <c r="B114315" s="14" t="s">
        <v>1</v>
      </c>
      <c r="C114315" s="14" t="s">
        <v>546</v>
      </c>
      <c r="D114315" s="14" t="s">
        <v>146</v>
      </c>
      <c r="E114315" s="15">
        <v>45446</v>
      </c>
      <c r="F114315" s="14" t="s">
        <v>61</v>
      </c>
      <c r="G114315" s="16">
        <v>2.0929878854584208E-2</v>
      </c>
    </row>
    <row r="114316" spans="1:7" x14ac:dyDescent="0.3">
      <c r="A114316" s="13" t="s">
        <v>545</v>
      </c>
      <c r="B114316" s="14" t="s">
        <v>1</v>
      </c>
      <c r="C114316" s="14" t="s">
        <v>546</v>
      </c>
      <c r="D114316" s="14" t="s">
        <v>146</v>
      </c>
      <c r="E114316" s="15">
        <v>45447</v>
      </c>
      <c r="F114316" s="14" t="s">
        <v>61</v>
      </c>
      <c r="G114316" s="16">
        <v>2.1793925738728875E-2</v>
      </c>
    </row>
    <row r="114317" spans="1:7" x14ac:dyDescent="0.3">
      <c r="A114317" s="13" t="s">
        <v>545</v>
      </c>
      <c r="B114317" s="14" t="s">
        <v>1</v>
      </c>
      <c r="C114317" s="14" t="s">
        <v>546</v>
      </c>
      <c r="D114317" s="14" t="s">
        <v>146</v>
      </c>
      <c r="E114317" s="15">
        <v>45448</v>
      </c>
      <c r="F114317" s="14" t="s">
        <v>61</v>
      </c>
      <c r="G114317" s="16">
        <v>1.4968966550874948E-2</v>
      </c>
    </row>
    <row r="114318" spans="1:7" x14ac:dyDescent="0.3">
      <c r="A114318" s="13" t="s">
        <v>545</v>
      </c>
      <c r="B114318" s="14" t="s">
        <v>1</v>
      </c>
      <c r="C114318" s="14" t="s">
        <v>546</v>
      </c>
      <c r="D114318" s="14" t="s">
        <v>146</v>
      </c>
      <c r="E114318" s="15">
        <v>45449</v>
      </c>
      <c r="F114318" s="14" t="s">
        <v>61</v>
      </c>
      <c r="G114318" s="16">
        <v>2.1976109546242194E-2</v>
      </c>
    </row>
    <row r="114319" spans="1:7" x14ac:dyDescent="0.3">
      <c r="A114319" s="13" t="s">
        <v>545</v>
      </c>
      <c r="B114319" s="14" t="s">
        <v>1</v>
      </c>
      <c r="C114319" s="14" t="s">
        <v>546</v>
      </c>
      <c r="D114319" s="14" t="s">
        <v>146</v>
      </c>
      <c r="E114319" s="15">
        <v>45450</v>
      </c>
      <c r="F114319" s="14" t="s">
        <v>61</v>
      </c>
      <c r="G114319" s="16">
        <v>2.1092031897775389E-2</v>
      </c>
    </row>
    <row r="114320" spans="1:7" x14ac:dyDescent="0.3">
      <c r="A114320" s="13" t="s">
        <v>545</v>
      </c>
      <c r="B114320" s="14" t="s">
        <v>1</v>
      </c>
      <c r="C114320" s="14" t="s">
        <v>546</v>
      </c>
      <c r="D114320" s="14" t="s">
        <v>146</v>
      </c>
      <c r="E114320" s="15">
        <v>45451</v>
      </c>
      <c r="F114320" s="14" t="s">
        <v>61</v>
      </c>
      <c r="G114320" s="16">
        <v>2.1092031897775389E-2</v>
      </c>
    </row>
    <row r="114321" spans="1:7" x14ac:dyDescent="0.3">
      <c r="A114321" s="13" t="s">
        <v>545</v>
      </c>
      <c r="B114321" s="14" t="s">
        <v>1</v>
      </c>
      <c r="C114321" s="14" t="s">
        <v>546</v>
      </c>
      <c r="D114321" s="14" t="s">
        <v>146</v>
      </c>
      <c r="E114321" s="15">
        <v>45452</v>
      </c>
      <c r="F114321" s="14" t="s">
        <v>61</v>
      </c>
      <c r="G114321" s="16">
        <v>2.1092031897775389E-2</v>
      </c>
    </row>
    <row r="114322" spans="1:7" x14ac:dyDescent="0.3">
      <c r="A114322" s="13" t="s">
        <v>545</v>
      </c>
      <c r="B114322" s="14" t="s">
        <v>1</v>
      </c>
      <c r="C114322" s="14" t="s">
        <v>546</v>
      </c>
      <c r="D114322" s="14" t="s">
        <v>146</v>
      </c>
      <c r="E114322" s="15">
        <v>45453</v>
      </c>
      <c r="F114322" s="14" t="s">
        <v>61</v>
      </c>
      <c r="G114322" s="16">
        <v>2.1092031897775389E-2</v>
      </c>
    </row>
    <row r="114323" spans="1:7" x14ac:dyDescent="0.3">
      <c r="A114323" s="13" t="s">
        <v>545</v>
      </c>
      <c r="B114323" s="14" t="s">
        <v>1</v>
      </c>
      <c r="C114323" s="14" t="s">
        <v>546</v>
      </c>
      <c r="D114323" s="14" t="s">
        <v>146</v>
      </c>
      <c r="E114323" s="15">
        <v>45454</v>
      </c>
      <c r="F114323" s="14" t="s">
        <v>61</v>
      </c>
      <c r="G114323" s="16">
        <v>7.0191264339823922E-2</v>
      </c>
    </row>
    <row r="114324" spans="1:7" x14ac:dyDescent="0.3">
      <c r="A114324" s="13" t="s">
        <v>545</v>
      </c>
      <c r="B114324" s="14" t="s">
        <v>1</v>
      </c>
      <c r="C114324" s="14" t="s">
        <v>546</v>
      </c>
      <c r="D114324" s="14" t="s">
        <v>146</v>
      </c>
      <c r="E114324" s="15">
        <v>45455</v>
      </c>
      <c r="F114324" s="14" t="s">
        <v>61</v>
      </c>
      <c r="G114324" s="16">
        <v>5.9354810913372934E-2</v>
      </c>
    </row>
    <row r="114325" spans="1:7" x14ac:dyDescent="0.3">
      <c r="A114325" s="13" t="s">
        <v>545</v>
      </c>
      <c r="B114325" s="14" t="s">
        <v>1</v>
      </c>
      <c r="C114325" s="14" t="s">
        <v>546</v>
      </c>
      <c r="D114325" s="14" t="s">
        <v>146</v>
      </c>
      <c r="E114325" s="15">
        <v>45456</v>
      </c>
      <c r="F114325" s="14" t="s">
        <v>61</v>
      </c>
      <c r="G114325" s="16">
        <v>0.10829620377437554</v>
      </c>
    </row>
    <row r="114326" spans="1:7" x14ac:dyDescent="0.3">
      <c r="A114326" s="13" t="s">
        <v>545</v>
      </c>
      <c r="B114326" s="14" t="s">
        <v>1</v>
      </c>
      <c r="C114326" s="14" t="s">
        <v>546</v>
      </c>
      <c r="D114326" s="14" t="s">
        <v>146</v>
      </c>
      <c r="E114326" s="15">
        <v>45457</v>
      </c>
      <c r="F114326" s="14" t="s">
        <v>61</v>
      </c>
      <c r="G114326" s="16">
        <v>0.13794747234907095</v>
      </c>
    </row>
    <row r="114327" spans="1:7" x14ac:dyDescent="0.3">
      <c r="A114327" s="13" t="s">
        <v>545</v>
      </c>
      <c r="B114327" s="14" t="s">
        <v>1</v>
      </c>
      <c r="C114327" s="14" t="s">
        <v>546</v>
      </c>
      <c r="D114327" s="14" t="s">
        <v>146</v>
      </c>
      <c r="E114327" s="15">
        <v>45458</v>
      </c>
      <c r="F114327" s="14" t="s">
        <v>61</v>
      </c>
      <c r="G114327" s="16">
        <v>0.13794747234907095</v>
      </c>
    </row>
    <row r="114328" spans="1:7" x14ac:dyDescent="0.3">
      <c r="A114328" s="13" t="s">
        <v>545</v>
      </c>
      <c r="B114328" s="14" t="s">
        <v>1</v>
      </c>
      <c r="C114328" s="14" t="s">
        <v>546</v>
      </c>
      <c r="D114328" s="14" t="s">
        <v>146</v>
      </c>
      <c r="E114328" s="15">
        <v>45459</v>
      </c>
      <c r="F114328" s="14" t="s">
        <v>61</v>
      </c>
      <c r="G114328" s="16">
        <v>0.13794747234907095</v>
      </c>
    </row>
    <row r="114329" spans="1:7" x14ac:dyDescent="0.3">
      <c r="A114329" s="13" t="s">
        <v>545</v>
      </c>
      <c r="B114329" s="14" t="s">
        <v>1</v>
      </c>
      <c r="C114329" s="14" t="s">
        <v>546</v>
      </c>
      <c r="D114329" s="14" t="s">
        <v>146</v>
      </c>
      <c r="E114329" s="15">
        <v>45460</v>
      </c>
      <c r="F114329" s="14" t="s">
        <v>61</v>
      </c>
      <c r="G114329" s="16">
        <v>0.14784114569788248</v>
      </c>
    </row>
    <row r="114330" spans="1:7" x14ac:dyDescent="0.3">
      <c r="A114330" s="13" t="s">
        <v>545</v>
      </c>
      <c r="B114330" s="14" t="s">
        <v>1</v>
      </c>
      <c r="C114330" s="14" t="s">
        <v>546</v>
      </c>
      <c r="D114330" s="14" t="s">
        <v>146</v>
      </c>
      <c r="E114330" s="15">
        <v>45461</v>
      </c>
      <c r="F114330" s="14" t="s">
        <v>61</v>
      </c>
      <c r="G114330" s="16">
        <v>0.14013294530068343</v>
      </c>
    </row>
    <row r="114331" spans="1:7" x14ac:dyDescent="0.3">
      <c r="A114331" s="13" t="s">
        <v>545</v>
      </c>
      <c r="B114331" s="14" t="s">
        <v>1</v>
      </c>
      <c r="C114331" s="14" t="s">
        <v>546</v>
      </c>
      <c r="D114331" s="14" t="s">
        <v>146</v>
      </c>
      <c r="E114331" s="15">
        <v>45462</v>
      </c>
      <c r="F114331" s="14" t="s">
        <v>61</v>
      </c>
      <c r="G114331" s="16">
        <v>0.18924791657024168</v>
      </c>
    </row>
    <row r="114332" spans="1:7" x14ac:dyDescent="0.3">
      <c r="A114332" s="13" t="s">
        <v>545</v>
      </c>
      <c r="B114332" s="14" t="s">
        <v>1</v>
      </c>
      <c r="C114332" s="14" t="s">
        <v>546</v>
      </c>
      <c r="D114332" s="14" t="s">
        <v>146</v>
      </c>
      <c r="E114332" s="15">
        <v>45463</v>
      </c>
      <c r="F114332" s="14" t="s">
        <v>61</v>
      </c>
      <c r="G114332" s="16">
        <v>0.22072380862754326</v>
      </c>
    </row>
    <row r="114333" spans="1:7" x14ac:dyDescent="0.3">
      <c r="A114333" s="13" t="s">
        <v>545</v>
      </c>
      <c r="B114333" s="14" t="s">
        <v>1</v>
      </c>
      <c r="C114333" s="14" t="s">
        <v>546</v>
      </c>
      <c r="D114333" s="14" t="s">
        <v>146</v>
      </c>
      <c r="E114333" s="15">
        <v>45464</v>
      </c>
      <c r="F114333" s="14" t="s">
        <v>61</v>
      </c>
      <c r="G114333" s="16">
        <v>0.21831109970416135</v>
      </c>
    </row>
    <row r="114334" spans="1:7" x14ac:dyDescent="0.3">
      <c r="A114334" s="13" t="s">
        <v>545</v>
      </c>
      <c r="B114334" s="14" t="s">
        <v>1</v>
      </c>
      <c r="C114334" s="14" t="s">
        <v>546</v>
      </c>
      <c r="D114334" s="14" t="s">
        <v>146</v>
      </c>
      <c r="E114334" s="15">
        <v>45465</v>
      </c>
      <c r="F114334" s="14" t="s">
        <v>61</v>
      </c>
      <c r="G114334" s="16">
        <v>0.21831109970416135</v>
      </c>
    </row>
    <row r="114335" spans="1:7" x14ac:dyDescent="0.3">
      <c r="A114335" s="13" t="s">
        <v>545</v>
      </c>
      <c r="B114335" s="14" t="s">
        <v>1</v>
      </c>
      <c r="C114335" s="14" t="s">
        <v>546</v>
      </c>
      <c r="D114335" s="14" t="s">
        <v>146</v>
      </c>
      <c r="E114335" s="15">
        <v>45466</v>
      </c>
      <c r="F114335" s="14" t="s">
        <v>61</v>
      </c>
      <c r="G114335" s="16">
        <v>0.21831109970416135</v>
      </c>
    </row>
    <row r="114336" spans="1:7" x14ac:dyDescent="0.3">
      <c r="A114336" s="13" t="s">
        <v>545</v>
      </c>
      <c r="B114336" s="14" t="s">
        <v>1</v>
      </c>
      <c r="C114336" s="14" t="s">
        <v>546</v>
      </c>
      <c r="D114336" s="14" t="s">
        <v>146</v>
      </c>
      <c r="E114336" s="15">
        <v>45467</v>
      </c>
      <c r="F114336" s="14" t="s">
        <v>61</v>
      </c>
      <c r="G114336" s="16">
        <v>0.21494726317089313</v>
      </c>
    </row>
    <row r="114337" spans="1:7" x14ac:dyDescent="0.3">
      <c r="A114337" s="13" t="s">
        <v>545</v>
      </c>
      <c r="B114337" s="14" t="s">
        <v>1</v>
      </c>
      <c r="C114337" s="14" t="s">
        <v>546</v>
      </c>
      <c r="D114337" s="14" t="s">
        <v>146</v>
      </c>
      <c r="E114337" s="15">
        <v>45468</v>
      </c>
      <c r="F114337" s="14" t="s">
        <v>61</v>
      </c>
      <c r="G114337" s="16">
        <v>0.21680595811553072</v>
      </c>
    </row>
    <row r="114338" spans="1:7" x14ac:dyDescent="0.3">
      <c r="A114338" s="13" t="s">
        <v>545</v>
      </c>
      <c r="B114338" s="14" t="s">
        <v>1</v>
      </c>
      <c r="C114338" s="14" t="s">
        <v>546</v>
      </c>
      <c r="D114338" s="14" t="s">
        <v>146</v>
      </c>
      <c r="E114338" s="15">
        <v>45469</v>
      </c>
      <c r="F114338" s="14" t="s">
        <v>61</v>
      </c>
      <c r="G114338" s="16">
        <v>0.21886369700618549</v>
      </c>
    </row>
    <row r="114339" spans="1:7" x14ac:dyDescent="0.3">
      <c r="A114339" s="13" t="s">
        <v>545</v>
      </c>
      <c r="B114339" s="14" t="s">
        <v>1</v>
      </c>
      <c r="C114339" s="14" t="s">
        <v>546</v>
      </c>
      <c r="D114339" s="14" t="s">
        <v>146</v>
      </c>
      <c r="E114339" s="15">
        <v>45470</v>
      </c>
      <c r="F114339" s="14" t="s">
        <v>61</v>
      </c>
      <c r="G114339" s="16">
        <v>0.21991439691687295</v>
      </c>
    </row>
    <row r="114340" spans="1:7" x14ac:dyDescent="0.3">
      <c r="A114340" s="13" t="s">
        <v>545</v>
      </c>
      <c r="B114340" s="14" t="s">
        <v>1</v>
      </c>
      <c r="C114340" s="14" t="s">
        <v>546</v>
      </c>
      <c r="D114340" s="14" t="s">
        <v>146</v>
      </c>
      <c r="E114340" s="15">
        <v>45471</v>
      </c>
      <c r="F114340" s="14" t="s">
        <v>61</v>
      </c>
      <c r="G114340" s="16">
        <v>0.21918079568062662</v>
      </c>
    </row>
    <row r="114341" spans="1:7" x14ac:dyDescent="0.3">
      <c r="A114341" s="13" t="s">
        <v>545</v>
      </c>
      <c r="B114341" s="14" t="s">
        <v>1</v>
      </c>
      <c r="C114341" s="14" t="s">
        <v>546</v>
      </c>
      <c r="D114341" s="14" t="s">
        <v>146</v>
      </c>
      <c r="E114341" s="15">
        <v>45472</v>
      </c>
      <c r="F114341" s="14" t="s">
        <v>61</v>
      </c>
      <c r="G114341" s="16">
        <v>0.21918079568062662</v>
      </c>
    </row>
    <row r="114342" spans="1:7" x14ac:dyDescent="0.3">
      <c r="A114342" s="13" t="s">
        <v>545</v>
      </c>
      <c r="B114342" s="14" t="s">
        <v>1</v>
      </c>
      <c r="C114342" s="14" t="s">
        <v>546</v>
      </c>
      <c r="D114342" s="14" t="s">
        <v>146</v>
      </c>
      <c r="E114342" s="15">
        <v>45473</v>
      </c>
      <c r="F114342" s="14" t="s">
        <v>61</v>
      </c>
      <c r="G114342" s="16">
        <v>0.21918079568062662</v>
      </c>
    </row>
    <row r="114343" spans="1:7" x14ac:dyDescent="0.3">
      <c r="A114343" s="13" t="s">
        <v>545</v>
      </c>
      <c r="B114343" s="14" t="s">
        <v>1</v>
      </c>
      <c r="C114343" s="14" t="s">
        <v>546</v>
      </c>
      <c r="D114343" s="14" t="s">
        <v>146</v>
      </c>
      <c r="E114343" s="15">
        <v>45474</v>
      </c>
      <c r="F114343" s="14" t="s">
        <v>61</v>
      </c>
      <c r="G114343" s="16">
        <v>0.21918079568062662</v>
      </c>
    </row>
    <row r="114344" spans="1:7" x14ac:dyDescent="0.3">
      <c r="A114344" s="13" t="s">
        <v>545</v>
      </c>
      <c r="B114344" s="14" t="s">
        <v>1</v>
      </c>
      <c r="C114344" s="14" t="s">
        <v>546</v>
      </c>
      <c r="D114344" s="14" t="s">
        <v>146</v>
      </c>
      <c r="E114344" s="15">
        <v>45475</v>
      </c>
      <c r="F114344" s="14" t="s">
        <v>61</v>
      </c>
      <c r="G114344" s="16">
        <v>0.21701219318135512</v>
      </c>
    </row>
    <row r="114345" spans="1:7" x14ac:dyDescent="0.3">
      <c r="A114345" s="13" t="s">
        <v>545</v>
      </c>
      <c r="B114345" s="14" t="s">
        <v>1</v>
      </c>
      <c r="C114345" s="14" t="s">
        <v>546</v>
      </c>
      <c r="D114345" s="14" t="s">
        <v>146</v>
      </c>
      <c r="E114345" s="15">
        <v>45476</v>
      </c>
      <c r="F114345" s="14" t="s">
        <v>61</v>
      </c>
      <c r="G114345" s="16">
        <v>0.20951362019043543</v>
      </c>
    </row>
    <row r="114346" spans="1:7" x14ac:dyDescent="0.3">
      <c r="A114346" s="13" t="s">
        <v>545</v>
      </c>
      <c r="B114346" s="14" t="s">
        <v>1</v>
      </c>
      <c r="C114346" s="14" t="s">
        <v>546</v>
      </c>
      <c r="D114346" s="14" t="s">
        <v>146</v>
      </c>
      <c r="E114346" s="15">
        <v>45477</v>
      </c>
      <c r="F114346" s="14" t="s">
        <v>61</v>
      </c>
      <c r="G114346" s="16">
        <v>0.33857065474231313</v>
      </c>
    </row>
    <row r="114347" spans="1:7" x14ac:dyDescent="0.3">
      <c r="A114347" s="13" t="s">
        <v>545</v>
      </c>
      <c r="B114347" s="14" t="s">
        <v>1</v>
      </c>
      <c r="C114347" s="14" t="s">
        <v>546</v>
      </c>
      <c r="D114347" s="14" t="s">
        <v>146</v>
      </c>
      <c r="E114347" s="15">
        <v>45478</v>
      </c>
      <c r="F114347" s="14" t="s">
        <v>61</v>
      </c>
      <c r="G114347" s="16">
        <v>0.52860391095544057</v>
      </c>
    </row>
    <row r="114348" spans="1:7" x14ac:dyDescent="0.3">
      <c r="A114348" s="13" t="s">
        <v>545</v>
      </c>
      <c r="B114348" s="14" t="s">
        <v>1</v>
      </c>
      <c r="C114348" s="14" t="s">
        <v>546</v>
      </c>
      <c r="D114348" s="14" t="s">
        <v>146</v>
      </c>
      <c r="E114348" s="15">
        <v>45479</v>
      </c>
      <c r="F114348" s="14" t="s">
        <v>61</v>
      </c>
      <c r="G114348" s="16">
        <v>0.52860391095544057</v>
      </c>
    </row>
    <row r="114349" spans="1:7" x14ac:dyDescent="0.3">
      <c r="A114349" s="13" t="s">
        <v>545</v>
      </c>
      <c r="B114349" s="14" t="s">
        <v>1</v>
      </c>
      <c r="C114349" s="14" t="s">
        <v>546</v>
      </c>
      <c r="D114349" s="14" t="s">
        <v>146</v>
      </c>
      <c r="E114349" s="15">
        <v>45480</v>
      </c>
      <c r="F114349" s="14" t="s">
        <v>61</v>
      </c>
      <c r="G114349" s="16">
        <v>0.52860391095544057</v>
      </c>
    </row>
    <row r="114350" spans="1:7" x14ac:dyDescent="0.3">
      <c r="A114350" s="13" t="s">
        <v>545</v>
      </c>
      <c r="B114350" s="14" t="s">
        <v>1</v>
      </c>
      <c r="C114350" s="14" t="s">
        <v>546</v>
      </c>
      <c r="D114350" s="14" t="s">
        <v>146</v>
      </c>
      <c r="E114350" s="15">
        <v>45481</v>
      </c>
      <c r="F114350" s="14" t="s">
        <v>61</v>
      </c>
      <c r="G114350" s="16">
        <v>0.55188754752063274</v>
      </c>
    </row>
    <row r="114351" spans="1:7" x14ac:dyDescent="0.3">
      <c r="A114351" s="13" t="s">
        <v>545</v>
      </c>
      <c r="B114351" s="14" t="s">
        <v>1</v>
      </c>
      <c r="C114351" s="14" t="s">
        <v>546</v>
      </c>
      <c r="D114351" s="14" t="s">
        <v>146</v>
      </c>
      <c r="E114351" s="15">
        <v>45482</v>
      </c>
      <c r="F114351" s="14" t="s">
        <v>61</v>
      </c>
      <c r="G114351" s="16">
        <v>0.58703964506941619</v>
      </c>
    </row>
    <row r="114352" spans="1:7" x14ac:dyDescent="0.3">
      <c r="A114352" s="13" t="s">
        <v>545</v>
      </c>
      <c r="B114352" s="14" t="s">
        <v>1</v>
      </c>
      <c r="C114352" s="14" t="s">
        <v>546</v>
      </c>
      <c r="D114352" s="14" t="s">
        <v>146</v>
      </c>
      <c r="E114352" s="15">
        <v>45483</v>
      </c>
      <c r="F114352" s="14" t="s">
        <v>61</v>
      </c>
      <c r="G114352" s="16">
        <v>0.5837088504853527</v>
      </c>
    </row>
    <row r="114353" spans="1:7" x14ac:dyDescent="0.3">
      <c r="A114353" s="13" t="s">
        <v>545</v>
      </c>
      <c r="B114353" s="14" t="s">
        <v>1</v>
      </c>
      <c r="C114353" s="14" t="s">
        <v>546</v>
      </c>
      <c r="D114353" s="14" t="s">
        <v>146</v>
      </c>
      <c r="E114353" s="15">
        <v>45484</v>
      </c>
      <c r="F114353" s="14" t="s">
        <v>61</v>
      </c>
      <c r="G114353" s="16">
        <v>0.58887461984193534</v>
      </c>
    </row>
    <row r="114354" spans="1:7" x14ac:dyDescent="0.3">
      <c r="A114354" s="13" t="s">
        <v>545</v>
      </c>
      <c r="B114354" s="14" t="s">
        <v>1</v>
      </c>
      <c r="C114354" s="14" t="s">
        <v>546</v>
      </c>
      <c r="D114354" s="14" t="s">
        <v>146</v>
      </c>
      <c r="E114354" s="15">
        <v>45485</v>
      </c>
      <c r="F114354" s="14" t="s">
        <v>61</v>
      </c>
      <c r="G114354" s="16">
        <v>0.58974224839710909</v>
      </c>
    </row>
    <row r="114355" spans="1:7" x14ac:dyDescent="0.3">
      <c r="A114355" s="13" t="s">
        <v>545</v>
      </c>
      <c r="B114355" s="14" t="s">
        <v>1</v>
      </c>
      <c r="C114355" s="14" t="s">
        <v>546</v>
      </c>
      <c r="D114355" s="14" t="s">
        <v>146</v>
      </c>
      <c r="E114355" s="15">
        <v>45486</v>
      </c>
      <c r="F114355" s="14" t="s">
        <v>61</v>
      </c>
      <c r="G114355" s="16">
        <v>0.58974224839710909</v>
      </c>
    </row>
    <row r="114356" spans="1:7" x14ac:dyDescent="0.3">
      <c r="A114356" s="13" t="s">
        <v>545</v>
      </c>
      <c r="B114356" s="14" t="s">
        <v>1</v>
      </c>
      <c r="C114356" s="14" t="s">
        <v>546</v>
      </c>
      <c r="D114356" s="14" t="s">
        <v>146</v>
      </c>
      <c r="E114356" s="15">
        <v>45487</v>
      </c>
      <c r="F114356" s="14" t="s">
        <v>61</v>
      </c>
      <c r="G114356" s="16">
        <v>0.58974224839710909</v>
      </c>
    </row>
    <row r="114357" spans="1:7" x14ac:dyDescent="0.3">
      <c r="A114357" s="13" t="s">
        <v>545</v>
      </c>
      <c r="B114357" s="14" t="s">
        <v>1</v>
      </c>
      <c r="C114357" s="14" t="s">
        <v>546</v>
      </c>
      <c r="D114357" s="14" t="s">
        <v>146</v>
      </c>
      <c r="E114357" s="15">
        <v>45488</v>
      </c>
      <c r="F114357" s="14" t="s">
        <v>61</v>
      </c>
      <c r="G114357" s="16">
        <v>0.60644543026113329</v>
      </c>
    </row>
    <row r="114358" spans="1:7" x14ac:dyDescent="0.3">
      <c r="A114358" s="13" t="s">
        <v>545</v>
      </c>
      <c r="B114358" s="14" t="s">
        <v>1</v>
      </c>
      <c r="C114358" s="14" t="s">
        <v>546</v>
      </c>
      <c r="D114358" s="14" t="s">
        <v>146</v>
      </c>
      <c r="E114358" s="15">
        <v>45489</v>
      </c>
      <c r="F114358" s="14" t="s">
        <v>61</v>
      </c>
      <c r="G114358" s="16">
        <v>0.59827174884356982</v>
      </c>
    </row>
    <row r="114359" spans="1:7" x14ac:dyDescent="0.3">
      <c r="A114359" s="13" t="s">
        <v>545</v>
      </c>
      <c r="B114359" s="14" t="s">
        <v>1</v>
      </c>
      <c r="C114359" s="14" t="s">
        <v>546</v>
      </c>
      <c r="D114359" s="14" t="s">
        <v>146</v>
      </c>
      <c r="E114359" s="15">
        <v>45490</v>
      </c>
      <c r="F114359" s="14" t="s">
        <v>61</v>
      </c>
      <c r="G114359" s="16">
        <v>0.59354863572870542</v>
      </c>
    </row>
    <row r="114360" spans="1:7" x14ac:dyDescent="0.3">
      <c r="A114360" s="13" t="s">
        <v>545</v>
      </c>
      <c r="B114360" s="14" t="s">
        <v>1</v>
      </c>
      <c r="C114360" s="14" t="s">
        <v>546</v>
      </c>
      <c r="D114360" s="14" t="s">
        <v>146</v>
      </c>
      <c r="E114360" s="15">
        <v>45491</v>
      </c>
      <c r="F114360" s="14" t="s">
        <v>61</v>
      </c>
      <c r="G114360" s="16">
        <v>0.59677282011135124</v>
      </c>
    </row>
    <row r="114361" spans="1:7" x14ac:dyDescent="0.3">
      <c r="A114361" s="13" t="s">
        <v>545</v>
      </c>
      <c r="B114361" s="14" t="s">
        <v>1</v>
      </c>
      <c r="C114361" s="14" t="s">
        <v>546</v>
      </c>
      <c r="D114361" s="14" t="s">
        <v>146</v>
      </c>
      <c r="E114361" s="15">
        <v>45492</v>
      </c>
      <c r="F114361" s="14" t="s">
        <v>61</v>
      </c>
      <c r="G114361" s="16">
        <v>0.59499786503921182</v>
      </c>
    </row>
    <row r="114362" spans="1:7" x14ac:dyDescent="0.3">
      <c r="A114362" s="13" t="s">
        <v>545</v>
      </c>
      <c r="B114362" s="14" t="s">
        <v>1</v>
      </c>
      <c r="C114362" s="14" t="s">
        <v>546</v>
      </c>
      <c r="D114362" s="14" t="s">
        <v>146</v>
      </c>
      <c r="E114362" s="15">
        <v>45493</v>
      </c>
      <c r="F114362" s="14" t="s">
        <v>61</v>
      </c>
      <c r="G114362" s="16">
        <v>0.59499786503921182</v>
      </c>
    </row>
    <row r="114363" spans="1:7" x14ac:dyDescent="0.3">
      <c r="A114363" s="13" t="s">
        <v>545</v>
      </c>
      <c r="B114363" s="14" t="s">
        <v>1</v>
      </c>
      <c r="C114363" s="14" t="s">
        <v>546</v>
      </c>
      <c r="D114363" s="14" t="s">
        <v>146</v>
      </c>
      <c r="E114363" s="15">
        <v>45494</v>
      </c>
      <c r="F114363" s="14" t="s">
        <v>61</v>
      </c>
      <c r="G114363" s="16">
        <v>0.59499786503921182</v>
      </c>
    </row>
    <row r="114364" spans="1:7" x14ac:dyDescent="0.3">
      <c r="A114364" s="13" t="s">
        <v>545</v>
      </c>
      <c r="B114364" s="14" t="s">
        <v>1</v>
      </c>
      <c r="C114364" s="14" t="s">
        <v>546</v>
      </c>
      <c r="D114364" s="14" t="s">
        <v>146</v>
      </c>
      <c r="E114364" s="15">
        <v>45495</v>
      </c>
      <c r="F114364" s="14" t="s">
        <v>61</v>
      </c>
      <c r="G114364" s="16">
        <v>0.62363297888492786</v>
      </c>
    </row>
    <row r="114365" spans="1:7" x14ac:dyDescent="0.3">
      <c r="A114365" s="13" t="s">
        <v>545</v>
      </c>
      <c r="B114365" s="14" t="s">
        <v>1</v>
      </c>
      <c r="C114365" s="14" t="s">
        <v>546</v>
      </c>
      <c r="D114365" s="14" t="s">
        <v>146</v>
      </c>
      <c r="E114365" s="15">
        <v>45496</v>
      </c>
      <c r="F114365" s="14" t="s">
        <v>61</v>
      </c>
      <c r="G114365" s="16">
        <v>0.61832126496961648</v>
      </c>
    </row>
    <row r="114366" spans="1:7" x14ac:dyDescent="0.3">
      <c r="A114366" s="13" t="s">
        <v>545</v>
      </c>
      <c r="B114366" s="14" t="s">
        <v>1</v>
      </c>
      <c r="C114366" s="14" t="s">
        <v>546</v>
      </c>
      <c r="D114366" s="14" t="s">
        <v>146</v>
      </c>
      <c r="E114366" s="15">
        <v>45497</v>
      </c>
      <c r="F114366" s="14" t="s">
        <v>61</v>
      </c>
      <c r="G114366" s="16">
        <v>0.61652195316126879</v>
      </c>
    </row>
    <row r="114367" spans="1:7" x14ac:dyDescent="0.3">
      <c r="A114367" s="13" t="s">
        <v>545</v>
      </c>
      <c r="B114367" s="14" t="s">
        <v>1</v>
      </c>
      <c r="C114367" s="14" t="s">
        <v>546</v>
      </c>
      <c r="D114367" s="14" t="s">
        <v>146</v>
      </c>
      <c r="E114367" s="15">
        <v>45498</v>
      </c>
      <c r="F114367" s="14" t="s">
        <v>61</v>
      </c>
      <c r="G114367" s="16">
        <v>0.61369552627594048</v>
      </c>
    </row>
    <row r="114368" spans="1:7" x14ac:dyDescent="0.3">
      <c r="A114368" s="13" t="s">
        <v>545</v>
      </c>
      <c r="B114368" s="14" t="s">
        <v>1</v>
      </c>
      <c r="C114368" s="14" t="s">
        <v>546</v>
      </c>
      <c r="D114368" s="14" t="s">
        <v>146</v>
      </c>
      <c r="E114368" s="15">
        <v>45499</v>
      </c>
      <c r="F114368" s="14" t="s">
        <v>61</v>
      </c>
      <c r="G114368" s="16">
        <v>0.61056485909327896</v>
      </c>
    </row>
    <row r="114369" spans="1:7" x14ac:dyDescent="0.3">
      <c r="A114369" s="13" t="s">
        <v>545</v>
      </c>
      <c r="B114369" s="14" t="s">
        <v>1</v>
      </c>
      <c r="C114369" s="14" t="s">
        <v>546</v>
      </c>
      <c r="D114369" s="14" t="s">
        <v>146</v>
      </c>
      <c r="E114369" s="15">
        <v>45500</v>
      </c>
      <c r="F114369" s="14" t="s">
        <v>61</v>
      </c>
      <c r="G114369" s="16">
        <v>0.61056485909327896</v>
      </c>
    </row>
    <row r="114370" spans="1:7" x14ac:dyDescent="0.3">
      <c r="A114370" s="13" t="s">
        <v>545</v>
      </c>
      <c r="B114370" s="14" t="s">
        <v>1</v>
      </c>
      <c r="C114370" s="14" t="s">
        <v>546</v>
      </c>
      <c r="D114370" s="14" t="s">
        <v>146</v>
      </c>
      <c r="E114370" s="15">
        <v>45501</v>
      </c>
      <c r="F114370" s="14" t="s">
        <v>61</v>
      </c>
      <c r="G114370" s="16">
        <v>0.61056485909327896</v>
      </c>
    </row>
    <row r="114371" spans="1:7" x14ac:dyDescent="0.3">
      <c r="A114371" s="13" t="s">
        <v>545</v>
      </c>
      <c r="B114371" s="14" t="s">
        <v>1</v>
      </c>
      <c r="C114371" s="14" t="s">
        <v>546</v>
      </c>
      <c r="D114371" s="14" t="s">
        <v>146</v>
      </c>
      <c r="E114371" s="15">
        <v>45502</v>
      </c>
      <c r="F114371" s="14" t="s">
        <v>61</v>
      </c>
      <c r="G114371" s="16">
        <v>0.61024946029793969</v>
      </c>
    </row>
    <row r="114372" spans="1:7" x14ac:dyDescent="0.3">
      <c r="A114372" s="13" t="s">
        <v>545</v>
      </c>
      <c r="B114372" s="14" t="s">
        <v>1</v>
      </c>
      <c r="C114372" s="14" t="s">
        <v>546</v>
      </c>
      <c r="D114372" s="14" t="s">
        <v>146</v>
      </c>
      <c r="E114372" s="15">
        <v>45503</v>
      </c>
      <c r="F114372" s="14" t="s">
        <v>61</v>
      </c>
      <c r="G114372" s="16">
        <v>0.6033299910211225</v>
      </c>
    </row>
    <row r="114373" spans="1:7" x14ac:dyDescent="0.3">
      <c r="A114373" s="13" t="s">
        <v>545</v>
      </c>
      <c r="B114373" s="14" t="s">
        <v>1</v>
      </c>
      <c r="C114373" s="14" t="s">
        <v>546</v>
      </c>
      <c r="D114373" s="14" t="s">
        <v>146</v>
      </c>
      <c r="E114373" s="15">
        <v>45504</v>
      </c>
      <c r="F114373" s="14" t="s">
        <v>61</v>
      </c>
      <c r="G114373" s="16">
        <v>0.60052146673709539</v>
      </c>
    </row>
    <row r="114374" spans="1:7" x14ac:dyDescent="0.3">
      <c r="A114374" s="13" t="s">
        <v>545</v>
      </c>
      <c r="B114374" s="14" t="s">
        <v>1</v>
      </c>
      <c r="C114374" s="14" t="s">
        <v>546</v>
      </c>
      <c r="D114374" s="14" t="s">
        <v>146</v>
      </c>
      <c r="E114374" s="15">
        <v>45505</v>
      </c>
      <c r="F114374" s="14" t="s">
        <v>61</v>
      </c>
      <c r="G114374" s="16">
        <v>0.59998441873118791</v>
      </c>
    </row>
    <row r="114375" spans="1:7" x14ac:dyDescent="0.3">
      <c r="A114375" s="13" t="s">
        <v>545</v>
      </c>
      <c r="B114375" s="14" t="s">
        <v>1</v>
      </c>
      <c r="C114375" s="14" t="s">
        <v>546</v>
      </c>
      <c r="D114375" s="14" t="s">
        <v>146</v>
      </c>
      <c r="E114375" s="15">
        <v>45506</v>
      </c>
      <c r="F114375" s="14" t="s">
        <v>61</v>
      </c>
      <c r="G114375" s="16">
        <v>0.59938234605860718</v>
      </c>
    </row>
    <row r="114376" spans="1:7" x14ac:dyDescent="0.3">
      <c r="A114376" s="13" t="s">
        <v>545</v>
      </c>
      <c r="B114376" s="14" t="s">
        <v>1</v>
      </c>
      <c r="C114376" s="14" t="s">
        <v>546</v>
      </c>
      <c r="D114376" s="14" t="s">
        <v>146</v>
      </c>
      <c r="E114376" s="15">
        <v>45507</v>
      </c>
      <c r="F114376" s="14" t="s">
        <v>61</v>
      </c>
      <c r="G114376" s="16">
        <v>0.59938234605860718</v>
      </c>
    </row>
    <row r="114377" spans="1:7" x14ac:dyDescent="0.3">
      <c r="A114377" s="13" t="s">
        <v>545</v>
      </c>
      <c r="B114377" s="14" t="s">
        <v>1</v>
      </c>
      <c r="C114377" s="14" t="s">
        <v>546</v>
      </c>
      <c r="D114377" s="14" t="s">
        <v>146</v>
      </c>
      <c r="E114377" s="15">
        <v>45508</v>
      </c>
      <c r="F114377" s="14" t="s">
        <v>61</v>
      </c>
      <c r="G114377" s="16">
        <v>0.59938234605860718</v>
      </c>
    </row>
    <row r="114378" spans="1:7" x14ac:dyDescent="0.3">
      <c r="A114378" s="13" t="s">
        <v>545</v>
      </c>
      <c r="B114378" s="14" t="s">
        <v>1</v>
      </c>
      <c r="C114378" s="14" t="s">
        <v>546</v>
      </c>
      <c r="D114378" s="14" t="s">
        <v>146</v>
      </c>
      <c r="E114378" s="15">
        <v>45509</v>
      </c>
      <c r="F114378" s="14" t="s">
        <v>61</v>
      </c>
      <c r="G114378" s="16">
        <v>0.59938234605860718</v>
      </c>
    </row>
    <row r="114379" spans="1:7" x14ac:dyDescent="0.3">
      <c r="A114379" s="13" t="s">
        <v>545</v>
      </c>
      <c r="B114379" s="14" t="s">
        <v>1</v>
      </c>
      <c r="C114379" s="14" t="s">
        <v>546</v>
      </c>
      <c r="D114379" s="14" t="s">
        <v>146</v>
      </c>
      <c r="E114379" s="15">
        <v>45510</v>
      </c>
      <c r="F114379" s="14" t="s">
        <v>61</v>
      </c>
      <c r="G114379" s="16">
        <v>0.59585394002237058</v>
      </c>
    </row>
    <row r="114380" spans="1:7" x14ac:dyDescent="0.3">
      <c r="A114380" s="13" t="s">
        <v>545</v>
      </c>
      <c r="B114380" s="14" t="s">
        <v>1</v>
      </c>
      <c r="C114380" s="14" t="s">
        <v>546</v>
      </c>
      <c r="D114380" s="14" t="s">
        <v>146</v>
      </c>
      <c r="E114380" s="15">
        <v>45511</v>
      </c>
      <c r="F114380" s="14" t="s">
        <v>61</v>
      </c>
      <c r="G114380" s="16">
        <v>0.58681560603112648</v>
      </c>
    </row>
    <row r="114381" spans="1:7" x14ac:dyDescent="0.3">
      <c r="A114381" s="13" t="s">
        <v>545</v>
      </c>
      <c r="B114381" s="14" t="s">
        <v>1</v>
      </c>
      <c r="C114381" s="14" t="s">
        <v>546</v>
      </c>
      <c r="D114381" s="14" t="s">
        <v>146</v>
      </c>
      <c r="E114381" s="15">
        <v>45512</v>
      </c>
      <c r="F114381" s="14" t="s">
        <v>61</v>
      </c>
      <c r="G114381" s="16">
        <v>0.58461961048130751</v>
      </c>
    </row>
    <row r="114382" spans="1:7" x14ac:dyDescent="0.3">
      <c r="A114382" s="13" t="s">
        <v>545</v>
      </c>
      <c r="B114382" s="14" t="s">
        <v>1</v>
      </c>
      <c r="C114382" s="14" t="s">
        <v>546</v>
      </c>
      <c r="D114382" s="14" t="s">
        <v>146</v>
      </c>
      <c r="E114382" s="15">
        <v>45513</v>
      </c>
      <c r="F114382" s="14" t="s">
        <v>61</v>
      </c>
      <c r="G114382" s="16">
        <v>0.58233246270953409</v>
      </c>
    </row>
    <row r="114383" spans="1:7" x14ac:dyDescent="0.3">
      <c r="A114383" s="13" t="s">
        <v>545</v>
      </c>
      <c r="B114383" s="14" t="s">
        <v>1</v>
      </c>
      <c r="C114383" s="14" t="s">
        <v>546</v>
      </c>
      <c r="D114383" s="14" t="s">
        <v>146</v>
      </c>
      <c r="E114383" s="15">
        <v>45514</v>
      </c>
      <c r="F114383" s="14" t="s">
        <v>61</v>
      </c>
      <c r="G114383" s="16">
        <v>0.58233246270953409</v>
      </c>
    </row>
    <row r="114384" spans="1:7" x14ac:dyDescent="0.3">
      <c r="A114384" s="13" t="s">
        <v>545</v>
      </c>
      <c r="B114384" s="14" t="s">
        <v>1</v>
      </c>
      <c r="C114384" s="14" t="s">
        <v>546</v>
      </c>
      <c r="D114384" s="14" t="s">
        <v>146</v>
      </c>
      <c r="E114384" s="15">
        <v>45515</v>
      </c>
      <c r="F114384" s="14" t="s">
        <v>61</v>
      </c>
      <c r="G114384" s="16">
        <v>0.58233246270953409</v>
      </c>
    </row>
    <row r="114385" spans="1:7" x14ac:dyDescent="0.3">
      <c r="A114385" s="13" t="s">
        <v>545</v>
      </c>
      <c r="B114385" s="14" t="s">
        <v>1</v>
      </c>
      <c r="C114385" s="14" t="s">
        <v>546</v>
      </c>
      <c r="D114385" s="14" t="s">
        <v>146</v>
      </c>
      <c r="E114385" s="15">
        <v>45516</v>
      </c>
      <c r="F114385" s="14" t="s">
        <v>61</v>
      </c>
      <c r="G114385" s="16">
        <v>0.57908784255239243</v>
      </c>
    </row>
    <row r="114386" spans="1:7" x14ac:dyDescent="0.3">
      <c r="A114386" s="13" t="s">
        <v>545</v>
      </c>
      <c r="B114386" s="14" t="s">
        <v>1</v>
      </c>
      <c r="C114386" s="14" t="s">
        <v>546</v>
      </c>
      <c r="D114386" s="14" t="s">
        <v>146</v>
      </c>
      <c r="E114386" s="15">
        <v>45517</v>
      </c>
      <c r="F114386" s="14" t="s">
        <v>61</v>
      </c>
      <c r="G114386" s="16">
        <v>0.56859260031804049</v>
      </c>
    </row>
    <row r="114387" spans="1:7" x14ac:dyDescent="0.3">
      <c r="A114387" s="13" t="s">
        <v>545</v>
      </c>
      <c r="B114387" s="14" t="s">
        <v>1</v>
      </c>
      <c r="C114387" s="14" t="s">
        <v>546</v>
      </c>
      <c r="D114387" s="14" t="s">
        <v>146</v>
      </c>
      <c r="E114387" s="15">
        <v>45518</v>
      </c>
      <c r="F114387" s="14" t="s">
        <v>61</v>
      </c>
      <c r="G114387" s="16">
        <v>0.5656406711982801</v>
      </c>
    </row>
    <row r="114388" spans="1:7" x14ac:dyDescent="0.3">
      <c r="A114388" s="13" t="s">
        <v>545</v>
      </c>
      <c r="B114388" s="14" t="s">
        <v>1</v>
      </c>
      <c r="C114388" s="14" t="s">
        <v>546</v>
      </c>
      <c r="D114388" s="14" t="s">
        <v>146</v>
      </c>
      <c r="E114388" s="15">
        <v>45519</v>
      </c>
      <c r="F114388" s="14" t="s">
        <v>61</v>
      </c>
      <c r="G114388" s="16">
        <v>0.5652490832774727</v>
      </c>
    </row>
    <row r="114389" spans="1:7" x14ac:dyDescent="0.3">
      <c r="A114389" s="13" t="s">
        <v>545</v>
      </c>
      <c r="B114389" s="14" t="s">
        <v>1</v>
      </c>
      <c r="C114389" s="14" t="s">
        <v>546</v>
      </c>
      <c r="D114389" s="14" t="s">
        <v>146</v>
      </c>
      <c r="E114389" s="15">
        <v>45520</v>
      </c>
      <c r="F114389" s="14" t="s">
        <v>61</v>
      </c>
      <c r="G114389" s="16">
        <v>0.57467967141847953</v>
      </c>
    </row>
    <row r="114390" spans="1:7" x14ac:dyDescent="0.3">
      <c r="A114390" s="13" t="s">
        <v>545</v>
      </c>
      <c r="B114390" s="14" t="s">
        <v>1</v>
      </c>
      <c r="C114390" s="14" t="s">
        <v>546</v>
      </c>
      <c r="D114390" s="14" t="s">
        <v>146</v>
      </c>
      <c r="E114390" s="15">
        <v>45521</v>
      </c>
      <c r="F114390" s="14" t="s">
        <v>61</v>
      </c>
      <c r="G114390" s="16">
        <v>0.57467967141847953</v>
      </c>
    </row>
    <row r="114391" spans="1:7" x14ac:dyDescent="0.3">
      <c r="A114391" s="13" t="s">
        <v>545</v>
      </c>
      <c r="B114391" s="14" t="s">
        <v>1</v>
      </c>
      <c r="C114391" s="14" t="s">
        <v>546</v>
      </c>
      <c r="D114391" s="14" t="s">
        <v>146</v>
      </c>
      <c r="E114391" s="15">
        <v>45522</v>
      </c>
      <c r="F114391" s="14" t="s">
        <v>61</v>
      </c>
      <c r="G114391" s="16">
        <v>0.57467967141847953</v>
      </c>
    </row>
    <row r="114392" spans="1:7" x14ac:dyDescent="0.3">
      <c r="A114392" s="13" t="s">
        <v>545</v>
      </c>
      <c r="B114392" s="14" t="s">
        <v>1</v>
      </c>
      <c r="C114392" s="14" t="s">
        <v>546</v>
      </c>
      <c r="D114392" s="14" t="s">
        <v>146</v>
      </c>
      <c r="E114392" s="15">
        <v>45523</v>
      </c>
      <c r="F114392" s="14" t="s">
        <v>61</v>
      </c>
      <c r="G114392" s="16">
        <v>0.57950700888611528</v>
      </c>
    </row>
    <row r="114393" spans="1:7" x14ac:dyDescent="0.3">
      <c r="A114393" s="13" t="s">
        <v>545</v>
      </c>
      <c r="B114393" s="14" t="s">
        <v>1</v>
      </c>
      <c r="C114393" s="14" t="s">
        <v>546</v>
      </c>
      <c r="D114393" s="14" t="s">
        <v>146</v>
      </c>
      <c r="E114393" s="15">
        <v>45524</v>
      </c>
      <c r="F114393" s="14" t="s">
        <v>61</v>
      </c>
      <c r="G114393" s="16">
        <v>0.56991016072835621</v>
      </c>
    </row>
    <row r="114394" spans="1:7" x14ac:dyDescent="0.3">
      <c r="A114394" s="13" t="s">
        <v>545</v>
      </c>
      <c r="B114394" s="14" t="s">
        <v>1</v>
      </c>
      <c r="C114394" s="14" t="s">
        <v>546</v>
      </c>
      <c r="D114394" s="14" t="s">
        <v>146</v>
      </c>
      <c r="E114394" s="15">
        <v>45525</v>
      </c>
      <c r="F114394" s="14" t="s">
        <v>61</v>
      </c>
      <c r="G114394" s="16">
        <v>0.56643466336548864</v>
      </c>
    </row>
    <row r="114395" spans="1:7" x14ac:dyDescent="0.3">
      <c r="A114395" s="13" t="s">
        <v>545</v>
      </c>
      <c r="B114395" s="14" t="s">
        <v>1</v>
      </c>
      <c r="C114395" s="14" t="s">
        <v>546</v>
      </c>
      <c r="D114395" s="14" t="s">
        <v>146</v>
      </c>
      <c r="E114395" s="15">
        <v>45526</v>
      </c>
      <c r="F114395" s="14" t="s">
        <v>61</v>
      </c>
      <c r="G114395" s="16">
        <v>0.56587037483569214</v>
      </c>
    </row>
    <row r="114396" spans="1:7" x14ac:dyDescent="0.3">
      <c r="A114396" s="13" t="s">
        <v>545</v>
      </c>
      <c r="B114396" s="14" t="s">
        <v>1</v>
      </c>
      <c r="C114396" s="14" t="s">
        <v>546</v>
      </c>
      <c r="D114396" s="14" t="s">
        <v>146</v>
      </c>
      <c r="E114396" s="15">
        <v>45527</v>
      </c>
      <c r="F114396" s="14" t="s">
        <v>61</v>
      </c>
      <c r="G114396" s="16">
        <v>0.55940548934645118</v>
      </c>
    </row>
    <row r="114397" spans="1:7" x14ac:dyDescent="0.3">
      <c r="A114397" s="13" t="s">
        <v>545</v>
      </c>
      <c r="B114397" s="14" t="s">
        <v>1</v>
      </c>
      <c r="C114397" s="14" t="s">
        <v>546</v>
      </c>
      <c r="D114397" s="14" t="s">
        <v>146</v>
      </c>
      <c r="E114397" s="15">
        <v>45528</v>
      </c>
      <c r="F114397" s="14" t="s">
        <v>61</v>
      </c>
      <c r="G114397" s="16">
        <v>0.55940548934645118</v>
      </c>
    </row>
    <row r="114398" spans="1:7" x14ac:dyDescent="0.3">
      <c r="A114398" s="13" t="s">
        <v>545</v>
      </c>
      <c r="B114398" s="14" t="s">
        <v>1</v>
      </c>
      <c r="C114398" s="14" t="s">
        <v>546</v>
      </c>
      <c r="D114398" s="14" t="s">
        <v>146</v>
      </c>
      <c r="E114398" s="15">
        <v>45529</v>
      </c>
      <c r="F114398" s="14" t="s">
        <v>61</v>
      </c>
      <c r="G114398" s="16">
        <v>0.55940548934645118</v>
      </c>
    </row>
    <row r="114399" spans="1:7" x14ac:dyDescent="0.3">
      <c r="A114399" s="13" t="s">
        <v>545</v>
      </c>
      <c r="B114399" s="14" t="s">
        <v>1</v>
      </c>
      <c r="C114399" s="14" t="s">
        <v>546</v>
      </c>
      <c r="D114399" s="14" t="s">
        <v>146</v>
      </c>
      <c r="E114399" s="15">
        <v>45530</v>
      </c>
      <c r="F114399" s="14" t="s">
        <v>61</v>
      </c>
      <c r="G114399" s="16">
        <v>0.55849825444664414</v>
      </c>
    </row>
    <row r="114400" spans="1:7" x14ac:dyDescent="0.3">
      <c r="A114400" s="13" t="s">
        <v>545</v>
      </c>
      <c r="B114400" s="14" t="s">
        <v>1</v>
      </c>
      <c r="C114400" s="14" t="s">
        <v>546</v>
      </c>
      <c r="D114400" s="14" t="s">
        <v>146</v>
      </c>
      <c r="E114400" s="15">
        <v>45531</v>
      </c>
      <c r="F114400" s="14" t="s">
        <v>61</v>
      </c>
      <c r="G114400" s="16">
        <v>0.55001019319297662</v>
      </c>
    </row>
    <row r="114401" spans="1:7" x14ac:dyDescent="0.3">
      <c r="A114401" s="13" t="s">
        <v>545</v>
      </c>
      <c r="B114401" s="14" t="s">
        <v>1</v>
      </c>
      <c r="C114401" s="14" t="s">
        <v>546</v>
      </c>
      <c r="D114401" s="14" t="s">
        <v>146</v>
      </c>
      <c r="E114401" s="15">
        <v>45532</v>
      </c>
      <c r="F114401" s="14" t="s">
        <v>61</v>
      </c>
      <c r="G114401" s="16">
        <v>0.5513088048127931</v>
      </c>
    </row>
    <row r="114402" spans="1:7" x14ac:dyDescent="0.3">
      <c r="A114402" s="13" t="s">
        <v>545</v>
      </c>
      <c r="B114402" s="14" t="s">
        <v>1</v>
      </c>
      <c r="C114402" s="14" t="s">
        <v>546</v>
      </c>
      <c r="D114402" s="14" t="s">
        <v>146</v>
      </c>
      <c r="E114402" s="15">
        <v>45533</v>
      </c>
      <c r="F114402" s="14" t="s">
        <v>61</v>
      </c>
      <c r="G114402" s="16">
        <v>0.55099956438725972</v>
      </c>
    </row>
    <row r="114403" spans="1:7" x14ac:dyDescent="0.3">
      <c r="A114403" s="13" t="s">
        <v>545</v>
      </c>
      <c r="B114403" s="14" t="s">
        <v>1</v>
      </c>
      <c r="C114403" s="14" t="s">
        <v>546</v>
      </c>
      <c r="D114403" s="14" t="s">
        <v>146</v>
      </c>
      <c r="E114403" s="15">
        <v>45534</v>
      </c>
      <c r="F114403" s="14" t="s">
        <v>61</v>
      </c>
      <c r="G114403" s="16">
        <v>0.5500274511192097</v>
      </c>
    </row>
    <row r="114404" spans="1:7" x14ac:dyDescent="0.3">
      <c r="A114404" s="13" t="s">
        <v>545</v>
      </c>
      <c r="B114404" s="14" t="s">
        <v>1</v>
      </c>
      <c r="C114404" s="14" t="s">
        <v>546</v>
      </c>
      <c r="D114404" s="14" t="s">
        <v>146</v>
      </c>
      <c r="E114404" s="15">
        <v>45535</v>
      </c>
      <c r="F114404" s="14" t="s">
        <v>61</v>
      </c>
      <c r="G114404" s="16">
        <v>0.5500274511192097</v>
      </c>
    </row>
    <row r="114405" spans="1:7" x14ac:dyDescent="0.3">
      <c r="A114405" s="13" t="s">
        <v>545</v>
      </c>
      <c r="B114405" s="14" t="s">
        <v>1</v>
      </c>
      <c r="C114405" s="14" t="s">
        <v>546</v>
      </c>
      <c r="D114405" s="14" t="s">
        <v>146</v>
      </c>
      <c r="E114405" s="15">
        <v>45536</v>
      </c>
      <c r="F114405" s="14" t="s">
        <v>61</v>
      </c>
      <c r="G114405" s="16">
        <v>0.5500274511192097</v>
      </c>
    </row>
    <row r="114406" spans="1:7" x14ac:dyDescent="0.3">
      <c r="A114406" s="13" t="s">
        <v>545</v>
      </c>
      <c r="B114406" s="14" t="s">
        <v>1</v>
      </c>
      <c r="C114406" s="14" t="s">
        <v>546</v>
      </c>
      <c r="D114406" s="14" t="s">
        <v>146</v>
      </c>
      <c r="E114406" s="15">
        <v>45537</v>
      </c>
      <c r="F114406" s="14" t="s">
        <v>61</v>
      </c>
      <c r="G114406" s="16">
        <v>0.54637688266385687</v>
      </c>
    </row>
    <row r="114407" spans="1:7" x14ac:dyDescent="0.3">
      <c r="A114407" s="13" t="s">
        <v>545</v>
      </c>
      <c r="B114407" s="14" t="s">
        <v>1</v>
      </c>
      <c r="C114407" s="14" t="s">
        <v>546</v>
      </c>
      <c r="D114407" s="14" t="s">
        <v>146</v>
      </c>
      <c r="E114407" s="15">
        <v>45538</v>
      </c>
      <c r="F114407" s="14" t="s">
        <v>61</v>
      </c>
      <c r="G114407" s="16">
        <v>0.54293889540115015</v>
      </c>
    </row>
    <row r="114408" spans="1:7" x14ac:dyDescent="0.3">
      <c r="A114408" s="13" t="s">
        <v>545</v>
      </c>
      <c r="B114408" s="14" t="s">
        <v>1</v>
      </c>
      <c r="C114408" s="14" t="s">
        <v>546</v>
      </c>
      <c r="D114408" s="14" t="s">
        <v>146</v>
      </c>
      <c r="E114408" s="15">
        <v>45539</v>
      </c>
      <c r="F114408" s="14" t="s">
        <v>61</v>
      </c>
      <c r="G114408" s="16">
        <v>0.53859996732972604</v>
      </c>
    </row>
    <row r="114409" spans="1:7" x14ac:dyDescent="0.3">
      <c r="A114409" s="13" t="s">
        <v>545</v>
      </c>
      <c r="B114409" s="14" t="s">
        <v>1</v>
      </c>
      <c r="C114409" s="14" t="s">
        <v>546</v>
      </c>
      <c r="D114409" s="14" t="s">
        <v>146</v>
      </c>
      <c r="E114409" s="15">
        <v>45540</v>
      </c>
      <c r="F114409" s="14" t="s">
        <v>61</v>
      </c>
      <c r="G114409" s="16">
        <v>0.55512234555047257</v>
      </c>
    </row>
    <row r="114410" spans="1:7" x14ac:dyDescent="0.3">
      <c r="A114410" s="13" t="s">
        <v>545</v>
      </c>
      <c r="B114410" s="14" t="s">
        <v>1</v>
      </c>
      <c r="C114410" s="14" t="s">
        <v>546</v>
      </c>
      <c r="D114410" s="14" t="s">
        <v>146</v>
      </c>
      <c r="E114410" s="15">
        <v>45541</v>
      </c>
      <c r="F114410" s="14" t="s">
        <v>61</v>
      </c>
      <c r="G114410" s="16">
        <v>0.56298744644571086</v>
      </c>
    </row>
    <row r="114411" spans="1:7" x14ac:dyDescent="0.3">
      <c r="A114411" s="13" t="s">
        <v>545</v>
      </c>
      <c r="B114411" s="14" t="s">
        <v>1</v>
      </c>
      <c r="C114411" s="14" t="s">
        <v>546</v>
      </c>
      <c r="D114411" s="14" t="s">
        <v>146</v>
      </c>
      <c r="E114411" s="15">
        <v>45542</v>
      </c>
      <c r="F114411" s="14" t="s">
        <v>61</v>
      </c>
      <c r="G114411" s="16">
        <v>0.56298744644571086</v>
      </c>
    </row>
    <row r="114412" spans="1:7" x14ac:dyDescent="0.3">
      <c r="A114412" s="13" t="s">
        <v>545</v>
      </c>
      <c r="B114412" s="14" t="s">
        <v>1</v>
      </c>
      <c r="C114412" s="14" t="s">
        <v>546</v>
      </c>
      <c r="D114412" s="14" t="s">
        <v>146</v>
      </c>
      <c r="E114412" s="15">
        <v>45543</v>
      </c>
      <c r="F114412" s="14" t="s">
        <v>61</v>
      </c>
      <c r="G114412" s="16">
        <v>0.56298744644571086</v>
      </c>
    </row>
    <row r="114413" spans="1:7" x14ac:dyDescent="0.3">
      <c r="A114413" s="13" t="s">
        <v>545</v>
      </c>
      <c r="B114413" s="14" t="s">
        <v>1</v>
      </c>
      <c r="C114413" s="14" t="s">
        <v>546</v>
      </c>
      <c r="D114413" s="14" t="s">
        <v>146</v>
      </c>
      <c r="E114413" s="15">
        <v>45544</v>
      </c>
      <c r="F114413" s="14" t="s">
        <v>61</v>
      </c>
      <c r="G114413" s="16">
        <v>0.56319452552536686</v>
      </c>
    </row>
    <row r="114414" spans="1:7" x14ac:dyDescent="0.3">
      <c r="A114414" s="13" t="s">
        <v>545</v>
      </c>
      <c r="B114414" s="14" t="s">
        <v>1</v>
      </c>
      <c r="C114414" s="14" t="s">
        <v>546</v>
      </c>
      <c r="D114414" s="14" t="s">
        <v>146</v>
      </c>
      <c r="E114414" s="15">
        <v>45545</v>
      </c>
      <c r="F114414" s="14" t="s">
        <v>61</v>
      </c>
      <c r="G114414" s="16">
        <v>0.56796727146476378</v>
      </c>
    </row>
    <row r="114415" spans="1:7" x14ac:dyDescent="0.3">
      <c r="A114415" s="13" t="s">
        <v>545</v>
      </c>
      <c r="B114415" s="14" t="s">
        <v>1</v>
      </c>
      <c r="C114415" s="14" t="s">
        <v>546</v>
      </c>
      <c r="D114415" s="14" t="s">
        <v>146</v>
      </c>
      <c r="E114415" s="15">
        <v>45546</v>
      </c>
      <c r="F114415" s="14" t="s">
        <v>61</v>
      </c>
      <c r="G114415" s="16">
        <v>0.56591157294088446</v>
      </c>
    </row>
    <row r="114416" spans="1:7" x14ac:dyDescent="0.3">
      <c r="A114416" s="13" t="s">
        <v>545</v>
      </c>
      <c r="B114416" s="14" t="s">
        <v>1</v>
      </c>
      <c r="C114416" s="14" t="s">
        <v>546</v>
      </c>
      <c r="D114416" s="14" t="s">
        <v>146</v>
      </c>
      <c r="E114416" s="15">
        <v>45547</v>
      </c>
      <c r="F114416" s="14" t="s">
        <v>61</v>
      </c>
      <c r="G114416" s="16">
        <v>0.59036618983596656</v>
      </c>
    </row>
    <row r="114417" spans="1:7" x14ac:dyDescent="0.3">
      <c r="A114417" s="13" t="s">
        <v>545</v>
      </c>
      <c r="B114417" s="14" t="s">
        <v>1</v>
      </c>
      <c r="C114417" s="14" t="s">
        <v>546</v>
      </c>
      <c r="D114417" s="14" t="s">
        <v>146</v>
      </c>
      <c r="E114417" s="15">
        <v>45548</v>
      </c>
      <c r="F114417" s="14" t="s">
        <v>61</v>
      </c>
      <c r="G114417" s="16">
        <v>0.58792946624722797</v>
      </c>
    </row>
    <row r="114418" spans="1:7" x14ac:dyDescent="0.3">
      <c r="A114418" s="13" t="s">
        <v>545</v>
      </c>
      <c r="B114418" s="14" t="s">
        <v>1</v>
      </c>
      <c r="C114418" s="14" t="s">
        <v>546</v>
      </c>
      <c r="D114418" s="14" t="s">
        <v>146</v>
      </c>
      <c r="E114418" s="15">
        <v>45549</v>
      </c>
      <c r="F114418" s="14" t="s">
        <v>61</v>
      </c>
      <c r="G114418" s="16">
        <v>0.58792946624722797</v>
      </c>
    </row>
    <row r="114419" spans="1:7" x14ac:dyDescent="0.3">
      <c r="A114419" s="13" t="s">
        <v>545</v>
      </c>
      <c r="B114419" s="14" t="s">
        <v>1</v>
      </c>
      <c r="C114419" s="14" t="s">
        <v>546</v>
      </c>
      <c r="D114419" s="14" t="s">
        <v>146</v>
      </c>
      <c r="E114419" s="15">
        <v>45550</v>
      </c>
      <c r="F114419" s="14" t="s">
        <v>61</v>
      </c>
      <c r="G114419" s="16">
        <v>0.58792946624722797</v>
      </c>
    </row>
    <row r="114420" spans="1:7" x14ac:dyDescent="0.3">
      <c r="A114420" s="13" t="s">
        <v>545</v>
      </c>
      <c r="B114420" s="14" t="s">
        <v>1</v>
      </c>
      <c r="C114420" s="14" t="s">
        <v>546</v>
      </c>
      <c r="D114420" s="14" t="s">
        <v>146</v>
      </c>
      <c r="E114420" s="15">
        <v>45551</v>
      </c>
      <c r="F114420" s="14" t="s">
        <v>61</v>
      </c>
      <c r="G114420" s="16">
        <v>0.58792946624722797</v>
      </c>
    </row>
    <row r="114421" spans="1:7" x14ac:dyDescent="0.3">
      <c r="A114421" s="13" t="s">
        <v>545</v>
      </c>
      <c r="B114421" s="14" t="s">
        <v>1</v>
      </c>
      <c r="C114421" s="14" t="s">
        <v>546</v>
      </c>
      <c r="D114421" s="14" t="s">
        <v>146</v>
      </c>
      <c r="E114421" s="15">
        <v>45552</v>
      </c>
      <c r="F114421" s="14" t="s">
        <v>61</v>
      </c>
      <c r="G114421" s="16">
        <v>0.58792946624722797</v>
      </c>
    </row>
    <row r="114422" spans="1:7" x14ac:dyDescent="0.3">
      <c r="A114422" s="13" t="s">
        <v>545</v>
      </c>
      <c r="B114422" s="14" t="s">
        <v>1</v>
      </c>
      <c r="C114422" s="14" t="s">
        <v>546</v>
      </c>
      <c r="D114422" s="14" t="s">
        <v>146</v>
      </c>
      <c r="E114422" s="15">
        <v>45553</v>
      </c>
      <c r="F114422" s="14" t="s">
        <v>61</v>
      </c>
      <c r="G114422" s="16">
        <v>0.58792946624722797</v>
      </c>
    </row>
    <row r="114423" spans="1:7" x14ac:dyDescent="0.3">
      <c r="A114423" s="13" t="s">
        <v>545</v>
      </c>
      <c r="B114423" s="14" t="s">
        <v>1</v>
      </c>
      <c r="C114423" s="14" t="s">
        <v>546</v>
      </c>
      <c r="D114423" s="14" t="s">
        <v>146</v>
      </c>
      <c r="E114423" s="15">
        <v>45554</v>
      </c>
      <c r="F114423" s="14" t="s">
        <v>61</v>
      </c>
      <c r="G114423" s="16">
        <v>0.58109053564999869</v>
      </c>
    </row>
    <row r="114424" spans="1:7" x14ac:dyDescent="0.3">
      <c r="A114424" s="13" t="s">
        <v>545</v>
      </c>
      <c r="B114424" s="14" t="s">
        <v>1</v>
      </c>
      <c r="C114424" s="14" t="s">
        <v>546</v>
      </c>
      <c r="D114424" s="14" t="s">
        <v>146</v>
      </c>
      <c r="E114424" s="15">
        <v>45555</v>
      </c>
      <c r="F114424" s="14" t="s">
        <v>61</v>
      </c>
      <c r="G114424" s="16">
        <v>0.56673231757741194</v>
      </c>
    </row>
    <row r="114425" spans="1:7" x14ac:dyDescent="0.3">
      <c r="A114425" s="13" t="s">
        <v>545</v>
      </c>
      <c r="B114425" s="14" t="s">
        <v>1</v>
      </c>
      <c r="C114425" s="14" t="s">
        <v>546</v>
      </c>
      <c r="D114425" s="14" t="s">
        <v>146</v>
      </c>
      <c r="E114425" s="15">
        <v>45556</v>
      </c>
      <c r="F114425" s="14" t="s">
        <v>61</v>
      </c>
      <c r="G114425" s="16">
        <v>0.56673231757741194</v>
      </c>
    </row>
    <row r="114426" spans="1:7" x14ac:dyDescent="0.3">
      <c r="A114426" s="13" t="s">
        <v>545</v>
      </c>
      <c r="B114426" s="14" t="s">
        <v>1</v>
      </c>
      <c r="C114426" s="14" t="s">
        <v>546</v>
      </c>
      <c r="D114426" s="14" t="s">
        <v>146</v>
      </c>
      <c r="E114426" s="15">
        <v>45557</v>
      </c>
      <c r="F114426" s="14" t="s">
        <v>61</v>
      </c>
      <c r="G114426" s="16">
        <v>0.56673231757741194</v>
      </c>
    </row>
    <row r="114427" spans="1:7" x14ac:dyDescent="0.3">
      <c r="A114427" s="13" t="s">
        <v>545</v>
      </c>
      <c r="B114427" s="14" t="s">
        <v>1</v>
      </c>
      <c r="C114427" s="14" t="s">
        <v>546</v>
      </c>
      <c r="D114427" s="14" t="s">
        <v>146</v>
      </c>
      <c r="E114427" s="15">
        <v>45558</v>
      </c>
      <c r="F114427" s="14" t="s">
        <v>61</v>
      </c>
      <c r="G114427" s="16">
        <v>0.56681026072818042</v>
      </c>
    </row>
    <row r="114428" spans="1:7" x14ac:dyDescent="0.3">
      <c r="A114428" s="13" t="s">
        <v>545</v>
      </c>
      <c r="B114428" s="14" t="s">
        <v>1</v>
      </c>
      <c r="C114428" s="14" t="s">
        <v>546</v>
      </c>
      <c r="D114428" s="14" t="s">
        <v>146</v>
      </c>
      <c r="E114428" s="15">
        <v>45559</v>
      </c>
      <c r="F114428" s="14" t="s">
        <v>61</v>
      </c>
      <c r="G114428" s="16">
        <v>0.55604351467351443</v>
      </c>
    </row>
    <row r="114429" spans="1:7" x14ac:dyDescent="0.3">
      <c r="A114429" s="13" t="s">
        <v>545</v>
      </c>
      <c r="B114429" s="14" t="s">
        <v>1</v>
      </c>
      <c r="C114429" s="14" t="s">
        <v>546</v>
      </c>
      <c r="D114429" s="14" t="s">
        <v>146</v>
      </c>
      <c r="E114429" s="15">
        <v>45560</v>
      </c>
      <c r="F114429" s="14" t="s">
        <v>61</v>
      </c>
      <c r="G114429" s="16">
        <v>0.55589314398230028</v>
      </c>
    </row>
    <row r="114430" spans="1:7" x14ac:dyDescent="0.3">
      <c r="A114430" s="13" t="s">
        <v>545</v>
      </c>
      <c r="B114430" s="14" t="s">
        <v>1</v>
      </c>
      <c r="C114430" s="14" t="s">
        <v>546</v>
      </c>
      <c r="D114430" s="14" t="s">
        <v>146</v>
      </c>
      <c r="E114430" s="15">
        <v>45561</v>
      </c>
      <c r="F114430" s="14" t="s">
        <v>61</v>
      </c>
      <c r="G114430" s="16">
        <v>0.55123784344173909</v>
      </c>
    </row>
    <row r="114431" spans="1:7" x14ac:dyDescent="0.3">
      <c r="A114431" s="13" t="s">
        <v>545</v>
      </c>
      <c r="B114431" s="14" t="s">
        <v>1</v>
      </c>
      <c r="C114431" s="14" t="s">
        <v>546</v>
      </c>
      <c r="D114431" s="14" t="s">
        <v>146</v>
      </c>
      <c r="E114431" s="15">
        <v>45562</v>
      </c>
      <c r="F114431" s="14" t="s">
        <v>61</v>
      </c>
      <c r="G114431" s="16">
        <v>0.55089519006356025</v>
      </c>
    </row>
    <row r="114432" spans="1:7" x14ac:dyDescent="0.3">
      <c r="A114432" s="13" t="s">
        <v>545</v>
      </c>
      <c r="B114432" s="14" t="s">
        <v>1</v>
      </c>
      <c r="C114432" s="14" t="s">
        <v>546</v>
      </c>
      <c r="D114432" s="14" t="s">
        <v>146</v>
      </c>
      <c r="E114432" s="15">
        <v>45563</v>
      </c>
      <c r="F114432" s="14" t="s">
        <v>61</v>
      </c>
      <c r="G114432" s="16">
        <v>0.55089519006356025</v>
      </c>
    </row>
    <row r="114433" spans="1:7" x14ac:dyDescent="0.3">
      <c r="A114433" s="13" t="s">
        <v>545</v>
      </c>
      <c r="B114433" s="14" t="s">
        <v>1</v>
      </c>
      <c r="C114433" s="14" t="s">
        <v>546</v>
      </c>
      <c r="D114433" s="14" t="s">
        <v>146</v>
      </c>
      <c r="E114433" s="15">
        <v>45564</v>
      </c>
      <c r="F114433" s="14" t="s">
        <v>61</v>
      </c>
      <c r="G114433" s="16">
        <v>0.55089519006356025</v>
      </c>
    </row>
    <row r="114434" spans="1:7" x14ac:dyDescent="0.3">
      <c r="A114434" s="13" t="s">
        <v>545</v>
      </c>
      <c r="B114434" s="14" t="s">
        <v>1</v>
      </c>
      <c r="C114434" s="14" t="s">
        <v>546</v>
      </c>
      <c r="D114434" s="14" t="s">
        <v>146</v>
      </c>
      <c r="E114434" s="15">
        <v>45565</v>
      </c>
      <c r="F114434" s="14" t="s">
        <v>61</v>
      </c>
      <c r="G114434" s="16">
        <v>0.55260461527738991</v>
      </c>
    </row>
    <row r="114435" spans="1:7" x14ac:dyDescent="0.3">
      <c r="A114435" s="13" t="s">
        <v>545</v>
      </c>
      <c r="B114435" s="14" t="s">
        <v>1</v>
      </c>
      <c r="C114435" s="14" t="s">
        <v>546</v>
      </c>
      <c r="D114435" s="14" t="s">
        <v>146</v>
      </c>
      <c r="E114435" s="15">
        <v>45566</v>
      </c>
      <c r="F114435" s="14" t="s">
        <v>61</v>
      </c>
      <c r="G114435" s="16">
        <v>0.55260461527738991</v>
      </c>
    </row>
    <row r="114436" spans="1:7" x14ac:dyDescent="0.3">
      <c r="A114436" s="13" t="s">
        <v>545</v>
      </c>
      <c r="B114436" s="14" t="s">
        <v>1</v>
      </c>
      <c r="C114436" s="14" t="s">
        <v>546</v>
      </c>
      <c r="D114436" s="14" t="s">
        <v>146</v>
      </c>
      <c r="E114436" s="15">
        <v>45567</v>
      </c>
      <c r="F114436" s="14" t="s">
        <v>61</v>
      </c>
      <c r="G114436" s="16">
        <v>0.55260461527738991</v>
      </c>
    </row>
    <row r="114437" spans="1:7" x14ac:dyDescent="0.3">
      <c r="A114437" s="13" t="s">
        <v>545</v>
      </c>
      <c r="B114437" s="14" t="s">
        <v>1</v>
      </c>
      <c r="C114437" s="14" t="s">
        <v>546</v>
      </c>
      <c r="D114437" s="14" t="s">
        <v>146</v>
      </c>
      <c r="E114437" s="15">
        <v>45568</v>
      </c>
      <c r="F114437" s="14" t="s">
        <v>61</v>
      </c>
      <c r="G114437" s="16">
        <v>0.55260461527738991</v>
      </c>
    </row>
    <row r="114438" spans="1:7" x14ac:dyDescent="0.3">
      <c r="A114438" s="13" t="s">
        <v>545</v>
      </c>
      <c r="B114438" s="14" t="s">
        <v>1</v>
      </c>
      <c r="C114438" s="14" t="s">
        <v>546</v>
      </c>
      <c r="D114438" s="14" t="s">
        <v>146</v>
      </c>
      <c r="E114438" s="15">
        <v>45569</v>
      </c>
      <c r="F114438" s="14" t="s">
        <v>61</v>
      </c>
      <c r="G114438" s="16">
        <v>0.55260461527738991</v>
      </c>
    </row>
    <row r="114439" spans="1:7" x14ac:dyDescent="0.3">
      <c r="A114439" s="13" t="s">
        <v>545</v>
      </c>
      <c r="B114439" s="14" t="s">
        <v>1</v>
      </c>
      <c r="C114439" s="14" t="s">
        <v>546</v>
      </c>
      <c r="D114439" s="14" t="s">
        <v>146</v>
      </c>
      <c r="E114439" s="15">
        <v>45570</v>
      </c>
      <c r="F114439" s="14" t="s">
        <v>61</v>
      </c>
      <c r="G114439" s="16">
        <v>0.55260461527738991</v>
      </c>
    </row>
    <row r="114440" spans="1:7" x14ac:dyDescent="0.3">
      <c r="A114440" s="13" t="s">
        <v>545</v>
      </c>
      <c r="B114440" s="14" t="s">
        <v>1</v>
      </c>
      <c r="C114440" s="14" t="s">
        <v>546</v>
      </c>
      <c r="D114440" s="14" t="s">
        <v>146</v>
      </c>
      <c r="E114440" s="15">
        <v>45571</v>
      </c>
      <c r="F114440" s="14" t="s">
        <v>61</v>
      </c>
      <c r="G114440" s="16">
        <v>0.55260461527738991</v>
      </c>
    </row>
    <row r="114441" spans="1:7" x14ac:dyDescent="0.3">
      <c r="A114441" s="13" t="s">
        <v>545</v>
      </c>
      <c r="B114441" s="14" t="s">
        <v>1</v>
      </c>
      <c r="C114441" s="14" t="s">
        <v>546</v>
      </c>
      <c r="D114441" s="14" t="s">
        <v>146</v>
      </c>
      <c r="E114441" s="15">
        <v>45572</v>
      </c>
      <c r="F114441" s="14" t="s">
        <v>61</v>
      </c>
      <c r="G114441" s="16">
        <v>0.55260461527738991</v>
      </c>
    </row>
    <row r="114442" spans="1:7" x14ac:dyDescent="0.3">
      <c r="A114442" s="13" t="s">
        <v>545</v>
      </c>
      <c r="B114442" s="14" t="s">
        <v>1</v>
      </c>
      <c r="C114442" s="14" t="s">
        <v>546</v>
      </c>
      <c r="D114442" s="14" t="s">
        <v>146</v>
      </c>
      <c r="E114442" s="15">
        <v>45573</v>
      </c>
      <c r="F114442" s="14" t="s">
        <v>61</v>
      </c>
      <c r="G114442" s="16">
        <v>0.55770471288415591</v>
      </c>
    </row>
    <row r="114443" spans="1:7" x14ac:dyDescent="0.3">
      <c r="A114443" s="13" t="s">
        <v>545</v>
      </c>
      <c r="B114443" s="14" t="s">
        <v>1</v>
      </c>
      <c r="C114443" s="14" t="s">
        <v>546</v>
      </c>
      <c r="D114443" s="14" t="s">
        <v>146</v>
      </c>
      <c r="E114443" s="15">
        <v>45574</v>
      </c>
      <c r="F114443" s="14" t="s">
        <v>61</v>
      </c>
      <c r="G114443" s="16">
        <v>0.5387429274194846</v>
      </c>
    </row>
    <row r="114444" spans="1:7" x14ac:dyDescent="0.3">
      <c r="A114444" s="13" t="s">
        <v>545</v>
      </c>
      <c r="B114444" s="14" t="s">
        <v>1</v>
      </c>
      <c r="C114444" s="14" t="s">
        <v>546</v>
      </c>
      <c r="D114444" s="14" t="s">
        <v>146</v>
      </c>
      <c r="E114444" s="15">
        <v>45575</v>
      </c>
      <c r="F114444" s="14" t="s">
        <v>61</v>
      </c>
      <c r="G114444" s="16">
        <v>0.54098179924215883</v>
      </c>
    </row>
    <row r="114445" spans="1:7" x14ac:dyDescent="0.3">
      <c r="A114445" s="13" t="s">
        <v>545</v>
      </c>
      <c r="B114445" s="14" t="s">
        <v>1</v>
      </c>
      <c r="C114445" s="14" t="s">
        <v>546</v>
      </c>
      <c r="D114445" s="14" t="s">
        <v>146</v>
      </c>
      <c r="E114445" s="15">
        <v>45576</v>
      </c>
      <c r="F114445" s="14" t="s">
        <v>61</v>
      </c>
      <c r="G114445" s="16">
        <v>0.54098179924215883</v>
      </c>
    </row>
    <row r="114446" spans="1:7" x14ac:dyDescent="0.3">
      <c r="A114446" s="13" t="s">
        <v>545</v>
      </c>
      <c r="B114446" s="14" t="s">
        <v>1</v>
      </c>
      <c r="C114446" s="14" t="s">
        <v>546</v>
      </c>
      <c r="D114446" s="14" t="s">
        <v>146</v>
      </c>
      <c r="E114446" s="15">
        <v>45577</v>
      </c>
      <c r="F114446" s="14" t="s">
        <v>61</v>
      </c>
      <c r="G114446" s="16">
        <v>0.54098179924215883</v>
      </c>
    </row>
    <row r="114447" spans="1:7" x14ac:dyDescent="0.3">
      <c r="A114447" s="13" t="s">
        <v>545</v>
      </c>
      <c r="B114447" s="14" t="s">
        <v>1</v>
      </c>
      <c r="C114447" s="14" t="s">
        <v>546</v>
      </c>
      <c r="D114447" s="14" t="s">
        <v>146</v>
      </c>
      <c r="E114447" s="15">
        <v>45578</v>
      </c>
      <c r="F114447" s="14" t="s">
        <v>61</v>
      </c>
      <c r="G114447" s="16">
        <v>0.54098179924215883</v>
      </c>
    </row>
    <row r="114448" spans="1:7" x14ac:dyDescent="0.3">
      <c r="A114448" s="13" t="s">
        <v>545</v>
      </c>
      <c r="B114448" s="14" t="s">
        <v>1</v>
      </c>
      <c r="C114448" s="14" t="s">
        <v>546</v>
      </c>
      <c r="D114448" s="14" t="s">
        <v>146</v>
      </c>
      <c r="E114448" s="15">
        <v>45579</v>
      </c>
      <c r="F114448" s="14" t="s">
        <v>61</v>
      </c>
      <c r="G114448" s="16">
        <v>0.5393166624801129</v>
      </c>
    </row>
    <row r="114449" spans="1:7" x14ac:dyDescent="0.3">
      <c r="A114449" s="13" t="s">
        <v>545</v>
      </c>
      <c r="B114449" s="14" t="s">
        <v>1</v>
      </c>
      <c r="C114449" s="14" t="s">
        <v>546</v>
      </c>
      <c r="D114449" s="14" t="s">
        <v>146</v>
      </c>
      <c r="E114449" s="15">
        <v>45580</v>
      </c>
      <c r="F114449" s="14" t="s">
        <v>61</v>
      </c>
      <c r="G114449" s="16">
        <v>0.52819547070948192</v>
      </c>
    </row>
    <row r="114450" spans="1:7" x14ac:dyDescent="0.3">
      <c r="A114450" s="13" t="s">
        <v>545</v>
      </c>
      <c r="B114450" s="14" t="s">
        <v>1</v>
      </c>
      <c r="C114450" s="14" t="s">
        <v>546</v>
      </c>
      <c r="D114450" s="14" t="s">
        <v>146</v>
      </c>
      <c r="E114450" s="15">
        <v>45581</v>
      </c>
      <c r="F114450" s="14" t="s">
        <v>61</v>
      </c>
      <c r="G114450" s="16">
        <v>0.5266518331118446</v>
      </c>
    </row>
    <row r="114451" spans="1:7" x14ac:dyDescent="0.3">
      <c r="A114451" s="13" t="s">
        <v>545</v>
      </c>
      <c r="B114451" s="14" t="s">
        <v>1</v>
      </c>
      <c r="C114451" s="14" t="s">
        <v>546</v>
      </c>
      <c r="D114451" s="14" t="s">
        <v>146</v>
      </c>
      <c r="E114451" s="15">
        <v>45582</v>
      </c>
      <c r="F114451" s="14" t="s">
        <v>61</v>
      </c>
      <c r="G114451" s="16">
        <v>0.52526696551722962</v>
      </c>
    </row>
    <row r="114452" spans="1:7" x14ac:dyDescent="0.3">
      <c r="A114452" s="13" t="s">
        <v>545</v>
      </c>
      <c r="B114452" s="14" t="s">
        <v>1</v>
      </c>
      <c r="C114452" s="14" t="s">
        <v>546</v>
      </c>
      <c r="D114452" s="14" t="s">
        <v>146</v>
      </c>
      <c r="E114452" s="15">
        <v>45583</v>
      </c>
      <c r="F114452" s="14" t="s">
        <v>61</v>
      </c>
      <c r="G114452" s="16">
        <v>0.52073970874702324</v>
      </c>
    </row>
    <row r="114453" spans="1:7" x14ac:dyDescent="0.3">
      <c r="A114453" s="13" t="s">
        <v>545</v>
      </c>
      <c r="B114453" s="14" t="s">
        <v>1</v>
      </c>
      <c r="C114453" s="14" t="s">
        <v>546</v>
      </c>
      <c r="D114453" s="14" t="s">
        <v>146</v>
      </c>
      <c r="E114453" s="15">
        <v>45584</v>
      </c>
      <c r="F114453" s="14" t="s">
        <v>61</v>
      </c>
      <c r="G114453" s="16">
        <v>0.52073970874702324</v>
      </c>
    </row>
    <row r="114454" spans="1:7" x14ac:dyDescent="0.3">
      <c r="A114454" s="13" t="s">
        <v>545</v>
      </c>
      <c r="B114454" s="14" t="s">
        <v>1</v>
      </c>
      <c r="C114454" s="14" t="s">
        <v>546</v>
      </c>
      <c r="D114454" s="14" t="s">
        <v>146</v>
      </c>
      <c r="E114454" s="15">
        <v>45585</v>
      </c>
      <c r="F114454" s="14" t="s">
        <v>61</v>
      </c>
      <c r="G114454" s="16">
        <v>0.52073970874702324</v>
      </c>
    </row>
    <row r="114455" spans="1:7" x14ac:dyDescent="0.3">
      <c r="A114455" s="13" t="s">
        <v>545</v>
      </c>
      <c r="B114455" s="14" t="s">
        <v>1</v>
      </c>
      <c r="C114455" s="14" t="s">
        <v>546</v>
      </c>
      <c r="D114455" s="14" t="s">
        <v>146</v>
      </c>
      <c r="E114455" s="15">
        <v>45586</v>
      </c>
      <c r="F114455" s="14" t="s">
        <v>61</v>
      </c>
      <c r="G114455" s="16">
        <v>0.53462884126176313</v>
      </c>
    </row>
    <row r="114456" spans="1:7" x14ac:dyDescent="0.3">
      <c r="A114456" s="13" t="s">
        <v>545</v>
      </c>
      <c r="B114456" s="14" t="s">
        <v>1</v>
      </c>
      <c r="C114456" s="14" t="s">
        <v>546</v>
      </c>
      <c r="D114456" s="14" t="s">
        <v>146</v>
      </c>
      <c r="E114456" s="15">
        <v>45587</v>
      </c>
      <c r="F114456" s="14" t="s">
        <v>61</v>
      </c>
      <c r="G114456" s="16">
        <v>0.5265835414225567</v>
      </c>
    </row>
    <row r="114457" spans="1:7" x14ac:dyDescent="0.3">
      <c r="A114457" s="13" t="s">
        <v>545</v>
      </c>
      <c r="B114457" s="14" t="s">
        <v>1</v>
      </c>
      <c r="C114457" s="14" t="s">
        <v>546</v>
      </c>
      <c r="D114457" s="14" t="s">
        <v>146</v>
      </c>
      <c r="E114457" s="15">
        <v>45588</v>
      </c>
      <c r="F114457" s="14" t="s">
        <v>61</v>
      </c>
      <c r="G114457" s="16">
        <v>0.52453909029965873</v>
      </c>
    </row>
    <row r="114458" spans="1:7" x14ac:dyDescent="0.3">
      <c r="A114458" s="13" t="s">
        <v>545</v>
      </c>
      <c r="B114458" s="14" t="s">
        <v>1</v>
      </c>
      <c r="C114458" s="14" t="s">
        <v>546</v>
      </c>
      <c r="D114458" s="14" t="s">
        <v>146</v>
      </c>
      <c r="E114458" s="15">
        <v>45589</v>
      </c>
      <c r="F114458" s="14" t="s">
        <v>61</v>
      </c>
      <c r="G114458" s="16">
        <v>0.52124186611264056</v>
      </c>
    </row>
    <row r="114459" spans="1:7" x14ac:dyDescent="0.3">
      <c r="A114459" s="13" t="s">
        <v>545</v>
      </c>
      <c r="B114459" s="14" t="s">
        <v>1</v>
      </c>
      <c r="C114459" s="14" t="s">
        <v>546</v>
      </c>
      <c r="D114459" s="14" t="s">
        <v>146</v>
      </c>
      <c r="E114459" s="15">
        <v>45590</v>
      </c>
      <c r="F114459" s="14" t="s">
        <v>61</v>
      </c>
      <c r="G114459" s="16">
        <v>0.51986434530760894</v>
      </c>
    </row>
    <row r="114460" spans="1:7" x14ac:dyDescent="0.3">
      <c r="A114460" s="13" t="s">
        <v>545</v>
      </c>
      <c r="B114460" s="14" t="s">
        <v>1</v>
      </c>
      <c r="C114460" s="14" t="s">
        <v>546</v>
      </c>
      <c r="D114460" s="14" t="s">
        <v>146</v>
      </c>
      <c r="E114460" s="15">
        <v>45591</v>
      </c>
      <c r="F114460" s="14" t="s">
        <v>61</v>
      </c>
      <c r="G114460" s="16">
        <v>0.51986434530760894</v>
      </c>
    </row>
    <row r="114461" spans="1:7" x14ac:dyDescent="0.3">
      <c r="A114461" s="13" t="s">
        <v>545</v>
      </c>
      <c r="B114461" s="14" t="s">
        <v>1</v>
      </c>
      <c r="C114461" s="14" t="s">
        <v>546</v>
      </c>
      <c r="D114461" s="14" t="s">
        <v>146</v>
      </c>
      <c r="E114461" s="15">
        <v>45592</v>
      </c>
      <c r="F114461" s="14" t="s">
        <v>61</v>
      </c>
      <c r="G114461" s="16">
        <v>0.51986434530760894</v>
      </c>
    </row>
    <row r="114462" spans="1:7" x14ac:dyDescent="0.3">
      <c r="A114462" s="13" t="s">
        <v>545</v>
      </c>
      <c r="B114462" s="14" t="s">
        <v>1</v>
      </c>
      <c r="C114462" s="14" t="s">
        <v>546</v>
      </c>
      <c r="D114462" s="14" t="s">
        <v>146</v>
      </c>
      <c r="E114462" s="15">
        <v>45593</v>
      </c>
      <c r="F114462" s="14" t="s">
        <v>61</v>
      </c>
      <c r="G114462" s="16">
        <v>0.51986434530760894</v>
      </c>
    </row>
    <row r="114463" spans="1:7" x14ac:dyDescent="0.3">
      <c r="A114463" s="13" t="s">
        <v>545</v>
      </c>
      <c r="B114463" s="14" t="s">
        <v>1</v>
      </c>
      <c r="C114463" s="14" t="s">
        <v>546</v>
      </c>
      <c r="D114463" s="14" t="s">
        <v>146</v>
      </c>
      <c r="E114463" s="15">
        <v>45594</v>
      </c>
      <c r="F114463" s="14" t="s">
        <v>61</v>
      </c>
      <c r="G114463" s="16">
        <v>0.52045752836739445</v>
      </c>
    </row>
    <row r="114464" spans="1:7" x14ac:dyDescent="0.3">
      <c r="A114464" s="13" t="s">
        <v>545</v>
      </c>
      <c r="B114464" s="14" t="s">
        <v>1</v>
      </c>
      <c r="C114464" s="14" t="s">
        <v>546</v>
      </c>
      <c r="D114464" s="14" t="s">
        <v>146</v>
      </c>
      <c r="E114464" s="15">
        <v>45595</v>
      </c>
      <c r="F114464" s="14" t="s">
        <v>61</v>
      </c>
      <c r="G114464" s="16">
        <v>0.50718038331697857</v>
      </c>
    </row>
    <row r="114465" spans="1:7" x14ac:dyDescent="0.3">
      <c r="A114465" s="13" t="s">
        <v>545</v>
      </c>
      <c r="B114465" s="14" t="s">
        <v>1</v>
      </c>
      <c r="C114465" s="14" t="s">
        <v>546</v>
      </c>
      <c r="D114465" s="14" t="s">
        <v>146</v>
      </c>
      <c r="E114465" s="15">
        <v>45596</v>
      </c>
      <c r="F114465" s="14" t="s">
        <v>61</v>
      </c>
      <c r="G114465" s="16">
        <v>0.50306341716279024</v>
      </c>
    </row>
    <row r="114466" spans="1:7" x14ac:dyDescent="0.3">
      <c r="A114466" s="13" t="s">
        <v>545</v>
      </c>
      <c r="B114466" s="14" t="s">
        <v>1</v>
      </c>
      <c r="C114466" s="14" t="s">
        <v>546</v>
      </c>
      <c r="D114466" s="14" t="s">
        <v>146</v>
      </c>
      <c r="E114466" s="15">
        <v>45597</v>
      </c>
      <c r="F114466" s="14" t="s">
        <v>61</v>
      </c>
      <c r="G114466" s="16">
        <v>0.50689032139692913</v>
      </c>
    </row>
    <row r="114467" spans="1:7" x14ac:dyDescent="0.3">
      <c r="A114467" s="13" t="s">
        <v>545</v>
      </c>
      <c r="B114467" s="14" t="s">
        <v>1</v>
      </c>
      <c r="C114467" s="14" t="s">
        <v>546</v>
      </c>
      <c r="D114467" s="14" t="s">
        <v>146</v>
      </c>
      <c r="E114467" s="15">
        <v>45598</v>
      </c>
      <c r="F114467" s="14" t="s">
        <v>61</v>
      </c>
      <c r="G114467" s="16">
        <v>0.50689032139692913</v>
      </c>
    </row>
    <row r="114468" spans="1:7" x14ac:dyDescent="0.3">
      <c r="A114468" s="13" t="s">
        <v>545</v>
      </c>
      <c r="B114468" s="14" t="s">
        <v>1</v>
      </c>
      <c r="C114468" s="14" t="s">
        <v>546</v>
      </c>
      <c r="D114468" s="14" t="s">
        <v>146</v>
      </c>
      <c r="E114468" s="15">
        <v>45599</v>
      </c>
      <c r="F114468" s="14" t="s">
        <v>61</v>
      </c>
      <c r="G114468" s="16">
        <v>0.50689032139692913</v>
      </c>
    </row>
    <row r="114469" spans="1:7" x14ac:dyDescent="0.3">
      <c r="A114469" s="13" t="s">
        <v>545</v>
      </c>
      <c r="B114469" s="14" t="s">
        <v>1</v>
      </c>
      <c r="C114469" s="14" t="s">
        <v>546</v>
      </c>
      <c r="D114469" s="14" t="s">
        <v>146</v>
      </c>
      <c r="E114469" s="15">
        <v>45600</v>
      </c>
      <c r="F114469" s="14" t="s">
        <v>61</v>
      </c>
      <c r="G114469" s="16">
        <v>0.50453565456893001</v>
      </c>
    </row>
    <row r="114470" spans="1:7" x14ac:dyDescent="0.3">
      <c r="A114470" s="13" t="s">
        <v>545</v>
      </c>
      <c r="B114470" s="14" t="s">
        <v>1</v>
      </c>
      <c r="C114470" s="14" t="s">
        <v>546</v>
      </c>
      <c r="D114470" s="14" t="s">
        <v>146</v>
      </c>
      <c r="E114470" s="15">
        <v>45601</v>
      </c>
      <c r="F114470" s="14" t="s">
        <v>61</v>
      </c>
      <c r="G114470" s="16">
        <v>0.4935320641438955</v>
      </c>
    </row>
    <row r="114471" spans="1:7" x14ac:dyDescent="0.3">
      <c r="A114471" s="13" t="s">
        <v>545</v>
      </c>
      <c r="B114471" s="14" t="s">
        <v>1</v>
      </c>
      <c r="C114471" s="14" t="s">
        <v>546</v>
      </c>
      <c r="D114471" s="14" t="s">
        <v>146</v>
      </c>
      <c r="E114471" s="15">
        <v>45602</v>
      </c>
      <c r="F114471" s="14" t="s">
        <v>61</v>
      </c>
      <c r="G114471" s="16">
        <v>0.49994017590815765</v>
      </c>
    </row>
    <row r="114472" spans="1:7" x14ac:dyDescent="0.3">
      <c r="A114472" s="13" t="s">
        <v>545</v>
      </c>
      <c r="B114472" s="14" t="s">
        <v>1</v>
      </c>
      <c r="C114472" s="14" t="s">
        <v>546</v>
      </c>
      <c r="D114472" s="14" t="s">
        <v>146</v>
      </c>
      <c r="E114472" s="15">
        <v>45603</v>
      </c>
      <c r="F114472" s="14" t="s">
        <v>61</v>
      </c>
      <c r="G114472" s="16">
        <v>0.49343582230052485</v>
      </c>
    </row>
    <row r="114473" spans="1:7" x14ac:dyDescent="0.3">
      <c r="A114473" s="13" t="s">
        <v>545</v>
      </c>
      <c r="B114473" s="14" t="s">
        <v>1</v>
      </c>
      <c r="C114473" s="14" t="s">
        <v>546</v>
      </c>
      <c r="D114473" s="14" t="s">
        <v>146</v>
      </c>
      <c r="E114473" s="15">
        <v>45604</v>
      </c>
      <c r="F114473" s="14" t="s">
        <v>61</v>
      </c>
      <c r="G114473" s="16">
        <v>0.49767518063260341</v>
      </c>
    </row>
    <row r="114474" spans="1:7" x14ac:dyDescent="0.3">
      <c r="A114474" s="13" t="s">
        <v>545</v>
      </c>
      <c r="B114474" s="14" t="s">
        <v>1</v>
      </c>
      <c r="C114474" s="14" t="s">
        <v>546</v>
      </c>
      <c r="D114474" s="14" t="s">
        <v>146</v>
      </c>
      <c r="E114474" s="15">
        <v>45605</v>
      </c>
      <c r="F114474" s="14" t="s">
        <v>61</v>
      </c>
      <c r="G114474" s="16">
        <v>0.49767518063260341</v>
      </c>
    </row>
    <row r="114475" spans="1:7" x14ac:dyDescent="0.3">
      <c r="A114475" s="13" t="s">
        <v>545</v>
      </c>
      <c r="B114475" s="14" t="s">
        <v>1</v>
      </c>
      <c r="C114475" s="14" t="s">
        <v>546</v>
      </c>
      <c r="D114475" s="14" t="s">
        <v>146</v>
      </c>
      <c r="E114475" s="15">
        <v>45606</v>
      </c>
      <c r="F114475" s="14" t="s">
        <v>61</v>
      </c>
      <c r="G114475" s="16">
        <v>0.49767518063260341</v>
      </c>
    </row>
    <row r="114476" spans="1:7" x14ac:dyDescent="0.3">
      <c r="A114476" s="13" t="s">
        <v>545</v>
      </c>
      <c r="B114476" s="14" t="s">
        <v>1</v>
      </c>
      <c r="C114476" s="14" t="s">
        <v>546</v>
      </c>
      <c r="D114476" s="14" t="s">
        <v>146</v>
      </c>
      <c r="E114476" s="15">
        <v>45607</v>
      </c>
      <c r="F114476" s="14" t="s">
        <v>61</v>
      </c>
      <c r="G114476" s="16">
        <v>0.49758804867961404</v>
      </c>
    </row>
    <row r="114477" spans="1:7" x14ac:dyDescent="0.3">
      <c r="A114477" s="13" t="s">
        <v>545</v>
      </c>
      <c r="B114477" s="14" t="s">
        <v>1</v>
      </c>
      <c r="C114477" s="14" t="s">
        <v>546</v>
      </c>
      <c r="D114477" s="14" t="s">
        <v>146</v>
      </c>
      <c r="E114477" s="15">
        <v>45608</v>
      </c>
      <c r="F114477" s="14" t="s">
        <v>61</v>
      </c>
      <c r="G114477" s="16">
        <v>0.49028018947431756</v>
      </c>
    </row>
    <row r="114478" spans="1:7" x14ac:dyDescent="0.3">
      <c r="A114478" s="13" t="s">
        <v>545</v>
      </c>
      <c r="B114478" s="14" t="s">
        <v>1</v>
      </c>
      <c r="C114478" s="14" t="s">
        <v>546</v>
      </c>
      <c r="D114478" s="14" t="s">
        <v>146</v>
      </c>
      <c r="E114478" s="15">
        <v>45609</v>
      </c>
      <c r="F114478" s="14" t="s">
        <v>61</v>
      </c>
      <c r="G114478" s="16">
        <v>0.49005997660299772</v>
      </c>
    </row>
    <row r="114479" spans="1:7" x14ac:dyDescent="0.3">
      <c r="A114479" s="13" t="s">
        <v>545</v>
      </c>
      <c r="B114479" s="14" t="s">
        <v>1</v>
      </c>
      <c r="C114479" s="14" t="s">
        <v>546</v>
      </c>
      <c r="D114479" s="14" t="s">
        <v>146</v>
      </c>
      <c r="E114479" s="15">
        <v>45610</v>
      </c>
      <c r="F114479" s="14" t="s">
        <v>61</v>
      </c>
      <c r="G114479" s="16">
        <v>0.48879178837215237</v>
      </c>
    </row>
    <row r="114480" spans="1:7" x14ac:dyDescent="0.3">
      <c r="A114480" s="13" t="s">
        <v>545</v>
      </c>
      <c r="B114480" s="14" t="s">
        <v>1</v>
      </c>
      <c r="C114480" s="14" t="s">
        <v>546</v>
      </c>
      <c r="D114480" s="14" t="s">
        <v>146</v>
      </c>
      <c r="E114480" s="15">
        <v>45611</v>
      </c>
      <c r="F114480" s="14" t="s">
        <v>61</v>
      </c>
      <c r="G114480" s="16">
        <v>0.48549774306509386</v>
      </c>
    </row>
    <row r="114481" spans="1:7" x14ac:dyDescent="0.3">
      <c r="A114481" s="13" t="s">
        <v>545</v>
      </c>
      <c r="B114481" s="14" t="s">
        <v>1</v>
      </c>
      <c r="C114481" s="14" t="s">
        <v>546</v>
      </c>
      <c r="D114481" s="14" t="s">
        <v>146</v>
      </c>
      <c r="E114481" s="15">
        <v>45612</v>
      </c>
      <c r="F114481" s="14" t="s">
        <v>61</v>
      </c>
      <c r="G114481" s="16">
        <v>0.48549774306509386</v>
      </c>
    </row>
    <row r="114482" spans="1:7" x14ac:dyDescent="0.3">
      <c r="A114482" s="13" t="s">
        <v>545</v>
      </c>
      <c r="B114482" s="14" t="s">
        <v>1</v>
      </c>
      <c r="C114482" s="14" t="s">
        <v>546</v>
      </c>
      <c r="D114482" s="14" t="s">
        <v>146</v>
      </c>
      <c r="E114482" s="15">
        <v>45613</v>
      </c>
      <c r="F114482" s="14" t="s">
        <v>61</v>
      </c>
      <c r="G114482" s="16">
        <v>0.48549774306509386</v>
      </c>
    </row>
    <row r="114483" spans="1:7" x14ac:dyDescent="0.3">
      <c r="A114483" s="13" t="s">
        <v>545</v>
      </c>
      <c r="B114483" s="14" t="s">
        <v>1</v>
      </c>
      <c r="C114483" s="14" t="s">
        <v>546</v>
      </c>
      <c r="D114483" s="14" t="s">
        <v>146</v>
      </c>
      <c r="E114483" s="15">
        <v>45614</v>
      </c>
      <c r="F114483" s="14" t="s">
        <v>61</v>
      </c>
      <c r="G114483" s="16">
        <v>0.48002164052121665</v>
      </c>
    </row>
    <row r="114484" spans="1:7" x14ac:dyDescent="0.3">
      <c r="A114484" s="13" t="s">
        <v>545</v>
      </c>
      <c r="B114484" s="14" t="s">
        <v>1</v>
      </c>
      <c r="C114484" s="14" t="s">
        <v>546</v>
      </c>
      <c r="D114484" s="14" t="s">
        <v>146</v>
      </c>
      <c r="E114484" s="15">
        <v>45615</v>
      </c>
      <c r="F114484" s="14" t="s">
        <v>61</v>
      </c>
      <c r="G114484" s="16">
        <v>0.47195752322245532</v>
      </c>
    </row>
    <row r="114485" spans="1:7" x14ac:dyDescent="0.3">
      <c r="A114485" s="13" t="s">
        <v>545</v>
      </c>
      <c r="B114485" s="14" t="s">
        <v>1</v>
      </c>
      <c r="C114485" s="14" t="s">
        <v>546</v>
      </c>
      <c r="D114485" s="14" t="s">
        <v>146</v>
      </c>
      <c r="E114485" s="15">
        <v>45616</v>
      </c>
      <c r="F114485" s="14" t="s">
        <v>61</v>
      </c>
      <c r="G114485" s="16">
        <v>0.47151991176854741</v>
      </c>
    </row>
    <row r="114486" spans="1:7" x14ac:dyDescent="0.3">
      <c r="A114486" s="13" t="s">
        <v>545</v>
      </c>
      <c r="B114486" s="14" t="s">
        <v>1</v>
      </c>
      <c r="C114486" s="14" t="s">
        <v>546</v>
      </c>
      <c r="D114486" s="14" t="s">
        <v>146</v>
      </c>
      <c r="E114486" s="15">
        <v>45617</v>
      </c>
      <c r="F114486" s="14" t="s">
        <v>61</v>
      </c>
      <c r="G114486" s="16">
        <v>0.47186671176744954</v>
      </c>
    </row>
    <row r="114487" spans="1:7" x14ac:dyDescent="0.3">
      <c r="A114487" s="13" t="s">
        <v>545</v>
      </c>
      <c r="B114487" s="14" t="s">
        <v>1</v>
      </c>
      <c r="C114487" s="14" t="s">
        <v>546</v>
      </c>
      <c r="D114487" s="14" t="s">
        <v>146</v>
      </c>
      <c r="E114487" s="15">
        <v>45618</v>
      </c>
      <c r="F114487" s="14" t="s">
        <v>61</v>
      </c>
      <c r="G114487" s="16">
        <v>0.47147715075199637</v>
      </c>
    </row>
    <row r="114488" spans="1:7" x14ac:dyDescent="0.3">
      <c r="A114488" s="13" t="s">
        <v>545</v>
      </c>
      <c r="B114488" s="14" t="s">
        <v>1</v>
      </c>
      <c r="C114488" s="14" t="s">
        <v>546</v>
      </c>
      <c r="D114488" s="14" t="s">
        <v>146</v>
      </c>
      <c r="E114488" s="15">
        <v>45619</v>
      </c>
      <c r="F114488" s="14" t="s">
        <v>61</v>
      </c>
      <c r="G114488" s="16">
        <v>0.47147715075199637</v>
      </c>
    </row>
    <row r="114489" spans="1:7" x14ac:dyDescent="0.3">
      <c r="A114489" s="13" t="s">
        <v>545</v>
      </c>
      <c r="B114489" s="14" t="s">
        <v>1</v>
      </c>
      <c r="C114489" s="14" t="s">
        <v>546</v>
      </c>
      <c r="D114489" s="14" t="s">
        <v>146</v>
      </c>
      <c r="E114489" s="15">
        <v>45620</v>
      </c>
      <c r="F114489" s="14" t="s">
        <v>61</v>
      </c>
      <c r="G114489" s="16">
        <v>0.47147715075199637</v>
      </c>
    </row>
    <row r="114490" spans="1:7" x14ac:dyDescent="0.3">
      <c r="A114490" s="13" t="s">
        <v>545</v>
      </c>
      <c r="B114490" s="14" t="s">
        <v>1</v>
      </c>
      <c r="C114490" s="14" t="s">
        <v>546</v>
      </c>
      <c r="D114490" s="14" t="s">
        <v>146</v>
      </c>
      <c r="E114490" s="15">
        <v>45621</v>
      </c>
      <c r="F114490" s="14" t="s">
        <v>61</v>
      </c>
      <c r="G114490" s="16">
        <v>0.46540829881134349</v>
      </c>
    </row>
    <row r="114491" spans="1:7" x14ac:dyDescent="0.3">
      <c r="A114491" s="13" t="s">
        <v>545</v>
      </c>
      <c r="B114491" s="14" t="s">
        <v>1</v>
      </c>
      <c r="C114491" s="14" t="s">
        <v>546</v>
      </c>
      <c r="D114491" s="14" t="s">
        <v>146</v>
      </c>
      <c r="E114491" s="15">
        <v>45622</v>
      </c>
      <c r="F114491" s="14" t="s">
        <v>61</v>
      </c>
      <c r="G114491" s="16">
        <v>0.45762696195474445</v>
      </c>
    </row>
    <row r="114492" spans="1:7" x14ac:dyDescent="0.3">
      <c r="A114492" s="13" t="s">
        <v>545</v>
      </c>
      <c r="B114492" s="14" t="s">
        <v>1</v>
      </c>
      <c r="C114492" s="14" t="s">
        <v>546</v>
      </c>
      <c r="D114492" s="14" t="s">
        <v>146</v>
      </c>
      <c r="E114492" s="15">
        <v>45623</v>
      </c>
      <c r="F114492" s="14" t="s">
        <v>61</v>
      </c>
      <c r="G114492" s="16">
        <v>0.45161517597777917</v>
      </c>
    </row>
    <row r="114493" spans="1:7" x14ac:dyDescent="0.3">
      <c r="A114493" s="13" t="s">
        <v>545</v>
      </c>
      <c r="B114493" s="14" t="s">
        <v>1</v>
      </c>
      <c r="C114493" s="14" t="s">
        <v>546</v>
      </c>
      <c r="D114493" s="14" t="s">
        <v>146</v>
      </c>
      <c r="E114493" s="15">
        <v>45624</v>
      </c>
      <c r="F114493" s="14" t="s">
        <v>61</v>
      </c>
      <c r="G114493" s="16">
        <v>0.45011483326726448</v>
      </c>
    </row>
    <row r="114494" spans="1:7" x14ac:dyDescent="0.3">
      <c r="A114494" s="13" t="s">
        <v>545</v>
      </c>
      <c r="B114494" s="14" t="s">
        <v>1</v>
      </c>
      <c r="C114494" s="14" t="s">
        <v>546</v>
      </c>
      <c r="D114494" s="14" t="s">
        <v>146</v>
      </c>
      <c r="E114494" s="15">
        <v>45625</v>
      </c>
      <c r="F114494" s="14" t="s">
        <v>61</v>
      </c>
      <c r="G114494" s="16">
        <v>0.44922479349776928</v>
      </c>
    </row>
    <row r="114495" spans="1:7" x14ac:dyDescent="0.3">
      <c r="A114495" s="13" t="s">
        <v>545</v>
      </c>
      <c r="B114495" s="14" t="s">
        <v>1</v>
      </c>
      <c r="C114495" s="14" t="s">
        <v>546</v>
      </c>
      <c r="D114495" s="14" t="s">
        <v>146</v>
      </c>
      <c r="E114495" s="15">
        <v>45626</v>
      </c>
      <c r="F114495" s="14" t="s">
        <v>61</v>
      </c>
      <c r="G114495" s="16">
        <v>0.44922479349776928</v>
      </c>
    </row>
    <row r="114496" spans="1:7" x14ac:dyDescent="0.3">
      <c r="A114496" s="13" t="s">
        <v>545</v>
      </c>
      <c r="B114496" s="14" t="s">
        <v>1</v>
      </c>
      <c r="C114496" s="14" t="s">
        <v>546</v>
      </c>
      <c r="D114496" s="14" t="s">
        <v>146</v>
      </c>
      <c r="E114496" s="15">
        <v>45627</v>
      </c>
      <c r="F114496" s="14" t="s">
        <v>61</v>
      </c>
      <c r="G114496" s="16">
        <v>0.44922479349776928</v>
      </c>
    </row>
    <row r="114497" spans="1:7" x14ac:dyDescent="0.3">
      <c r="A114497" s="13" t="s">
        <v>545</v>
      </c>
      <c r="B114497" s="14" t="s">
        <v>1</v>
      </c>
      <c r="C114497" s="14" t="s">
        <v>546</v>
      </c>
      <c r="D114497" s="14" t="s">
        <v>146</v>
      </c>
      <c r="E114497" s="15">
        <v>45628</v>
      </c>
      <c r="F114497" s="14" t="s">
        <v>61</v>
      </c>
      <c r="G114497" s="16">
        <v>0.45120117841257007</v>
      </c>
    </row>
    <row r="114498" spans="1:7" x14ac:dyDescent="0.3">
      <c r="A114498" s="13" t="s">
        <v>545</v>
      </c>
      <c r="B114498" s="14" t="s">
        <v>1</v>
      </c>
      <c r="C114498" s="14" t="s">
        <v>546</v>
      </c>
      <c r="D114498" s="14" t="s">
        <v>146</v>
      </c>
      <c r="E114498" s="15">
        <v>45629</v>
      </c>
      <c r="F114498" s="14" t="s">
        <v>61</v>
      </c>
      <c r="G114498" s="16">
        <v>0.44254023114943597</v>
      </c>
    </row>
    <row r="114499" spans="1:7" x14ac:dyDescent="0.3">
      <c r="A114499" s="13" t="s">
        <v>545</v>
      </c>
      <c r="B114499" s="14" t="s">
        <v>1</v>
      </c>
      <c r="C114499" s="14" t="s">
        <v>546</v>
      </c>
      <c r="D114499" s="14" t="s">
        <v>146</v>
      </c>
      <c r="E114499" s="15">
        <v>45630</v>
      </c>
      <c r="F114499" s="14" t="s">
        <v>61</v>
      </c>
      <c r="G114499" s="16">
        <v>0.44151472811551656</v>
      </c>
    </row>
    <row r="114500" spans="1:7" x14ac:dyDescent="0.3">
      <c r="A114500" s="13" t="s">
        <v>545</v>
      </c>
      <c r="B114500" s="14" t="s">
        <v>1</v>
      </c>
      <c r="C114500" s="14" t="s">
        <v>546</v>
      </c>
      <c r="D114500" s="14" t="s">
        <v>146</v>
      </c>
      <c r="E114500" s="15">
        <v>45631</v>
      </c>
      <c r="F114500" s="14" t="s">
        <v>61</v>
      </c>
      <c r="G114500" s="16">
        <v>0.43564870087374019</v>
      </c>
    </row>
    <row r="114501" spans="1:7" x14ac:dyDescent="0.3">
      <c r="A114501" s="13" t="s">
        <v>545</v>
      </c>
      <c r="B114501" s="14" t="s">
        <v>1</v>
      </c>
      <c r="C114501" s="14" t="s">
        <v>546</v>
      </c>
      <c r="D114501" s="14" t="s">
        <v>146</v>
      </c>
      <c r="E114501" s="15">
        <v>45632</v>
      </c>
      <c r="F114501" s="14" t="s">
        <v>61</v>
      </c>
      <c r="G114501" s="16">
        <v>0.43362768890615744</v>
      </c>
    </row>
    <row r="114502" spans="1:7" x14ac:dyDescent="0.3">
      <c r="A114502" s="13" t="s">
        <v>545</v>
      </c>
      <c r="B114502" s="14" t="s">
        <v>1</v>
      </c>
      <c r="C114502" s="14" t="s">
        <v>546</v>
      </c>
      <c r="D114502" s="14" t="s">
        <v>146</v>
      </c>
      <c r="E114502" s="15">
        <v>45633</v>
      </c>
      <c r="F114502" s="14" t="s">
        <v>61</v>
      </c>
      <c r="G114502" s="16">
        <v>0.43362768890615744</v>
      </c>
    </row>
    <row r="114503" spans="1:7" x14ac:dyDescent="0.3">
      <c r="A114503" s="13" t="s">
        <v>545</v>
      </c>
      <c r="B114503" s="14" t="s">
        <v>1</v>
      </c>
      <c r="C114503" s="14" t="s">
        <v>546</v>
      </c>
      <c r="D114503" s="14" t="s">
        <v>146</v>
      </c>
      <c r="E114503" s="15">
        <v>45634</v>
      </c>
      <c r="F114503" s="14" t="s">
        <v>61</v>
      </c>
      <c r="G114503" s="16">
        <v>0.43362768890615744</v>
      </c>
    </row>
    <row r="114504" spans="1:7" x14ac:dyDescent="0.3">
      <c r="A114504" s="13" t="s">
        <v>545</v>
      </c>
      <c r="B114504" s="14" t="s">
        <v>1</v>
      </c>
      <c r="C114504" s="14" t="s">
        <v>546</v>
      </c>
      <c r="D114504" s="14" t="s">
        <v>146</v>
      </c>
      <c r="E114504" s="15">
        <v>45635</v>
      </c>
      <c r="F114504" s="14" t="s">
        <v>61</v>
      </c>
      <c r="G114504" s="16">
        <v>0.43156509378479241</v>
      </c>
    </row>
    <row r="114505" spans="1:7" x14ac:dyDescent="0.3">
      <c r="A114505" s="13" t="s">
        <v>545</v>
      </c>
      <c r="B114505" s="14" t="s">
        <v>1</v>
      </c>
      <c r="C114505" s="14" t="s">
        <v>546</v>
      </c>
      <c r="D114505" s="14" t="s">
        <v>146</v>
      </c>
      <c r="E114505" s="15">
        <v>45636</v>
      </c>
      <c r="F114505" s="14" t="s">
        <v>61</v>
      </c>
      <c r="G114505" s="16">
        <v>0.43053191441910765</v>
      </c>
    </row>
    <row r="114506" spans="1:7" x14ac:dyDescent="0.3">
      <c r="A114506" s="13" t="s">
        <v>545</v>
      </c>
      <c r="B114506" s="14" t="s">
        <v>1</v>
      </c>
      <c r="C114506" s="14" t="s">
        <v>546</v>
      </c>
      <c r="D114506" s="14" t="s">
        <v>146</v>
      </c>
      <c r="E114506" s="15">
        <v>45637</v>
      </c>
      <c r="F114506" s="14" t="s">
        <v>61</v>
      </c>
      <c r="G114506" s="16">
        <v>0.42903261606713072</v>
      </c>
    </row>
    <row r="114507" spans="1:7" x14ac:dyDescent="0.3">
      <c r="A114507" s="13" t="s">
        <v>545</v>
      </c>
      <c r="B114507" s="14" t="s">
        <v>1</v>
      </c>
      <c r="C114507" s="14" t="s">
        <v>546</v>
      </c>
      <c r="D114507" s="14" t="s">
        <v>146</v>
      </c>
      <c r="E114507" s="15">
        <v>45638</v>
      </c>
      <c r="F114507" s="14" t="s">
        <v>61</v>
      </c>
      <c r="G114507" s="16">
        <v>0.42737256029011311</v>
      </c>
    </row>
    <row r="114508" spans="1:7" x14ac:dyDescent="0.3">
      <c r="A114508" s="13" t="s">
        <v>545</v>
      </c>
      <c r="B114508" s="14" t="s">
        <v>1</v>
      </c>
      <c r="C114508" s="14" t="s">
        <v>546</v>
      </c>
      <c r="D114508" s="14" t="s">
        <v>146</v>
      </c>
      <c r="E114508" s="15">
        <v>45639</v>
      </c>
      <c r="F114508" s="14" t="s">
        <v>61</v>
      </c>
      <c r="G114508" s="16">
        <v>0.42315355994008907</v>
      </c>
    </row>
    <row r="114509" spans="1:7" x14ac:dyDescent="0.3">
      <c r="A114509" s="13" t="s">
        <v>545</v>
      </c>
      <c r="B114509" s="14" t="s">
        <v>1</v>
      </c>
      <c r="C114509" s="14" t="s">
        <v>546</v>
      </c>
      <c r="D114509" s="14" t="s">
        <v>146</v>
      </c>
      <c r="E114509" s="15">
        <v>45640</v>
      </c>
      <c r="F114509" s="14" t="s">
        <v>61</v>
      </c>
      <c r="G114509" s="16">
        <v>0.42315355994008907</v>
      </c>
    </row>
    <row r="114510" spans="1:7" x14ac:dyDescent="0.3">
      <c r="A114510" s="13" t="s">
        <v>545</v>
      </c>
      <c r="B114510" s="14" t="s">
        <v>1</v>
      </c>
      <c r="C114510" s="14" t="s">
        <v>546</v>
      </c>
      <c r="D114510" s="14" t="s">
        <v>146</v>
      </c>
      <c r="E114510" s="15">
        <v>45641</v>
      </c>
      <c r="F114510" s="14" t="s">
        <v>61</v>
      </c>
      <c r="G114510" s="16">
        <v>0.42315355994008907</v>
      </c>
    </row>
    <row r="114511" spans="1:7" x14ac:dyDescent="0.3">
      <c r="A114511" s="13" t="s">
        <v>545</v>
      </c>
      <c r="B114511" s="14" t="s">
        <v>1</v>
      </c>
      <c r="C114511" s="14" t="s">
        <v>546</v>
      </c>
      <c r="D114511" s="14" t="s">
        <v>146</v>
      </c>
      <c r="E114511" s="15">
        <v>45642</v>
      </c>
      <c r="F114511" s="14" t="s">
        <v>61</v>
      </c>
      <c r="G114511" s="16">
        <v>0.4202007785952756</v>
      </c>
    </row>
    <row r="114512" spans="1:7" x14ac:dyDescent="0.3">
      <c r="A114512" s="13" t="s">
        <v>545</v>
      </c>
      <c r="B114512" s="14" t="s">
        <v>1</v>
      </c>
      <c r="C114512" s="14" t="s">
        <v>546</v>
      </c>
      <c r="D114512" s="14" t="s">
        <v>146</v>
      </c>
      <c r="E114512" s="15">
        <v>45643</v>
      </c>
      <c r="F114512" s="14" t="s">
        <v>61</v>
      </c>
      <c r="G114512" s="16">
        <v>0.4127619543775724</v>
      </c>
    </row>
    <row r="114513" spans="1:7" x14ac:dyDescent="0.3">
      <c r="A114513" s="13" t="s">
        <v>545</v>
      </c>
      <c r="B114513" s="14" t="s">
        <v>1</v>
      </c>
      <c r="C114513" s="14" t="s">
        <v>546</v>
      </c>
      <c r="D114513" s="14" t="s">
        <v>146</v>
      </c>
      <c r="E114513" s="15">
        <v>45644</v>
      </c>
      <c r="F114513" s="14" t="s">
        <v>61</v>
      </c>
      <c r="G114513" s="16">
        <v>0.41552508770311936</v>
      </c>
    </row>
    <row r="114514" spans="1:7" x14ac:dyDescent="0.3">
      <c r="A114514" s="13" t="s">
        <v>545</v>
      </c>
      <c r="B114514" s="14" t="s">
        <v>1</v>
      </c>
      <c r="C114514" s="14" t="s">
        <v>546</v>
      </c>
      <c r="D114514" s="14" t="s">
        <v>146</v>
      </c>
      <c r="E114514" s="15">
        <v>45645</v>
      </c>
      <c r="F114514" s="14" t="s">
        <v>61</v>
      </c>
      <c r="G114514" s="16">
        <v>0.4128403293771914</v>
      </c>
    </row>
    <row r="114515" spans="1:7" x14ac:dyDescent="0.3">
      <c r="A114515" s="13" t="s">
        <v>545</v>
      </c>
      <c r="B114515" s="14" t="s">
        <v>1</v>
      </c>
      <c r="C114515" s="14" t="s">
        <v>546</v>
      </c>
      <c r="D114515" s="14" t="s">
        <v>146</v>
      </c>
      <c r="E114515" s="15">
        <v>45646</v>
      </c>
      <c r="F114515" s="14" t="s">
        <v>61</v>
      </c>
      <c r="G114515" s="16">
        <v>0.40742701985725333</v>
      </c>
    </row>
    <row r="114516" spans="1:7" x14ac:dyDescent="0.3">
      <c r="A114516" s="13" t="s">
        <v>545</v>
      </c>
      <c r="B114516" s="14" t="s">
        <v>1</v>
      </c>
      <c r="C114516" s="14" t="s">
        <v>546</v>
      </c>
      <c r="D114516" s="14" t="s">
        <v>146</v>
      </c>
      <c r="E114516" s="15">
        <v>45647</v>
      </c>
      <c r="F114516" s="14" t="s">
        <v>61</v>
      </c>
      <c r="G114516" s="16">
        <v>0.40742701985725333</v>
      </c>
    </row>
    <row r="114517" spans="1:7" x14ac:dyDescent="0.3">
      <c r="A114517" s="13" t="s">
        <v>545</v>
      </c>
      <c r="B114517" s="14" t="s">
        <v>1</v>
      </c>
      <c r="C114517" s="14" t="s">
        <v>546</v>
      </c>
      <c r="D114517" s="14" t="s">
        <v>146</v>
      </c>
      <c r="E114517" s="15">
        <v>45648</v>
      </c>
      <c r="F114517" s="14" t="s">
        <v>61</v>
      </c>
      <c r="G114517" s="16">
        <v>0.40742701985725333</v>
      </c>
    </row>
    <row r="114518" spans="1:7" x14ac:dyDescent="0.3">
      <c r="A114518" s="13" t="s">
        <v>545</v>
      </c>
      <c r="B114518" s="14" t="s">
        <v>1</v>
      </c>
      <c r="C114518" s="14" t="s">
        <v>546</v>
      </c>
      <c r="D114518" s="14" t="s">
        <v>146</v>
      </c>
      <c r="E114518" s="15">
        <v>45649</v>
      </c>
      <c r="F114518" s="14" t="s">
        <v>61</v>
      </c>
      <c r="G114518" s="16">
        <v>0.43800659460930841</v>
      </c>
    </row>
    <row r="114519" spans="1:7" x14ac:dyDescent="0.3">
      <c r="A114519" s="13" t="s">
        <v>545</v>
      </c>
      <c r="B114519" s="14" t="s">
        <v>1</v>
      </c>
      <c r="C114519" s="14" t="s">
        <v>546</v>
      </c>
      <c r="D114519" s="14" t="s">
        <v>146</v>
      </c>
      <c r="E114519" s="15">
        <v>45650</v>
      </c>
      <c r="F114519" s="14" t="s">
        <v>61</v>
      </c>
      <c r="G114519" s="16">
        <v>0.43007230421879833</v>
      </c>
    </row>
    <row r="114520" spans="1:7" x14ac:dyDescent="0.3">
      <c r="A114520" s="13" t="s">
        <v>545</v>
      </c>
      <c r="B114520" s="14" t="s">
        <v>1</v>
      </c>
      <c r="C114520" s="14" t="s">
        <v>546</v>
      </c>
      <c r="D114520" s="14" t="s">
        <v>146</v>
      </c>
      <c r="E114520" s="15">
        <v>45651</v>
      </c>
      <c r="F114520" s="14" t="s">
        <v>61</v>
      </c>
      <c r="G114520" s="16">
        <v>0.43007230421879833</v>
      </c>
    </row>
    <row r="114521" spans="1:7" x14ac:dyDescent="0.3">
      <c r="A114521" s="13" t="s">
        <v>545</v>
      </c>
      <c r="B114521" s="14" t="s">
        <v>1</v>
      </c>
      <c r="C114521" s="14" t="s">
        <v>546</v>
      </c>
      <c r="D114521" s="14" t="s">
        <v>146</v>
      </c>
      <c r="E114521" s="15">
        <v>45652</v>
      </c>
      <c r="F114521" s="14" t="s">
        <v>61</v>
      </c>
      <c r="G114521" s="16">
        <v>0.43007230421879833</v>
      </c>
    </row>
    <row r="114522" spans="1:7" x14ac:dyDescent="0.3">
      <c r="A114522" s="13" t="s">
        <v>545</v>
      </c>
      <c r="B114522" s="14" t="s">
        <v>1</v>
      </c>
      <c r="C114522" s="14" t="s">
        <v>546</v>
      </c>
      <c r="D114522" s="14" t="s">
        <v>146</v>
      </c>
      <c r="E114522" s="15">
        <v>45653</v>
      </c>
      <c r="F114522" s="14" t="s">
        <v>61</v>
      </c>
      <c r="G114522" s="16">
        <v>0.43007230421879833</v>
      </c>
    </row>
    <row r="114523" spans="1:7" x14ac:dyDescent="0.3">
      <c r="A114523" s="13" t="s">
        <v>545</v>
      </c>
      <c r="B114523" s="14" t="s">
        <v>1</v>
      </c>
      <c r="C114523" s="14" t="s">
        <v>546</v>
      </c>
      <c r="D114523" s="14" t="s">
        <v>146</v>
      </c>
      <c r="E114523" s="15">
        <v>45654</v>
      </c>
      <c r="F114523" s="14" t="s">
        <v>61</v>
      </c>
      <c r="G114523" s="16">
        <v>0.43007230421879833</v>
      </c>
    </row>
    <row r="114524" spans="1:7" x14ac:dyDescent="0.3">
      <c r="A114524" s="13" t="s">
        <v>545</v>
      </c>
      <c r="B114524" s="14" t="s">
        <v>1</v>
      </c>
      <c r="C114524" s="14" t="s">
        <v>546</v>
      </c>
      <c r="D114524" s="14" t="s">
        <v>146</v>
      </c>
      <c r="E114524" s="15">
        <v>45655</v>
      </c>
      <c r="F114524" s="14" t="s">
        <v>61</v>
      </c>
      <c r="G114524" s="16">
        <v>0.43007230421879833</v>
      </c>
    </row>
    <row r="114525" spans="1:7" x14ac:dyDescent="0.3">
      <c r="A114525" s="13" t="s">
        <v>545</v>
      </c>
      <c r="B114525" s="14" t="s">
        <v>1</v>
      </c>
      <c r="C114525" s="14" t="s">
        <v>546</v>
      </c>
      <c r="D114525" s="14" t="s">
        <v>146</v>
      </c>
      <c r="E114525" s="15">
        <v>45656</v>
      </c>
      <c r="F114525" s="14" t="s">
        <v>61</v>
      </c>
      <c r="G114525" s="16">
        <v>0.42697681331502446</v>
      </c>
    </row>
    <row r="114526" spans="1:7" x14ac:dyDescent="0.3">
      <c r="A114526" s="13" t="s">
        <v>545</v>
      </c>
      <c r="B114526" s="14" t="s">
        <v>1</v>
      </c>
      <c r="C114526" s="14" t="s">
        <v>546</v>
      </c>
      <c r="D114526" s="14" t="s">
        <v>146</v>
      </c>
      <c r="E114526" s="15">
        <v>45657</v>
      </c>
      <c r="F114526" s="14" t="s">
        <v>61</v>
      </c>
      <c r="G114526" s="16">
        <v>0.41943260380211655</v>
      </c>
    </row>
    <row r="114527" spans="1:7" x14ac:dyDescent="0.3">
      <c r="A114527" s="13" t="s">
        <v>545</v>
      </c>
      <c r="B114527" s="14" t="s">
        <v>1</v>
      </c>
      <c r="C114527" s="14" t="s">
        <v>546</v>
      </c>
      <c r="D114527" s="14" t="s">
        <v>146</v>
      </c>
      <c r="E114527" s="15">
        <v>45658</v>
      </c>
      <c r="F114527" s="14" t="s">
        <v>61</v>
      </c>
      <c r="G114527" s="16">
        <v>0.41943260380211655</v>
      </c>
    </row>
    <row r="114528" spans="1:7" x14ac:dyDescent="0.3">
      <c r="A114528" s="13" t="s">
        <v>545</v>
      </c>
      <c r="B114528" s="14" t="s">
        <v>1</v>
      </c>
      <c r="C114528" s="14" t="s">
        <v>546</v>
      </c>
      <c r="D114528" s="14" t="s">
        <v>146</v>
      </c>
      <c r="E114528" s="15">
        <v>45659</v>
      </c>
      <c r="F114528" s="14" t="s">
        <v>61</v>
      </c>
      <c r="G114528" s="16">
        <v>0.42026185298213875</v>
      </c>
    </row>
    <row r="114529" spans="1:7" x14ac:dyDescent="0.3">
      <c r="A114529" s="13" t="s">
        <v>545</v>
      </c>
      <c r="B114529" s="14" t="s">
        <v>1</v>
      </c>
      <c r="C114529" s="14" t="s">
        <v>546</v>
      </c>
      <c r="D114529" s="14" t="s">
        <v>146</v>
      </c>
      <c r="E114529" s="15">
        <v>45660</v>
      </c>
      <c r="F114529" s="14" t="s">
        <v>61</v>
      </c>
      <c r="G114529" s="16">
        <v>0.52106627226488289</v>
      </c>
    </row>
    <row r="114530" spans="1:7" x14ac:dyDescent="0.3">
      <c r="A114530" s="13" t="s">
        <v>545</v>
      </c>
      <c r="B114530" s="14" t="s">
        <v>1</v>
      </c>
      <c r="C114530" s="14" t="s">
        <v>546</v>
      </c>
      <c r="D114530" s="14" t="s">
        <v>146</v>
      </c>
      <c r="E114530" s="15">
        <v>45661</v>
      </c>
      <c r="F114530" s="14" t="s">
        <v>61</v>
      </c>
      <c r="G114530" s="16">
        <v>0.52106627226488289</v>
      </c>
    </row>
    <row r="114531" spans="1:7" x14ac:dyDescent="0.3">
      <c r="A114531" s="13" t="s">
        <v>545</v>
      </c>
      <c r="B114531" s="14" t="s">
        <v>1</v>
      </c>
      <c r="C114531" s="14" t="s">
        <v>546</v>
      </c>
      <c r="D114531" s="14" t="s">
        <v>146</v>
      </c>
      <c r="E114531" s="15">
        <v>45662</v>
      </c>
      <c r="F114531" s="14" t="s">
        <v>61</v>
      </c>
      <c r="G114531" s="16">
        <v>0.52106627226488289</v>
      </c>
    </row>
    <row r="114532" spans="1:7" x14ac:dyDescent="0.3">
      <c r="A114532" s="13" t="s">
        <v>545</v>
      </c>
      <c r="B114532" s="14" t="s">
        <v>1</v>
      </c>
      <c r="C114532" s="14" t="s">
        <v>546</v>
      </c>
      <c r="D114532" s="14" t="s">
        <v>146</v>
      </c>
      <c r="E114532" s="15">
        <v>45663</v>
      </c>
      <c r="F114532" s="14" t="s">
        <v>61</v>
      </c>
      <c r="G114532" s="16">
        <v>0.51431372793930386</v>
      </c>
    </row>
    <row r="114533" spans="1:7" x14ac:dyDescent="0.3">
      <c r="A114533" s="13" t="s">
        <v>545</v>
      </c>
      <c r="B114533" s="14" t="s">
        <v>1</v>
      </c>
      <c r="C114533" s="14" t="s">
        <v>546</v>
      </c>
      <c r="D114533" s="14" t="s">
        <v>146</v>
      </c>
      <c r="E114533" s="15">
        <v>45664</v>
      </c>
      <c r="F114533" s="14" t="s">
        <v>61</v>
      </c>
      <c r="G114533" s="16">
        <v>0.51043111613769954</v>
      </c>
    </row>
    <row r="114534" spans="1:7" x14ac:dyDescent="0.3">
      <c r="A114534" s="13" t="s">
        <v>545</v>
      </c>
      <c r="B114534" s="14" t="s">
        <v>1</v>
      </c>
      <c r="C114534" s="14" t="s">
        <v>546</v>
      </c>
      <c r="D114534" s="14" t="s">
        <v>146</v>
      </c>
      <c r="E114534" s="15">
        <v>45665</v>
      </c>
      <c r="F114534" s="14" t="s">
        <v>61</v>
      </c>
      <c r="G114534" s="16">
        <v>0.51002351256190981</v>
      </c>
    </row>
    <row r="114535" spans="1:7" x14ac:dyDescent="0.3">
      <c r="A114535" s="13" t="s">
        <v>545</v>
      </c>
      <c r="B114535" s="14" t="s">
        <v>1</v>
      </c>
      <c r="C114535" s="14" t="s">
        <v>546</v>
      </c>
      <c r="D114535" s="14" t="s">
        <v>146</v>
      </c>
      <c r="E114535" s="15">
        <v>45666</v>
      </c>
      <c r="F114535" s="14" t="s">
        <v>61</v>
      </c>
      <c r="G114535" s="16">
        <v>0.50828699582689996</v>
      </c>
    </row>
    <row r="114536" spans="1:7" x14ac:dyDescent="0.3">
      <c r="A114536" s="13" t="s">
        <v>545</v>
      </c>
      <c r="B114536" s="14" t="s">
        <v>1</v>
      </c>
      <c r="C114536" s="14" t="s">
        <v>546</v>
      </c>
      <c r="D114536" s="14" t="s">
        <v>146</v>
      </c>
      <c r="E114536" s="15">
        <v>45667</v>
      </c>
      <c r="F114536" s="14" t="s">
        <v>61</v>
      </c>
      <c r="G114536" s="16">
        <v>0.50830883233004065</v>
      </c>
    </row>
    <row r="114537" spans="1:7" x14ac:dyDescent="0.3">
      <c r="A114537" s="13" t="s">
        <v>545</v>
      </c>
      <c r="B114537" s="14" t="s">
        <v>1</v>
      </c>
      <c r="C114537" s="14" t="s">
        <v>546</v>
      </c>
      <c r="D114537" s="14" t="s">
        <v>146</v>
      </c>
      <c r="E114537" s="15">
        <v>45668</v>
      </c>
      <c r="F114537" s="14" t="s">
        <v>61</v>
      </c>
      <c r="G114537" s="16">
        <v>0.50830883233004065</v>
      </c>
    </row>
    <row r="114538" spans="1:7" x14ac:dyDescent="0.3">
      <c r="A114538" s="13" t="s">
        <v>545</v>
      </c>
      <c r="B114538" s="14" t="s">
        <v>1</v>
      </c>
      <c r="C114538" s="14" t="s">
        <v>546</v>
      </c>
      <c r="D114538" s="14" t="s">
        <v>146</v>
      </c>
      <c r="E114538" s="15">
        <v>45669</v>
      </c>
      <c r="F114538" s="14" t="s">
        <v>61</v>
      </c>
      <c r="G114538" s="16">
        <v>0.50830883233004065</v>
      </c>
    </row>
    <row r="114539" spans="1:7" x14ac:dyDescent="0.3">
      <c r="A114539" s="13" t="s">
        <v>545</v>
      </c>
      <c r="B114539" s="14" t="s">
        <v>1</v>
      </c>
      <c r="C114539" s="14" t="s">
        <v>546</v>
      </c>
      <c r="D114539" s="14" t="s">
        <v>146</v>
      </c>
      <c r="E114539" s="15">
        <v>45670</v>
      </c>
      <c r="F114539" s="14" t="s">
        <v>61</v>
      </c>
      <c r="G114539" s="16">
        <v>0.52199086362027181</v>
      </c>
    </row>
    <row r="114540" spans="1:7" x14ac:dyDescent="0.3">
      <c r="A114540" s="13" t="s">
        <v>545</v>
      </c>
      <c r="B114540" s="14" t="s">
        <v>1</v>
      </c>
      <c r="C114540" s="14" t="s">
        <v>546</v>
      </c>
      <c r="D114540" s="14" t="s">
        <v>146</v>
      </c>
      <c r="E114540" s="15">
        <v>45671</v>
      </c>
      <c r="F114540" s="14" t="s">
        <v>61</v>
      </c>
      <c r="G114540" s="16">
        <v>0.51088045918213287</v>
      </c>
    </row>
    <row r="114541" spans="1:7" x14ac:dyDescent="0.3">
      <c r="A114541" s="13" t="s">
        <v>545</v>
      </c>
      <c r="B114541" s="14" t="s">
        <v>1</v>
      </c>
      <c r="C114541" s="14" t="s">
        <v>546</v>
      </c>
      <c r="D114541" s="14" t="s">
        <v>146</v>
      </c>
      <c r="E114541" s="15">
        <v>45672</v>
      </c>
      <c r="F114541" s="14" t="s">
        <v>61</v>
      </c>
      <c r="G114541" s="16">
        <v>0.50915952768817119</v>
      </c>
    </row>
    <row r="114542" spans="1:7" x14ac:dyDescent="0.3">
      <c r="A114542" s="13" t="s">
        <v>545</v>
      </c>
      <c r="B114542" s="14" t="s">
        <v>1</v>
      </c>
      <c r="C114542" s="14" t="s">
        <v>546</v>
      </c>
      <c r="D114542" s="14" t="s">
        <v>146</v>
      </c>
      <c r="E114542" s="15">
        <v>45673</v>
      </c>
      <c r="F114542" s="14" t="s">
        <v>61</v>
      </c>
      <c r="G114542" s="16">
        <v>0.50604620223838448</v>
      </c>
    </row>
    <row r="114543" spans="1:7" x14ac:dyDescent="0.3">
      <c r="A114543" s="13" t="s">
        <v>545</v>
      </c>
      <c r="B114543" s="14" t="s">
        <v>1</v>
      </c>
      <c r="C114543" s="14" t="s">
        <v>546</v>
      </c>
      <c r="D114543" s="14" t="s">
        <v>146</v>
      </c>
      <c r="E114543" s="15">
        <v>45674</v>
      </c>
      <c r="F114543" s="14" t="s">
        <v>61</v>
      </c>
      <c r="G114543" s="16">
        <v>0.50474931687014701</v>
      </c>
    </row>
    <row r="114544" spans="1:7" x14ac:dyDescent="0.3">
      <c r="A114544" s="13" t="s">
        <v>545</v>
      </c>
      <c r="B114544" s="14" t="s">
        <v>1</v>
      </c>
      <c r="C114544" s="14" t="s">
        <v>546</v>
      </c>
      <c r="D114544" s="14" t="s">
        <v>146</v>
      </c>
      <c r="E114544" s="15">
        <v>45675</v>
      </c>
      <c r="F114544" s="14" t="s">
        <v>61</v>
      </c>
      <c r="G114544" s="16">
        <v>0.50474931687014701</v>
      </c>
    </row>
    <row r="114545" spans="1:7" x14ac:dyDescent="0.3">
      <c r="A114545" s="13" t="s">
        <v>545</v>
      </c>
      <c r="B114545" s="14" t="s">
        <v>1</v>
      </c>
      <c r="C114545" s="14" t="s">
        <v>546</v>
      </c>
      <c r="D114545" s="14" t="s">
        <v>146</v>
      </c>
      <c r="E114545" s="15">
        <v>45676</v>
      </c>
      <c r="F114545" s="14" t="s">
        <v>61</v>
      </c>
      <c r="G114545" s="16">
        <v>0.50474931687014701</v>
      </c>
    </row>
    <row r="114546" spans="1:7" x14ac:dyDescent="0.3">
      <c r="A114546" s="13" t="s">
        <v>545</v>
      </c>
      <c r="B114546" s="14" t="s">
        <v>1</v>
      </c>
      <c r="C114546" s="14" t="s">
        <v>546</v>
      </c>
      <c r="D114546" s="14" t="s">
        <v>146</v>
      </c>
      <c r="E114546" s="15">
        <v>45677</v>
      </c>
      <c r="F114546" s="14" t="s">
        <v>61</v>
      </c>
      <c r="G114546" s="16">
        <v>0.49506279400957248</v>
      </c>
    </row>
    <row r="114547" spans="1:7" x14ac:dyDescent="0.3">
      <c r="A114547" s="13" t="s">
        <v>545</v>
      </c>
      <c r="B114547" s="14" t="s">
        <v>1</v>
      </c>
      <c r="C114547" s="14" t="s">
        <v>546</v>
      </c>
      <c r="D114547" s="14" t="s">
        <v>146</v>
      </c>
      <c r="E114547" s="15">
        <v>45678</v>
      </c>
      <c r="F114547" s="14" t="s">
        <v>61</v>
      </c>
      <c r="G114547" s="16">
        <v>0.48651810723550948</v>
      </c>
    </row>
    <row r="114548" spans="1:7" x14ac:dyDescent="0.3">
      <c r="A114548" s="13" t="s">
        <v>545</v>
      </c>
      <c r="B114548" s="14" t="s">
        <v>1</v>
      </c>
      <c r="C114548" s="14" t="s">
        <v>546</v>
      </c>
      <c r="D114548" s="14" t="s">
        <v>146</v>
      </c>
      <c r="E114548" s="15">
        <v>45679</v>
      </c>
      <c r="F114548" s="14" t="s">
        <v>61</v>
      </c>
      <c r="G114548" s="16">
        <v>0.48472792439297413</v>
      </c>
    </row>
    <row r="114549" spans="1:7" x14ac:dyDescent="0.3">
      <c r="A114549" s="13" t="s">
        <v>545</v>
      </c>
      <c r="B114549" s="14" t="s">
        <v>1</v>
      </c>
      <c r="C114549" s="14" t="s">
        <v>546</v>
      </c>
      <c r="D114549" s="14" t="s">
        <v>146</v>
      </c>
      <c r="E114549" s="15">
        <v>45680</v>
      </c>
      <c r="F114549" s="14" t="s">
        <v>61</v>
      </c>
      <c r="G114549" s="16">
        <v>0.4816919267055837</v>
      </c>
    </row>
    <row r="114550" spans="1:7" x14ac:dyDescent="0.3">
      <c r="A114550" s="13" t="s">
        <v>545</v>
      </c>
      <c r="B114550" s="14" t="s">
        <v>1</v>
      </c>
      <c r="C114550" s="14" t="s">
        <v>546</v>
      </c>
      <c r="D114550" s="14" t="s">
        <v>146</v>
      </c>
      <c r="E114550" s="15">
        <v>45681</v>
      </c>
      <c r="F114550" s="14" t="s">
        <v>61</v>
      </c>
      <c r="G114550" s="16">
        <v>0.47536725187539708</v>
      </c>
    </row>
    <row r="114551" spans="1:7" x14ac:dyDescent="0.3">
      <c r="A114551" s="13" t="s">
        <v>545</v>
      </c>
      <c r="B114551" s="14" t="s">
        <v>1</v>
      </c>
      <c r="C114551" s="14" t="s">
        <v>546</v>
      </c>
      <c r="D114551" s="14" t="s">
        <v>146</v>
      </c>
      <c r="E114551" s="15">
        <v>45682</v>
      </c>
      <c r="F114551" s="14" t="s">
        <v>61</v>
      </c>
      <c r="G114551" s="16">
        <v>0.47536725187539708</v>
      </c>
    </row>
    <row r="114552" spans="1:7" x14ac:dyDescent="0.3">
      <c r="A114552" s="13" t="s">
        <v>545</v>
      </c>
      <c r="B114552" s="14" t="s">
        <v>1</v>
      </c>
      <c r="C114552" s="14" t="s">
        <v>546</v>
      </c>
      <c r="D114552" s="14" t="s">
        <v>146</v>
      </c>
      <c r="E114552" s="15">
        <v>45683</v>
      </c>
      <c r="F114552" s="14" t="s">
        <v>61</v>
      </c>
      <c r="G114552" s="16">
        <v>0.47536725187539708</v>
      </c>
    </row>
    <row r="114553" spans="1:7" x14ac:dyDescent="0.3">
      <c r="A114553" s="13" t="s">
        <v>545</v>
      </c>
      <c r="B114553" s="14" t="s">
        <v>1</v>
      </c>
      <c r="C114553" s="14" t="s">
        <v>546</v>
      </c>
      <c r="D114553" s="14" t="s">
        <v>146</v>
      </c>
      <c r="E114553" s="15">
        <v>45684</v>
      </c>
      <c r="F114553" s="14" t="s">
        <v>61</v>
      </c>
      <c r="G114553" s="16">
        <v>0.49540935114337364</v>
      </c>
    </row>
    <row r="114554" spans="1:7" x14ac:dyDescent="0.3">
      <c r="A114554" s="13" t="s">
        <v>545</v>
      </c>
      <c r="B114554" s="14" t="s">
        <v>1</v>
      </c>
      <c r="C114554" s="14" t="s">
        <v>546</v>
      </c>
      <c r="D114554" s="14" t="s">
        <v>146</v>
      </c>
      <c r="E114554" s="15">
        <v>45685</v>
      </c>
      <c r="F114554" s="14" t="s">
        <v>61</v>
      </c>
      <c r="G114554" s="16">
        <v>0.49540935114337364</v>
      </c>
    </row>
    <row r="114555" spans="1:7" x14ac:dyDescent="0.3">
      <c r="A114555" s="13" t="s">
        <v>545</v>
      </c>
      <c r="B114555" s="14" t="s">
        <v>1</v>
      </c>
      <c r="C114555" s="14" t="s">
        <v>546</v>
      </c>
      <c r="D114555" s="14" t="s">
        <v>146</v>
      </c>
      <c r="E114555" s="15">
        <v>45686</v>
      </c>
      <c r="F114555" s="14" t="s">
        <v>61</v>
      </c>
      <c r="G114555" s="16">
        <v>0.49540935114337364</v>
      </c>
    </row>
    <row r="114556" spans="1:7" x14ac:dyDescent="0.3">
      <c r="A114556" s="13" t="s">
        <v>545</v>
      </c>
      <c r="B114556" s="14" t="s">
        <v>1</v>
      </c>
      <c r="C114556" s="14" t="s">
        <v>546</v>
      </c>
      <c r="D114556" s="14" t="s">
        <v>146</v>
      </c>
      <c r="E114556" s="15">
        <v>45687</v>
      </c>
      <c r="F114556" s="14" t="s">
        <v>61</v>
      </c>
      <c r="G114556" s="16">
        <v>0.49540935114337364</v>
      </c>
    </row>
    <row r="114557" spans="1:7" x14ac:dyDescent="0.3">
      <c r="A114557" s="13" t="s">
        <v>545</v>
      </c>
      <c r="B114557" s="14" t="s">
        <v>1</v>
      </c>
      <c r="C114557" s="14" t="s">
        <v>546</v>
      </c>
      <c r="D114557" s="14" t="s">
        <v>146</v>
      </c>
      <c r="E114557" s="15">
        <v>45688</v>
      </c>
      <c r="F114557" s="14" t="s">
        <v>61</v>
      </c>
      <c r="G114557" s="16">
        <v>0.49540935114337364</v>
      </c>
    </row>
    <row r="114558" spans="1:7" x14ac:dyDescent="0.3">
      <c r="A114558" s="13" t="s">
        <v>545</v>
      </c>
      <c r="B114558" s="14" t="s">
        <v>1</v>
      </c>
      <c r="C114558" s="14" t="s">
        <v>546</v>
      </c>
      <c r="D114558" s="14" t="s">
        <v>146</v>
      </c>
      <c r="E114558" s="15">
        <v>45689</v>
      </c>
      <c r="F114558" s="14" t="s">
        <v>61</v>
      </c>
      <c r="G114558" s="16">
        <v>0.49540935114337364</v>
      </c>
    </row>
    <row r="114559" spans="1:7" x14ac:dyDescent="0.3">
      <c r="A114559" s="13" t="s">
        <v>545</v>
      </c>
      <c r="B114559" s="14" t="s">
        <v>1</v>
      </c>
      <c r="C114559" s="14" t="s">
        <v>546</v>
      </c>
      <c r="D114559" s="14" t="s">
        <v>146</v>
      </c>
      <c r="E114559" s="15">
        <v>45690</v>
      </c>
      <c r="F114559" s="14" t="s">
        <v>61</v>
      </c>
      <c r="G114559" s="16">
        <v>0.49540935114337364</v>
      </c>
    </row>
    <row r="114560" spans="1:7" x14ac:dyDescent="0.3">
      <c r="A114560" s="13" t="s">
        <v>545</v>
      </c>
      <c r="B114560" s="14" t="s">
        <v>1</v>
      </c>
      <c r="C114560" s="14" t="s">
        <v>546</v>
      </c>
      <c r="D114560" s="14" t="s">
        <v>146</v>
      </c>
      <c r="E114560" s="15">
        <v>45691</v>
      </c>
      <c r="F114560" s="14" t="s">
        <v>61</v>
      </c>
      <c r="G114560" s="16">
        <v>0.49540935114337364</v>
      </c>
    </row>
    <row r="114561" spans="1:7" x14ac:dyDescent="0.3">
      <c r="A114561" s="13" t="s">
        <v>545</v>
      </c>
      <c r="B114561" s="14" t="s">
        <v>1</v>
      </c>
      <c r="C114561" s="14" t="s">
        <v>546</v>
      </c>
      <c r="D114561" s="14" t="s">
        <v>146</v>
      </c>
      <c r="E114561" s="15">
        <v>45692</v>
      </c>
      <c r="F114561" s="14" t="s">
        <v>61</v>
      </c>
      <c r="G114561" s="16">
        <v>0.49540935114337364</v>
      </c>
    </row>
    <row r="114562" spans="1:7" x14ac:dyDescent="0.3">
      <c r="A114562" s="13" t="s">
        <v>545</v>
      </c>
      <c r="B114562" s="14" t="s">
        <v>1</v>
      </c>
      <c r="C114562" s="14" t="s">
        <v>546</v>
      </c>
      <c r="D114562" s="14" t="s">
        <v>146</v>
      </c>
      <c r="E114562" s="15">
        <v>45693</v>
      </c>
      <c r="F114562" s="14" t="s">
        <v>61</v>
      </c>
      <c r="G114562" s="16">
        <v>0.49136369398909369</v>
      </c>
    </row>
    <row r="114563" spans="1:7" x14ac:dyDescent="0.3">
      <c r="A114563" s="13" t="s">
        <v>545</v>
      </c>
      <c r="B114563" s="14" t="s">
        <v>1</v>
      </c>
      <c r="C114563" s="14" t="s">
        <v>546</v>
      </c>
      <c r="D114563" s="14" t="s">
        <v>146</v>
      </c>
      <c r="E114563" s="15">
        <v>45694</v>
      </c>
      <c r="F114563" s="14" t="s">
        <v>61</v>
      </c>
      <c r="G114563" s="16">
        <v>0.46864442582593002</v>
      </c>
    </row>
    <row r="114564" spans="1:7" x14ac:dyDescent="0.3">
      <c r="A114564" s="13" t="s">
        <v>545</v>
      </c>
      <c r="B114564" s="14" t="s">
        <v>1</v>
      </c>
      <c r="C114564" s="14" t="s">
        <v>546</v>
      </c>
      <c r="D114564" s="14" t="s">
        <v>146</v>
      </c>
      <c r="E114564" s="15">
        <v>45695</v>
      </c>
      <c r="F114564" s="14" t="s">
        <v>61</v>
      </c>
      <c r="G114564" s="16">
        <v>0.46841711451002199</v>
      </c>
    </row>
    <row r="114565" spans="1:7" x14ac:dyDescent="0.3">
      <c r="A114565" s="13" t="s">
        <v>545</v>
      </c>
      <c r="B114565" s="14" t="s">
        <v>1</v>
      </c>
      <c r="C114565" s="14" t="s">
        <v>546</v>
      </c>
      <c r="D114565" s="14" t="s">
        <v>146</v>
      </c>
      <c r="E114565" s="15">
        <v>45696</v>
      </c>
      <c r="F114565" s="14" t="s">
        <v>61</v>
      </c>
      <c r="G114565" s="16">
        <v>0.46841711451002199</v>
      </c>
    </row>
    <row r="114566" spans="1:7" x14ac:dyDescent="0.3">
      <c r="A114566" s="13" t="s">
        <v>545</v>
      </c>
      <c r="B114566" s="14" t="s">
        <v>1</v>
      </c>
      <c r="C114566" s="14" t="s">
        <v>546</v>
      </c>
      <c r="D114566" s="14" t="s">
        <v>146</v>
      </c>
      <c r="E114566" s="15">
        <v>45697</v>
      </c>
      <c r="F114566" s="14" t="s">
        <v>61</v>
      </c>
      <c r="G114566" s="16">
        <v>0.46841711451002199</v>
      </c>
    </row>
    <row r="114567" spans="1:7" x14ac:dyDescent="0.3">
      <c r="A114567" s="13" t="s">
        <v>545</v>
      </c>
      <c r="B114567" s="14" t="s">
        <v>1</v>
      </c>
      <c r="C114567" s="14" t="s">
        <v>546</v>
      </c>
      <c r="D114567" s="14" t="s">
        <v>146</v>
      </c>
      <c r="E114567" s="15">
        <v>45698</v>
      </c>
      <c r="F114567" s="14" t="s">
        <v>61</v>
      </c>
      <c r="G114567" s="16">
        <v>0.46645499016461489</v>
      </c>
    </row>
    <row r="114568" spans="1:7" x14ac:dyDescent="0.3">
      <c r="A114568" s="13" t="s">
        <v>545</v>
      </c>
      <c r="B114568" s="14" t="s">
        <v>1</v>
      </c>
      <c r="C114568" s="14" t="s">
        <v>546</v>
      </c>
      <c r="D114568" s="14" t="s">
        <v>146</v>
      </c>
      <c r="E114568" s="15">
        <v>45699</v>
      </c>
      <c r="F114568" s="14" t="s">
        <v>61</v>
      </c>
      <c r="G114568" s="16">
        <v>0.45546656035350147</v>
      </c>
    </row>
    <row r="114569" spans="1:7" x14ac:dyDescent="0.3">
      <c r="A114569" s="13" t="s">
        <v>545</v>
      </c>
      <c r="B114569" s="14" t="s">
        <v>1</v>
      </c>
      <c r="C114569" s="14" t="s">
        <v>546</v>
      </c>
      <c r="D114569" s="14" t="s">
        <v>146</v>
      </c>
      <c r="E114569" s="15">
        <v>45700</v>
      </c>
      <c r="F114569" s="14" t="s">
        <v>61</v>
      </c>
      <c r="G114569" s="16">
        <v>0.45170446900756522</v>
      </c>
    </row>
    <row r="114570" spans="1:7" x14ac:dyDescent="0.3">
      <c r="A114570" s="13" t="s">
        <v>545</v>
      </c>
      <c r="B114570" s="14" t="s">
        <v>1</v>
      </c>
      <c r="C114570" s="14" t="s">
        <v>546</v>
      </c>
      <c r="D114570" s="14" t="s">
        <v>146</v>
      </c>
      <c r="E114570" s="15">
        <v>45701</v>
      </c>
      <c r="F114570" s="14" t="s">
        <v>61</v>
      </c>
      <c r="G114570" s="16">
        <v>0.44536474432960688</v>
      </c>
    </row>
    <row r="114571" spans="1:7" x14ac:dyDescent="0.3">
      <c r="A114571" s="13" t="s">
        <v>545</v>
      </c>
      <c r="B114571" s="14" t="s">
        <v>1</v>
      </c>
      <c r="C114571" s="14" t="s">
        <v>546</v>
      </c>
      <c r="D114571" s="14" t="s">
        <v>146</v>
      </c>
      <c r="E114571" s="15">
        <v>45702</v>
      </c>
      <c r="F114571" s="14" t="s">
        <v>61</v>
      </c>
      <c r="G114571" s="16">
        <v>0.44117777670171743</v>
      </c>
    </row>
    <row r="114572" spans="1:7" x14ac:dyDescent="0.3">
      <c r="A114572" s="13" t="s">
        <v>545</v>
      </c>
      <c r="B114572" s="14" t="s">
        <v>1</v>
      </c>
      <c r="C114572" s="14" t="s">
        <v>546</v>
      </c>
      <c r="D114572" s="14" t="s">
        <v>146</v>
      </c>
      <c r="E114572" s="15">
        <v>45703</v>
      </c>
      <c r="F114572" s="14" t="s">
        <v>61</v>
      </c>
      <c r="G114572" s="16">
        <v>0.44117777670171743</v>
      </c>
    </row>
    <row r="114573" spans="1:7" x14ac:dyDescent="0.3">
      <c r="A114573" s="13" t="s">
        <v>545</v>
      </c>
      <c r="B114573" s="14" t="s">
        <v>1</v>
      </c>
      <c r="C114573" s="14" t="s">
        <v>546</v>
      </c>
      <c r="D114573" s="14" t="s">
        <v>146</v>
      </c>
      <c r="E114573" s="15">
        <v>45704</v>
      </c>
      <c r="F114573" s="14" t="s">
        <v>61</v>
      </c>
      <c r="G114573" s="16">
        <v>0.44117777670171743</v>
      </c>
    </row>
    <row r="114574" spans="1:7" x14ac:dyDescent="0.3">
      <c r="A114574" s="13" t="s">
        <v>545</v>
      </c>
      <c r="B114574" s="14" t="s">
        <v>1</v>
      </c>
      <c r="C114574" s="14" t="s">
        <v>546</v>
      </c>
      <c r="D114574" s="14" t="s">
        <v>146</v>
      </c>
      <c r="E114574" s="15">
        <v>45705</v>
      </c>
      <c r="F114574" s="14" t="s">
        <v>61</v>
      </c>
      <c r="G114574" s="16">
        <v>0.43871152344096875</v>
      </c>
    </row>
    <row r="114575" spans="1:7" x14ac:dyDescent="0.3">
      <c r="A114575" s="13" t="s">
        <v>545</v>
      </c>
      <c r="B114575" s="14" t="s">
        <v>1</v>
      </c>
      <c r="C114575" s="14" t="s">
        <v>546</v>
      </c>
      <c r="D114575" s="14" t="s">
        <v>146</v>
      </c>
      <c r="E114575" s="15">
        <v>45706</v>
      </c>
      <c r="F114575" s="14" t="s">
        <v>61</v>
      </c>
      <c r="G114575" s="16">
        <v>0.43125469918142378</v>
      </c>
    </row>
    <row r="114576" spans="1:7" x14ac:dyDescent="0.3">
      <c r="A114576" s="13" t="s">
        <v>545</v>
      </c>
      <c r="B114576" s="14" t="s">
        <v>1</v>
      </c>
      <c r="C114576" s="14" t="s">
        <v>546</v>
      </c>
      <c r="D114576" s="14" t="s">
        <v>146</v>
      </c>
      <c r="E114576" s="15">
        <v>45707</v>
      </c>
      <c r="F114576" s="14" t="s">
        <v>61</v>
      </c>
      <c r="G114576" s="16">
        <v>0.4292038194945299</v>
      </c>
    </row>
    <row r="114577" spans="1:7" x14ac:dyDescent="0.3">
      <c r="A114577" s="13" t="s">
        <v>545</v>
      </c>
      <c r="B114577" s="14" t="s">
        <v>1</v>
      </c>
      <c r="C114577" s="14" t="s">
        <v>546</v>
      </c>
      <c r="D114577" s="14" t="s">
        <v>146</v>
      </c>
      <c r="E114577" s="15">
        <v>45708</v>
      </c>
      <c r="F114577" s="14" t="s">
        <v>61</v>
      </c>
      <c r="G114577" s="16">
        <v>0.42290882736049706</v>
      </c>
    </row>
    <row r="114578" spans="1:7" x14ac:dyDescent="0.3">
      <c r="A114578" s="13" t="s">
        <v>545</v>
      </c>
      <c r="B114578" s="14" t="s">
        <v>1</v>
      </c>
      <c r="C114578" s="14" t="s">
        <v>546</v>
      </c>
      <c r="D114578" s="14" t="s">
        <v>146</v>
      </c>
      <c r="E114578" s="15">
        <v>45709</v>
      </c>
      <c r="F114578" s="14" t="s">
        <v>61</v>
      </c>
      <c r="G114578" s="16">
        <v>0.42160853772611562</v>
      </c>
    </row>
    <row r="114579" spans="1:7" x14ac:dyDescent="0.3">
      <c r="A114579" s="13" t="s">
        <v>545</v>
      </c>
      <c r="B114579" s="14" t="s">
        <v>1</v>
      </c>
      <c r="C114579" s="14" t="s">
        <v>546</v>
      </c>
      <c r="D114579" s="14" t="s">
        <v>146</v>
      </c>
      <c r="E114579" s="15">
        <v>45710</v>
      </c>
      <c r="F114579" s="14" t="s">
        <v>61</v>
      </c>
      <c r="G114579" s="16">
        <v>0.42160853772611562</v>
      </c>
    </row>
    <row r="114580" spans="1:7" x14ac:dyDescent="0.3">
      <c r="A114580" s="13" t="s">
        <v>545</v>
      </c>
      <c r="B114580" s="14" t="s">
        <v>1</v>
      </c>
      <c r="C114580" s="14" t="s">
        <v>546</v>
      </c>
      <c r="D114580" s="14" t="s">
        <v>146</v>
      </c>
      <c r="E114580" s="15">
        <v>45711</v>
      </c>
      <c r="F114580" s="14" t="s">
        <v>61</v>
      </c>
      <c r="G114580" s="16">
        <v>0.42160853772611562</v>
      </c>
    </row>
    <row r="114581" spans="1:7" x14ac:dyDescent="0.3">
      <c r="A114581" s="13" t="s">
        <v>545</v>
      </c>
      <c r="B114581" s="14" t="s">
        <v>1</v>
      </c>
      <c r="C114581" s="14" t="s">
        <v>546</v>
      </c>
      <c r="D114581" s="14" t="s">
        <v>146</v>
      </c>
      <c r="E114581" s="15">
        <v>45712</v>
      </c>
      <c r="F114581" s="14" t="s">
        <v>61</v>
      </c>
      <c r="G114581" s="16">
        <v>0.41824189842060833</v>
      </c>
    </row>
    <row r="114582" spans="1:7" x14ac:dyDescent="0.3">
      <c r="A114582" s="13" t="s">
        <v>545</v>
      </c>
      <c r="B114582" s="14" t="s">
        <v>1</v>
      </c>
      <c r="C114582" s="14" t="s">
        <v>546</v>
      </c>
      <c r="D114582" s="14" t="s">
        <v>146</v>
      </c>
      <c r="E114582" s="15">
        <v>45713</v>
      </c>
      <c r="F114582" s="14" t="s">
        <v>61</v>
      </c>
      <c r="G114582" s="16">
        <v>0.40712129796033819</v>
      </c>
    </row>
    <row r="114583" spans="1:7" x14ac:dyDescent="0.3">
      <c r="A114583" s="13" t="s">
        <v>545</v>
      </c>
      <c r="B114583" s="14" t="s">
        <v>1</v>
      </c>
      <c r="C114583" s="14" t="s">
        <v>546</v>
      </c>
      <c r="D114583" s="14" t="s">
        <v>146</v>
      </c>
      <c r="E114583" s="15">
        <v>45714</v>
      </c>
      <c r="F114583" s="14" t="s">
        <v>61</v>
      </c>
      <c r="G114583" s="16">
        <v>0.4051401134236694</v>
      </c>
    </row>
    <row r="114584" spans="1:7" x14ac:dyDescent="0.3">
      <c r="A114584" s="13" t="s">
        <v>545</v>
      </c>
      <c r="B114584" s="14" t="s">
        <v>1</v>
      </c>
      <c r="C114584" s="14" t="s">
        <v>546</v>
      </c>
      <c r="D114584" s="14" t="s">
        <v>146</v>
      </c>
      <c r="E114584" s="15">
        <v>45715</v>
      </c>
      <c r="F114584" s="14" t="s">
        <v>61</v>
      </c>
      <c r="G114584" s="16">
        <v>0.40769368637980447</v>
      </c>
    </row>
    <row r="114585" spans="1:7" x14ac:dyDescent="0.3">
      <c r="A114585" s="13" t="s">
        <v>545</v>
      </c>
      <c r="B114585" s="14" t="s">
        <v>1</v>
      </c>
      <c r="C114585" s="14" t="s">
        <v>546</v>
      </c>
      <c r="D114585" s="14" t="s">
        <v>146</v>
      </c>
      <c r="E114585" s="15">
        <v>45716</v>
      </c>
      <c r="F114585" s="14" t="s">
        <v>61</v>
      </c>
      <c r="G114585" s="16">
        <v>0.4054894512833187</v>
      </c>
    </row>
    <row r="114586" spans="1:7" x14ac:dyDescent="0.3">
      <c r="A114586" s="13" t="s">
        <v>545</v>
      </c>
      <c r="B114586" s="14" t="s">
        <v>1</v>
      </c>
      <c r="C114586" s="14" t="s">
        <v>546</v>
      </c>
      <c r="D114586" s="14" t="s">
        <v>146</v>
      </c>
      <c r="E114586" s="15">
        <v>45717</v>
      </c>
      <c r="F114586" s="14" t="s">
        <v>61</v>
      </c>
      <c r="G114586" s="16">
        <v>0.4054894512833187</v>
      </c>
    </row>
    <row r="114587" spans="1:7" x14ac:dyDescent="0.3">
      <c r="A114587" s="13" t="s">
        <v>545</v>
      </c>
      <c r="B114587" s="14" t="s">
        <v>1</v>
      </c>
      <c r="C114587" s="14" t="s">
        <v>546</v>
      </c>
      <c r="D114587" s="14" t="s">
        <v>146</v>
      </c>
      <c r="E114587" s="15">
        <v>45718</v>
      </c>
      <c r="F114587" s="14" t="s">
        <v>61</v>
      </c>
      <c r="G114587" s="16">
        <v>0.4054894512833187</v>
      </c>
    </row>
    <row r="114588" spans="1:7" x14ac:dyDescent="0.3">
      <c r="A114588" s="13" t="s">
        <v>545</v>
      </c>
      <c r="B114588" s="14" t="s">
        <v>1</v>
      </c>
      <c r="C114588" s="14" t="s">
        <v>546</v>
      </c>
      <c r="D114588" s="14" t="s">
        <v>146</v>
      </c>
      <c r="E114588" s="15">
        <v>45719</v>
      </c>
      <c r="F114588" s="14" t="s">
        <v>61</v>
      </c>
      <c r="G114588" s="16">
        <v>0.39803293298024084</v>
      </c>
    </row>
    <row r="114589" spans="1:7" x14ac:dyDescent="0.3">
      <c r="A114589" s="13" t="s">
        <v>545</v>
      </c>
      <c r="B114589" s="14" t="s">
        <v>1</v>
      </c>
      <c r="C114589" s="14" t="s">
        <v>546</v>
      </c>
      <c r="D114589" s="14" t="s">
        <v>146</v>
      </c>
      <c r="E114589" s="15">
        <v>45720</v>
      </c>
      <c r="F114589" s="14" t="s">
        <v>61</v>
      </c>
      <c r="G114589" s="16">
        <v>0.38554290430629889</v>
      </c>
    </row>
    <row r="114590" spans="1:7" x14ac:dyDescent="0.3">
      <c r="A114590" s="13" t="s">
        <v>545</v>
      </c>
      <c r="B114590" s="14" t="s">
        <v>1</v>
      </c>
      <c r="C114590" s="14" t="s">
        <v>546</v>
      </c>
      <c r="D114590" s="14" t="s">
        <v>146</v>
      </c>
      <c r="E114590" s="15">
        <v>45721</v>
      </c>
      <c r="F114590" s="14" t="s">
        <v>61</v>
      </c>
      <c r="G114590" s="16">
        <v>0.37683827858278529</v>
      </c>
    </row>
    <row r="114591" spans="1:7" x14ac:dyDescent="0.3">
      <c r="A114591" s="13" t="s">
        <v>545</v>
      </c>
      <c r="B114591" s="14" t="s">
        <v>1</v>
      </c>
      <c r="C114591" s="14" t="s">
        <v>546</v>
      </c>
      <c r="D114591" s="14" t="s">
        <v>146</v>
      </c>
      <c r="E114591" s="15">
        <v>45722</v>
      </c>
      <c r="F114591" s="14" t="s">
        <v>61</v>
      </c>
      <c r="G114591" s="16">
        <v>0.38253071692806623</v>
      </c>
    </row>
    <row r="114592" spans="1:7" x14ac:dyDescent="0.3">
      <c r="A114592" s="13" t="s">
        <v>545</v>
      </c>
      <c r="B114592" s="14" t="s">
        <v>1</v>
      </c>
      <c r="C114592" s="14" t="s">
        <v>546</v>
      </c>
      <c r="D114592" s="14" t="s">
        <v>146</v>
      </c>
      <c r="E114592" s="15">
        <v>45723</v>
      </c>
      <c r="F114592" s="14" t="s">
        <v>61</v>
      </c>
      <c r="G114592" s="16">
        <v>0.37780993145087061</v>
      </c>
    </row>
    <row r="114593" spans="1:7" x14ac:dyDescent="0.3">
      <c r="A114593" s="13" t="s">
        <v>545</v>
      </c>
      <c r="B114593" s="14" t="s">
        <v>1</v>
      </c>
      <c r="C114593" s="14" t="s">
        <v>546</v>
      </c>
      <c r="D114593" s="14" t="s">
        <v>146</v>
      </c>
      <c r="E114593" s="15">
        <v>45724</v>
      </c>
      <c r="F114593" s="14" t="s">
        <v>61</v>
      </c>
      <c r="G114593" s="16">
        <v>0.37780993145087061</v>
      </c>
    </row>
    <row r="114594" spans="1:7" x14ac:dyDescent="0.3">
      <c r="A114594" s="13" t="s">
        <v>545</v>
      </c>
      <c r="B114594" s="14" t="s">
        <v>1</v>
      </c>
      <c r="C114594" s="14" t="s">
        <v>546</v>
      </c>
      <c r="D114594" s="14" t="s">
        <v>146</v>
      </c>
      <c r="E114594" s="15">
        <v>45725</v>
      </c>
      <c r="F114594" s="14" t="s">
        <v>61</v>
      </c>
      <c r="G114594" s="16">
        <v>0.37780993145087061</v>
      </c>
    </row>
    <row r="114595" spans="1:7" x14ac:dyDescent="0.3">
      <c r="A114595" s="13" t="s">
        <v>545</v>
      </c>
      <c r="B114595" s="14" t="s">
        <v>1</v>
      </c>
      <c r="C114595" s="14" t="s">
        <v>546</v>
      </c>
      <c r="D114595" s="14" t="s">
        <v>146</v>
      </c>
      <c r="E114595" s="15">
        <v>45726</v>
      </c>
      <c r="F114595" s="14" t="s">
        <v>61</v>
      </c>
      <c r="G114595" s="16">
        <v>0.37464371942388486</v>
      </c>
    </row>
    <row r="114596" spans="1:7" x14ac:dyDescent="0.3">
      <c r="A114596" s="13" t="s">
        <v>545</v>
      </c>
      <c r="B114596" s="14" t="s">
        <v>1</v>
      </c>
      <c r="C114596" s="14" t="s">
        <v>546</v>
      </c>
      <c r="D114596" s="14" t="s">
        <v>146</v>
      </c>
      <c r="E114596" s="15">
        <v>45727</v>
      </c>
      <c r="F114596" s="14" t="s">
        <v>61</v>
      </c>
      <c r="G114596" s="16">
        <v>0.36248675977541389</v>
      </c>
    </row>
    <row r="114597" spans="1:7" x14ac:dyDescent="0.3">
      <c r="A114597" s="13" t="s">
        <v>545</v>
      </c>
      <c r="B114597" s="14" t="s">
        <v>1</v>
      </c>
      <c r="C114597" s="14" t="s">
        <v>546</v>
      </c>
      <c r="D114597" s="14" t="s">
        <v>146</v>
      </c>
      <c r="E114597" s="15">
        <v>45728</v>
      </c>
      <c r="F114597" s="14" t="s">
        <v>61</v>
      </c>
      <c r="G114597" s="16">
        <v>0.36044578275103351</v>
      </c>
    </row>
    <row r="114598" spans="1:7" x14ac:dyDescent="0.3">
      <c r="A114598" s="13" t="s">
        <v>545</v>
      </c>
      <c r="B114598" s="14" t="s">
        <v>1</v>
      </c>
      <c r="C114598" s="14" t="s">
        <v>546</v>
      </c>
      <c r="D114598" s="14" t="s">
        <v>146</v>
      </c>
      <c r="E114598" s="15">
        <v>45729</v>
      </c>
      <c r="F114598" s="14" t="s">
        <v>61</v>
      </c>
      <c r="G114598" s="16">
        <v>0.37526662361492552</v>
      </c>
    </row>
    <row r="114599" spans="1:7" x14ac:dyDescent="0.3">
      <c r="A114599" s="13" t="s">
        <v>545</v>
      </c>
      <c r="B114599" s="14" t="s">
        <v>1</v>
      </c>
      <c r="C114599" s="14" t="s">
        <v>546</v>
      </c>
      <c r="D114599" s="14" t="s">
        <v>146</v>
      </c>
      <c r="E114599" s="15">
        <v>45730</v>
      </c>
      <c r="F114599" s="14" t="s">
        <v>61</v>
      </c>
      <c r="G114599" s="16">
        <v>0.37117332492059157</v>
      </c>
    </row>
    <row r="114600" spans="1:7" x14ac:dyDescent="0.3">
      <c r="A114600" s="13" t="s">
        <v>545</v>
      </c>
      <c r="B114600" s="14" t="s">
        <v>1</v>
      </c>
      <c r="C114600" s="14" t="s">
        <v>546</v>
      </c>
      <c r="D114600" s="14" t="s">
        <v>146</v>
      </c>
      <c r="E114600" s="15">
        <v>45731</v>
      </c>
      <c r="F114600" s="14" t="s">
        <v>61</v>
      </c>
      <c r="G114600" s="16">
        <v>0.37117332492059157</v>
      </c>
    </row>
    <row r="114601" spans="1:7" x14ac:dyDescent="0.3">
      <c r="A114601" s="13" t="s">
        <v>545</v>
      </c>
      <c r="B114601" s="14" t="s">
        <v>1</v>
      </c>
      <c r="C114601" s="14" t="s">
        <v>546</v>
      </c>
      <c r="D114601" s="14" t="s">
        <v>146</v>
      </c>
      <c r="E114601" s="15">
        <v>45732</v>
      </c>
      <c r="F114601" s="14" t="s">
        <v>61</v>
      </c>
      <c r="G114601" s="16">
        <v>0.37117332492059157</v>
      </c>
    </row>
    <row r="114602" spans="1:7" x14ac:dyDescent="0.3">
      <c r="A114602" s="13" t="s">
        <v>545</v>
      </c>
      <c r="B114602" s="14" t="s">
        <v>1</v>
      </c>
      <c r="C114602" s="14" t="s">
        <v>546</v>
      </c>
      <c r="D114602" s="14" t="s">
        <v>146</v>
      </c>
      <c r="E114602" s="15">
        <v>45733</v>
      </c>
      <c r="F114602" s="14" t="s">
        <v>61</v>
      </c>
      <c r="G114602" s="16">
        <v>0.37117332492059157</v>
      </c>
    </row>
    <row r="114603" spans="1:7" x14ac:dyDescent="0.3">
      <c r="A114603" s="13" t="s">
        <v>545</v>
      </c>
      <c r="B114603" s="14" t="s">
        <v>1</v>
      </c>
      <c r="C114603" s="14" t="s">
        <v>546</v>
      </c>
      <c r="D114603" s="14" t="s">
        <v>146</v>
      </c>
      <c r="E114603" s="15">
        <v>45734</v>
      </c>
      <c r="F114603" s="14" t="s">
        <v>61</v>
      </c>
      <c r="G114603" s="16">
        <v>0.36600818419712883</v>
      </c>
    </row>
    <row r="114604" spans="1:7" x14ac:dyDescent="0.3">
      <c r="A114604" s="13" t="s">
        <v>545</v>
      </c>
      <c r="B114604" s="14" t="s">
        <v>1</v>
      </c>
      <c r="C114604" s="14" t="s">
        <v>546</v>
      </c>
      <c r="D114604" s="14" t="s">
        <v>146</v>
      </c>
      <c r="E114604" s="15">
        <v>45735</v>
      </c>
      <c r="F114604" s="14" t="s">
        <v>61</v>
      </c>
      <c r="G114604" s="16">
        <v>0.3616033978317037</v>
      </c>
    </row>
    <row r="114605" spans="1:7" x14ac:dyDescent="0.3">
      <c r="A114605" s="13" t="s">
        <v>545</v>
      </c>
      <c r="B114605" s="14" t="s">
        <v>1</v>
      </c>
      <c r="C114605" s="14" t="s">
        <v>546</v>
      </c>
      <c r="D114605" s="14" t="s">
        <v>146</v>
      </c>
      <c r="E114605" s="15">
        <v>45736</v>
      </c>
      <c r="F114605" s="14" t="s">
        <v>61</v>
      </c>
      <c r="G114605" s="16">
        <v>0.36001636428490602</v>
      </c>
    </row>
    <row r="114606" spans="1:7" x14ac:dyDescent="0.3">
      <c r="A114606" s="13" t="s">
        <v>545</v>
      </c>
      <c r="B114606" s="14" t="s">
        <v>1</v>
      </c>
      <c r="C114606" s="14" t="s">
        <v>546</v>
      </c>
      <c r="D114606" s="14" t="s">
        <v>146</v>
      </c>
      <c r="E114606" s="15">
        <v>45737</v>
      </c>
      <c r="F114606" s="14" t="s">
        <v>61</v>
      </c>
      <c r="G114606" s="16">
        <v>0.35806754099802146</v>
      </c>
    </row>
    <row r="114607" spans="1:7" x14ac:dyDescent="0.3">
      <c r="A114607" s="13" t="s">
        <v>545</v>
      </c>
      <c r="B114607" s="14" t="s">
        <v>1</v>
      </c>
      <c r="C114607" s="14" t="s">
        <v>546</v>
      </c>
      <c r="D114607" s="14" t="s">
        <v>146</v>
      </c>
      <c r="E114607" s="15">
        <v>45738</v>
      </c>
      <c r="F114607" s="14" t="s">
        <v>61</v>
      </c>
      <c r="G114607" s="16">
        <v>0.35806754099802146</v>
      </c>
    </row>
    <row r="114608" spans="1:7" x14ac:dyDescent="0.3">
      <c r="A114608" s="13" t="s">
        <v>545</v>
      </c>
      <c r="B114608" s="14" t="s">
        <v>1</v>
      </c>
      <c r="C114608" s="14" t="s">
        <v>546</v>
      </c>
      <c r="D114608" s="14" t="s">
        <v>146</v>
      </c>
      <c r="E114608" s="15">
        <v>45739</v>
      </c>
      <c r="F114608" s="14" t="s">
        <v>61</v>
      </c>
      <c r="G114608" s="16">
        <v>0.35806754099802146</v>
      </c>
    </row>
    <row r="114609" spans="1:7" x14ac:dyDescent="0.3">
      <c r="A114609" s="13" t="s">
        <v>545</v>
      </c>
      <c r="B114609" s="14" t="s">
        <v>1</v>
      </c>
      <c r="C114609" s="14" t="s">
        <v>546</v>
      </c>
      <c r="D114609" s="14" t="s">
        <v>146</v>
      </c>
      <c r="E114609" s="15">
        <v>45740</v>
      </c>
      <c r="F114609" s="14" t="s">
        <v>61</v>
      </c>
      <c r="G114609" s="16">
        <v>0.35536426484786471</v>
      </c>
    </row>
    <row r="114610" spans="1:7" x14ac:dyDescent="0.3">
      <c r="A114610" s="13" t="s">
        <v>545</v>
      </c>
      <c r="B114610" s="14" t="s">
        <v>1</v>
      </c>
      <c r="C114610" s="14" t="s">
        <v>546</v>
      </c>
      <c r="D114610" s="14" t="s">
        <v>146</v>
      </c>
      <c r="E114610" s="15">
        <v>45741</v>
      </c>
      <c r="F114610" s="14" t="s">
        <v>61</v>
      </c>
      <c r="G114610" s="16">
        <v>0.34636460245500711</v>
      </c>
    </row>
    <row r="114611" spans="1:7" x14ac:dyDescent="0.3">
      <c r="A114611" s="13" t="s">
        <v>545</v>
      </c>
      <c r="B114611" s="14" t="s">
        <v>1</v>
      </c>
      <c r="C114611" s="14" t="s">
        <v>546</v>
      </c>
      <c r="D114611" s="14" t="s">
        <v>146</v>
      </c>
      <c r="E114611" s="15">
        <v>45742</v>
      </c>
      <c r="F114611" s="14" t="s">
        <v>61</v>
      </c>
      <c r="G114611" s="16">
        <v>0.34443084805544111</v>
      </c>
    </row>
    <row r="114612" spans="1:7" x14ac:dyDescent="0.3">
      <c r="A114612" s="13" t="s">
        <v>545</v>
      </c>
      <c r="B114612" s="14" t="s">
        <v>1</v>
      </c>
      <c r="C114612" s="14" t="s">
        <v>546</v>
      </c>
      <c r="D114612" s="14" t="s">
        <v>146</v>
      </c>
      <c r="E114612" s="15">
        <v>45743</v>
      </c>
      <c r="F114612" s="14" t="s">
        <v>61</v>
      </c>
      <c r="G114612" s="16">
        <v>0.34084703788184473</v>
      </c>
    </row>
    <row r="114613" spans="1:7" x14ac:dyDescent="0.3">
      <c r="A114613" s="13" t="s">
        <v>545</v>
      </c>
      <c r="B114613" s="14" t="s">
        <v>1</v>
      </c>
      <c r="C114613" s="14" t="s">
        <v>546</v>
      </c>
      <c r="D114613" s="14" t="s">
        <v>146</v>
      </c>
      <c r="E114613" s="15">
        <v>45744</v>
      </c>
      <c r="F114613" s="14" t="s">
        <v>61</v>
      </c>
      <c r="G114613" s="16">
        <v>0.33692318795318466</v>
      </c>
    </row>
    <row r="114614" spans="1:7" x14ac:dyDescent="0.3">
      <c r="A114614" s="13" t="s">
        <v>545</v>
      </c>
      <c r="B114614" s="14" t="s">
        <v>1</v>
      </c>
      <c r="C114614" s="14" t="s">
        <v>546</v>
      </c>
      <c r="D114614" s="14" t="s">
        <v>146</v>
      </c>
      <c r="E114614" s="15">
        <v>45745</v>
      </c>
      <c r="F114614" s="14" t="s">
        <v>61</v>
      </c>
      <c r="G114614" s="16">
        <v>0.33692318795318466</v>
      </c>
    </row>
    <row r="114615" spans="1:7" x14ac:dyDescent="0.3">
      <c r="A114615" s="13" t="s">
        <v>545</v>
      </c>
      <c r="B114615" s="14" t="s">
        <v>1</v>
      </c>
      <c r="C114615" s="14" t="s">
        <v>546</v>
      </c>
      <c r="D114615" s="14" t="s">
        <v>146</v>
      </c>
      <c r="E114615" s="15">
        <v>45746</v>
      </c>
      <c r="F114615" s="14" t="s">
        <v>61</v>
      </c>
      <c r="G114615" s="16">
        <v>0.33692318795318466</v>
      </c>
    </row>
    <row r="114616" spans="1:7" x14ac:dyDescent="0.3">
      <c r="A114616" s="13" t="s">
        <v>545</v>
      </c>
      <c r="B114616" s="14" t="s">
        <v>1</v>
      </c>
      <c r="C114616" s="14" t="s">
        <v>546</v>
      </c>
      <c r="D114616" s="14" t="s">
        <v>146</v>
      </c>
      <c r="E114616" s="15">
        <v>45747</v>
      </c>
      <c r="F114616" s="14" t="s">
        <v>61</v>
      </c>
      <c r="G114616" s="16">
        <v>0.33692318795318466</v>
      </c>
    </row>
    <row r="114617" spans="1:7" x14ac:dyDescent="0.3">
      <c r="A114617" s="13" t="s">
        <v>547</v>
      </c>
      <c r="B114617" s="14" t="s">
        <v>1</v>
      </c>
      <c r="C114617" s="14" t="s">
        <v>546</v>
      </c>
      <c r="D114617" s="14" t="s">
        <v>266</v>
      </c>
      <c r="E114617" s="15">
        <v>45383</v>
      </c>
      <c r="F114617" s="14" t="s">
        <v>61</v>
      </c>
      <c r="G114617" s="16">
        <v>0</v>
      </c>
    </row>
    <row r="114618" spans="1:7" x14ac:dyDescent="0.3">
      <c r="A114618" s="13" t="s">
        <v>547</v>
      </c>
      <c r="B114618" s="14" t="s">
        <v>1</v>
      </c>
      <c r="C114618" s="14" t="s">
        <v>546</v>
      </c>
      <c r="D114618" s="14" t="s">
        <v>266</v>
      </c>
      <c r="E114618" s="15">
        <v>45384</v>
      </c>
      <c r="F114618" s="14" t="s">
        <v>61</v>
      </c>
      <c r="G114618" s="16">
        <v>0</v>
      </c>
    </row>
    <row r="114619" spans="1:7" x14ac:dyDescent="0.3">
      <c r="A114619" s="13" t="s">
        <v>547</v>
      </c>
      <c r="B114619" s="14" t="s">
        <v>1</v>
      </c>
      <c r="C114619" s="14" t="s">
        <v>546</v>
      </c>
      <c r="D114619" s="14" t="s">
        <v>266</v>
      </c>
      <c r="E114619" s="15">
        <v>45385</v>
      </c>
      <c r="F114619" s="14" t="s">
        <v>61</v>
      </c>
      <c r="G114619" s="16">
        <v>0</v>
      </c>
    </row>
    <row r="114620" spans="1:7" x14ac:dyDescent="0.3">
      <c r="A114620" s="13" t="s">
        <v>547</v>
      </c>
      <c r="B114620" s="14" t="s">
        <v>1</v>
      </c>
      <c r="C114620" s="14" t="s">
        <v>546</v>
      </c>
      <c r="D114620" s="14" t="s">
        <v>266</v>
      </c>
      <c r="E114620" s="15">
        <v>45386</v>
      </c>
      <c r="F114620" s="14" t="s">
        <v>61</v>
      </c>
      <c r="G114620" s="16">
        <v>0</v>
      </c>
    </row>
    <row r="114621" spans="1:7" x14ac:dyDescent="0.3">
      <c r="A114621" s="13" t="s">
        <v>547</v>
      </c>
      <c r="B114621" s="14" t="s">
        <v>1</v>
      </c>
      <c r="C114621" s="14" t="s">
        <v>546</v>
      </c>
      <c r="D114621" s="14" t="s">
        <v>266</v>
      </c>
      <c r="E114621" s="15">
        <v>45387</v>
      </c>
      <c r="F114621" s="14" t="s">
        <v>61</v>
      </c>
      <c r="G114621" s="16">
        <v>0</v>
      </c>
    </row>
    <row r="114622" spans="1:7" x14ac:dyDescent="0.3">
      <c r="A114622" s="13" t="s">
        <v>547</v>
      </c>
      <c r="B114622" s="14" t="s">
        <v>1</v>
      </c>
      <c r="C114622" s="14" t="s">
        <v>546</v>
      </c>
      <c r="D114622" s="14" t="s">
        <v>266</v>
      </c>
      <c r="E114622" s="15">
        <v>45388</v>
      </c>
      <c r="F114622" s="14" t="s">
        <v>61</v>
      </c>
      <c r="G114622" s="16">
        <v>0</v>
      </c>
    </row>
    <row r="114623" spans="1:7" x14ac:dyDescent="0.3">
      <c r="A114623" s="13" t="s">
        <v>547</v>
      </c>
      <c r="B114623" s="14" t="s">
        <v>1</v>
      </c>
      <c r="C114623" s="14" t="s">
        <v>546</v>
      </c>
      <c r="D114623" s="14" t="s">
        <v>266</v>
      </c>
      <c r="E114623" s="15">
        <v>45389</v>
      </c>
      <c r="F114623" s="14" t="s">
        <v>61</v>
      </c>
      <c r="G114623" s="16">
        <v>0</v>
      </c>
    </row>
    <row r="114624" spans="1:7" x14ac:dyDescent="0.3">
      <c r="A114624" s="13" t="s">
        <v>547</v>
      </c>
      <c r="B114624" s="14" t="s">
        <v>1</v>
      </c>
      <c r="C114624" s="14" t="s">
        <v>546</v>
      </c>
      <c r="D114624" s="14" t="s">
        <v>266</v>
      </c>
      <c r="E114624" s="15">
        <v>45390</v>
      </c>
      <c r="F114624" s="14" t="s">
        <v>61</v>
      </c>
      <c r="G114624" s="16">
        <v>0</v>
      </c>
    </row>
    <row r="114625" spans="1:7" x14ac:dyDescent="0.3">
      <c r="A114625" s="13" t="s">
        <v>547</v>
      </c>
      <c r="B114625" s="14" t="s">
        <v>1</v>
      </c>
      <c r="C114625" s="14" t="s">
        <v>546</v>
      </c>
      <c r="D114625" s="14" t="s">
        <v>266</v>
      </c>
      <c r="E114625" s="15">
        <v>45391</v>
      </c>
      <c r="F114625" s="14" t="s">
        <v>61</v>
      </c>
      <c r="G114625" s="16">
        <v>0</v>
      </c>
    </row>
    <row r="114626" spans="1:7" x14ac:dyDescent="0.3">
      <c r="A114626" s="13" t="s">
        <v>547</v>
      </c>
      <c r="B114626" s="14" t="s">
        <v>1</v>
      </c>
      <c r="C114626" s="14" t="s">
        <v>546</v>
      </c>
      <c r="D114626" s="14" t="s">
        <v>266</v>
      </c>
      <c r="E114626" s="15">
        <v>45392</v>
      </c>
      <c r="F114626" s="14" t="s">
        <v>61</v>
      </c>
      <c r="G114626" s="16">
        <v>0</v>
      </c>
    </row>
    <row r="114627" spans="1:7" x14ac:dyDescent="0.3">
      <c r="A114627" s="13" t="s">
        <v>547</v>
      </c>
      <c r="B114627" s="14" t="s">
        <v>1</v>
      </c>
      <c r="C114627" s="14" t="s">
        <v>546</v>
      </c>
      <c r="D114627" s="14" t="s">
        <v>266</v>
      </c>
      <c r="E114627" s="15">
        <v>45393</v>
      </c>
      <c r="F114627" s="14" t="s">
        <v>61</v>
      </c>
      <c r="G114627" s="16">
        <v>0</v>
      </c>
    </row>
    <row r="114628" spans="1:7" x14ac:dyDescent="0.3">
      <c r="A114628" s="13" t="s">
        <v>547</v>
      </c>
      <c r="B114628" s="14" t="s">
        <v>1</v>
      </c>
      <c r="C114628" s="14" t="s">
        <v>546</v>
      </c>
      <c r="D114628" s="14" t="s">
        <v>266</v>
      </c>
      <c r="E114628" s="15">
        <v>45394</v>
      </c>
      <c r="F114628" s="14" t="s">
        <v>61</v>
      </c>
      <c r="G114628" s="16">
        <v>0</v>
      </c>
    </row>
    <row r="114629" spans="1:7" x14ac:dyDescent="0.3">
      <c r="A114629" s="13" t="s">
        <v>547</v>
      </c>
      <c r="B114629" s="14" t="s">
        <v>1</v>
      </c>
      <c r="C114629" s="14" t="s">
        <v>546</v>
      </c>
      <c r="D114629" s="14" t="s">
        <v>266</v>
      </c>
      <c r="E114629" s="15">
        <v>45395</v>
      </c>
      <c r="F114629" s="14" t="s">
        <v>61</v>
      </c>
      <c r="G114629" s="16">
        <v>0</v>
      </c>
    </row>
    <row r="114630" spans="1:7" x14ac:dyDescent="0.3">
      <c r="A114630" s="13" t="s">
        <v>547</v>
      </c>
      <c r="B114630" s="14" t="s">
        <v>1</v>
      </c>
      <c r="C114630" s="14" t="s">
        <v>546</v>
      </c>
      <c r="D114630" s="14" t="s">
        <v>266</v>
      </c>
      <c r="E114630" s="15">
        <v>45396</v>
      </c>
      <c r="F114630" s="14" t="s">
        <v>61</v>
      </c>
      <c r="G114630" s="16">
        <v>0</v>
      </c>
    </row>
    <row r="114631" spans="1:7" x14ac:dyDescent="0.3">
      <c r="A114631" s="13" t="s">
        <v>547</v>
      </c>
      <c r="B114631" s="14" t="s">
        <v>1</v>
      </c>
      <c r="C114631" s="14" t="s">
        <v>546</v>
      </c>
      <c r="D114631" s="14" t="s">
        <v>266</v>
      </c>
      <c r="E114631" s="15">
        <v>45397</v>
      </c>
      <c r="F114631" s="14" t="s">
        <v>61</v>
      </c>
      <c r="G114631" s="16">
        <v>0</v>
      </c>
    </row>
    <row r="114632" spans="1:7" x14ac:dyDescent="0.3">
      <c r="A114632" s="13" t="s">
        <v>547</v>
      </c>
      <c r="B114632" s="14" t="s">
        <v>1</v>
      </c>
      <c r="C114632" s="14" t="s">
        <v>546</v>
      </c>
      <c r="D114632" s="14" t="s">
        <v>266</v>
      </c>
      <c r="E114632" s="15">
        <v>45398</v>
      </c>
      <c r="F114632" s="14" t="s">
        <v>61</v>
      </c>
      <c r="G114632" s="16">
        <v>0</v>
      </c>
    </row>
    <row r="114633" spans="1:7" x14ac:dyDescent="0.3">
      <c r="A114633" s="13" t="s">
        <v>547</v>
      </c>
      <c r="B114633" s="14" t="s">
        <v>1</v>
      </c>
      <c r="C114633" s="14" t="s">
        <v>546</v>
      </c>
      <c r="D114633" s="14" t="s">
        <v>266</v>
      </c>
      <c r="E114633" s="15">
        <v>45399</v>
      </c>
      <c r="F114633" s="14" t="s">
        <v>61</v>
      </c>
      <c r="G114633" s="16">
        <v>0</v>
      </c>
    </row>
    <row r="114634" spans="1:7" x14ac:dyDescent="0.3">
      <c r="A114634" s="13" t="s">
        <v>547</v>
      </c>
      <c r="B114634" s="14" t="s">
        <v>1</v>
      </c>
      <c r="C114634" s="14" t="s">
        <v>546</v>
      </c>
      <c r="D114634" s="14" t="s">
        <v>266</v>
      </c>
      <c r="E114634" s="15">
        <v>45400</v>
      </c>
      <c r="F114634" s="14" t="s">
        <v>61</v>
      </c>
      <c r="G114634" s="16">
        <v>0</v>
      </c>
    </row>
    <row r="114635" spans="1:7" x14ac:dyDescent="0.3">
      <c r="A114635" s="13" t="s">
        <v>547</v>
      </c>
      <c r="B114635" s="14" t="s">
        <v>1</v>
      </c>
      <c r="C114635" s="14" t="s">
        <v>546</v>
      </c>
      <c r="D114635" s="14" t="s">
        <v>266</v>
      </c>
      <c r="E114635" s="15">
        <v>45401</v>
      </c>
      <c r="F114635" s="14" t="s">
        <v>61</v>
      </c>
      <c r="G114635" s="16">
        <v>0</v>
      </c>
    </row>
    <row r="114636" spans="1:7" x14ac:dyDescent="0.3">
      <c r="A114636" s="13" t="s">
        <v>547</v>
      </c>
      <c r="B114636" s="14" t="s">
        <v>1</v>
      </c>
      <c r="C114636" s="14" t="s">
        <v>546</v>
      </c>
      <c r="D114636" s="14" t="s">
        <v>266</v>
      </c>
      <c r="E114636" s="15">
        <v>45402</v>
      </c>
      <c r="F114636" s="14" t="s">
        <v>61</v>
      </c>
      <c r="G114636" s="16">
        <v>0</v>
      </c>
    </row>
    <row r="114637" spans="1:7" x14ac:dyDescent="0.3">
      <c r="A114637" s="13" t="s">
        <v>547</v>
      </c>
      <c r="B114637" s="14" t="s">
        <v>1</v>
      </c>
      <c r="C114637" s="14" t="s">
        <v>546</v>
      </c>
      <c r="D114637" s="14" t="s">
        <v>266</v>
      </c>
      <c r="E114637" s="15">
        <v>45403</v>
      </c>
      <c r="F114637" s="14" t="s">
        <v>61</v>
      </c>
      <c r="G114637" s="16">
        <v>0</v>
      </c>
    </row>
    <row r="114638" spans="1:7" x14ac:dyDescent="0.3">
      <c r="A114638" s="13" t="s">
        <v>547</v>
      </c>
      <c r="B114638" s="14" t="s">
        <v>1</v>
      </c>
      <c r="C114638" s="14" t="s">
        <v>546</v>
      </c>
      <c r="D114638" s="14" t="s">
        <v>266</v>
      </c>
      <c r="E114638" s="15">
        <v>45404</v>
      </c>
      <c r="F114638" s="14" t="s">
        <v>61</v>
      </c>
      <c r="G114638" s="16">
        <v>0</v>
      </c>
    </row>
    <row r="114639" spans="1:7" x14ac:dyDescent="0.3">
      <c r="A114639" s="13" t="s">
        <v>547</v>
      </c>
      <c r="B114639" s="14" t="s">
        <v>1</v>
      </c>
      <c r="C114639" s="14" t="s">
        <v>546</v>
      </c>
      <c r="D114639" s="14" t="s">
        <v>266</v>
      </c>
      <c r="E114639" s="15">
        <v>45405</v>
      </c>
      <c r="F114639" s="14" t="s">
        <v>61</v>
      </c>
      <c r="G114639" s="16">
        <v>0</v>
      </c>
    </row>
    <row r="114640" spans="1:7" x14ac:dyDescent="0.3">
      <c r="A114640" s="13" t="s">
        <v>547</v>
      </c>
      <c r="B114640" s="14" t="s">
        <v>1</v>
      </c>
      <c r="C114640" s="14" t="s">
        <v>546</v>
      </c>
      <c r="D114640" s="14" t="s">
        <v>266</v>
      </c>
      <c r="E114640" s="15">
        <v>45406</v>
      </c>
      <c r="F114640" s="14" t="s">
        <v>61</v>
      </c>
      <c r="G114640" s="16">
        <v>0</v>
      </c>
    </row>
    <row r="114641" spans="1:7" x14ac:dyDescent="0.3">
      <c r="A114641" s="13" t="s">
        <v>547</v>
      </c>
      <c r="B114641" s="14" t="s">
        <v>1</v>
      </c>
      <c r="C114641" s="14" t="s">
        <v>546</v>
      </c>
      <c r="D114641" s="14" t="s">
        <v>266</v>
      </c>
      <c r="E114641" s="15">
        <v>45407</v>
      </c>
      <c r="F114641" s="14" t="s">
        <v>61</v>
      </c>
      <c r="G114641" s="16">
        <v>0</v>
      </c>
    </row>
    <row r="114642" spans="1:7" x14ac:dyDescent="0.3">
      <c r="A114642" s="13" t="s">
        <v>547</v>
      </c>
      <c r="B114642" s="14" t="s">
        <v>1</v>
      </c>
      <c r="C114642" s="14" t="s">
        <v>546</v>
      </c>
      <c r="D114642" s="14" t="s">
        <v>266</v>
      </c>
      <c r="E114642" s="15">
        <v>45408</v>
      </c>
      <c r="F114642" s="14" t="s">
        <v>61</v>
      </c>
      <c r="G114642" s="16">
        <v>0</v>
      </c>
    </row>
    <row r="114643" spans="1:7" x14ac:dyDescent="0.3">
      <c r="A114643" s="13" t="s">
        <v>547</v>
      </c>
      <c r="B114643" s="14" t="s">
        <v>1</v>
      </c>
      <c r="C114643" s="14" t="s">
        <v>546</v>
      </c>
      <c r="D114643" s="14" t="s">
        <v>266</v>
      </c>
      <c r="E114643" s="15">
        <v>45409</v>
      </c>
      <c r="F114643" s="14" t="s">
        <v>61</v>
      </c>
      <c r="G114643" s="16">
        <v>0</v>
      </c>
    </row>
    <row r="114644" spans="1:7" x14ac:dyDescent="0.3">
      <c r="A114644" s="13" t="s">
        <v>547</v>
      </c>
      <c r="B114644" s="14" t="s">
        <v>1</v>
      </c>
      <c r="C114644" s="14" t="s">
        <v>546</v>
      </c>
      <c r="D114644" s="14" t="s">
        <v>266</v>
      </c>
      <c r="E114644" s="15">
        <v>45410</v>
      </c>
      <c r="F114644" s="14" t="s">
        <v>61</v>
      </c>
      <c r="G114644" s="16">
        <v>0</v>
      </c>
    </row>
    <row r="114645" spans="1:7" x14ac:dyDescent="0.3">
      <c r="A114645" s="13" t="s">
        <v>547</v>
      </c>
      <c r="B114645" s="14" t="s">
        <v>1</v>
      </c>
      <c r="C114645" s="14" t="s">
        <v>546</v>
      </c>
      <c r="D114645" s="14" t="s">
        <v>266</v>
      </c>
      <c r="E114645" s="15">
        <v>45411</v>
      </c>
      <c r="F114645" s="14" t="s">
        <v>61</v>
      </c>
      <c r="G114645" s="16">
        <v>0</v>
      </c>
    </row>
    <row r="114646" spans="1:7" x14ac:dyDescent="0.3">
      <c r="A114646" s="13" t="s">
        <v>547</v>
      </c>
      <c r="B114646" s="14" t="s">
        <v>1</v>
      </c>
      <c r="C114646" s="14" t="s">
        <v>546</v>
      </c>
      <c r="D114646" s="14" t="s">
        <v>266</v>
      </c>
      <c r="E114646" s="15">
        <v>45412</v>
      </c>
      <c r="F114646" s="14" t="s">
        <v>61</v>
      </c>
      <c r="G114646" s="16">
        <v>0</v>
      </c>
    </row>
    <row r="114647" spans="1:7" x14ac:dyDescent="0.3">
      <c r="A114647" s="13" t="s">
        <v>547</v>
      </c>
      <c r="B114647" s="14" t="s">
        <v>1</v>
      </c>
      <c r="C114647" s="14" t="s">
        <v>546</v>
      </c>
      <c r="D114647" s="14" t="s">
        <v>266</v>
      </c>
      <c r="E114647" s="15">
        <v>45413</v>
      </c>
      <c r="F114647" s="14" t="s">
        <v>61</v>
      </c>
      <c r="G114647" s="16">
        <v>0</v>
      </c>
    </row>
    <row r="114648" spans="1:7" x14ac:dyDescent="0.3">
      <c r="A114648" s="13" t="s">
        <v>547</v>
      </c>
      <c r="B114648" s="14" t="s">
        <v>1</v>
      </c>
      <c r="C114648" s="14" t="s">
        <v>546</v>
      </c>
      <c r="D114648" s="14" t="s">
        <v>266</v>
      </c>
      <c r="E114648" s="15">
        <v>45414</v>
      </c>
      <c r="F114648" s="14" t="s">
        <v>61</v>
      </c>
      <c r="G114648" s="16">
        <v>0</v>
      </c>
    </row>
    <row r="114649" spans="1:7" x14ac:dyDescent="0.3">
      <c r="A114649" s="13" t="s">
        <v>547</v>
      </c>
      <c r="B114649" s="14" t="s">
        <v>1</v>
      </c>
      <c r="C114649" s="14" t="s">
        <v>546</v>
      </c>
      <c r="D114649" s="14" t="s">
        <v>266</v>
      </c>
      <c r="E114649" s="15">
        <v>45415</v>
      </c>
      <c r="F114649" s="14" t="s">
        <v>61</v>
      </c>
      <c r="G114649" s="16">
        <v>0</v>
      </c>
    </row>
    <row r="114650" spans="1:7" x14ac:dyDescent="0.3">
      <c r="A114650" s="13" t="s">
        <v>547</v>
      </c>
      <c r="B114650" s="14" t="s">
        <v>1</v>
      </c>
      <c r="C114650" s="14" t="s">
        <v>546</v>
      </c>
      <c r="D114650" s="14" t="s">
        <v>266</v>
      </c>
      <c r="E114650" s="15">
        <v>45416</v>
      </c>
      <c r="F114650" s="14" t="s">
        <v>61</v>
      </c>
      <c r="G114650" s="16">
        <v>0</v>
      </c>
    </row>
    <row r="114651" spans="1:7" x14ac:dyDescent="0.3">
      <c r="A114651" s="13" t="s">
        <v>547</v>
      </c>
      <c r="B114651" s="14" t="s">
        <v>1</v>
      </c>
      <c r="C114651" s="14" t="s">
        <v>546</v>
      </c>
      <c r="D114651" s="14" t="s">
        <v>266</v>
      </c>
      <c r="E114651" s="15">
        <v>45417</v>
      </c>
      <c r="F114651" s="14" t="s">
        <v>61</v>
      </c>
      <c r="G114651" s="16">
        <v>0</v>
      </c>
    </row>
    <row r="114652" spans="1:7" x14ac:dyDescent="0.3">
      <c r="A114652" s="13" t="s">
        <v>547</v>
      </c>
      <c r="B114652" s="14" t="s">
        <v>1</v>
      </c>
      <c r="C114652" s="14" t="s">
        <v>546</v>
      </c>
      <c r="D114652" s="14" t="s">
        <v>266</v>
      </c>
      <c r="E114652" s="15">
        <v>45418</v>
      </c>
      <c r="F114652" s="14" t="s">
        <v>61</v>
      </c>
      <c r="G114652" s="16">
        <v>0</v>
      </c>
    </row>
    <row r="114653" spans="1:7" x14ac:dyDescent="0.3">
      <c r="A114653" s="13" t="s">
        <v>547</v>
      </c>
      <c r="B114653" s="14" t="s">
        <v>1</v>
      </c>
      <c r="C114653" s="14" t="s">
        <v>546</v>
      </c>
      <c r="D114653" s="14" t="s">
        <v>266</v>
      </c>
      <c r="E114653" s="15">
        <v>45419</v>
      </c>
      <c r="F114653" s="14" t="s">
        <v>61</v>
      </c>
      <c r="G114653" s="16">
        <v>0</v>
      </c>
    </row>
    <row r="114654" spans="1:7" x14ac:dyDescent="0.3">
      <c r="A114654" s="13" t="s">
        <v>547</v>
      </c>
      <c r="B114654" s="14" t="s">
        <v>1</v>
      </c>
      <c r="C114654" s="14" t="s">
        <v>546</v>
      </c>
      <c r="D114654" s="14" t="s">
        <v>266</v>
      </c>
      <c r="E114654" s="15">
        <v>45420</v>
      </c>
      <c r="F114654" s="14" t="s">
        <v>61</v>
      </c>
      <c r="G114654" s="16">
        <v>0</v>
      </c>
    </row>
    <row r="114655" spans="1:7" x14ac:dyDescent="0.3">
      <c r="A114655" s="13" t="s">
        <v>547</v>
      </c>
      <c r="B114655" s="14" t="s">
        <v>1</v>
      </c>
      <c r="C114655" s="14" t="s">
        <v>546</v>
      </c>
      <c r="D114655" s="14" t="s">
        <v>266</v>
      </c>
      <c r="E114655" s="15">
        <v>45421</v>
      </c>
      <c r="F114655" s="14" t="s">
        <v>61</v>
      </c>
      <c r="G114655" s="16">
        <v>0</v>
      </c>
    </row>
    <row r="114656" spans="1:7" x14ac:dyDescent="0.3">
      <c r="A114656" s="13" t="s">
        <v>547</v>
      </c>
      <c r="B114656" s="14" t="s">
        <v>1</v>
      </c>
      <c r="C114656" s="14" t="s">
        <v>546</v>
      </c>
      <c r="D114656" s="14" t="s">
        <v>266</v>
      </c>
      <c r="E114656" s="15">
        <v>45422</v>
      </c>
      <c r="F114656" s="14" t="s">
        <v>61</v>
      </c>
      <c r="G114656" s="16">
        <v>0</v>
      </c>
    </row>
    <row r="114657" spans="1:7" x14ac:dyDescent="0.3">
      <c r="A114657" s="13" t="s">
        <v>547</v>
      </c>
      <c r="B114657" s="14" t="s">
        <v>1</v>
      </c>
      <c r="C114657" s="14" t="s">
        <v>546</v>
      </c>
      <c r="D114657" s="14" t="s">
        <v>266</v>
      </c>
      <c r="E114657" s="15">
        <v>45423</v>
      </c>
      <c r="F114657" s="14" t="s">
        <v>61</v>
      </c>
      <c r="G114657" s="16">
        <v>0</v>
      </c>
    </row>
    <row r="114658" spans="1:7" x14ac:dyDescent="0.3">
      <c r="A114658" s="13" t="s">
        <v>547</v>
      </c>
      <c r="B114658" s="14" t="s">
        <v>1</v>
      </c>
      <c r="C114658" s="14" t="s">
        <v>546</v>
      </c>
      <c r="D114658" s="14" t="s">
        <v>266</v>
      </c>
      <c r="E114658" s="15">
        <v>45424</v>
      </c>
      <c r="F114658" s="14" t="s">
        <v>61</v>
      </c>
      <c r="G114658" s="16">
        <v>0</v>
      </c>
    </row>
    <row r="114659" spans="1:7" x14ac:dyDescent="0.3">
      <c r="A114659" s="13" t="s">
        <v>547</v>
      </c>
      <c r="B114659" s="14" t="s">
        <v>1</v>
      </c>
      <c r="C114659" s="14" t="s">
        <v>546</v>
      </c>
      <c r="D114659" s="14" t="s">
        <v>266</v>
      </c>
      <c r="E114659" s="15">
        <v>45425</v>
      </c>
      <c r="F114659" s="14" t="s">
        <v>61</v>
      </c>
      <c r="G114659" s="16">
        <v>0</v>
      </c>
    </row>
    <row r="114660" spans="1:7" x14ac:dyDescent="0.3">
      <c r="A114660" s="13" t="s">
        <v>547</v>
      </c>
      <c r="B114660" s="14" t="s">
        <v>1</v>
      </c>
      <c r="C114660" s="14" t="s">
        <v>546</v>
      </c>
      <c r="D114660" s="14" t="s">
        <v>266</v>
      </c>
      <c r="E114660" s="15">
        <v>45426</v>
      </c>
      <c r="F114660" s="14" t="s">
        <v>61</v>
      </c>
      <c r="G114660" s="16">
        <v>0</v>
      </c>
    </row>
    <row r="114661" spans="1:7" x14ac:dyDescent="0.3">
      <c r="A114661" s="13" t="s">
        <v>547</v>
      </c>
      <c r="B114661" s="14" t="s">
        <v>1</v>
      </c>
      <c r="C114661" s="14" t="s">
        <v>546</v>
      </c>
      <c r="D114661" s="14" t="s">
        <v>266</v>
      </c>
      <c r="E114661" s="15">
        <v>45427</v>
      </c>
      <c r="F114661" s="14" t="s">
        <v>61</v>
      </c>
      <c r="G114661" s="16">
        <v>0</v>
      </c>
    </row>
    <row r="114662" spans="1:7" x14ac:dyDescent="0.3">
      <c r="A114662" s="13" t="s">
        <v>547</v>
      </c>
      <c r="B114662" s="14" t="s">
        <v>1</v>
      </c>
      <c r="C114662" s="14" t="s">
        <v>546</v>
      </c>
      <c r="D114662" s="14" t="s">
        <v>266</v>
      </c>
      <c r="E114662" s="15">
        <v>45428</v>
      </c>
      <c r="F114662" s="14" t="s">
        <v>61</v>
      </c>
      <c r="G114662" s="16">
        <v>0</v>
      </c>
    </row>
    <row r="114663" spans="1:7" x14ac:dyDescent="0.3">
      <c r="A114663" s="13" t="s">
        <v>547</v>
      </c>
      <c r="B114663" s="14" t="s">
        <v>1</v>
      </c>
      <c r="C114663" s="14" t="s">
        <v>546</v>
      </c>
      <c r="D114663" s="14" t="s">
        <v>266</v>
      </c>
      <c r="E114663" s="15">
        <v>45429</v>
      </c>
      <c r="F114663" s="14" t="s">
        <v>61</v>
      </c>
      <c r="G114663" s="16">
        <v>0</v>
      </c>
    </row>
    <row r="114664" spans="1:7" x14ac:dyDescent="0.3">
      <c r="A114664" s="13" t="s">
        <v>547</v>
      </c>
      <c r="B114664" s="14" t="s">
        <v>1</v>
      </c>
      <c r="C114664" s="14" t="s">
        <v>546</v>
      </c>
      <c r="D114664" s="14" t="s">
        <v>266</v>
      </c>
      <c r="E114664" s="15">
        <v>45430</v>
      </c>
      <c r="F114664" s="14" t="s">
        <v>61</v>
      </c>
      <c r="G114664" s="16">
        <v>0</v>
      </c>
    </row>
    <row r="114665" spans="1:7" x14ac:dyDescent="0.3">
      <c r="A114665" s="13" t="s">
        <v>547</v>
      </c>
      <c r="B114665" s="14" t="s">
        <v>1</v>
      </c>
      <c r="C114665" s="14" t="s">
        <v>546</v>
      </c>
      <c r="D114665" s="14" t="s">
        <v>266</v>
      </c>
      <c r="E114665" s="15">
        <v>45431</v>
      </c>
      <c r="F114665" s="14" t="s">
        <v>61</v>
      </c>
      <c r="G114665" s="16">
        <v>0</v>
      </c>
    </row>
    <row r="114666" spans="1:7" x14ac:dyDescent="0.3">
      <c r="A114666" s="13" t="s">
        <v>547</v>
      </c>
      <c r="B114666" s="14" t="s">
        <v>1</v>
      </c>
      <c r="C114666" s="14" t="s">
        <v>546</v>
      </c>
      <c r="D114666" s="14" t="s">
        <v>266</v>
      </c>
      <c r="E114666" s="15">
        <v>45432</v>
      </c>
      <c r="F114666" s="14" t="s">
        <v>61</v>
      </c>
      <c r="G114666" s="16">
        <v>1.8905132110579377E-2</v>
      </c>
    </row>
    <row r="114667" spans="1:7" x14ac:dyDescent="0.3">
      <c r="A114667" s="13" t="s">
        <v>547</v>
      </c>
      <c r="B114667" s="14" t="s">
        <v>1</v>
      </c>
      <c r="C114667" s="14" t="s">
        <v>546</v>
      </c>
      <c r="D114667" s="14" t="s">
        <v>266</v>
      </c>
      <c r="E114667" s="15">
        <v>45433</v>
      </c>
      <c r="F114667" s="14" t="s">
        <v>61</v>
      </c>
      <c r="G114667" s="16">
        <v>1.1184017721070248E-2</v>
      </c>
    </row>
    <row r="114668" spans="1:7" x14ac:dyDescent="0.3">
      <c r="A114668" s="13" t="s">
        <v>547</v>
      </c>
      <c r="B114668" s="14" t="s">
        <v>1</v>
      </c>
      <c r="C114668" s="14" t="s">
        <v>546</v>
      </c>
      <c r="D114668" s="14" t="s">
        <v>266</v>
      </c>
      <c r="E114668" s="15">
        <v>45434</v>
      </c>
      <c r="F114668" s="14" t="s">
        <v>61</v>
      </c>
      <c r="G114668" s="16">
        <v>1.9939542796384793E-2</v>
      </c>
    </row>
    <row r="114669" spans="1:7" x14ac:dyDescent="0.3">
      <c r="A114669" s="13" t="s">
        <v>547</v>
      </c>
      <c r="B114669" s="14" t="s">
        <v>1</v>
      </c>
      <c r="C114669" s="14" t="s">
        <v>546</v>
      </c>
      <c r="D114669" s="14" t="s">
        <v>266</v>
      </c>
      <c r="E114669" s="15">
        <v>45435</v>
      </c>
      <c r="F114669" s="14" t="s">
        <v>61</v>
      </c>
      <c r="G114669" s="16">
        <v>1.7391753854332687E-2</v>
      </c>
    </row>
    <row r="114670" spans="1:7" x14ac:dyDescent="0.3">
      <c r="A114670" s="13" t="s">
        <v>547</v>
      </c>
      <c r="B114670" s="14" t="s">
        <v>1</v>
      </c>
      <c r="C114670" s="14" t="s">
        <v>546</v>
      </c>
      <c r="D114670" s="14" t="s">
        <v>266</v>
      </c>
      <c r="E114670" s="15">
        <v>45436</v>
      </c>
      <c r="F114670" s="14" t="s">
        <v>61</v>
      </c>
      <c r="G114670" s="16">
        <v>1.4796527201842873E-2</v>
      </c>
    </row>
    <row r="114671" spans="1:7" x14ac:dyDescent="0.3">
      <c r="A114671" s="13" t="s">
        <v>547</v>
      </c>
      <c r="B114671" s="14" t="s">
        <v>1</v>
      </c>
      <c r="C114671" s="14" t="s">
        <v>546</v>
      </c>
      <c r="D114671" s="14" t="s">
        <v>266</v>
      </c>
      <c r="E114671" s="15">
        <v>45437</v>
      </c>
      <c r="F114671" s="14" t="s">
        <v>61</v>
      </c>
      <c r="G114671" s="16">
        <v>1.4796527201842873E-2</v>
      </c>
    </row>
    <row r="114672" spans="1:7" x14ac:dyDescent="0.3">
      <c r="A114672" s="13" t="s">
        <v>547</v>
      </c>
      <c r="B114672" s="14" t="s">
        <v>1</v>
      </c>
      <c r="C114672" s="14" t="s">
        <v>546</v>
      </c>
      <c r="D114672" s="14" t="s">
        <v>266</v>
      </c>
      <c r="E114672" s="15">
        <v>45438</v>
      </c>
      <c r="F114672" s="14" t="s">
        <v>61</v>
      </c>
      <c r="G114672" s="16">
        <v>1.4796527201842873E-2</v>
      </c>
    </row>
    <row r="114673" spans="1:7" x14ac:dyDescent="0.3">
      <c r="A114673" s="13" t="s">
        <v>547</v>
      </c>
      <c r="B114673" s="14" t="s">
        <v>1</v>
      </c>
      <c r="C114673" s="14" t="s">
        <v>546</v>
      </c>
      <c r="D114673" s="14" t="s">
        <v>266</v>
      </c>
      <c r="E114673" s="15">
        <v>45439</v>
      </c>
      <c r="F114673" s="14" t="s">
        <v>61</v>
      </c>
      <c r="G114673" s="16">
        <v>1.2275402799928996E-2</v>
      </c>
    </row>
    <row r="114674" spans="1:7" x14ac:dyDescent="0.3">
      <c r="A114674" s="13" t="s">
        <v>547</v>
      </c>
      <c r="B114674" s="14" t="s">
        <v>1</v>
      </c>
      <c r="C114674" s="14" t="s">
        <v>546</v>
      </c>
      <c r="D114674" s="14" t="s">
        <v>266</v>
      </c>
      <c r="E114674" s="15">
        <v>45440</v>
      </c>
      <c r="F114674" s="14" t="s">
        <v>61</v>
      </c>
      <c r="G114674" s="16">
        <v>1.9704779461279336E-2</v>
      </c>
    </row>
    <row r="114675" spans="1:7" x14ac:dyDescent="0.3">
      <c r="A114675" s="13" t="s">
        <v>547</v>
      </c>
      <c r="B114675" s="14" t="s">
        <v>1</v>
      </c>
      <c r="C114675" s="14" t="s">
        <v>546</v>
      </c>
      <c r="D114675" s="14" t="s">
        <v>266</v>
      </c>
      <c r="E114675" s="15">
        <v>45441</v>
      </c>
      <c r="F114675" s="14" t="s">
        <v>61</v>
      </c>
      <c r="G114675" s="16">
        <v>1.7864916533758511E-2</v>
      </c>
    </row>
    <row r="114676" spans="1:7" x14ac:dyDescent="0.3">
      <c r="A114676" s="13" t="s">
        <v>547</v>
      </c>
      <c r="B114676" s="14" t="s">
        <v>1</v>
      </c>
      <c r="C114676" s="14" t="s">
        <v>546</v>
      </c>
      <c r="D114676" s="14" t="s">
        <v>266</v>
      </c>
      <c r="E114676" s="15">
        <v>45442</v>
      </c>
      <c r="F114676" s="14" t="s">
        <v>61</v>
      </c>
      <c r="G114676" s="16">
        <v>1.5312182349813797E-2</v>
      </c>
    </row>
    <row r="114677" spans="1:7" x14ac:dyDescent="0.3">
      <c r="A114677" s="13" t="s">
        <v>547</v>
      </c>
      <c r="B114677" s="14" t="s">
        <v>1</v>
      </c>
      <c r="C114677" s="14" t="s">
        <v>546</v>
      </c>
      <c r="D114677" s="14" t="s">
        <v>266</v>
      </c>
      <c r="E114677" s="15">
        <v>45443</v>
      </c>
      <c r="F114677" s="14" t="s">
        <v>61</v>
      </c>
      <c r="G114677" s="16">
        <v>1.6486847332978775E-2</v>
      </c>
    </row>
    <row r="114678" spans="1:7" x14ac:dyDescent="0.3">
      <c r="A114678" s="13" t="s">
        <v>547</v>
      </c>
      <c r="B114678" s="14" t="s">
        <v>1</v>
      </c>
      <c r="C114678" s="14" t="s">
        <v>546</v>
      </c>
      <c r="D114678" s="14" t="s">
        <v>266</v>
      </c>
      <c r="E114678" s="15">
        <v>45444</v>
      </c>
      <c r="F114678" s="14" t="s">
        <v>61</v>
      </c>
      <c r="G114678" s="16">
        <v>1.6486847332978775E-2</v>
      </c>
    </row>
    <row r="114679" spans="1:7" x14ac:dyDescent="0.3">
      <c r="A114679" s="13" t="s">
        <v>547</v>
      </c>
      <c r="B114679" s="14" t="s">
        <v>1</v>
      </c>
      <c r="C114679" s="14" t="s">
        <v>546</v>
      </c>
      <c r="D114679" s="14" t="s">
        <v>266</v>
      </c>
      <c r="E114679" s="15">
        <v>45445</v>
      </c>
      <c r="F114679" s="14" t="s">
        <v>61</v>
      </c>
      <c r="G114679" s="16">
        <v>1.6486847332978775E-2</v>
      </c>
    </row>
    <row r="114680" spans="1:7" x14ac:dyDescent="0.3">
      <c r="A114680" s="13" t="s">
        <v>547</v>
      </c>
      <c r="B114680" s="14" t="s">
        <v>1</v>
      </c>
      <c r="C114680" s="14" t="s">
        <v>546</v>
      </c>
      <c r="D114680" s="14" t="s">
        <v>266</v>
      </c>
      <c r="E114680" s="15">
        <v>45446</v>
      </c>
      <c r="F114680" s="14" t="s">
        <v>61</v>
      </c>
      <c r="G114680" s="16">
        <v>1.6486847332978775E-2</v>
      </c>
    </row>
    <row r="114681" spans="1:7" x14ac:dyDescent="0.3">
      <c r="A114681" s="13" t="s">
        <v>547</v>
      </c>
      <c r="B114681" s="14" t="s">
        <v>1</v>
      </c>
      <c r="C114681" s="14" t="s">
        <v>546</v>
      </c>
      <c r="D114681" s="14" t="s">
        <v>266</v>
      </c>
      <c r="E114681" s="15">
        <v>45447</v>
      </c>
      <c r="F114681" s="14" t="s">
        <v>61</v>
      </c>
      <c r="G114681" s="16">
        <v>1.7321175438596407E-2</v>
      </c>
    </row>
    <row r="114682" spans="1:7" x14ac:dyDescent="0.3">
      <c r="A114682" s="13" t="s">
        <v>547</v>
      </c>
      <c r="B114682" s="14" t="s">
        <v>1</v>
      </c>
      <c r="C114682" s="14" t="s">
        <v>546</v>
      </c>
      <c r="D114682" s="14" t="s">
        <v>266</v>
      </c>
      <c r="E114682" s="15">
        <v>45448</v>
      </c>
      <c r="F114682" s="14" t="s">
        <v>61</v>
      </c>
      <c r="G114682" s="16">
        <v>1.0826716019847509E-2</v>
      </c>
    </row>
    <row r="114683" spans="1:7" x14ac:dyDescent="0.3">
      <c r="A114683" s="13" t="s">
        <v>547</v>
      </c>
      <c r="B114683" s="14" t="s">
        <v>1</v>
      </c>
      <c r="C114683" s="14" t="s">
        <v>546</v>
      </c>
      <c r="D114683" s="14" t="s">
        <v>266</v>
      </c>
      <c r="E114683" s="15">
        <v>45449</v>
      </c>
      <c r="F114683" s="14" t="s">
        <v>61</v>
      </c>
      <c r="G114683" s="16">
        <v>1.7497264664185625E-2</v>
      </c>
    </row>
    <row r="114684" spans="1:7" x14ac:dyDescent="0.3">
      <c r="A114684" s="13" t="s">
        <v>547</v>
      </c>
      <c r="B114684" s="14" t="s">
        <v>1</v>
      </c>
      <c r="C114684" s="14" t="s">
        <v>546</v>
      </c>
      <c r="D114684" s="14" t="s">
        <v>266</v>
      </c>
      <c r="E114684" s="15">
        <v>45450</v>
      </c>
      <c r="F114684" s="14" t="s">
        <v>61</v>
      </c>
      <c r="G114684" s="16">
        <v>1.6628978911926186E-2</v>
      </c>
    </row>
    <row r="114685" spans="1:7" x14ac:dyDescent="0.3">
      <c r="A114685" s="13" t="s">
        <v>547</v>
      </c>
      <c r="B114685" s="14" t="s">
        <v>1</v>
      </c>
      <c r="C114685" s="14" t="s">
        <v>546</v>
      </c>
      <c r="D114685" s="14" t="s">
        <v>266</v>
      </c>
      <c r="E114685" s="15">
        <v>45451</v>
      </c>
      <c r="F114685" s="14" t="s">
        <v>61</v>
      </c>
      <c r="G114685" s="16">
        <v>1.6628978911926186E-2</v>
      </c>
    </row>
    <row r="114686" spans="1:7" x14ac:dyDescent="0.3">
      <c r="A114686" s="13" t="s">
        <v>547</v>
      </c>
      <c r="B114686" s="14" t="s">
        <v>1</v>
      </c>
      <c r="C114686" s="14" t="s">
        <v>546</v>
      </c>
      <c r="D114686" s="14" t="s">
        <v>266</v>
      </c>
      <c r="E114686" s="15">
        <v>45452</v>
      </c>
      <c r="F114686" s="14" t="s">
        <v>61</v>
      </c>
      <c r="G114686" s="16">
        <v>1.6628978911926186E-2</v>
      </c>
    </row>
    <row r="114687" spans="1:7" x14ac:dyDescent="0.3">
      <c r="A114687" s="13" t="s">
        <v>547</v>
      </c>
      <c r="B114687" s="14" t="s">
        <v>1</v>
      </c>
      <c r="C114687" s="14" t="s">
        <v>546</v>
      </c>
      <c r="D114687" s="14" t="s">
        <v>266</v>
      </c>
      <c r="E114687" s="15">
        <v>45453</v>
      </c>
      <c r="F114687" s="14" t="s">
        <v>61</v>
      </c>
      <c r="G114687" s="16">
        <v>1.6628978911926186E-2</v>
      </c>
    </row>
    <row r="114688" spans="1:7" x14ac:dyDescent="0.3">
      <c r="A114688" s="13" t="s">
        <v>547</v>
      </c>
      <c r="B114688" s="14" t="s">
        <v>1</v>
      </c>
      <c r="C114688" s="14" t="s">
        <v>546</v>
      </c>
      <c r="D114688" s="14" t="s">
        <v>266</v>
      </c>
      <c r="E114688" s="15">
        <v>45454</v>
      </c>
      <c r="F114688" s="14" t="s">
        <v>61</v>
      </c>
      <c r="G114688" s="16">
        <v>6.3302390572390468E-2</v>
      </c>
    </row>
    <row r="114689" spans="1:7" x14ac:dyDescent="0.3">
      <c r="A114689" s="13" t="s">
        <v>547</v>
      </c>
      <c r="B114689" s="14" t="s">
        <v>1</v>
      </c>
      <c r="C114689" s="14" t="s">
        <v>546</v>
      </c>
      <c r="D114689" s="14" t="s">
        <v>266</v>
      </c>
      <c r="E114689" s="15">
        <v>45455</v>
      </c>
      <c r="F114689" s="14" t="s">
        <v>61</v>
      </c>
      <c r="G114689" s="16">
        <v>5.3019072301966938E-2</v>
      </c>
    </row>
    <row r="114690" spans="1:7" x14ac:dyDescent="0.3">
      <c r="A114690" s="13" t="s">
        <v>547</v>
      </c>
      <c r="B114690" s="14" t="s">
        <v>1</v>
      </c>
      <c r="C114690" s="14" t="s">
        <v>546</v>
      </c>
      <c r="D114690" s="14" t="s">
        <v>266</v>
      </c>
      <c r="E114690" s="15">
        <v>45456</v>
      </c>
      <c r="F114690" s="14" t="s">
        <v>61</v>
      </c>
      <c r="G114690" s="16">
        <v>9.9540048910154069E-2</v>
      </c>
    </row>
    <row r="114691" spans="1:7" x14ac:dyDescent="0.3">
      <c r="A114691" s="13" t="s">
        <v>547</v>
      </c>
      <c r="B114691" s="14" t="s">
        <v>1</v>
      </c>
      <c r="C114691" s="14" t="s">
        <v>546</v>
      </c>
      <c r="D114691" s="14" t="s">
        <v>266</v>
      </c>
      <c r="E114691" s="15">
        <v>45457</v>
      </c>
      <c r="F114691" s="14" t="s">
        <v>61</v>
      </c>
      <c r="G114691" s="16">
        <v>0.12772614832535872</v>
      </c>
    </row>
    <row r="114692" spans="1:7" x14ac:dyDescent="0.3">
      <c r="A114692" s="13" t="s">
        <v>547</v>
      </c>
      <c r="B114692" s="14" t="s">
        <v>1</v>
      </c>
      <c r="C114692" s="14" t="s">
        <v>546</v>
      </c>
      <c r="D114692" s="14" t="s">
        <v>266</v>
      </c>
      <c r="E114692" s="15">
        <v>45458</v>
      </c>
      <c r="F114692" s="14" t="s">
        <v>61</v>
      </c>
      <c r="G114692" s="16">
        <v>0.12772614832535872</v>
      </c>
    </row>
    <row r="114693" spans="1:7" x14ac:dyDescent="0.3">
      <c r="A114693" s="13" t="s">
        <v>547</v>
      </c>
      <c r="B114693" s="14" t="s">
        <v>1</v>
      </c>
      <c r="C114693" s="14" t="s">
        <v>546</v>
      </c>
      <c r="D114693" s="14" t="s">
        <v>266</v>
      </c>
      <c r="E114693" s="15">
        <v>45459</v>
      </c>
      <c r="F114693" s="14" t="s">
        <v>61</v>
      </c>
      <c r="G114693" s="16">
        <v>0.12772614832535872</v>
      </c>
    </row>
    <row r="114694" spans="1:7" x14ac:dyDescent="0.3">
      <c r="A114694" s="13" t="s">
        <v>547</v>
      </c>
      <c r="B114694" s="14" t="s">
        <v>1</v>
      </c>
      <c r="C114694" s="14" t="s">
        <v>546</v>
      </c>
      <c r="D114694" s="14" t="s">
        <v>266</v>
      </c>
      <c r="E114694" s="15">
        <v>45460</v>
      </c>
      <c r="F114694" s="14" t="s">
        <v>61</v>
      </c>
      <c r="G114694" s="16">
        <v>0.13714575358851661</v>
      </c>
    </row>
    <row r="114695" spans="1:7" x14ac:dyDescent="0.3">
      <c r="A114695" s="13" t="s">
        <v>547</v>
      </c>
      <c r="B114695" s="14" t="s">
        <v>1</v>
      </c>
      <c r="C114695" s="14" t="s">
        <v>546</v>
      </c>
      <c r="D114695" s="14" t="s">
        <v>266</v>
      </c>
      <c r="E114695" s="15">
        <v>45461</v>
      </c>
      <c r="F114695" s="14" t="s">
        <v>61</v>
      </c>
      <c r="G114695" s="16">
        <v>0.1298179064327484</v>
      </c>
    </row>
    <row r="114696" spans="1:7" x14ac:dyDescent="0.3">
      <c r="A114696" s="13" t="s">
        <v>547</v>
      </c>
      <c r="B114696" s="14" t="s">
        <v>1</v>
      </c>
      <c r="C114696" s="14" t="s">
        <v>546</v>
      </c>
      <c r="D114696" s="14" t="s">
        <v>266</v>
      </c>
      <c r="E114696" s="15">
        <v>45462</v>
      </c>
      <c r="F114696" s="14" t="s">
        <v>61</v>
      </c>
      <c r="G114696" s="16">
        <v>0.17652787081339699</v>
      </c>
    </row>
    <row r="114697" spans="1:7" x14ac:dyDescent="0.3">
      <c r="A114697" s="13" t="s">
        <v>547</v>
      </c>
      <c r="B114697" s="14" t="s">
        <v>1</v>
      </c>
      <c r="C114697" s="14" t="s">
        <v>546</v>
      </c>
      <c r="D114697" s="14" t="s">
        <v>266</v>
      </c>
      <c r="E114697" s="15">
        <v>45463</v>
      </c>
      <c r="F114697" s="14" t="s">
        <v>61</v>
      </c>
      <c r="G114697" s="16">
        <v>0.20644694258373192</v>
      </c>
    </row>
    <row r="114698" spans="1:7" x14ac:dyDescent="0.3">
      <c r="A114698" s="13" t="s">
        <v>547</v>
      </c>
      <c r="B114698" s="14" t="s">
        <v>1</v>
      </c>
      <c r="C114698" s="14" t="s">
        <v>546</v>
      </c>
      <c r="D114698" s="14" t="s">
        <v>266</v>
      </c>
      <c r="E114698" s="15">
        <v>45464</v>
      </c>
      <c r="F114698" s="14" t="s">
        <v>61</v>
      </c>
      <c r="G114698" s="16">
        <v>0.20414912280701744</v>
      </c>
    </row>
    <row r="114699" spans="1:7" x14ac:dyDescent="0.3">
      <c r="A114699" s="13" t="s">
        <v>547</v>
      </c>
      <c r="B114699" s="14" t="s">
        <v>1</v>
      </c>
      <c r="C114699" s="14" t="s">
        <v>546</v>
      </c>
      <c r="D114699" s="14" t="s">
        <v>266</v>
      </c>
      <c r="E114699" s="15">
        <v>45465</v>
      </c>
      <c r="F114699" s="14" t="s">
        <v>61</v>
      </c>
      <c r="G114699" s="16">
        <v>0.20414912280701744</v>
      </c>
    </row>
    <row r="114700" spans="1:7" x14ac:dyDescent="0.3">
      <c r="A114700" s="13" t="s">
        <v>547</v>
      </c>
      <c r="B114700" s="14" t="s">
        <v>1</v>
      </c>
      <c r="C114700" s="14" t="s">
        <v>546</v>
      </c>
      <c r="D114700" s="14" t="s">
        <v>266</v>
      </c>
      <c r="E114700" s="15">
        <v>45466</v>
      </c>
      <c r="F114700" s="14" t="s">
        <v>61</v>
      </c>
      <c r="G114700" s="16">
        <v>0.20414912280701744</v>
      </c>
    </row>
    <row r="114701" spans="1:7" x14ac:dyDescent="0.3">
      <c r="A114701" s="13" t="s">
        <v>547</v>
      </c>
      <c r="B114701" s="14" t="s">
        <v>1</v>
      </c>
      <c r="C114701" s="14" t="s">
        <v>546</v>
      </c>
      <c r="D114701" s="14" t="s">
        <v>266</v>
      </c>
      <c r="E114701" s="15">
        <v>45467</v>
      </c>
      <c r="F114701" s="14" t="s">
        <v>61</v>
      </c>
      <c r="G114701" s="16">
        <v>0.20096343788764831</v>
      </c>
    </row>
    <row r="114702" spans="1:7" x14ac:dyDescent="0.3">
      <c r="A114702" s="13" t="s">
        <v>547</v>
      </c>
      <c r="B114702" s="14" t="s">
        <v>1</v>
      </c>
      <c r="C114702" s="14" t="s">
        <v>546</v>
      </c>
      <c r="D114702" s="14" t="s">
        <v>266</v>
      </c>
      <c r="E114702" s="15">
        <v>45468</v>
      </c>
      <c r="F114702" s="14" t="s">
        <v>61</v>
      </c>
      <c r="G114702" s="16">
        <v>0.20272583448520279</v>
      </c>
    </row>
    <row r="114703" spans="1:7" x14ac:dyDescent="0.3">
      <c r="A114703" s="13" t="s">
        <v>547</v>
      </c>
      <c r="B114703" s="14" t="s">
        <v>1</v>
      </c>
      <c r="C114703" s="14" t="s">
        <v>546</v>
      </c>
      <c r="D114703" s="14" t="s">
        <v>266</v>
      </c>
      <c r="E114703" s="15">
        <v>45469</v>
      </c>
      <c r="F114703" s="14" t="s">
        <v>61</v>
      </c>
      <c r="G114703" s="16">
        <v>0.20467160269360254</v>
      </c>
    </row>
    <row r="114704" spans="1:7" x14ac:dyDescent="0.3">
      <c r="A114704" s="13" t="s">
        <v>547</v>
      </c>
      <c r="B114704" s="14" t="s">
        <v>1</v>
      </c>
      <c r="C114704" s="14" t="s">
        <v>546</v>
      </c>
      <c r="D114704" s="14" t="s">
        <v>266</v>
      </c>
      <c r="E114704" s="15">
        <v>45470</v>
      </c>
      <c r="F114704" s="14" t="s">
        <v>61</v>
      </c>
      <c r="G114704" s="16">
        <v>0.20567911979443543</v>
      </c>
    </row>
    <row r="114705" spans="1:7" x14ac:dyDescent="0.3">
      <c r="A114705" s="13" t="s">
        <v>547</v>
      </c>
      <c r="B114705" s="14" t="s">
        <v>1</v>
      </c>
      <c r="C114705" s="14" t="s">
        <v>546</v>
      </c>
      <c r="D114705" s="14" t="s">
        <v>266</v>
      </c>
      <c r="E114705" s="15">
        <v>45471</v>
      </c>
      <c r="F114705" s="14" t="s">
        <v>61</v>
      </c>
      <c r="G114705" s="16">
        <v>0.20498601399964542</v>
      </c>
    </row>
    <row r="114706" spans="1:7" x14ac:dyDescent="0.3">
      <c r="A114706" s="13" t="s">
        <v>547</v>
      </c>
      <c r="B114706" s="14" t="s">
        <v>1</v>
      </c>
      <c r="C114706" s="14" t="s">
        <v>546</v>
      </c>
      <c r="D114706" s="14" t="s">
        <v>266</v>
      </c>
      <c r="E114706" s="15">
        <v>45472</v>
      </c>
      <c r="F114706" s="14" t="s">
        <v>61</v>
      </c>
      <c r="G114706" s="16">
        <v>0.20498601399964542</v>
      </c>
    </row>
    <row r="114707" spans="1:7" x14ac:dyDescent="0.3">
      <c r="A114707" s="13" t="s">
        <v>547</v>
      </c>
      <c r="B114707" s="14" t="s">
        <v>1</v>
      </c>
      <c r="C114707" s="14" t="s">
        <v>546</v>
      </c>
      <c r="D114707" s="14" t="s">
        <v>266</v>
      </c>
      <c r="E114707" s="15">
        <v>45473</v>
      </c>
      <c r="F114707" s="14" t="s">
        <v>61</v>
      </c>
      <c r="G114707" s="16">
        <v>0.20498601399964542</v>
      </c>
    </row>
    <row r="114708" spans="1:7" x14ac:dyDescent="0.3">
      <c r="A114708" s="13" t="s">
        <v>547</v>
      </c>
      <c r="B114708" s="14" t="s">
        <v>1</v>
      </c>
      <c r="C114708" s="14" t="s">
        <v>546</v>
      </c>
      <c r="D114708" s="14" t="s">
        <v>266</v>
      </c>
      <c r="E114708" s="15">
        <v>45474</v>
      </c>
      <c r="F114708" s="14" t="s">
        <v>61</v>
      </c>
      <c r="G114708" s="16">
        <v>0.20498601399964542</v>
      </c>
    </row>
    <row r="114709" spans="1:7" x14ac:dyDescent="0.3">
      <c r="A114709" s="13" t="s">
        <v>547</v>
      </c>
      <c r="B114709" s="14" t="s">
        <v>1</v>
      </c>
      <c r="C114709" s="14" t="s">
        <v>546</v>
      </c>
      <c r="D114709" s="14" t="s">
        <v>266</v>
      </c>
      <c r="E114709" s="15">
        <v>45475</v>
      </c>
      <c r="F114709" s="14" t="s">
        <v>61</v>
      </c>
      <c r="G114709" s="16">
        <v>0.20293326111997148</v>
      </c>
    </row>
    <row r="114710" spans="1:7" x14ac:dyDescent="0.3">
      <c r="A114710" s="13" t="s">
        <v>547</v>
      </c>
      <c r="B114710" s="14" t="s">
        <v>1</v>
      </c>
      <c r="C114710" s="14" t="s">
        <v>546</v>
      </c>
      <c r="D114710" s="14" t="s">
        <v>266</v>
      </c>
      <c r="E114710" s="15">
        <v>45476</v>
      </c>
      <c r="F114710" s="14" t="s">
        <v>61</v>
      </c>
      <c r="G114710" s="16">
        <v>0.19581581339712903</v>
      </c>
    </row>
    <row r="114711" spans="1:7" x14ac:dyDescent="0.3">
      <c r="A114711" s="13" t="s">
        <v>547</v>
      </c>
      <c r="B114711" s="14" t="s">
        <v>1</v>
      </c>
      <c r="C114711" s="14" t="s">
        <v>546</v>
      </c>
      <c r="D114711" s="14" t="s">
        <v>266</v>
      </c>
      <c r="E114711" s="15">
        <v>45477</v>
      </c>
      <c r="F114711" s="14" t="s">
        <v>61</v>
      </c>
      <c r="G114711" s="16">
        <v>0.3185537203615097</v>
      </c>
    </row>
    <row r="114712" spans="1:7" x14ac:dyDescent="0.3">
      <c r="A114712" s="13" t="s">
        <v>547</v>
      </c>
      <c r="B114712" s="14" t="s">
        <v>1</v>
      </c>
      <c r="C114712" s="14" t="s">
        <v>546</v>
      </c>
      <c r="D114712" s="14" t="s">
        <v>266</v>
      </c>
      <c r="E114712" s="15">
        <v>45478</v>
      </c>
      <c r="F114712" s="14" t="s">
        <v>61</v>
      </c>
      <c r="G114712" s="16">
        <v>0.49927962519936192</v>
      </c>
    </row>
    <row r="114713" spans="1:7" x14ac:dyDescent="0.3">
      <c r="A114713" s="13" t="s">
        <v>547</v>
      </c>
      <c r="B114713" s="14" t="s">
        <v>1</v>
      </c>
      <c r="C114713" s="14" t="s">
        <v>546</v>
      </c>
      <c r="D114713" s="14" t="s">
        <v>266</v>
      </c>
      <c r="E114713" s="15">
        <v>45479</v>
      </c>
      <c r="F114713" s="14" t="s">
        <v>61</v>
      </c>
      <c r="G114713" s="16">
        <v>0.49927962519936192</v>
      </c>
    </row>
    <row r="114714" spans="1:7" x14ac:dyDescent="0.3">
      <c r="A114714" s="13" t="s">
        <v>547</v>
      </c>
      <c r="B114714" s="14" t="s">
        <v>1</v>
      </c>
      <c r="C114714" s="14" t="s">
        <v>546</v>
      </c>
      <c r="D114714" s="14" t="s">
        <v>266</v>
      </c>
      <c r="E114714" s="15">
        <v>45480</v>
      </c>
      <c r="F114714" s="14" t="s">
        <v>61</v>
      </c>
      <c r="G114714" s="16">
        <v>0.49927962519936192</v>
      </c>
    </row>
    <row r="114715" spans="1:7" x14ac:dyDescent="0.3">
      <c r="A114715" s="13" t="s">
        <v>547</v>
      </c>
      <c r="B114715" s="14" t="s">
        <v>1</v>
      </c>
      <c r="C114715" s="14" t="s">
        <v>546</v>
      </c>
      <c r="D114715" s="14" t="s">
        <v>266</v>
      </c>
      <c r="E114715" s="15">
        <v>45481</v>
      </c>
      <c r="F114715" s="14" t="s">
        <v>61</v>
      </c>
      <c r="G114715" s="16">
        <v>0.52141743726741074</v>
      </c>
    </row>
    <row r="114716" spans="1:7" x14ac:dyDescent="0.3">
      <c r="A114716" s="13" t="s">
        <v>547</v>
      </c>
      <c r="B114716" s="14" t="s">
        <v>1</v>
      </c>
      <c r="C114716" s="14" t="s">
        <v>546</v>
      </c>
      <c r="D114716" s="14" t="s">
        <v>266</v>
      </c>
      <c r="E114716" s="15">
        <v>45482</v>
      </c>
      <c r="F114716" s="14" t="s">
        <v>61</v>
      </c>
      <c r="G114716" s="16">
        <v>0.55484274375332265</v>
      </c>
    </row>
    <row r="114717" spans="1:7" x14ac:dyDescent="0.3">
      <c r="A114717" s="13" t="s">
        <v>547</v>
      </c>
      <c r="B114717" s="14" t="s">
        <v>1</v>
      </c>
      <c r="C114717" s="14" t="s">
        <v>546</v>
      </c>
      <c r="D114717" s="14" t="s">
        <v>266</v>
      </c>
      <c r="E114717" s="15">
        <v>45483</v>
      </c>
      <c r="F114717" s="14" t="s">
        <v>61</v>
      </c>
      <c r="G114717" s="16">
        <v>0.55167952188552183</v>
      </c>
    </row>
    <row r="114718" spans="1:7" x14ac:dyDescent="0.3">
      <c r="A114718" s="13" t="s">
        <v>547</v>
      </c>
      <c r="B114718" s="14" t="s">
        <v>1</v>
      </c>
      <c r="C114718" s="14" t="s">
        <v>546</v>
      </c>
      <c r="D114718" s="14" t="s">
        <v>266</v>
      </c>
      <c r="E114718" s="15">
        <v>45484</v>
      </c>
      <c r="F114718" s="14" t="s">
        <v>61</v>
      </c>
      <c r="G114718" s="16">
        <v>0.55660489101541721</v>
      </c>
    </row>
    <row r="114719" spans="1:7" x14ac:dyDescent="0.3">
      <c r="A114719" s="13" t="s">
        <v>547</v>
      </c>
      <c r="B114719" s="14" t="s">
        <v>1</v>
      </c>
      <c r="C114719" s="14" t="s">
        <v>546</v>
      </c>
      <c r="D114719" s="14" t="s">
        <v>266</v>
      </c>
      <c r="E114719" s="15">
        <v>45485</v>
      </c>
      <c r="F114719" s="14" t="s">
        <v>61</v>
      </c>
      <c r="G114719" s="16">
        <v>0.55744310942760922</v>
      </c>
    </row>
    <row r="114720" spans="1:7" x14ac:dyDescent="0.3">
      <c r="A114720" s="13" t="s">
        <v>547</v>
      </c>
      <c r="B114720" s="14" t="s">
        <v>1</v>
      </c>
      <c r="C114720" s="14" t="s">
        <v>546</v>
      </c>
      <c r="D114720" s="14" t="s">
        <v>266</v>
      </c>
      <c r="E114720" s="15">
        <v>45486</v>
      </c>
      <c r="F114720" s="14" t="s">
        <v>61</v>
      </c>
      <c r="G114720" s="16">
        <v>0.55744310942760922</v>
      </c>
    </row>
    <row r="114721" spans="1:7" x14ac:dyDescent="0.3">
      <c r="A114721" s="13" t="s">
        <v>547</v>
      </c>
      <c r="B114721" s="14" t="s">
        <v>1</v>
      </c>
      <c r="C114721" s="14" t="s">
        <v>546</v>
      </c>
      <c r="D114721" s="14" t="s">
        <v>266</v>
      </c>
      <c r="E114721" s="15">
        <v>45487</v>
      </c>
      <c r="F114721" s="14" t="s">
        <v>61</v>
      </c>
      <c r="G114721" s="16">
        <v>0.55744310942760922</v>
      </c>
    </row>
    <row r="114722" spans="1:7" x14ac:dyDescent="0.3">
      <c r="A114722" s="13" t="s">
        <v>547</v>
      </c>
      <c r="B114722" s="14" t="s">
        <v>1</v>
      </c>
      <c r="C114722" s="14" t="s">
        <v>546</v>
      </c>
      <c r="D114722" s="14" t="s">
        <v>266</v>
      </c>
      <c r="E114722" s="15">
        <v>45488</v>
      </c>
      <c r="F114722" s="14" t="s">
        <v>61</v>
      </c>
      <c r="G114722" s="16">
        <v>0.57332232447279796</v>
      </c>
    </row>
    <row r="114723" spans="1:7" x14ac:dyDescent="0.3">
      <c r="A114723" s="13" t="s">
        <v>547</v>
      </c>
      <c r="B114723" s="14" t="s">
        <v>1</v>
      </c>
      <c r="C114723" s="14" t="s">
        <v>546</v>
      </c>
      <c r="D114723" s="14" t="s">
        <v>266</v>
      </c>
      <c r="E114723" s="15">
        <v>45489</v>
      </c>
      <c r="F114723" s="14" t="s">
        <v>61</v>
      </c>
      <c r="G114723" s="16">
        <v>0.56555129346092481</v>
      </c>
    </row>
    <row r="114724" spans="1:7" x14ac:dyDescent="0.3">
      <c r="A114724" s="13" t="s">
        <v>547</v>
      </c>
      <c r="B114724" s="14" t="s">
        <v>1</v>
      </c>
      <c r="C114724" s="14" t="s">
        <v>546</v>
      </c>
      <c r="D114724" s="14" t="s">
        <v>266</v>
      </c>
      <c r="E114724" s="15">
        <v>45490</v>
      </c>
      <c r="F114724" s="14" t="s">
        <v>61</v>
      </c>
      <c r="G114724" s="16">
        <v>0.56107176856282104</v>
      </c>
    </row>
    <row r="114725" spans="1:7" x14ac:dyDescent="0.3">
      <c r="A114725" s="13" t="s">
        <v>547</v>
      </c>
      <c r="B114725" s="14" t="s">
        <v>1</v>
      </c>
      <c r="C114725" s="14" t="s">
        <v>546</v>
      </c>
      <c r="D114725" s="14" t="s">
        <v>266</v>
      </c>
      <c r="E114725" s="15">
        <v>45491</v>
      </c>
      <c r="F114725" s="14" t="s">
        <v>61</v>
      </c>
      <c r="G114725" s="16">
        <v>0.56412415169236207</v>
      </c>
    </row>
    <row r="114726" spans="1:7" x14ac:dyDescent="0.3">
      <c r="A114726" s="13" t="s">
        <v>547</v>
      </c>
      <c r="B114726" s="14" t="s">
        <v>1</v>
      </c>
      <c r="C114726" s="14" t="s">
        <v>546</v>
      </c>
      <c r="D114726" s="14" t="s">
        <v>266</v>
      </c>
      <c r="E114726" s="15">
        <v>45492</v>
      </c>
      <c r="F114726" s="14" t="s">
        <v>61</v>
      </c>
      <c r="G114726" s="16">
        <v>0.56243190855927683</v>
      </c>
    </row>
    <row r="114727" spans="1:7" x14ac:dyDescent="0.3">
      <c r="A114727" s="13" t="s">
        <v>547</v>
      </c>
      <c r="B114727" s="14" t="s">
        <v>1</v>
      </c>
      <c r="C114727" s="14" t="s">
        <v>546</v>
      </c>
      <c r="D114727" s="14" t="s">
        <v>266</v>
      </c>
      <c r="E114727" s="15">
        <v>45493</v>
      </c>
      <c r="F114727" s="14" t="s">
        <v>61</v>
      </c>
      <c r="G114727" s="16">
        <v>0.56243190855927683</v>
      </c>
    </row>
    <row r="114728" spans="1:7" x14ac:dyDescent="0.3">
      <c r="A114728" s="13" t="s">
        <v>547</v>
      </c>
      <c r="B114728" s="14" t="s">
        <v>1</v>
      </c>
      <c r="C114728" s="14" t="s">
        <v>546</v>
      </c>
      <c r="D114728" s="14" t="s">
        <v>266</v>
      </c>
      <c r="E114728" s="15">
        <v>45494</v>
      </c>
      <c r="F114728" s="14" t="s">
        <v>61</v>
      </c>
      <c r="G114728" s="16">
        <v>0.56243190855927683</v>
      </c>
    </row>
    <row r="114729" spans="1:7" x14ac:dyDescent="0.3">
      <c r="A114729" s="13" t="s">
        <v>547</v>
      </c>
      <c r="B114729" s="14" t="s">
        <v>1</v>
      </c>
      <c r="C114729" s="14" t="s">
        <v>546</v>
      </c>
      <c r="D114729" s="14" t="s">
        <v>266</v>
      </c>
      <c r="E114729" s="15">
        <v>45495</v>
      </c>
      <c r="F114729" s="14" t="s">
        <v>61</v>
      </c>
      <c r="G114729" s="16">
        <v>0.58966738587630674</v>
      </c>
    </row>
    <row r="114730" spans="1:7" x14ac:dyDescent="0.3">
      <c r="A114730" s="13" t="s">
        <v>547</v>
      </c>
      <c r="B114730" s="14" t="s">
        <v>1</v>
      </c>
      <c r="C114730" s="14" t="s">
        <v>546</v>
      </c>
      <c r="D114730" s="14" t="s">
        <v>266</v>
      </c>
      <c r="E114730" s="15">
        <v>45496</v>
      </c>
      <c r="F114730" s="14" t="s">
        <v>61</v>
      </c>
      <c r="G114730" s="16">
        <v>0.58460449016480576</v>
      </c>
    </row>
    <row r="114731" spans="1:7" x14ac:dyDescent="0.3">
      <c r="A114731" s="13" t="s">
        <v>547</v>
      </c>
      <c r="B114731" s="14" t="s">
        <v>1</v>
      </c>
      <c r="C114731" s="14" t="s">
        <v>546</v>
      </c>
      <c r="D114731" s="14" t="s">
        <v>266</v>
      </c>
      <c r="E114731" s="15">
        <v>45497</v>
      </c>
      <c r="F114731" s="14" t="s">
        <v>61</v>
      </c>
      <c r="G114731" s="16">
        <v>0.58288935052277135</v>
      </c>
    </row>
    <row r="114732" spans="1:7" x14ac:dyDescent="0.3">
      <c r="A114732" s="13" t="s">
        <v>547</v>
      </c>
      <c r="B114732" s="14" t="s">
        <v>1</v>
      </c>
      <c r="C114732" s="14" t="s">
        <v>546</v>
      </c>
      <c r="D114732" s="14" t="s">
        <v>266</v>
      </c>
      <c r="E114732" s="15">
        <v>45498</v>
      </c>
      <c r="F114732" s="14" t="s">
        <v>61</v>
      </c>
      <c r="G114732" s="16">
        <v>0.5802039200779725</v>
      </c>
    </row>
    <row r="114733" spans="1:7" x14ac:dyDescent="0.3">
      <c r="A114733" s="13" t="s">
        <v>547</v>
      </c>
      <c r="B114733" s="14" t="s">
        <v>1</v>
      </c>
      <c r="C114733" s="14" t="s">
        <v>546</v>
      </c>
      <c r="D114733" s="14" t="s">
        <v>266</v>
      </c>
      <c r="E114733" s="15">
        <v>45499</v>
      </c>
      <c r="F114733" s="14" t="s">
        <v>61</v>
      </c>
      <c r="G114733" s="16">
        <v>0.57723047740563505</v>
      </c>
    </row>
    <row r="114734" spans="1:7" x14ac:dyDescent="0.3">
      <c r="A114734" s="13" t="s">
        <v>547</v>
      </c>
      <c r="B114734" s="14" t="s">
        <v>1</v>
      </c>
      <c r="C114734" s="14" t="s">
        <v>546</v>
      </c>
      <c r="D114734" s="14" t="s">
        <v>266</v>
      </c>
      <c r="E114734" s="15">
        <v>45500</v>
      </c>
      <c r="F114734" s="14" t="s">
        <v>61</v>
      </c>
      <c r="G114734" s="16">
        <v>0.57723047740563505</v>
      </c>
    </row>
    <row r="114735" spans="1:7" x14ac:dyDescent="0.3">
      <c r="A114735" s="13" t="s">
        <v>547</v>
      </c>
      <c r="B114735" s="14" t="s">
        <v>1</v>
      </c>
      <c r="C114735" s="14" t="s">
        <v>546</v>
      </c>
      <c r="D114735" s="14" t="s">
        <v>266</v>
      </c>
      <c r="E114735" s="15">
        <v>45501</v>
      </c>
      <c r="F114735" s="14" t="s">
        <v>61</v>
      </c>
      <c r="G114735" s="16">
        <v>0.57723047740563505</v>
      </c>
    </row>
    <row r="114736" spans="1:7" x14ac:dyDescent="0.3">
      <c r="A114736" s="13" t="s">
        <v>547</v>
      </c>
      <c r="B114736" s="14" t="s">
        <v>1</v>
      </c>
      <c r="C114736" s="14" t="s">
        <v>546</v>
      </c>
      <c r="D114736" s="14" t="s">
        <v>266</v>
      </c>
      <c r="E114736" s="15">
        <v>45502</v>
      </c>
      <c r="F114736" s="14" t="s">
        <v>61</v>
      </c>
      <c r="G114736" s="16">
        <v>0.57691871345029222</v>
      </c>
    </row>
    <row r="114737" spans="1:7" x14ac:dyDescent="0.3">
      <c r="A114737" s="13" t="s">
        <v>547</v>
      </c>
      <c r="B114737" s="14" t="s">
        <v>1</v>
      </c>
      <c r="C114737" s="14" t="s">
        <v>546</v>
      </c>
      <c r="D114737" s="14" t="s">
        <v>266</v>
      </c>
      <c r="E114737" s="15">
        <v>45503</v>
      </c>
      <c r="F114737" s="14" t="s">
        <v>61</v>
      </c>
      <c r="G114737" s="16">
        <v>0.57033630675172753</v>
      </c>
    </row>
    <row r="114738" spans="1:7" x14ac:dyDescent="0.3">
      <c r="A114738" s="13" t="s">
        <v>547</v>
      </c>
      <c r="B114738" s="14" t="s">
        <v>1</v>
      </c>
      <c r="C114738" s="14" t="s">
        <v>546</v>
      </c>
      <c r="D114738" s="14" t="s">
        <v>266</v>
      </c>
      <c r="E114738" s="15">
        <v>45504</v>
      </c>
      <c r="F114738" s="14" t="s">
        <v>61</v>
      </c>
      <c r="G114738" s="16">
        <v>0.56766791307814968</v>
      </c>
    </row>
    <row r="114739" spans="1:7" x14ac:dyDescent="0.3">
      <c r="A114739" s="13" t="s">
        <v>547</v>
      </c>
      <c r="B114739" s="14" t="s">
        <v>1</v>
      </c>
      <c r="C114739" s="14" t="s">
        <v>546</v>
      </c>
      <c r="D114739" s="14" t="s">
        <v>266</v>
      </c>
      <c r="E114739" s="15">
        <v>45505</v>
      </c>
      <c r="F114739" s="14" t="s">
        <v>61</v>
      </c>
      <c r="G114739" s="16">
        <v>0.56714635920609568</v>
      </c>
    </row>
    <row r="114740" spans="1:7" x14ac:dyDescent="0.3">
      <c r="A114740" s="13" t="s">
        <v>547</v>
      </c>
      <c r="B114740" s="14" t="s">
        <v>1</v>
      </c>
      <c r="C114740" s="14" t="s">
        <v>546</v>
      </c>
      <c r="D114740" s="14" t="s">
        <v>266</v>
      </c>
      <c r="E114740" s="15">
        <v>45506</v>
      </c>
      <c r="F114740" s="14" t="s">
        <v>61</v>
      </c>
      <c r="G114740" s="16">
        <v>0.56661143540669823</v>
      </c>
    </row>
    <row r="114741" spans="1:7" x14ac:dyDescent="0.3">
      <c r="A114741" s="13" t="s">
        <v>547</v>
      </c>
      <c r="B114741" s="14" t="s">
        <v>1</v>
      </c>
      <c r="C114741" s="14" t="s">
        <v>546</v>
      </c>
      <c r="D114741" s="14" t="s">
        <v>266</v>
      </c>
      <c r="E114741" s="15">
        <v>45507</v>
      </c>
      <c r="F114741" s="14" t="s">
        <v>61</v>
      </c>
      <c r="G114741" s="16">
        <v>0.56661143540669823</v>
      </c>
    </row>
    <row r="114742" spans="1:7" x14ac:dyDescent="0.3">
      <c r="A114742" s="13" t="s">
        <v>547</v>
      </c>
      <c r="B114742" s="14" t="s">
        <v>1</v>
      </c>
      <c r="C114742" s="14" t="s">
        <v>546</v>
      </c>
      <c r="D114742" s="14" t="s">
        <v>266</v>
      </c>
      <c r="E114742" s="15">
        <v>45508</v>
      </c>
      <c r="F114742" s="14" t="s">
        <v>61</v>
      </c>
      <c r="G114742" s="16">
        <v>0.56661143540669823</v>
      </c>
    </row>
    <row r="114743" spans="1:7" x14ac:dyDescent="0.3">
      <c r="A114743" s="13" t="s">
        <v>547</v>
      </c>
      <c r="B114743" s="14" t="s">
        <v>1</v>
      </c>
      <c r="C114743" s="14" t="s">
        <v>546</v>
      </c>
      <c r="D114743" s="14" t="s">
        <v>266</v>
      </c>
      <c r="E114743" s="15">
        <v>45509</v>
      </c>
      <c r="F114743" s="14" t="s">
        <v>61</v>
      </c>
      <c r="G114743" s="16">
        <v>0.56661143540669823</v>
      </c>
    </row>
    <row r="114744" spans="1:7" x14ac:dyDescent="0.3">
      <c r="A114744" s="13" t="s">
        <v>547</v>
      </c>
      <c r="B114744" s="14" t="s">
        <v>1</v>
      </c>
      <c r="C114744" s="14" t="s">
        <v>546</v>
      </c>
      <c r="D114744" s="14" t="s">
        <v>266</v>
      </c>
      <c r="E114744" s="15">
        <v>45510</v>
      </c>
      <c r="F114744" s="14" t="s">
        <v>61</v>
      </c>
      <c r="G114744" s="16">
        <v>0.56326263157894707</v>
      </c>
    </row>
    <row r="114745" spans="1:7" x14ac:dyDescent="0.3">
      <c r="A114745" s="13" t="s">
        <v>547</v>
      </c>
      <c r="B114745" s="14" t="s">
        <v>1</v>
      </c>
      <c r="C114745" s="14" t="s">
        <v>546</v>
      </c>
      <c r="D114745" s="14" t="s">
        <v>266</v>
      </c>
      <c r="E114745" s="15">
        <v>45511</v>
      </c>
      <c r="F114745" s="14" t="s">
        <v>61</v>
      </c>
      <c r="G114745" s="16">
        <v>0.55466434653553043</v>
      </c>
    </row>
    <row r="114746" spans="1:7" x14ac:dyDescent="0.3">
      <c r="A114746" s="13" t="s">
        <v>547</v>
      </c>
      <c r="B114746" s="14" t="s">
        <v>1</v>
      </c>
      <c r="C114746" s="14" t="s">
        <v>546</v>
      </c>
      <c r="D114746" s="14" t="s">
        <v>266</v>
      </c>
      <c r="E114746" s="15">
        <v>45512</v>
      </c>
      <c r="F114746" s="14" t="s">
        <v>61</v>
      </c>
      <c r="G114746" s="16">
        <v>0.55257486195286176</v>
      </c>
    </row>
    <row r="114747" spans="1:7" x14ac:dyDescent="0.3">
      <c r="A114747" s="13" t="s">
        <v>547</v>
      </c>
      <c r="B114747" s="14" t="s">
        <v>1</v>
      </c>
      <c r="C114747" s="14" t="s">
        <v>546</v>
      </c>
      <c r="D114747" s="14" t="s">
        <v>266</v>
      </c>
      <c r="E114747" s="15">
        <v>45513</v>
      </c>
      <c r="F114747" s="14" t="s">
        <v>61</v>
      </c>
      <c r="G114747" s="16">
        <v>0.55039945064681883</v>
      </c>
    </row>
    <row r="114748" spans="1:7" x14ac:dyDescent="0.3">
      <c r="A114748" s="13" t="s">
        <v>547</v>
      </c>
      <c r="B114748" s="14" t="s">
        <v>1</v>
      </c>
      <c r="C114748" s="14" t="s">
        <v>546</v>
      </c>
      <c r="D114748" s="14" t="s">
        <v>266</v>
      </c>
      <c r="E114748" s="15">
        <v>45514</v>
      </c>
      <c r="F114748" s="14" t="s">
        <v>61</v>
      </c>
      <c r="G114748" s="16">
        <v>0.55039945064681883</v>
      </c>
    </row>
    <row r="114749" spans="1:7" x14ac:dyDescent="0.3">
      <c r="A114749" s="13" t="s">
        <v>547</v>
      </c>
      <c r="B114749" s="14" t="s">
        <v>1</v>
      </c>
      <c r="C114749" s="14" t="s">
        <v>546</v>
      </c>
      <c r="D114749" s="14" t="s">
        <v>266</v>
      </c>
      <c r="E114749" s="15">
        <v>45515</v>
      </c>
      <c r="F114749" s="14" t="s">
        <v>61</v>
      </c>
      <c r="G114749" s="16">
        <v>0.55039945064681883</v>
      </c>
    </row>
    <row r="114750" spans="1:7" x14ac:dyDescent="0.3">
      <c r="A114750" s="13" t="s">
        <v>547</v>
      </c>
      <c r="B114750" s="14" t="s">
        <v>1</v>
      </c>
      <c r="C114750" s="14" t="s">
        <v>546</v>
      </c>
      <c r="D114750" s="14" t="s">
        <v>266</v>
      </c>
      <c r="E114750" s="15">
        <v>45516</v>
      </c>
      <c r="F114750" s="14" t="s">
        <v>61</v>
      </c>
      <c r="G114750" s="16">
        <v>0.5473190037214245</v>
      </c>
    </row>
    <row r="114751" spans="1:7" x14ac:dyDescent="0.3">
      <c r="A114751" s="13" t="s">
        <v>547</v>
      </c>
      <c r="B114751" s="14" t="s">
        <v>1</v>
      </c>
      <c r="C114751" s="14" t="s">
        <v>546</v>
      </c>
      <c r="D114751" s="14" t="s">
        <v>266</v>
      </c>
      <c r="E114751" s="15">
        <v>45517</v>
      </c>
      <c r="F114751" s="14" t="s">
        <v>61</v>
      </c>
      <c r="G114751" s="16">
        <v>0.53735712068048891</v>
      </c>
    </row>
    <row r="114752" spans="1:7" x14ac:dyDescent="0.3">
      <c r="A114752" s="13" t="s">
        <v>547</v>
      </c>
      <c r="B114752" s="14" t="s">
        <v>1</v>
      </c>
      <c r="C114752" s="14" t="s">
        <v>546</v>
      </c>
      <c r="D114752" s="14" t="s">
        <v>266</v>
      </c>
      <c r="E114752" s="15">
        <v>45518</v>
      </c>
      <c r="F114752" s="14" t="s">
        <v>61</v>
      </c>
      <c r="G114752" s="16">
        <v>0.53455664008506087</v>
      </c>
    </row>
    <row r="114753" spans="1:7" x14ac:dyDescent="0.3">
      <c r="A114753" s="13" t="s">
        <v>547</v>
      </c>
      <c r="B114753" s="14" t="s">
        <v>1</v>
      </c>
      <c r="C114753" s="14" t="s">
        <v>546</v>
      </c>
      <c r="D114753" s="14" t="s">
        <v>266</v>
      </c>
      <c r="E114753" s="15">
        <v>45519</v>
      </c>
      <c r="F114753" s="14" t="s">
        <v>61</v>
      </c>
      <c r="G114753" s="16">
        <v>0.53417231065036308</v>
      </c>
    </row>
    <row r="114754" spans="1:7" x14ac:dyDescent="0.3">
      <c r="A114754" s="13" t="s">
        <v>547</v>
      </c>
      <c r="B114754" s="14" t="s">
        <v>1</v>
      </c>
      <c r="C114754" s="14" t="s">
        <v>546</v>
      </c>
      <c r="D114754" s="14" t="s">
        <v>266</v>
      </c>
      <c r="E114754" s="15">
        <v>45520</v>
      </c>
      <c r="F114754" s="14" t="s">
        <v>61</v>
      </c>
      <c r="G114754" s="16">
        <v>0.54315796819067852</v>
      </c>
    </row>
    <row r="114755" spans="1:7" x14ac:dyDescent="0.3">
      <c r="A114755" s="13" t="s">
        <v>547</v>
      </c>
      <c r="B114755" s="14" t="s">
        <v>1</v>
      </c>
      <c r="C114755" s="14" t="s">
        <v>546</v>
      </c>
      <c r="D114755" s="14" t="s">
        <v>266</v>
      </c>
      <c r="E114755" s="15">
        <v>45521</v>
      </c>
      <c r="F114755" s="14" t="s">
        <v>61</v>
      </c>
      <c r="G114755" s="16">
        <v>0.54315796819067852</v>
      </c>
    </row>
    <row r="114756" spans="1:7" x14ac:dyDescent="0.3">
      <c r="A114756" s="13" t="s">
        <v>547</v>
      </c>
      <c r="B114756" s="14" t="s">
        <v>1</v>
      </c>
      <c r="C114756" s="14" t="s">
        <v>546</v>
      </c>
      <c r="D114756" s="14" t="s">
        <v>266</v>
      </c>
      <c r="E114756" s="15">
        <v>45522</v>
      </c>
      <c r="F114756" s="14" t="s">
        <v>61</v>
      </c>
      <c r="G114756" s="16">
        <v>0.54315796819067852</v>
      </c>
    </row>
    <row r="114757" spans="1:7" x14ac:dyDescent="0.3">
      <c r="A114757" s="13" t="s">
        <v>547</v>
      </c>
      <c r="B114757" s="14" t="s">
        <v>1</v>
      </c>
      <c r="C114757" s="14" t="s">
        <v>546</v>
      </c>
      <c r="D114757" s="14" t="s">
        <v>266</v>
      </c>
      <c r="E114757" s="15">
        <v>45523</v>
      </c>
      <c r="F114757" s="14" t="s">
        <v>61</v>
      </c>
      <c r="G114757" s="16">
        <v>0.54776559454191009</v>
      </c>
    </row>
    <row r="114758" spans="1:7" x14ac:dyDescent="0.3">
      <c r="A114758" s="13" t="s">
        <v>547</v>
      </c>
      <c r="B114758" s="14" t="s">
        <v>1</v>
      </c>
      <c r="C114758" s="14" t="s">
        <v>546</v>
      </c>
      <c r="D114758" s="14" t="s">
        <v>266</v>
      </c>
      <c r="E114758" s="15">
        <v>45524</v>
      </c>
      <c r="F114758" s="14" t="s">
        <v>61</v>
      </c>
      <c r="G114758" s="16">
        <v>0.53865233315612238</v>
      </c>
    </row>
    <row r="114759" spans="1:7" x14ac:dyDescent="0.3">
      <c r="A114759" s="13" t="s">
        <v>547</v>
      </c>
      <c r="B114759" s="14" t="s">
        <v>1</v>
      </c>
      <c r="C114759" s="14" t="s">
        <v>546</v>
      </c>
      <c r="D114759" s="14" t="s">
        <v>266</v>
      </c>
      <c r="E114759" s="15">
        <v>45525</v>
      </c>
      <c r="F114759" s="14" t="s">
        <v>61</v>
      </c>
      <c r="G114759" s="16">
        <v>0.53535288888888866</v>
      </c>
    </row>
    <row r="114760" spans="1:7" x14ac:dyDescent="0.3">
      <c r="A114760" s="13" t="s">
        <v>547</v>
      </c>
      <c r="B114760" s="14" t="s">
        <v>1</v>
      </c>
      <c r="C114760" s="14" t="s">
        <v>546</v>
      </c>
      <c r="D114760" s="14" t="s">
        <v>266</v>
      </c>
      <c r="E114760" s="15">
        <v>45526</v>
      </c>
      <c r="F114760" s="14" t="s">
        <v>61</v>
      </c>
      <c r="G114760" s="16">
        <v>0.53480537037037013</v>
      </c>
    </row>
    <row r="114761" spans="1:7" x14ac:dyDescent="0.3">
      <c r="A114761" s="13" t="s">
        <v>547</v>
      </c>
      <c r="B114761" s="14" t="s">
        <v>1</v>
      </c>
      <c r="C114761" s="14" t="s">
        <v>546</v>
      </c>
      <c r="D114761" s="14" t="s">
        <v>266</v>
      </c>
      <c r="E114761" s="15">
        <v>45527</v>
      </c>
      <c r="F114761" s="14" t="s">
        <v>61</v>
      </c>
      <c r="G114761" s="16">
        <v>0.52868049282296625</v>
      </c>
    </row>
    <row r="114762" spans="1:7" x14ac:dyDescent="0.3">
      <c r="A114762" s="13" t="s">
        <v>547</v>
      </c>
      <c r="B114762" s="14" t="s">
        <v>1</v>
      </c>
      <c r="C114762" s="14" t="s">
        <v>546</v>
      </c>
      <c r="D114762" s="14" t="s">
        <v>266</v>
      </c>
      <c r="E114762" s="15">
        <v>45528</v>
      </c>
      <c r="F114762" s="14" t="s">
        <v>61</v>
      </c>
      <c r="G114762" s="16">
        <v>0.52868049282296625</v>
      </c>
    </row>
    <row r="114763" spans="1:7" x14ac:dyDescent="0.3">
      <c r="A114763" s="13" t="s">
        <v>547</v>
      </c>
      <c r="B114763" s="14" t="s">
        <v>1</v>
      </c>
      <c r="C114763" s="14" t="s">
        <v>546</v>
      </c>
      <c r="D114763" s="14" t="s">
        <v>266</v>
      </c>
      <c r="E114763" s="15">
        <v>45529</v>
      </c>
      <c r="F114763" s="14" t="s">
        <v>61</v>
      </c>
      <c r="G114763" s="16">
        <v>0.52868049282296625</v>
      </c>
    </row>
    <row r="114764" spans="1:7" x14ac:dyDescent="0.3">
      <c r="A114764" s="13" t="s">
        <v>547</v>
      </c>
      <c r="B114764" s="14" t="s">
        <v>1</v>
      </c>
      <c r="C114764" s="14" t="s">
        <v>546</v>
      </c>
      <c r="D114764" s="14" t="s">
        <v>266</v>
      </c>
      <c r="E114764" s="15">
        <v>45530</v>
      </c>
      <c r="F114764" s="14" t="s">
        <v>61</v>
      </c>
      <c r="G114764" s="16">
        <v>0.52780861766790699</v>
      </c>
    </row>
    <row r="114765" spans="1:7" x14ac:dyDescent="0.3">
      <c r="A114765" s="13" t="s">
        <v>547</v>
      </c>
      <c r="B114765" s="14" t="s">
        <v>1</v>
      </c>
      <c r="C114765" s="14" t="s">
        <v>546</v>
      </c>
      <c r="D114765" s="14" t="s">
        <v>266</v>
      </c>
      <c r="E114765" s="15">
        <v>45531</v>
      </c>
      <c r="F114765" s="14" t="s">
        <v>61</v>
      </c>
      <c r="G114765" s="16">
        <v>0.51974335628211921</v>
      </c>
    </row>
    <row r="114766" spans="1:7" x14ac:dyDescent="0.3">
      <c r="A114766" s="13" t="s">
        <v>547</v>
      </c>
      <c r="B114766" s="14" t="s">
        <v>1</v>
      </c>
      <c r="C114766" s="14" t="s">
        <v>546</v>
      </c>
      <c r="D114766" s="14" t="s">
        <v>266</v>
      </c>
      <c r="E114766" s="15">
        <v>45532</v>
      </c>
      <c r="F114766" s="14" t="s">
        <v>61</v>
      </c>
      <c r="G114766" s="16">
        <v>0.52095995746943091</v>
      </c>
    </row>
    <row r="114767" spans="1:7" x14ac:dyDescent="0.3">
      <c r="A114767" s="13" t="s">
        <v>547</v>
      </c>
      <c r="B114767" s="14" t="s">
        <v>1</v>
      </c>
      <c r="C114767" s="14" t="s">
        <v>546</v>
      </c>
      <c r="D114767" s="14" t="s">
        <v>266</v>
      </c>
      <c r="E114767" s="15">
        <v>45533</v>
      </c>
      <c r="F114767" s="14" t="s">
        <v>61</v>
      </c>
      <c r="G114767" s="16">
        <v>0.52065298086124379</v>
      </c>
    </row>
    <row r="114768" spans="1:7" x14ac:dyDescent="0.3">
      <c r="A114768" s="13" t="s">
        <v>547</v>
      </c>
      <c r="B114768" s="14" t="s">
        <v>1</v>
      </c>
      <c r="C114768" s="14" t="s">
        <v>546</v>
      </c>
      <c r="D114768" s="14" t="s">
        <v>266</v>
      </c>
      <c r="E114768" s="15">
        <v>45534</v>
      </c>
      <c r="F114768" s="14" t="s">
        <v>61</v>
      </c>
      <c r="G114768" s="16">
        <v>0.51971955130249858</v>
      </c>
    </row>
    <row r="114769" spans="1:7" x14ac:dyDescent="0.3">
      <c r="A114769" s="13" t="s">
        <v>547</v>
      </c>
      <c r="B114769" s="14" t="s">
        <v>1</v>
      </c>
      <c r="C114769" s="14" t="s">
        <v>546</v>
      </c>
      <c r="D114769" s="14" t="s">
        <v>266</v>
      </c>
      <c r="E114769" s="15">
        <v>45535</v>
      </c>
      <c r="F114769" s="14" t="s">
        <v>61</v>
      </c>
      <c r="G114769" s="16">
        <v>0.51971955130249858</v>
      </c>
    </row>
    <row r="114770" spans="1:7" x14ac:dyDescent="0.3">
      <c r="A114770" s="13" t="s">
        <v>547</v>
      </c>
      <c r="B114770" s="14" t="s">
        <v>1</v>
      </c>
      <c r="C114770" s="14" t="s">
        <v>546</v>
      </c>
      <c r="D114770" s="14" t="s">
        <v>266</v>
      </c>
      <c r="E114770" s="15">
        <v>45536</v>
      </c>
      <c r="F114770" s="14" t="s">
        <v>61</v>
      </c>
      <c r="G114770" s="16">
        <v>0.51971955130249858</v>
      </c>
    </row>
    <row r="114771" spans="1:7" x14ac:dyDescent="0.3">
      <c r="A114771" s="13" t="s">
        <v>547</v>
      </c>
      <c r="B114771" s="14" t="s">
        <v>1</v>
      </c>
      <c r="C114771" s="14" t="s">
        <v>546</v>
      </c>
      <c r="D114771" s="14" t="s">
        <v>266</v>
      </c>
      <c r="E114771" s="15">
        <v>45537</v>
      </c>
      <c r="F114771" s="14" t="s">
        <v>61</v>
      </c>
      <c r="G114771" s="16">
        <v>0.51625536257309934</v>
      </c>
    </row>
    <row r="114772" spans="1:7" x14ac:dyDescent="0.3">
      <c r="A114772" s="13" t="s">
        <v>547</v>
      </c>
      <c r="B114772" s="14" t="s">
        <v>1</v>
      </c>
      <c r="C114772" s="14" t="s">
        <v>546</v>
      </c>
      <c r="D114772" s="14" t="s">
        <v>266</v>
      </c>
      <c r="E114772" s="15">
        <v>45538</v>
      </c>
      <c r="F114772" s="14" t="s">
        <v>61</v>
      </c>
      <c r="G114772" s="16">
        <v>0.51297706273258892</v>
      </c>
    </row>
    <row r="114773" spans="1:7" x14ac:dyDescent="0.3">
      <c r="A114773" s="13" t="s">
        <v>547</v>
      </c>
      <c r="B114773" s="14" t="s">
        <v>1</v>
      </c>
      <c r="C114773" s="14" t="s">
        <v>546</v>
      </c>
      <c r="D114773" s="14" t="s">
        <v>266</v>
      </c>
      <c r="E114773" s="15">
        <v>45539</v>
      </c>
      <c r="F114773" s="14" t="s">
        <v>61</v>
      </c>
      <c r="G114773" s="16">
        <v>0.50886250230373908</v>
      </c>
    </row>
    <row r="114774" spans="1:7" x14ac:dyDescent="0.3">
      <c r="A114774" s="13" t="s">
        <v>547</v>
      </c>
      <c r="B114774" s="14" t="s">
        <v>1</v>
      </c>
      <c r="C114774" s="14" t="s">
        <v>546</v>
      </c>
      <c r="D114774" s="14" t="s">
        <v>266</v>
      </c>
      <c r="E114774" s="15">
        <v>45540</v>
      </c>
      <c r="F114774" s="14" t="s">
        <v>61</v>
      </c>
      <c r="G114774" s="16">
        <v>0.52458373205741615</v>
      </c>
    </row>
    <row r="114775" spans="1:7" x14ac:dyDescent="0.3">
      <c r="A114775" s="13" t="s">
        <v>547</v>
      </c>
      <c r="B114775" s="14" t="s">
        <v>1</v>
      </c>
      <c r="C114775" s="14" t="s">
        <v>546</v>
      </c>
      <c r="D114775" s="14" t="s">
        <v>266</v>
      </c>
      <c r="E114775" s="15">
        <v>45541</v>
      </c>
      <c r="F114775" s="14" t="s">
        <v>61</v>
      </c>
      <c r="G114775" s="16">
        <v>0.53205532163742675</v>
      </c>
    </row>
    <row r="114776" spans="1:7" x14ac:dyDescent="0.3">
      <c r="A114776" s="13" t="s">
        <v>547</v>
      </c>
      <c r="B114776" s="14" t="s">
        <v>1</v>
      </c>
      <c r="C114776" s="14" t="s">
        <v>546</v>
      </c>
      <c r="D114776" s="14" t="s">
        <v>266</v>
      </c>
      <c r="E114776" s="15">
        <v>45542</v>
      </c>
      <c r="F114776" s="14" t="s">
        <v>61</v>
      </c>
      <c r="G114776" s="16">
        <v>0.53205532163742675</v>
      </c>
    </row>
    <row r="114777" spans="1:7" x14ac:dyDescent="0.3">
      <c r="A114777" s="13" t="s">
        <v>547</v>
      </c>
      <c r="B114777" s="14" t="s">
        <v>1</v>
      </c>
      <c r="C114777" s="14" t="s">
        <v>546</v>
      </c>
      <c r="D114777" s="14" t="s">
        <v>266</v>
      </c>
      <c r="E114777" s="15">
        <v>45543</v>
      </c>
      <c r="F114777" s="14" t="s">
        <v>61</v>
      </c>
      <c r="G114777" s="16">
        <v>0.53205532163742675</v>
      </c>
    </row>
    <row r="114778" spans="1:7" x14ac:dyDescent="0.3">
      <c r="A114778" s="13" t="s">
        <v>547</v>
      </c>
      <c r="B114778" s="14" t="s">
        <v>1</v>
      </c>
      <c r="C114778" s="14" t="s">
        <v>546</v>
      </c>
      <c r="D114778" s="14" t="s">
        <v>266</v>
      </c>
      <c r="E114778" s="15">
        <v>45544</v>
      </c>
      <c r="F114778" s="14" t="s">
        <v>61</v>
      </c>
      <c r="G114778" s="16">
        <v>0.53223713078149903</v>
      </c>
    </row>
    <row r="114779" spans="1:7" x14ac:dyDescent="0.3">
      <c r="A114779" s="13" t="s">
        <v>547</v>
      </c>
      <c r="B114779" s="14" t="s">
        <v>1</v>
      </c>
      <c r="C114779" s="14" t="s">
        <v>546</v>
      </c>
      <c r="D114779" s="14" t="s">
        <v>266</v>
      </c>
      <c r="E114779" s="15">
        <v>45545</v>
      </c>
      <c r="F114779" s="14" t="s">
        <v>61</v>
      </c>
      <c r="G114779" s="16">
        <v>0.5367722046783624</v>
      </c>
    </row>
    <row r="114780" spans="1:7" x14ac:dyDescent="0.3">
      <c r="A114780" s="13" t="s">
        <v>547</v>
      </c>
      <c r="B114780" s="14" t="s">
        <v>1</v>
      </c>
      <c r="C114780" s="14" t="s">
        <v>546</v>
      </c>
      <c r="D114780" s="14" t="s">
        <v>266</v>
      </c>
      <c r="E114780" s="15">
        <v>45546</v>
      </c>
      <c r="F114780" s="14" t="s">
        <v>61</v>
      </c>
      <c r="G114780" s="16">
        <v>0.53481552516391984</v>
      </c>
    </row>
    <row r="114781" spans="1:7" x14ac:dyDescent="0.3">
      <c r="A114781" s="13" t="s">
        <v>547</v>
      </c>
      <c r="B114781" s="14" t="s">
        <v>1</v>
      </c>
      <c r="C114781" s="14" t="s">
        <v>546</v>
      </c>
      <c r="D114781" s="14" t="s">
        <v>266</v>
      </c>
      <c r="E114781" s="15">
        <v>45547</v>
      </c>
      <c r="F114781" s="14" t="s">
        <v>61</v>
      </c>
      <c r="G114781" s="16">
        <v>0.55808996216551465</v>
      </c>
    </row>
    <row r="114782" spans="1:7" x14ac:dyDescent="0.3">
      <c r="A114782" s="13" t="s">
        <v>547</v>
      </c>
      <c r="B114782" s="14" t="s">
        <v>1</v>
      </c>
      <c r="C114782" s="14" t="s">
        <v>546</v>
      </c>
      <c r="D114782" s="14" t="s">
        <v>266</v>
      </c>
      <c r="E114782" s="15">
        <v>45548</v>
      </c>
      <c r="F114782" s="14" t="s">
        <v>61</v>
      </c>
      <c r="G114782" s="16">
        <v>0.55577315116073012</v>
      </c>
    </row>
    <row r="114783" spans="1:7" x14ac:dyDescent="0.3">
      <c r="A114783" s="13" t="s">
        <v>547</v>
      </c>
      <c r="B114783" s="14" t="s">
        <v>1</v>
      </c>
      <c r="C114783" s="14" t="s">
        <v>546</v>
      </c>
      <c r="D114783" s="14" t="s">
        <v>266</v>
      </c>
      <c r="E114783" s="15">
        <v>45549</v>
      </c>
      <c r="F114783" s="14" t="s">
        <v>61</v>
      </c>
      <c r="G114783" s="16">
        <v>0.55577315116073012</v>
      </c>
    </row>
    <row r="114784" spans="1:7" x14ac:dyDescent="0.3">
      <c r="A114784" s="13" t="s">
        <v>547</v>
      </c>
      <c r="B114784" s="14" t="s">
        <v>1</v>
      </c>
      <c r="C114784" s="14" t="s">
        <v>546</v>
      </c>
      <c r="D114784" s="14" t="s">
        <v>266</v>
      </c>
      <c r="E114784" s="15">
        <v>45550</v>
      </c>
      <c r="F114784" s="14" t="s">
        <v>61</v>
      </c>
      <c r="G114784" s="16">
        <v>0.55577315116073012</v>
      </c>
    </row>
    <row r="114785" spans="1:7" x14ac:dyDescent="0.3">
      <c r="A114785" s="13" t="s">
        <v>547</v>
      </c>
      <c r="B114785" s="14" t="s">
        <v>1</v>
      </c>
      <c r="C114785" s="14" t="s">
        <v>546</v>
      </c>
      <c r="D114785" s="14" t="s">
        <v>266</v>
      </c>
      <c r="E114785" s="15">
        <v>45551</v>
      </c>
      <c r="F114785" s="14" t="s">
        <v>61</v>
      </c>
      <c r="G114785" s="16">
        <v>0.55577315116073012</v>
      </c>
    </row>
    <row r="114786" spans="1:7" x14ac:dyDescent="0.3">
      <c r="A114786" s="13" t="s">
        <v>547</v>
      </c>
      <c r="B114786" s="14" t="s">
        <v>1</v>
      </c>
      <c r="C114786" s="14" t="s">
        <v>546</v>
      </c>
      <c r="D114786" s="14" t="s">
        <v>266</v>
      </c>
      <c r="E114786" s="15">
        <v>45552</v>
      </c>
      <c r="F114786" s="14" t="s">
        <v>61</v>
      </c>
      <c r="G114786" s="16">
        <v>0.55577315116073012</v>
      </c>
    </row>
    <row r="114787" spans="1:7" x14ac:dyDescent="0.3">
      <c r="A114787" s="13" t="s">
        <v>547</v>
      </c>
      <c r="B114787" s="14" t="s">
        <v>1</v>
      </c>
      <c r="C114787" s="14" t="s">
        <v>546</v>
      </c>
      <c r="D114787" s="14" t="s">
        <v>266</v>
      </c>
      <c r="E114787" s="15">
        <v>45553</v>
      </c>
      <c r="F114787" s="14" t="s">
        <v>61</v>
      </c>
      <c r="G114787" s="16">
        <v>0.55577315116073012</v>
      </c>
    </row>
    <row r="114788" spans="1:7" x14ac:dyDescent="0.3">
      <c r="A114788" s="13" t="s">
        <v>547</v>
      </c>
      <c r="B114788" s="14" t="s">
        <v>1</v>
      </c>
      <c r="C114788" s="14" t="s">
        <v>546</v>
      </c>
      <c r="D114788" s="14" t="s">
        <v>266</v>
      </c>
      <c r="E114788" s="15">
        <v>45554</v>
      </c>
      <c r="F114788" s="14" t="s">
        <v>61</v>
      </c>
      <c r="G114788" s="16">
        <v>0.54929481765018595</v>
      </c>
    </row>
    <row r="114789" spans="1:7" x14ac:dyDescent="0.3">
      <c r="A114789" s="13" t="s">
        <v>547</v>
      </c>
      <c r="B114789" s="14" t="s">
        <v>1</v>
      </c>
      <c r="C114789" s="14" t="s">
        <v>546</v>
      </c>
      <c r="D114789" s="14" t="s">
        <v>266</v>
      </c>
      <c r="E114789" s="15">
        <v>45555</v>
      </c>
      <c r="F114789" s="14" t="s">
        <v>61</v>
      </c>
      <c r="G114789" s="16">
        <v>0.5356409351408824</v>
      </c>
    </row>
    <row r="114790" spans="1:7" x14ac:dyDescent="0.3">
      <c r="A114790" s="13" t="s">
        <v>547</v>
      </c>
      <c r="B114790" s="14" t="s">
        <v>1</v>
      </c>
      <c r="C114790" s="14" t="s">
        <v>546</v>
      </c>
      <c r="D114790" s="14" t="s">
        <v>266</v>
      </c>
      <c r="E114790" s="15">
        <v>45556</v>
      </c>
      <c r="F114790" s="14" t="s">
        <v>61</v>
      </c>
      <c r="G114790" s="16">
        <v>0.5356409351408824</v>
      </c>
    </row>
    <row r="114791" spans="1:7" x14ac:dyDescent="0.3">
      <c r="A114791" s="13" t="s">
        <v>547</v>
      </c>
      <c r="B114791" s="14" t="s">
        <v>1</v>
      </c>
      <c r="C114791" s="14" t="s">
        <v>546</v>
      </c>
      <c r="D114791" s="14" t="s">
        <v>266</v>
      </c>
      <c r="E114791" s="15">
        <v>45557</v>
      </c>
      <c r="F114791" s="14" t="s">
        <v>61</v>
      </c>
      <c r="G114791" s="16">
        <v>0.5356409351408824</v>
      </c>
    </row>
    <row r="114792" spans="1:7" x14ac:dyDescent="0.3">
      <c r="A114792" s="13" t="s">
        <v>547</v>
      </c>
      <c r="B114792" s="14" t="s">
        <v>1</v>
      </c>
      <c r="C114792" s="14" t="s">
        <v>546</v>
      </c>
      <c r="D114792" s="14" t="s">
        <v>266</v>
      </c>
      <c r="E114792" s="15">
        <v>45558</v>
      </c>
      <c r="F114792" s="14" t="s">
        <v>61</v>
      </c>
      <c r="G114792" s="16">
        <v>0.53569990838206616</v>
      </c>
    </row>
    <row r="114793" spans="1:7" x14ac:dyDescent="0.3">
      <c r="A114793" s="13" t="s">
        <v>547</v>
      </c>
      <c r="B114793" s="14" t="s">
        <v>1</v>
      </c>
      <c r="C114793" s="14" t="s">
        <v>546</v>
      </c>
      <c r="D114793" s="14" t="s">
        <v>266</v>
      </c>
      <c r="E114793" s="15">
        <v>45559</v>
      </c>
      <c r="F114793" s="14" t="s">
        <v>61</v>
      </c>
      <c r="G114793" s="16">
        <v>0.52548100088605332</v>
      </c>
    </row>
    <row r="114794" spans="1:7" x14ac:dyDescent="0.3">
      <c r="A114794" s="13" t="s">
        <v>547</v>
      </c>
      <c r="B114794" s="14" t="s">
        <v>1</v>
      </c>
      <c r="C114794" s="14" t="s">
        <v>546</v>
      </c>
      <c r="D114794" s="14" t="s">
        <v>266</v>
      </c>
      <c r="E114794" s="15">
        <v>45560</v>
      </c>
      <c r="F114794" s="14" t="s">
        <v>61</v>
      </c>
      <c r="G114794" s="16">
        <v>0.52532483882686509</v>
      </c>
    </row>
    <row r="114795" spans="1:7" x14ac:dyDescent="0.3">
      <c r="A114795" s="13" t="s">
        <v>547</v>
      </c>
      <c r="B114795" s="14" t="s">
        <v>1</v>
      </c>
      <c r="C114795" s="14" t="s">
        <v>546</v>
      </c>
      <c r="D114795" s="14" t="s">
        <v>266</v>
      </c>
      <c r="E114795" s="15">
        <v>45561</v>
      </c>
      <c r="F114795" s="14" t="s">
        <v>61</v>
      </c>
      <c r="G114795" s="16">
        <v>0.52091025846181094</v>
      </c>
    </row>
    <row r="114796" spans="1:7" x14ac:dyDescent="0.3">
      <c r="A114796" s="13" t="s">
        <v>547</v>
      </c>
      <c r="B114796" s="14" t="s">
        <v>1</v>
      </c>
      <c r="C114796" s="14" t="s">
        <v>546</v>
      </c>
      <c r="D114796" s="14" t="s">
        <v>266</v>
      </c>
      <c r="E114796" s="15">
        <v>45562</v>
      </c>
      <c r="F114796" s="14" t="s">
        <v>61</v>
      </c>
      <c r="G114796" s="16">
        <v>0.52058137967393214</v>
      </c>
    </row>
    <row r="114797" spans="1:7" x14ac:dyDescent="0.3">
      <c r="A114797" s="13" t="s">
        <v>547</v>
      </c>
      <c r="B114797" s="14" t="s">
        <v>1</v>
      </c>
      <c r="C114797" s="14" t="s">
        <v>546</v>
      </c>
      <c r="D114797" s="14" t="s">
        <v>266</v>
      </c>
      <c r="E114797" s="15">
        <v>45563</v>
      </c>
      <c r="F114797" s="14" t="s">
        <v>61</v>
      </c>
      <c r="G114797" s="16">
        <v>0.52058137967393214</v>
      </c>
    </row>
    <row r="114798" spans="1:7" x14ac:dyDescent="0.3">
      <c r="A114798" s="13" t="s">
        <v>547</v>
      </c>
      <c r="B114798" s="14" t="s">
        <v>1</v>
      </c>
      <c r="C114798" s="14" t="s">
        <v>546</v>
      </c>
      <c r="D114798" s="14" t="s">
        <v>266</v>
      </c>
      <c r="E114798" s="15">
        <v>45564</v>
      </c>
      <c r="F114798" s="14" t="s">
        <v>61</v>
      </c>
      <c r="G114798" s="16">
        <v>0.52058137967393214</v>
      </c>
    </row>
    <row r="114799" spans="1:7" x14ac:dyDescent="0.3">
      <c r="A114799" s="13" t="s">
        <v>547</v>
      </c>
      <c r="B114799" s="14" t="s">
        <v>1</v>
      </c>
      <c r="C114799" s="14" t="s">
        <v>546</v>
      </c>
      <c r="D114799" s="14" t="s">
        <v>266</v>
      </c>
      <c r="E114799" s="15">
        <v>45565</v>
      </c>
      <c r="F114799" s="14" t="s">
        <v>61</v>
      </c>
      <c r="G114799" s="16">
        <v>0.52219827946127928</v>
      </c>
    </row>
    <row r="114800" spans="1:7" x14ac:dyDescent="0.3">
      <c r="A114800" s="13" t="s">
        <v>547</v>
      </c>
      <c r="B114800" s="14" t="s">
        <v>1</v>
      </c>
      <c r="C114800" s="14" t="s">
        <v>546</v>
      </c>
      <c r="D114800" s="14" t="s">
        <v>266</v>
      </c>
      <c r="E114800" s="15">
        <v>45566</v>
      </c>
      <c r="F114800" s="14" t="s">
        <v>61</v>
      </c>
      <c r="G114800" s="16">
        <v>0.52219827946127928</v>
      </c>
    </row>
    <row r="114801" spans="1:7" x14ac:dyDescent="0.3">
      <c r="A114801" s="13" t="s">
        <v>547</v>
      </c>
      <c r="B114801" s="14" t="s">
        <v>1</v>
      </c>
      <c r="C114801" s="14" t="s">
        <v>546</v>
      </c>
      <c r="D114801" s="14" t="s">
        <v>266</v>
      </c>
      <c r="E114801" s="15">
        <v>45567</v>
      </c>
      <c r="F114801" s="14" t="s">
        <v>61</v>
      </c>
      <c r="G114801" s="16">
        <v>0.52219827946127928</v>
      </c>
    </row>
    <row r="114802" spans="1:7" x14ac:dyDescent="0.3">
      <c r="A114802" s="13" t="s">
        <v>547</v>
      </c>
      <c r="B114802" s="14" t="s">
        <v>1</v>
      </c>
      <c r="C114802" s="14" t="s">
        <v>546</v>
      </c>
      <c r="D114802" s="14" t="s">
        <v>266</v>
      </c>
      <c r="E114802" s="15">
        <v>45568</v>
      </c>
      <c r="F114802" s="14" t="s">
        <v>61</v>
      </c>
      <c r="G114802" s="16">
        <v>0.52219827946127928</v>
      </c>
    </row>
    <row r="114803" spans="1:7" x14ac:dyDescent="0.3">
      <c r="A114803" s="13" t="s">
        <v>547</v>
      </c>
      <c r="B114803" s="14" t="s">
        <v>1</v>
      </c>
      <c r="C114803" s="14" t="s">
        <v>546</v>
      </c>
      <c r="D114803" s="14" t="s">
        <v>266</v>
      </c>
      <c r="E114803" s="15">
        <v>45569</v>
      </c>
      <c r="F114803" s="14" t="s">
        <v>61</v>
      </c>
      <c r="G114803" s="16">
        <v>0.52219827946127928</v>
      </c>
    </row>
    <row r="114804" spans="1:7" x14ac:dyDescent="0.3">
      <c r="A114804" s="13" t="s">
        <v>547</v>
      </c>
      <c r="B114804" s="14" t="s">
        <v>1</v>
      </c>
      <c r="C114804" s="14" t="s">
        <v>546</v>
      </c>
      <c r="D114804" s="14" t="s">
        <v>266</v>
      </c>
      <c r="E114804" s="15">
        <v>45570</v>
      </c>
      <c r="F114804" s="14" t="s">
        <v>61</v>
      </c>
      <c r="G114804" s="16">
        <v>0.52219827946127928</v>
      </c>
    </row>
    <row r="114805" spans="1:7" x14ac:dyDescent="0.3">
      <c r="A114805" s="13" t="s">
        <v>547</v>
      </c>
      <c r="B114805" s="14" t="s">
        <v>1</v>
      </c>
      <c r="C114805" s="14" t="s">
        <v>546</v>
      </c>
      <c r="D114805" s="14" t="s">
        <v>266</v>
      </c>
      <c r="E114805" s="15">
        <v>45571</v>
      </c>
      <c r="F114805" s="14" t="s">
        <v>61</v>
      </c>
      <c r="G114805" s="16">
        <v>0.52219827946127928</v>
      </c>
    </row>
    <row r="114806" spans="1:7" x14ac:dyDescent="0.3">
      <c r="A114806" s="13" t="s">
        <v>547</v>
      </c>
      <c r="B114806" s="14" t="s">
        <v>1</v>
      </c>
      <c r="C114806" s="14" t="s">
        <v>546</v>
      </c>
      <c r="D114806" s="14" t="s">
        <v>266</v>
      </c>
      <c r="E114806" s="15">
        <v>45572</v>
      </c>
      <c r="F114806" s="14" t="s">
        <v>61</v>
      </c>
      <c r="G114806" s="16">
        <v>0.52219827946127928</v>
      </c>
    </row>
    <row r="114807" spans="1:7" x14ac:dyDescent="0.3">
      <c r="A114807" s="13" t="s">
        <v>547</v>
      </c>
      <c r="B114807" s="14" t="s">
        <v>1</v>
      </c>
      <c r="C114807" s="14" t="s">
        <v>546</v>
      </c>
      <c r="D114807" s="14" t="s">
        <v>266</v>
      </c>
      <c r="E114807" s="15">
        <v>45573</v>
      </c>
      <c r="F114807" s="14" t="s">
        <v>61</v>
      </c>
      <c r="G114807" s="16">
        <v>0.52700249867091953</v>
      </c>
    </row>
    <row r="114808" spans="1:7" x14ac:dyDescent="0.3">
      <c r="A114808" s="13" t="s">
        <v>547</v>
      </c>
      <c r="B114808" s="14" t="s">
        <v>1</v>
      </c>
      <c r="C114808" s="14" t="s">
        <v>546</v>
      </c>
      <c r="D114808" s="14" t="s">
        <v>266</v>
      </c>
      <c r="E114808" s="15">
        <v>45574</v>
      </c>
      <c r="F114808" s="14" t="s">
        <v>61</v>
      </c>
      <c r="G114808" s="16">
        <v>0.50895591228070158</v>
      </c>
    </row>
    <row r="114809" spans="1:7" x14ac:dyDescent="0.3">
      <c r="A114809" s="13" t="s">
        <v>547</v>
      </c>
      <c r="B114809" s="14" t="s">
        <v>1</v>
      </c>
      <c r="C114809" s="14" t="s">
        <v>546</v>
      </c>
      <c r="D114809" s="14" t="s">
        <v>266</v>
      </c>
      <c r="E114809" s="15">
        <v>45575</v>
      </c>
      <c r="F114809" s="14" t="s">
        <v>61</v>
      </c>
      <c r="G114809" s="16">
        <v>0.51108364912280679</v>
      </c>
    </row>
    <row r="114810" spans="1:7" x14ac:dyDescent="0.3">
      <c r="A114810" s="13" t="s">
        <v>547</v>
      </c>
      <c r="B114810" s="14" t="s">
        <v>1</v>
      </c>
      <c r="C114810" s="14" t="s">
        <v>546</v>
      </c>
      <c r="D114810" s="14" t="s">
        <v>266</v>
      </c>
      <c r="E114810" s="15">
        <v>45576</v>
      </c>
      <c r="F114810" s="14" t="s">
        <v>61</v>
      </c>
      <c r="G114810" s="16">
        <v>0.51108364912280679</v>
      </c>
    </row>
    <row r="114811" spans="1:7" x14ac:dyDescent="0.3">
      <c r="A114811" s="13" t="s">
        <v>547</v>
      </c>
      <c r="B114811" s="14" t="s">
        <v>1</v>
      </c>
      <c r="C114811" s="14" t="s">
        <v>546</v>
      </c>
      <c r="D114811" s="14" t="s">
        <v>266</v>
      </c>
      <c r="E114811" s="15">
        <v>45577</v>
      </c>
      <c r="F114811" s="14" t="s">
        <v>61</v>
      </c>
      <c r="G114811" s="16">
        <v>0.51108364912280679</v>
      </c>
    </row>
    <row r="114812" spans="1:7" x14ac:dyDescent="0.3">
      <c r="A114812" s="13" t="s">
        <v>547</v>
      </c>
      <c r="B114812" s="14" t="s">
        <v>1</v>
      </c>
      <c r="C114812" s="14" t="s">
        <v>546</v>
      </c>
      <c r="D114812" s="14" t="s">
        <v>266</v>
      </c>
      <c r="E114812" s="15">
        <v>45578</v>
      </c>
      <c r="F114812" s="14" t="s">
        <v>61</v>
      </c>
      <c r="G114812" s="16">
        <v>0.51108364912280679</v>
      </c>
    </row>
    <row r="114813" spans="1:7" x14ac:dyDescent="0.3">
      <c r="A114813" s="13" t="s">
        <v>547</v>
      </c>
      <c r="B114813" s="14" t="s">
        <v>1</v>
      </c>
      <c r="C114813" s="14" t="s">
        <v>546</v>
      </c>
      <c r="D114813" s="14" t="s">
        <v>266</v>
      </c>
      <c r="E114813" s="15">
        <v>45579</v>
      </c>
      <c r="F114813" s="14" t="s">
        <v>61</v>
      </c>
      <c r="G114813" s="16">
        <v>0.50949267038809121</v>
      </c>
    </row>
    <row r="114814" spans="1:7" x14ac:dyDescent="0.3">
      <c r="A114814" s="13" t="s">
        <v>547</v>
      </c>
      <c r="B114814" s="14" t="s">
        <v>1</v>
      </c>
      <c r="C114814" s="14" t="s">
        <v>546</v>
      </c>
      <c r="D114814" s="14" t="s">
        <v>266</v>
      </c>
      <c r="E114814" s="15">
        <v>45580</v>
      </c>
      <c r="F114814" s="14" t="s">
        <v>61</v>
      </c>
      <c r="G114814" s="16">
        <v>0.49891080099237978</v>
      </c>
    </row>
    <row r="114815" spans="1:7" x14ac:dyDescent="0.3">
      <c r="A114815" s="13" t="s">
        <v>547</v>
      </c>
      <c r="B114815" s="14" t="s">
        <v>1</v>
      </c>
      <c r="C114815" s="14" t="s">
        <v>546</v>
      </c>
      <c r="D114815" s="14" t="s">
        <v>266</v>
      </c>
      <c r="E114815" s="15">
        <v>45581</v>
      </c>
      <c r="F114815" s="14" t="s">
        <v>61</v>
      </c>
      <c r="G114815" s="16">
        <v>0.49743315062909776</v>
      </c>
    </row>
    <row r="114816" spans="1:7" x14ac:dyDescent="0.3">
      <c r="A114816" s="13" t="s">
        <v>547</v>
      </c>
      <c r="B114816" s="14" t="s">
        <v>1</v>
      </c>
      <c r="C114816" s="14" t="s">
        <v>546</v>
      </c>
      <c r="D114816" s="14" t="s">
        <v>266</v>
      </c>
      <c r="E114816" s="15">
        <v>45582</v>
      </c>
      <c r="F114816" s="14" t="s">
        <v>61</v>
      </c>
      <c r="G114816" s="16">
        <v>0.49610670636186399</v>
      </c>
    </row>
    <row r="114817" spans="1:7" x14ac:dyDescent="0.3">
      <c r="A114817" s="13" t="s">
        <v>547</v>
      </c>
      <c r="B114817" s="14" t="s">
        <v>1</v>
      </c>
      <c r="C114817" s="14" t="s">
        <v>546</v>
      </c>
      <c r="D114817" s="14" t="s">
        <v>266</v>
      </c>
      <c r="E114817" s="15">
        <v>45583</v>
      </c>
      <c r="F114817" s="14" t="s">
        <v>61</v>
      </c>
      <c r="G114817" s="16">
        <v>0.49181208470671606</v>
      </c>
    </row>
    <row r="114818" spans="1:7" x14ac:dyDescent="0.3">
      <c r="A114818" s="13" t="s">
        <v>547</v>
      </c>
      <c r="B114818" s="14" t="s">
        <v>1</v>
      </c>
      <c r="C114818" s="14" t="s">
        <v>546</v>
      </c>
      <c r="D114818" s="14" t="s">
        <v>266</v>
      </c>
      <c r="E114818" s="15">
        <v>45584</v>
      </c>
      <c r="F114818" s="14" t="s">
        <v>61</v>
      </c>
      <c r="G114818" s="16">
        <v>0.49181208470671606</v>
      </c>
    </row>
    <row r="114819" spans="1:7" x14ac:dyDescent="0.3">
      <c r="A114819" s="13" t="s">
        <v>547</v>
      </c>
      <c r="B114819" s="14" t="s">
        <v>1</v>
      </c>
      <c r="C114819" s="14" t="s">
        <v>546</v>
      </c>
      <c r="D114819" s="14" t="s">
        <v>266</v>
      </c>
      <c r="E114819" s="15">
        <v>45585</v>
      </c>
      <c r="F114819" s="14" t="s">
        <v>61</v>
      </c>
      <c r="G114819" s="16">
        <v>0.49181208470671606</v>
      </c>
    </row>
    <row r="114820" spans="1:7" x14ac:dyDescent="0.3">
      <c r="A114820" s="13" t="s">
        <v>547</v>
      </c>
      <c r="B114820" s="14" t="s">
        <v>1</v>
      </c>
      <c r="C114820" s="14" t="s">
        <v>546</v>
      </c>
      <c r="D114820" s="14" t="s">
        <v>266</v>
      </c>
      <c r="E114820" s="15">
        <v>45586</v>
      </c>
      <c r="F114820" s="14" t="s">
        <v>61</v>
      </c>
      <c r="G114820" s="16">
        <v>0.5050039691653373</v>
      </c>
    </row>
    <row r="114821" spans="1:7" x14ac:dyDescent="0.3">
      <c r="A114821" s="13" t="s">
        <v>547</v>
      </c>
      <c r="B114821" s="14" t="s">
        <v>1</v>
      </c>
      <c r="C114821" s="14" t="s">
        <v>546</v>
      </c>
      <c r="D114821" s="14" t="s">
        <v>266</v>
      </c>
      <c r="E114821" s="15">
        <v>45587</v>
      </c>
      <c r="F114821" s="14" t="s">
        <v>61</v>
      </c>
      <c r="G114821" s="16">
        <v>0.49734802870813372</v>
      </c>
    </row>
    <row r="114822" spans="1:7" x14ac:dyDescent="0.3">
      <c r="A114822" s="13" t="s">
        <v>547</v>
      </c>
      <c r="B114822" s="14" t="s">
        <v>1</v>
      </c>
      <c r="C114822" s="14" t="s">
        <v>546</v>
      </c>
      <c r="D114822" s="14" t="s">
        <v>266</v>
      </c>
      <c r="E114822" s="15">
        <v>45588</v>
      </c>
      <c r="F114822" s="14" t="s">
        <v>61</v>
      </c>
      <c r="G114822" s="16">
        <v>0.49539889181286528</v>
      </c>
    </row>
    <row r="114823" spans="1:7" x14ac:dyDescent="0.3">
      <c r="A114823" s="13" t="s">
        <v>547</v>
      </c>
      <c r="B114823" s="14" t="s">
        <v>1</v>
      </c>
      <c r="C114823" s="14" t="s">
        <v>546</v>
      </c>
      <c r="D114823" s="14" t="s">
        <v>266</v>
      </c>
      <c r="E114823" s="15">
        <v>45589</v>
      </c>
      <c r="F114823" s="14" t="s">
        <v>61</v>
      </c>
      <c r="G114823" s="16">
        <v>0.49227721469076707</v>
      </c>
    </row>
    <row r="114824" spans="1:7" x14ac:dyDescent="0.3">
      <c r="A114824" s="13" t="s">
        <v>547</v>
      </c>
      <c r="B114824" s="14" t="s">
        <v>1</v>
      </c>
      <c r="C114824" s="14" t="s">
        <v>546</v>
      </c>
      <c r="D114824" s="14" t="s">
        <v>266</v>
      </c>
      <c r="E114824" s="15">
        <v>45590</v>
      </c>
      <c r="F114824" s="14" t="s">
        <v>61</v>
      </c>
      <c r="G114824" s="16">
        <v>0.49095739766081853</v>
      </c>
    </row>
    <row r="114825" spans="1:7" x14ac:dyDescent="0.3">
      <c r="A114825" s="13" t="s">
        <v>547</v>
      </c>
      <c r="B114825" s="14" t="s">
        <v>1</v>
      </c>
      <c r="C114825" s="14" t="s">
        <v>546</v>
      </c>
      <c r="D114825" s="14" t="s">
        <v>266</v>
      </c>
      <c r="E114825" s="15">
        <v>45591</v>
      </c>
      <c r="F114825" s="14" t="s">
        <v>61</v>
      </c>
      <c r="G114825" s="16">
        <v>0.49095739766081853</v>
      </c>
    </row>
    <row r="114826" spans="1:7" x14ac:dyDescent="0.3">
      <c r="A114826" s="13" t="s">
        <v>547</v>
      </c>
      <c r="B114826" s="14" t="s">
        <v>1</v>
      </c>
      <c r="C114826" s="14" t="s">
        <v>546</v>
      </c>
      <c r="D114826" s="14" t="s">
        <v>266</v>
      </c>
      <c r="E114826" s="15">
        <v>45592</v>
      </c>
      <c r="F114826" s="14" t="s">
        <v>61</v>
      </c>
      <c r="G114826" s="16">
        <v>0.49095739766081853</v>
      </c>
    </row>
    <row r="114827" spans="1:7" x14ac:dyDescent="0.3">
      <c r="A114827" s="13" t="s">
        <v>547</v>
      </c>
      <c r="B114827" s="14" t="s">
        <v>1</v>
      </c>
      <c r="C114827" s="14" t="s">
        <v>546</v>
      </c>
      <c r="D114827" s="14" t="s">
        <v>266</v>
      </c>
      <c r="E114827" s="15">
        <v>45593</v>
      </c>
      <c r="F114827" s="14" t="s">
        <v>61</v>
      </c>
      <c r="G114827" s="16">
        <v>0.49095739766081853</v>
      </c>
    </row>
    <row r="114828" spans="1:7" x14ac:dyDescent="0.3">
      <c r="A114828" s="13" t="s">
        <v>547</v>
      </c>
      <c r="B114828" s="14" t="s">
        <v>1</v>
      </c>
      <c r="C114828" s="14" t="s">
        <v>546</v>
      </c>
      <c r="D114828" s="14" t="s">
        <v>266</v>
      </c>
      <c r="E114828" s="15">
        <v>45594</v>
      </c>
      <c r="F114828" s="14" t="s">
        <v>61</v>
      </c>
      <c r="G114828" s="16">
        <v>0.49152842424242393</v>
      </c>
    </row>
    <row r="114829" spans="1:7" x14ac:dyDescent="0.3">
      <c r="A114829" s="13" t="s">
        <v>547</v>
      </c>
      <c r="B114829" s="14" t="s">
        <v>1</v>
      </c>
      <c r="C114829" s="14" t="s">
        <v>546</v>
      </c>
      <c r="D114829" s="14" t="s">
        <v>266</v>
      </c>
      <c r="E114829" s="15">
        <v>45595</v>
      </c>
      <c r="F114829" s="14" t="s">
        <v>61</v>
      </c>
      <c r="G114829" s="16">
        <v>0.47891405378344826</v>
      </c>
    </row>
    <row r="114830" spans="1:7" x14ac:dyDescent="0.3">
      <c r="A114830" s="13" t="s">
        <v>547</v>
      </c>
      <c r="B114830" s="14" t="s">
        <v>1</v>
      </c>
      <c r="C114830" s="14" t="s">
        <v>546</v>
      </c>
      <c r="D114830" s="14" t="s">
        <v>266</v>
      </c>
      <c r="E114830" s="15">
        <v>45596</v>
      </c>
      <c r="F114830" s="14" t="s">
        <v>61</v>
      </c>
      <c r="G114830" s="16">
        <v>0.47500722558922526</v>
      </c>
    </row>
    <row r="114831" spans="1:7" x14ac:dyDescent="0.3">
      <c r="A114831" s="13" t="s">
        <v>547</v>
      </c>
      <c r="B114831" s="14" t="s">
        <v>1</v>
      </c>
      <c r="C114831" s="14" t="s">
        <v>546</v>
      </c>
      <c r="D114831" s="14" t="s">
        <v>266</v>
      </c>
      <c r="E114831" s="15">
        <v>45597</v>
      </c>
      <c r="F114831" s="14" t="s">
        <v>61</v>
      </c>
      <c r="G114831" s="16">
        <v>0.47863103048024069</v>
      </c>
    </row>
    <row r="114832" spans="1:7" x14ac:dyDescent="0.3">
      <c r="A114832" s="13" t="s">
        <v>547</v>
      </c>
      <c r="B114832" s="14" t="s">
        <v>1</v>
      </c>
      <c r="C114832" s="14" t="s">
        <v>546</v>
      </c>
      <c r="D114832" s="14" t="s">
        <v>266</v>
      </c>
      <c r="E114832" s="15">
        <v>45598</v>
      </c>
      <c r="F114832" s="14" t="s">
        <v>61</v>
      </c>
      <c r="G114832" s="16">
        <v>0.47863103048024069</v>
      </c>
    </row>
    <row r="114833" spans="1:7" x14ac:dyDescent="0.3">
      <c r="A114833" s="13" t="s">
        <v>547</v>
      </c>
      <c r="B114833" s="14" t="s">
        <v>1</v>
      </c>
      <c r="C114833" s="14" t="s">
        <v>546</v>
      </c>
      <c r="D114833" s="14" t="s">
        <v>266</v>
      </c>
      <c r="E114833" s="15">
        <v>45599</v>
      </c>
      <c r="F114833" s="14" t="s">
        <v>61</v>
      </c>
      <c r="G114833" s="16">
        <v>0.47863103048024069</v>
      </c>
    </row>
    <row r="114834" spans="1:7" x14ac:dyDescent="0.3">
      <c r="A114834" s="13" t="s">
        <v>547</v>
      </c>
      <c r="B114834" s="14" t="s">
        <v>1</v>
      </c>
      <c r="C114834" s="14" t="s">
        <v>546</v>
      </c>
      <c r="D114834" s="14" t="s">
        <v>266</v>
      </c>
      <c r="E114834" s="15">
        <v>45600</v>
      </c>
      <c r="F114834" s="14" t="s">
        <v>61</v>
      </c>
      <c r="G114834" s="16">
        <v>0.47640527290448303</v>
      </c>
    </row>
    <row r="114835" spans="1:7" x14ac:dyDescent="0.3">
      <c r="A114835" s="13" t="s">
        <v>547</v>
      </c>
      <c r="B114835" s="14" t="s">
        <v>1</v>
      </c>
      <c r="C114835" s="14" t="s">
        <v>546</v>
      </c>
      <c r="D114835" s="14" t="s">
        <v>266</v>
      </c>
      <c r="E114835" s="15">
        <v>45601</v>
      </c>
      <c r="F114835" s="14" t="s">
        <v>61</v>
      </c>
      <c r="G114835" s="16">
        <v>0.46595803535353492</v>
      </c>
    </row>
    <row r="114836" spans="1:7" x14ac:dyDescent="0.3">
      <c r="A114836" s="13" t="s">
        <v>547</v>
      </c>
      <c r="B114836" s="14" t="s">
        <v>1</v>
      </c>
      <c r="C114836" s="14" t="s">
        <v>546</v>
      </c>
      <c r="D114836" s="14" t="s">
        <v>266</v>
      </c>
      <c r="E114836" s="15">
        <v>45602</v>
      </c>
      <c r="F114836" s="14" t="s">
        <v>61</v>
      </c>
      <c r="G114836" s="16">
        <v>0.47198788942052072</v>
      </c>
    </row>
    <row r="114837" spans="1:7" x14ac:dyDescent="0.3">
      <c r="A114837" s="13" t="s">
        <v>547</v>
      </c>
      <c r="B114837" s="14" t="s">
        <v>1</v>
      </c>
      <c r="C114837" s="14" t="s">
        <v>546</v>
      </c>
      <c r="D114837" s="14" t="s">
        <v>266</v>
      </c>
      <c r="E114837" s="15">
        <v>45603</v>
      </c>
      <c r="F114837" s="14" t="s">
        <v>61</v>
      </c>
      <c r="G114837" s="16">
        <v>0.46582648431685231</v>
      </c>
    </row>
    <row r="114838" spans="1:7" x14ac:dyDescent="0.3">
      <c r="A114838" s="13" t="s">
        <v>547</v>
      </c>
      <c r="B114838" s="14" t="s">
        <v>1</v>
      </c>
      <c r="C114838" s="14" t="s">
        <v>546</v>
      </c>
      <c r="D114838" s="14" t="s">
        <v>266</v>
      </c>
      <c r="E114838" s="15">
        <v>45604</v>
      </c>
      <c r="F114838" s="14" t="s">
        <v>61</v>
      </c>
      <c r="G114838" s="16">
        <v>0.46982996464646426</v>
      </c>
    </row>
    <row r="114839" spans="1:7" x14ac:dyDescent="0.3">
      <c r="A114839" s="13" t="s">
        <v>547</v>
      </c>
      <c r="B114839" s="14" t="s">
        <v>1</v>
      </c>
      <c r="C114839" s="14" t="s">
        <v>546</v>
      </c>
      <c r="D114839" s="14" t="s">
        <v>266</v>
      </c>
      <c r="E114839" s="15">
        <v>45605</v>
      </c>
      <c r="F114839" s="14" t="s">
        <v>61</v>
      </c>
      <c r="G114839" s="16">
        <v>0.46982996464646426</v>
      </c>
    </row>
    <row r="114840" spans="1:7" x14ac:dyDescent="0.3">
      <c r="A114840" s="13" t="s">
        <v>547</v>
      </c>
      <c r="B114840" s="14" t="s">
        <v>1</v>
      </c>
      <c r="C114840" s="14" t="s">
        <v>546</v>
      </c>
      <c r="D114840" s="14" t="s">
        <v>266</v>
      </c>
      <c r="E114840" s="15">
        <v>45606</v>
      </c>
      <c r="F114840" s="14" t="s">
        <v>61</v>
      </c>
      <c r="G114840" s="16">
        <v>0.46982996464646426</v>
      </c>
    </row>
    <row r="114841" spans="1:7" x14ac:dyDescent="0.3">
      <c r="A114841" s="13" t="s">
        <v>547</v>
      </c>
      <c r="B114841" s="14" t="s">
        <v>1</v>
      </c>
      <c r="C114841" s="14" t="s">
        <v>546</v>
      </c>
      <c r="D114841" s="14" t="s">
        <v>266</v>
      </c>
      <c r="E114841" s="15">
        <v>45607</v>
      </c>
      <c r="F114841" s="14" t="s">
        <v>61</v>
      </c>
      <c r="G114841" s="16">
        <v>0.46972742720405741</v>
      </c>
    </row>
    <row r="114842" spans="1:7" x14ac:dyDescent="0.3">
      <c r="A114842" s="13" t="s">
        <v>547</v>
      </c>
      <c r="B114842" s="14" t="s">
        <v>1</v>
      </c>
      <c r="C114842" s="14" t="s">
        <v>546</v>
      </c>
      <c r="D114842" s="14" t="s">
        <v>266</v>
      </c>
      <c r="E114842" s="15">
        <v>45608</v>
      </c>
      <c r="F114842" s="14" t="s">
        <v>61</v>
      </c>
      <c r="G114842" s="16">
        <v>0.46276652619062097</v>
      </c>
    </row>
    <row r="114843" spans="1:7" x14ac:dyDescent="0.3">
      <c r="A114843" s="13" t="s">
        <v>547</v>
      </c>
      <c r="B114843" s="14" t="s">
        <v>1</v>
      </c>
      <c r="C114843" s="14" t="s">
        <v>546</v>
      </c>
      <c r="D114843" s="14" t="s">
        <v>266</v>
      </c>
      <c r="E114843" s="15">
        <v>45609</v>
      </c>
      <c r="F114843" s="14" t="s">
        <v>61</v>
      </c>
      <c r="G114843" s="16">
        <v>0.46253780509810583</v>
      </c>
    </row>
    <row r="114844" spans="1:7" x14ac:dyDescent="0.3">
      <c r="A114844" s="13" t="s">
        <v>547</v>
      </c>
      <c r="B114844" s="14" t="s">
        <v>1</v>
      </c>
      <c r="C114844" s="14" t="s">
        <v>546</v>
      </c>
      <c r="D114844" s="14" t="s">
        <v>266</v>
      </c>
      <c r="E114844" s="15">
        <v>45610</v>
      </c>
      <c r="F114844" s="14" t="s">
        <v>61</v>
      </c>
      <c r="G114844" s="16">
        <v>0.461321015933084</v>
      </c>
    </row>
    <row r="114845" spans="1:7" x14ac:dyDescent="0.3">
      <c r="A114845" s="13" t="s">
        <v>547</v>
      </c>
      <c r="B114845" s="14" t="s">
        <v>1</v>
      </c>
      <c r="C114845" s="14" t="s">
        <v>546</v>
      </c>
      <c r="D114845" s="14" t="s">
        <v>266</v>
      </c>
      <c r="E114845" s="15">
        <v>45611</v>
      </c>
      <c r="F114845" s="14" t="s">
        <v>61</v>
      </c>
      <c r="G114845" s="16">
        <v>0.45819264782437519</v>
      </c>
    </row>
    <row r="114846" spans="1:7" x14ac:dyDescent="0.3">
      <c r="A114846" s="13" t="s">
        <v>547</v>
      </c>
      <c r="B114846" s="14" t="s">
        <v>1</v>
      </c>
      <c r="C114846" s="14" t="s">
        <v>546</v>
      </c>
      <c r="D114846" s="14" t="s">
        <v>266</v>
      </c>
      <c r="E114846" s="15">
        <v>45612</v>
      </c>
      <c r="F114846" s="14" t="s">
        <v>61</v>
      </c>
      <c r="G114846" s="16">
        <v>0.45819264782437519</v>
      </c>
    </row>
    <row r="114847" spans="1:7" x14ac:dyDescent="0.3">
      <c r="A114847" s="13" t="s">
        <v>547</v>
      </c>
      <c r="B114847" s="14" t="s">
        <v>1</v>
      </c>
      <c r="C114847" s="14" t="s">
        <v>546</v>
      </c>
      <c r="D114847" s="14" t="s">
        <v>266</v>
      </c>
      <c r="E114847" s="15">
        <v>45613</v>
      </c>
      <c r="F114847" s="14" t="s">
        <v>61</v>
      </c>
      <c r="G114847" s="16">
        <v>0.45819264782437519</v>
      </c>
    </row>
    <row r="114848" spans="1:7" x14ac:dyDescent="0.3">
      <c r="A114848" s="13" t="s">
        <v>547</v>
      </c>
      <c r="B114848" s="14" t="s">
        <v>1</v>
      </c>
      <c r="C114848" s="14" t="s">
        <v>546</v>
      </c>
      <c r="D114848" s="14" t="s">
        <v>266</v>
      </c>
      <c r="E114848" s="15">
        <v>45614</v>
      </c>
      <c r="F114848" s="14" t="s">
        <v>61</v>
      </c>
      <c r="G114848" s="16">
        <v>0.45300484450381684</v>
      </c>
    </row>
    <row r="114849" spans="1:7" x14ac:dyDescent="0.3">
      <c r="A114849" s="13" t="s">
        <v>547</v>
      </c>
      <c r="B114849" s="14" t="s">
        <v>1</v>
      </c>
      <c r="C114849" s="14" t="s">
        <v>546</v>
      </c>
      <c r="D114849" s="14" t="s">
        <v>266</v>
      </c>
      <c r="E114849" s="15">
        <v>45615</v>
      </c>
      <c r="F114849" s="14" t="s">
        <v>61</v>
      </c>
      <c r="G114849" s="16">
        <v>0.4453346086002955</v>
      </c>
    </row>
    <row r="114850" spans="1:7" x14ac:dyDescent="0.3">
      <c r="A114850" s="13" t="s">
        <v>547</v>
      </c>
      <c r="B114850" s="14" t="s">
        <v>1</v>
      </c>
      <c r="C114850" s="14" t="s">
        <v>546</v>
      </c>
      <c r="D114850" s="14" t="s">
        <v>266</v>
      </c>
      <c r="E114850" s="15">
        <v>45616</v>
      </c>
      <c r="F114850" s="14" t="s">
        <v>61</v>
      </c>
      <c r="G114850" s="16">
        <v>0.44490161071063461</v>
      </c>
    </row>
    <row r="114851" spans="1:7" x14ac:dyDescent="0.3">
      <c r="A114851" s="13" t="s">
        <v>547</v>
      </c>
      <c r="B114851" s="14" t="s">
        <v>1</v>
      </c>
      <c r="C114851" s="14" t="s">
        <v>546</v>
      </c>
      <c r="D114851" s="14" t="s">
        <v>266</v>
      </c>
      <c r="E114851" s="15">
        <v>45617</v>
      </c>
      <c r="F114851" s="14" t="s">
        <v>61</v>
      </c>
      <c r="G114851" s="16">
        <v>0.44520758015425177</v>
      </c>
    </row>
    <row r="114852" spans="1:7" x14ac:dyDescent="0.3">
      <c r="A114852" s="13" t="s">
        <v>547</v>
      </c>
      <c r="B114852" s="14" t="s">
        <v>1</v>
      </c>
      <c r="C114852" s="14" t="s">
        <v>546</v>
      </c>
      <c r="D114852" s="14" t="s">
        <v>266</v>
      </c>
      <c r="E114852" s="15">
        <v>45618</v>
      </c>
      <c r="F114852" s="14" t="s">
        <v>61</v>
      </c>
      <c r="G114852" s="16">
        <v>0.44481832027938273</v>
      </c>
    </row>
    <row r="114853" spans="1:7" x14ac:dyDescent="0.3">
      <c r="A114853" s="13" t="s">
        <v>547</v>
      </c>
      <c r="B114853" s="14" t="s">
        <v>1</v>
      </c>
      <c r="C114853" s="14" t="s">
        <v>546</v>
      </c>
      <c r="D114853" s="14" t="s">
        <v>266</v>
      </c>
      <c r="E114853" s="15">
        <v>45619</v>
      </c>
      <c r="F114853" s="14" t="s">
        <v>61</v>
      </c>
      <c r="G114853" s="16">
        <v>0.44481832027938273</v>
      </c>
    </row>
    <row r="114854" spans="1:7" x14ac:dyDescent="0.3">
      <c r="A114854" s="13" t="s">
        <v>547</v>
      </c>
      <c r="B114854" s="14" t="s">
        <v>1</v>
      </c>
      <c r="C114854" s="14" t="s">
        <v>546</v>
      </c>
      <c r="D114854" s="14" t="s">
        <v>266</v>
      </c>
      <c r="E114854" s="15">
        <v>45620</v>
      </c>
      <c r="F114854" s="14" t="s">
        <v>61</v>
      </c>
      <c r="G114854" s="16">
        <v>0.44481832027938273</v>
      </c>
    </row>
    <row r="114855" spans="1:7" x14ac:dyDescent="0.3">
      <c r="A114855" s="13" t="s">
        <v>547</v>
      </c>
      <c r="B114855" s="14" t="s">
        <v>1</v>
      </c>
      <c r="C114855" s="14" t="s">
        <v>546</v>
      </c>
      <c r="D114855" s="14" t="s">
        <v>266</v>
      </c>
      <c r="E114855" s="15">
        <v>45621</v>
      </c>
      <c r="F114855" s="14" t="s">
        <v>61</v>
      </c>
      <c r="G114855" s="16">
        <v>0.43907149246263066</v>
      </c>
    </row>
    <row r="114856" spans="1:7" x14ac:dyDescent="0.3">
      <c r="A114856" s="13" t="s">
        <v>547</v>
      </c>
      <c r="B114856" s="14" t="s">
        <v>1</v>
      </c>
      <c r="C114856" s="14" t="s">
        <v>546</v>
      </c>
      <c r="D114856" s="14" t="s">
        <v>266</v>
      </c>
      <c r="E114856" s="15">
        <v>45622</v>
      </c>
      <c r="F114856" s="14" t="s">
        <v>61</v>
      </c>
      <c r="G114856" s="16">
        <v>0.43166977713437205</v>
      </c>
    </row>
    <row r="114857" spans="1:7" x14ac:dyDescent="0.3">
      <c r="A114857" s="13" t="s">
        <v>547</v>
      </c>
      <c r="B114857" s="14" t="s">
        <v>1</v>
      </c>
      <c r="C114857" s="14" t="s">
        <v>546</v>
      </c>
      <c r="D114857" s="14" t="s">
        <v>266</v>
      </c>
      <c r="E114857" s="15">
        <v>45623</v>
      </c>
      <c r="F114857" s="14" t="s">
        <v>61</v>
      </c>
      <c r="G114857" s="16">
        <v>0.42597917542764041</v>
      </c>
    </row>
    <row r="114858" spans="1:7" x14ac:dyDescent="0.3">
      <c r="A114858" s="13" t="s">
        <v>547</v>
      </c>
      <c r="B114858" s="14" t="s">
        <v>1</v>
      </c>
      <c r="C114858" s="14" t="s">
        <v>546</v>
      </c>
      <c r="D114858" s="14" t="s">
        <v>266</v>
      </c>
      <c r="E114858" s="15">
        <v>45624</v>
      </c>
      <c r="F114858" s="14" t="s">
        <v>61</v>
      </c>
      <c r="G114858" s="16">
        <v>0.4245485494920393</v>
      </c>
    </row>
    <row r="114859" spans="1:7" x14ac:dyDescent="0.3">
      <c r="A114859" s="13" t="s">
        <v>547</v>
      </c>
      <c r="B114859" s="14" t="s">
        <v>1</v>
      </c>
      <c r="C114859" s="14" t="s">
        <v>546</v>
      </c>
      <c r="D114859" s="14" t="s">
        <v>266</v>
      </c>
      <c r="E114859" s="15">
        <v>45625</v>
      </c>
      <c r="F114859" s="14" t="s">
        <v>61</v>
      </c>
      <c r="G114859" s="16">
        <v>0.42370942492406244</v>
      </c>
    </row>
    <row r="114860" spans="1:7" x14ac:dyDescent="0.3">
      <c r="A114860" s="13" t="s">
        <v>547</v>
      </c>
      <c r="B114860" s="14" t="s">
        <v>1</v>
      </c>
      <c r="C114860" s="14" t="s">
        <v>546</v>
      </c>
      <c r="D114860" s="14" t="s">
        <v>266</v>
      </c>
      <c r="E114860" s="15">
        <v>45626</v>
      </c>
      <c r="F114860" s="14" t="s">
        <v>61</v>
      </c>
      <c r="G114860" s="16">
        <v>0.42370942492406244</v>
      </c>
    </row>
    <row r="114861" spans="1:7" x14ac:dyDescent="0.3">
      <c r="A114861" s="13" t="s">
        <v>547</v>
      </c>
      <c r="B114861" s="14" t="s">
        <v>1</v>
      </c>
      <c r="C114861" s="14" t="s">
        <v>546</v>
      </c>
      <c r="D114861" s="14" t="s">
        <v>266</v>
      </c>
      <c r="E114861" s="15">
        <v>45627</v>
      </c>
      <c r="F114861" s="14" t="s">
        <v>61</v>
      </c>
      <c r="G114861" s="16">
        <v>0.42370942492406244</v>
      </c>
    </row>
    <row r="114862" spans="1:7" x14ac:dyDescent="0.3">
      <c r="A114862" s="13" t="s">
        <v>547</v>
      </c>
      <c r="B114862" s="14" t="s">
        <v>1</v>
      </c>
      <c r="C114862" s="14" t="s">
        <v>546</v>
      </c>
      <c r="D114862" s="14" t="s">
        <v>266</v>
      </c>
      <c r="E114862" s="15">
        <v>45628</v>
      </c>
      <c r="F114862" s="14" t="s">
        <v>61</v>
      </c>
      <c r="G114862" s="16">
        <v>0.42556297508984609</v>
      </c>
    </row>
    <row r="114863" spans="1:7" x14ac:dyDescent="0.3">
      <c r="A114863" s="13" t="s">
        <v>547</v>
      </c>
      <c r="B114863" s="14" t="s">
        <v>1</v>
      </c>
      <c r="C114863" s="14" t="s">
        <v>546</v>
      </c>
      <c r="D114863" s="14" t="s">
        <v>266</v>
      </c>
      <c r="E114863" s="15">
        <v>45629</v>
      </c>
      <c r="F114863" s="14" t="s">
        <v>61</v>
      </c>
      <c r="G114863" s="16">
        <v>0.41733080157357022</v>
      </c>
    </row>
    <row r="114864" spans="1:7" x14ac:dyDescent="0.3">
      <c r="A114864" s="13" t="s">
        <v>547</v>
      </c>
      <c r="B114864" s="14" t="s">
        <v>1</v>
      </c>
      <c r="C114864" s="14" t="s">
        <v>546</v>
      </c>
      <c r="D114864" s="14" t="s">
        <v>266</v>
      </c>
      <c r="E114864" s="15">
        <v>45630</v>
      </c>
      <c r="F114864" s="14" t="s">
        <v>61</v>
      </c>
      <c r="G114864" s="16">
        <v>0.41635575124567126</v>
      </c>
    </row>
    <row r="114865" spans="1:7" x14ac:dyDescent="0.3">
      <c r="A114865" s="13" t="s">
        <v>547</v>
      </c>
      <c r="B114865" s="14" t="s">
        <v>1</v>
      </c>
      <c r="C114865" s="14" t="s">
        <v>546</v>
      </c>
      <c r="D114865" s="14" t="s">
        <v>266</v>
      </c>
      <c r="E114865" s="15">
        <v>45631</v>
      </c>
      <c r="F114865" s="14" t="s">
        <v>61</v>
      </c>
      <c r="G114865" s="16">
        <v>0.41080203650958852</v>
      </c>
    </row>
    <row r="114866" spans="1:7" x14ac:dyDescent="0.3">
      <c r="A114866" s="13" t="s">
        <v>547</v>
      </c>
      <c r="B114866" s="14" t="s">
        <v>1</v>
      </c>
      <c r="C114866" s="14" t="s">
        <v>546</v>
      </c>
      <c r="D114866" s="14" t="s">
        <v>266</v>
      </c>
      <c r="E114866" s="15">
        <v>45632</v>
      </c>
      <c r="F114866" s="14" t="s">
        <v>61</v>
      </c>
      <c r="G114866" s="16">
        <v>0.4088743766753215</v>
      </c>
    </row>
    <row r="114867" spans="1:7" x14ac:dyDescent="0.3">
      <c r="A114867" s="13" t="s">
        <v>547</v>
      </c>
      <c r="B114867" s="14" t="s">
        <v>1</v>
      </c>
      <c r="C114867" s="14" t="s">
        <v>546</v>
      </c>
      <c r="D114867" s="14" t="s">
        <v>266</v>
      </c>
      <c r="E114867" s="15">
        <v>45633</v>
      </c>
      <c r="F114867" s="14" t="s">
        <v>61</v>
      </c>
      <c r="G114867" s="16">
        <v>0.4088743766753215</v>
      </c>
    </row>
    <row r="114868" spans="1:7" x14ac:dyDescent="0.3">
      <c r="A114868" s="13" t="s">
        <v>547</v>
      </c>
      <c r="B114868" s="14" t="s">
        <v>1</v>
      </c>
      <c r="C114868" s="14" t="s">
        <v>546</v>
      </c>
      <c r="D114868" s="14" t="s">
        <v>266</v>
      </c>
      <c r="E114868" s="15">
        <v>45634</v>
      </c>
      <c r="F114868" s="14" t="s">
        <v>61</v>
      </c>
      <c r="G114868" s="16">
        <v>0.4088743766753215</v>
      </c>
    </row>
    <row r="114869" spans="1:7" x14ac:dyDescent="0.3">
      <c r="A114869" s="13" t="s">
        <v>547</v>
      </c>
      <c r="B114869" s="14" t="s">
        <v>1</v>
      </c>
      <c r="C114869" s="14" t="s">
        <v>546</v>
      </c>
      <c r="D114869" s="14" t="s">
        <v>266</v>
      </c>
      <c r="E114869" s="15">
        <v>45635</v>
      </c>
      <c r="F114869" s="14" t="s">
        <v>61</v>
      </c>
      <c r="G114869" s="16">
        <v>0.40690823289185557</v>
      </c>
    </row>
    <row r="114870" spans="1:7" x14ac:dyDescent="0.3">
      <c r="A114870" s="13" t="s">
        <v>547</v>
      </c>
      <c r="B114870" s="14" t="s">
        <v>1</v>
      </c>
      <c r="C114870" s="14" t="s">
        <v>546</v>
      </c>
      <c r="D114870" s="14" t="s">
        <v>266</v>
      </c>
      <c r="E114870" s="15">
        <v>45636</v>
      </c>
      <c r="F114870" s="14" t="s">
        <v>61</v>
      </c>
      <c r="G114870" s="16">
        <v>0.40591676540999005</v>
      </c>
    </row>
    <row r="114871" spans="1:7" x14ac:dyDescent="0.3">
      <c r="A114871" s="13" t="s">
        <v>547</v>
      </c>
      <c r="B114871" s="14" t="s">
        <v>1</v>
      </c>
      <c r="C114871" s="14" t="s">
        <v>546</v>
      </c>
      <c r="D114871" s="14" t="s">
        <v>266</v>
      </c>
      <c r="E114871" s="15">
        <v>45637</v>
      </c>
      <c r="F114871" s="14" t="s">
        <v>61</v>
      </c>
      <c r="G114871" s="16">
        <v>0.40447990097129927</v>
      </c>
    </row>
    <row r="114872" spans="1:7" x14ac:dyDescent="0.3">
      <c r="A114872" s="13" t="s">
        <v>547</v>
      </c>
      <c r="B114872" s="14" t="s">
        <v>1</v>
      </c>
      <c r="C114872" s="14" t="s">
        <v>546</v>
      </c>
      <c r="D114872" s="14" t="s">
        <v>266</v>
      </c>
      <c r="E114872" s="15">
        <v>45638</v>
      </c>
      <c r="F114872" s="14" t="s">
        <v>61</v>
      </c>
      <c r="G114872" s="16">
        <v>0.4028922477919698</v>
      </c>
    </row>
    <row r="114873" spans="1:7" x14ac:dyDescent="0.3">
      <c r="A114873" s="13" t="s">
        <v>547</v>
      </c>
      <c r="B114873" s="14" t="s">
        <v>1</v>
      </c>
      <c r="C114873" s="14" t="s">
        <v>546</v>
      </c>
      <c r="D114873" s="14" t="s">
        <v>266</v>
      </c>
      <c r="E114873" s="15">
        <v>45639</v>
      </c>
      <c r="F114873" s="14" t="s">
        <v>61</v>
      </c>
      <c r="G114873" s="16">
        <v>0.39889194237872538</v>
      </c>
    </row>
    <row r="114874" spans="1:7" x14ac:dyDescent="0.3">
      <c r="A114874" s="13" t="s">
        <v>547</v>
      </c>
      <c r="B114874" s="14" t="s">
        <v>1</v>
      </c>
      <c r="C114874" s="14" t="s">
        <v>546</v>
      </c>
      <c r="D114874" s="14" t="s">
        <v>266</v>
      </c>
      <c r="E114874" s="15">
        <v>45640</v>
      </c>
      <c r="F114874" s="14" t="s">
        <v>61</v>
      </c>
      <c r="G114874" s="16">
        <v>0.39889194237872538</v>
      </c>
    </row>
    <row r="114875" spans="1:7" x14ac:dyDescent="0.3">
      <c r="A114875" s="13" t="s">
        <v>547</v>
      </c>
      <c r="B114875" s="14" t="s">
        <v>1</v>
      </c>
      <c r="C114875" s="14" t="s">
        <v>546</v>
      </c>
      <c r="D114875" s="14" t="s">
        <v>266</v>
      </c>
      <c r="E114875" s="15">
        <v>45641</v>
      </c>
      <c r="F114875" s="14" t="s">
        <v>61</v>
      </c>
      <c r="G114875" s="16">
        <v>0.39889194237872538</v>
      </c>
    </row>
    <row r="114876" spans="1:7" x14ac:dyDescent="0.3">
      <c r="A114876" s="13" t="s">
        <v>547</v>
      </c>
      <c r="B114876" s="14" t="s">
        <v>1</v>
      </c>
      <c r="C114876" s="14" t="s">
        <v>546</v>
      </c>
      <c r="D114876" s="14" t="s">
        <v>266</v>
      </c>
      <c r="E114876" s="15">
        <v>45642</v>
      </c>
      <c r="F114876" s="14" t="s">
        <v>61</v>
      </c>
      <c r="G114876" s="16">
        <v>0.39608769390959608</v>
      </c>
    </row>
    <row r="114877" spans="1:7" x14ac:dyDescent="0.3">
      <c r="A114877" s="13" t="s">
        <v>547</v>
      </c>
      <c r="B114877" s="14" t="s">
        <v>1</v>
      </c>
      <c r="C114877" s="14" t="s">
        <v>546</v>
      </c>
      <c r="D114877" s="14" t="s">
        <v>266</v>
      </c>
      <c r="E114877" s="15">
        <v>45643</v>
      </c>
      <c r="F114877" s="14" t="s">
        <v>61</v>
      </c>
      <c r="G114877" s="16">
        <v>0.38900592957511149</v>
      </c>
    </row>
    <row r="114878" spans="1:7" x14ac:dyDescent="0.3">
      <c r="A114878" s="13" t="s">
        <v>547</v>
      </c>
      <c r="B114878" s="14" t="s">
        <v>1</v>
      </c>
      <c r="C114878" s="14" t="s">
        <v>546</v>
      </c>
      <c r="D114878" s="14" t="s">
        <v>266</v>
      </c>
      <c r="E114878" s="15">
        <v>45644</v>
      </c>
      <c r="F114878" s="14" t="s">
        <v>61</v>
      </c>
      <c r="G114878" s="16">
        <v>0.39158647724303142</v>
      </c>
    </row>
    <row r="114879" spans="1:7" x14ac:dyDescent="0.3">
      <c r="A114879" s="13" t="s">
        <v>547</v>
      </c>
      <c r="B114879" s="14" t="s">
        <v>1</v>
      </c>
      <c r="C114879" s="14" t="s">
        <v>546</v>
      </c>
      <c r="D114879" s="14" t="s">
        <v>266</v>
      </c>
      <c r="E114879" s="15">
        <v>45645</v>
      </c>
      <c r="F114879" s="14" t="s">
        <v>61</v>
      </c>
      <c r="G114879" s="16">
        <v>0.38903729126347331</v>
      </c>
    </row>
    <row r="114880" spans="1:7" x14ac:dyDescent="0.3">
      <c r="A114880" s="13" t="s">
        <v>547</v>
      </c>
      <c r="B114880" s="14" t="s">
        <v>1</v>
      </c>
      <c r="C114880" s="14" t="s">
        <v>546</v>
      </c>
      <c r="D114880" s="14" t="s">
        <v>266</v>
      </c>
      <c r="E114880" s="15">
        <v>45646</v>
      </c>
      <c r="F114880" s="14" t="s">
        <v>61</v>
      </c>
      <c r="G114880" s="16">
        <v>0.38391241089169809</v>
      </c>
    </row>
    <row r="114881" spans="1:7" x14ac:dyDescent="0.3">
      <c r="A114881" s="13" t="s">
        <v>547</v>
      </c>
      <c r="B114881" s="14" t="s">
        <v>1</v>
      </c>
      <c r="C114881" s="14" t="s">
        <v>546</v>
      </c>
      <c r="D114881" s="14" t="s">
        <v>266</v>
      </c>
      <c r="E114881" s="15">
        <v>45647</v>
      </c>
      <c r="F114881" s="14" t="s">
        <v>61</v>
      </c>
      <c r="G114881" s="16">
        <v>0.38391241089169809</v>
      </c>
    </row>
    <row r="114882" spans="1:7" x14ac:dyDescent="0.3">
      <c r="A114882" s="13" t="s">
        <v>547</v>
      </c>
      <c r="B114882" s="14" t="s">
        <v>1</v>
      </c>
      <c r="C114882" s="14" t="s">
        <v>546</v>
      </c>
      <c r="D114882" s="14" t="s">
        <v>266</v>
      </c>
      <c r="E114882" s="15">
        <v>45648</v>
      </c>
      <c r="F114882" s="14" t="s">
        <v>61</v>
      </c>
      <c r="G114882" s="16">
        <v>0.38391241089169809</v>
      </c>
    </row>
    <row r="114883" spans="1:7" x14ac:dyDescent="0.3">
      <c r="A114883" s="13" t="s">
        <v>547</v>
      </c>
      <c r="B114883" s="14" t="s">
        <v>1</v>
      </c>
      <c r="C114883" s="14" t="s">
        <v>546</v>
      </c>
      <c r="D114883" s="14" t="s">
        <v>266</v>
      </c>
      <c r="E114883" s="15">
        <v>45649</v>
      </c>
      <c r="F114883" s="14" t="s">
        <v>61</v>
      </c>
      <c r="G114883" s="16">
        <v>0.41298515193518731</v>
      </c>
    </row>
    <row r="114884" spans="1:7" x14ac:dyDescent="0.3">
      <c r="A114884" s="13" t="s">
        <v>547</v>
      </c>
      <c r="B114884" s="14" t="s">
        <v>1</v>
      </c>
      <c r="C114884" s="14" t="s">
        <v>546</v>
      </c>
      <c r="D114884" s="14" t="s">
        <v>266</v>
      </c>
      <c r="E114884" s="15">
        <v>45650</v>
      </c>
      <c r="F114884" s="14" t="s">
        <v>61</v>
      </c>
      <c r="G114884" s="16">
        <v>0.4054369186372222</v>
      </c>
    </row>
    <row r="114885" spans="1:7" x14ac:dyDescent="0.3">
      <c r="A114885" s="13" t="s">
        <v>547</v>
      </c>
      <c r="B114885" s="14" t="s">
        <v>1</v>
      </c>
      <c r="C114885" s="14" t="s">
        <v>546</v>
      </c>
      <c r="D114885" s="14" t="s">
        <v>266</v>
      </c>
      <c r="E114885" s="15">
        <v>45651</v>
      </c>
      <c r="F114885" s="14" t="s">
        <v>61</v>
      </c>
      <c r="G114885" s="16">
        <v>0.4054369186372222</v>
      </c>
    </row>
    <row r="114886" spans="1:7" x14ac:dyDescent="0.3">
      <c r="A114886" s="13" t="s">
        <v>547</v>
      </c>
      <c r="B114886" s="14" t="s">
        <v>1</v>
      </c>
      <c r="C114886" s="14" t="s">
        <v>546</v>
      </c>
      <c r="D114886" s="14" t="s">
        <v>266</v>
      </c>
      <c r="E114886" s="15">
        <v>45652</v>
      </c>
      <c r="F114886" s="14" t="s">
        <v>61</v>
      </c>
      <c r="G114886" s="16">
        <v>0.4054369186372222</v>
      </c>
    </row>
    <row r="114887" spans="1:7" x14ac:dyDescent="0.3">
      <c r="A114887" s="13" t="s">
        <v>547</v>
      </c>
      <c r="B114887" s="14" t="s">
        <v>1</v>
      </c>
      <c r="C114887" s="14" t="s">
        <v>546</v>
      </c>
      <c r="D114887" s="14" t="s">
        <v>266</v>
      </c>
      <c r="E114887" s="15">
        <v>45653</v>
      </c>
      <c r="F114887" s="14" t="s">
        <v>61</v>
      </c>
      <c r="G114887" s="16">
        <v>0.4054369186372222</v>
      </c>
    </row>
    <row r="114888" spans="1:7" x14ac:dyDescent="0.3">
      <c r="A114888" s="13" t="s">
        <v>547</v>
      </c>
      <c r="B114888" s="14" t="s">
        <v>1</v>
      </c>
      <c r="C114888" s="14" t="s">
        <v>546</v>
      </c>
      <c r="D114888" s="14" t="s">
        <v>266</v>
      </c>
      <c r="E114888" s="15">
        <v>45654</v>
      </c>
      <c r="F114888" s="14" t="s">
        <v>61</v>
      </c>
      <c r="G114888" s="16">
        <v>0.4054369186372222</v>
      </c>
    </row>
    <row r="114889" spans="1:7" x14ac:dyDescent="0.3">
      <c r="A114889" s="13" t="s">
        <v>547</v>
      </c>
      <c r="B114889" s="14" t="s">
        <v>1</v>
      </c>
      <c r="C114889" s="14" t="s">
        <v>546</v>
      </c>
      <c r="D114889" s="14" t="s">
        <v>266</v>
      </c>
      <c r="E114889" s="15">
        <v>45655</v>
      </c>
      <c r="F114889" s="14" t="s">
        <v>61</v>
      </c>
      <c r="G114889" s="16">
        <v>0.4054369186372222</v>
      </c>
    </row>
    <row r="114890" spans="1:7" x14ac:dyDescent="0.3">
      <c r="A114890" s="13" t="s">
        <v>547</v>
      </c>
      <c r="B114890" s="14" t="s">
        <v>1</v>
      </c>
      <c r="C114890" s="14" t="s">
        <v>546</v>
      </c>
      <c r="D114890" s="14" t="s">
        <v>266</v>
      </c>
      <c r="E114890" s="15">
        <v>45656</v>
      </c>
      <c r="F114890" s="14" t="s">
        <v>61</v>
      </c>
      <c r="G114890" s="16">
        <v>0.40249841864383101</v>
      </c>
    </row>
    <row r="114891" spans="1:7" x14ac:dyDescent="0.3">
      <c r="A114891" s="13" t="s">
        <v>547</v>
      </c>
      <c r="B114891" s="14" t="s">
        <v>1</v>
      </c>
      <c r="C114891" s="14" t="s">
        <v>546</v>
      </c>
      <c r="D114891" s="14" t="s">
        <v>266</v>
      </c>
      <c r="E114891" s="15">
        <v>45657</v>
      </c>
      <c r="F114891" s="14" t="s">
        <v>61</v>
      </c>
      <c r="G114891" s="16">
        <v>0.39530889793257767</v>
      </c>
    </row>
    <row r="114892" spans="1:7" x14ac:dyDescent="0.3">
      <c r="A114892" s="13" t="s">
        <v>547</v>
      </c>
      <c r="B114892" s="14" t="s">
        <v>1</v>
      </c>
      <c r="C114892" s="14" t="s">
        <v>546</v>
      </c>
      <c r="D114892" s="14" t="s">
        <v>266</v>
      </c>
      <c r="E114892" s="15">
        <v>45658</v>
      </c>
      <c r="F114892" s="14" t="s">
        <v>61</v>
      </c>
      <c r="G114892" s="16">
        <v>0.39530889793257767</v>
      </c>
    </row>
    <row r="114893" spans="1:7" x14ac:dyDescent="0.3">
      <c r="A114893" s="13" t="s">
        <v>547</v>
      </c>
      <c r="B114893" s="14" t="s">
        <v>1</v>
      </c>
      <c r="C114893" s="14" t="s">
        <v>546</v>
      </c>
      <c r="D114893" s="14" t="s">
        <v>266</v>
      </c>
      <c r="E114893" s="15">
        <v>45659</v>
      </c>
      <c r="F114893" s="14" t="s">
        <v>61</v>
      </c>
      <c r="G114893" s="16">
        <v>0.39606815036610521</v>
      </c>
    </row>
    <row r="114894" spans="1:7" x14ac:dyDescent="0.3">
      <c r="A114894" s="13" t="s">
        <v>547</v>
      </c>
      <c r="B114894" s="14" t="s">
        <v>1</v>
      </c>
      <c r="C114894" s="14" t="s">
        <v>546</v>
      </c>
      <c r="D114894" s="14" t="s">
        <v>266</v>
      </c>
      <c r="E114894" s="15">
        <v>45660</v>
      </c>
      <c r="F114894" s="14" t="s">
        <v>61</v>
      </c>
      <c r="G114894" s="16">
        <v>0.49194814504038092</v>
      </c>
    </row>
    <row r="114895" spans="1:7" x14ac:dyDescent="0.3">
      <c r="A114895" s="13" t="s">
        <v>547</v>
      </c>
      <c r="B114895" s="14" t="s">
        <v>1</v>
      </c>
      <c r="C114895" s="14" t="s">
        <v>546</v>
      </c>
      <c r="D114895" s="14" t="s">
        <v>266</v>
      </c>
      <c r="E114895" s="15">
        <v>45661</v>
      </c>
      <c r="F114895" s="14" t="s">
        <v>61</v>
      </c>
      <c r="G114895" s="16">
        <v>0.49194814504038092</v>
      </c>
    </row>
    <row r="114896" spans="1:7" x14ac:dyDescent="0.3">
      <c r="A114896" s="13" t="s">
        <v>547</v>
      </c>
      <c r="B114896" s="14" t="s">
        <v>1</v>
      </c>
      <c r="C114896" s="14" t="s">
        <v>546</v>
      </c>
      <c r="D114896" s="14" t="s">
        <v>266</v>
      </c>
      <c r="E114896" s="15">
        <v>45662</v>
      </c>
      <c r="F114896" s="14" t="s">
        <v>61</v>
      </c>
      <c r="G114896" s="16">
        <v>0.49194814504038092</v>
      </c>
    </row>
    <row r="114897" spans="1:7" x14ac:dyDescent="0.3">
      <c r="A114897" s="13" t="s">
        <v>547</v>
      </c>
      <c r="B114897" s="14" t="s">
        <v>1</v>
      </c>
      <c r="C114897" s="14" t="s">
        <v>546</v>
      </c>
      <c r="D114897" s="14" t="s">
        <v>266</v>
      </c>
      <c r="E114897" s="15">
        <v>45663</v>
      </c>
      <c r="F114897" s="14" t="s">
        <v>61</v>
      </c>
      <c r="G114897" s="16">
        <v>0.48555562286889142</v>
      </c>
    </row>
    <row r="114898" spans="1:7" x14ac:dyDescent="0.3">
      <c r="A114898" s="13" t="s">
        <v>547</v>
      </c>
      <c r="B114898" s="14" t="s">
        <v>1</v>
      </c>
      <c r="C114898" s="14" t="s">
        <v>546</v>
      </c>
      <c r="D114898" s="14" t="s">
        <v>266</v>
      </c>
      <c r="E114898" s="15">
        <v>45664</v>
      </c>
      <c r="F114898" s="14" t="s">
        <v>61</v>
      </c>
      <c r="G114898" s="16">
        <v>0.48184983547480859</v>
      </c>
    </row>
    <row r="114899" spans="1:7" x14ac:dyDescent="0.3">
      <c r="A114899" s="13" t="s">
        <v>547</v>
      </c>
      <c r="B114899" s="14" t="s">
        <v>1</v>
      </c>
      <c r="C114899" s="14" t="s">
        <v>546</v>
      </c>
      <c r="D114899" s="14" t="s">
        <v>266</v>
      </c>
      <c r="E114899" s="15">
        <v>45665</v>
      </c>
      <c r="F114899" s="14" t="s">
        <v>61</v>
      </c>
      <c r="G114899" s="16">
        <v>0.4814559002422012</v>
      </c>
    </row>
    <row r="114900" spans="1:7" x14ac:dyDescent="0.3">
      <c r="A114900" s="13" t="s">
        <v>547</v>
      </c>
      <c r="B114900" s="14" t="s">
        <v>1</v>
      </c>
      <c r="C114900" s="14" t="s">
        <v>546</v>
      </c>
      <c r="D114900" s="14" t="s">
        <v>266</v>
      </c>
      <c r="E114900" s="15">
        <v>45666</v>
      </c>
      <c r="F114900" s="14" t="s">
        <v>61</v>
      </c>
      <c r="G114900" s="16">
        <v>0.47979891902008959</v>
      </c>
    </row>
    <row r="114901" spans="1:7" x14ac:dyDescent="0.3">
      <c r="A114901" s="13" t="s">
        <v>547</v>
      </c>
      <c r="B114901" s="14" t="s">
        <v>1</v>
      </c>
      <c r="C114901" s="14" t="s">
        <v>546</v>
      </c>
      <c r="D114901" s="14" t="s">
        <v>266</v>
      </c>
      <c r="E114901" s="15">
        <v>45667</v>
      </c>
      <c r="F114901" s="14" t="s">
        <v>61</v>
      </c>
      <c r="G114901" s="16">
        <v>0.47980198821498493</v>
      </c>
    </row>
    <row r="114902" spans="1:7" x14ac:dyDescent="0.3">
      <c r="A114902" s="13" t="s">
        <v>547</v>
      </c>
      <c r="B114902" s="14" t="s">
        <v>1</v>
      </c>
      <c r="C114902" s="14" t="s">
        <v>546</v>
      </c>
      <c r="D114902" s="14" t="s">
        <v>266</v>
      </c>
      <c r="E114902" s="15">
        <v>45668</v>
      </c>
      <c r="F114902" s="14" t="s">
        <v>61</v>
      </c>
      <c r="G114902" s="16">
        <v>0.47980198821498493</v>
      </c>
    </row>
    <row r="114903" spans="1:7" x14ac:dyDescent="0.3">
      <c r="A114903" s="13" t="s">
        <v>547</v>
      </c>
      <c r="B114903" s="14" t="s">
        <v>1</v>
      </c>
      <c r="C114903" s="14" t="s">
        <v>546</v>
      </c>
      <c r="D114903" s="14" t="s">
        <v>266</v>
      </c>
      <c r="E114903" s="15">
        <v>45669</v>
      </c>
      <c r="F114903" s="14" t="s">
        <v>61</v>
      </c>
      <c r="G114903" s="16">
        <v>0.47980198821498493</v>
      </c>
    </row>
    <row r="114904" spans="1:7" x14ac:dyDescent="0.3">
      <c r="A114904" s="13" t="s">
        <v>547</v>
      </c>
      <c r="B114904" s="14" t="s">
        <v>1</v>
      </c>
      <c r="C114904" s="14" t="s">
        <v>546</v>
      </c>
      <c r="D114904" s="14" t="s">
        <v>266</v>
      </c>
      <c r="E114904" s="15">
        <v>45670</v>
      </c>
      <c r="F114904" s="14" t="s">
        <v>61</v>
      </c>
      <c r="G114904" s="16">
        <v>0.49281535819788985</v>
      </c>
    </row>
    <row r="114905" spans="1:7" x14ac:dyDescent="0.3">
      <c r="A114905" s="13" t="s">
        <v>547</v>
      </c>
      <c r="B114905" s="14" t="s">
        <v>1</v>
      </c>
      <c r="C114905" s="14" t="s">
        <v>546</v>
      </c>
      <c r="D114905" s="14" t="s">
        <v>266</v>
      </c>
      <c r="E114905" s="15">
        <v>45671</v>
      </c>
      <c r="F114905" s="14" t="s">
        <v>61</v>
      </c>
      <c r="G114905" s="16">
        <v>0.48227125620214489</v>
      </c>
    </row>
    <row r="114906" spans="1:7" x14ac:dyDescent="0.3">
      <c r="A114906" s="13" t="s">
        <v>547</v>
      </c>
      <c r="B114906" s="14" t="s">
        <v>1</v>
      </c>
      <c r="C114906" s="14" t="s">
        <v>546</v>
      </c>
      <c r="D114906" s="14" t="s">
        <v>266</v>
      </c>
      <c r="E114906" s="15">
        <v>45672</v>
      </c>
      <c r="F114906" s="14" t="s">
        <v>61</v>
      </c>
      <c r="G114906" s="16">
        <v>0.48062800129532601</v>
      </c>
    </row>
    <row r="114907" spans="1:7" x14ac:dyDescent="0.3">
      <c r="A114907" s="13" t="s">
        <v>547</v>
      </c>
      <c r="B114907" s="14" t="s">
        <v>1</v>
      </c>
      <c r="C114907" s="14" t="s">
        <v>546</v>
      </c>
      <c r="D114907" s="14" t="s">
        <v>266</v>
      </c>
      <c r="E114907" s="15">
        <v>45673</v>
      </c>
      <c r="F114907" s="14" t="s">
        <v>61</v>
      </c>
      <c r="G114907" s="16">
        <v>0.47767260587267579</v>
      </c>
    </row>
    <row r="114908" spans="1:7" x14ac:dyDescent="0.3">
      <c r="A114908" s="13" t="s">
        <v>547</v>
      </c>
      <c r="B114908" s="14" t="s">
        <v>1</v>
      </c>
      <c r="C114908" s="14" t="s">
        <v>546</v>
      </c>
      <c r="D114908" s="14" t="s">
        <v>266</v>
      </c>
      <c r="E114908" s="15">
        <v>45674</v>
      </c>
      <c r="F114908" s="14" t="s">
        <v>61</v>
      </c>
      <c r="G114908" s="16">
        <v>0.47643152953299267</v>
      </c>
    </row>
    <row r="114909" spans="1:7" x14ac:dyDescent="0.3">
      <c r="A114909" s="13" t="s">
        <v>547</v>
      </c>
      <c r="B114909" s="14" t="s">
        <v>1</v>
      </c>
      <c r="C114909" s="14" t="s">
        <v>546</v>
      </c>
      <c r="D114909" s="14" t="s">
        <v>266</v>
      </c>
      <c r="E114909" s="15">
        <v>45675</v>
      </c>
      <c r="F114909" s="14" t="s">
        <v>61</v>
      </c>
      <c r="G114909" s="16">
        <v>0.47643152953299267</v>
      </c>
    </row>
    <row r="114910" spans="1:7" x14ac:dyDescent="0.3">
      <c r="A114910" s="13" t="s">
        <v>547</v>
      </c>
      <c r="B114910" s="14" t="s">
        <v>1</v>
      </c>
      <c r="C114910" s="14" t="s">
        <v>546</v>
      </c>
      <c r="D114910" s="14" t="s">
        <v>266</v>
      </c>
      <c r="E114910" s="15">
        <v>45676</v>
      </c>
      <c r="F114910" s="14" t="s">
        <v>61</v>
      </c>
      <c r="G114910" s="16">
        <v>0.47643152953299267</v>
      </c>
    </row>
    <row r="114911" spans="1:7" x14ac:dyDescent="0.3">
      <c r="A114911" s="13" t="s">
        <v>547</v>
      </c>
      <c r="B114911" s="14" t="s">
        <v>1</v>
      </c>
      <c r="C114911" s="14" t="s">
        <v>546</v>
      </c>
      <c r="D114911" s="14" t="s">
        <v>266</v>
      </c>
      <c r="E114911" s="15">
        <v>45677</v>
      </c>
      <c r="F114911" s="14" t="s">
        <v>61</v>
      </c>
      <c r="G114911" s="16">
        <v>0.46727141968372049</v>
      </c>
    </row>
    <row r="114912" spans="1:7" x14ac:dyDescent="0.3">
      <c r="A114912" s="13" t="s">
        <v>547</v>
      </c>
      <c r="B114912" s="14" t="s">
        <v>1</v>
      </c>
      <c r="C114912" s="14" t="s">
        <v>546</v>
      </c>
      <c r="D114912" s="14" t="s">
        <v>266</v>
      </c>
      <c r="E114912" s="15">
        <v>45678</v>
      </c>
      <c r="F114912" s="14" t="s">
        <v>61</v>
      </c>
      <c r="G114912" s="16">
        <v>0.45914858180902651</v>
      </c>
    </row>
    <row r="114913" spans="1:7" x14ac:dyDescent="0.3">
      <c r="A114913" s="13" t="s">
        <v>547</v>
      </c>
      <c r="B114913" s="14" t="s">
        <v>1</v>
      </c>
      <c r="C114913" s="14" t="s">
        <v>546</v>
      </c>
      <c r="D114913" s="14" t="s">
        <v>266</v>
      </c>
      <c r="E114913" s="15">
        <v>45679</v>
      </c>
      <c r="F114913" s="14" t="s">
        <v>61</v>
      </c>
      <c r="G114913" s="16">
        <v>0.45744036080717188</v>
      </c>
    </row>
    <row r="114914" spans="1:7" x14ac:dyDescent="0.3">
      <c r="A114914" s="13" t="s">
        <v>547</v>
      </c>
      <c r="B114914" s="14" t="s">
        <v>1</v>
      </c>
      <c r="C114914" s="14" t="s">
        <v>546</v>
      </c>
      <c r="D114914" s="14" t="s">
        <v>266</v>
      </c>
      <c r="E114914" s="15">
        <v>45680</v>
      </c>
      <c r="F114914" s="14" t="s">
        <v>61</v>
      </c>
      <c r="G114914" s="16">
        <v>0.45455720882230699</v>
      </c>
    </row>
    <row r="114915" spans="1:7" x14ac:dyDescent="0.3">
      <c r="A114915" s="13" t="s">
        <v>547</v>
      </c>
      <c r="B114915" s="14" t="s">
        <v>1</v>
      </c>
      <c r="C114915" s="14" t="s">
        <v>546</v>
      </c>
      <c r="D114915" s="14" t="s">
        <v>266</v>
      </c>
      <c r="E114915" s="15">
        <v>45681</v>
      </c>
      <c r="F114915" s="14" t="s">
        <v>61</v>
      </c>
      <c r="G114915" s="16">
        <v>0.44857008014826383</v>
      </c>
    </row>
    <row r="114916" spans="1:7" x14ac:dyDescent="0.3">
      <c r="A114916" s="13" t="s">
        <v>547</v>
      </c>
      <c r="B114916" s="14" t="s">
        <v>1</v>
      </c>
      <c r="C114916" s="14" t="s">
        <v>546</v>
      </c>
      <c r="D114916" s="14" t="s">
        <v>266</v>
      </c>
      <c r="E114916" s="15">
        <v>45682</v>
      </c>
      <c r="F114916" s="14" t="s">
        <v>61</v>
      </c>
      <c r="G114916" s="16">
        <v>0.44857008014826383</v>
      </c>
    </row>
    <row r="114917" spans="1:7" x14ac:dyDescent="0.3">
      <c r="A114917" s="13" t="s">
        <v>547</v>
      </c>
      <c r="B114917" s="14" t="s">
        <v>1</v>
      </c>
      <c r="C114917" s="14" t="s">
        <v>546</v>
      </c>
      <c r="D114917" s="14" t="s">
        <v>266</v>
      </c>
      <c r="E114917" s="15">
        <v>45683</v>
      </c>
      <c r="F114917" s="14" t="s">
        <v>61</v>
      </c>
      <c r="G114917" s="16">
        <v>0.44857008014826383</v>
      </c>
    </row>
    <row r="114918" spans="1:7" x14ac:dyDescent="0.3">
      <c r="A114918" s="13" t="s">
        <v>547</v>
      </c>
      <c r="B114918" s="14" t="s">
        <v>1</v>
      </c>
      <c r="C114918" s="14" t="s">
        <v>546</v>
      </c>
      <c r="D114918" s="14" t="s">
        <v>266</v>
      </c>
      <c r="E114918" s="15">
        <v>45684</v>
      </c>
      <c r="F114918" s="14" t="s">
        <v>61</v>
      </c>
      <c r="G114918" s="16">
        <v>0.46762962221652643</v>
      </c>
    </row>
    <row r="114919" spans="1:7" x14ac:dyDescent="0.3">
      <c r="A114919" s="13" t="s">
        <v>547</v>
      </c>
      <c r="B114919" s="14" t="s">
        <v>1</v>
      </c>
      <c r="C114919" s="14" t="s">
        <v>546</v>
      </c>
      <c r="D114919" s="14" t="s">
        <v>266</v>
      </c>
      <c r="E114919" s="15">
        <v>45685</v>
      </c>
      <c r="F114919" s="14" t="s">
        <v>61</v>
      </c>
      <c r="G114919" s="16">
        <v>0.46762962221652643</v>
      </c>
    </row>
    <row r="114920" spans="1:7" x14ac:dyDescent="0.3">
      <c r="A114920" s="13" t="s">
        <v>547</v>
      </c>
      <c r="B114920" s="14" t="s">
        <v>1</v>
      </c>
      <c r="C114920" s="14" t="s">
        <v>546</v>
      </c>
      <c r="D114920" s="14" t="s">
        <v>266</v>
      </c>
      <c r="E114920" s="15">
        <v>45686</v>
      </c>
      <c r="F114920" s="14" t="s">
        <v>61</v>
      </c>
      <c r="G114920" s="16">
        <v>0.46762962221652643</v>
      </c>
    </row>
    <row r="114921" spans="1:7" x14ac:dyDescent="0.3">
      <c r="A114921" s="13" t="s">
        <v>547</v>
      </c>
      <c r="B114921" s="14" t="s">
        <v>1</v>
      </c>
      <c r="C114921" s="14" t="s">
        <v>546</v>
      </c>
      <c r="D114921" s="14" t="s">
        <v>266</v>
      </c>
      <c r="E114921" s="15">
        <v>45687</v>
      </c>
      <c r="F114921" s="14" t="s">
        <v>61</v>
      </c>
      <c r="G114921" s="16">
        <v>0.46762962221652643</v>
      </c>
    </row>
    <row r="114922" spans="1:7" x14ac:dyDescent="0.3">
      <c r="A114922" s="13" t="s">
        <v>547</v>
      </c>
      <c r="B114922" s="14" t="s">
        <v>1</v>
      </c>
      <c r="C114922" s="14" t="s">
        <v>546</v>
      </c>
      <c r="D114922" s="14" t="s">
        <v>266</v>
      </c>
      <c r="E114922" s="15">
        <v>45688</v>
      </c>
      <c r="F114922" s="14" t="s">
        <v>61</v>
      </c>
      <c r="G114922" s="16">
        <v>0.46762962221652643</v>
      </c>
    </row>
    <row r="114923" spans="1:7" x14ac:dyDescent="0.3">
      <c r="A114923" s="13" t="s">
        <v>547</v>
      </c>
      <c r="B114923" s="14" t="s">
        <v>1</v>
      </c>
      <c r="C114923" s="14" t="s">
        <v>546</v>
      </c>
      <c r="D114923" s="14" t="s">
        <v>266</v>
      </c>
      <c r="E114923" s="15">
        <v>45689</v>
      </c>
      <c r="F114923" s="14" t="s">
        <v>61</v>
      </c>
      <c r="G114923" s="16">
        <v>0.46762962221652643</v>
      </c>
    </row>
    <row r="114924" spans="1:7" x14ac:dyDescent="0.3">
      <c r="A114924" s="13" t="s">
        <v>547</v>
      </c>
      <c r="B114924" s="14" t="s">
        <v>1</v>
      </c>
      <c r="C114924" s="14" t="s">
        <v>546</v>
      </c>
      <c r="D114924" s="14" t="s">
        <v>266</v>
      </c>
      <c r="E114924" s="15">
        <v>45690</v>
      </c>
      <c r="F114924" s="14" t="s">
        <v>61</v>
      </c>
      <c r="G114924" s="16">
        <v>0.46762962221652643</v>
      </c>
    </row>
    <row r="114925" spans="1:7" x14ac:dyDescent="0.3">
      <c r="A114925" s="13" t="s">
        <v>547</v>
      </c>
      <c r="B114925" s="14" t="s">
        <v>1</v>
      </c>
      <c r="C114925" s="14" t="s">
        <v>546</v>
      </c>
      <c r="D114925" s="14" t="s">
        <v>266</v>
      </c>
      <c r="E114925" s="15">
        <v>45691</v>
      </c>
      <c r="F114925" s="14" t="s">
        <v>61</v>
      </c>
      <c r="G114925" s="16">
        <v>0.46762962221652643</v>
      </c>
    </row>
    <row r="114926" spans="1:7" x14ac:dyDescent="0.3">
      <c r="A114926" s="13" t="s">
        <v>547</v>
      </c>
      <c r="B114926" s="14" t="s">
        <v>1</v>
      </c>
      <c r="C114926" s="14" t="s">
        <v>546</v>
      </c>
      <c r="D114926" s="14" t="s">
        <v>266</v>
      </c>
      <c r="E114926" s="15">
        <v>45692</v>
      </c>
      <c r="F114926" s="14" t="s">
        <v>61</v>
      </c>
      <c r="G114926" s="16">
        <v>0.46762962221652643</v>
      </c>
    </row>
    <row r="114927" spans="1:7" x14ac:dyDescent="0.3">
      <c r="A114927" s="13" t="s">
        <v>547</v>
      </c>
      <c r="B114927" s="14" t="s">
        <v>1</v>
      </c>
      <c r="C114927" s="14" t="s">
        <v>546</v>
      </c>
      <c r="D114927" s="14" t="s">
        <v>266</v>
      </c>
      <c r="E114927" s="15">
        <v>45693</v>
      </c>
      <c r="F114927" s="14" t="s">
        <v>61</v>
      </c>
      <c r="G114927" s="16">
        <v>0.46375435858004754</v>
      </c>
    </row>
    <row r="114928" spans="1:7" x14ac:dyDescent="0.3">
      <c r="A114928" s="13" t="s">
        <v>547</v>
      </c>
      <c r="B114928" s="14" t="s">
        <v>1</v>
      </c>
      <c r="C114928" s="14" t="s">
        <v>546</v>
      </c>
      <c r="D114928" s="14" t="s">
        <v>266</v>
      </c>
      <c r="E114928" s="15">
        <v>45694</v>
      </c>
      <c r="F114928" s="14" t="s">
        <v>61</v>
      </c>
      <c r="G114928" s="16">
        <v>0.44214560059920105</v>
      </c>
    </row>
    <row r="114929" spans="1:7" x14ac:dyDescent="0.3">
      <c r="A114929" s="13" t="s">
        <v>547</v>
      </c>
      <c r="B114929" s="14" t="s">
        <v>1</v>
      </c>
      <c r="C114929" s="14" t="s">
        <v>546</v>
      </c>
      <c r="D114929" s="14" t="s">
        <v>266</v>
      </c>
      <c r="E114929" s="15">
        <v>45695</v>
      </c>
      <c r="F114929" s="14" t="s">
        <v>61</v>
      </c>
      <c r="G114929" s="16">
        <v>0.44190956227116934</v>
      </c>
    </row>
    <row r="114930" spans="1:7" x14ac:dyDescent="0.3">
      <c r="A114930" s="13" t="s">
        <v>547</v>
      </c>
      <c r="B114930" s="14" t="s">
        <v>1</v>
      </c>
      <c r="C114930" s="14" t="s">
        <v>546</v>
      </c>
      <c r="D114930" s="14" t="s">
        <v>266</v>
      </c>
      <c r="E114930" s="15">
        <v>45696</v>
      </c>
      <c r="F114930" s="14" t="s">
        <v>61</v>
      </c>
      <c r="G114930" s="16">
        <v>0.44190956227116934</v>
      </c>
    </row>
    <row r="114931" spans="1:7" x14ac:dyDescent="0.3">
      <c r="A114931" s="13" t="s">
        <v>547</v>
      </c>
      <c r="B114931" s="14" t="s">
        <v>1</v>
      </c>
      <c r="C114931" s="14" t="s">
        <v>546</v>
      </c>
      <c r="D114931" s="14" t="s">
        <v>266</v>
      </c>
      <c r="E114931" s="15">
        <v>45697</v>
      </c>
      <c r="F114931" s="14" t="s">
        <v>61</v>
      </c>
      <c r="G114931" s="16">
        <v>0.44190956227116934</v>
      </c>
    </row>
    <row r="114932" spans="1:7" x14ac:dyDescent="0.3">
      <c r="A114932" s="13" t="s">
        <v>547</v>
      </c>
      <c r="B114932" s="14" t="s">
        <v>1</v>
      </c>
      <c r="C114932" s="14" t="s">
        <v>546</v>
      </c>
      <c r="D114932" s="14" t="s">
        <v>266</v>
      </c>
      <c r="E114932" s="15">
        <v>45698</v>
      </c>
      <c r="F114932" s="14" t="s">
        <v>61</v>
      </c>
      <c r="G114932" s="16">
        <v>0.4400394682507931</v>
      </c>
    </row>
    <row r="114933" spans="1:7" x14ac:dyDescent="0.3">
      <c r="A114933" s="13" t="s">
        <v>547</v>
      </c>
      <c r="B114933" s="14" t="s">
        <v>1</v>
      </c>
      <c r="C114933" s="14" t="s">
        <v>546</v>
      </c>
      <c r="D114933" s="14" t="s">
        <v>266</v>
      </c>
      <c r="E114933" s="15">
        <v>45699</v>
      </c>
      <c r="F114933" s="14" t="s">
        <v>61</v>
      </c>
      <c r="G114933" s="16">
        <v>0.42960986448348815</v>
      </c>
    </row>
    <row r="114934" spans="1:7" x14ac:dyDescent="0.3">
      <c r="A114934" s="13" t="s">
        <v>547</v>
      </c>
      <c r="B114934" s="14" t="s">
        <v>1</v>
      </c>
      <c r="C114934" s="14" t="s">
        <v>546</v>
      </c>
      <c r="D114934" s="14" t="s">
        <v>266</v>
      </c>
      <c r="E114934" s="15">
        <v>45700</v>
      </c>
      <c r="F114934" s="14" t="s">
        <v>61</v>
      </c>
      <c r="G114934" s="16">
        <v>0.42604086859771567</v>
      </c>
    </row>
    <row r="114935" spans="1:7" x14ac:dyDescent="0.3">
      <c r="A114935" s="13" t="s">
        <v>547</v>
      </c>
      <c r="B114935" s="14" t="s">
        <v>1</v>
      </c>
      <c r="C114935" s="14" t="s">
        <v>546</v>
      </c>
      <c r="D114935" s="14" t="s">
        <v>266</v>
      </c>
      <c r="E114935" s="15">
        <v>45701</v>
      </c>
      <c r="F114935" s="14" t="s">
        <v>61</v>
      </c>
      <c r="G114935" s="16">
        <v>0.42004034622725211</v>
      </c>
    </row>
    <row r="114936" spans="1:7" x14ac:dyDescent="0.3">
      <c r="A114936" s="13" t="s">
        <v>547</v>
      </c>
      <c r="B114936" s="14" t="s">
        <v>1</v>
      </c>
      <c r="C114936" s="14" t="s">
        <v>546</v>
      </c>
      <c r="D114936" s="14" t="s">
        <v>266</v>
      </c>
      <c r="E114936" s="15">
        <v>45702</v>
      </c>
      <c r="F114936" s="14" t="s">
        <v>61</v>
      </c>
      <c r="G114936" s="16">
        <v>0.416070267700408</v>
      </c>
    </row>
    <row r="114937" spans="1:7" x14ac:dyDescent="0.3">
      <c r="A114937" s="13" t="s">
        <v>547</v>
      </c>
      <c r="B114937" s="14" t="s">
        <v>1</v>
      </c>
      <c r="C114937" s="14" t="s">
        <v>546</v>
      </c>
      <c r="D114937" s="14" t="s">
        <v>266</v>
      </c>
      <c r="E114937" s="15">
        <v>45703</v>
      </c>
      <c r="F114937" s="14" t="s">
        <v>61</v>
      </c>
      <c r="G114937" s="16">
        <v>0.416070267700408</v>
      </c>
    </row>
    <row r="114938" spans="1:7" x14ac:dyDescent="0.3">
      <c r="A114938" s="13" t="s">
        <v>547</v>
      </c>
      <c r="B114938" s="14" t="s">
        <v>1</v>
      </c>
      <c r="C114938" s="14" t="s">
        <v>546</v>
      </c>
      <c r="D114938" s="14" t="s">
        <v>266</v>
      </c>
      <c r="E114938" s="15">
        <v>45704</v>
      </c>
      <c r="F114938" s="14" t="s">
        <v>61</v>
      </c>
      <c r="G114938" s="16">
        <v>0.416070267700408</v>
      </c>
    </row>
    <row r="114939" spans="1:7" x14ac:dyDescent="0.3">
      <c r="A114939" s="13" t="s">
        <v>547</v>
      </c>
      <c r="B114939" s="14" t="s">
        <v>1</v>
      </c>
      <c r="C114939" s="14" t="s">
        <v>546</v>
      </c>
      <c r="D114939" s="14" t="s">
        <v>266</v>
      </c>
      <c r="E114939" s="15">
        <v>45705</v>
      </c>
      <c r="F114939" s="14" t="s">
        <v>61</v>
      </c>
      <c r="G114939" s="16">
        <v>0.4137229651420804</v>
      </c>
    </row>
    <row r="114940" spans="1:7" x14ac:dyDescent="0.3">
      <c r="A114940" s="13" t="s">
        <v>547</v>
      </c>
      <c r="B114940" s="14" t="s">
        <v>1</v>
      </c>
      <c r="C114940" s="14" t="s">
        <v>546</v>
      </c>
      <c r="D114940" s="14" t="s">
        <v>266</v>
      </c>
      <c r="E114940" s="15">
        <v>45706</v>
      </c>
      <c r="F114940" s="14" t="s">
        <v>61</v>
      </c>
      <c r="G114940" s="16">
        <v>0.40662186293228098</v>
      </c>
    </row>
    <row r="114941" spans="1:7" x14ac:dyDescent="0.3">
      <c r="A114941" s="13" t="s">
        <v>547</v>
      </c>
      <c r="B114941" s="14" t="s">
        <v>1</v>
      </c>
      <c r="C114941" s="14" t="s">
        <v>546</v>
      </c>
      <c r="D114941" s="14" t="s">
        <v>266</v>
      </c>
      <c r="E114941" s="15">
        <v>45707</v>
      </c>
      <c r="F114941" s="14" t="s">
        <v>61</v>
      </c>
      <c r="G114941" s="16">
        <v>0.40466462249737878</v>
      </c>
    </row>
    <row r="114942" spans="1:7" x14ac:dyDescent="0.3">
      <c r="A114942" s="13" t="s">
        <v>547</v>
      </c>
      <c r="B114942" s="14" t="s">
        <v>1</v>
      </c>
      <c r="C114942" s="14" t="s">
        <v>546</v>
      </c>
      <c r="D114942" s="14" t="s">
        <v>266</v>
      </c>
      <c r="E114942" s="15">
        <v>45708</v>
      </c>
      <c r="F114942" s="14" t="s">
        <v>61</v>
      </c>
      <c r="G114942" s="16">
        <v>0.39870606602297698</v>
      </c>
    </row>
    <row r="114943" spans="1:7" x14ac:dyDescent="0.3">
      <c r="A114943" s="13" t="s">
        <v>547</v>
      </c>
      <c r="B114943" s="14" t="s">
        <v>1</v>
      </c>
      <c r="C114943" s="14" t="s">
        <v>546</v>
      </c>
      <c r="D114943" s="14" t="s">
        <v>266</v>
      </c>
      <c r="E114943" s="15">
        <v>45709</v>
      </c>
      <c r="F114943" s="14" t="s">
        <v>61</v>
      </c>
      <c r="G114943" s="16">
        <v>0.39745673288338379</v>
      </c>
    </row>
    <row r="114944" spans="1:7" x14ac:dyDescent="0.3">
      <c r="A114944" s="13" t="s">
        <v>547</v>
      </c>
      <c r="B114944" s="14" t="s">
        <v>1</v>
      </c>
      <c r="C114944" s="14" t="s">
        <v>546</v>
      </c>
      <c r="D114944" s="14" t="s">
        <v>266</v>
      </c>
      <c r="E114944" s="15">
        <v>45710</v>
      </c>
      <c r="F114944" s="14" t="s">
        <v>61</v>
      </c>
      <c r="G114944" s="16">
        <v>0.39745673288338379</v>
      </c>
    </row>
    <row r="114945" spans="1:7" x14ac:dyDescent="0.3">
      <c r="A114945" s="13" t="s">
        <v>547</v>
      </c>
      <c r="B114945" s="14" t="s">
        <v>1</v>
      </c>
      <c r="C114945" s="14" t="s">
        <v>546</v>
      </c>
      <c r="D114945" s="14" t="s">
        <v>266</v>
      </c>
      <c r="E114945" s="15">
        <v>45711</v>
      </c>
      <c r="F114945" s="14" t="s">
        <v>61</v>
      </c>
      <c r="G114945" s="16">
        <v>0.39745673288338379</v>
      </c>
    </row>
    <row r="114946" spans="1:7" x14ac:dyDescent="0.3">
      <c r="A114946" s="13" t="s">
        <v>547</v>
      </c>
      <c r="B114946" s="14" t="s">
        <v>1</v>
      </c>
      <c r="C114946" s="14" t="s">
        <v>546</v>
      </c>
      <c r="D114946" s="14" t="s">
        <v>266</v>
      </c>
      <c r="E114946" s="15">
        <v>45712</v>
      </c>
      <c r="F114946" s="14" t="s">
        <v>61</v>
      </c>
      <c r="G114946" s="16">
        <v>0.39425996758046483</v>
      </c>
    </row>
    <row r="114947" spans="1:7" x14ac:dyDescent="0.3">
      <c r="A114947" s="13" t="s">
        <v>547</v>
      </c>
      <c r="B114947" s="14" t="s">
        <v>1</v>
      </c>
      <c r="C114947" s="14" t="s">
        <v>546</v>
      </c>
      <c r="D114947" s="14" t="s">
        <v>266</v>
      </c>
      <c r="E114947" s="15">
        <v>45713</v>
      </c>
      <c r="F114947" s="14" t="s">
        <v>61</v>
      </c>
      <c r="G114947" s="16">
        <v>0.38370022344405297</v>
      </c>
    </row>
    <row r="114948" spans="1:7" x14ac:dyDescent="0.3">
      <c r="A114948" s="13" t="s">
        <v>547</v>
      </c>
      <c r="B114948" s="14" t="s">
        <v>1</v>
      </c>
      <c r="C114948" s="14" t="s">
        <v>546</v>
      </c>
      <c r="D114948" s="14" t="s">
        <v>266</v>
      </c>
      <c r="E114948" s="15">
        <v>45714</v>
      </c>
      <c r="F114948" s="14" t="s">
        <v>61</v>
      </c>
      <c r="G114948" s="16">
        <v>0.38180830887643719</v>
      </c>
    </row>
    <row r="114949" spans="1:7" x14ac:dyDescent="0.3">
      <c r="A114949" s="13" t="s">
        <v>547</v>
      </c>
      <c r="B114949" s="14" t="s">
        <v>1</v>
      </c>
      <c r="C114949" s="14" t="s">
        <v>546</v>
      </c>
      <c r="D114949" s="14" t="s">
        <v>266</v>
      </c>
      <c r="E114949" s="15">
        <v>45715</v>
      </c>
      <c r="F114949" s="14" t="s">
        <v>61</v>
      </c>
      <c r="G114949" s="16">
        <v>0.38421063108381842</v>
      </c>
    </row>
    <row r="114950" spans="1:7" x14ac:dyDescent="0.3">
      <c r="A114950" s="13" t="s">
        <v>547</v>
      </c>
      <c r="B114950" s="14" t="s">
        <v>1</v>
      </c>
      <c r="C114950" s="14" t="s">
        <v>546</v>
      </c>
      <c r="D114950" s="14" t="s">
        <v>266</v>
      </c>
      <c r="E114950" s="15">
        <v>45716</v>
      </c>
      <c r="F114950" s="14" t="s">
        <v>61</v>
      </c>
      <c r="G114950" s="16">
        <v>0.38210762495434764</v>
      </c>
    </row>
    <row r="114951" spans="1:7" x14ac:dyDescent="0.3">
      <c r="A114951" s="13" t="s">
        <v>547</v>
      </c>
      <c r="B114951" s="14" t="s">
        <v>1</v>
      </c>
      <c r="C114951" s="14" t="s">
        <v>546</v>
      </c>
      <c r="D114951" s="14" t="s">
        <v>266</v>
      </c>
      <c r="E114951" s="15">
        <v>45717</v>
      </c>
      <c r="F114951" s="14" t="s">
        <v>61</v>
      </c>
      <c r="G114951" s="16">
        <v>0.38210762495434764</v>
      </c>
    </row>
    <row r="114952" spans="1:7" x14ac:dyDescent="0.3">
      <c r="A114952" s="13" t="s">
        <v>547</v>
      </c>
      <c r="B114952" s="14" t="s">
        <v>1</v>
      </c>
      <c r="C114952" s="14" t="s">
        <v>546</v>
      </c>
      <c r="D114952" s="14" t="s">
        <v>266</v>
      </c>
      <c r="E114952" s="15">
        <v>45718</v>
      </c>
      <c r="F114952" s="14" t="s">
        <v>61</v>
      </c>
      <c r="G114952" s="16">
        <v>0.38210762495434764</v>
      </c>
    </row>
    <row r="114953" spans="1:7" x14ac:dyDescent="0.3">
      <c r="A114953" s="13" t="s">
        <v>547</v>
      </c>
      <c r="B114953" s="14" t="s">
        <v>1</v>
      </c>
      <c r="C114953" s="14" t="s">
        <v>546</v>
      </c>
      <c r="D114953" s="14" t="s">
        <v>266</v>
      </c>
      <c r="E114953" s="15">
        <v>45719</v>
      </c>
      <c r="F114953" s="14" t="s">
        <v>61</v>
      </c>
      <c r="G114953" s="16">
        <v>0.37505556004777091</v>
      </c>
    </row>
    <row r="114954" spans="1:7" x14ac:dyDescent="0.3">
      <c r="A114954" s="13" t="s">
        <v>547</v>
      </c>
      <c r="B114954" s="14" t="s">
        <v>1</v>
      </c>
      <c r="C114954" s="14" t="s">
        <v>546</v>
      </c>
      <c r="D114954" s="14" t="s">
        <v>266</v>
      </c>
      <c r="E114954" s="15">
        <v>45720</v>
      </c>
      <c r="F114954" s="14" t="s">
        <v>61</v>
      </c>
      <c r="G114954" s="16">
        <v>0.36322273681464928</v>
      </c>
    </row>
    <row r="114955" spans="1:7" x14ac:dyDescent="0.3">
      <c r="A114955" s="13" t="s">
        <v>547</v>
      </c>
      <c r="B114955" s="14" t="s">
        <v>1</v>
      </c>
      <c r="C114955" s="14" t="s">
        <v>546</v>
      </c>
      <c r="D114955" s="14" t="s">
        <v>266</v>
      </c>
      <c r="E114955" s="15">
        <v>45721</v>
      </c>
      <c r="F114955" s="14" t="s">
        <v>61</v>
      </c>
      <c r="G114955" s="16">
        <v>0.35499708702790095</v>
      </c>
    </row>
    <row r="114956" spans="1:7" x14ac:dyDescent="0.3">
      <c r="A114956" s="13" t="s">
        <v>547</v>
      </c>
      <c r="B114956" s="14" t="s">
        <v>1</v>
      </c>
      <c r="C114956" s="14" t="s">
        <v>546</v>
      </c>
      <c r="D114956" s="14" t="s">
        <v>266</v>
      </c>
      <c r="E114956" s="15">
        <v>45722</v>
      </c>
      <c r="F114956" s="14" t="s">
        <v>61</v>
      </c>
      <c r="G114956" s="16">
        <v>0.36041002065549932</v>
      </c>
    </row>
    <row r="114957" spans="1:7" x14ac:dyDescent="0.3">
      <c r="A114957" s="13" t="s">
        <v>547</v>
      </c>
      <c r="B114957" s="14" t="s">
        <v>1</v>
      </c>
      <c r="C114957" s="14" t="s">
        <v>546</v>
      </c>
      <c r="D114957" s="14" t="s">
        <v>266</v>
      </c>
      <c r="E114957" s="15">
        <v>45723</v>
      </c>
      <c r="F114957" s="14" t="s">
        <v>61</v>
      </c>
      <c r="G114957" s="16">
        <v>0.35593680883886897</v>
      </c>
    </row>
    <row r="114958" spans="1:7" x14ac:dyDescent="0.3">
      <c r="A114958" s="13" t="s">
        <v>547</v>
      </c>
      <c r="B114958" s="14" t="s">
        <v>1</v>
      </c>
      <c r="C114958" s="14" t="s">
        <v>546</v>
      </c>
      <c r="D114958" s="14" t="s">
        <v>266</v>
      </c>
      <c r="E114958" s="15">
        <v>45724</v>
      </c>
      <c r="F114958" s="14" t="s">
        <v>61</v>
      </c>
      <c r="G114958" s="16">
        <v>0.35593680883886897</v>
      </c>
    </row>
    <row r="114959" spans="1:7" x14ac:dyDescent="0.3">
      <c r="A114959" s="13" t="s">
        <v>547</v>
      </c>
      <c r="B114959" s="14" t="s">
        <v>1</v>
      </c>
      <c r="C114959" s="14" t="s">
        <v>546</v>
      </c>
      <c r="D114959" s="14" t="s">
        <v>266</v>
      </c>
      <c r="E114959" s="15">
        <v>45725</v>
      </c>
      <c r="F114959" s="14" t="s">
        <v>61</v>
      </c>
      <c r="G114959" s="16">
        <v>0.35593680883886897</v>
      </c>
    </row>
    <row r="114960" spans="1:7" x14ac:dyDescent="0.3">
      <c r="A114960" s="13" t="s">
        <v>547</v>
      </c>
      <c r="B114960" s="14" t="s">
        <v>1</v>
      </c>
      <c r="C114960" s="14" t="s">
        <v>546</v>
      </c>
      <c r="D114960" s="14" t="s">
        <v>266</v>
      </c>
      <c r="E114960" s="15">
        <v>45726</v>
      </c>
      <c r="F114960" s="14" t="s">
        <v>61</v>
      </c>
      <c r="G114960" s="16">
        <v>0.35292874421221299</v>
      </c>
    </row>
    <row r="114961" spans="1:7" x14ac:dyDescent="0.3">
      <c r="A114961" s="13" t="s">
        <v>547</v>
      </c>
      <c r="B114961" s="14" t="s">
        <v>1</v>
      </c>
      <c r="C114961" s="14" t="s">
        <v>546</v>
      </c>
      <c r="D114961" s="14" t="s">
        <v>266</v>
      </c>
      <c r="E114961" s="15">
        <v>45727</v>
      </c>
      <c r="F114961" s="14" t="s">
        <v>61</v>
      </c>
      <c r="G114961" s="16">
        <v>0.34139231145258642</v>
      </c>
    </row>
    <row r="114962" spans="1:7" x14ac:dyDescent="0.3">
      <c r="A114962" s="13" t="s">
        <v>547</v>
      </c>
      <c r="B114962" s="14" t="s">
        <v>1</v>
      </c>
      <c r="C114962" s="14" t="s">
        <v>546</v>
      </c>
      <c r="D114962" s="14" t="s">
        <v>266</v>
      </c>
      <c r="E114962" s="15">
        <v>45728</v>
      </c>
      <c r="F114962" s="14" t="s">
        <v>61</v>
      </c>
      <c r="G114962" s="16">
        <v>0.33944527958144982</v>
      </c>
    </row>
    <row r="114963" spans="1:7" x14ac:dyDescent="0.3">
      <c r="A114963" s="13" t="s">
        <v>547</v>
      </c>
      <c r="B114963" s="14" t="s">
        <v>1</v>
      </c>
      <c r="C114963" s="14" t="s">
        <v>546</v>
      </c>
      <c r="D114963" s="14" t="s">
        <v>266</v>
      </c>
      <c r="E114963" s="15">
        <v>45729</v>
      </c>
      <c r="F114963" s="14" t="s">
        <v>61</v>
      </c>
      <c r="G114963" s="16">
        <v>0.35353017511098195</v>
      </c>
    </row>
    <row r="114964" spans="1:7" x14ac:dyDescent="0.3">
      <c r="A114964" s="13" t="s">
        <v>547</v>
      </c>
      <c r="B114964" s="14" t="s">
        <v>1</v>
      </c>
      <c r="C114964" s="14" t="s">
        <v>546</v>
      </c>
      <c r="D114964" s="14" t="s">
        <v>266</v>
      </c>
      <c r="E114964" s="15">
        <v>45730</v>
      </c>
      <c r="F114964" s="14" t="s">
        <v>61</v>
      </c>
      <c r="G114964" s="16">
        <v>0.34964693809157188</v>
      </c>
    </row>
    <row r="114965" spans="1:7" x14ac:dyDescent="0.3">
      <c r="A114965" s="13" t="s">
        <v>547</v>
      </c>
      <c r="B114965" s="14" t="s">
        <v>1</v>
      </c>
      <c r="C114965" s="14" t="s">
        <v>546</v>
      </c>
      <c r="D114965" s="14" t="s">
        <v>266</v>
      </c>
      <c r="E114965" s="15">
        <v>45731</v>
      </c>
      <c r="F114965" s="14" t="s">
        <v>61</v>
      </c>
      <c r="G114965" s="16">
        <v>0.34964693809157188</v>
      </c>
    </row>
    <row r="114966" spans="1:7" x14ac:dyDescent="0.3">
      <c r="A114966" s="13" t="s">
        <v>547</v>
      </c>
      <c r="B114966" s="14" t="s">
        <v>1</v>
      </c>
      <c r="C114966" s="14" t="s">
        <v>546</v>
      </c>
      <c r="D114966" s="14" t="s">
        <v>266</v>
      </c>
      <c r="E114966" s="15">
        <v>45732</v>
      </c>
      <c r="F114966" s="14" t="s">
        <v>61</v>
      </c>
      <c r="G114966" s="16">
        <v>0.34964693809157188</v>
      </c>
    </row>
    <row r="114967" spans="1:7" x14ac:dyDescent="0.3">
      <c r="A114967" s="13" t="s">
        <v>547</v>
      </c>
      <c r="B114967" s="14" t="s">
        <v>1</v>
      </c>
      <c r="C114967" s="14" t="s">
        <v>546</v>
      </c>
      <c r="D114967" s="14" t="s">
        <v>266</v>
      </c>
      <c r="E114967" s="15">
        <v>45733</v>
      </c>
      <c r="F114967" s="14" t="s">
        <v>61</v>
      </c>
      <c r="G114967" s="16">
        <v>0.34964693809157188</v>
      </c>
    </row>
    <row r="114968" spans="1:7" x14ac:dyDescent="0.3">
      <c r="A114968" s="13" t="s">
        <v>547</v>
      </c>
      <c r="B114968" s="14" t="s">
        <v>1</v>
      </c>
      <c r="C114968" s="14" t="s">
        <v>546</v>
      </c>
      <c r="D114968" s="14" t="s">
        <v>266</v>
      </c>
      <c r="E114968" s="15">
        <v>45734</v>
      </c>
      <c r="F114968" s="14" t="s">
        <v>61</v>
      </c>
      <c r="G114968" s="16">
        <v>0.34475447914688295</v>
      </c>
    </row>
    <row r="114969" spans="1:7" x14ac:dyDescent="0.3">
      <c r="A114969" s="13" t="s">
        <v>547</v>
      </c>
      <c r="B114969" s="14" t="s">
        <v>1</v>
      </c>
      <c r="C114969" s="14" t="s">
        <v>546</v>
      </c>
      <c r="D114969" s="14" t="s">
        <v>266</v>
      </c>
      <c r="E114969" s="15">
        <v>45735</v>
      </c>
      <c r="F114969" s="14" t="s">
        <v>61</v>
      </c>
      <c r="G114969" s="16">
        <v>0.3405515917865663</v>
      </c>
    </row>
    <row r="114970" spans="1:7" x14ac:dyDescent="0.3">
      <c r="A114970" s="13" t="s">
        <v>547</v>
      </c>
      <c r="B114970" s="14" t="s">
        <v>1</v>
      </c>
      <c r="C114970" s="14" t="s">
        <v>546</v>
      </c>
      <c r="D114970" s="14" t="s">
        <v>266</v>
      </c>
      <c r="E114970" s="15">
        <v>45736</v>
      </c>
      <c r="F114970" s="14" t="s">
        <v>61</v>
      </c>
      <c r="G114970" s="16">
        <v>0.33902740976874129</v>
      </c>
    </row>
    <row r="114971" spans="1:7" x14ac:dyDescent="0.3">
      <c r="A114971" s="13" t="s">
        <v>547</v>
      </c>
      <c r="B114971" s="14" t="s">
        <v>1</v>
      </c>
      <c r="C114971" s="14" t="s">
        <v>546</v>
      </c>
      <c r="D114971" s="14" t="s">
        <v>266</v>
      </c>
      <c r="E114971" s="15">
        <v>45737</v>
      </c>
      <c r="F114971" s="14" t="s">
        <v>61</v>
      </c>
      <c r="G114971" s="16">
        <v>0.33716179714554201</v>
      </c>
    </row>
    <row r="114972" spans="1:7" x14ac:dyDescent="0.3">
      <c r="A114972" s="13" t="s">
        <v>547</v>
      </c>
      <c r="B114972" s="14" t="s">
        <v>1</v>
      </c>
      <c r="C114972" s="14" t="s">
        <v>546</v>
      </c>
      <c r="D114972" s="14" t="s">
        <v>266</v>
      </c>
      <c r="E114972" s="15">
        <v>45738</v>
      </c>
      <c r="F114972" s="14" t="s">
        <v>61</v>
      </c>
      <c r="G114972" s="16">
        <v>0.33716179714554201</v>
      </c>
    </row>
    <row r="114973" spans="1:7" x14ac:dyDescent="0.3">
      <c r="A114973" s="13" t="s">
        <v>547</v>
      </c>
      <c r="B114973" s="14" t="s">
        <v>1</v>
      </c>
      <c r="C114973" s="14" t="s">
        <v>546</v>
      </c>
      <c r="D114973" s="14" t="s">
        <v>266</v>
      </c>
      <c r="E114973" s="15">
        <v>45739</v>
      </c>
      <c r="F114973" s="14" t="s">
        <v>61</v>
      </c>
      <c r="G114973" s="16">
        <v>0.33716179714554201</v>
      </c>
    </row>
    <row r="114974" spans="1:7" x14ac:dyDescent="0.3">
      <c r="A114974" s="13" t="s">
        <v>547</v>
      </c>
      <c r="B114974" s="14" t="s">
        <v>1</v>
      </c>
      <c r="C114974" s="14" t="s">
        <v>546</v>
      </c>
      <c r="D114974" s="14" t="s">
        <v>266</v>
      </c>
      <c r="E114974" s="15">
        <v>45740</v>
      </c>
      <c r="F114974" s="14" t="s">
        <v>61</v>
      </c>
      <c r="G114974" s="16">
        <v>0.33458779580744985</v>
      </c>
    </row>
    <row r="114975" spans="1:7" x14ac:dyDescent="0.3">
      <c r="A114975" s="13" t="s">
        <v>547</v>
      </c>
      <c r="B114975" s="14" t="s">
        <v>1</v>
      </c>
      <c r="C114975" s="14" t="s">
        <v>546</v>
      </c>
      <c r="D114975" s="14" t="s">
        <v>266</v>
      </c>
      <c r="E114975" s="15">
        <v>45741</v>
      </c>
      <c r="F114975" s="14" t="s">
        <v>61</v>
      </c>
      <c r="G114975" s="16">
        <v>0.32602526883033794</v>
      </c>
    </row>
    <row r="114976" spans="1:7" x14ac:dyDescent="0.3">
      <c r="A114976" s="13" t="s">
        <v>547</v>
      </c>
      <c r="B114976" s="14" t="s">
        <v>1</v>
      </c>
      <c r="C114976" s="14" t="s">
        <v>546</v>
      </c>
      <c r="D114976" s="14" t="s">
        <v>266</v>
      </c>
      <c r="E114976" s="15">
        <v>45742</v>
      </c>
      <c r="F114976" s="14" t="s">
        <v>61</v>
      </c>
      <c r="G114976" s="16">
        <v>0.32417618576479568</v>
      </c>
    </row>
    <row r="114977" spans="1:7" x14ac:dyDescent="0.3">
      <c r="A114977" s="13" t="s">
        <v>547</v>
      </c>
      <c r="B114977" s="14" t="s">
        <v>1</v>
      </c>
      <c r="C114977" s="14" t="s">
        <v>546</v>
      </c>
      <c r="D114977" s="14" t="s">
        <v>266</v>
      </c>
      <c r="E114977" s="15">
        <v>45743</v>
      </c>
      <c r="F114977" s="14" t="s">
        <v>61</v>
      </c>
      <c r="G114977" s="16">
        <v>0.32078264718842303</v>
      </c>
    </row>
    <row r="114978" spans="1:7" x14ac:dyDescent="0.3">
      <c r="A114978" s="13" t="s">
        <v>547</v>
      </c>
      <c r="B114978" s="14" t="s">
        <v>1</v>
      </c>
      <c r="C114978" s="14" t="s">
        <v>546</v>
      </c>
      <c r="D114978" s="14" t="s">
        <v>266</v>
      </c>
      <c r="E114978" s="15">
        <v>45744</v>
      </c>
      <c r="F114978" s="14" t="s">
        <v>61</v>
      </c>
      <c r="G114978" s="16">
        <v>0.31706063320524747</v>
      </c>
    </row>
    <row r="114979" spans="1:7" x14ac:dyDescent="0.3">
      <c r="A114979" s="13" t="s">
        <v>547</v>
      </c>
      <c r="B114979" s="14" t="s">
        <v>1</v>
      </c>
      <c r="C114979" s="14" t="s">
        <v>546</v>
      </c>
      <c r="D114979" s="14" t="s">
        <v>266</v>
      </c>
      <c r="E114979" s="15">
        <v>45745</v>
      </c>
      <c r="F114979" s="14" t="s">
        <v>61</v>
      </c>
      <c r="G114979" s="16">
        <v>0.31706063320524747</v>
      </c>
    </row>
    <row r="114980" spans="1:7" x14ac:dyDescent="0.3">
      <c r="A114980" s="13" t="s">
        <v>547</v>
      </c>
      <c r="B114980" s="14" t="s">
        <v>1</v>
      </c>
      <c r="C114980" s="14" t="s">
        <v>546</v>
      </c>
      <c r="D114980" s="14" t="s">
        <v>266</v>
      </c>
      <c r="E114980" s="15">
        <v>45746</v>
      </c>
      <c r="F114980" s="14" t="s">
        <v>61</v>
      </c>
      <c r="G114980" s="16">
        <v>0.31706063320524747</v>
      </c>
    </row>
    <row r="114981" spans="1:7" x14ac:dyDescent="0.3">
      <c r="A114981" s="13" t="s">
        <v>547</v>
      </c>
      <c r="B114981" s="14" t="s">
        <v>1</v>
      </c>
      <c r="C114981" s="14" t="s">
        <v>546</v>
      </c>
      <c r="D114981" s="14" t="s">
        <v>266</v>
      </c>
      <c r="E114981" s="15">
        <v>45747</v>
      </c>
      <c r="F114981" s="14" t="s">
        <v>61</v>
      </c>
      <c r="G114981" s="16">
        <v>0.31706063320524747</v>
      </c>
    </row>
    <row r="114982" spans="1:7" x14ac:dyDescent="0.3">
      <c r="A114982" s="13" t="s">
        <v>548</v>
      </c>
      <c r="B114982" s="14" t="s">
        <v>1</v>
      </c>
      <c r="C114982" s="14" t="s">
        <v>546</v>
      </c>
      <c r="D114982" s="14" t="s">
        <v>292</v>
      </c>
      <c r="E114982" s="15">
        <v>45383</v>
      </c>
      <c r="F114982" s="14" t="s">
        <v>61</v>
      </c>
      <c r="G114982" s="16">
        <v>0</v>
      </c>
    </row>
    <row r="114983" spans="1:7" x14ac:dyDescent="0.3">
      <c r="A114983" s="13" t="s">
        <v>548</v>
      </c>
      <c r="B114983" s="14" t="s">
        <v>1</v>
      </c>
      <c r="C114983" s="14" t="s">
        <v>546</v>
      </c>
      <c r="D114983" s="14" t="s">
        <v>292</v>
      </c>
      <c r="E114983" s="15">
        <v>45384</v>
      </c>
      <c r="F114983" s="14" t="s">
        <v>61</v>
      </c>
      <c r="G114983" s="16">
        <v>0</v>
      </c>
    </row>
    <row r="114984" spans="1:7" x14ac:dyDescent="0.3">
      <c r="A114984" s="13" t="s">
        <v>548</v>
      </c>
      <c r="B114984" s="14" t="s">
        <v>1</v>
      </c>
      <c r="C114984" s="14" t="s">
        <v>546</v>
      </c>
      <c r="D114984" s="14" t="s">
        <v>292</v>
      </c>
      <c r="E114984" s="15">
        <v>45385</v>
      </c>
      <c r="F114984" s="14" t="s">
        <v>61</v>
      </c>
      <c r="G114984" s="16">
        <v>0</v>
      </c>
    </row>
    <row r="114985" spans="1:7" x14ac:dyDescent="0.3">
      <c r="A114985" s="13" t="s">
        <v>548</v>
      </c>
      <c r="B114985" s="14" t="s">
        <v>1</v>
      </c>
      <c r="C114985" s="14" t="s">
        <v>546</v>
      </c>
      <c r="D114985" s="14" t="s">
        <v>292</v>
      </c>
      <c r="E114985" s="15">
        <v>45386</v>
      </c>
      <c r="F114985" s="14" t="s">
        <v>61</v>
      </c>
      <c r="G114985" s="16">
        <v>0</v>
      </c>
    </row>
    <row r="114986" spans="1:7" x14ac:dyDescent="0.3">
      <c r="A114986" s="13" t="s">
        <v>548</v>
      </c>
      <c r="B114986" s="14" t="s">
        <v>1</v>
      </c>
      <c r="C114986" s="14" t="s">
        <v>546</v>
      </c>
      <c r="D114986" s="14" t="s">
        <v>292</v>
      </c>
      <c r="E114986" s="15">
        <v>45387</v>
      </c>
      <c r="F114986" s="14" t="s">
        <v>61</v>
      </c>
      <c r="G114986" s="16">
        <v>0</v>
      </c>
    </row>
    <row r="114987" spans="1:7" x14ac:dyDescent="0.3">
      <c r="A114987" s="13" t="s">
        <v>548</v>
      </c>
      <c r="B114987" s="14" t="s">
        <v>1</v>
      </c>
      <c r="C114987" s="14" t="s">
        <v>546</v>
      </c>
      <c r="D114987" s="14" t="s">
        <v>292</v>
      </c>
      <c r="E114987" s="15">
        <v>45388</v>
      </c>
      <c r="F114987" s="14" t="s">
        <v>61</v>
      </c>
      <c r="G114987" s="16">
        <v>0</v>
      </c>
    </row>
    <row r="114988" spans="1:7" x14ac:dyDescent="0.3">
      <c r="A114988" s="13" t="s">
        <v>548</v>
      </c>
      <c r="B114988" s="14" t="s">
        <v>1</v>
      </c>
      <c r="C114988" s="14" t="s">
        <v>546</v>
      </c>
      <c r="D114988" s="14" t="s">
        <v>292</v>
      </c>
      <c r="E114988" s="15">
        <v>45389</v>
      </c>
      <c r="F114988" s="14" t="s">
        <v>61</v>
      </c>
      <c r="G114988" s="16">
        <v>0</v>
      </c>
    </row>
    <row r="114989" spans="1:7" x14ac:dyDescent="0.3">
      <c r="A114989" s="13" t="s">
        <v>548</v>
      </c>
      <c r="B114989" s="14" t="s">
        <v>1</v>
      </c>
      <c r="C114989" s="14" t="s">
        <v>546</v>
      </c>
      <c r="D114989" s="14" t="s">
        <v>292</v>
      </c>
      <c r="E114989" s="15">
        <v>45390</v>
      </c>
      <c r="F114989" s="14" t="s">
        <v>61</v>
      </c>
      <c r="G114989" s="16">
        <v>0</v>
      </c>
    </row>
    <row r="114990" spans="1:7" x14ac:dyDescent="0.3">
      <c r="A114990" s="13" t="s">
        <v>548</v>
      </c>
      <c r="B114990" s="14" t="s">
        <v>1</v>
      </c>
      <c r="C114990" s="14" t="s">
        <v>546</v>
      </c>
      <c r="D114990" s="14" t="s">
        <v>292</v>
      </c>
      <c r="E114990" s="15">
        <v>45391</v>
      </c>
      <c r="F114990" s="14" t="s">
        <v>61</v>
      </c>
      <c r="G114990" s="16">
        <v>4.0827343122962628E-3</v>
      </c>
    </row>
    <row r="114991" spans="1:7" x14ac:dyDescent="0.3">
      <c r="A114991" s="13" t="s">
        <v>548</v>
      </c>
      <c r="B114991" s="14" t="s">
        <v>1</v>
      </c>
      <c r="C114991" s="14" t="s">
        <v>546</v>
      </c>
      <c r="D114991" s="14" t="s">
        <v>292</v>
      </c>
      <c r="E114991" s="15">
        <v>45392</v>
      </c>
      <c r="F114991" s="14" t="s">
        <v>61</v>
      </c>
      <c r="G114991" s="16">
        <v>2.5756499486048966E-3</v>
      </c>
    </row>
    <row r="114992" spans="1:7" x14ac:dyDescent="0.3">
      <c r="A114992" s="13" t="s">
        <v>548</v>
      </c>
      <c r="B114992" s="14" t="s">
        <v>1</v>
      </c>
      <c r="C114992" s="14" t="s">
        <v>546</v>
      </c>
      <c r="D114992" s="14" t="s">
        <v>292</v>
      </c>
      <c r="E114992" s="15">
        <v>45393</v>
      </c>
      <c r="F114992" s="14" t="s">
        <v>61</v>
      </c>
      <c r="G114992" s="16">
        <v>1.0175011988806007E-3</v>
      </c>
    </row>
    <row r="114993" spans="1:7" x14ac:dyDescent="0.3">
      <c r="A114993" s="13" t="s">
        <v>548</v>
      </c>
      <c r="B114993" s="14" t="s">
        <v>1</v>
      </c>
      <c r="C114993" s="14" t="s">
        <v>546</v>
      </c>
      <c r="D114993" s="14" t="s">
        <v>292</v>
      </c>
      <c r="E114993" s="15">
        <v>45394</v>
      </c>
      <c r="F114993" s="14" t="s">
        <v>61</v>
      </c>
      <c r="G114993" s="16">
        <v>0</v>
      </c>
    </row>
    <row r="114994" spans="1:7" x14ac:dyDescent="0.3">
      <c r="A114994" s="13" t="s">
        <v>548</v>
      </c>
      <c r="B114994" s="14" t="s">
        <v>1</v>
      </c>
      <c r="C114994" s="14" t="s">
        <v>546</v>
      </c>
      <c r="D114994" s="14" t="s">
        <v>292</v>
      </c>
      <c r="E114994" s="15">
        <v>45395</v>
      </c>
      <c r="F114994" s="14" t="s">
        <v>61</v>
      </c>
      <c r="G114994" s="16">
        <v>0</v>
      </c>
    </row>
    <row r="114995" spans="1:7" x14ac:dyDescent="0.3">
      <c r="A114995" s="13" t="s">
        <v>548</v>
      </c>
      <c r="B114995" s="14" t="s">
        <v>1</v>
      </c>
      <c r="C114995" s="14" t="s">
        <v>546</v>
      </c>
      <c r="D114995" s="14" t="s">
        <v>292</v>
      </c>
      <c r="E114995" s="15">
        <v>45396</v>
      </c>
      <c r="F114995" s="14" t="s">
        <v>61</v>
      </c>
      <c r="G114995" s="16">
        <v>0</v>
      </c>
    </row>
    <row r="114996" spans="1:7" x14ac:dyDescent="0.3">
      <c r="A114996" s="13" t="s">
        <v>548</v>
      </c>
      <c r="B114996" s="14" t="s">
        <v>1</v>
      </c>
      <c r="C114996" s="14" t="s">
        <v>546</v>
      </c>
      <c r="D114996" s="14" t="s">
        <v>292</v>
      </c>
      <c r="E114996" s="15">
        <v>45397</v>
      </c>
      <c r="F114996" s="14" t="s">
        <v>61</v>
      </c>
      <c r="G114996" s="16">
        <v>0</v>
      </c>
    </row>
    <row r="114997" spans="1:7" x14ac:dyDescent="0.3">
      <c r="A114997" s="13" t="s">
        <v>548</v>
      </c>
      <c r="B114997" s="14" t="s">
        <v>1</v>
      </c>
      <c r="C114997" s="14" t="s">
        <v>546</v>
      </c>
      <c r="D114997" s="14" t="s">
        <v>292</v>
      </c>
      <c r="E114997" s="15">
        <v>45398</v>
      </c>
      <c r="F114997" s="14" t="s">
        <v>61</v>
      </c>
      <c r="G114997" s="16">
        <v>0</v>
      </c>
    </row>
    <row r="114998" spans="1:7" x14ac:dyDescent="0.3">
      <c r="A114998" s="13" t="s">
        <v>548</v>
      </c>
      <c r="B114998" s="14" t="s">
        <v>1</v>
      </c>
      <c r="C114998" s="14" t="s">
        <v>546</v>
      </c>
      <c r="D114998" s="14" t="s">
        <v>292</v>
      </c>
      <c r="E114998" s="15">
        <v>45399</v>
      </c>
      <c r="F114998" s="14" t="s">
        <v>61</v>
      </c>
      <c r="G114998" s="16">
        <v>0</v>
      </c>
    </row>
    <row r="114999" spans="1:7" x14ac:dyDescent="0.3">
      <c r="A114999" s="13" t="s">
        <v>548</v>
      </c>
      <c r="B114999" s="14" t="s">
        <v>1</v>
      </c>
      <c r="C114999" s="14" t="s">
        <v>546</v>
      </c>
      <c r="D114999" s="14" t="s">
        <v>292</v>
      </c>
      <c r="E114999" s="15">
        <v>45400</v>
      </c>
      <c r="F114999" s="14" t="s">
        <v>61</v>
      </c>
      <c r="G114999" s="16">
        <v>0</v>
      </c>
    </row>
    <row r="115000" spans="1:7" x14ac:dyDescent="0.3">
      <c r="A115000" s="13" t="s">
        <v>548</v>
      </c>
      <c r="B115000" s="14" t="s">
        <v>1</v>
      </c>
      <c r="C115000" s="14" t="s">
        <v>546</v>
      </c>
      <c r="D115000" s="14" t="s">
        <v>292</v>
      </c>
      <c r="E115000" s="15">
        <v>45401</v>
      </c>
      <c r="F115000" s="14" t="s">
        <v>61</v>
      </c>
      <c r="G115000" s="16">
        <v>0</v>
      </c>
    </row>
    <row r="115001" spans="1:7" x14ac:dyDescent="0.3">
      <c r="A115001" s="13" t="s">
        <v>548</v>
      </c>
      <c r="B115001" s="14" t="s">
        <v>1</v>
      </c>
      <c r="C115001" s="14" t="s">
        <v>546</v>
      </c>
      <c r="D115001" s="14" t="s">
        <v>292</v>
      </c>
      <c r="E115001" s="15">
        <v>45402</v>
      </c>
      <c r="F115001" s="14" t="s">
        <v>61</v>
      </c>
      <c r="G115001" s="16">
        <v>0</v>
      </c>
    </row>
    <row r="115002" spans="1:7" x14ac:dyDescent="0.3">
      <c r="A115002" s="13" t="s">
        <v>548</v>
      </c>
      <c r="B115002" s="14" t="s">
        <v>1</v>
      </c>
      <c r="C115002" s="14" t="s">
        <v>546</v>
      </c>
      <c r="D115002" s="14" t="s">
        <v>292</v>
      </c>
      <c r="E115002" s="15">
        <v>45403</v>
      </c>
      <c r="F115002" s="14" t="s">
        <v>61</v>
      </c>
      <c r="G115002" s="16">
        <v>0</v>
      </c>
    </row>
    <row r="115003" spans="1:7" x14ac:dyDescent="0.3">
      <c r="A115003" s="13" t="s">
        <v>548</v>
      </c>
      <c r="B115003" s="14" t="s">
        <v>1</v>
      </c>
      <c r="C115003" s="14" t="s">
        <v>546</v>
      </c>
      <c r="D115003" s="14" t="s">
        <v>292</v>
      </c>
      <c r="E115003" s="15">
        <v>45404</v>
      </c>
      <c r="F115003" s="14" t="s">
        <v>61</v>
      </c>
      <c r="G115003" s="16">
        <v>0</v>
      </c>
    </row>
    <row r="115004" spans="1:7" x14ac:dyDescent="0.3">
      <c r="A115004" s="13" t="s">
        <v>548</v>
      </c>
      <c r="B115004" s="14" t="s">
        <v>1</v>
      </c>
      <c r="C115004" s="14" t="s">
        <v>546</v>
      </c>
      <c r="D115004" s="14" t="s">
        <v>292</v>
      </c>
      <c r="E115004" s="15">
        <v>45405</v>
      </c>
      <c r="F115004" s="14" t="s">
        <v>61</v>
      </c>
      <c r="G115004" s="16">
        <v>0</v>
      </c>
    </row>
    <row r="115005" spans="1:7" x14ac:dyDescent="0.3">
      <c r="A115005" s="13" t="s">
        <v>548</v>
      </c>
      <c r="B115005" s="14" t="s">
        <v>1</v>
      </c>
      <c r="C115005" s="14" t="s">
        <v>546</v>
      </c>
      <c r="D115005" s="14" t="s">
        <v>292</v>
      </c>
      <c r="E115005" s="15">
        <v>45406</v>
      </c>
      <c r="F115005" s="14" t="s">
        <v>61</v>
      </c>
      <c r="G115005" s="16">
        <v>0</v>
      </c>
    </row>
    <row r="115006" spans="1:7" x14ac:dyDescent="0.3">
      <c r="A115006" s="13" t="s">
        <v>548</v>
      </c>
      <c r="B115006" s="14" t="s">
        <v>1</v>
      </c>
      <c r="C115006" s="14" t="s">
        <v>546</v>
      </c>
      <c r="D115006" s="14" t="s">
        <v>292</v>
      </c>
      <c r="E115006" s="15">
        <v>45407</v>
      </c>
      <c r="F115006" s="14" t="s">
        <v>61</v>
      </c>
      <c r="G115006" s="16">
        <v>0</v>
      </c>
    </row>
    <row r="115007" spans="1:7" x14ac:dyDescent="0.3">
      <c r="A115007" s="13" t="s">
        <v>548</v>
      </c>
      <c r="B115007" s="14" t="s">
        <v>1</v>
      </c>
      <c r="C115007" s="14" t="s">
        <v>546</v>
      </c>
      <c r="D115007" s="14" t="s">
        <v>292</v>
      </c>
      <c r="E115007" s="15">
        <v>45408</v>
      </c>
      <c r="F115007" s="14" t="s">
        <v>61</v>
      </c>
      <c r="G115007" s="16">
        <v>0</v>
      </c>
    </row>
    <row r="115008" spans="1:7" x14ac:dyDescent="0.3">
      <c r="A115008" s="13" t="s">
        <v>548</v>
      </c>
      <c r="B115008" s="14" t="s">
        <v>1</v>
      </c>
      <c r="C115008" s="14" t="s">
        <v>546</v>
      </c>
      <c r="D115008" s="14" t="s">
        <v>292</v>
      </c>
      <c r="E115008" s="15">
        <v>45409</v>
      </c>
      <c r="F115008" s="14" t="s">
        <v>61</v>
      </c>
      <c r="G115008" s="16">
        <v>0</v>
      </c>
    </row>
    <row r="115009" spans="1:7" x14ac:dyDescent="0.3">
      <c r="A115009" s="13" t="s">
        <v>548</v>
      </c>
      <c r="B115009" s="14" t="s">
        <v>1</v>
      </c>
      <c r="C115009" s="14" t="s">
        <v>546</v>
      </c>
      <c r="D115009" s="14" t="s">
        <v>292</v>
      </c>
      <c r="E115009" s="15">
        <v>45410</v>
      </c>
      <c r="F115009" s="14" t="s">
        <v>61</v>
      </c>
      <c r="G115009" s="16">
        <v>0</v>
      </c>
    </row>
    <row r="115010" spans="1:7" x14ac:dyDescent="0.3">
      <c r="A115010" s="13" t="s">
        <v>548</v>
      </c>
      <c r="B115010" s="14" t="s">
        <v>1</v>
      </c>
      <c r="C115010" s="14" t="s">
        <v>546</v>
      </c>
      <c r="D115010" s="14" t="s">
        <v>292</v>
      </c>
      <c r="E115010" s="15">
        <v>45411</v>
      </c>
      <c r="F115010" s="14" t="s">
        <v>61</v>
      </c>
      <c r="G115010" s="16">
        <v>0</v>
      </c>
    </row>
    <row r="115011" spans="1:7" x14ac:dyDescent="0.3">
      <c r="A115011" s="13" t="s">
        <v>548</v>
      </c>
      <c r="B115011" s="14" t="s">
        <v>1</v>
      </c>
      <c r="C115011" s="14" t="s">
        <v>546</v>
      </c>
      <c r="D115011" s="14" t="s">
        <v>292</v>
      </c>
      <c r="E115011" s="15">
        <v>45412</v>
      </c>
      <c r="F115011" s="14" t="s">
        <v>61</v>
      </c>
      <c r="G115011" s="16">
        <v>0</v>
      </c>
    </row>
    <row r="115012" spans="1:7" x14ac:dyDescent="0.3">
      <c r="A115012" s="13" t="s">
        <v>548</v>
      </c>
      <c r="B115012" s="14" t="s">
        <v>1</v>
      </c>
      <c r="C115012" s="14" t="s">
        <v>546</v>
      </c>
      <c r="D115012" s="14" t="s">
        <v>292</v>
      </c>
      <c r="E115012" s="15">
        <v>45413</v>
      </c>
      <c r="F115012" s="14" t="s">
        <v>61</v>
      </c>
      <c r="G115012" s="16">
        <v>0</v>
      </c>
    </row>
    <row r="115013" spans="1:7" x14ac:dyDescent="0.3">
      <c r="A115013" s="13" t="s">
        <v>548</v>
      </c>
      <c r="B115013" s="14" t="s">
        <v>1</v>
      </c>
      <c r="C115013" s="14" t="s">
        <v>546</v>
      </c>
      <c r="D115013" s="14" t="s">
        <v>292</v>
      </c>
      <c r="E115013" s="15">
        <v>45414</v>
      </c>
      <c r="F115013" s="14" t="s">
        <v>61</v>
      </c>
      <c r="G115013" s="16">
        <v>0</v>
      </c>
    </row>
    <row r="115014" spans="1:7" x14ac:dyDescent="0.3">
      <c r="A115014" s="13" t="s">
        <v>548</v>
      </c>
      <c r="B115014" s="14" t="s">
        <v>1</v>
      </c>
      <c r="C115014" s="14" t="s">
        <v>546</v>
      </c>
      <c r="D115014" s="14" t="s">
        <v>292</v>
      </c>
      <c r="E115014" s="15">
        <v>45415</v>
      </c>
      <c r="F115014" s="14" t="s">
        <v>61</v>
      </c>
      <c r="G115014" s="16">
        <v>0</v>
      </c>
    </row>
    <row r="115015" spans="1:7" x14ac:dyDescent="0.3">
      <c r="A115015" s="13" t="s">
        <v>548</v>
      </c>
      <c r="B115015" s="14" t="s">
        <v>1</v>
      </c>
      <c r="C115015" s="14" t="s">
        <v>546</v>
      </c>
      <c r="D115015" s="14" t="s">
        <v>292</v>
      </c>
      <c r="E115015" s="15">
        <v>45416</v>
      </c>
      <c r="F115015" s="14" t="s">
        <v>61</v>
      </c>
      <c r="G115015" s="16">
        <v>0</v>
      </c>
    </row>
    <row r="115016" spans="1:7" x14ac:dyDescent="0.3">
      <c r="A115016" s="13" t="s">
        <v>548</v>
      </c>
      <c r="B115016" s="14" t="s">
        <v>1</v>
      </c>
      <c r="C115016" s="14" t="s">
        <v>546</v>
      </c>
      <c r="D115016" s="14" t="s">
        <v>292</v>
      </c>
      <c r="E115016" s="15">
        <v>45417</v>
      </c>
      <c r="F115016" s="14" t="s">
        <v>61</v>
      </c>
      <c r="G115016" s="16">
        <v>0</v>
      </c>
    </row>
    <row r="115017" spans="1:7" x14ac:dyDescent="0.3">
      <c r="A115017" s="13" t="s">
        <v>548</v>
      </c>
      <c r="B115017" s="14" t="s">
        <v>1</v>
      </c>
      <c r="C115017" s="14" t="s">
        <v>546</v>
      </c>
      <c r="D115017" s="14" t="s">
        <v>292</v>
      </c>
      <c r="E115017" s="15">
        <v>45418</v>
      </c>
      <c r="F115017" s="14" t="s">
        <v>61</v>
      </c>
      <c r="G115017" s="16">
        <v>0</v>
      </c>
    </row>
    <row r="115018" spans="1:7" x14ac:dyDescent="0.3">
      <c r="A115018" s="13" t="s">
        <v>548</v>
      </c>
      <c r="B115018" s="14" t="s">
        <v>1</v>
      </c>
      <c r="C115018" s="14" t="s">
        <v>546</v>
      </c>
      <c r="D115018" s="14" t="s">
        <v>292</v>
      </c>
      <c r="E115018" s="15">
        <v>45419</v>
      </c>
      <c r="F115018" s="14" t="s">
        <v>61</v>
      </c>
      <c r="G115018" s="16">
        <v>6.6120452225536747E-3</v>
      </c>
    </row>
    <row r="115019" spans="1:7" x14ac:dyDescent="0.3">
      <c r="A115019" s="13" t="s">
        <v>548</v>
      </c>
      <c r="B115019" s="14" t="s">
        <v>1</v>
      </c>
      <c r="C115019" s="14" t="s">
        <v>546</v>
      </c>
      <c r="D115019" s="14" t="s">
        <v>292</v>
      </c>
      <c r="E115019" s="15">
        <v>45420</v>
      </c>
      <c r="F115019" s="14" t="s">
        <v>61</v>
      </c>
      <c r="G115019" s="16">
        <v>0</v>
      </c>
    </row>
    <row r="115020" spans="1:7" x14ac:dyDescent="0.3">
      <c r="A115020" s="13" t="s">
        <v>548</v>
      </c>
      <c r="B115020" s="14" t="s">
        <v>1</v>
      </c>
      <c r="C115020" s="14" t="s">
        <v>546</v>
      </c>
      <c r="D115020" s="14" t="s">
        <v>292</v>
      </c>
      <c r="E115020" s="15">
        <v>45421</v>
      </c>
      <c r="F115020" s="14" t="s">
        <v>61</v>
      </c>
      <c r="G115020" s="16">
        <v>0</v>
      </c>
    </row>
    <row r="115021" spans="1:7" x14ac:dyDescent="0.3">
      <c r="A115021" s="13" t="s">
        <v>548</v>
      </c>
      <c r="B115021" s="14" t="s">
        <v>1</v>
      </c>
      <c r="C115021" s="14" t="s">
        <v>546</v>
      </c>
      <c r="D115021" s="14" t="s">
        <v>292</v>
      </c>
      <c r="E115021" s="15">
        <v>45422</v>
      </c>
      <c r="F115021" s="14" t="s">
        <v>61</v>
      </c>
      <c r="G115021" s="16">
        <v>0</v>
      </c>
    </row>
    <row r="115022" spans="1:7" x14ac:dyDescent="0.3">
      <c r="A115022" s="13" t="s">
        <v>548</v>
      </c>
      <c r="B115022" s="14" t="s">
        <v>1</v>
      </c>
      <c r="C115022" s="14" t="s">
        <v>546</v>
      </c>
      <c r="D115022" s="14" t="s">
        <v>292</v>
      </c>
      <c r="E115022" s="15">
        <v>45423</v>
      </c>
      <c r="F115022" s="14" t="s">
        <v>61</v>
      </c>
      <c r="G115022" s="16">
        <v>0</v>
      </c>
    </row>
    <row r="115023" spans="1:7" x14ac:dyDescent="0.3">
      <c r="A115023" s="13" t="s">
        <v>548</v>
      </c>
      <c r="B115023" s="14" t="s">
        <v>1</v>
      </c>
      <c r="C115023" s="14" t="s">
        <v>546</v>
      </c>
      <c r="D115023" s="14" t="s">
        <v>292</v>
      </c>
      <c r="E115023" s="15">
        <v>45424</v>
      </c>
      <c r="F115023" s="14" t="s">
        <v>61</v>
      </c>
      <c r="G115023" s="16">
        <v>0</v>
      </c>
    </row>
    <row r="115024" spans="1:7" x14ac:dyDescent="0.3">
      <c r="A115024" s="13" t="s">
        <v>548</v>
      </c>
      <c r="B115024" s="14" t="s">
        <v>1</v>
      </c>
      <c r="C115024" s="14" t="s">
        <v>546</v>
      </c>
      <c r="D115024" s="14" t="s">
        <v>292</v>
      </c>
      <c r="E115024" s="15">
        <v>45425</v>
      </c>
      <c r="F115024" s="14" t="s">
        <v>61</v>
      </c>
      <c r="G115024" s="16">
        <v>0</v>
      </c>
    </row>
    <row r="115025" spans="1:7" x14ac:dyDescent="0.3">
      <c r="A115025" s="13" t="s">
        <v>548</v>
      </c>
      <c r="B115025" s="14" t="s">
        <v>1</v>
      </c>
      <c r="C115025" s="14" t="s">
        <v>546</v>
      </c>
      <c r="D115025" s="14" t="s">
        <v>292</v>
      </c>
      <c r="E115025" s="15">
        <v>45426</v>
      </c>
      <c r="F115025" s="14" t="s">
        <v>61</v>
      </c>
      <c r="G115025" s="16">
        <v>0</v>
      </c>
    </row>
    <row r="115026" spans="1:7" x14ac:dyDescent="0.3">
      <c r="A115026" s="13" t="s">
        <v>548</v>
      </c>
      <c r="B115026" s="14" t="s">
        <v>1</v>
      </c>
      <c r="C115026" s="14" t="s">
        <v>546</v>
      </c>
      <c r="D115026" s="14" t="s">
        <v>292</v>
      </c>
      <c r="E115026" s="15">
        <v>45427</v>
      </c>
      <c r="F115026" s="14" t="s">
        <v>61</v>
      </c>
      <c r="G115026" s="16">
        <v>0</v>
      </c>
    </row>
    <row r="115027" spans="1:7" x14ac:dyDescent="0.3">
      <c r="A115027" s="13" t="s">
        <v>548</v>
      </c>
      <c r="B115027" s="14" t="s">
        <v>1</v>
      </c>
      <c r="C115027" s="14" t="s">
        <v>546</v>
      </c>
      <c r="D115027" s="14" t="s">
        <v>292</v>
      </c>
      <c r="E115027" s="15">
        <v>45428</v>
      </c>
      <c r="F115027" s="14" t="s">
        <v>61</v>
      </c>
      <c r="G115027" s="16">
        <v>0</v>
      </c>
    </row>
    <row r="115028" spans="1:7" x14ac:dyDescent="0.3">
      <c r="A115028" s="13" t="s">
        <v>548</v>
      </c>
      <c r="B115028" s="14" t="s">
        <v>1</v>
      </c>
      <c r="C115028" s="14" t="s">
        <v>546</v>
      </c>
      <c r="D115028" s="14" t="s">
        <v>292</v>
      </c>
      <c r="E115028" s="15">
        <v>45429</v>
      </c>
      <c r="F115028" s="14" t="s">
        <v>61</v>
      </c>
      <c r="G115028" s="16">
        <v>2.2249156269556453E-2</v>
      </c>
    </row>
    <row r="115029" spans="1:7" x14ac:dyDescent="0.3">
      <c r="A115029" s="13" t="s">
        <v>548</v>
      </c>
      <c r="B115029" s="14" t="s">
        <v>1</v>
      </c>
      <c r="C115029" s="14" t="s">
        <v>546</v>
      </c>
      <c r="D115029" s="14" t="s">
        <v>292</v>
      </c>
      <c r="E115029" s="15">
        <v>45430</v>
      </c>
      <c r="F115029" s="14" t="s">
        <v>61</v>
      </c>
      <c r="G115029" s="16">
        <v>2.2249156269556453E-2</v>
      </c>
    </row>
    <row r="115030" spans="1:7" x14ac:dyDescent="0.3">
      <c r="A115030" s="13" t="s">
        <v>548</v>
      </c>
      <c r="B115030" s="14" t="s">
        <v>1</v>
      </c>
      <c r="C115030" s="14" t="s">
        <v>546</v>
      </c>
      <c r="D115030" s="14" t="s">
        <v>292</v>
      </c>
      <c r="E115030" s="15">
        <v>45431</v>
      </c>
      <c r="F115030" s="14" t="s">
        <v>61</v>
      </c>
      <c r="G115030" s="16">
        <v>2.2249156269556453E-2</v>
      </c>
    </row>
    <row r="115031" spans="1:7" x14ac:dyDescent="0.3">
      <c r="A115031" s="13" t="s">
        <v>548</v>
      </c>
      <c r="B115031" s="14" t="s">
        <v>1</v>
      </c>
      <c r="C115031" s="14" t="s">
        <v>546</v>
      </c>
      <c r="D115031" s="14" t="s">
        <v>292</v>
      </c>
      <c r="E115031" s="15">
        <v>45432</v>
      </c>
      <c r="F115031" s="14" t="s">
        <v>61</v>
      </c>
      <c r="G115031" s="16">
        <v>6.745927020847689E-2</v>
      </c>
    </row>
    <row r="115032" spans="1:7" x14ac:dyDescent="0.3">
      <c r="A115032" s="13" t="s">
        <v>548</v>
      </c>
      <c r="B115032" s="14" t="s">
        <v>1</v>
      </c>
      <c r="C115032" s="14" t="s">
        <v>546</v>
      </c>
      <c r="D115032" s="14" t="s">
        <v>292</v>
      </c>
      <c r="E115032" s="15">
        <v>45433</v>
      </c>
      <c r="F115032" s="14" t="s">
        <v>61</v>
      </c>
      <c r="G115032" s="16">
        <v>6.2322239423941855E-2</v>
      </c>
    </row>
    <row r="115033" spans="1:7" x14ac:dyDescent="0.3">
      <c r="A115033" s="13" t="s">
        <v>548</v>
      </c>
      <c r="B115033" s="14" t="s">
        <v>1</v>
      </c>
      <c r="C115033" s="14" t="s">
        <v>546</v>
      </c>
      <c r="D115033" s="14" t="s">
        <v>292</v>
      </c>
      <c r="E115033" s="15">
        <v>45434</v>
      </c>
      <c r="F115033" s="14" t="s">
        <v>61</v>
      </c>
      <c r="G115033" s="16">
        <v>7.2926898160584883E-2</v>
      </c>
    </row>
    <row r="115034" spans="1:7" x14ac:dyDescent="0.3">
      <c r="A115034" s="13" t="s">
        <v>548</v>
      </c>
      <c r="B115034" s="14" t="s">
        <v>1</v>
      </c>
      <c r="C115034" s="14" t="s">
        <v>546</v>
      </c>
      <c r="D115034" s="14" t="s">
        <v>292</v>
      </c>
      <c r="E115034" s="15">
        <v>45435</v>
      </c>
      <c r="F115034" s="14" t="s">
        <v>61</v>
      </c>
      <c r="G115034" s="16">
        <v>7.1276850991929513E-2</v>
      </c>
    </row>
    <row r="115035" spans="1:7" x14ac:dyDescent="0.3">
      <c r="A115035" s="13" t="s">
        <v>548</v>
      </c>
      <c r="B115035" s="14" t="s">
        <v>1</v>
      </c>
      <c r="C115035" s="14" t="s">
        <v>546</v>
      </c>
      <c r="D115035" s="14" t="s">
        <v>292</v>
      </c>
      <c r="E115035" s="15">
        <v>45436</v>
      </c>
      <c r="F115035" s="14" t="s">
        <v>61</v>
      </c>
      <c r="G115035" s="16">
        <v>6.9357440538661094E-2</v>
      </c>
    </row>
    <row r="115036" spans="1:7" x14ac:dyDescent="0.3">
      <c r="A115036" s="13" t="s">
        <v>548</v>
      </c>
      <c r="B115036" s="14" t="s">
        <v>1</v>
      </c>
      <c r="C115036" s="14" t="s">
        <v>546</v>
      </c>
      <c r="D115036" s="14" t="s">
        <v>292</v>
      </c>
      <c r="E115036" s="15">
        <v>45437</v>
      </c>
      <c r="F115036" s="14" t="s">
        <v>61</v>
      </c>
      <c r="G115036" s="16">
        <v>6.9357440538661094E-2</v>
      </c>
    </row>
    <row r="115037" spans="1:7" x14ac:dyDescent="0.3">
      <c r="A115037" s="13" t="s">
        <v>548</v>
      </c>
      <c r="B115037" s="14" t="s">
        <v>1</v>
      </c>
      <c r="C115037" s="14" t="s">
        <v>546</v>
      </c>
      <c r="D115037" s="14" t="s">
        <v>292</v>
      </c>
      <c r="E115037" s="15">
        <v>45438</v>
      </c>
      <c r="F115037" s="14" t="s">
        <v>61</v>
      </c>
      <c r="G115037" s="16">
        <v>6.9357440538661094E-2</v>
      </c>
    </row>
    <row r="115038" spans="1:7" x14ac:dyDescent="0.3">
      <c r="A115038" s="13" t="s">
        <v>548</v>
      </c>
      <c r="B115038" s="14" t="s">
        <v>1</v>
      </c>
      <c r="C115038" s="14" t="s">
        <v>546</v>
      </c>
      <c r="D115038" s="14" t="s">
        <v>292</v>
      </c>
      <c r="E115038" s="15">
        <v>45439</v>
      </c>
      <c r="F115038" s="14" t="s">
        <v>61</v>
      </c>
      <c r="G115038" s="16">
        <v>6.7624400393108117E-2</v>
      </c>
    </row>
    <row r="115039" spans="1:7" x14ac:dyDescent="0.3">
      <c r="A115039" s="13" t="s">
        <v>548</v>
      </c>
      <c r="B115039" s="14" t="s">
        <v>1</v>
      </c>
      <c r="C115039" s="14" t="s">
        <v>546</v>
      </c>
      <c r="D115039" s="14" t="s">
        <v>292</v>
      </c>
      <c r="E115039" s="15">
        <v>45440</v>
      </c>
      <c r="F115039" s="14" t="s">
        <v>61</v>
      </c>
      <c r="G115039" s="16">
        <v>7.8611540648788433E-2</v>
      </c>
    </row>
    <row r="115040" spans="1:7" x14ac:dyDescent="0.3">
      <c r="A115040" s="13" t="s">
        <v>548</v>
      </c>
      <c r="B115040" s="14" t="s">
        <v>1</v>
      </c>
      <c r="C115040" s="14" t="s">
        <v>546</v>
      </c>
      <c r="D115040" s="14" t="s">
        <v>292</v>
      </c>
      <c r="E115040" s="15">
        <v>45441</v>
      </c>
      <c r="F115040" s="14" t="s">
        <v>61</v>
      </c>
      <c r="G115040" s="16">
        <v>7.7949561490418817E-2</v>
      </c>
    </row>
    <row r="115041" spans="1:7" x14ac:dyDescent="0.3">
      <c r="A115041" s="13" t="s">
        <v>548</v>
      </c>
      <c r="B115041" s="14" t="s">
        <v>1</v>
      </c>
      <c r="C115041" s="14" t="s">
        <v>546</v>
      </c>
      <c r="D115041" s="14" t="s">
        <v>292</v>
      </c>
      <c r="E115041" s="15">
        <v>45442</v>
      </c>
      <c r="F115041" s="14" t="s">
        <v>61</v>
      </c>
      <c r="G115041" s="16">
        <v>7.605874407026425E-2</v>
      </c>
    </row>
    <row r="115042" spans="1:7" x14ac:dyDescent="0.3">
      <c r="A115042" s="13" t="s">
        <v>548</v>
      </c>
      <c r="B115042" s="14" t="s">
        <v>1</v>
      </c>
      <c r="C115042" s="14" t="s">
        <v>546</v>
      </c>
      <c r="D115042" s="14" t="s">
        <v>292</v>
      </c>
      <c r="E115042" s="15">
        <v>45443</v>
      </c>
      <c r="F115042" s="14" t="s">
        <v>61</v>
      </c>
      <c r="G115042" s="16">
        <v>7.8258678410186203E-2</v>
      </c>
    </row>
    <row r="115043" spans="1:7" x14ac:dyDescent="0.3">
      <c r="A115043" s="13" t="s">
        <v>548</v>
      </c>
      <c r="B115043" s="14" t="s">
        <v>1</v>
      </c>
      <c r="C115043" s="14" t="s">
        <v>546</v>
      </c>
      <c r="D115043" s="14" t="s">
        <v>292</v>
      </c>
      <c r="E115043" s="15">
        <v>45444</v>
      </c>
      <c r="F115043" s="14" t="s">
        <v>61</v>
      </c>
      <c r="G115043" s="16">
        <v>7.8258678410186203E-2</v>
      </c>
    </row>
    <row r="115044" spans="1:7" x14ac:dyDescent="0.3">
      <c r="A115044" s="13" t="s">
        <v>548</v>
      </c>
      <c r="B115044" s="14" t="s">
        <v>1</v>
      </c>
      <c r="C115044" s="14" t="s">
        <v>546</v>
      </c>
      <c r="D115044" s="14" t="s">
        <v>292</v>
      </c>
      <c r="E115044" s="15">
        <v>45445</v>
      </c>
      <c r="F115044" s="14" t="s">
        <v>61</v>
      </c>
      <c r="G115044" s="16">
        <v>7.8258678410186203E-2</v>
      </c>
    </row>
    <row r="115045" spans="1:7" x14ac:dyDescent="0.3">
      <c r="A115045" s="13" t="s">
        <v>548</v>
      </c>
      <c r="B115045" s="14" t="s">
        <v>1</v>
      </c>
      <c r="C115045" s="14" t="s">
        <v>546</v>
      </c>
      <c r="D115045" s="14" t="s">
        <v>292</v>
      </c>
      <c r="E115045" s="15">
        <v>45446</v>
      </c>
      <c r="F115045" s="14" t="s">
        <v>61</v>
      </c>
      <c r="G115045" s="16">
        <v>7.8258678410186203E-2</v>
      </c>
    </row>
    <row r="115046" spans="1:7" x14ac:dyDescent="0.3">
      <c r="A115046" s="13" t="s">
        <v>548</v>
      </c>
      <c r="B115046" s="14" t="s">
        <v>1</v>
      </c>
      <c r="C115046" s="14" t="s">
        <v>546</v>
      </c>
      <c r="D115046" s="14" t="s">
        <v>292</v>
      </c>
      <c r="E115046" s="15">
        <v>45447</v>
      </c>
      <c r="F115046" s="14" t="s">
        <v>61</v>
      </c>
      <c r="G115046" s="16">
        <v>7.9928533009729796E-2</v>
      </c>
    </row>
    <row r="115047" spans="1:7" x14ac:dyDescent="0.3">
      <c r="A115047" s="13" t="s">
        <v>548</v>
      </c>
      <c r="B115047" s="14" t="s">
        <v>1</v>
      </c>
      <c r="C115047" s="14" t="s">
        <v>546</v>
      </c>
      <c r="D115047" s="14" t="s">
        <v>292</v>
      </c>
      <c r="E115047" s="15">
        <v>45448</v>
      </c>
      <c r="F115047" s="14" t="s">
        <v>61</v>
      </c>
      <c r="G115047" s="16">
        <v>7.6943604708138977E-2</v>
      </c>
    </row>
    <row r="115048" spans="1:7" x14ac:dyDescent="0.3">
      <c r="A115048" s="13" t="s">
        <v>548</v>
      </c>
      <c r="B115048" s="14" t="s">
        <v>1</v>
      </c>
      <c r="C115048" s="14" t="s">
        <v>546</v>
      </c>
      <c r="D115048" s="14" t="s">
        <v>292</v>
      </c>
      <c r="E115048" s="15">
        <v>45449</v>
      </c>
      <c r="F115048" s="14" t="s">
        <v>61</v>
      </c>
      <c r="G115048" s="16">
        <v>8.4981505328884765E-2</v>
      </c>
    </row>
    <row r="115049" spans="1:7" x14ac:dyDescent="0.3">
      <c r="A115049" s="13" t="s">
        <v>548</v>
      </c>
      <c r="B115049" s="14" t="s">
        <v>1</v>
      </c>
      <c r="C115049" s="14" t="s">
        <v>546</v>
      </c>
      <c r="D115049" s="14" t="s">
        <v>292</v>
      </c>
      <c r="E115049" s="15">
        <v>45450</v>
      </c>
      <c r="F115049" s="14" t="s">
        <v>61</v>
      </c>
      <c r="G115049" s="16">
        <v>8.5596344678039699E-2</v>
      </c>
    </row>
    <row r="115050" spans="1:7" x14ac:dyDescent="0.3">
      <c r="A115050" s="13" t="s">
        <v>548</v>
      </c>
      <c r="B115050" s="14" t="s">
        <v>1</v>
      </c>
      <c r="C115050" s="14" t="s">
        <v>546</v>
      </c>
      <c r="D115050" s="14" t="s">
        <v>292</v>
      </c>
      <c r="E115050" s="15">
        <v>45451</v>
      </c>
      <c r="F115050" s="14" t="s">
        <v>61</v>
      </c>
      <c r="G115050" s="16">
        <v>8.5596344678039699E-2</v>
      </c>
    </row>
    <row r="115051" spans="1:7" x14ac:dyDescent="0.3">
      <c r="A115051" s="13" t="s">
        <v>548</v>
      </c>
      <c r="B115051" s="14" t="s">
        <v>1</v>
      </c>
      <c r="C115051" s="14" t="s">
        <v>546</v>
      </c>
      <c r="D115051" s="14" t="s">
        <v>292</v>
      </c>
      <c r="E115051" s="15">
        <v>45452</v>
      </c>
      <c r="F115051" s="14" t="s">
        <v>61</v>
      </c>
      <c r="G115051" s="16">
        <v>8.5596344678039699E-2</v>
      </c>
    </row>
    <row r="115052" spans="1:7" x14ac:dyDescent="0.3">
      <c r="A115052" s="13" t="s">
        <v>548</v>
      </c>
      <c r="B115052" s="14" t="s">
        <v>1</v>
      </c>
      <c r="C115052" s="14" t="s">
        <v>546</v>
      </c>
      <c r="D115052" s="14" t="s">
        <v>292</v>
      </c>
      <c r="E115052" s="15">
        <v>45453</v>
      </c>
      <c r="F115052" s="14" t="s">
        <v>61</v>
      </c>
      <c r="G115052" s="16">
        <v>8.5596344678039699E-2</v>
      </c>
    </row>
    <row r="115053" spans="1:7" x14ac:dyDescent="0.3">
      <c r="A115053" s="13" t="s">
        <v>548</v>
      </c>
      <c r="B115053" s="14" t="s">
        <v>1</v>
      </c>
      <c r="C115053" s="14" t="s">
        <v>546</v>
      </c>
      <c r="D115053" s="14" t="s">
        <v>292</v>
      </c>
      <c r="E115053" s="15">
        <v>45454</v>
      </c>
      <c r="F115053" s="14" t="s">
        <v>61</v>
      </c>
      <c r="G115053" s="16">
        <v>0.13715312860032786</v>
      </c>
    </row>
    <row r="115054" spans="1:7" x14ac:dyDescent="0.3">
      <c r="A115054" s="13" t="s">
        <v>548</v>
      </c>
      <c r="B115054" s="14" t="s">
        <v>1</v>
      </c>
      <c r="C115054" s="14" t="s">
        <v>546</v>
      </c>
      <c r="D115054" s="14" t="s">
        <v>292</v>
      </c>
      <c r="E115054" s="15">
        <v>45455</v>
      </c>
      <c r="F115054" s="14" t="s">
        <v>61</v>
      </c>
      <c r="G115054" s="16">
        <v>0.12967306681343038</v>
      </c>
    </row>
    <row r="115055" spans="1:7" x14ac:dyDescent="0.3">
      <c r="A115055" s="13" t="s">
        <v>548</v>
      </c>
      <c r="B115055" s="14" t="s">
        <v>1</v>
      </c>
      <c r="C115055" s="14" t="s">
        <v>546</v>
      </c>
      <c r="D115055" s="14" t="s">
        <v>292</v>
      </c>
      <c r="E115055" s="15">
        <v>45456</v>
      </c>
      <c r="F115055" s="14" t="s">
        <v>61</v>
      </c>
      <c r="G115055" s="16">
        <v>0.18113387361222405</v>
      </c>
    </row>
    <row r="115056" spans="1:7" x14ac:dyDescent="0.3">
      <c r="A115056" s="13" t="s">
        <v>548</v>
      </c>
      <c r="B115056" s="14" t="s">
        <v>1</v>
      </c>
      <c r="C115056" s="14" t="s">
        <v>546</v>
      </c>
      <c r="D115056" s="14" t="s">
        <v>292</v>
      </c>
      <c r="E115056" s="15">
        <v>45457</v>
      </c>
      <c r="F115056" s="14" t="s">
        <v>61</v>
      </c>
      <c r="G115056" s="16">
        <v>0.21264944340051123</v>
      </c>
    </row>
    <row r="115057" spans="1:7" x14ac:dyDescent="0.3">
      <c r="A115057" s="13" t="s">
        <v>548</v>
      </c>
      <c r="B115057" s="14" t="s">
        <v>1</v>
      </c>
      <c r="C115057" s="14" t="s">
        <v>546</v>
      </c>
      <c r="D115057" s="14" t="s">
        <v>292</v>
      </c>
      <c r="E115057" s="15">
        <v>45458</v>
      </c>
      <c r="F115057" s="14" t="s">
        <v>61</v>
      </c>
      <c r="G115057" s="16">
        <v>0.21264944340051123</v>
      </c>
    </row>
    <row r="115058" spans="1:7" x14ac:dyDescent="0.3">
      <c r="A115058" s="13" t="s">
        <v>548</v>
      </c>
      <c r="B115058" s="14" t="s">
        <v>1</v>
      </c>
      <c r="C115058" s="14" t="s">
        <v>546</v>
      </c>
      <c r="D115058" s="14" t="s">
        <v>292</v>
      </c>
      <c r="E115058" s="15">
        <v>45459</v>
      </c>
      <c r="F115058" s="14" t="s">
        <v>61</v>
      </c>
      <c r="G115058" s="16">
        <v>0.21264944340051123</v>
      </c>
    </row>
    <row r="115059" spans="1:7" x14ac:dyDescent="0.3">
      <c r="A115059" s="13" t="s">
        <v>548</v>
      </c>
      <c r="B115059" s="14" t="s">
        <v>1</v>
      </c>
      <c r="C115059" s="14" t="s">
        <v>546</v>
      </c>
      <c r="D115059" s="14" t="s">
        <v>292</v>
      </c>
      <c r="E115059" s="15">
        <v>45460</v>
      </c>
      <c r="F115059" s="14" t="s">
        <v>61</v>
      </c>
      <c r="G115059" s="16">
        <v>0.22354787888140243</v>
      </c>
    </row>
    <row r="115060" spans="1:7" x14ac:dyDescent="0.3">
      <c r="A115060" s="13" t="s">
        <v>548</v>
      </c>
      <c r="B115060" s="14" t="s">
        <v>1</v>
      </c>
      <c r="C115060" s="14" t="s">
        <v>546</v>
      </c>
      <c r="D115060" s="14" t="s">
        <v>292</v>
      </c>
      <c r="E115060" s="15">
        <v>45461</v>
      </c>
      <c r="F115060" s="14" t="s">
        <v>61</v>
      </c>
      <c r="G115060" s="16">
        <v>0.21856794865634502</v>
      </c>
    </row>
    <row r="115061" spans="1:7" x14ac:dyDescent="0.3">
      <c r="A115061" s="13" t="s">
        <v>548</v>
      </c>
      <c r="B115061" s="14" t="s">
        <v>1</v>
      </c>
      <c r="C115061" s="14" t="s">
        <v>546</v>
      </c>
      <c r="D115061" s="14" t="s">
        <v>292</v>
      </c>
      <c r="E115061" s="15">
        <v>45462</v>
      </c>
      <c r="F115061" s="14" t="s">
        <v>61</v>
      </c>
      <c r="G115061" s="16">
        <v>0.26971681758964527</v>
      </c>
    </row>
    <row r="115062" spans="1:7" x14ac:dyDescent="0.3">
      <c r="A115062" s="13" t="s">
        <v>548</v>
      </c>
      <c r="B115062" s="14" t="s">
        <v>1</v>
      </c>
      <c r="C115062" s="14" t="s">
        <v>546</v>
      </c>
      <c r="D115062" s="14" t="s">
        <v>292</v>
      </c>
      <c r="E115062" s="15">
        <v>45463</v>
      </c>
      <c r="F115062" s="14" t="s">
        <v>61</v>
      </c>
      <c r="G115062" s="16">
        <v>0.30317933444361173</v>
      </c>
    </row>
    <row r="115063" spans="1:7" x14ac:dyDescent="0.3">
      <c r="A115063" s="13" t="s">
        <v>548</v>
      </c>
      <c r="B115063" s="14" t="s">
        <v>1</v>
      </c>
      <c r="C115063" s="14" t="s">
        <v>546</v>
      </c>
      <c r="D115063" s="14" t="s">
        <v>292</v>
      </c>
      <c r="E115063" s="15">
        <v>45464</v>
      </c>
      <c r="F115063" s="14" t="s">
        <v>61</v>
      </c>
      <c r="G115063" s="16">
        <v>0.30178815226366107</v>
      </c>
    </row>
    <row r="115064" spans="1:7" x14ac:dyDescent="0.3">
      <c r="A115064" s="13" t="s">
        <v>548</v>
      </c>
      <c r="B115064" s="14" t="s">
        <v>1</v>
      </c>
      <c r="C115064" s="14" t="s">
        <v>546</v>
      </c>
      <c r="D115064" s="14" t="s">
        <v>292</v>
      </c>
      <c r="E115064" s="15">
        <v>45465</v>
      </c>
      <c r="F115064" s="14" t="s">
        <v>61</v>
      </c>
      <c r="G115064" s="16">
        <v>0.30178815226366107</v>
      </c>
    </row>
    <row r="115065" spans="1:7" x14ac:dyDescent="0.3">
      <c r="A115065" s="13" t="s">
        <v>548</v>
      </c>
      <c r="B115065" s="14" t="s">
        <v>1</v>
      </c>
      <c r="C115065" s="14" t="s">
        <v>546</v>
      </c>
      <c r="D115065" s="14" t="s">
        <v>292</v>
      </c>
      <c r="E115065" s="15">
        <v>45466</v>
      </c>
      <c r="F115065" s="14" t="s">
        <v>61</v>
      </c>
      <c r="G115065" s="16">
        <v>0.30178815226366107</v>
      </c>
    </row>
    <row r="115066" spans="1:7" x14ac:dyDescent="0.3">
      <c r="A115066" s="13" t="s">
        <v>548</v>
      </c>
      <c r="B115066" s="14" t="s">
        <v>1</v>
      </c>
      <c r="C115066" s="14" t="s">
        <v>546</v>
      </c>
      <c r="D115066" s="14" t="s">
        <v>292</v>
      </c>
      <c r="E115066" s="15">
        <v>45467</v>
      </c>
      <c r="F115066" s="14" t="s">
        <v>61</v>
      </c>
      <c r="G115066" s="16">
        <v>0.29905964136226953</v>
      </c>
    </row>
    <row r="115067" spans="1:7" x14ac:dyDescent="0.3">
      <c r="A115067" s="13" t="s">
        <v>548</v>
      </c>
      <c r="B115067" s="14" t="s">
        <v>1</v>
      </c>
      <c r="C115067" s="14" t="s">
        <v>546</v>
      </c>
      <c r="D115067" s="14" t="s">
        <v>292</v>
      </c>
      <c r="E115067" s="15">
        <v>45468</v>
      </c>
      <c r="F115067" s="14" t="s">
        <v>61</v>
      </c>
      <c r="G115067" s="16">
        <v>0.30404017981529835</v>
      </c>
    </row>
    <row r="115068" spans="1:7" x14ac:dyDescent="0.3">
      <c r="A115068" s="13" t="s">
        <v>548</v>
      </c>
      <c r="B115068" s="14" t="s">
        <v>1</v>
      </c>
      <c r="C115068" s="14" t="s">
        <v>546</v>
      </c>
      <c r="D115068" s="14" t="s">
        <v>292</v>
      </c>
      <c r="E115068" s="15">
        <v>45469</v>
      </c>
      <c r="F115068" s="14" t="s">
        <v>61</v>
      </c>
      <c r="G115068" s="16">
        <v>0.3074005623410242</v>
      </c>
    </row>
    <row r="115069" spans="1:7" x14ac:dyDescent="0.3">
      <c r="A115069" s="13" t="s">
        <v>548</v>
      </c>
      <c r="B115069" s="14" t="s">
        <v>1</v>
      </c>
      <c r="C115069" s="14" t="s">
        <v>546</v>
      </c>
      <c r="D115069" s="14" t="s">
        <v>292</v>
      </c>
      <c r="E115069" s="15">
        <v>45470</v>
      </c>
      <c r="F115069" s="14" t="s">
        <v>61</v>
      </c>
      <c r="G115069" s="16">
        <v>0.30927190122650261</v>
      </c>
    </row>
    <row r="115070" spans="1:7" x14ac:dyDescent="0.3">
      <c r="A115070" s="13" t="s">
        <v>548</v>
      </c>
      <c r="B115070" s="14" t="s">
        <v>1</v>
      </c>
      <c r="C115070" s="14" t="s">
        <v>546</v>
      </c>
      <c r="D115070" s="14" t="s">
        <v>292</v>
      </c>
      <c r="E115070" s="15">
        <v>45471</v>
      </c>
      <c r="F115070" s="14" t="s">
        <v>61</v>
      </c>
      <c r="G115070" s="16">
        <v>0.30941674174649764</v>
      </c>
    </row>
    <row r="115071" spans="1:7" x14ac:dyDescent="0.3">
      <c r="A115071" s="13" t="s">
        <v>548</v>
      </c>
      <c r="B115071" s="14" t="s">
        <v>1</v>
      </c>
      <c r="C115071" s="14" t="s">
        <v>546</v>
      </c>
      <c r="D115071" s="14" t="s">
        <v>292</v>
      </c>
      <c r="E115071" s="15">
        <v>45472</v>
      </c>
      <c r="F115071" s="14" t="s">
        <v>61</v>
      </c>
      <c r="G115071" s="16">
        <v>0.30941674174649764</v>
      </c>
    </row>
    <row r="115072" spans="1:7" x14ac:dyDescent="0.3">
      <c r="A115072" s="13" t="s">
        <v>548</v>
      </c>
      <c r="B115072" s="14" t="s">
        <v>1</v>
      </c>
      <c r="C115072" s="14" t="s">
        <v>546</v>
      </c>
      <c r="D115072" s="14" t="s">
        <v>292</v>
      </c>
      <c r="E115072" s="15">
        <v>45473</v>
      </c>
      <c r="F115072" s="14" t="s">
        <v>61</v>
      </c>
      <c r="G115072" s="16">
        <v>0.30941674174649764</v>
      </c>
    </row>
    <row r="115073" spans="1:7" x14ac:dyDescent="0.3">
      <c r="A115073" s="13" t="s">
        <v>548</v>
      </c>
      <c r="B115073" s="14" t="s">
        <v>1</v>
      </c>
      <c r="C115073" s="14" t="s">
        <v>546</v>
      </c>
      <c r="D115073" s="14" t="s">
        <v>292</v>
      </c>
      <c r="E115073" s="15">
        <v>45474</v>
      </c>
      <c r="F115073" s="14" t="s">
        <v>61</v>
      </c>
      <c r="G115073" s="16">
        <v>0.30941674174649764</v>
      </c>
    </row>
    <row r="115074" spans="1:7" x14ac:dyDescent="0.3">
      <c r="A115074" s="13" t="s">
        <v>548</v>
      </c>
      <c r="B115074" s="14" t="s">
        <v>1</v>
      </c>
      <c r="C115074" s="14" t="s">
        <v>546</v>
      </c>
      <c r="D115074" s="14" t="s">
        <v>292</v>
      </c>
      <c r="E115074" s="15">
        <v>45475</v>
      </c>
      <c r="F115074" s="14" t="s">
        <v>61</v>
      </c>
      <c r="G115074" s="16">
        <v>0.30793394204645302</v>
      </c>
    </row>
    <row r="115075" spans="1:7" x14ac:dyDescent="0.3">
      <c r="A115075" s="13" t="s">
        <v>548</v>
      </c>
      <c r="B115075" s="14" t="s">
        <v>1</v>
      </c>
      <c r="C115075" s="14" t="s">
        <v>546</v>
      </c>
      <c r="D115075" s="14" t="s">
        <v>292</v>
      </c>
      <c r="E115075" s="15">
        <v>45476</v>
      </c>
      <c r="F115075" s="14" t="s">
        <v>61</v>
      </c>
      <c r="G115075" s="16">
        <v>0.30379781701820613</v>
      </c>
    </row>
    <row r="115076" spans="1:7" x14ac:dyDescent="0.3">
      <c r="A115076" s="13" t="s">
        <v>548</v>
      </c>
      <c r="B115076" s="14" t="s">
        <v>1</v>
      </c>
      <c r="C115076" s="14" t="s">
        <v>546</v>
      </c>
      <c r="D115076" s="14" t="s">
        <v>292</v>
      </c>
      <c r="E115076" s="15">
        <v>45477</v>
      </c>
      <c r="F115076" s="14" t="s">
        <v>61</v>
      </c>
      <c r="G115076" s="16">
        <v>0.43648292867717486</v>
      </c>
    </row>
    <row r="115077" spans="1:7" x14ac:dyDescent="0.3">
      <c r="A115077" s="13" t="s">
        <v>548</v>
      </c>
      <c r="B115077" s="14" t="s">
        <v>1</v>
      </c>
      <c r="C115077" s="14" t="s">
        <v>546</v>
      </c>
      <c r="D115077" s="14" t="s">
        <v>292</v>
      </c>
      <c r="E115077" s="15">
        <v>45478</v>
      </c>
      <c r="F115077" s="14" t="s">
        <v>61</v>
      </c>
      <c r="G115077" s="16">
        <v>0.63148938957516398</v>
      </c>
    </row>
    <row r="115078" spans="1:7" x14ac:dyDescent="0.3">
      <c r="A115078" s="13" t="s">
        <v>548</v>
      </c>
      <c r="B115078" s="14" t="s">
        <v>1</v>
      </c>
      <c r="C115078" s="14" t="s">
        <v>546</v>
      </c>
      <c r="D115078" s="14" t="s">
        <v>292</v>
      </c>
      <c r="E115078" s="15">
        <v>45479</v>
      </c>
      <c r="F115078" s="14" t="s">
        <v>61</v>
      </c>
      <c r="G115078" s="16">
        <v>0.63148938957516398</v>
      </c>
    </row>
    <row r="115079" spans="1:7" x14ac:dyDescent="0.3">
      <c r="A115079" s="13" t="s">
        <v>548</v>
      </c>
      <c r="B115079" s="14" t="s">
        <v>1</v>
      </c>
      <c r="C115079" s="14" t="s">
        <v>546</v>
      </c>
      <c r="D115079" s="14" t="s">
        <v>292</v>
      </c>
      <c r="E115079" s="15">
        <v>45480</v>
      </c>
      <c r="F115079" s="14" t="s">
        <v>61</v>
      </c>
      <c r="G115079" s="16">
        <v>0.63148938957516398</v>
      </c>
    </row>
    <row r="115080" spans="1:7" x14ac:dyDescent="0.3">
      <c r="A115080" s="13" t="s">
        <v>548</v>
      </c>
      <c r="B115080" s="14" t="s">
        <v>1</v>
      </c>
      <c r="C115080" s="14" t="s">
        <v>546</v>
      </c>
      <c r="D115080" s="14" t="s">
        <v>292</v>
      </c>
      <c r="E115080" s="15">
        <v>45481</v>
      </c>
      <c r="F115080" s="14" t="s">
        <v>61</v>
      </c>
      <c r="G115080" s="16">
        <v>0.6563910886265043</v>
      </c>
    </row>
    <row r="115081" spans="1:7" x14ac:dyDescent="0.3">
      <c r="A115081" s="13" t="s">
        <v>548</v>
      </c>
      <c r="B115081" s="14" t="s">
        <v>1</v>
      </c>
      <c r="C115081" s="14" t="s">
        <v>546</v>
      </c>
      <c r="D115081" s="14" t="s">
        <v>292</v>
      </c>
      <c r="E115081" s="15">
        <v>45482</v>
      </c>
      <c r="F115081" s="14" t="s">
        <v>61</v>
      </c>
      <c r="G115081" s="16">
        <v>0.69535461891445471</v>
      </c>
    </row>
    <row r="115082" spans="1:7" x14ac:dyDescent="0.3">
      <c r="A115082" s="13" t="s">
        <v>548</v>
      </c>
      <c r="B115082" s="14" t="s">
        <v>1</v>
      </c>
      <c r="C115082" s="14" t="s">
        <v>546</v>
      </c>
      <c r="D115082" s="14" t="s">
        <v>292</v>
      </c>
      <c r="E115082" s="15">
        <v>45483</v>
      </c>
      <c r="F115082" s="14" t="s">
        <v>61</v>
      </c>
      <c r="G115082" s="16">
        <v>0.69278495992107203</v>
      </c>
    </row>
    <row r="115083" spans="1:7" x14ac:dyDescent="0.3">
      <c r="A115083" s="13" t="s">
        <v>548</v>
      </c>
      <c r="B115083" s="14" t="s">
        <v>1</v>
      </c>
      <c r="C115083" s="14" t="s">
        <v>546</v>
      </c>
      <c r="D115083" s="14" t="s">
        <v>292</v>
      </c>
      <c r="E115083" s="15">
        <v>45484</v>
      </c>
      <c r="F115083" s="14" t="s">
        <v>61</v>
      </c>
      <c r="G115083" s="16">
        <v>0.69869615249172723</v>
      </c>
    </row>
    <row r="115084" spans="1:7" x14ac:dyDescent="0.3">
      <c r="A115084" s="13" t="s">
        <v>548</v>
      </c>
      <c r="B115084" s="14" t="s">
        <v>1</v>
      </c>
      <c r="C115084" s="14" t="s">
        <v>546</v>
      </c>
      <c r="D115084" s="14" t="s">
        <v>292</v>
      </c>
      <c r="E115084" s="15">
        <v>45485</v>
      </c>
      <c r="F115084" s="14" t="s">
        <v>61</v>
      </c>
      <c r="G115084" s="16">
        <v>0.70020600185308413</v>
      </c>
    </row>
    <row r="115085" spans="1:7" x14ac:dyDescent="0.3">
      <c r="A115085" s="13" t="s">
        <v>548</v>
      </c>
      <c r="B115085" s="14" t="s">
        <v>1</v>
      </c>
      <c r="C115085" s="14" t="s">
        <v>546</v>
      </c>
      <c r="D115085" s="14" t="s">
        <v>292</v>
      </c>
      <c r="E115085" s="15">
        <v>45486</v>
      </c>
      <c r="F115085" s="14" t="s">
        <v>61</v>
      </c>
      <c r="G115085" s="16">
        <v>0.70020600185308413</v>
      </c>
    </row>
    <row r="115086" spans="1:7" x14ac:dyDescent="0.3">
      <c r="A115086" s="13" t="s">
        <v>548</v>
      </c>
      <c r="B115086" s="14" t="s">
        <v>1</v>
      </c>
      <c r="C115086" s="14" t="s">
        <v>546</v>
      </c>
      <c r="D115086" s="14" t="s">
        <v>292</v>
      </c>
      <c r="E115086" s="15">
        <v>45487</v>
      </c>
      <c r="F115086" s="14" t="s">
        <v>61</v>
      </c>
      <c r="G115086" s="16">
        <v>0.70020600185308413</v>
      </c>
    </row>
    <row r="115087" spans="1:7" x14ac:dyDescent="0.3">
      <c r="A115087" s="13" t="s">
        <v>548</v>
      </c>
      <c r="B115087" s="14" t="s">
        <v>1</v>
      </c>
      <c r="C115087" s="14" t="s">
        <v>546</v>
      </c>
      <c r="D115087" s="14" t="s">
        <v>292</v>
      </c>
      <c r="E115087" s="15">
        <v>45488</v>
      </c>
      <c r="F115087" s="14" t="s">
        <v>61</v>
      </c>
      <c r="G115087" s="16">
        <v>0.71839663050236835</v>
      </c>
    </row>
    <row r="115088" spans="1:7" x14ac:dyDescent="0.3">
      <c r="A115088" s="13" t="s">
        <v>548</v>
      </c>
      <c r="B115088" s="14" t="s">
        <v>1</v>
      </c>
      <c r="C115088" s="14" t="s">
        <v>546</v>
      </c>
      <c r="D115088" s="14" t="s">
        <v>292</v>
      </c>
      <c r="E115088" s="15">
        <v>45489</v>
      </c>
      <c r="F115088" s="14" t="s">
        <v>61</v>
      </c>
      <c r="G115088" s="16">
        <v>0.71298351362662926</v>
      </c>
    </row>
    <row r="115089" spans="1:7" x14ac:dyDescent="0.3">
      <c r="A115089" s="13" t="s">
        <v>548</v>
      </c>
      <c r="B115089" s="14" t="s">
        <v>1</v>
      </c>
      <c r="C115089" s="14" t="s">
        <v>546</v>
      </c>
      <c r="D115089" s="14" t="s">
        <v>292</v>
      </c>
      <c r="E115089" s="15">
        <v>45490</v>
      </c>
      <c r="F115089" s="14" t="s">
        <v>61</v>
      </c>
      <c r="G115089" s="16">
        <v>0.7087843209732031</v>
      </c>
    </row>
    <row r="115090" spans="1:7" x14ac:dyDescent="0.3">
      <c r="A115090" s="13" t="s">
        <v>548</v>
      </c>
      <c r="B115090" s="14" t="s">
        <v>1</v>
      </c>
      <c r="C115090" s="14" t="s">
        <v>546</v>
      </c>
      <c r="D115090" s="14" t="s">
        <v>292</v>
      </c>
      <c r="E115090" s="15">
        <v>45491</v>
      </c>
      <c r="F115090" s="14" t="s">
        <v>61</v>
      </c>
      <c r="G115090" s="16">
        <v>0.71349406338317167</v>
      </c>
    </row>
    <row r="115091" spans="1:7" x14ac:dyDescent="0.3">
      <c r="A115091" s="13" t="s">
        <v>548</v>
      </c>
      <c r="B115091" s="14" t="s">
        <v>1</v>
      </c>
      <c r="C115091" s="14" t="s">
        <v>546</v>
      </c>
      <c r="D115091" s="14" t="s">
        <v>292</v>
      </c>
      <c r="E115091" s="15">
        <v>45492</v>
      </c>
      <c r="F115091" s="14" t="s">
        <v>61</v>
      </c>
      <c r="G115091" s="16">
        <v>0.7128033068922347</v>
      </c>
    </row>
    <row r="115092" spans="1:7" x14ac:dyDescent="0.3">
      <c r="A115092" s="13" t="s">
        <v>548</v>
      </c>
      <c r="B115092" s="14" t="s">
        <v>1</v>
      </c>
      <c r="C115092" s="14" t="s">
        <v>546</v>
      </c>
      <c r="D115092" s="14" t="s">
        <v>292</v>
      </c>
      <c r="E115092" s="15">
        <v>45493</v>
      </c>
      <c r="F115092" s="14" t="s">
        <v>61</v>
      </c>
      <c r="G115092" s="16">
        <v>0.7128033068922347</v>
      </c>
    </row>
    <row r="115093" spans="1:7" x14ac:dyDescent="0.3">
      <c r="A115093" s="13" t="s">
        <v>548</v>
      </c>
      <c r="B115093" s="14" t="s">
        <v>1</v>
      </c>
      <c r="C115093" s="14" t="s">
        <v>546</v>
      </c>
      <c r="D115093" s="14" t="s">
        <v>292</v>
      </c>
      <c r="E115093" s="15">
        <v>45494</v>
      </c>
      <c r="F115093" s="14" t="s">
        <v>61</v>
      </c>
      <c r="G115093" s="16">
        <v>0.7128033068922347</v>
      </c>
    </row>
    <row r="115094" spans="1:7" x14ac:dyDescent="0.3">
      <c r="A115094" s="13" t="s">
        <v>548</v>
      </c>
      <c r="B115094" s="14" t="s">
        <v>1</v>
      </c>
      <c r="C115094" s="14" t="s">
        <v>546</v>
      </c>
      <c r="D115094" s="14" t="s">
        <v>292</v>
      </c>
      <c r="E115094" s="15">
        <v>45495</v>
      </c>
      <c r="F115094" s="14" t="s">
        <v>61</v>
      </c>
      <c r="G115094" s="16">
        <v>0.74294630885453328</v>
      </c>
    </row>
    <row r="115095" spans="1:7" x14ac:dyDescent="0.3">
      <c r="A115095" s="13" t="s">
        <v>548</v>
      </c>
      <c r="B115095" s="14" t="s">
        <v>1</v>
      </c>
      <c r="C115095" s="14" t="s">
        <v>546</v>
      </c>
      <c r="D115095" s="14" t="s">
        <v>292</v>
      </c>
      <c r="E115095" s="15">
        <v>45496</v>
      </c>
      <c r="F115095" s="14" t="s">
        <v>61</v>
      </c>
      <c r="G115095" s="16">
        <v>0.74081553032025893</v>
      </c>
    </row>
    <row r="115096" spans="1:7" x14ac:dyDescent="0.3">
      <c r="A115096" s="13" t="s">
        <v>548</v>
      </c>
      <c r="B115096" s="14" t="s">
        <v>1</v>
      </c>
      <c r="C115096" s="14" t="s">
        <v>546</v>
      </c>
      <c r="D115096" s="14" t="s">
        <v>292</v>
      </c>
      <c r="E115096" s="15">
        <v>45497</v>
      </c>
      <c r="F115096" s="14" t="s">
        <v>61</v>
      </c>
      <c r="G115096" s="16">
        <v>0.74008659931648579</v>
      </c>
    </row>
    <row r="115097" spans="1:7" x14ac:dyDescent="0.3">
      <c r="A115097" s="13" t="s">
        <v>548</v>
      </c>
      <c r="B115097" s="14" t="s">
        <v>1</v>
      </c>
      <c r="C115097" s="14" t="s">
        <v>546</v>
      </c>
      <c r="D115097" s="14" t="s">
        <v>292</v>
      </c>
      <c r="E115097" s="15">
        <v>45498</v>
      </c>
      <c r="F115097" s="14" t="s">
        <v>61</v>
      </c>
      <c r="G115097" s="16">
        <v>0.73810088463467094</v>
      </c>
    </row>
    <row r="115098" spans="1:7" x14ac:dyDescent="0.3">
      <c r="A115098" s="13" t="s">
        <v>548</v>
      </c>
      <c r="B115098" s="14" t="s">
        <v>1</v>
      </c>
      <c r="C115098" s="14" t="s">
        <v>546</v>
      </c>
      <c r="D115098" s="14" t="s">
        <v>292</v>
      </c>
      <c r="E115098" s="15">
        <v>45499</v>
      </c>
      <c r="F115098" s="14" t="s">
        <v>61</v>
      </c>
      <c r="G115098" s="16">
        <v>0.73573329102009122</v>
      </c>
    </row>
    <row r="115099" spans="1:7" x14ac:dyDescent="0.3">
      <c r="A115099" s="13" t="s">
        <v>548</v>
      </c>
      <c r="B115099" s="14" t="s">
        <v>1</v>
      </c>
      <c r="C115099" s="14" t="s">
        <v>546</v>
      </c>
      <c r="D115099" s="14" t="s">
        <v>292</v>
      </c>
      <c r="E115099" s="15">
        <v>45500</v>
      </c>
      <c r="F115099" s="14" t="s">
        <v>61</v>
      </c>
      <c r="G115099" s="16">
        <v>0.73573329102009122</v>
      </c>
    </row>
    <row r="115100" spans="1:7" x14ac:dyDescent="0.3">
      <c r="A115100" s="13" t="s">
        <v>548</v>
      </c>
      <c r="B115100" s="14" t="s">
        <v>1</v>
      </c>
      <c r="C115100" s="14" t="s">
        <v>546</v>
      </c>
      <c r="D115100" s="14" t="s">
        <v>292</v>
      </c>
      <c r="E115100" s="15">
        <v>45501</v>
      </c>
      <c r="F115100" s="14" t="s">
        <v>61</v>
      </c>
      <c r="G115100" s="16">
        <v>0.73573329102009122</v>
      </c>
    </row>
    <row r="115101" spans="1:7" x14ac:dyDescent="0.3">
      <c r="A115101" s="13" t="s">
        <v>548</v>
      </c>
      <c r="B115101" s="14" t="s">
        <v>1</v>
      </c>
      <c r="C115101" s="14" t="s">
        <v>546</v>
      </c>
      <c r="D115101" s="14" t="s">
        <v>292</v>
      </c>
      <c r="E115101" s="15">
        <v>45502</v>
      </c>
      <c r="F115101" s="14" t="s">
        <v>61</v>
      </c>
      <c r="G115101" s="16">
        <v>0.73674113898878324</v>
      </c>
    </row>
    <row r="115102" spans="1:7" x14ac:dyDescent="0.3">
      <c r="A115102" s="13" t="s">
        <v>548</v>
      </c>
      <c r="B115102" s="14" t="s">
        <v>1</v>
      </c>
      <c r="C115102" s="14" t="s">
        <v>546</v>
      </c>
      <c r="D115102" s="14" t="s">
        <v>292</v>
      </c>
      <c r="E115102" s="15">
        <v>45503</v>
      </c>
      <c r="F115102" s="14" t="s">
        <v>61</v>
      </c>
      <c r="G115102" s="16">
        <v>0.73256952178846235</v>
      </c>
    </row>
    <row r="115103" spans="1:7" x14ac:dyDescent="0.3">
      <c r="A115103" s="13" t="s">
        <v>548</v>
      </c>
      <c r="B115103" s="14" t="s">
        <v>1</v>
      </c>
      <c r="C115103" s="14" t="s">
        <v>546</v>
      </c>
      <c r="D115103" s="14" t="s">
        <v>292</v>
      </c>
      <c r="E115103" s="15">
        <v>45504</v>
      </c>
      <c r="F115103" s="14" t="s">
        <v>61</v>
      </c>
      <c r="G115103" s="16">
        <v>0.73052880844035728</v>
      </c>
    </row>
    <row r="115104" spans="1:7" x14ac:dyDescent="0.3">
      <c r="A115104" s="13" t="s">
        <v>548</v>
      </c>
      <c r="B115104" s="14" t="s">
        <v>1</v>
      </c>
      <c r="C115104" s="14" t="s">
        <v>546</v>
      </c>
      <c r="D115104" s="14" t="s">
        <v>292</v>
      </c>
      <c r="E115104" s="15">
        <v>45505</v>
      </c>
      <c r="F115104" s="14" t="s">
        <v>61</v>
      </c>
      <c r="G115104" s="16">
        <v>0.73128251823742196</v>
      </c>
    </row>
    <row r="115105" spans="1:7" x14ac:dyDescent="0.3">
      <c r="A115105" s="13" t="s">
        <v>548</v>
      </c>
      <c r="B115105" s="14" t="s">
        <v>1</v>
      </c>
      <c r="C115105" s="14" t="s">
        <v>546</v>
      </c>
      <c r="D115105" s="14" t="s">
        <v>292</v>
      </c>
      <c r="E115105" s="15">
        <v>45506</v>
      </c>
      <c r="F115105" s="14" t="s">
        <v>61</v>
      </c>
      <c r="G115105" s="16">
        <v>0.73031738412385139</v>
      </c>
    </row>
    <row r="115106" spans="1:7" x14ac:dyDescent="0.3">
      <c r="A115106" s="13" t="s">
        <v>548</v>
      </c>
      <c r="B115106" s="14" t="s">
        <v>1</v>
      </c>
      <c r="C115106" s="14" t="s">
        <v>546</v>
      </c>
      <c r="D115106" s="14" t="s">
        <v>292</v>
      </c>
      <c r="E115106" s="15">
        <v>45507</v>
      </c>
      <c r="F115106" s="14" t="s">
        <v>61</v>
      </c>
      <c r="G115106" s="16">
        <v>0.73031738412385139</v>
      </c>
    </row>
    <row r="115107" spans="1:7" x14ac:dyDescent="0.3">
      <c r="A115107" s="13" t="s">
        <v>548</v>
      </c>
      <c r="B115107" s="14" t="s">
        <v>1</v>
      </c>
      <c r="C115107" s="14" t="s">
        <v>546</v>
      </c>
      <c r="D115107" s="14" t="s">
        <v>292</v>
      </c>
      <c r="E115107" s="15">
        <v>45508</v>
      </c>
      <c r="F115107" s="14" t="s">
        <v>61</v>
      </c>
      <c r="G115107" s="16">
        <v>0.73031738412385139</v>
      </c>
    </row>
    <row r="115108" spans="1:7" x14ac:dyDescent="0.3">
      <c r="A115108" s="13" t="s">
        <v>548</v>
      </c>
      <c r="B115108" s="14" t="s">
        <v>1</v>
      </c>
      <c r="C115108" s="14" t="s">
        <v>546</v>
      </c>
      <c r="D115108" s="14" t="s">
        <v>292</v>
      </c>
      <c r="E115108" s="15">
        <v>45509</v>
      </c>
      <c r="F115108" s="14" t="s">
        <v>61</v>
      </c>
      <c r="G115108" s="16">
        <v>0.73031738412385139</v>
      </c>
    </row>
    <row r="115109" spans="1:7" x14ac:dyDescent="0.3">
      <c r="A115109" s="13" t="s">
        <v>548</v>
      </c>
      <c r="B115109" s="14" t="s">
        <v>1</v>
      </c>
      <c r="C115109" s="14" t="s">
        <v>546</v>
      </c>
      <c r="D115109" s="14" t="s">
        <v>292</v>
      </c>
      <c r="E115109" s="15">
        <v>45510</v>
      </c>
      <c r="F115109" s="14" t="s">
        <v>61</v>
      </c>
      <c r="G115109" s="16">
        <v>0.72742552761722823</v>
      </c>
    </row>
    <row r="115110" spans="1:7" x14ac:dyDescent="0.3">
      <c r="A115110" s="13" t="s">
        <v>548</v>
      </c>
      <c r="B115110" s="14" t="s">
        <v>1</v>
      </c>
      <c r="C115110" s="14" t="s">
        <v>546</v>
      </c>
      <c r="D115110" s="14" t="s">
        <v>292</v>
      </c>
      <c r="E115110" s="15">
        <v>45511</v>
      </c>
      <c r="F115110" s="14" t="s">
        <v>61</v>
      </c>
      <c r="G115110" s="16">
        <v>0.72198232073434154</v>
      </c>
    </row>
    <row r="115111" spans="1:7" x14ac:dyDescent="0.3">
      <c r="A115111" s="13" t="s">
        <v>548</v>
      </c>
      <c r="B115111" s="14" t="s">
        <v>1</v>
      </c>
      <c r="C115111" s="14" t="s">
        <v>546</v>
      </c>
      <c r="D115111" s="14" t="s">
        <v>292</v>
      </c>
      <c r="E115111" s="15">
        <v>45512</v>
      </c>
      <c r="F115111" s="14" t="s">
        <v>61</v>
      </c>
      <c r="G115111" s="16">
        <v>0.72070068386090125</v>
      </c>
    </row>
    <row r="115112" spans="1:7" x14ac:dyDescent="0.3">
      <c r="A115112" s="13" t="s">
        <v>548</v>
      </c>
      <c r="B115112" s="14" t="s">
        <v>1</v>
      </c>
      <c r="C115112" s="14" t="s">
        <v>546</v>
      </c>
      <c r="D115112" s="14" t="s">
        <v>292</v>
      </c>
      <c r="E115112" s="15">
        <v>45513</v>
      </c>
      <c r="F115112" s="14" t="s">
        <v>61</v>
      </c>
      <c r="G115112" s="16">
        <v>0.71932248671712151</v>
      </c>
    </row>
    <row r="115113" spans="1:7" x14ac:dyDescent="0.3">
      <c r="A115113" s="13" t="s">
        <v>548</v>
      </c>
      <c r="B115113" s="14" t="s">
        <v>1</v>
      </c>
      <c r="C115113" s="14" t="s">
        <v>546</v>
      </c>
      <c r="D115113" s="14" t="s">
        <v>292</v>
      </c>
      <c r="E115113" s="15">
        <v>45514</v>
      </c>
      <c r="F115113" s="14" t="s">
        <v>61</v>
      </c>
      <c r="G115113" s="16">
        <v>0.71932248671712151</v>
      </c>
    </row>
    <row r="115114" spans="1:7" x14ac:dyDescent="0.3">
      <c r="A115114" s="13" t="s">
        <v>548</v>
      </c>
      <c r="B115114" s="14" t="s">
        <v>1</v>
      </c>
      <c r="C115114" s="14" t="s">
        <v>546</v>
      </c>
      <c r="D115114" s="14" t="s">
        <v>292</v>
      </c>
      <c r="E115114" s="15">
        <v>45515</v>
      </c>
      <c r="F115114" s="14" t="s">
        <v>61</v>
      </c>
      <c r="G115114" s="16">
        <v>0.71932248671712151</v>
      </c>
    </row>
    <row r="115115" spans="1:7" x14ac:dyDescent="0.3">
      <c r="A115115" s="13" t="s">
        <v>548</v>
      </c>
      <c r="B115115" s="14" t="s">
        <v>1</v>
      </c>
      <c r="C115115" s="14" t="s">
        <v>546</v>
      </c>
      <c r="D115115" s="14" t="s">
        <v>292</v>
      </c>
      <c r="E115115" s="15">
        <v>45516</v>
      </c>
      <c r="F115115" s="14" t="s">
        <v>61</v>
      </c>
      <c r="G115115" s="16">
        <v>0.71676455859468458</v>
      </c>
    </row>
    <row r="115116" spans="1:7" x14ac:dyDescent="0.3">
      <c r="A115116" s="13" t="s">
        <v>548</v>
      </c>
      <c r="B115116" s="14" t="s">
        <v>1</v>
      </c>
      <c r="C115116" s="14" t="s">
        <v>546</v>
      </c>
      <c r="D115116" s="14" t="s">
        <v>292</v>
      </c>
      <c r="E115116" s="15">
        <v>45517</v>
      </c>
      <c r="F115116" s="14" t="s">
        <v>61</v>
      </c>
      <c r="G115116" s="16">
        <v>0.70814646170801876</v>
      </c>
    </row>
    <row r="115117" spans="1:7" x14ac:dyDescent="0.3">
      <c r="A115117" s="13" t="s">
        <v>548</v>
      </c>
      <c r="B115117" s="14" t="s">
        <v>1</v>
      </c>
      <c r="C115117" s="14" t="s">
        <v>546</v>
      </c>
      <c r="D115117" s="14" t="s">
        <v>292</v>
      </c>
      <c r="E115117" s="15">
        <v>45518</v>
      </c>
      <c r="F115117" s="14" t="s">
        <v>61</v>
      </c>
      <c r="G115117" s="16">
        <v>0.70584301601005128</v>
      </c>
    </row>
    <row r="115118" spans="1:7" x14ac:dyDescent="0.3">
      <c r="A115118" s="13" t="s">
        <v>548</v>
      </c>
      <c r="B115118" s="14" t="s">
        <v>1</v>
      </c>
      <c r="C115118" s="14" t="s">
        <v>546</v>
      </c>
      <c r="D115118" s="14" t="s">
        <v>292</v>
      </c>
      <c r="E115118" s="15">
        <v>45519</v>
      </c>
      <c r="F115118" s="14" t="s">
        <v>61</v>
      </c>
      <c r="G115118" s="16">
        <v>0.70685275129855141</v>
      </c>
    </row>
    <row r="115119" spans="1:7" x14ac:dyDescent="0.3">
      <c r="A115119" s="13" t="s">
        <v>548</v>
      </c>
      <c r="B115119" s="14" t="s">
        <v>1</v>
      </c>
      <c r="C115119" s="14" t="s">
        <v>546</v>
      </c>
      <c r="D115119" s="14" t="s">
        <v>292</v>
      </c>
      <c r="E115119" s="15">
        <v>45520</v>
      </c>
      <c r="F115119" s="14" t="s">
        <v>61</v>
      </c>
      <c r="G115119" s="16">
        <v>0.71679611776894947</v>
      </c>
    </row>
    <row r="115120" spans="1:7" x14ac:dyDescent="0.3">
      <c r="A115120" s="13" t="s">
        <v>548</v>
      </c>
      <c r="B115120" s="14" t="s">
        <v>1</v>
      </c>
      <c r="C115120" s="14" t="s">
        <v>546</v>
      </c>
      <c r="D115120" s="14" t="s">
        <v>292</v>
      </c>
      <c r="E115120" s="15">
        <v>45521</v>
      </c>
      <c r="F115120" s="14" t="s">
        <v>61</v>
      </c>
      <c r="G115120" s="16">
        <v>0.71679611776894947</v>
      </c>
    </row>
    <row r="115121" spans="1:7" x14ac:dyDescent="0.3">
      <c r="A115121" s="13" t="s">
        <v>548</v>
      </c>
      <c r="B115121" s="14" t="s">
        <v>1</v>
      </c>
      <c r="C115121" s="14" t="s">
        <v>546</v>
      </c>
      <c r="D115121" s="14" t="s">
        <v>292</v>
      </c>
      <c r="E115121" s="15">
        <v>45522</v>
      </c>
      <c r="F115121" s="14" t="s">
        <v>61</v>
      </c>
      <c r="G115121" s="16">
        <v>0.71679611776894947</v>
      </c>
    </row>
    <row r="115122" spans="1:7" x14ac:dyDescent="0.3">
      <c r="A115122" s="13" t="s">
        <v>548</v>
      </c>
      <c r="B115122" s="14" t="s">
        <v>1</v>
      </c>
      <c r="C115122" s="14" t="s">
        <v>546</v>
      </c>
      <c r="D115122" s="14" t="s">
        <v>292</v>
      </c>
      <c r="E115122" s="15">
        <v>45523</v>
      </c>
      <c r="F115122" s="14" t="s">
        <v>61</v>
      </c>
      <c r="G115122" s="16">
        <v>0.72200465396256308</v>
      </c>
    </row>
    <row r="115123" spans="1:7" x14ac:dyDescent="0.3">
      <c r="A115123" s="13" t="s">
        <v>548</v>
      </c>
      <c r="B115123" s="14" t="s">
        <v>1</v>
      </c>
      <c r="C115123" s="14" t="s">
        <v>546</v>
      </c>
      <c r="D115123" s="14" t="s">
        <v>292</v>
      </c>
      <c r="E115123" s="15">
        <v>45524</v>
      </c>
      <c r="F115123" s="14" t="s">
        <v>61</v>
      </c>
      <c r="G115123" s="16">
        <v>0.71449141000227789</v>
      </c>
    </row>
    <row r="115124" spans="1:7" x14ac:dyDescent="0.3">
      <c r="A115124" s="13" t="s">
        <v>548</v>
      </c>
      <c r="B115124" s="14" t="s">
        <v>1</v>
      </c>
      <c r="C115124" s="14" t="s">
        <v>546</v>
      </c>
      <c r="D115124" s="14" t="s">
        <v>292</v>
      </c>
      <c r="E115124" s="15">
        <v>45525</v>
      </c>
      <c r="F115124" s="14" t="s">
        <v>61</v>
      </c>
      <c r="G115124" s="16">
        <v>0.71165001746071099</v>
      </c>
    </row>
    <row r="115125" spans="1:7" x14ac:dyDescent="0.3">
      <c r="A115125" s="13" t="s">
        <v>548</v>
      </c>
      <c r="B115125" s="14" t="s">
        <v>1</v>
      </c>
      <c r="C115125" s="14" t="s">
        <v>546</v>
      </c>
      <c r="D115125" s="14" t="s">
        <v>292</v>
      </c>
      <c r="E115125" s="15">
        <v>45526</v>
      </c>
      <c r="F115125" s="14" t="s">
        <v>61</v>
      </c>
      <c r="G115125" s="16">
        <v>0.71246723426163217</v>
      </c>
    </row>
    <row r="115126" spans="1:7" x14ac:dyDescent="0.3">
      <c r="A115126" s="13" t="s">
        <v>548</v>
      </c>
      <c r="B115126" s="14" t="s">
        <v>1</v>
      </c>
      <c r="C115126" s="14" t="s">
        <v>546</v>
      </c>
      <c r="D115126" s="14" t="s">
        <v>292</v>
      </c>
      <c r="E115126" s="15">
        <v>45527</v>
      </c>
      <c r="F115126" s="14" t="s">
        <v>61</v>
      </c>
      <c r="G115126" s="16">
        <v>0.70584738016554072</v>
      </c>
    </row>
    <row r="115127" spans="1:7" x14ac:dyDescent="0.3">
      <c r="A115127" s="13" t="s">
        <v>548</v>
      </c>
      <c r="B115127" s="14" t="s">
        <v>1</v>
      </c>
      <c r="C115127" s="14" t="s">
        <v>546</v>
      </c>
      <c r="D115127" s="14" t="s">
        <v>292</v>
      </c>
      <c r="E115127" s="15">
        <v>45528</v>
      </c>
      <c r="F115127" s="14" t="s">
        <v>61</v>
      </c>
      <c r="G115127" s="16">
        <v>0.70584738016554072</v>
      </c>
    </row>
    <row r="115128" spans="1:7" x14ac:dyDescent="0.3">
      <c r="A115128" s="13" t="s">
        <v>548</v>
      </c>
      <c r="B115128" s="14" t="s">
        <v>1</v>
      </c>
      <c r="C115128" s="14" t="s">
        <v>546</v>
      </c>
      <c r="D115128" s="14" t="s">
        <v>292</v>
      </c>
      <c r="E115128" s="15">
        <v>45529</v>
      </c>
      <c r="F115128" s="14" t="s">
        <v>61</v>
      </c>
      <c r="G115128" s="16">
        <v>0.70584738016554072</v>
      </c>
    </row>
    <row r="115129" spans="1:7" x14ac:dyDescent="0.3">
      <c r="A115129" s="13" t="s">
        <v>548</v>
      </c>
      <c r="B115129" s="14" t="s">
        <v>1</v>
      </c>
      <c r="C115129" s="14" t="s">
        <v>546</v>
      </c>
      <c r="D115129" s="14" t="s">
        <v>292</v>
      </c>
      <c r="E115129" s="15">
        <v>45530</v>
      </c>
      <c r="F115129" s="14" t="s">
        <v>61</v>
      </c>
      <c r="G115129" s="16">
        <v>0.70625044266303871</v>
      </c>
    </row>
    <row r="115130" spans="1:7" x14ac:dyDescent="0.3">
      <c r="A115130" s="13" t="s">
        <v>548</v>
      </c>
      <c r="B115130" s="14" t="s">
        <v>1</v>
      </c>
      <c r="C115130" s="14" t="s">
        <v>546</v>
      </c>
      <c r="D115130" s="14" t="s">
        <v>292</v>
      </c>
      <c r="E115130" s="15">
        <v>45531</v>
      </c>
      <c r="F115130" s="14" t="s">
        <v>61</v>
      </c>
      <c r="G115130" s="16">
        <v>0.70014719192412744</v>
      </c>
    </row>
    <row r="115131" spans="1:7" x14ac:dyDescent="0.3">
      <c r="A115131" s="13" t="s">
        <v>548</v>
      </c>
      <c r="B115131" s="14" t="s">
        <v>1</v>
      </c>
      <c r="C115131" s="14" t="s">
        <v>546</v>
      </c>
      <c r="D115131" s="14" t="s">
        <v>292</v>
      </c>
      <c r="E115131" s="15">
        <v>45532</v>
      </c>
      <c r="F115131" s="14" t="s">
        <v>61</v>
      </c>
      <c r="G115131" s="16">
        <v>0.7032211285641472</v>
      </c>
    </row>
    <row r="115132" spans="1:7" x14ac:dyDescent="0.3">
      <c r="A115132" s="13" t="s">
        <v>548</v>
      </c>
      <c r="B115132" s="14" t="s">
        <v>1</v>
      </c>
      <c r="C115132" s="14" t="s">
        <v>546</v>
      </c>
      <c r="D115132" s="14" t="s">
        <v>292</v>
      </c>
      <c r="E115132" s="15">
        <v>45533</v>
      </c>
      <c r="F115132" s="14" t="s">
        <v>61</v>
      </c>
      <c r="G115132" s="16">
        <v>0.70439585288541429</v>
      </c>
    </row>
    <row r="115133" spans="1:7" x14ac:dyDescent="0.3">
      <c r="A115133" s="13" t="s">
        <v>548</v>
      </c>
      <c r="B115133" s="14" t="s">
        <v>1</v>
      </c>
      <c r="C115133" s="14" t="s">
        <v>546</v>
      </c>
      <c r="D115133" s="14" t="s">
        <v>292</v>
      </c>
      <c r="E115133" s="15">
        <v>45534</v>
      </c>
      <c r="F115133" s="14" t="s">
        <v>61</v>
      </c>
      <c r="G115133" s="16">
        <v>0.70471884421924824</v>
      </c>
    </row>
    <row r="115134" spans="1:7" x14ac:dyDescent="0.3">
      <c r="A115134" s="13" t="s">
        <v>548</v>
      </c>
      <c r="B115134" s="14" t="s">
        <v>1</v>
      </c>
      <c r="C115134" s="14" t="s">
        <v>546</v>
      </c>
      <c r="D115134" s="14" t="s">
        <v>292</v>
      </c>
      <c r="E115134" s="15">
        <v>45535</v>
      </c>
      <c r="F115134" s="14" t="s">
        <v>61</v>
      </c>
      <c r="G115134" s="16">
        <v>0.70471884421924824</v>
      </c>
    </row>
    <row r="115135" spans="1:7" x14ac:dyDescent="0.3">
      <c r="A115135" s="13" t="s">
        <v>548</v>
      </c>
      <c r="B115135" s="14" t="s">
        <v>1</v>
      </c>
      <c r="C115135" s="14" t="s">
        <v>546</v>
      </c>
      <c r="D115135" s="14" t="s">
        <v>292</v>
      </c>
      <c r="E115135" s="15">
        <v>45536</v>
      </c>
      <c r="F115135" s="14" t="s">
        <v>61</v>
      </c>
      <c r="G115135" s="16">
        <v>0.70471884421924824</v>
      </c>
    </row>
    <row r="115136" spans="1:7" x14ac:dyDescent="0.3">
      <c r="A115136" s="13" t="s">
        <v>548</v>
      </c>
      <c r="B115136" s="14" t="s">
        <v>1</v>
      </c>
      <c r="C115136" s="14" t="s">
        <v>546</v>
      </c>
      <c r="D115136" s="14" t="s">
        <v>292</v>
      </c>
      <c r="E115136" s="15">
        <v>45537</v>
      </c>
      <c r="F115136" s="14" t="s">
        <v>61</v>
      </c>
      <c r="G115136" s="16">
        <v>0.70161167286569948</v>
      </c>
    </row>
    <row r="115137" spans="1:7" x14ac:dyDescent="0.3">
      <c r="A115137" s="13" t="s">
        <v>548</v>
      </c>
      <c r="B115137" s="14" t="s">
        <v>1</v>
      </c>
      <c r="C115137" s="14" t="s">
        <v>546</v>
      </c>
      <c r="D115137" s="14" t="s">
        <v>292</v>
      </c>
      <c r="E115137" s="15">
        <v>45538</v>
      </c>
      <c r="F115137" s="14" t="s">
        <v>61</v>
      </c>
      <c r="G115137" s="16">
        <v>0.70134116927100643</v>
      </c>
    </row>
    <row r="115138" spans="1:7" x14ac:dyDescent="0.3">
      <c r="A115138" s="13" t="s">
        <v>548</v>
      </c>
      <c r="B115138" s="14" t="s">
        <v>1</v>
      </c>
      <c r="C115138" s="14" t="s">
        <v>546</v>
      </c>
      <c r="D115138" s="14" t="s">
        <v>292</v>
      </c>
      <c r="E115138" s="15">
        <v>45539</v>
      </c>
      <c r="F115138" s="14" t="s">
        <v>61</v>
      </c>
      <c r="G115138" s="16">
        <v>0.69732246767628592</v>
      </c>
    </row>
    <row r="115139" spans="1:7" x14ac:dyDescent="0.3">
      <c r="A115139" s="13" t="s">
        <v>548</v>
      </c>
      <c r="B115139" s="14" t="s">
        <v>1</v>
      </c>
      <c r="C115139" s="14" t="s">
        <v>546</v>
      </c>
      <c r="D115139" s="14" t="s">
        <v>292</v>
      </c>
      <c r="E115139" s="15">
        <v>45540</v>
      </c>
      <c r="F115139" s="14" t="s">
        <v>61</v>
      </c>
      <c r="G115139" s="16">
        <v>0.71479071231571345</v>
      </c>
    </row>
    <row r="115140" spans="1:7" x14ac:dyDescent="0.3">
      <c r="A115140" s="13" t="s">
        <v>548</v>
      </c>
      <c r="B115140" s="14" t="s">
        <v>1</v>
      </c>
      <c r="C115140" s="14" t="s">
        <v>546</v>
      </c>
      <c r="D115140" s="14" t="s">
        <v>292</v>
      </c>
      <c r="E115140" s="15">
        <v>45541</v>
      </c>
      <c r="F115140" s="14" t="s">
        <v>61</v>
      </c>
      <c r="G115140" s="16">
        <v>0.7240938065256185</v>
      </c>
    </row>
    <row r="115141" spans="1:7" x14ac:dyDescent="0.3">
      <c r="A115141" s="13" t="s">
        <v>548</v>
      </c>
      <c r="B115141" s="14" t="s">
        <v>1</v>
      </c>
      <c r="C115141" s="14" t="s">
        <v>546</v>
      </c>
      <c r="D115141" s="14" t="s">
        <v>292</v>
      </c>
      <c r="E115141" s="15">
        <v>45542</v>
      </c>
      <c r="F115141" s="14" t="s">
        <v>61</v>
      </c>
      <c r="G115141" s="16">
        <v>0.7240938065256185</v>
      </c>
    </row>
    <row r="115142" spans="1:7" x14ac:dyDescent="0.3">
      <c r="A115142" s="13" t="s">
        <v>548</v>
      </c>
      <c r="B115142" s="14" t="s">
        <v>1</v>
      </c>
      <c r="C115142" s="14" t="s">
        <v>546</v>
      </c>
      <c r="D115142" s="14" t="s">
        <v>292</v>
      </c>
      <c r="E115142" s="15">
        <v>45543</v>
      </c>
      <c r="F115142" s="14" t="s">
        <v>61</v>
      </c>
      <c r="G115142" s="16">
        <v>0.7240938065256185</v>
      </c>
    </row>
    <row r="115143" spans="1:7" x14ac:dyDescent="0.3">
      <c r="A115143" s="13" t="s">
        <v>548</v>
      </c>
      <c r="B115143" s="14" t="s">
        <v>1</v>
      </c>
      <c r="C115143" s="14" t="s">
        <v>546</v>
      </c>
      <c r="D115143" s="14" t="s">
        <v>292</v>
      </c>
      <c r="E115143" s="15">
        <v>45544</v>
      </c>
      <c r="F115143" s="14" t="s">
        <v>61</v>
      </c>
      <c r="G115143" s="16">
        <v>0.72592833885875319</v>
      </c>
    </row>
    <row r="115144" spans="1:7" x14ac:dyDescent="0.3">
      <c r="A115144" s="13" t="s">
        <v>548</v>
      </c>
      <c r="B115144" s="14" t="s">
        <v>1</v>
      </c>
      <c r="C115144" s="14" t="s">
        <v>546</v>
      </c>
      <c r="D115144" s="14" t="s">
        <v>292</v>
      </c>
      <c r="E115144" s="15">
        <v>45545</v>
      </c>
      <c r="F115144" s="14" t="s">
        <v>61</v>
      </c>
      <c r="G115144" s="16">
        <v>0.73380936186370149</v>
      </c>
    </row>
    <row r="115145" spans="1:7" x14ac:dyDescent="0.3">
      <c r="A115145" s="13" t="s">
        <v>548</v>
      </c>
      <c r="B115145" s="14" t="s">
        <v>1</v>
      </c>
      <c r="C115145" s="14" t="s">
        <v>546</v>
      </c>
      <c r="D115145" s="14" t="s">
        <v>292</v>
      </c>
      <c r="E115145" s="15">
        <v>45546</v>
      </c>
      <c r="F115145" s="14" t="s">
        <v>61</v>
      </c>
      <c r="G115145" s="16">
        <v>0.73270640423585398</v>
      </c>
    </row>
    <row r="115146" spans="1:7" x14ac:dyDescent="0.3">
      <c r="A115146" s="13" t="s">
        <v>548</v>
      </c>
      <c r="B115146" s="14" t="s">
        <v>1</v>
      </c>
      <c r="C115146" s="14" t="s">
        <v>546</v>
      </c>
      <c r="D115146" s="14" t="s">
        <v>292</v>
      </c>
      <c r="E115146" s="15">
        <v>45547</v>
      </c>
      <c r="F115146" s="14" t="s">
        <v>61</v>
      </c>
      <c r="G115146" s="16">
        <v>0.75780811952627714</v>
      </c>
    </row>
    <row r="115147" spans="1:7" x14ac:dyDescent="0.3">
      <c r="A115147" s="13" t="s">
        <v>548</v>
      </c>
      <c r="B115147" s="14" t="s">
        <v>1</v>
      </c>
      <c r="C115147" s="14" t="s">
        <v>546</v>
      </c>
      <c r="D115147" s="14" t="s">
        <v>292</v>
      </c>
      <c r="E115147" s="15">
        <v>45548</v>
      </c>
      <c r="F115147" s="14" t="s">
        <v>61</v>
      </c>
      <c r="G115147" s="16">
        <v>0.75621535902417736</v>
      </c>
    </row>
    <row r="115148" spans="1:7" x14ac:dyDescent="0.3">
      <c r="A115148" s="13" t="s">
        <v>548</v>
      </c>
      <c r="B115148" s="14" t="s">
        <v>1</v>
      </c>
      <c r="C115148" s="14" t="s">
        <v>546</v>
      </c>
      <c r="D115148" s="14" t="s">
        <v>292</v>
      </c>
      <c r="E115148" s="15">
        <v>45549</v>
      </c>
      <c r="F115148" s="14" t="s">
        <v>61</v>
      </c>
      <c r="G115148" s="16">
        <v>0.75621535902417736</v>
      </c>
    </row>
    <row r="115149" spans="1:7" x14ac:dyDescent="0.3">
      <c r="A115149" s="13" t="s">
        <v>548</v>
      </c>
      <c r="B115149" s="14" t="s">
        <v>1</v>
      </c>
      <c r="C115149" s="14" t="s">
        <v>546</v>
      </c>
      <c r="D115149" s="14" t="s">
        <v>292</v>
      </c>
      <c r="E115149" s="15">
        <v>45550</v>
      </c>
      <c r="F115149" s="14" t="s">
        <v>61</v>
      </c>
      <c r="G115149" s="16">
        <v>0.75621535902417736</v>
      </c>
    </row>
    <row r="115150" spans="1:7" x14ac:dyDescent="0.3">
      <c r="A115150" s="13" t="s">
        <v>548</v>
      </c>
      <c r="B115150" s="14" t="s">
        <v>1</v>
      </c>
      <c r="C115150" s="14" t="s">
        <v>546</v>
      </c>
      <c r="D115150" s="14" t="s">
        <v>292</v>
      </c>
      <c r="E115150" s="15">
        <v>45551</v>
      </c>
      <c r="F115150" s="14" t="s">
        <v>61</v>
      </c>
      <c r="G115150" s="16">
        <v>0.75621535902417736</v>
      </c>
    </row>
    <row r="115151" spans="1:7" x14ac:dyDescent="0.3">
      <c r="A115151" s="13" t="s">
        <v>548</v>
      </c>
      <c r="B115151" s="14" t="s">
        <v>1</v>
      </c>
      <c r="C115151" s="14" t="s">
        <v>546</v>
      </c>
      <c r="D115151" s="14" t="s">
        <v>292</v>
      </c>
      <c r="E115151" s="15">
        <v>45552</v>
      </c>
      <c r="F115151" s="14" t="s">
        <v>61</v>
      </c>
      <c r="G115151" s="16">
        <v>0.75621535902417736</v>
      </c>
    </row>
    <row r="115152" spans="1:7" x14ac:dyDescent="0.3">
      <c r="A115152" s="13" t="s">
        <v>548</v>
      </c>
      <c r="B115152" s="14" t="s">
        <v>1</v>
      </c>
      <c r="C115152" s="14" t="s">
        <v>546</v>
      </c>
      <c r="D115152" s="14" t="s">
        <v>292</v>
      </c>
      <c r="E115152" s="15">
        <v>45553</v>
      </c>
      <c r="F115152" s="14" t="s">
        <v>61</v>
      </c>
      <c r="G115152" s="16">
        <v>0.75621535902417736</v>
      </c>
    </row>
    <row r="115153" spans="1:7" x14ac:dyDescent="0.3">
      <c r="A115153" s="13" t="s">
        <v>548</v>
      </c>
      <c r="B115153" s="14" t="s">
        <v>1</v>
      </c>
      <c r="C115153" s="14" t="s">
        <v>546</v>
      </c>
      <c r="D115153" s="14" t="s">
        <v>292</v>
      </c>
      <c r="E115153" s="15">
        <v>45554</v>
      </c>
      <c r="F115153" s="14" t="s">
        <v>61</v>
      </c>
      <c r="G115153" s="16">
        <v>0.74894334885237046</v>
      </c>
    </row>
    <row r="115154" spans="1:7" x14ac:dyDescent="0.3">
      <c r="A115154" s="13" t="s">
        <v>548</v>
      </c>
      <c r="B115154" s="14" t="s">
        <v>1</v>
      </c>
      <c r="C115154" s="14" t="s">
        <v>546</v>
      </c>
      <c r="D115154" s="14" t="s">
        <v>292</v>
      </c>
      <c r="E115154" s="15">
        <v>45555</v>
      </c>
      <c r="F115154" s="14" t="s">
        <v>61</v>
      </c>
      <c r="G115154" s="16">
        <v>0.73974931279415301</v>
      </c>
    </row>
    <row r="115155" spans="1:7" x14ac:dyDescent="0.3">
      <c r="A115155" s="13" t="s">
        <v>548</v>
      </c>
      <c r="B115155" s="14" t="s">
        <v>1</v>
      </c>
      <c r="C115155" s="14" t="s">
        <v>546</v>
      </c>
      <c r="D115155" s="14" t="s">
        <v>292</v>
      </c>
      <c r="E115155" s="15">
        <v>45556</v>
      </c>
      <c r="F115155" s="14" t="s">
        <v>61</v>
      </c>
      <c r="G115155" s="16">
        <v>0.73974931279415301</v>
      </c>
    </row>
    <row r="115156" spans="1:7" x14ac:dyDescent="0.3">
      <c r="A115156" s="13" t="s">
        <v>548</v>
      </c>
      <c r="B115156" s="14" t="s">
        <v>1</v>
      </c>
      <c r="C115156" s="14" t="s">
        <v>546</v>
      </c>
      <c r="D115156" s="14" t="s">
        <v>292</v>
      </c>
      <c r="E115156" s="15">
        <v>45557</v>
      </c>
      <c r="F115156" s="14" t="s">
        <v>61</v>
      </c>
      <c r="G115156" s="16">
        <v>0.73974931279415301</v>
      </c>
    </row>
    <row r="115157" spans="1:7" x14ac:dyDescent="0.3">
      <c r="A115157" s="13" t="s">
        <v>548</v>
      </c>
      <c r="B115157" s="14" t="s">
        <v>1</v>
      </c>
      <c r="C115157" s="14" t="s">
        <v>546</v>
      </c>
      <c r="D115157" s="14" t="s">
        <v>292</v>
      </c>
      <c r="E115157" s="15">
        <v>45558</v>
      </c>
      <c r="F115157" s="14" t="s">
        <v>61</v>
      </c>
      <c r="G115157" s="16">
        <v>0.74149142167041382</v>
      </c>
    </row>
    <row r="115158" spans="1:7" x14ac:dyDescent="0.3">
      <c r="A115158" s="13" t="s">
        <v>548</v>
      </c>
      <c r="B115158" s="14" t="s">
        <v>1</v>
      </c>
      <c r="C115158" s="14" t="s">
        <v>546</v>
      </c>
      <c r="D115158" s="14" t="s">
        <v>292</v>
      </c>
      <c r="E115158" s="15">
        <v>45559</v>
      </c>
      <c r="F115158" s="14" t="s">
        <v>61</v>
      </c>
      <c r="G115158" s="16">
        <v>0.73235417510744227</v>
      </c>
    </row>
    <row r="115159" spans="1:7" x14ac:dyDescent="0.3">
      <c r="A115159" s="13" t="s">
        <v>548</v>
      </c>
      <c r="B115159" s="14" t="s">
        <v>1</v>
      </c>
      <c r="C115159" s="14" t="s">
        <v>546</v>
      </c>
      <c r="D115159" s="14" t="s">
        <v>292</v>
      </c>
      <c r="E115159" s="15">
        <v>45560</v>
      </c>
      <c r="F115159" s="14" t="s">
        <v>61</v>
      </c>
      <c r="G115159" s="16">
        <v>0.73382319916368455</v>
      </c>
    </row>
    <row r="115160" spans="1:7" x14ac:dyDescent="0.3">
      <c r="A115160" s="13" t="s">
        <v>548</v>
      </c>
      <c r="B115160" s="14" t="s">
        <v>1</v>
      </c>
      <c r="C115160" s="14" t="s">
        <v>546</v>
      </c>
      <c r="D115160" s="14" t="s">
        <v>292</v>
      </c>
      <c r="E115160" s="15">
        <v>45561</v>
      </c>
      <c r="F115160" s="14" t="s">
        <v>61</v>
      </c>
      <c r="G115160" s="16">
        <v>0.72942108684525986</v>
      </c>
    </row>
    <row r="115161" spans="1:7" x14ac:dyDescent="0.3">
      <c r="A115161" s="13" t="s">
        <v>548</v>
      </c>
      <c r="B115161" s="14" t="s">
        <v>1</v>
      </c>
      <c r="C115161" s="14" t="s">
        <v>546</v>
      </c>
      <c r="D115161" s="14" t="s">
        <v>292</v>
      </c>
      <c r="E115161" s="15">
        <v>45562</v>
      </c>
      <c r="F115161" s="14" t="s">
        <v>61</v>
      </c>
      <c r="G115161" s="16">
        <v>0.73026609675347209</v>
      </c>
    </row>
    <row r="115162" spans="1:7" x14ac:dyDescent="0.3">
      <c r="A115162" s="13" t="s">
        <v>548</v>
      </c>
      <c r="B115162" s="14" t="s">
        <v>1</v>
      </c>
      <c r="C115162" s="14" t="s">
        <v>546</v>
      </c>
      <c r="D115162" s="14" t="s">
        <v>292</v>
      </c>
      <c r="E115162" s="15">
        <v>45563</v>
      </c>
      <c r="F115162" s="14" t="s">
        <v>61</v>
      </c>
      <c r="G115162" s="16">
        <v>0.73026609675347209</v>
      </c>
    </row>
    <row r="115163" spans="1:7" x14ac:dyDescent="0.3">
      <c r="A115163" s="13" t="s">
        <v>548</v>
      </c>
      <c r="B115163" s="14" t="s">
        <v>1</v>
      </c>
      <c r="C115163" s="14" t="s">
        <v>546</v>
      </c>
      <c r="D115163" s="14" t="s">
        <v>292</v>
      </c>
      <c r="E115163" s="15">
        <v>45564</v>
      </c>
      <c r="F115163" s="14" t="s">
        <v>61</v>
      </c>
      <c r="G115163" s="16">
        <v>0.73026609675347209</v>
      </c>
    </row>
    <row r="115164" spans="1:7" x14ac:dyDescent="0.3">
      <c r="A115164" s="13" t="s">
        <v>548</v>
      </c>
      <c r="B115164" s="14" t="s">
        <v>1</v>
      </c>
      <c r="C115164" s="14" t="s">
        <v>546</v>
      </c>
      <c r="D115164" s="14" t="s">
        <v>292</v>
      </c>
      <c r="E115164" s="15">
        <v>45565</v>
      </c>
      <c r="F115164" s="14" t="s">
        <v>61</v>
      </c>
      <c r="G115164" s="16">
        <v>0.73351256691315747</v>
      </c>
    </row>
    <row r="115165" spans="1:7" x14ac:dyDescent="0.3">
      <c r="A115165" s="13" t="s">
        <v>548</v>
      </c>
      <c r="B115165" s="14" t="s">
        <v>1</v>
      </c>
      <c r="C115165" s="14" t="s">
        <v>546</v>
      </c>
      <c r="D115165" s="14" t="s">
        <v>292</v>
      </c>
      <c r="E115165" s="15">
        <v>45566</v>
      </c>
      <c r="F115165" s="14" t="s">
        <v>61</v>
      </c>
      <c r="G115165" s="16">
        <v>0.73351256691315747</v>
      </c>
    </row>
    <row r="115166" spans="1:7" x14ac:dyDescent="0.3">
      <c r="A115166" s="13" t="s">
        <v>548</v>
      </c>
      <c r="B115166" s="14" t="s">
        <v>1</v>
      </c>
      <c r="C115166" s="14" t="s">
        <v>546</v>
      </c>
      <c r="D115166" s="14" t="s">
        <v>292</v>
      </c>
      <c r="E115166" s="15">
        <v>45567</v>
      </c>
      <c r="F115166" s="14" t="s">
        <v>61</v>
      </c>
      <c r="G115166" s="16">
        <v>0.73351256691315747</v>
      </c>
    </row>
    <row r="115167" spans="1:7" x14ac:dyDescent="0.3">
      <c r="A115167" s="13" t="s">
        <v>548</v>
      </c>
      <c r="B115167" s="14" t="s">
        <v>1</v>
      </c>
      <c r="C115167" s="14" t="s">
        <v>546</v>
      </c>
      <c r="D115167" s="14" t="s">
        <v>292</v>
      </c>
      <c r="E115167" s="15">
        <v>45568</v>
      </c>
      <c r="F115167" s="14" t="s">
        <v>61</v>
      </c>
      <c r="G115167" s="16">
        <v>0.73351256691315747</v>
      </c>
    </row>
    <row r="115168" spans="1:7" x14ac:dyDescent="0.3">
      <c r="A115168" s="13" t="s">
        <v>548</v>
      </c>
      <c r="B115168" s="14" t="s">
        <v>1</v>
      </c>
      <c r="C115168" s="14" t="s">
        <v>546</v>
      </c>
      <c r="D115168" s="14" t="s">
        <v>292</v>
      </c>
      <c r="E115168" s="15">
        <v>45569</v>
      </c>
      <c r="F115168" s="14" t="s">
        <v>61</v>
      </c>
      <c r="G115168" s="16">
        <v>0.73351256691315747</v>
      </c>
    </row>
    <row r="115169" spans="1:7" x14ac:dyDescent="0.3">
      <c r="A115169" s="13" t="s">
        <v>548</v>
      </c>
      <c r="B115169" s="14" t="s">
        <v>1</v>
      </c>
      <c r="C115169" s="14" t="s">
        <v>546</v>
      </c>
      <c r="D115169" s="14" t="s">
        <v>292</v>
      </c>
      <c r="E115169" s="15">
        <v>45570</v>
      </c>
      <c r="F115169" s="14" t="s">
        <v>61</v>
      </c>
      <c r="G115169" s="16">
        <v>0.73351256691315747</v>
      </c>
    </row>
    <row r="115170" spans="1:7" x14ac:dyDescent="0.3">
      <c r="A115170" s="13" t="s">
        <v>548</v>
      </c>
      <c r="B115170" s="14" t="s">
        <v>1</v>
      </c>
      <c r="C115170" s="14" t="s">
        <v>546</v>
      </c>
      <c r="D115170" s="14" t="s">
        <v>292</v>
      </c>
      <c r="E115170" s="15">
        <v>45571</v>
      </c>
      <c r="F115170" s="14" t="s">
        <v>61</v>
      </c>
      <c r="G115170" s="16">
        <v>0.73351256691315747</v>
      </c>
    </row>
    <row r="115171" spans="1:7" x14ac:dyDescent="0.3">
      <c r="A115171" s="13" t="s">
        <v>548</v>
      </c>
      <c r="B115171" s="14" t="s">
        <v>1</v>
      </c>
      <c r="C115171" s="14" t="s">
        <v>546</v>
      </c>
      <c r="D115171" s="14" t="s">
        <v>292</v>
      </c>
      <c r="E115171" s="15">
        <v>45572</v>
      </c>
      <c r="F115171" s="14" t="s">
        <v>61</v>
      </c>
      <c r="G115171" s="16">
        <v>0.73351256691315747</v>
      </c>
    </row>
    <row r="115172" spans="1:7" x14ac:dyDescent="0.3">
      <c r="A115172" s="13" t="s">
        <v>548</v>
      </c>
      <c r="B115172" s="14" t="s">
        <v>1</v>
      </c>
      <c r="C115172" s="14" t="s">
        <v>546</v>
      </c>
      <c r="D115172" s="14" t="s">
        <v>292</v>
      </c>
      <c r="E115172" s="15">
        <v>45573</v>
      </c>
      <c r="F115172" s="14" t="s">
        <v>61</v>
      </c>
      <c r="G115172" s="16">
        <v>0.7443946714682389</v>
      </c>
    </row>
    <row r="115173" spans="1:7" x14ac:dyDescent="0.3">
      <c r="A115173" s="13" t="s">
        <v>548</v>
      </c>
      <c r="B115173" s="14" t="s">
        <v>1</v>
      </c>
      <c r="C115173" s="14" t="s">
        <v>546</v>
      </c>
      <c r="D115173" s="14" t="s">
        <v>292</v>
      </c>
      <c r="E115173" s="15">
        <v>45574</v>
      </c>
      <c r="F115173" s="14" t="s">
        <v>61</v>
      </c>
      <c r="G115173" s="16">
        <v>0.73514780507453126</v>
      </c>
    </row>
    <row r="115174" spans="1:7" x14ac:dyDescent="0.3">
      <c r="A115174" s="13" t="s">
        <v>548</v>
      </c>
      <c r="B115174" s="14" t="s">
        <v>1</v>
      </c>
      <c r="C115174" s="14" t="s">
        <v>546</v>
      </c>
      <c r="D115174" s="14" t="s">
        <v>292</v>
      </c>
      <c r="E115174" s="15">
        <v>45575</v>
      </c>
      <c r="F115174" s="14" t="s">
        <v>61</v>
      </c>
      <c r="G115174" s="16">
        <v>0.73870737979688117</v>
      </c>
    </row>
    <row r="115175" spans="1:7" x14ac:dyDescent="0.3">
      <c r="A115175" s="13" t="s">
        <v>548</v>
      </c>
      <c r="B115175" s="14" t="s">
        <v>1</v>
      </c>
      <c r="C115175" s="14" t="s">
        <v>546</v>
      </c>
      <c r="D115175" s="14" t="s">
        <v>292</v>
      </c>
      <c r="E115175" s="15">
        <v>45576</v>
      </c>
      <c r="F115175" s="14" t="s">
        <v>61</v>
      </c>
      <c r="G115175" s="16">
        <v>0.73870737979688117</v>
      </c>
    </row>
    <row r="115176" spans="1:7" x14ac:dyDescent="0.3">
      <c r="A115176" s="13" t="s">
        <v>548</v>
      </c>
      <c r="B115176" s="14" t="s">
        <v>1</v>
      </c>
      <c r="C115176" s="14" t="s">
        <v>546</v>
      </c>
      <c r="D115176" s="14" t="s">
        <v>292</v>
      </c>
      <c r="E115176" s="15">
        <v>45577</v>
      </c>
      <c r="F115176" s="14" t="s">
        <v>61</v>
      </c>
      <c r="G115176" s="16">
        <v>0.73870737979688117</v>
      </c>
    </row>
    <row r="115177" spans="1:7" x14ac:dyDescent="0.3">
      <c r="A115177" s="13" t="s">
        <v>548</v>
      </c>
      <c r="B115177" s="14" t="s">
        <v>1</v>
      </c>
      <c r="C115177" s="14" t="s">
        <v>546</v>
      </c>
      <c r="D115177" s="14" t="s">
        <v>292</v>
      </c>
      <c r="E115177" s="15">
        <v>45578</v>
      </c>
      <c r="F115177" s="14" t="s">
        <v>61</v>
      </c>
      <c r="G115177" s="16">
        <v>0.73870737979688117</v>
      </c>
    </row>
    <row r="115178" spans="1:7" x14ac:dyDescent="0.3">
      <c r="A115178" s="13" t="s">
        <v>548</v>
      </c>
      <c r="B115178" s="14" t="s">
        <v>1</v>
      </c>
      <c r="C115178" s="14" t="s">
        <v>546</v>
      </c>
      <c r="D115178" s="14" t="s">
        <v>292</v>
      </c>
      <c r="E115178" s="15">
        <v>45579</v>
      </c>
      <c r="F115178" s="14" t="s">
        <v>61</v>
      </c>
      <c r="G115178" s="16">
        <v>0.73859643576636336</v>
      </c>
    </row>
    <row r="115179" spans="1:7" x14ac:dyDescent="0.3">
      <c r="A115179" s="13" t="s">
        <v>548</v>
      </c>
      <c r="B115179" s="14" t="s">
        <v>1</v>
      </c>
      <c r="C115179" s="14" t="s">
        <v>546</v>
      </c>
      <c r="D115179" s="14" t="s">
        <v>292</v>
      </c>
      <c r="E115179" s="15">
        <v>45580</v>
      </c>
      <c r="F115179" s="14" t="s">
        <v>61</v>
      </c>
      <c r="G115179" s="16">
        <v>0.73216361779942063</v>
      </c>
    </row>
    <row r="115180" spans="1:7" x14ac:dyDescent="0.3">
      <c r="A115180" s="13" t="s">
        <v>548</v>
      </c>
      <c r="B115180" s="14" t="s">
        <v>1</v>
      </c>
      <c r="C115180" s="14" t="s">
        <v>546</v>
      </c>
      <c r="D115180" s="14" t="s">
        <v>292</v>
      </c>
      <c r="E115180" s="15">
        <v>45581</v>
      </c>
      <c r="F115180" s="14" t="s">
        <v>61</v>
      </c>
      <c r="G115180" s="16">
        <v>0.73225955991983716</v>
      </c>
    </row>
    <row r="115181" spans="1:7" x14ac:dyDescent="0.3">
      <c r="A115181" s="13" t="s">
        <v>548</v>
      </c>
      <c r="B115181" s="14" t="s">
        <v>1</v>
      </c>
      <c r="C115181" s="14" t="s">
        <v>546</v>
      </c>
      <c r="D115181" s="14" t="s">
        <v>292</v>
      </c>
      <c r="E115181" s="15">
        <v>45582</v>
      </c>
      <c r="F115181" s="14" t="s">
        <v>61</v>
      </c>
      <c r="G115181" s="16">
        <v>0.73249988836339841</v>
      </c>
    </row>
    <row r="115182" spans="1:7" x14ac:dyDescent="0.3">
      <c r="A115182" s="13" t="s">
        <v>548</v>
      </c>
      <c r="B115182" s="14" t="s">
        <v>1</v>
      </c>
      <c r="C115182" s="14" t="s">
        <v>546</v>
      </c>
      <c r="D115182" s="14" t="s">
        <v>292</v>
      </c>
      <c r="E115182" s="15">
        <v>45583</v>
      </c>
      <c r="F115182" s="14" t="s">
        <v>61</v>
      </c>
      <c r="G115182" s="16">
        <v>0.72832450369854385</v>
      </c>
    </row>
    <row r="115183" spans="1:7" x14ac:dyDescent="0.3">
      <c r="A115183" s="13" t="s">
        <v>548</v>
      </c>
      <c r="B115183" s="14" t="s">
        <v>1</v>
      </c>
      <c r="C115183" s="14" t="s">
        <v>546</v>
      </c>
      <c r="D115183" s="14" t="s">
        <v>292</v>
      </c>
      <c r="E115183" s="15">
        <v>45584</v>
      </c>
      <c r="F115183" s="14" t="s">
        <v>61</v>
      </c>
      <c r="G115183" s="16">
        <v>0.72832450369854385</v>
      </c>
    </row>
    <row r="115184" spans="1:7" x14ac:dyDescent="0.3">
      <c r="A115184" s="13" t="s">
        <v>548</v>
      </c>
      <c r="B115184" s="14" t="s">
        <v>1</v>
      </c>
      <c r="C115184" s="14" t="s">
        <v>546</v>
      </c>
      <c r="D115184" s="14" t="s">
        <v>292</v>
      </c>
      <c r="E115184" s="15">
        <v>45585</v>
      </c>
      <c r="F115184" s="14" t="s">
        <v>61</v>
      </c>
      <c r="G115184" s="16">
        <v>0.72832450369854385</v>
      </c>
    </row>
    <row r="115185" spans="1:7" x14ac:dyDescent="0.3">
      <c r="A115185" s="13" t="s">
        <v>548</v>
      </c>
      <c r="B115185" s="14" t="s">
        <v>1</v>
      </c>
      <c r="C115185" s="14" t="s">
        <v>546</v>
      </c>
      <c r="D115185" s="14" t="s">
        <v>292</v>
      </c>
      <c r="E115185" s="15">
        <v>45586</v>
      </c>
      <c r="F115185" s="14" t="s">
        <v>61</v>
      </c>
      <c r="G115185" s="16">
        <v>0.74456825690207784</v>
      </c>
    </row>
    <row r="115186" spans="1:7" x14ac:dyDescent="0.3">
      <c r="A115186" s="13" t="s">
        <v>548</v>
      </c>
      <c r="B115186" s="14" t="s">
        <v>1</v>
      </c>
      <c r="C115186" s="14" t="s">
        <v>546</v>
      </c>
      <c r="D115186" s="14" t="s">
        <v>292</v>
      </c>
      <c r="E115186" s="15">
        <v>45587</v>
      </c>
      <c r="F115186" s="14" t="s">
        <v>61</v>
      </c>
      <c r="G115186" s="16">
        <v>0.73997057926281073</v>
      </c>
    </row>
    <row r="115187" spans="1:7" x14ac:dyDescent="0.3">
      <c r="A115187" s="13" t="s">
        <v>548</v>
      </c>
      <c r="B115187" s="14" t="s">
        <v>1</v>
      </c>
      <c r="C115187" s="14" t="s">
        <v>546</v>
      </c>
      <c r="D115187" s="14" t="s">
        <v>292</v>
      </c>
      <c r="E115187" s="15">
        <v>45588</v>
      </c>
      <c r="F115187" s="14" t="s">
        <v>61</v>
      </c>
      <c r="G115187" s="16">
        <v>0.73932485161236938</v>
      </c>
    </row>
    <row r="115188" spans="1:7" x14ac:dyDescent="0.3">
      <c r="A115188" s="13" t="s">
        <v>548</v>
      </c>
      <c r="B115188" s="14" t="s">
        <v>1</v>
      </c>
      <c r="C115188" s="14" t="s">
        <v>546</v>
      </c>
      <c r="D115188" s="14" t="s">
        <v>292</v>
      </c>
      <c r="E115188" s="15">
        <v>45589</v>
      </c>
      <c r="F115188" s="14" t="s">
        <v>61</v>
      </c>
      <c r="G115188" s="16">
        <v>0.73624035910991903</v>
      </c>
    </row>
    <row r="115189" spans="1:7" x14ac:dyDescent="0.3">
      <c r="A115189" s="13" t="s">
        <v>548</v>
      </c>
      <c r="B115189" s="14" t="s">
        <v>1</v>
      </c>
      <c r="C115189" s="14" t="s">
        <v>546</v>
      </c>
      <c r="D115189" s="14" t="s">
        <v>292</v>
      </c>
      <c r="E115189" s="15">
        <v>45590</v>
      </c>
      <c r="F115189" s="14" t="s">
        <v>61</v>
      </c>
      <c r="G115189" s="16">
        <v>0.73654518649084233</v>
      </c>
    </row>
    <row r="115190" spans="1:7" x14ac:dyDescent="0.3">
      <c r="A115190" s="13" t="s">
        <v>548</v>
      </c>
      <c r="B115190" s="14" t="s">
        <v>1</v>
      </c>
      <c r="C115190" s="14" t="s">
        <v>546</v>
      </c>
      <c r="D115190" s="14" t="s">
        <v>292</v>
      </c>
      <c r="E115190" s="15">
        <v>45591</v>
      </c>
      <c r="F115190" s="14" t="s">
        <v>61</v>
      </c>
      <c r="G115190" s="16">
        <v>0.73654518649084233</v>
      </c>
    </row>
    <row r="115191" spans="1:7" x14ac:dyDescent="0.3">
      <c r="A115191" s="13" t="s">
        <v>548</v>
      </c>
      <c r="B115191" s="14" t="s">
        <v>1</v>
      </c>
      <c r="C115191" s="14" t="s">
        <v>546</v>
      </c>
      <c r="D115191" s="14" t="s">
        <v>292</v>
      </c>
      <c r="E115191" s="15">
        <v>45592</v>
      </c>
      <c r="F115191" s="14" t="s">
        <v>61</v>
      </c>
      <c r="G115191" s="16">
        <v>0.73654518649084233</v>
      </c>
    </row>
    <row r="115192" spans="1:7" x14ac:dyDescent="0.3">
      <c r="A115192" s="13" t="s">
        <v>548</v>
      </c>
      <c r="B115192" s="14" t="s">
        <v>1</v>
      </c>
      <c r="C115192" s="14" t="s">
        <v>546</v>
      </c>
      <c r="D115192" s="14" t="s">
        <v>292</v>
      </c>
      <c r="E115192" s="15">
        <v>45593</v>
      </c>
      <c r="F115192" s="14" t="s">
        <v>61</v>
      </c>
      <c r="G115192" s="16">
        <v>0.73654518649084233</v>
      </c>
    </row>
    <row r="115193" spans="1:7" x14ac:dyDescent="0.3">
      <c r="A115193" s="13" t="s">
        <v>548</v>
      </c>
      <c r="B115193" s="14" t="s">
        <v>1</v>
      </c>
      <c r="C115193" s="14" t="s">
        <v>546</v>
      </c>
      <c r="D115193" s="14" t="s">
        <v>292</v>
      </c>
      <c r="E115193" s="15">
        <v>45594</v>
      </c>
      <c r="F115193" s="14" t="s">
        <v>61</v>
      </c>
      <c r="G115193" s="16">
        <v>0.7378444909810038</v>
      </c>
    </row>
    <row r="115194" spans="1:7" x14ac:dyDescent="0.3">
      <c r="A115194" s="13" t="s">
        <v>548</v>
      </c>
      <c r="B115194" s="14" t="s">
        <v>1</v>
      </c>
      <c r="C115194" s="14" t="s">
        <v>546</v>
      </c>
      <c r="D115194" s="14" t="s">
        <v>292</v>
      </c>
      <c r="E115194" s="15">
        <v>45595</v>
      </c>
      <c r="F115194" s="14" t="s">
        <v>61</v>
      </c>
      <c r="G115194" s="16">
        <v>0.72798289935898752</v>
      </c>
    </row>
    <row r="115195" spans="1:7" x14ac:dyDescent="0.3">
      <c r="A115195" s="13" t="s">
        <v>548</v>
      </c>
      <c r="B115195" s="14" t="s">
        <v>1</v>
      </c>
      <c r="C115195" s="14" t="s">
        <v>546</v>
      </c>
      <c r="D115195" s="14" t="s">
        <v>292</v>
      </c>
      <c r="E115195" s="15">
        <v>45596</v>
      </c>
      <c r="F115195" s="14" t="s">
        <v>61</v>
      </c>
      <c r="G115195" s="16">
        <v>0.72435036230452687</v>
      </c>
    </row>
    <row r="115196" spans="1:7" x14ac:dyDescent="0.3">
      <c r="A115196" s="13" t="s">
        <v>548</v>
      </c>
      <c r="B115196" s="14" t="s">
        <v>1</v>
      </c>
      <c r="C115196" s="14" t="s">
        <v>546</v>
      </c>
      <c r="D115196" s="14" t="s">
        <v>292</v>
      </c>
      <c r="E115196" s="15">
        <v>45597</v>
      </c>
      <c r="F115196" s="14" t="s">
        <v>61</v>
      </c>
      <c r="G115196" s="16">
        <v>0.73032695710490891</v>
      </c>
    </row>
    <row r="115197" spans="1:7" x14ac:dyDescent="0.3">
      <c r="A115197" s="13" t="s">
        <v>548</v>
      </c>
      <c r="B115197" s="14" t="s">
        <v>1</v>
      </c>
      <c r="C115197" s="14" t="s">
        <v>546</v>
      </c>
      <c r="D115197" s="14" t="s">
        <v>292</v>
      </c>
      <c r="E115197" s="15">
        <v>45598</v>
      </c>
      <c r="F115197" s="14" t="s">
        <v>61</v>
      </c>
      <c r="G115197" s="16">
        <v>0.73032695710490891</v>
      </c>
    </row>
    <row r="115198" spans="1:7" x14ac:dyDescent="0.3">
      <c r="A115198" s="13" t="s">
        <v>548</v>
      </c>
      <c r="B115198" s="14" t="s">
        <v>1</v>
      </c>
      <c r="C115198" s="14" t="s">
        <v>546</v>
      </c>
      <c r="D115198" s="14" t="s">
        <v>292</v>
      </c>
      <c r="E115198" s="15">
        <v>45599</v>
      </c>
      <c r="F115198" s="14" t="s">
        <v>61</v>
      </c>
      <c r="G115198" s="16">
        <v>0.73032695710490891</v>
      </c>
    </row>
    <row r="115199" spans="1:7" x14ac:dyDescent="0.3">
      <c r="A115199" s="13" t="s">
        <v>548</v>
      </c>
      <c r="B115199" s="14" t="s">
        <v>1</v>
      </c>
      <c r="C115199" s="14" t="s">
        <v>546</v>
      </c>
      <c r="D115199" s="14" t="s">
        <v>292</v>
      </c>
      <c r="E115199" s="15">
        <v>45600</v>
      </c>
      <c r="F115199" s="14" t="s">
        <v>61</v>
      </c>
      <c r="G115199" s="16">
        <v>0.72816172257890954</v>
      </c>
    </row>
    <row r="115200" spans="1:7" x14ac:dyDescent="0.3">
      <c r="A115200" s="13" t="s">
        <v>548</v>
      </c>
      <c r="B115200" s="14" t="s">
        <v>1</v>
      </c>
      <c r="C115200" s="14" t="s">
        <v>546</v>
      </c>
      <c r="D115200" s="14" t="s">
        <v>292</v>
      </c>
      <c r="E115200" s="15">
        <v>45601</v>
      </c>
      <c r="F115200" s="14" t="s">
        <v>61</v>
      </c>
      <c r="G115200" s="16">
        <v>0.71911811960471583</v>
      </c>
    </row>
    <row r="115201" spans="1:7" x14ac:dyDescent="0.3">
      <c r="A115201" s="13" t="s">
        <v>548</v>
      </c>
      <c r="B115201" s="14" t="s">
        <v>1</v>
      </c>
      <c r="C115201" s="14" t="s">
        <v>546</v>
      </c>
      <c r="D115201" s="14" t="s">
        <v>292</v>
      </c>
      <c r="E115201" s="15">
        <v>45602</v>
      </c>
      <c r="F115201" s="14" t="s">
        <v>61</v>
      </c>
      <c r="G115201" s="16">
        <v>0.73085525451998479</v>
      </c>
    </row>
    <row r="115202" spans="1:7" x14ac:dyDescent="0.3">
      <c r="A115202" s="13" t="s">
        <v>548</v>
      </c>
      <c r="B115202" s="14" t="s">
        <v>1</v>
      </c>
      <c r="C115202" s="14" t="s">
        <v>546</v>
      </c>
      <c r="D115202" s="14" t="s">
        <v>292</v>
      </c>
      <c r="E115202" s="15">
        <v>45603</v>
      </c>
      <c r="F115202" s="14" t="s">
        <v>61</v>
      </c>
      <c r="G115202" s="16">
        <v>0.72379183553706117</v>
      </c>
    </row>
    <row r="115203" spans="1:7" x14ac:dyDescent="0.3">
      <c r="A115203" s="13" t="s">
        <v>548</v>
      </c>
      <c r="B115203" s="14" t="s">
        <v>1</v>
      </c>
      <c r="C115203" s="14" t="s">
        <v>546</v>
      </c>
      <c r="D115203" s="14" t="s">
        <v>292</v>
      </c>
      <c r="E115203" s="15">
        <v>45604</v>
      </c>
      <c r="F115203" s="14" t="s">
        <v>61</v>
      </c>
      <c r="G115203" s="16">
        <v>0.73101717807688993</v>
      </c>
    </row>
    <row r="115204" spans="1:7" x14ac:dyDescent="0.3">
      <c r="A115204" s="13" t="s">
        <v>548</v>
      </c>
      <c r="B115204" s="14" t="s">
        <v>1</v>
      </c>
      <c r="C115204" s="14" t="s">
        <v>546</v>
      </c>
      <c r="D115204" s="14" t="s">
        <v>292</v>
      </c>
      <c r="E115204" s="15">
        <v>45605</v>
      </c>
      <c r="F115204" s="14" t="s">
        <v>61</v>
      </c>
      <c r="G115204" s="16">
        <v>0.73101717807688993</v>
      </c>
    </row>
    <row r="115205" spans="1:7" x14ac:dyDescent="0.3">
      <c r="A115205" s="13" t="s">
        <v>548</v>
      </c>
      <c r="B115205" s="14" t="s">
        <v>1</v>
      </c>
      <c r="C115205" s="14" t="s">
        <v>546</v>
      </c>
      <c r="D115205" s="14" t="s">
        <v>292</v>
      </c>
      <c r="E115205" s="15">
        <v>45606</v>
      </c>
      <c r="F115205" s="14" t="s">
        <v>61</v>
      </c>
      <c r="G115205" s="16">
        <v>0.73101717807688993</v>
      </c>
    </row>
    <row r="115206" spans="1:7" x14ac:dyDescent="0.3">
      <c r="A115206" s="13" t="s">
        <v>548</v>
      </c>
      <c r="B115206" s="14" t="s">
        <v>1</v>
      </c>
      <c r="C115206" s="14" t="s">
        <v>546</v>
      </c>
      <c r="D115206" s="14" t="s">
        <v>292</v>
      </c>
      <c r="E115206" s="15">
        <v>45607</v>
      </c>
      <c r="F115206" s="14" t="s">
        <v>61</v>
      </c>
      <c r="G115206" s="16">
        <v>0.73335740118692783</v>
      </c>
    </row>
    <row r="115207" spans="1:7" x14ac:dyDescent="0.3">
      <c r="A115207" s="13" t="s">
        <v>548</v>
      </c>
      <c r="B115207" s="14" t="s">
        <v>1</v>
      </c>
      <c r="C115207" s="14" t="s">
        <v>546</v>
      </c>
      <c r="D115207" s="14" t="s">
        <v>292</v>
      </c>
      <c r="E115207" s="15">
        <v>45608</v>
      </c>
      <c r="F115207" s="14" t="s">
        <v>61</v>
      </c>
      <c r="G115207" s="16">
        <v>0.73003387910882311</v>
      </c>
    </row>
    <row r="115208" spans="1:7" x14ac:dyDescent="0.3">
      <c r="A115208" s="13" t="s">
        <v>548</v>
      </c>
      <c r="B115208" s="14" t="s">
        <v>1</v>
      </c>
      <c r="C115208" s="14" t="s">
        <v>546</v>
      </c>
      <c r="D115208" s="14" t="s">
        <v>292</v>
      </c>
      <c r="E115208" s="15">
        <v>45609</v>
      </c>
      <c r="F115208" s="14" t="s">
        <v>61</v>
      </c>
      <c r="G115208" s="16">
        <v>0.73220153919669229</v>
      </c>
    </row>
    <row r="115209" spans="1:7" x14ac:dyDescent="0.3">
      <c r="A115209" s="13" t="s">
        <v>548</v>
      </c>
      <c r="B115209" s="14" t="s">
        <v>1</v>
      </c>
      <c r="C115209" s="14" t="s">
        <v>546</v>
      </c>
      <c r="D115209" s="14" t="s">
        <v>292</v>
      </c>
      <c r="E115209" s="15">
        <v>45610</v>
      </c>
      <c r="F115209" s="14" t="s">
        <v>61</v>
      </c>
      <c r="G115209" s="16">
        <v>0.7327690295919318</v>
      </c>
    </row>
    <row r="115210" spans="1:7" x14ac:dyDescent="0.3">
      <c r="A115210" s="13" t="s">
        <v>548</v>
      </c>
      <c r="B115210" s="14" t="s">
        <v>1</v>
      </c>
      <c r="C115210" s="14" t="s">
        <v>546</v>
      </c>
      <c r="D115210" s="14" t="s">
        <v>292</v>
      </c>
      <c r="E115210" s="15">
        <v>45611</v>
      </c>
      <c r="F115210" s="14" t="s">
        <v>61</v>
      </c>
      <c r="G115210" s="16">
        <v>0.73026326718806889</v>
      </c>
    </row>
    <row r="115211" spans="1:7" x14ac:dyDescent="0.3">
      <c r="A115211" s="13" t="s">
        <v>548</v>
      </c>
      <c r="B115211" s="14" t="s">
        <v>1</v>
      </c>
      <c r="C115211" s="14" t="s">
        <v>546</v>
      </c>
      <c r="D115211" s="14" t="s">
        <v>292</v>
      </c>
      <c r="E115211" s="15">
        <v>45612</v>
      </c>
      <c r="F115211" s="14" t="s">
        <v>61</v>
      </c>
      <c r="G115211" s="16">
        <v>0.73026326718806889</v>
      </c>
    </row>
    <row r="115212" spans="1:7" x14ac:dyDescent="0.3">
      <c r="A115212" s="13" t="s">
        <v>548</v>
      </c>
      <c r="B115212" s="14" t="s">
        <v>1</v>
      </c>
      <c r="C115212" s="14" t="s">
        <v>546</v>
      </c>
      <c r="D115212" s="14" t="s">
        <v>292</v>
      </c>
      <c r="E115212" s="15">
        <v>45613</v>
      </c>
      <c r="F115212" s="14" t="s">
        <v>61</v>
      </c>
      <c r="G115212" s="16">
        <v>0.73026326718806889</v>
      </c>
    </row>
    <row r="115213" spans="1:7" x14ac:dyDescent="0.3">
      <c r="A115213" s="13" t="s">
        <v>548</v>
      </c>
      <c r="B115213" s="14" t="s">
        <v>1</v>
      </c>
      <c r="C115213" s="14" t="s">
        <v>546</v>
      </c>
      <c r="D115213" s="14" t="s">
        <v>292</v>
      </c>
      <c r="E115213" s="15">
        <v>45614</v>
      </c>
      <c r="F115213" s="14" t="s">
        <v>61</v>
      </c>
      <c r="G115213" s="16">
        <v>0.72442205148680971</v>
      </c>
    </row>
    <row r="115214" spans="1:7" x14ac:dyDescent="0.3">
      <c r="A115214" s="13" t="s">
        <v>548</v>
      </c>
      <c r="B115214" s="14" t="s">
        <v>1</v>
      </c>
      <c r="C115214" s="14" t="s">
        <v>546</v>
      </c>
      <c r="D115214" s="14" t="s">
        <v>292</v>
      </c>
      <c r="E115214" s="15">
        <v>45615</v>
      </c>
      <c r="F115214" s="14" t="s">
        <v>61</v>
      </c>
      <c r="G115214" s="16">
        <v>0.71944368970797379</v>
      </c>
    </row>
    <row r="115215" spans="1:7" x14ac:dyDescent="0.3">
      <c r="A115215" s="13" t="s">
        <v>548</v>
      </c>
      <c r="B115215" s="14" t="s">
        <v>1</v>
      </c>
      <c r="C115215" s="14" t="s">
        <v>546</v>
      </c>
      <c r="D115215" s="14" t="s">
        <v>292</v>
      </c>
      <c r="E115215" s="15">
        <v>45616</v>
      </c>
      <c r="F115215" s="14" t="s">
        <v>61</v>
      </c>
      <c r="G115215" s="16">
        <v>0.72120566571252309</v>
      </c>
    </row>
    <row r="115216" spans="1:7" x14ac:dyDescent="0.3">
      <c r="A115216" s="13" t="s">
        <v>548</v>
      </c>
      <c r="B115216" s="14" t="s">
        <v>1</v>
      </c>
      <c r="C115216" s="14" t="s">
        <v>546</v>
      </c>
      <c r="D115216" s="14" t="s">
        <v>292</v>
      </c>
      <c r="E115216" s="15">
        <v>45617</v>
      </c>
      <c r="F115216" s="14" t="s">
        <v>61</v>
      </c>
      <c r="G115216" s="16">
        <v>0.72422238896565305</v>
      </c>
    </row>
    <row r="115217" spans="1:7" x14ac:dyDescent="0.3">
      <c r="A115217" s="13" t="s">
        <v>548</v>
      </c>
      <c r="B115217" s="14" t="s">
        <v>1</v>
      </c>
      <c r="C115217" s="14" t="s">
        <v>546</v>
      </c>
      <c r="D115217" s="14" t="s">
        <v>292</v>
      </c>
      <c r="E115217" s="15">
        <v>45618</v>
      </c>
      <c r="F115217" s="14" t="s">
        <v>61</v>
      </c>
      <c r="G115217" s="16">
        <v>0.72614850416072141</v>
      </c>
    </row>
    <row r="115218" spans="1:7" x14ac:dyDescent="0.3">
      <c r="A115218" s="13" t="s">
        <v>548</v>
      </c>
      <c r="B115218" s="14" t="s">
        <v>1</v>
      </c>
      <c r="C115218" s="14" t="s">
        <v>546</v>
      </c>
      <c r="D115218" s="14" t="s">
        <v>292</v>
      </c>
      <c r="E115218" s="15">
        <v>45619</v>
      </c>
      <c r="F115218" s="14" t="s">
        <v>61</v>
      </c>
      <c r="G115218" s="16">
        <v>0.72614850416072141</v>
      </c>
    </row>
    <row r="115219" spans="1:7" x14ac:dyDescent="0.3">
      <c r="A115219" s="13" t="s">
        <v>548</v>
      </c>
      <c r="B115219" s="14" t="s">
        <v>1</v>
      </c>
      <c r="C115219" s="14" t="s">
        <v>546</v>
      </c>
      <c r="D115219" s="14" t="s">
        <v>292</v>
      </c>
      <c r="E115219" s="15">
        <v>45620</v>
      </c>
      <c r="F115219" s="14" t="s">
        <v>61</v>
      </c>
      <c r="G115219" s="16">
        <v>0.72614850416072141</v>
      </c>
    </row>
    <row r="115220" spans="1:7" x14ac:dyDescent="0.3">
      <c r="A115220" s="13" t="s">
        <v>548</v>
      </c>
      <c r="B115220" s="14" t="s">
        <v>1</v>
      </c>
      <c r="C115220" s="14" t="s">
        <v>546</v>
      </c>
      <c r="D115220" s="14" t="s">
        <v>292</v>
      </c>
      <c r="E115220" s="15">
        <v>45621</v>
      </c>
      <c r="F115220" s="14" t="s">
        <v>61</v>
      </c>
      <c r="G115220" s="16">
        <v>0.71930861547394664</v>
      </c>
    </row>
    <row r="115221" spans="1:7" x14ac:dyDescent="0.3">
      <c r="A115221" s="13" t="s">
        <v>548</v>
      </c>
      <c r="B115221" s="14" t="s">
        <v>1</v>
      </c>
      <c r="C115221" s="14" t="s">
        <v>546</v>
      </c>
      <c r="D115221" s="14" t="s">
        <v>292</v>
      </c>
      <c r="E115221" s="15">
        <v>45622</v>
      </c>
      <c r="F115221" s="14" t="s">
        <v>61</v>
      </c>
      <c r="G115221" s="16">
        <v>0.71457209364374696</v>
      </c>
    </row>
    <row r="115222" spans="1:7" x14ac:dyDescent="0.3">
      <c r="A115222" s="13" t="s">
        <v>548</v>
      </c>
      <c r="B115222" s="14" t="s">
        <v>1</v>
      </c>
      <c r="C115222" s="14" t="s">
        <v>546</v>
      </c>
      <c r="D115222" s="14" t="s">
        <v>292</v>
      </c>
      <c r="E115222" s="15">
        <v>45623</v>
      </c>
      <c r="F115222" s="14" t="s">
        <v>61</v>
      </c>
      <c r="G115222" s="16">
        <v>0.70763573635383692</v>
      </c>
    </row>
    <row r="115223" spans="1:7" x14ac:dyDescent="0.3">
      <c r="A115223" s="13" t="s">
        <v>548</v>
      </c>
      <c r="B115223" s="14" t="s">
        <v>1</v>
      </c>
      <c r="C115223" s="14" t="s">
        <v>546</v>
      </c>
      <c r="D115223" s="14" t="s">
        <v>292</v>
      </c>
      <c r="E115223" s="15">
        <v>45624</v>
      </c>
      <c r="F115223" s="14" t="s">
        <v>61</v>
      </c>
      <c r="G115223" s="16">
        <v>0.70736032129652771</v>
      </c>
    </row>
    <row r="115224" spans="1:7" x14ac:dyDescent="0.3">
      <c r="A115224" s="13" t="s">
        <v>548</v>
      </c>
      <c r="B115224" s="14" t="s">
        <v>1</v>
      </c>
      <c r="C115224" s="14" t="s">
        <v>546</v>
      </c>
      <c r="D115224" s="14" t="s">
        <v>292</v>
      </c>
      <c r="E115224" s="15">
        <v>45625</v>
      </c>
      <c r="F115224" s="14" t="s">
        <v>61</v>
      </c>
      <c r="G115224" s="16">
        <v>0.70703060890233616</v>
      </c>
    </row>
    <row r="115225" spans="1:7" x14ac:dyDescent="0.3">
      <c r="A115225" s="13" t="s">
        <v>548</v>
      </c>
      <c r="B115225" s="14" t="s">
        <v>1</v>
      </c>
      <c r="C115225" s="14" t="s">
        <v>546</v>
      </c>
      <c r="D115225" s="14" t="s">
        <v>292</v>
      </c>
      <c r="E115225" s="15">
        <v>45626</v>
      </c>
      <c r="F115225" s="14" t="s">
        <v>61</v>
      </c>
      <c r="G115225" s="16">
        <v>0.70703060890233616</v>
      </c>
    </row>
    <row r="115226" spans="1:7" x14ac:dyDescent="0.3">
      <c r="A115226" s="13" t="s">
        <v>548</v>
      </c>
      <c r="B115226" s="14" t="s">
        <v>1</v>
      </c>
      <c r="C115226" s="14" t="s">
        <v>546</v>
      </c>
      <c r="D115226" s="14" t="s">
        <v>292</v>
      </c>
      <c r="E115226" s="15">
        <v>45627</v>
      </c>
      <c r="F115226" s="14" t="s">
        <v>61</v>
      </c>
      <c r="G115226" s="16">
        <v>0.70703060890233616</v>
      </c>
    </row>
    <row r="115227" spans="1:7" x14ac:dyDescent="0.3">
      <c r="A115227" s="13" t="s">
        <v>548</v>
      </c>
      <c r="B115227" s="14" t="s">
        <v>1</v>
      </c>
      <c r="C115227" s="14" t="s">
        <v>546</v>
      </c>
      <c r="D115227" s="14" t="s">
        <v>292</v>
      </c>
      <c r="E115227" s="15">
        <v>45628</v>
      </c>
      <c r="F115227" s="14" t="s">
        <v>61</v>
      </c>
      <c r="G115227" s="16">
        <v>0.71198011360135227</v>
      </c>
    </row>
    <row r="115228" spans="1:7" x14ac:dyDescent="0.3">
      <c r="A115228" s="13" t="s">
        <v>548</v>
      </c>
      <c r="B115228" s="14" t="s">
        <v>1</v>
      </c>
      <c r="C115228" s="14" t="s">
        <v>546</v>
      </c>
      <c r="D115228" s="14" t="s">
        <v>292</v>
      </c>
      <c r="E115228" s="15">
        <v>45629</v>
      </c>
      <c r="F115228" s="14" t="s">
        <v>61</v>
      </c>
      <c r="G115228" s="16">
        <v>0.70597107143419602</v>
      </c>
    </row>
    <row r="115229" spans="1:7" x14ac:dyDescent="0.3">
      <c r="A115229" s="13" t="s">
        <v>548</v>
      </c>
      <c r="B115229" s="14" t="s">
        <v>1</v>
      </c>
      <c r="C115229" s="14" t="s">
        <v>546</v>
      </c>
      <c r="D115229" s="14" t="s">
        <v>292</v>
      </c>
      <c r="E115229" s="15">
        <v>45630</v>
      </c>
      <c r="F115229" s="14" t="s">
        <v>61</v>
      </c>
      <c r="G115229" s="16">
        <v>0.70592134903865045</v>
      </c>
    </row>
    <row r="115230" spans="1:7" x14ac:dyDescent="0.3">
      <c r="A115230" s="13" t="s">
        <v>548</v>
      </c>
      <c r="B115230" s="14" t="s">
        <v>1</v>
      </c>
      <c r="C115230" s="14" t="s">
        <v>546</v>
      </c>
      <c r="D115230" s="14" t="s">
        <v>292</v>
      </c>
      <c r="E115230" s="15">
        <v>45631</v>
      </c>
      <c r="F115230" s="14" t="s">
        <v>61</v>
      </c>
      <c r="G115230" s="16">
        <v>0.69914873677974954</v>
      </c>
    </row>
    <row r="115231" spans="1:7" x14ac:dyDescent="0.3">
      <c r="A115231" s="13" t="s">
        <v>548</v>
      </c>
      <c r="B115231" s="14" t="s">
        <v>1</v>
      </c>
      <c r="C115231" s="14" t="s">
        <v>546</v>
      </c>
      <c r="D115231" s="14" t="s">
        <v>292</v>
      </c>
      <c r="E115231" s="15">
        <v>45632</v>
      </c>
      <c r="F115231" s="14" t="s">
        <v>61</v>
      </c>
      <c r="G115231" s="16">
        <v>0.69853067891082676</v>
      </c>
    </row>
    <row r="115232" spans="1:7" x14ac:dyDescent="0.3">
      <c r="A115232" s="13" t="s">
        <v>548</v>
      </c>
      <c r="B115232" s="14" t="s">
        <v>1</v>
      </c>
      <c r="C115232" s="14" t="s">
        <v>546</v>
      </c>
      <c r="D115232" s="14" t="s">
        <v>292</v>
      </c>
      <c r="E115232" s="15">
        <v>45633</v>
      </c>
      <c r="F115232" s="14" t="s">
        <v>61</v>
      </c>
      <c r="G115232" s="16">
        <v>0.69853067891082676</v>
      </c>
    </row>
    <row r="115233" spans="1:7" x14ac:dyDescent="0.3">
      <c r="A115233" s="13" t="s">
        <v>548</v>
      </c>
      <c r="B115233" s="14" t="s">
        <v>1</v>
      </c>
      <c r="C115233" s="14" t="s">
        <v>546</v>
      </c>
      <c r="D115233" s="14" t="s">
        <v>292</v>
      </c>
      <c r="E115233" s="15">
        <v>45634</v>
      </c>
      <c r="F115233" s="14" t="s">
        <v>61</v>
      </c>
      <c r="G115233" s="16">
        <v>0.69853067891082676</v>
      </c>
    </row>
    <row r="115234" spans="1:7" x14ac:dyDescent="0.3">
      <c r="A115234" s="13" t="s">
        <v>548</v>
      </c>
      <c r="B115234" s="14" t="s">
        <v>1</v>
      </c>
      <c r="C115234" s="14" t="s">
        <v>546</v>
      </c>
      <c r="D115234" s="14" t="s">
        <v>292</v>
      </c>
      <c r="E115234" s="15">
        <v>45635</v>
      </c>
      <c r="F115234" s="14" t="s">
        <v>61</v>
      </c>
      <c r="G115234" s="16">
        <v>0.69784104088671772</v>
      </c>
    </row>
    <row r="115235" spans="1:7" x14ac:dyDescent="0.3">
      <c r="A115235" s="13" t="s">
        <v>548</v>
      </c>
      <c r="B115235" s="14" t="s">
        <v>1</v>
      </c>
      <c r="C115235" s="14" t="s">
        <v>546</v>
      </c>
      <c r="D115235" s="14" t="s">
        <v>292</v>
      </c>
      <c r="E115235" s="15">
        <v>45636</v>
      </c>
      <c r="F115235" s="14" t="s">
        <v>61</v>
      </c>
      <c r="G115235" s="16">
        <v>0.70064891810405738</v>
      </c>
    </row>
    <row r="115236" spans="1:7" x14ac:dyDescent="0.3">
      <c r="A115236" s="13" t="s">
        <v>548</v>
      </c>
      <c r="B115236" s="14" t="s">
        <v>1</v>
      </c>
      <c r="C115236" s="14" t="s">
        <v>546</v>
      </c>
      <c r="D115236" s="14" t="s">
        <v>292</v>
      </c>
      <c r="E115236" s="15">
        <v>45637</v>
      </c>
      <c r="F115236" s="14" t="s">
        <v>61</v>
      </c>
      <c r="G115236" s="16">
        <v>0.70099433735055539</v>
      </c>
    </row>
    <row r="115237" spans="1:7" x14ac:dyDescent="0.3">
      <c r="A115237" s="13" t="s">
        <v>548</v>
      </c>
      <c r="B115237" s="14" t="s">
        <v>1</v>
      </c>
      <c r="C115237" s="14" t="s">
        <v>546</v>
      </c>
      <c r="D115237" s="14" t="s">
        <v>292</v>
      </c>
      <c r="E115237" s="15">
        <v>45638</v>
      </c>
      <c r="F115237" s="14" t="s">
        <v>61</v>
      </c>
      <c r="G115237" s="16">
        <v>0.70110294492441594</v>
      </c>
    </row>
    <row r="115238" spans="1:7" x14ac:dyDescent="0.3">
      <c r="A115238" s="13" t="s">
        <v>548</v>
      </c>
      <c r="B115238" s="14" t="s">
        <v>1</v>
      </c>
      <c r="C115238" s="14" t="s">
        <v>546</v>
      </c>
      <c r="D115238" s="14" t="s">
        <v>292</v>
      </c>
      <c r="E115238" s="15">
        <v>45639</v>
      </c>
      <c r="F115238" s="14" t="s">
        <v>61</v>
      </c>
      <c r="G115238" s="16">
        <v>0.69697785493106679</v>
      </c>
    </row>
    <row r="115239" spans="1:7" x14ac:dyDescent="0.3">
      <c r="A115239" s="13" t="s">
        <v>548</v>
      </c>
      <c r="B115239" s="14" t="s">
        <v>1</v>
      </c>
      <c r="C115239" s="14" t="s">
        <v>546</v>
      </c>
      <c r="D115239" s="14" t="s">
        <v>292</v>
      </c>
      <c r="E115239" s="15">
        <v>45640</v>
      </c>
      <c r="F115239" s="14" t="s">
        <v>61</v>
      </c>
      <c r="G115239" s="16">
        <v>0.69697785493106679</v>
      </c>
    </row>
    <row r="115240" spans="1:7" x14ac:dyDescent="0.3">
      <c r="A115240" s="13" t="s">
        <v>548</v>
      </c>
      <c r="B115240" s="14" t="s">
        <v>1</v>
      </c>
      <c r="C115240" s="14" t="s">
        <v>546</v>
      </c>
      <c r="D115240" s="14" t="s">
        <v>292</v>
      </c>
      <c r="E115240" s="15">
        <v>45641</v>
      </c>
      <c r="F115240" s="14" t="s">
        <v>61</v>
      </c>
      <c r="G115240" s="16">
        <v>0.69697785493106679</v>
      </c>
    </row>
    <row r="115241" spans="1:7" x14ac:dyDescent="0.3">
      <c r="A115241" s="13" t="s">
        <v>548</v>
      </c>
      <c r="B115241" s="14" t="s">
        <v>1</v>
      </c>
      <c r="C115241" s="14" t="s">
        <v>546</v>
      </c>
      <c r="D115241" s="14" t="s">
        <v>292</v>
      </c>
      <c r="E115241" s="15">
        <v>45642</v>
      </c>
      <c r="F115241" s="14" t="s">
        <v>61</v>
      </c>
      <c r="G115241" s="16">
        <v>0.69476609152110025</v>
      </c>
    </row>
    <row r="115242" spans="1:7" x14ac:dyDescent="0.3">
      <c r="A115242" s="13" t="s">
        <v>548</v>
      </c>
      <c r="B115242" s="14" t="s">
        <v>1</v>
      </c>
      <c r="C115242" s="14" t="s">
        <v>546</v>
      </c>
      <c r="D115242" s="14" t="s">
        <v>292</v>
      </c>
      <c r="E115242" s="15">
        <v>45643</v>
      </c>
      <c r="F115242" s="14" t="s">
        <v>61</v>
      </c>
      <c r="G115242" s="16">
        <v>0.69087815860790369</v>
      </c>
    </row>
    <row r="115243" spans="1:7" x14ac:dyDescent="0.3">
      <c r="A115243" s="13" t="s">
        <v>548</v>
      </c>
      <c r="B115243" s="14" t="s">
        <v>1</v>
      </c>
      <c r="C115243" s="14" t="s">
        <v>546</v>
      </c>
      <c r="D115243" s="14" t="s">
        <v>292</v>
      </c>
      <c r="E115243" s="15">
        <v>45644</v>
      </c>
      <c r="F115243" s="14" t="s">
        <v>61</v>
      </c>
      <c r="G115243" s="16">
        <v>0.69840553612686951</v>
      </c>
    </row>
    <row r="115244" spans="1:7" x14ac:dyDescent="0.3">
      <c r="A115244" s="13" t="s">
        <v>548</v>
      </c>
      <c r="B115244" s="14" t="s">
        <v>1</v>
      </c>
      <c r="C115244" s="14" t="s">
        <v>546</v>
      </c>
      <c r="D115244" s="14" t="s">
        <v>292</v>
      </c>
      <c r="E115244" s="15">
        <v>45645</v>
      </c>
      <c r="F115244" s="14" t="s">
        <v>61</v>
      </c>
      <c r="G115244" s="16">
        <v>0.69644014261079845</v>
      </c>
    </row>
    <row r="115245" spans="1:7" x14ac:dyDescent="0.3">
      <c r="A115245" s="13" t="s">
        <v>548</v>
      </c>
      <c r="B115245" s="14" t="s">
        <v>1</v>
      </c>
      <c r="C115245" s="14" t="s">
        <v>546</v>
      </c>
      <c r="D115245" s="14" t="s">
        <v>292</v>
      </c>
      <c r="E115245" s="15">
        <v>45646</v>
      </c>
      <c r="F115245" s="14" t="s">
        <v>61</v>
      </c>
      <c r="G115245" s="16">
        <v>0.6902049271070525</v>
      </c>
    </row>
    <row r="115246" spans="1:7" x14ac:dyDescent="0.3">
      <c r="A115246" s="13" t="s">
        <v>548</v>
      </c>
      <c r="B115246" s="14" t="s">
        <v>1</v>
      </c>
      <c r="C115246" s="14" t="s">
        <v>546</v>
      </c>
      <c r="D115246" s="14" t="s">
        <v>292</v>
      </c>
      <c r="E115246" s="15">
        <v>45647</v>
      </c>
      <c r="F115246" s="14" t="s">
        <v>61</v>
      </c>
      <c r="G115246" s="16">
        <v>0.6902049271070525</v>
      </c>
    </row>
    <row r="115247" spans="1:7" x14ac:dyDescent="0.3">
      <c r="A115247" s="13" t="s">
        <v>548</v>
      </c>
      <c r="B115247" s="14" t="s">
        <v>1</v>
      </c>
      <c r="C115247" s="14" t="s">
        <v>546</v>
      </c>
      <c r="D115247" s="14" t="s">
        <v>292</v>
      </c>
      <c r="E115247" s="15">
        <v>45648</v>
      </c>
      <c r="F115247" s="14" t="s">
        <v>61</v>
      </c>
      <c r="G115247" s="16">
        <v>0.6902049271070525</v>
      </c>
    </row>
    <row r="115248" spans="1:7" x14ac:dyDescent="0.3">
      <c r="A115248" s="13" t="s">
        <v>548</v>
      </c>
      <c r="B115248" s="14" t="s">
        <v>1</v>
      </c>
      <c r="C115248" s="14" t="s">
        <v>546</v>
      </c>
      <c r="D115248" s="14" t="s">
        <v>292</v>
      </c>
      <c r="E115248" s="15">
        <v>45649</v>
      </c>
      <c r="F115248" s="14" t="s">
        <v>61</v>
      </c>
      <c r="G115248" s="16">
        <v>0.72328233126980124</v>
      </c>
    </row>
    <row r="115249" spans="1:7" x14ac:dyDescent="0.3">
      <c r="A115249" s="13" t="s">
        <v>548</v>
      </c>
      <c r="B115249" s="14" t="s">
        <v>1</v>
      </c>
      <c r="C115249" s="14" t="s">
        <v>546</v>
      </c>
      <c r="D115249" s="14" t="s">
        <v>292</v>
      </c>
      <c r="E115249" s="15">
        <v>45650</v>
      </c>
      <c r="F115249" s="14" t="s">
        <v>61</v>
      </c>
      <c r="G115249" s="16">
        <v>0.71850059125381238</v>
      </c>
    </row>
    <row r="115250" spans="1:7" x14ac:dyDescent="0.3">
      <c r="A115250" s="13" t="s">
        <v>548</v>
      </c>
      <c r="B115250" s="14" t="s">
        <v>1</v>
      </c>
      <c r="C115250" s="14" t="s">
        <v>546</v>
      </c>
      <c r="D115250" s="14" t="s">
        <v>292</v>
      </c>
      <c r="E115250" s="15">
        <v>45651</v>
      </c>
      <c r="F115250" s="14" t="s">
        <v>61</v>
      </c>
      <c r="G115250" s="16">
        <v>0.71850059125381238</v>
      </c>
    </row>
    <row r="115251" spans="1:7" x14ac:dyDescent="0.3">
      <c r="A115251" s="13" t="s">
        <v>548</v>
      </c>
      <c r="B115251" s="14" t="s">
        <v>1</v>
      </c>
      <c r="C115251" s="14" t="s">
        <v>546</v>
      </c>
      <c r="D115251" s="14" t="s">
        <v>292</v>
      </c>
      <c r="E115251" s="15">
        <v>45652</v>
      </c>
      <c r="F115251" s="14" t="s">
        <v>61</v>
      </c>
      <c r="G115251" s="16">
        <v>0.71850059125381238</v>
      </c>
    </row>
    <row r="115252" spans="1:7" x14ac:dyDescent="0.3">
      <c r="A115252" s="13" t="s">
        <v>548</v>
      </c>
      <c r="B115252" s="14" t="s">
        <v>1</v>
      </c>
      <c r="C115252" s="14" t="s">
        <v>546</v>
      </c>
      <c r="D115252" s="14" t="s">
        <v>292</v>
      </c>
      <c r="E115252" s="15">
        <v>45653</v>
      </c>
      <c r="F115252" s="14" t="s">
        <v>61</v>
      </c>
      <c r="G115252" s="16">
        <v>0.71850059125381238</v>
      </c>
    </row>
    <row r="115253" spans="1:7" x14ac:dyDescent="0.3">
      <c r="A115253" s="13" t="s">
        <v>548</v>
      </c>
      <c r="B115253" s="14" t="s">
        <v>1</v>
      </c>
      <c r="C115253" s="14" t="s">
        <v>546</v>
      </c>
      <c r="D115253" s="14" t="s">
        <v>292</v>
      </c>
      <c r="E115253" s="15">
        <v>45654</v>
      </c>
      <c r="F115253" s="14" t="s">
        <v>61</v>
      </c>
      <c r="G115253" s="16">
        <v>0.71850059125381238</v>
      </c>
    </row>
    <row r="115254" spans="1:7" x14ac:dyDescent="0.3">
      <c r="A115254" s="13" t="s">
        <v>548</v>
      </c>
      <c r="B115254" s="14" t="s">
        <v>1</v>
      </c>
      <c r="C115254" s="14" t="s">
        <v>546</v>
      </c>
      <c r="D115254" s="14" t="s">
        <v>292</v>
      </c>
      <c r="E115254" s="15">
        <v>45655</v>
      </c>
      <c r="F115254" s="14" t="s">
        <v>61</v>
      </c>
      <c r="G115254" s="16">
        <v>0.71850059125381238</v>
      </c>
    </row>
    <row r="115255" spans="1:7" x14ac:dyDescent="0.3">
      <c r="A115255" s="13" t="s">
        <v>548</v>
      </c>
      <c r="B115255" s="14" t="s">
        <v>1</v>
      </c>
      <c r="C115255" s="14" t="s">
        <v>546</v>
      </c>
      <c r="D115255" s="14" t="s">
        <v>292</v>
      </c>
      <c r="E115255" s="15">
        <v>45656</v>
      </c>
      <c r="F115255" s="14" t="s">
        <v>61</v>
      </c>
      <c r="G115255" s="16">
        <v>0.71615697330256822</v>
      </c>
    </row>
    <row r="115256" spans="1:7" x14ac:dyDescent="0.3">
      <c r="A115256" s="13" t="s">
        <v>548</v>
      </c>
      <c r="B115256" s="14" t="s">
        <v>1</v>
      </c>
      <c r="C115256" s="14" t="s">
        <v>546</v>
      </c>
      <c r="D115256" s="14" t="s">
        <v>292</v>
      </c>
      <c r="E115256" s="15">
        <v>45657</v>
      </c>
      <c r="F115256" s="14" t="s">
        <v>61</v>
      </c>
      <c r="G115256" s="16">
        <v>0.71635757904866681</v>
      </c>
    </row>
    <row r="115257" spans="1:7" x14ac:dyDescent="0.3">
      <c r="A115257" s="13" t="s">
        <v>548</v>
      </c>
      <c r="B115257" s="14" t="s">
        <v>1</v>
      </c>
      <c r="C115257" s="14" t="s">
        <v>546</v>
      </c>
      <c r="D115257" s="14" t="s">
        <v>292</v>
      </c>
      <c r="E115257" s="15">
        <v>45658</v>
      </c>
      <c r="F115257" s="14" t="s">
        <v>61</v>
      </c>
      <c r="G115257" s="16">
        <v>0.71635757904866681</v>
      </c>
    </row>
    <row r="115258" spans="1:7" x14ac:dyDescent="0.3">
      <c r="A115258" s="13" t="s">
        <v>548</v>
      </c>
      <c r="B115258" s="14" t="s">
        <v>1</v>
      </c>
      <c r="C115258" s="14" t="s">
        <v>546</v>
      </c>
      <c r="D115258" s="14" t="s">
        <v>292</v>
      </c>
      <c r="E115258" s="15">
        <v>45659</v>
      </c>
      <c r="F115258" s="14" t="s">
        <v>61</v>
      </c>
      <c r="G115258" s="16">
        <v>0.72079356315372378</v>
      </c>
    </row>
    <row r="115259" spans="1:7" x14ac:dyDescent="0.3">
      <c r="A115259" s="13" t="s">
        <v>548</v>
      </c>
      <c r="B115259" s="14" t="s">
        <v>1</v>
      </c>
      <c r="C115259" s="14" t="s">
        <v>546</v>
      </c>
      <c r="D115259" s="14" t="s">
        <v>292</v>
      </c>
      <c r="E115259" s="15">
        <v>45660</v>
      </c>
      <c r="F115259" s="14" t="s">
        <v>61</v>
      </c>
      <c r="G115259" s="16">
        <v>0.82509901829806032</v>
      </c>
    </row>
    <row r="115260" spans="1:7" x14ac:dyDescent="0.3">
      <c r="A115260" s="13" t="s">
        <v>548</v>
      </c>
      <c r="B115260" s="14" t="s">
        <v>1</v>
      </c>
      <c r="C115260" s="14" t="s">
        <v>546</v>
      </c>
      <c r="D115260" s="14" t="s">
        <v>292</v>
      </c>
      <c r="E115260" s="15">
        <v>45661</v>
      </c>
      <c r="F115260" s="14" t="s">
        <v>61</v>
      </c>
      <c r="G115260" s="16">
        <v>0.82509901829806032</v>
      </c>
    </row>
    <row r="115261" spans="1:7" x14ac:dyDescent="0.3">
      <c r="A115261" s="13" t="s">
        <v>548</v>
      </c>
      <c r="B115261" s="14" t="s">
        <v>1</v>
      </c>
      <c r="C115261" s="14" t="s">
        <v>546</v>
      </c>
      <c r="D115261" s="14" t="s">
        <v>292</v>
      </c>
      <c r="E115261" s="15">
        <v>45662</v>
      </c>
      <c r="F115261" s="14" t="s">
        <v>61</v>
      </c>
      <c r="G115261" s="16">
        <v>0.82509901829806032</v>
      </c>
    </row>
    <row r="115262" spans="1:7" x14ac:dyDescent="0.3">
      <c r="A115262" s="13" t="s">
        <v>548</v>
      </c>
      <c r="B115262" s="14" t="s">
        <v>1</v>
      </c>
      <c r="C115262" s="14" t="s">
        <v>546</v>
      </c>
      <c r="D115262" s="14" t="s">
        <v>292</v>
      </c>
      <c r="E115262" s="15">
        <v>45663</v>
      </c>
      <c r="F115262" s="14" t="s">
        <v>61</v>
      </c>
      <c r="G115262" s="16">
        <v>0.81693066489210775</v>
      </c>
    </row>
    <row r="115263" spans="1:7" x14ac:dyDescent="0.3">
      <c r="A115263" s="13" t="s">
        <v>548</v>
      </c>
      <c r="B115263" s="14" t="s">
        <v>1</v>
      </c>
      <c r="C115263" s="14" t="s">
        <v>546</v>
      </c>
      <c r="D115263" s="14" t="s">
        <v>292</v>
      </c>
      <c r="E115263" s="15">
        <v>45664</v>
      </c>
      <c r="F115263" s="14" t="s">
        <v>61</v>
      </c>
      <c r="G115263" s="16">
        <v>0.8174349019296</v>
      </c>
    </row>
    <row r="115264" spans="1:7" x14ac:dyDescent="0.3">
      <c r="A115264" s="13" t="s">
        <v>548</v>
      </c>
      <c r="B115264" s="14" t="s">
        <v>1</v>
      </c>
      <c r="C115264" s="14" t="s">
        <v>546</v>
      </c>
      <c r="D115264" s="14" t="s">
        <v>292</v>
      </c>
      <c r="E115264" s="15">
        <v>45665</v>
      </c>
      <c r="F115264" s="14" t="s">
        <v>61</v>
      </c>
      <c r="G115264" s="16">
        <v>0.81867522549381933</v>
      </c>
    </row>
    <row r="115265" spans="1:7" x14ac:dyDescent="0.3">
      <c r="A115265" s="13" t="s">
        <v>548</v>
      </c>
      <c r="B115265" s="14" t="s">
        <v>1</v>
      </c>
      <c r="C115265" s="14" t="s">
        <v>546</v>
      </c>
      <c r="D115265" s="14" t="s">
        <v>292</v>
      </c>
      <c r="E115265" s="15">
        <v>45666</v>
      </c>
      <c r="F115265" s="14" t="s">
        <v>61</v>
      </c>
      <c r="G115265" s="16">
        <v>0.81848713636764991</v>
      </c>
    </row>
    <row r="115266" spans="1:7" x14ac:dyDescent="0.3">
      <c r="A115266" s="13" t="s">
        <v>548</v>
      </c>
      <c r="B115266" s="14" t="s">
        <v>1</v>
      </c>
      <c r="C115266" s="14" t="s">
        <v>546</v>
      </c>
      <c r="D115266" s="14" t="s">
        <v>292</v>
      </c>
      <c r="E115266" s="15">
        <v>45667</v>
      </c>
      <c r="F115266" s="14" t="s">
        <v>61</v>
      </c>
      <c r="G115266" s="16">
        <v>0.82109752794577406</v>
      </c>
    </row>
    <row r="115267" spans="1:7" x14ac:dyDescent="0.3">
      <c r="A115267" s="13" t="s">
        <v>548</v>
      </c>
      <c r="B115267" s="14" t="s">
        <v>1</v>
      </c>
      <c r="C115267" s="14" t="s">
        <v>546</v>
      </c>
      <c r="D115267" s="14" t="s">
        <v>292</v>
      </c>
      <c r="E115267" s="15">
        <v>45668</v>
      </c>
      <c r="F115267" s="14" t="s">
        <v>61</v>
      </c>
      <c r="G115267" s="16">
        <v>0.82109752794577406</v>
      </c>
    </row>
    <row r="115268" spans="1:7" x14ac:dyDescent="0.3">
      <c r="A115268" s="13" t="s">
        <v>548</v>
      </c>
      <c r="B115268" s="14" t="s">
        <v>1</v>
      </c>
      <c r="C115268" s="14" t="s">
        <v>546</v>
      </c>
      <c r="D115268" s="14" t="s">
        <v>292</v>
      </c>
      <c r="E115268" s="15">
        <v>45669</v>
      </c>
      <c r="F115268" s="14" t="s">
        <v>61</v>
      </c>
      <c r="G115268" s="16">
        <v>0.82109752794577406</v>
      </c>
    </row>
    <row r="115269" spans="1:7" x14ac:dyDescent="0.3">
      <c r="A115269" s="13" t="s">
        <v>548</v>
      </c>
      <c r="B115269" s="14" t="s">
        <v>1</v>
      </c>
      <c r="C115269" s="14" t="s">
        <v>546</v>
      </c>
      <c r="D115269" s="14" t="s">
        <v>292</v>
      </c>
      <c r="E115269" s="15">
        <v>45670</v>
      </c>
      <c r="F115269" s="14" t="s">
        <v>61</v>
      </c>
      <c r="G115269" s="16">
        <v>0.83619634659080955</v>
      </c>
    </row>
    <row r="115270" spans="1:7" x14ac:dyDescent="0.3">
      <c r="A115270" s="13" t="s">
        <v>548</v>
      </c>
      <c r="B115270" s="14" t="s">
        <v>1</v>
      </c>
      <c r="C115270" s="14" t="s">
        <v>546</v>
      </c>
      <c r="D115270" s="14" t="s">
        <v>292</v>
      </c>
      <c r="E115270" s="15">
        <v>45671</v>
      </c>
      <c r="F115270" s="14" t="s">
        <v>61</v>
      </c>
      <c r="G115270" s="16">
        <v>0.82596522569817787</v>
      </c>
    </row>
    <row r="115271" spans="1:7" x14ac:dyDescent="0.3">
      <c r="A115271" s="13" t="s">
        <v>548</v>
      </c>
      <c r="B115271" s="14" t="s">
        <v>1</v>
      </c>
      <c r="C115271" s="14" t="s">
        <v>546</v>
      </c>
      <c r="D115271" s="14" t="s">
        <v>292</v>
      </c>
      <c r="E115271" s="15">
        <v>45672</v>
      </c>
      <c r="F115271" s="14" t="s">
        <v>61</v>
      </c>
      <c r="G115271" s="16">
        <v>0.82578666604590667</v>
      </c>
    </row>
    <row r="115272" spans="1:7" x14ac:dyDescent="0.3">
      <c r="A115272" s="13" t="s">
        <v>548</v>
      </c>
      <c r="B115272" s="14" t="s">
        <v>1</v>
      </c>
      <c r="C115272" s="14" t="s">
        <v>546</v>
      </c>
      <c r="D115272" s="14" t="s">
        <v>292</v>
      </c>
      <c r="E115272" s="15">
        <v>45673</v>
      </c>
      <c r="F115272" s="14" t="s">
        <v>61</v>
      </c>
      <c r="G115272" s="16">
        <v>0.82333705874496455</v>
      </c>
    </row>
    <row r="115273" spans="1:7" x14ac:dyDescent="0.3">
      <c r="A115273" s="13" t="s">
        <v>548</v>
      </c>
      <c r="B115273" s="14" t="s">
        <v>1</v>
      </c>
      <c r="C115273" s="14" t="s">
        <v>546</v>
      </c>
      <c r="D115273" s="14" t="s">
        <v>292</v>
      </c>
      <c r="E115273" s="15">
        <v>45674</v>
      </c>
      <c r="F115273" s="14" t="s">
        <v>61</v>
      </c>
      <c r="G115273" s="16">
        <v>0.82385052574817375</v>
      </c>
    </row>
    <row r="115274" spans="1:7" x14ac:dyDescent="0.3">
      <c r="A115274" s="13" t="s">
        <v>548</v>
      </c>
      <c r="B115274" s="14" t="s">
        <v>1</v>
      </c>
      <c r="C115274" s="14" t="s">
        <v>546</v>
      </c>
      <c r="D115274" s="14" t="s">
        <v>292</v>
      </c>
      <c r="E115274" s="15">
        <v>45675</v>
      </c>
      <c r="F115274" s="14" t="s">
        <v>61</v>
      </c>
      <c r="G115274" s="16">
        <v>0.82385052574817375</v>
      </c>
    </row>
    <row r="115275" spans="1:7" x14ac:dyDescent="0.3">
      <c r="A115275" s="13" t="s">
        <v>548</v>
      </c>
      <c r="B115275" s="14" t="s">
        <v>1</v>
      </c>
      <c r="C115275" s="14" t="s">
        <v>546</v>
      </c>
      <c r="D115275" s="14" t="s">
        <v>292</v>
      </c>
      <c r="E115275" s="15">
        <v>45676</v>
      </c>
      <c r="F115275" s="14" t="s">
        <v>61</v>
      </c>
      <c r="G115275" s="16">
        <v>0.82385052574817375</v>
      </c>
    </row>
    <row r="115276" spans="1:7" x14ac:dyDescent="0.3">
      <c r="A115276" s="13" t="s">
        <v>548</v>
      </c>
      <c r="B115276" s="14" t="s">
        <v>1</v>
      </c>
      <c r="C115276" s="14" t="s">
        <v>546</v>
      </c>
      <c r="D115276" s="14" t="s">
        <v>292</v>
      </c>
      <c r="E115276" s="15">
        <v>45677</v>
      </c>
      <c r="F115276" s="14" t="s">
        <v>61</v>
      </c>
      <c r="G115276" s="16">
        <v>0.81066043668640042</v>
      </c>
    </row>
    <row r="115277" spans="1:7" x14ac:dyDescent="0.3">
      <c r="A115277" s="13" t="s">
        <v>548</v>
      </c>
      <c r="B115277" s="14" t="s">
        <v>1</v>
      </c>
      <c r="C115277" s="14" t="s">
        <v>546</v>
      </c>
      <c r="D115277" s="14" t="s">
        <v>292</v>
      </c>
      <c r="E115277" s="15">
        <v>45678</v>
      </c>
      <c r="F115277" s="14" t="s">
        <v>61</v>
      </c>
      <c r="G115277" s="16">
        <v>0.8046182573282713</v>
      </c>
    </row>
    <row r="115278" spans="1:7" x14ac:dyDescent="0.3">
      <c r="A115278" s="13" t="s">
        <v>548</v>
      </c>
      <c r="B115278" s="14" t="s">
        <v>1</v>
      </c>
      <c r="C115278" s="14" t="s">
        <v>546</v>
      </c>
      <c r="D115278" s="14" t="s">
        <v>292</v>
      </c>
      <c r="E115278" s="15">
        <v>45679</v>
      </c>
      <c r="F115278" s="14" t="s">
        <v>61</v>
      </c>
      <c r="G115278" s="16">
        <v>0.80440288282636607</v>
      </c>
    </row>
    <row r="115279" spans="1:7" x14ac:dyDescent="0.3">
      <c r="A115279" s="13" t="s">
        <v>548</v>
      </c>
      <c r="B115279" s="14" t="s">
        <v>1</v>
      </c>
      <c r="C115279" s="14" t="s">
        <v>546</v>
      </c>
      <c r="D115279" s="14" t="s">
        <v>292</v>
      </c>
      <c r="E115279" s="15">
        <v>45680</v>
      </c>
      <c r="F115279" s="14" t="s">
        <v>61</v>
      </c>
      <c r="G115279" s="16">
        <v>0.8021556261263888</v>
      </c>
    </row>
    <row r="115280" spans="1:7" x14ac:dyDescent="0.3">
      <c r="A115280" s="13" t="s">
        <v>548</v>
      </c>
      <c r="B115280" s="14" t="s">
        <v>1</v>
      </c>
      <c r="C115280" s="14" t="s">
        <v>546</v>
      </c>
      <c r="D115280" s="14" t="s">
        <v>292</v>
      </c>
      <c r="E115280" s="15">
        <v>45681</v>
      </c>
      <c r="F115280" s="14" t="s">
        <v>61</v>
      </c>
      <c r="G115280" s="16">
        <v>0.79440871741142538</v>
      </c>
    </row>
    <row r="115281" spans="1:7" x14ac:dyDescent="0.3">
      <c r="A115281" s="13" t="s">
        <v>548</v>
      </c>
      <c r="B115281" s="14" t="s">
        <v>1</v>
      </c>
      <c r="C115281" s="14" t="s">
        <v>546</v>
      </c>
      <c r="D115281" s="14" t="s">
        <v>292</v>
      </c>
      <c r="E115281" s="15">
        <v>45682</v>
      </c>
      <c r="F115281" s="14" t="s">
        <v>61</v>
      </c>
      <c r="G115281" s="16">
        <v>0.79440871741142538</v>
      </c>
    </row>
    <row r="115282" spans="1:7" x14ac:dyDescent="0.3">
      <c r="A115282" s="13" t="s">
        <v>548</v>
      </c>
      <c r="B115282" s="14" t="s">
        <v>1</v>
      </c>
      <c r="C115282" s="14" t="s">
        <v>546</v>
      </c>
      <c r="D115282" s="14" t="s">
        <v>292</v>
      </c>
      <c r="E115282" s="15">
        <v>45683</v>
      </c>
      <c r="F115282" s="14" t="s">
        <v>61</v>
      </c>
      <c r="G115282" s="16">
        <v>0.79440871741142538</v>
      </c>
    </row>
    <row r="115283" spans="1:7" x14ac:dyDescent="0.3">
      <c r="A115283" s="13" t="s">
        <v>548</v>
      </c>
      <c r="B115283" s="14" t="s">
        <v>1</v>
      </c>
      <c r="C115283" s="14" t="s">
        <v>546</v>
      </c>
      <c r="D115283" s="14" t="s">
        <v>292</v>
      </c>
      <c r="E115283" s="15">
        <v>45684</v>
      </c>
      <c r="F115283" s="14" t="s">
        <v>61</v>
      </c>
      <c r="G115283" s="16">
        <v>0.81608638056042182</v>
      </c>
    </row>
    <row r="115284" spans="1:7" x14ac:dyDescent="0.3">
      <c r="A115284" s="13" t="s">
        <v>548</v>
      </c>
      <c r="B115284" s="14" t="s">
        <v>1</v>
      </c>
      <c r="C115284" s="14" t="s">
        <v>546</v>
      </c>
      <c r="D115284" s="14" t="s">
        <v>292</v>
      </c>
      <c r="E115284" s="15">
        <v>45685</v>
      </c>
      <c r="F115284" s="14" t="s">
        <v>61</v>
      </c>
      <c r="G115284" s="16">
        <v>0.81608638056042182</v>
      </c>
    </row>
    <row r="115285" spans="1:7" x14ac:dyDescent="0.3">
      <c r="A115285" s="13" t="s">
        <v>548</v>
      </c>
      <c r="B115285" s="14" t="s">
        <v>1</v>
      </c>
      <c r="C115285" s="14" t="s">
        <v>546</v>
      </c>
      <c r="D115285" s="14" t="s">
        <v>292</v>
      </c>
      <c r="E115285" s="15">
        <v>45686</v>
      </c>
      <c r="F115285" s="14" t="s">
        <v>61</v>
      </c>
      <c r="G115285" s="16">
        <v>0.81608638056042182</v>
      </c>
    </row>
    <row r="115286" spans="1:7" x14ac:dyDescent="0.3">
      <c r="A115286" s="13" t="s">
        <v>548</v>
      </c>
      <c r="B115286" s="14" t="s">
        <v>1</v>
      </c>
      <c r="C115286" s="14" t="s">
        <v>546</v>
      </c>
      <c r="D115286" s="14" t="s">
        <v>292</v>
      </c>
      <c r="E115286" s="15">
        <v>45687</v>
      </c>
      <c r="F115286" s="14" t="s">
        <v>61</v>
      </c>
      <c r="G115286" s="16">
        <v>0.81608638056042182</v>
      </c>
    </row>
    <row r="115287" spans="1:7" x14ac:dyDescent="0.3">
      <c r="A115287" s="13" t="s">
        <v>548</v>
      </c>
      <c r="B115287" s="14" t="s">
        <v>1</v>
      </c>
      <c r="C115287" s="14" t="s">
        <v>546</v>
      </c>
      <c r="D115287" s="14" t="s">
        <v>292</v>
      </c>
      <c r="E115287" s="15">
        <v>45688</v>
      </c>
      <c r="F115287" s="14" t="s">
        <v>61</v>
      </c>
      <c r="G115287" s="16">
        <v>0.81608638056042182</v>
      </c>
    </row>
    <row r="115288" spans="1:7" x14ac:dyDescent="0.3">
      <c r="A115288" s="13" t="s">
        <v>548</v>
      </c>
      <c r="B115288" s="14" t="s">
        <v>1</v>
      </c>
      <c r="C115288" s="14" t="s">
        <v>546</v>
      </c>
      <c r="D115288" s="14" t="s">
        <v>292</v>
      </c>
      <c r="E115288" s="15">
        <v>45689</v>
      </c>
      <c r="F115288" s="14" t="s">
        <v>61</v>
      </c>
      <c r="G115288" s="16">
        <v>0.81608638056042182</v>
      </c>
    </row>
    <row r="115289" spans="1:7" x14ac:dyDescent="0.3">
      <c r="A115289" s="13" t="s">
        <v>548</v>
      </c>
      <c r="B115289" s="14" t="s">
        <v>1</v>
      </c>
      <c r="C115289" s="14" t="s">
        <v>546</v>
      </c>
      <c r="D115289" s="14" t="s">
        <v>292</v>
      </c>
      <c r="E115289" s="15">
        <v>45690</v>
      </c>
      <c r="F115289" s="14" t="s">
        <v>61</v>
      </c>
      <c r="G115289" s="16">
        <v>0.81608638056042182</v>
      </c>
    </row>
    <row r="115290" spans="1:7" x14ac:dyDescent="0.3">
      <c r="A115290" s="13" t="s">
        <v>548</v>
      </c>
      <c r="B115290" s="14" t="s">
        <v>1</v>
      </c>
      <c r="C115290" s="14" t="s">
        <v>546</v>
      </c>
      <c r="D115290" s="14" t="s">
        <v>292</v>
      </c>
      <c r="E115290" s="15">
        <v>45691</v>
      </c>
      <c r="F115290" s="14" t="s">
        <v>61</v>
      </c>
      <c r="G115290" s="16">
        <v>0.81608638056042182</v>
      </c>
    </row>
    <row r="115291" spans="1:7" x14ac:dyDescent="0.3">
      <c r="A115291" s="13" t="s">
        <v>548</v>
      </c>
      <c r="B115291" s="14" t="s">
        <v>1</v>
      </c>
      <c r="C115291" s="14" t="s">
        <v>546</v>
      </c>
      <c r="D115291" s="14" t="s">
        <v>292</v>
      </c>
      <c r="E115291" s="15">
        <v>45692</v>
      </c>
      <c r="F115291" s="14" t="s">
        <v>61</v>
      </c>
      <c r="G115291" s="16">
        <v>0.81608638056042182</v>
      </c>
    </row>
    <row r="115292" spans="1:7" x14ac:dyDescent="0.3">
      <c r="A115292" s="13" t="s">
        <v>548</v>
      </c>
      <c r="B115292" s="14" t="s">
        <v>1</v>
      </c>
      <c r="C115292" s="14" t="s">
        <v>546</v>
      </c>
      <c r="D115292" s="14" t="s">
        <v>292</v>
      </c>
      <c r="E115292" s="15">
        <v>45693</v>
      </c>
      <c r="F115292" s="14" t="s">
        <v>61</v>
      </c>
      <c r="G115292" s="16">
        <v>0.81785939867979207</v>
      </c>
    </row>
    <row r="115293" spans="1:7" x14ac:dyDescent="0.3">
      <c r="A115293" s="13" t="s">
        <v>548</v>
      </c>
      <c r="B115293" s="14" t="s">
        <v>1</v>
      </c>
      <c r="C115293" s="14" t="s">
        <v>546</v>
      </c>
      <c r="D115293" s="14" t="s">
        <v>292</v>
      </c>
      <c r="E115293" s="15">
        <v>45694</v>
      </c>
      <c r="F115293" s="14" t="s">
        <v>61</v>
      </c>
      <c r="G115293" s="16">
        <v>0.80485929978587323</v>
      </c>
    </row>
    <row r="115294" spans="1:7" x14ac:dyDescent="0.3">
      <c r="A115294" s="13" t="s">
        <v>548</v>
      </c>
      <c r="B115294" s="14" t="s">
        <v>1</v>
      </c>
      <c r="C115294" s="14" t="s">
        <v>546</v>
      </c>
      <c r="D115294" s="14" t="s">
        <v>292</v>
      </c>
      <c r="E115294" s="15">
        <v>45695</v>
      </c>
      <c r="F115294" s="14" t="s">
        <v>61</v>
      </c>
      <c r="G115294" s="16">
        <v>0.80749846286657967</v>
      </c>
    </row>
    <row r="115295" spans="1:7" x14ac:dyDescent="0.3">
      <c r="A115295" s="13" t="s">
        <v>548</v>
      </c>
      <c r="B115295" s="14" t="s">
        <v>1</v>
      </c>
      <c r="C115295" s="14" t="s">
        <v>546</v>
      </c>
      <c r="D115295" s="14" t="s">
        <v>292</v>
      </c>
      <c r="E115295" s="15">
        <v>45696</v>
      </c>
      <c r="F115295" s="14" t="s">
        <v>61</v>
      </c>
      <c r="G115295" s="16">
        <v>0.80749846286657967</v>
      </c>
    </row>
    <row r="115296" spans="1:7" x14ac:dyDescent="0.3">
      <c r="A115296" s="13" t="s">
        <v>548</v>
      </c>
      <c r="B115296" s="14" t="s">
        <v>1</v>
      </c>
      <c r="C115296" s="14" t="s">
        <v>546</v>
      </c>
      <c r="D115296" s="14" t="s">
        <v>292</v>
      </c>
      <c r="E115296" s="15">
        <v>45697</v>
      </c>
      <c r="F115296" s="14" t="s">
        <v>61</v>
      </c>
      <c r="G115296" s="16">
        <v>0.80749846286657967</v>
      </c>
    </row>
    <row r="115297" spans="1:7" x14ac:dyDescent="0.3">
      <c r="A115297" s="13" t="s">
        <v>548</v>
      </c>
      <c r="B115297" s="14" t="s">
        <v>1</v>
      </c>
      <c r="C115297" s="14" t="s">
        <v>546</v>
      </c>
      <c r="D115297" s="14" t="s">
        <v>292</v>
      </c>
      <c r="E115297" s="15">
        <v>45698</v>
      </c>
      <c r="F115297" s="14" t="s">
        <v>61</v>
      </c>
      <c r="G115297" s="16">
        <v>0.80719331163006514</v>
      </c>
    </row>
    <row r="115298" spans="1:7" x14ac:dyDescent="0.3">
      <c r="A115298" s="13" t="s">
        <v>548</v>
      </c>
      <c r="B115298" s="14" t="s">
        <v>1</v>
      </c>
      <c r="C115298" s="14" t="s">
        <v>546</v>
      </c>
      <c r="D115298" s="14" t="s">
        <v>292</v>
      </c>
      <c r="E115298" s="15">
        <v>45699</v>
      </c>
      <c r="F115298" s="14" t="s">
        <v>61</v>
      </c>
      <c r="G115298" s="16">
        <v>0.79755394787699496</v>
      </c>
    </row>
    <row r="115299" spans="1:7" x14ac:dyDescent="0.3">
      <c r="A115299" s="13" t="s">
        <v>548</v>
      </c>
      <c r="B115299" s="14" t="s">
        <v>1</v>
      </c>
      <c r="C115299" s="14" t="s">
        <v>546</v>
      </c>
      <c r="D115299" s="14" t="s">
        <v>292</v>
      </c>
      <c r="E115299" s="15">
        <v>45700</v>
      </c>
      <c r="F115299" s="14" t="s">
        <v>61</v>
      </c>
      <c r="G115299" s="16">
        <v>0.79415502699173413</v>
      </c>
    </row>
    <row r="115300" spans="1:7" x14ac:dyDescent="0.3">
      <c r="A115300" s="13" t="s">
        <v>548</v>
      </c>
      <c r="B115300" s="14" t="s">
        <v>1</v>
      </c>
      <c r="C115300" s="14" t="s">
        <v>546</v>
      </c>
      <c r="D115300" s="14" t="s">
        <v>292</v>
      </c>
      <c r="E115300" s="15">
        <v>45701</v>
      </c>
      <c r="F115300" s="14" t="s">
        <v>61</v>
      </c>
      <c r="G115300" s="16">
        <v>0.78616921805147855</v>
      </c>
    </row>
    <row r="115301" spans="1:7" x14ac:dyDescent="0.3">
      <c r="A115301" s="13" t="s">
        <v>548</v>
      </c>
      <c r="B115301" s="14" t="s">
        <v>1</v>
      </c>
      <c r="C115301" s="14" t="s">
        <v>546</v>
      </c>
      <c r="D115301" s="14" t="s">
        <v>292</v>
      </c>
      <c r="E115301" s="15">
        <v>45702</v>
      </c>
      <c r="F115301" s="14" t="s">
        <v>61</v>
      </c>
      <c r="G115301" s="16">
        <v>0.78202786885901754</v>
      </c>
    </row>
    <row r="115302" spans="1:7" x14ac:dyDescent="0.3">
      <c r="A115302" s="13" t="s">
        <v>548</v>
      </c>
      <c r="B115302" s="14" t="s">
        <v>1</v>
      </c>
      <c r="C115302" s="14" t="s">
        <v>546</v>
      </c>
      <c r="D115302" s="14" t="s">
        <v>292</v>
      </c>
      <c r="E115302" s="15">
        <v>45703</v>
      </c>
      <c r="F115302" s="14" t="s">
        <v>61</v>
      </c>
      <c r="G115302" s="16">
        <v>0.78202786885901754</v>
      </c>
    </row>
    <row r="115303" spans="1:7" x14ac:dyDescent="0.3">
      <c r="A115303" s="13" t="s">
        <v>548</v>
      </c>
      <c r="B115303" s="14" t="s">
        <v>1</v>
      </c>
      <c r="C115303" s="14" t="s">
        <v>546</v>
      </c>
      <c r="D115303" s="14" t="s">
        <v>292</v>
      </c>
      <c r="E115303" s="15">
        <v>45704</v>
      </c>
      <c r="F115303" s="14" t="s">
        <v>61</v>
      </c>
      <c r="G115303" s="16">
        <v>0.78202786885901754</v>
      </c>
    </row>
    <row r="115304" spans="1:7" x14ac:dyDescent="0.3">
      <c r="A115304" s="13" t="s">
        <v>548</v>
      </c>
      <c r="B115304" s="14" t="s">
        <v>1</v>
      </c>
      <c r="C115304" s="14" t="s">
        <v>546</v>
      </c>
      <c r="D115304" s="14" t="s">
        <v>292</v>
      </c>
      <c r="E115304" s="15">
        <v>45705</v>
      </c>
      <c r="F115304" s="14" t="s">
        <v>61</v>
      </c>
      <c r="G115304" s="16">
        <v>0.78092702652046064</v>
      </c>
    </row>
    <row r="115305" spans="1:7" x14ac:dyDescent="0.3">
      <c r="A115305" s="13" t="s">
        <v>548</v>
      </c>
      <c r="B115305" s="14" t="s">
        <v>1</v>
      </c>
      <c r="C115305" s="14" t="s">
        <v>546</v>
      </c>
      <c r="D115305" s="14" t="s">
        <v>292</v>
      </c>
      <c r="E115305" s="15">
        <v>45706</v>
      </c>
      <c r="F115305" s="14" t="s">
        <v>61</v>
      </c>
      <c r="G115305" s="16">
        <v>0.77795603604276342</v>
      </c>
    </row>
    <row r="115306" spans="1:7" x14ac:dyDescent="0.3">
      <c r="A115306" s="13" t="s">
        <v>548</v>
      </c>
      <c r="B115306" s="14" t="s">
        <v>1</v>
      </c>
      <c r="C115306" s="14" t="s">
        <v>546</v>
      </c>
      <c r="D115306" s="14" t="s">
        <v>292</v>
      </c>
      <c r="E115306" s="15">
        <v>45707</v>
      </c>
      <c r="F115306" s="14" t="s">
        <v>61</v>
      </c>
      <c r="G115306" s="16">
        <v>0.77783520787402349</v>
      </c>
    </row>
    <row r="115307" spans="1:7" x14ac:dyDescent="0.3">
      <c r="A115307" s="13" t="s">
        <v>548</v>
      </c>
      <c r="B115307" s="14" t="s">
        <v>1</v>
      </c>
      <c r="C115307" s="14" t="s">
        <v>546</v>
      </c>
      <c r="D115307" s="14" t="s">
        <v>292</v>
      </c>
      <c r="E115307" s="15">
        <v>45708</v>
      </c>
      <c r="F115307" s="14" t="s">
        <v>61</v>
      </c>
      <c r="G115307" s="16">
        <v>0.76998384448419654</v>
      </c>
    </row>
    <row r="115308" spans="1:7" x14ac:dyDescent="0.3">
      <c r="A115308" s="13" t="s">
        <v>548</v>
      </c>
      <c r="B115308" s="14" t="s">
        <v>1</v>
      </c>
      <c r="C115308" s="14" t="s">
        <v>546</v>
      </c>
      <c r="D115308" s="14" t="s">
        <v>292</v>
      </c>
      <c r="E115308" s="15">
        <v>45709</v>
      </c>
      <c r="F115308" s="14" t="s">
        <v>61</v>
      </c>
      <c r="G115308" s="16">
        <v>0.77120335913849269</v>
      </c>
    </row>
    <row r="115309" spans="1:7" x14ac:dyDescent="0.3">
      <c r="A115309" s="13" t="s">
        <v>548</v>
      </c>
      <c r="B115309" s="14" t="s">
        <v>1</v>
      </c>
      <c r="C115309" s="14" t="s">
        <v>546</v>
      </c>
      <c r="D115309" s="14" t="s">
        <v>292</v>
      </c>
      <c r="E115309" s="15">
        <v>45710</v>
      </c>
      <c r="F115309" s="14" t="s">
        <v>61</v>
      </c>
      <c r="G115309" s="16">
        <v>0.77120335913849269</v>
      </c>
    </row>
    <row r="115310" spans="1:7" x14ac:dyDescent="0.3">
      <c r="A115310" s="13" t="s">
        <v>548</v>
      </c>
      <c r="B115310" s="14" t="s">
        <v>1</v>
      </c>
      <c r="C115310" s="14" t="s">
        <v>546</v>
      </c>
      <c r="D115310" s="14" t="s">
        <v>292</v>
      </c>
      <c r="E115310" s="15">
        <v>45711</v>
      </c>
      <c r="F115310" s="14" t="s">
        <v>61</v>
      </c>
      <c r="G115310" s="16">
        <v>0.77120335913849269</v>
      </c>
    </row>
    <row r="115311" spans="1:7" x14ac:dyDescent="0.3">
      <c r="A115311" s="13" t="s">
        <v>548</v>
      </c>
      <c r="B115311" s="14" t="s">
        <v>1</v>
      </c>
      <c r="C115311" s="14" t="s">
        <v>546</v>
      </c>
      <c r="D115311" s="14" t="s">
        <v>292</v>
      </c>
      <c r="E115311" s="15">
        <v>45712</v>
      </c>
      <c r="F115311" s="14" t="s">
        <v>61</v>
      </c>
      <c r="G115311" s="16">
        <v>0.76863612449204377</v>
      </c>
    </row>
    <row r="115312" spans="1:7" x14ac:dyDescent="0.3">
      <c r="A115312" s="13" t="s">
        <v>548</v>
      </c>
      <c r="B115312" s="14" t="s">
        <v>1</v>
      </c>
      <c r="C115312" s="14" t="s">
        <v>546</v>
      </c>
      <c r="D115312" s="14" t="s">
        <v>292</v>
      </c>
      <c r="E115312" s="15">
        <v>45713</v>
      </c>
      <c r="F115312" s="14" t="s">
        <v>61</v>
      </c>
      <c r="G115312" s="16">
        <v>0.75938627543687909</v>
      </c>
    </row>
    <row r="115313" spans="1:7" x14ac:dyDescent="0.3">
      <c r="A115313" s="13" t="s">
        <v>548</v>
      </c>
      <c r="B115313" s="14" t="s">
        <v>1</v>
      </c>
      <c r="C115313" s="14" t="s">
        <v>546</v>
      </c>
      <c r="D115313" s="14" t="s">
        <v>292</v>
      </c>
      <c r="E115313" s="15">
        <v>45714</v>
      </c>
      <c r="F115313" s="14" t="s">
        <v>61</v>
      </c>
      <c r="G115313" s="16">
        <v>0.75948761246777996</v>
      </c>
    </row>
    <row r="115314" spans="1:7" x14ac:dyDescent="0.3">
      <c r="A115314" s="13" t="s">
        <v>548</v>
      </c>
      <c r="B115314" s="14" t="s">
        <v>1</v>
      </c>
      <c r="C115314" s="14" t="s">
        <v>546</v>
      </c>
      <c r="D115314" s="14" t="s">
        <v>292</v>
      </c>
      <c r="E115314" s="15">
        <v>45715</v>
      </c>
      <c r="F115314" s="14" t="s">
        <v>61</v>
      </c>
      <c r="G115314" s="16">
        <v>0.76611144261117792</v>
      </c>
    </row>
    <row r="115315" spans="1:7" x14ac:dyDescent="0.3">
      <c r="A115315" s="13" t="s">
        <v>548</v>
      </c>
      <c r="B115315" s="14" t="s">
        <v>1</v>
      </c>
      <c r="C115315" s="14" t="s">
        <v>546</v>
      </c>
      <c r="D115315" s="14" t="s">
        <v>292</v>
      </c>
      <c r="E115315" s="15">
        <v>45716</v>
      </c>
      <c r="F115315" s="14" t="s">
        <v>61</v>
      </c>
      <c r="G115315" s="16">
        <v>0.76586274738468096</v>
      </c>
    </row>
    <row r="115316" spans="1:7" x14ac:dyDescent="0.3">
      <c r="A115316" s="13" t="s">
        <v>548</v>
      </c>
      <c r="B115316" s="14" t="s">
        <v>1</v>
      </c>
      <c r="C115316" s="14" t="s">
        <v>546</v>
      </c>
      <c r="D115316" s="14" t="s">
        <v>292</v>
      </c>
      <c r="E115316" s="15">
        <v>45717</v>
      </c>
      <c r="F115316" s="14" t="s">
        <v>61</v>
      </c>
      <c r="G115316" s="16">
        <v>0.76586274738468096</v>
      </c>
    </row>
    <row r="115317" spans="1:7" x14ac:dyDescent="0.3">
      <c r="A115317" s="13" t="s">
        <v>548</v>
      </c>
      <c r="B115317" s="14" t="s">
        <v>1</v>
      </c>
      <c r="C115317" s="14" t="s">
        <v>546</v>
      </c>
      <c r="D115317" s="14" t="s">
        <v>292</v>
      </c>
      <c r="E115317" s="15">
        <v>45718</v>
      </c>
      <c r="F115317" s="14" t="s">
        <v>61</v>
      </c>
      <c r="G115317" s="16">
        <v>0.76586274738468096</v>
      </c>
    </row>
    <row r="115318" spans="1:7" x14ac:dyDescent="0.3">
      <c r="A115318" s="13" t="s">
        <v>548</v>
      </c>
      <c r="B115318" s="14" t="s">
        <v>1</v>
      </c>
      <c r="C115318" s="14" t="s">
        <v>546</v>
      </c>
      <c r="D115318" s="14" t="s">
        <v>292</v>
      </c>
      <c r="E115318" s="15">
        <v>45719</v>
      </c>
      <c r="F115318" s="14" t="s">
        <v>61</v>
      </c>
      <c r="G115318" s="16">
        <v>0.75563184897698188</v>
      </c>
    </row>
    <row r="115319" spans="1:7" x14ac:dyDescent="0.3">
      <c r="A115319" s="13" t="s">
        <v>548</v>
      </c>
      <c r="B115319" s="14" t="s">
        <v>1</v>
      </c>
      <c r="C115319" s="14" t="s">
        <v>546</v>
      </c>
      <c r="D115319" s="14" t="s">
        <v>292</v>
      </c>
      <c r="E115319" s="15">
        <v>45720</v>
      </c>
      <c r="F115319" s="14" t="s">
        <v>61</v>
      </c>
      <c r="G115319" s="16">
        <v>0.74169934528833625</v>
      </c>
    </row>
    <row r="115320" spans="1:7" x14ac:dyDescent="0.3">
      <c r="A115320" s="13" t="s">
        <v>548</v>
      </c>
      <c r="B115320" s="14" t="s">
        <v>1</v>
      </c>
      <c r="C115320" s="14" t="s">
        <v>546</v>
      </c>
      <c r="D115320" s="14" t="s">
        <v>292</v>
      </c>
      <c r="E115320" s="15">
        <v>45721</v>
      </c>
      <c r="F115320" s="14" t="s">
        <v>61</v>
      </c>
      <c r="G115320" s="16">
        <v>0.72866324962264883</v>
      </c>
    </row>
    <row r="115321" spans="1:7" x14ac:dyDescent="0.3">
      <c r="A115321" s="13" t="s">
        <v>548</v>
      </c>
      <c r="B115321" s="14" t="s">
        <v>1</v>
      </c>
      <c r="C115321" s="14" t="s">
        <v>546</v>
      </c>
      <c r="D115321" s="14" t="s">
        <v>292</v>
      </c>
      <c r="E115321" s="15">
        <v>45722</v>
      </c>
      <c r="F115321" s="14" t="s">
        <v>61</v>
      </c>
      <c r="G115321" s="16">
        <v>0.73578682721973876</v>
      </c>
    </row>
    <row r="115322" spans="1:7" x14ac:dyDescent="0.3">
      <c r="A115322" s="13" t="s">
        <v>548</v>
      </c>
      <c r="B115322" s="14" t="s">
        <v>1</v>
      </c>
      <c r="C115322" s="14" t="s">
        <v>546</v>
      </c>
      <c r="D115322" s="14" t="s">
        <v>292</v>
      </c>
      <c r="E115322" s="15">
        <v>45723</v>
      </c>
      <c r="F115322" s="14" t="s">
        <v>61</v>
      </c>
      <c r="G115322" s="16">
        <v>0.73054651209091648</v>
      </c>
    </row>
    <row r="115323" spans="1:7" x14ac:dyDescent="0.3">
      <c r="A115323" s="13" t="s">
        <v>548</v>
      </c>
      <c r="B115323" s="14" t="s">
        <v>1</v>
      </c>
      <c r="C115323" s="14" t="s">
        <v>546</v>
      </c>
      <c r="D115323" s="14" t="s">
        <v>292</v>
      </c>
      <c r="E115323" s="15">
        <v>45724</v>
      </c>
      <c r="F115323" s="14" t="s">
        <v>61</v>
      </c>
      <c r="G115323" s="16">
        <v>0.73054651209091648</v>
      </c>
    </row>
    <row r="115324" spans="1:7" x14ac:dyDescent="0.3">
      <c r="A115324" s="13" t="s">
        <v>548</v>
      </c>
      <c r="B115324" s="14" t="s">
        <v>1</v>
      </c>
      <c r="C115324" s="14" t="s">
        <v>546</v>
      </c>
      <c r="D115324" s="14" t="s">
        <v>292</v>
      </c>
      <c r="E115324" s="15">
        <v>45725</v>
      </c>
      <c r="F115324" s="14" t="s">
        <v>61</v>
      </c>
      <c r="G115324" s="16">
        <v>0.73054651209091648</v>
      </c>
    </row>
    <row r="115325" spans="1:7" x14ac:dyDescent="0.3">
      <c r="A115325" s="13" t="s">
        <v>548</v>
      </c>
      <c r="B115325" s="14" t="s">
        <v>1</v>
      </c>
      <c r="C115325" s="14" t="s">
        <v>546</v>
      </c>
      <c r="D115325" s="14" t="s">
        <v>292</v>
      </c>
      <c r="E115325" s="15">
        <v>45726</v>
      </c>
      <c r="F115325" s="14" t="s">
        <v>61</v>
      </c>
      <c r="G115325" s="16">
        <v>0.72847246009108002</v>
      </c>
    </row>
    <row r="115326" spans="1:7" x14ac:dyDescent="0.3">
      <c r="A115326" s="13" t="s">
        <v>548</v>
      </c>
      <c r="B115326" s="14" t="s">
        <v>1</v>
      </c>
      <c r="C115326" s="14" t="s">
        <v>546</v>
      </c>
      <c r="D115326" s="14" t="s">
        <v>292</v>
      </c>
      <c r="E115326" s="15">
        <v>45727</v>
      </c>
      <c r="F115326" s="14" t="s">
        <v>61</v>
      </c>
      <c r="G115326" s="16">
        <v>0.71700199208130688</v>
      </c>
    </row>
    <row r="115327" spans="1:7" x14ac:dyDescent="0.3">
      <c r="A115327" s="13" t="s">
        <v>548</v>
      </c>
      <c r="B115327" s="14" t="s">
        <v>1</v>
      </c>
      <c r="C115327" s="14" t="s">
        <v>546</v>
      </c>
      <c r="D115327" s="14" t="s">
        <v>292</v>
      </c>
      <c r="E115327" s="15">
        <v>45728</v>
      </c>
      <c r="F115327" s="14" t="s">
        <v>61</v>
      </c>
      <c r="G115327" s="16">
        <v>0.71707790844134089</v>
      </c>
    </row>
    <row r="115328" spans="1:7" x14ac:dyDescent="0.3">
      <c r="A115328" s="13" t="s">
        <v>548</v>
      </c>
      <c r="B115328" s="14" t="s">
        <v>1</v>
      </c>
      <c r="C115328" s="14" t="s">
        <v>546</v>
      </c>
      <c r="D115328" s="14" t="s">
        <v>292</v>
      </c>
      <c r="E115328" s="15">
        <v>45729</v>
      </c>
      <c r="F115328" s="14" t="s">
        <v>61</v>
      </c>
      <c r="G115328" s="16">
        <v>0.73463490436462242</v>
      </c>
    </row>
    <row r="115329" spans="1:7" x14ac:dyDescent="0.3">
      <c r="A115329" s="13" t="s">
        <v>548</v>
      </c>
      <c r="B115329" s="14" t="s">
        <v>1</v>
      </c>
      <c r="C115329" s="14" t="s">
        <v>546</v>
      </c>
      <c r="D115329" s="14" t="s">
        <v>292</v>
      </c>
      <c r="E115329" s="15">
        <v>45730</v>
      </c>
      <c r="F115329" s="14" t="s">
        <v>61</v>
      </c>
      <c r="G115329" s="16">
        <v>0.73068013741932525</v>
      </c>
    </row>
    <row r="115330" spans="1:7" x14ac:dyDescent="0.3">
      <c r="A115330" s="13" t="s">
        <v>548</v>
      </c>
      <c r="B115330" s="14" t="s">
        <v>1</v>
      </c>
      <c r="C115330" s="14" t="s">
        <v>546</v>
      </c>
      <c r="D115330" s="14" t="s">
        <v>292</v>
      </c>
      <c r="E115330" s="15">
        <v>45731</v>
      </c>
      <c r="F115330" s="14" t="s">
        <v>61</v>
      </c>
      <c r="G115330" s="16">
        <v>0.73068013741932525</v>
      </c>
    </row>
    <row r="115331" spans="1:7" x14ac:dyDescent="0.3">
      <c r="A115331" s="13" t="s">
        <v>548</v>
      </c>
      <c r="B115331" s="14" t="s">
        <v>1</v>
      </c>
      <c r="C115331" s="14" t="s">
        <v>546</v>
      </c>
      <c r="D115331" s="14" t="s">
        <v>292</v>
      </c>
      <c r="E115331" s="15">
        <v>45732</v>
      </c>
      <c r="F115331" s="14" t="s">
        <v>61</v>
      </c>
      <c r="G115331" s="16">
        <v>0.73068013741932525</v>
      </c>
    </row>
    <row r="115332" spans="1:7" x14ac:dyDescent="0.3">
      <c r="A115332" s="13" t="s">
        <v>548</v>
      </c>
      <c r="B115332" s="14" t="s">
        <v>1</v>
      </c>
      <c r="C115332" s="14" t="s">
        <v>546</v>
      </c>
      <c r="D115332" s="14" t="s">
        <v>292</v>
      </c>
      <c r="E115332" s="15">
        <v>45733</v>
      </c>
      <c r="F115332" s="14" t="s">
        <v>61</v>
      </c>
      <c r="G115332" s="16">
        <v>0.73068013741932525</v>
      </c>
    </row>
    <row r="115333" spans="1:7" x14ac:dyDescent="0.3">
      <c r="A115333" s="13" t="s">
        <v>548</v>
      </c>
      <c r="B115333" s="14" t="s">
        <v>1</v>
      </c>
      <c r="C115333" s="14" t="s">
        <v>546</v>
      </c>
      <c r="D115333" s="14" t="s">
        <v>292</v>
      </c>
      <c r="E115333" s="15">
        <v>45734</v>
      </c>
      <c r="F115333" s="14" t="s">
        <v>61</v>
      </c>
      <c r="G115333" s="16">
        <v>0.72453434463292776</v>
      </c>
    </row>
    <row r="115334" spans="1:7" x14ac:dyDescent="0.3">
      <c r="A115334" s="13" t="s">
        <v>548</v>
      </c>
      <c r="B115334" s="14" t="s">
        <v>1</v>
      </c>
      <c r="C115334" s="14" t="s">
        <v>546</v>
      </c>
      <c r="D115334" s="14" t="s">
        <v>292</v>
      </c>
      <c r="E115334" s="15">
        <v>45735</v>
      </c>
      <c r="F115334" s="14" t="s">
        <v>61</v>
      </c>
      <c r="G115334" s="16">
        <v>0.72621573311577303</v>
      </c>
    </row>
    <row r="115335" spans="1:7" x14ac:dyDescent="0.3">
      <c r="A115335" s="13" t="s">
        <v>548</v>
      </c>
      <c r="B115335" s="14" t="s">
        <v>1</v>
      </c>
      <c r="C115335" s="14" t="s">
        <v>546</v>
      </c>
      <c r="D115335" s="14" t="s">
        <v>292</v>
      </c>
      <c r="E115335" s="15">
        <v>45736</v>
      </c>
      <c r="F115335" s="14" t="s">
        <v>61</v>
      </c>
      <c r="G115335" s="16">
        <v>0.72747029233575122</v>
      </c>
    </row>
    <row r="115336" spans="1:7" x14ac:dyDescent="0.3">
      <c r="A115336" s="13" t="s">
        <v>548</v>
      </c>
      <c r="B115336" s="14" t="s">
        <v>1</v>
      </c>
      <c r="C115336" s="14" t="s">
        <v>546</v>
      </c>
      <c r="D115336" s="14" t="s">
        <v>292</v>
      </c>
      <c r="E115336" s="15">
        <v>45737</v>
      </c>
      <c r="F115336" s="14" t="s">
        <v>61</v>
      </c>
      <c r="G115336" s="16">
        <v>0.72800875153077738</v>
      </c>
    </row>
    <row r="115337" spans="1:7" x14ac:dyDescent="0.3">
      <c r="A115337" s="13" t="s">
        <v>548</v>
      </c>
      <c r="B115337" s="14" t="s">
        <v>1</v>
      </c>
      <c r="C115337" s="14" t="s">
        <v>546</v>
      </c>
      <c r="D115337" s="14" t="s">
        <v>292</v>
      </c>
      <c r="E115337" s="15">
        <v>45738</v>
      </c>
      <c r="F115337" s="14" t="s">
        <v>61</v>
      </c>
      <c r="G115337" s="16">
        <v>0.72800875153077738</v>
      </c>
    </row>
    <row r="115338" spans="1:7" x14ac:dyDescent="0.3">
      <c r="A115338" s="13" t="s">
        <v>548</v>
      </c>
      <c r="B115338" s="14" t="s">
        <v>1</v>
      </c>
      <c r="C115338" s="14" t="s">
        <v>546</v>
      </c>
      <c r="D115338" s="14" t="s">
        <v>292</v>
      </c>
      <c r="E115338" s="15">
        <v>45739</v>
      </c>
      <c r="F115338" s="14" t="s">
        <v>61</v>
      </c>
      <c r="G115338" s="16">
        <v>0.72800875153077738</v>
      </c>
    </row>
    <row r="115339" spans="1:7" x14ac:dyDescent="0.3">
      <c r="A115339" s="13" t="s">
        <v>548</v>
      </c>
      <c r="B115339" s="14" t="s">
        <v>1</v>
      </c>
      <c r="C115339" s="14" t="s">
        <v>546</v>
      </c>
      <c r="D115339" s="14" t="s">
        <v>292</v>
      </c>
      <c r="E115339" s="15">
        <v>45740</v>
      </c>
      <c r="F115339" s="14" t="s">
        <v>61</v>
      </c>
      <c r="G115339" s="16">
        <v>0.72693165431335294</v>
      </c>
    </row>
    <row r="115340" spans="1:7" x14ac:dyDescent="0.3">
      <c r="A115340" s="13" t="s">
        <v>548</v>
      </c>
      <c r="B115340" s="14" t="s">
        <v>1</v>
      </c>
      <c r="C115340" s="14" t="s">
        <v>546</v>
      </c>
      <c r="D115340" s="14" t="s">
        <v>292</v>
      </c>
      <c r="E115340" s="15">
        <v>45741</v>
      </c>
      <c r="F115340" s="14" t="s">
        <v>61</v>
      </c>
      <c r="G115340" s="16">
        <v>0.72161681970080072</v>
      </c>
    </row>
    <row r="115341" spans="1:7" x14ac:dyDescent="0.3">
      <c r="A115341" s="13" t="s">
        <v>548</v>
      </c>
      <c r="B115341" s="14" t="s">
        <v>1</v>
      </c>
      <c r="C115341" s="14" t="s">
        <v>546</v>
      </c>
      <c r="D115341" s="14" t="s">
        <v>292</v>
      </c>
      <c r="E115341" s="15">
        <v>45742</v>
      </c>
      <c r="F115341" s="14" t="s">
        <v>61</v>
      </c>
      <c r="G115341" s="16">
        <v>0.72211024186515949</v>
      </c>
    </row>
    <row r="115342" spans="1:7" x14ac:dyDescent="0.3">
      <c r="A115342" s="13" t="s">
        <v>548</v>
      </c>
      <c r="B115342" s="14" t="s">
        <v>1</v>
      </c>
      <c r="C115342" s="14" t="s">
        <v>546</v>
      </c>
      <c r="D115342" s="14" t="s">
        <v>292</v>
      </c>
      <c r="E115342" s="15">
        <v>45743</v>
      </c>
      <c r="F115342" s="14" t="s">
        <v>61</v>
      </c>
      <c r="G115342" s="16">
        <v>0.71803304332164075</v>
      </c>
    </row>
    <row r="115343" spans="1:7" x14ac:dyDescent="0.3">
      <c r="A115343" s="13" t="s">
        <v>548</v>
      </c>
      <c r="B115343" s="14" t="s">
        <v>1</v>
      </c>
      <c r="C115343" s="14" t="s">
        <v>546</v>
      </c>
      <c r="D115343" s="14" t="s">
        <v>292</v>
      </c>
      <c r="E115343" s="15">
        <v>45744</v>
      </c>
      <c r="F115343" s="14" t="s">
        <v>61</v>
      </c>
      <c r="G115343" s="16">
        <v>0.71422960517313661</v>
      </c>
    </row>
    <row r="115344" spans="1:7" x14ac:dyDescent="0.3">
      <c r="A115344" s="13" t="s">
        <v>548</v>
      </c>
      <c r="B115344" s="14" t="s">
        <v>1</v>
      </c>
      <c r="C115344" s="14" t="s">
        <v>546</v>
      </c>
      <c r="D115344" s="14" t="s">
        <v>292</v>
      </c>
      <c r="E115344" s="15">
        <v>45745</v>
      </c>
      <c r="F115344" s="14" t="s">
        <v>61</v>
      </c>
      <c r="G115344" s="16">
        <v>0.71422960517313661</v>
      </c>
    </row>
    <row r="115345" spans="1:7" x14ac:dyDescent="0.3">
      <c r="A115345" s="13" t="s">
        <v>548</v>
      </c>
      <c r="B115345" s="14" t="s">
        <v>1</v>
      </c>
      <c r="C115345" s="14" t="s">
        <v>546</v>
      </c>
      <c r="D115345" s="14" t="s">
        <v>292</v>
      </c>
      <c r="E115345" s="15">
        <v>45746</v>
      </c>
      <c r="F115345" s="14" t="s">
        <v>61</v>
      </c>
      <c r="G115345" s="16">
        <v>0.71422960517313661</v>
      </c>
    </row>
    <row r="115346" spans="1:7" x14ac:dyDescent="0.3">
      <c r="A115346" s="13" t="s">
        <v>548</v>
      </c>
      <c r="B115346" s="14" t="s">
        <v>1</v>
      </c>
      <c r="C115346" s="14" t="s">
        <v>546</v>
      </c>
      <c r="D115346" s="14" t="s">
        <v>292</v>
      </c>
      <c r="E115346" s="15">
        <v>45747</v>
      </c>
      <c r="F115346" s="14" t="s">
        <v>61</v>
      </c>
      <c r="G115346" s="16">
        <v>0.71422960517313661</v>
      </c>
    </row>
    <row r="115347" spans="1:7" x14ac:dyDescent="0.3">
      <c r="A115347" s="13" t="s">
        <v>549</v>
      </c>
      <c r="B115347" s="14" t="s">
        <v>1</v>
      </c>
      <c r="C115347" s="14" t="s">
        <v>546</v>
      </c>
      <c r="D115347" s="14" t="s">
        <v>550</v>
      </c>
      <c r="E115347" s="15">
        <v>45383</v>
      </c>
      <c r="F115347" s="14" t="s">
        <v>61</v>
      </c>
      <c r="G115347" s="16">
        <v>0</v>
      </c>
    </row>
    <row r="115348" spans="1:7" x14ac:dyDescent="0.3">
      <c r="A115348" s="13" t="s">
        <v>549</v>
      </c>
      <c r="B115348" s="14" t="s">
        <v>1</v>
      </c>
      <c r="C115348" s="14" t="s">
        <v>546</v>
      </c>
      <c r="D115348" s="14" t="s">
        <v>550</v>
      </c>
      <c r="E115348" s="15">
        <v>45384</v>
      </c>
      <c r="F115348" s="14" t="s">
        <v>61</v>
      </c>
      <c r="G115348" s="16">
        <v>0</v>
      </c>
    </row>
    <row r="115349" spans="1:7" x14ac:dyDescent="0.3">
      <c r="A115349" s="13" t="s">
        <v>549</v>
      </c>
      <c r="B115349" s="14" t="s">
        <v>1</v>
      </c>
      <c r="C115349" s="14" t="s">
        <v>546</v>
      </c>
      <c r="D115349" s="14" t="s">
        <v>550</v>
      </c>
      <c r="E115349" s="15">
        <v>45385</v>
      </c>
      <c r="F115349" s="14" t="s">
        <v>61</v>
      </c>
      <c r="G115349" s="16">
        <v>0</v>
      </c>
    </row>
    <row r="115350" spans="1:7" x14ac:dyDescent="0.3">
      <c r="A115350" s="13" t="s">
        <v>549</v>
      </c>
      <c r="B115350" s="14" t="s">
        <v>1</v>
      </c>
      <c r="C115350" s="14" t="s">
        <v>546</v>
      </c>
      <c r="D115350" s="14" t="s">
        <v>550</v>
      </c>
      <c r="E115350" s="15">
        <v>45386</v>
      </c>
      <c r="F115350" s="14" t="s">
        <v>61</v>
      </c>
      <c r="G115350" s="16">
        <v>0</v>
      </c>
    </row>
    <row r="115351" spans="1:7" x14ac:dyDescent="0.3">
      <c r="A115351" s="13" t="s">
        <v>549</v>
      </c>
      <c r="B115351" s="14" t="s">
        <v>1</v>
      </c>
      <c r="C115351" s="14" t="s">
        <v>546</v>
      </c>
      <c r="D115351" s="14" t="s">
        <v>550</v>
      </c>
      <c r="E115351" s="15">
        <v>45387</v>
      </c>
      <c r="F115351" s="14" t="s">
        <v>61</v>
      </c>
      <c r="G115351" s="16">
        <v>0</v>
      </c>
    </row>
    <row r="115352" spans="1:7" x14ac:dyDescent="0.3">
      <c r="A115352" s="13" t="s">
        <v>549</v>
      </c>
      <c r="B115352" s="14" t="s">
        <v>1</v>
      </c>
      <c r="C115352" s="14" t="s">
        <v>546</v>
      </c>
      <c r="D115352" s="14" t="s">
        <v>550</v>
      </c>
      <c r="E115352" s="15">
        <v>45388</v>
      </c>
      <c r="F115352" s="14" t="s">
        <v>61</v>
      </c>
      <c r="G115352" s="16">
        <v>0</v>
      </c>
    </row>
    <row r="115353" spans="1:7" x14ac:dyDescent="0.3">
      <c r="A115353" s="13" t="s">
        <v>549</v>
      </c>
      <c r="B115353" s="14" t="s">
        <v>1</v>
      </c>
      <c r="C115353" s="14" t="s">
        <v>546</v>
      </c>
      <c r="D115353" s="14" t="s">
        <v>550</v>
      </c>
      <c r="E115353" s="15">
        <v>45389</v>
      </c>
      <c r="F115353" s="14" t="s">
        <v>61</v>
      </c>
      <c r="G115353" s="16">
        <v>0</v>
      </c>
    </row>
    <row r="115354" spans="1:7" x14ac:dyDescent="0.3">
      <c r="A115354" s="13" t="s">
        <v>549</v>
      </c>
      <c r="B115354" s="14" t="s">
        <v>1</v>
      </c>
      <c r="C115354" s="14" t="s">
        <v>546</v>
      </c>
      <c r="D115354" s="14" t="s">
        <v>550</v>
      </c>
      <c r="E115354" s="15">
        <v>45390</v>
      </c>
      <c r="F115354" s="14" t="s">
        <v>61</v>
      </c>
      <c r="G115354" s="16">
        <v>0</v>
      </c>
    </row>
    <row r="115355" spans="1:7" x14ac:dyDescent="0.3">
      <c r="A115355" s="13" t="s">
        <v>549</v>
      </c>
      <c r="B115355" s="14" t="s">
        <v>1</v>
      </c>
      <c r="C115355" s="14" t="s">
        <v>546</v>
      </c>
      <c r="D115355" s="14" t="s">
        <v>550</v>
      </c>
      <c r="E115355" s="15">
        <v>45391</v>
      </c>
      <c r="F115355" s="14" t="s">
        <v>61</v>
      </c>
      <c r="G115355" s="16">
        <v>3.7514557894736834E-3</v>
      </c>
    </row>
    <row r="115356" spans="1:7" x14ac:dyDescent="0.3">
      <c r="A115356" s="13" t="s">
        <v>549</v>
      </c>
      <c r="B115356" s="14" t="s">
        <v>1</v>
      </c>
      <c r="C115356" s="14" t="s">
        <v>546</v>
      </c>
      <c r="D115356" s="14" t="s">
        <v>550</v>
      </c>
      <c r="E115356" s="15">
        <v>45392</v>
      </c>
      <c r="F115356" s="14" t="s">
        <v>61</v>
      </c>
      <c r="G115356" s="16">
        <v>2.3221010526315771E-3</v>
      </c>
    </row>
    <row r="115357" spans="1:7" x14ac:dyDescent="0.3">
      <c r="A115357" s="13" t="s">
        <v>549</v>
      </c>
      <c r="B115357" s="14" t="s">
        <v>1</v>
      </c>
      <c r="C115357" s="14" t="s">
        <v>546</v>
      </c>
      <c r="D115357" s="14" t="s">
        <v>550</v>
      </c>
      <c r="E115357" s="15">
        <v>45393</v>
      </c>
      <c r="F115357" s="14" t="s">
        <v>61</v>
      </c>
      <c r="G115357" s="16">
        <v>8.4379578947368255E-4</v>
      </c>
    </row>
    <row r="115358" spans="1:7" x14ac:dyDescent="0.3">
      <c r="A115358" s="13" t="s">
        <v>549</v>
      </c>
      <c r="B115358" s="14" t="s">
        <v>1</v>
      </c>
      <c r="C115358" s="14" t="s">
        <v>546</v>
      </c>
      <c r="D115358" s="14" t="s">
        <v>550</v>
      </c>
      <c r="E115358" s="15">
        <v>45394</v>
      </c>
      <c r="F115358" s="14" t="s">
        <v>61</v>
      </c>
      <c r="G115358" s="16">
        <v>0</v>
      </c>
    </row>
    <row r="115359" spans="1:7" x14ac:dyDescent="0.3">
      <c r="A115359" s="13" t="s">
        <v>549</v>
      </c>
      <c r="B115359" s="14" t="s">
        <v>1</v>
      </c>
      <c r="C115359" s="14" t="s">
        <v>546</v>
      </c>
      <c r="D115359" s="14" t="s">
        <v>550</v>
      </c>
      <c r="E115359" s="15">
        <v>45395</v>
      </c>
      <c r="F115359" s="14" t="s">
        <v>61</v>
      </c>
      <c r="G115359" s="16">
        <v>0</v>
      </c>
    </row>
    <row r="115360" spans="1:7" x14ac:dyDescent="0.3">
      <c r="A115360" s="13" t="s">
        <v>549</v>
      </c>
      <c r="B115360" s="14" t="s">
        <v>1</v>
      </c>
      <c r="C115360" s="14" t="s">
        <v>546</v>
      </c>
      <c r="D115360" s="14" t="s">
        <v>550</v>
      </c>
      <c r="E115360" s="15">
        <v>45396</v>
      </c>
      <c r="F115360" s="14" t="s">
        <v>61</v>
      </c>
      <c r="G115360" s="16">
        <v>0</v>
      </c>
    </row>
    <row r="115361" spans="1:7" x14ac:dyDescent="0.3">
      <c r="A115361" s="13" t="s">
        <v>549</v>
      </c>
      <c r="B115361" s="14" t="s">
        <v>1</v>
      </c>
      <c r="C115361" s="14" t="s">
        <v>546</v>
      </c>
      <c r="D115361" s="14" t="s">
        <v>550</v>
      </c>
      <c r="E115361" s="15">
        <v>45397</v>
      </c>
      <c r="F115361" s="14" t="s">
        <v>61</v>
      </c>
      <c r="G115361" s="16">
        <v>0</v>
      </c>
    </row>
    <row r="115362" spans="1:7" x14ac:dyDescent="0.3">
      <c r="A115362" s="13" t="s">
        <v>549</v>
      </c>
      <c r="B115362" s="14" t="s">
        <v>1</v>
      </c>
      <c r="C115362" s="14" t="s">
        <v>546</v>
      </c>
      <c r="D115362" s="14" t="s">
        <v>550</v>
      </c>
      <c r="E115362" s="15">
        <v>45398</v>
      </c>
      <c r="F115362" s="14" t="s">
        <v>61</v>
      </c>
      <c r="G115362" s="16">
        <v>0</v>
      </c>
    </row>
    <row r="115363" spans="1:7" x14ac:dyDescent="0.3">
      <c r="A115363" s="13" t="s">
        <v>549</v>
      </c>
      <c r="B115363" s="14" t="s">
        <v>1</v>
      </c>
      <c r="C115363" s="14" t="s">
        <v>546</v>
      </c>
      <c r="D115363" s="14" t="s">
        <v>550</v>
      </c>
      <c r="E115363" s="15">
        <v>45399</v>
      </c>
      <c r="F115363" s="14" t="s">
        <v>61</v>
      </c>
      <c r="G115363" s="16">
        <v>0</v>
      </c>
    </row>
    <row r="115364" spans="1:7" x14ac:dyDescent="0.3">
      <c r="A115364" s="13" t="s">
        <v>549</v>
      </c>
      <c r="B115364" s="14" t="s">
        <v>1</v>
      </c>
      <c r="C115364" s="14" t="s">
        <v>546</v>
      </c>
      <c r="D115364" s="14" t="s">
        <v>550</v>
      </c>
      <c r="E115364" s="15">
        <v>45400</v>
      </c>
      <c r="F115364" s="14" t="s">
        <v>61</v>
      </c>
      <c r="G115364" s="16">
        <v>0</v>
      </c>
    </row>
    <row r="115365" spans="1:7" x14ac:dyDescent="0.3">
      <c r="A115365" s="13" t="s">
        <v>549</v>
      </c>
      <c r="B115365" s="14" t="s">
        <v>1</v>
      </c>
      <c r="C115365" s="14" t="s">
        <v>546</v>
      </c>
      <c r="D115365" s="14" t="s">
        <v>550</v>
      </c>
      <c r="E115365" s="15">
        <v>45401</v>
      </c>
      <c r="F115365" s="14" t="s">
        <v>61</v>
      </c>
      <c r="G115365" s="16">
        <v>0</v>
      </c>
    </row>
    <row r="115366" spans="1:7" x14ac:dyDescent="0.3">
      <c r="A115366" s="13" t="s">
        <v>549</v>
      </c>
      <c r="B115366" s="14" t="s">
        <v>1</v>
      </c>
      <c r="C115366" s="14" t="s">
        <v>546</v>
      </c>
      <c r="D115366" s="14" t="s">
        <v>550</v>
      </c>
      <c r="E115366" s="15">
        <v>45402</v>
      </c>
      <c r="F115366" s="14" t="s">
        <v>61</v>
      </c>
      <c r="G115366" s="16">
        <v>0</v>
      </c>
    </row>
    <row r="115367" spans="1:7" x14ac:dyDescent="0.3">
      <c r="A115367" s="13" t="s">
        <v>549</v>
      </c>
      <c r="B115367" s="14" t="s">
        <v>1</v>
      </c>
      <c r="C115367" s="14" t="s">
        <v>546</v>
      </c>
      <c r="D115367" s="14" t="s">
        <v>550</v>
      </c>
      <c r="E115367" s="15">
        <v>45403</v>
      </c>
      <c r="F115367" s="14" t="s">
        <v>61</v>
      </c>
      <c r="G115367" s="16">
        <v>0</v>
      </c>
    </row>
    <row r="115368" spans="1:7" x14ac:dyDescent="0.3">
      <c r="A115368" s="13" t="s">
        <v>549</v>
      </c>
      <c r="B115368" s="14" t="s">
        <v>1</v>
      </c>
      <c r="C115368" s="14" t="s">
        <v>546</v>
      </c>
      <c r="D115368" s="14" t="s">
        <v>550</v>
      </c>
      <c r="E115368" s="15">
        <v>45404</v>
      </c>
      <c r="F115368" s="14" t="s">
        <v>61</v>
      </c>
      <c r="G115368" s="16">
        <v>0</v>
      </c>
    </row>
    <row r="115369" spans="1:7" x14ac:dyDescent="0.3">
      <c r="A115369" s="13" t="s">
        <v>549</v>
      </c>
      <c r="B115369" s="14" t="s">
        <v>1</v>
      </c>
      <c r="C115369" s="14" t="s">
        <v>546</v>
      </c>
      <c r="D115369" s="14" t="s">
        <v>550</v>
      </c>
      <c r="E115369" s="15">
        <v>45405</v>
      </c>
      <c r="F115369" s="14" t="s">
        <v>61</v>
      </c>
      <c r="G115369" s="16">
        <v>0</v>
      </c>
    </row>
    <row r="115370" spans="1:7" x14ac:dyDescent="0.3">
      <c r="A115370" s="13" t="s">
        <v>549</v>
      </c>
      <c r="B115370" s="14" t="s">
        <v>1</v>
      </c>
      <c r="C115370" s="14" t="s">
        <v>546</v>
      </c>
      <c r="D115370" s="14" t="s">
        <v>550</v>
      </c>
      <c r="E115370" s="15">
        <v>45406</v>
      </c>
      <c r="F115370" s="14" t="s">
        <v>61</v>
      </c>
      <c r="G115370" s="16">
        <v>0</v>
      </c>
    </row>
    <row r="115371" spans="1:7" x14ac:dyDescent="0.3">
      <c r="A115371" s="13" t="s">
        <v>549</v>
      </c>
      <c r="B115371" s="14" t="s">
        <v>1</v>
      </c>
      <c r="C115371" s="14" t="s">
        <v>546</v>
      </c>
      <c r="D115371" s="14" t="s">
        <v>550</v>
      </c>
      <c r="E115371" s="15">
        <v>45407</v>
      </c>
      <c r="F115371" s="14" t="s">
        <v>61</v>
      </c>
      <c r="G115371" s="16">
        <v>0</v>
      </c>
    </row>
    <row r="115372" spans="1:7" x14ac:dyDescent="0.3">
      <c r="A115372" s="13" t="s">
        <v>549</v>
      </c>
      <c r="B115372" s="14" t="s">
        <v>1</v>
      </c>
      <c r="C115372" s="14" t="s">
        <v>546</v>
      </c>
      <c r="D115372" s="14" t="s">
        <v>550</v>
      </c>
      <c r="E115372" s="15">
        <v>45408</v>
      </c>
      <c r="F115372" s="14" t="s">
        <v>61</v>
      </c>
      <c r="G115372" s="16">
        <v>0</v>
      </c>
    </row>
    <row r="115373" spans="1:7" x14ac:dyDescent="0.3">
      <c r="A115373" s="13" t="s">
        <v>549</v>
      </c>
      <c r="B115373" s="14" t="s">
        <v>1</v>
      </c>
      <c r="C115373" s="14" t="s">
        <v>546</v>
      </c>
      <c r="D115373" s="14" t="s">
        <v>550</v>
      </c>
      <c r="E115373" s="15">
        <v>45409</v>
      </c>
      <c r="F115373" s="14" t="s">
        <v>61</v>
      </c>
      <c r="G115373" s="16">
        <v>0</v>
      </c>
    </row>
    <row r="115374" spans="1:7" x14ac:dyDescent="0.3">
      <c r="A115374" s="13" t="s">
        <v>549</v>
      </c>
      <c r="B115374" s="14" t="s">
        <v>1</v>
      </c>
      <c r="C115374" s="14" t="s">
        <v>546</v>
      </c>
      <c r="D115374" s="14" t="s">
        <v>550</v>
      </c>
      <c r="E115374" s="15">
        <v>45410</v>
      </c>
      <c r="F115374" s="14" t="s">
        <v>61</v>
      </c>
      <c r="G115374" s="16">
        <v>0</v>
      </c>
    </row>
    <row r="115375" spans="1:7" x14ac:dyDescent="0.3">
      <c r="A115375" s="13" t="s">
        <v>549</v>
      </c>
      <c r="B115375" s="14" t="s">
        <v>1</v>
      </c>
      <c r="C115375" s="14" t="s">
        <v>546</v>
      </c>
      <c r="D115375" s="14" t="s">
        <v>550</v>
      </c>
      <c r="E115375" s="15">
        <v>45411</v>
      </c>
      <c r="F115375" s="14" t="s">
        <v>61</v>
      </c>
      <c r="G115375" s="16">
        <v>0</v>
      </c>
    </row>
    <row r="115376" spans="1:7" x14ac:dyDescent="0.3">
      <c r="A115376" s="13" t="s">
        <v>549</v>
      </c>
      <c r="B115376" s="14" t="s">
        <v>1</v>
      </c>
      <c r="C115376" s="14" t="s">
        <v>546</v>
      </c>
      <c r="D115376" s="14" t="s">
        <v>550</v>
      </c>
      <c r="E115376" s="15">
        <v>45412</v>
      </c>
      <c r="F115376" s="14" t="s">
        <v>61</v>
      </c>
      <c r="G115376" s="16">
        <v>0</v>
      </c>
    </row>
    <row r="115377" spans="1:7" x14ac:dyDescent="0.3">
      <c r="A115377" s="13" t="s">
        <v>549</v>
      </c>
      <c r="B115377" s="14" t="s">
        <v>1</v>
      </c>
      <c r="C115377" s="14" t="s">
        <v>546</v>
      </c>
      <c r="D115377" s="14" t="s">
        <v>550</v>
      </c>
      <c r="E115377" s="15">
        <v>45413</v>
      </c>
      <c r="F115377" s="14" t="s">
        <v>61</v>
      </c>
      <c r="G115377" s="16">
        <v>0</v>
      </c>
    </row>
    <row r="115378" spans="1:7" x14ac:dyDescent="0.3">
      <c r="A115378" s="13" t="s">
        <v>549</v>
      </c>
      <c r="B115378" s="14" t="s">
        <v>1</v>
      </c>
      <c r="C115378" s="14" t="s">
        <v>546</v>
      </c>
      <c r="D115378" s="14" t="s">
        <v>550</v>
      </c>
      <c r="E115378" s="15">
        <v>45414</v>
      </c>
      <c r="F115378" s="14" t="s">
        <v>61</v>
      </c>
      <c r="G115378" s="16">
        <v>0</v>
      </c>
    </row>
    <row r="115379" spans="1:7" x14ac:dyDescent="0.3">
      <c r="A115379" s="13" t="s">
        <v>549</v>
      </c>
      <c r="B115379" s="14" t="s">
        <v>1</v>
      </c>
      <c r="C115379" s="14" t="s">
        <v>546</v>
      </c>
      <c r="D115379" s="14" t="s">
        <v>550</v>
      </c>
      <c r="E115379" s="15">
        <v>45415</v>
      </c>
      <c r="F115379" s="14" t="s">
        <v>61</v>
      </c>
      <c r="G115379" s="16">
        <v>0</v>
      </c>
    </row>
    <row r="115380" spans="1:7" x14ac:dyDescent="0.3">
      <c r="A115380" s="13" t="s">
        <v>549</v>
      </c>
      <c r="B115380" s="14" t="s">
        <v>1</v>
      </c>
      <c r="C115380" s="14" t="s">
        <v>546</v>
      </c>
      <c r="D115380" s="14" t="s">
        <v>550</v>
      </c>
      <c r="E115380" s="15">
        <v>45416</v>
      </c>
      <c r="F115380" s="14" t="s">
        <v>61</v>
      </c>
      <c r="G115380" s="16">
        <v>0</v>
      </c>
    </row>
    <row r="115381" spans="1:7" x14ac:dyDescent="0.3">
      <c r="A115381" s="13" t="s">
        <v>549</v>
      </c>
      <c r="B115381" s="14" t="s">
        <v>1</v>
      </c>
      <c r="C115381" s="14" t="s">
        <v>546</v>
      </c>
      <c r="D115381" s="14" t="s">
        <v>550</v>
      </c>
      <c r="E115381" s="15">
        <v>45417</v>
      </c>
      <c r="F115381" s="14" t="s">
        <v>61</v>
      </c>
      <c r="G115381" s="16">
        <v>0</v>
      </c>
    </row>
    <row r="115382" spans="1:7" x14ac:dyDescent="0.3">
      <c r="A115382" s="13" t="s">
        <v>549</v>
      </c>
      <c r="B115382" s="14" t="s">
        <v>1</v>
      </c>
      <c r="C115382" s="14" t="s">
        <v>546</v>
      </c>
      <c r="D115382" s="14" t="s">
        <v>550</v>
      </c>
      <c r="E115382" s="15">
        <v>45418</v>
      </c>
      <c r="F115382" s="14" t="s">
        <v>61</v>
      </c>
      <c r="G115382" s="16">
        <v>0</v>
      </c>
    </row>
    <row r="115383" spans="1:7" x14ac:dyDescent="0.3">
      <c r="A115383" s="13" t="s">
        <v>549</v>
      </c>
      <c r="B115383" s="14" t="s">
        <v>1</v>
      </c>
      <c r="C115383" s="14" t="s">
        <v>546</v>
      </c>
      <c r="D115383" s="14" t="s">
        <v>550</v>
      </c>
      <c r="E115383" s="15">
        <v>45419</v>
      </c>
      <c r="F115383" s="14" t="s">
        <v>61</v>
      </c>
      <c r="G115383" s="16">
        <v>6.9964631578947707E-3</v>
      </c>
    </row>
    <row r="115384" spans="1:7" x14ac:dyDescent="0.3">
      <c r="A115384" s="13" t="s">
        <v>549</v>
      </c>
      <c r="B115384" s="14" t="s">
        <v>1</v>
      </c>
      <c r="C115384" s="14" t="s">
        <v>546</v>
      </c>
      <c r="D115384" s="14" t="s">
        <v>550</v>
      </c>
      <c r="E115384" s="15">
        <v>45420</v>
      </c>
      <c r="F115384" s="14" t="s">
        <v>61</v>
      </c>
      <c r="G115384" s="16">
        <v>3.329136842105592E-4</v>
      </c>
    </row>
    <row r="115385" spans="1:7" x14ac:dyDescent="0.3">
      <c r="A115385" s="13" t="s">
        <v>549</v>
      </c>
      <c r="B115385" s="14" t="s">
        <v>1</v>
      </c>
      <c r="C115385" s="14" t="s">
        <v>546</v>
      </c>
      <c r="D115385" s="14" t="s">
        <v>550</v>
      </c>
      <c r="E115385" s="15">
        <v>45421</v>
      </c>
      <c r="F115385" s="14" t="s">
        <v>61</v>
      </c>
      <c r="G115385" s="16">
        <v>0</v>
      </c>
    </row>
    <row r="115386" spans="1:7" x14ac:dyDescent="0.3">
      <c r="A115386" s="13" t="s">
        <v>549</v>
      </c>
      <c r="B115386" s="14" t="s">
        <v>1</v>
      </c>
      <c r="C115386" s="14" t="s">
        <v>546</v>
      </c>
      <c r="D115386" s="14" t="s">
        <v>550</v>
      </c>
      <c r="E115386" s="15">
        <v>45422</v>
      </c>
      <c r="F115386" s="14" t="s">
        <v>61</v>
      </c>
      <c r="G115386" s="16">
        <v>0</v>
      </c>
    </row>
    <row r="115387" spans="1:7" x14ac:dyDescent="0.3">
      <c r="A115387" s="13" t="s">
        <v>549</v>
      </c>
      <c r="B115387" s="14" t="s">
        <v>1</v>
      </c>
      <c r="C115387" s="14" t="s">
        <v>546</v>
      </c>
      <c r="D115387" s="14" t="s">
        <v>550</v>
      </c>
      <c r="E115387" s="15">
        <v>45423</v>
      </c>
      <c r="F115387" s="14" t="s">
        <v>61</v>
      </c>
      <c r="G115387" s="16">
        <v>0</v>
      </c>
    </row>
    <row r="115388" spans="1:7" x14ac:dyDescent="0.3">
      <c r="A115388" s="13" t="s">
        <v>549</v>
      </c>
      <c r="B115388" s="14" t="s">
        <v>1</v>
      </c>
      <c r="C115388" s="14" t="s">
        <v>546</v>
      </c>
      <c r="D115388" s="14" t="s">
        <v>550</v>
      </c>
      <c r="E115388" s="15">
        <v>45424</v>
      </c>
      <c r="F115388" s="14" t="s">
        <v>61</v>
      </c>
      <c r="G115388" s="16">
        <v>0</v>
      </c>
    </row>
    <row r="115389" spans="1:7" x14ac:dyDescent="0.3">
      <c r="A115389" s="13" t="s">
        <v>549</v>
      </c>
      <c r="B115389" s="14" t="s">
        <v>1</v>
      </c>
      <c r="C115389" s="14" t="s">
        <v>546</v>
      </c>
      <c r="D115389" s="14" t="s">
        <v>550</v>
      </c>
      <c r="E115389" s="15">
        <v>45425</v>
      </c>
      <c r="F115389" s="14" t="s">
        <v>61</v>
      </c>
      <c r="G115389" s="16">
        <v>0</v>
      </c>
    </row>
    <row r="115390" spans="1:7" x14ac:dyDescent="0.3">
      <c r="A115390" s="13" t="s">
        <v>549</v>
      </c>
      <c r="B115390" s="14" t="s">
        <v>1</v>
      </c>
      <c r="C115390" s="14" t="s">
        <v>546</v>
      </c>
      <c r="D115390" s="14" t="s">
        <v>550</v>
      </c>
      <c r="E115390" s="15">
        <v>45426</v>
      </c>
      <c r="F115390" s="14" t="s">
        <v>61</v>
      </c>
      <c r="G115390" s="16">
        <v>0</v>
      </c>
    </row>
    <row r="115391" spans="1:7" x14ac:dyDescent="0.3">
      <c r="A115391" s="13" t="s">
        <v>549</v>
      </c>
      <c r="B115391" s="14" t="s">
        <v>1</v>
      </c>
      <c r="C115391" s="14" t="s">
        <v>546</v>
      </c>
      <c r="D115391" s="14" t="s">
        <v>550</v>
      </c>
      <c r="E115391" s="15">
        <v>45427</v>
      </c>
      <c r="F115391" s="14" t="s">
        <v>61</v>
      </c>
      <c r="G115391" s="16">
        <v>0</v>
      </c>
    </row>
    <row r="115392" spans="1:7" x14ac:dyDescent="0.3">
      <c r="A115392" s="13" t="s">
        <v>549</v>
      </c>
      <c r="B115392" s="14" t="s">
        <v>1</v>
      </c>
      <c r="C115392" s="14" t="s">
        <v>546</v>
      </c>
      <c r="D115392" s="14" t="s">
        <v>550</v>
      </c>
      <c r="E115392" s="15">
        <v>45428</v>
      </c>
      <c r="F115392" s="14" t="s">
        <v>61</v>
      </c>
      <c r="G115392" s="16">
        <v>0</v>
      </c>
    </row>
    <row r="115393" spans="1:7" x14ac:dyDescent="0.3">
      <c r="A115393" s="13" t="s">
        <v>549</v>
      </c>
      <c r="B115393" s="14" t="s">
        <v>1</v>
      </c>
      <c r="C115393" s="14" t="s">
        <v>546</v>
      </c>
      <c r="D115393" s="14" t="s">
        <v>550</v>
      </c>
      <c r="E115393" s="15">
        <v>45429</v>
      </c>
      <c r="F115393" s="14" t="s">
        <v>61</v>
      </c>
      <c r="G115393" s="16">
        <v>2.187680000000003E-2</v>
      </c>
    </row>
    <row r="115394" spans="1:7" x14ac:dyDescent="0.3">
      <c r="A115394" s="13" t="s">
        <v>549</v>
      </c>
      <c r="B115394" s="14" t="s">
        <v>1</v>
      </c>
      <c r="C115394" s="14" t="s">
        <v>546</v>
      </c>
      <c r="D115394" s="14" t="s">
        <v>550</v>
      </c>
      <c r="E115394" s="15">
        <v>45430</v>
      </c>
      <c r="F115394" s="14" t="s">
        <v>61</v>
      </c>
      <c r="G115394" s="16">
        <v>2.187680000000003E-2</v>
      </c>
    </row>
    <row r="115395" spans="1:7" x14ac:dyDescent="0.3">
      <c r="A115395" s="13" t="s">
        <v>549</v>
      </c>
      <c r="B115395" s="14" t="s">
        <v>1</v>
      </c>
      <c r="C115395" s="14" t="s">
        <v>546</v>
      </c>
      <c r="D115395" s="14" t="s">
        <v>550</v>
      </c>
      <c r="E115395" s="15">
        <v>45431</v>
      </c>
      <c r="F115395" s="14" t="s">
        <v>61</v>
      </c>
      <c r="G115395" s="16">
        <v>2.187680000000003E-2</v>
      </c>
    </row>
    <row r="115396" spans="1:7" x14ac:dyDescent="0.3">
      <c r="A115396" s="13" t="s">
        <v>549</v>
      </c>
      <c r="B115396" s="14" t="s">
        <v>1</v>
      </c>
      <c r="C115396" s="14" t="s">
        <v>546</v>
      </c>
      <c r="D115396" s="14" t="s">
        <v>550</v>
      </c>
      <c r="E115396" s="15">
        <v>45432</v>
      </c>
      <c r="F115396" s="14" t="s">
        <v>61</v>
      </c>
      <c r="G115396" s="16">
        <v>6.4889522105263178E-2</v>
      </c>
    </row>
    <row r="115397" spans="1:7" x14ac:dyDescent="0.3">
      <c r="A115397" s="13" t="s">
        <v>549</v>
      </c>
      <c r="B115397" s="14" t="s">
        <v>1</v>
      </c>
      <c r="C115397" s="14" t="s">
        <v>546</v>
      </c>
      <c r="D115397" s="14" t="s">
        <v>550</v>
      </c>
      <c r="E115397" s="15">
        <v>45433</v>
      </c>
      <c r="F115397" s="14" t="s">
        <v>61</v>
      </c>
      <c r="G115397" s="16">
        <v>6.0004058947368447E-2</v>
      </c>
    </row>
    <row r="115398" spans="1:7" x14ac:dyDescent="0.3">
      <c r="A115398" s="13" t="s">
        <v>549</v>
      </c>
      <c r="B115398" s="14" t="s">
        <v>1</v>
      </c>
      <c r="C115398" s="14" t="s">
        <v>546</v>
      </c>
      <c r="D115398" s="14" t="s">
        <v>550</v>
      </c>
      <c r="E115398" s="15">
        <v>45434</v>
      </c>
      <c r="F115398" s="14" t="s">
        <v>61</v>
      </c>
      <c r="G115398" s="16">
        <v>7.0101833684210552E-2</v>
      </c>
    </row>
    <row r="115399" spans="1:7" x14ac:dyDescent="0.3">
      <c r="A115399" s="13" t="s">
        <v>549</v>
      </c>
      <c r="B115399" s="14" t="s">
        <v>1</v>
      </c>
      <c r="C115399" s="14" t="s">
        <v>546</v>
      </c>
      <c r="D115399" s="14" t="s">
        <v>550</v>
      </c>
      <c r="E115399" s="15">
        <v>45435</v>
      </c>
      <c r="F115399" s="14" t="s">
        <v>61</v>
      </c>
      <c r="G115399" s="16">
        <v>6.8537191578947401E-2</v>
      </c>
    </row>
    <row r="115400" spans="1:7" x14ac:dyDescent="0.3">
      <c r="A115400" s="13" t="s">
        <v>549</v>
      </c>
      <c r="B115400" s="14" t="s">
        <v>1</v>
      </c>
      <c r="C115400" s="14" t="s">
        <v>546</v>
      </c>
      <c r="D115400" s="14" t="s">
        <v>550</v>
      </c>
      <c r="E115400" s="15">
        <v>45436</v>
      </c>
      <c r="F115400" s="14" t="s">
        <v>61</v>
      </c>
      <c r="G115400" s="16">
        <v>6.6711675789473707E-2</v>
      </c>
    </row>
    <row r="115401" spans="1:7" x14ac:dyDescent="0.3">
      <c r="A115401" s="13" t="s">
        <v>549</v>
      </c>
      <c r="B115401" s="14" t="s">
        <v>1</v>
      </c>
      <c r="C115401" s="14" t="s">
        <v>546</v>
      </c>
      <c r="D115401" s="14" t="s">
        <v>550</v>
      </c>
      <c r="E115401" s="15">
        <v>45437</v>
      </c>
      <c r="F115401" s="14" t="s">
        <v>61</v>
      </c>
      <c r="G115401" s="16">
        <v>6.6711675789473707E-2</v>
      </c>
    </row>
    <row r="115402" spans="1:7" x14ac:dyDescent="0.3">
      <c r="A115402" s="13" t="s">
        <v>549</v>
      </c>
      <c r="B115402" s="14" t="s">
        <v>1</v>
      </c>
      <c r="C115402" s="14" t="s">
        <v>546</v>
      </c>
      <c r="D115402" s="14" t="s">
        <v>550</v>
      </c>
      <c r="E115402" s="15">
        <v>45438</v>
      </c>
      <c r="F115402" s="14" t="s">
        <v>61</v>
      </c>
      <c r="G115402" s="16">
        <v>6.6711675789473707E-2</v>
      </c>
    </row>
    <row r="115403" spans="1:7" x14ac:dyDescent="0.3">
      <c r="A115403" s="13" t="s">
        <v>549</v>
      </c>
      <c r="B115403" s="14" t="s">
        <v>1</v>
      </c>
      <c r="C115403" s="14" t="s">
        <v>546</v>
      </c>
      <c r="D115403" s="14" t="s">
        <v>550</v>
      </c>
      <c r="E115403" s="15">
        <v>45439</v>
      </c>
      <c r="F115403" s="14" t="s">
        <v>61</v>
      </c>
      <c r="G115403" s="16">
        <v>6.5064008421052658E-2</v>
      </c>
    </row>
    <row r="115404" spans="1:7" x14ac:dyDescent="0.3">
      <c r="A115404" s="13" t="s">
        <v>549</v>
      </c>
      <c r="B115404" s="14" t="s">
        <v>1</v>
      </c>
      <c r="C115404" s="14" t="s">
        <v>546</v>
      </c>
      <c r="D115404" s="14" t="s">
        <v>550</v>
      </c>
      <c r="E115404" s="15">
        <v>45440</v>
      </c>
      <c r="F115404" s="14" t="s">
        <v>61</v>
      </c>
      <c r="G115404" s="16">
        <v>7.5513800000000034E-2</v>
      </c>
    </row>
    <row r="115405" spans="1:7" x14ac:dyDescent="0.3">
      <c r="A115405" s="13" t="s">
        <v>549</v>
      </c>
      <c r="B115405" s="14" t="s">
        <v>1</v>
      </c>
      <c r="C115405" s="14" t="s">
        <v>546</v>
      </c>
      <c r="D115405" s="14" t="s">
        <v>550</v>
      </c>
      <c r="E115405" s="15">
        <v>45441</v>
      </c>
      <c r="F115405" s="14" t="s">
        <v>61</v>
      </c>
      <c r="G115405" s="16">
        <v>7.4885911578947403E-2</v>
      </c>
    </row>
    <row r="115406" spans="1:7" x14ac:dyDescent="0.3">
      <c r="A115406" s="13" t="s">
        <v>549</v>
      </c>
      <c r="B115406" s="14" t="s">
        <v>1</v>
      </c>
      <c r="C115406" s="14" t="s">
        <v>546</v>
      </c>
      <c r="D115406" s="14" t="s">
        <v>550</v>
      </c>
      <c r="E115406" s="15">
        <v>45442</v>
      </c>
      <c r="F115406" s="14" t="s">
        <v>61</v>
      </c>
      <c r="G115406" s="16">
        <v>7.3082168421052668E-2</v>
      </c>
    </row>
    <row r="115407" spans="1:7" x14ac:dyDescent="0.3">
      <c r="A115407" s="13" t="s">
        <v>549</v>
      </c>
      <c r="B115407" s="14" t="s">
        <v>1</v>
      </c>
      <c r="C115407" s="14" t="s">
        <v>546</v>
      </c>
      <c r="D115407" s="14" t="s">
        <v>550</v>
      </c>
      <c r="E115407" s="15">
        <v>45443</v>
      </c>
      <c r="F115407" s="14" t="s">
        <v>61</v>
      </c>
      <c r="G115407" s="16">
        <v>7.5175415789473718E-2</v>
      </c>
    </row>
    <row r="115408" spans="1:7" x14ac:dyDescent="0.3">
      <c r="A115408" s="13" t="s">
        <v>549</v>
      </c>
      <c r="B115408" s="14" t="s">
        <v>1</v>
      </c>
      <c r="C115408" s="14" t="s">
        <v>546</v>
      </c>
      <c r="D115408" s="14" t="s">
        <v>550</v>
      </c>
      <c r="E115408" s="15">
        <v>45444</v>
      </c>
      <c r="F115408" s="14" t="s">
        <v>61</v>
      </c>
      <c r="G115408" s="16">
        <v>7.5175415789473718E-2</v>
      </c>
    </row>
    <row r="115409" spans="1:7" x14ac:dyDescent="0.3">
      <c r="A115409" s="13" t="s">
        <v>549</v>
      </c>
      <c r="B115409" s="14" t="s">
        <v>1</v>
      </c>
      <c r="C115409" s="14" t="s">
        <v>546</v>
      </c>
      <c r="D115409" s="14" t="s">
        <v>550</v>
      </c>
      <c r="E115409" s="15">
        <v>45445</v>
      </c>
      <c r="F115409" s="14" t="s">
        <v>61</v>
      </c>
      <c r="G115409" s="16">
        <v>7.5175415789473718E-2</v>
      </c>
    </row>
    <row r="115410" spans="1:7" x14ac:dyDescent="0.3">
      <c r="A115410" s="13" t="s">
        <v>549</v>
      </c>
      <c r="B115410" s="14" t="s">
        <v>1</v>
      </c>
      <c r="C115410" s="14" t="s">
        <v>546</v>
      </c>
      <c r="D115410" s="14" t="s">
        <v>550</v>
      </c>
      <c r="E115410" s="15">
        <v>45446</v>
      </c>
      <c r="F115410" s="14" t="s">
        <v>61</v>
      </c>
      <c r="G115410" s="16">
        <v>7.5175415789473718E-2</v>
      </c>
    </row>
    <row r="115411" spans="1:7" x14ac:dyDescent="0.3">
      <c r="A115411" s="13" t="s">
        <v>549</v>
      </c>
      <c r="B115411" s="14" t="s">
        <v>1</v>
      </c>
      <c r="C115411" s="14" t="s">
        <v>546</v>
      </c>
      <c r="D115411" s="14" t="s">
        <v>550</v>
      </c>
      <c r="E115411" s="15">
        <v>45447</v>
      </c>
      <c r="F115411" s="14" t="s">
        <v>61</v>
      </c>
      <c r="G115411" s="16">
        <v>7.6762004210526286E-2</v>
      </c>
    </row>
    <row r="115412" spans="1:7" x14ac:dyDescent="0.3">
      <c r="A115412" s="13" t="s">
        <v>549</v>
      </c>
      <c r="B115412" s="14" t="s">
        <v>1</v>
      </c>
      <c r="C115412" s="14" t="s">
        <v>546</v>
      </c>
      <c r="D115412" s="14" t="s">
        <v>550</v>
      </c>
      <c r="E115412" s="15">
        <v>45448</v>
      </c>
      <c r="F115412" s="14" t="s">
        <v>61</v>
      </c>
      <c r="G115412" s="16">
        <v>7.3921227368421008E-2</v>
      </c>
    </row>
    <row r="115413" spans="1:7" x14ac:dyDescent="0.3">
      <c r="A115413" s="13" t="s">
        <v>549</v>
      </c>
      <c r="B115413" s="14" t="s">
        <v>1</v>
      </c>
      <c r="C115413" s="14" t="s">
        <v>546</v>
      </c>
      <c r="D115413" s="14" t="s">
        <v>550</v>
      </c>
      <c r="E115413" s="15">
        <v>45449</v>
      </c>
      <c r="F115413" s="14" t="s">
        <v>61</v>
      </c>
      <c r="G115413" s="16">
        <v>8.1575601052631549E-2</v>
      </c>
    </row>
    <row r="115414" spans="1:7" x14ac:dyDescent="0.3">
      <c r="A115414" s="13" t="s">
        <v>549</v>
      </c>
      <c r="B115414" s="14" t="s">
        <v>1</v>
      </c>
      <c r="C115414" s="14" t="s">
        <v>546</v>
      </c>
      <c r="D115414" s="14" t="s">
        <v>550</v>
      </c>
      <c r="E115414" s="15">
        <v>45450</v>
      </c>
      <c r="F115414" s="14" t="s">
        <v>61</v>
      </c>
      <c r="G115414" s="16">
        <v>8.2173793684210503E-2</v>
      </c>
    </row>
    <row r="115415" spans="1:7" x14ac:dyDescent="0.3">
      <c r="A115415" s="13" t="s">
        <v>549</v>
      </c>
      <c r="B115415" s="14" t="s">
        <v>1</v>
      </c>
      <c r="C115415" s="14" t="s">
        <v>546</v>
      </c>
      <c r="D115415" s="14" t="s">
        <v>550</v>
      </c>
      <c r="E115415" s="15">
        <v>45451</v>
      </c>
      <c r="F115415" s="14" t="s">
        <v>61</v>
      </c>
      <c r="G115415" s="16">
        <v>8.2173793684210503E-2</v>
      </c>
    </row>
    <row r="115416" spans="1:7" x14ac:dyDescent="0.3">
      <c r="A115416" s="13" t="s">
        <v>549</v>
      </c>
      <c r="B115416" s="14" t="s">
        <v>1</v>
      </c>
      <c r="C115416" s="14" t="s">
        <v>546</v>
      </c>
      <c r="D115416" s="14" t="s">
        <v>550</v>
      </c>
      <c r="E115416" s="15">
        <v>45452</v>
      </c>
      <c r="F115416" s="14" t="s">
        <v>61</v>
      </c>
      <c r="G115416" s="16">
        <v>8.2173793684210503E-2</v>
      </c>
    </row>
    <row r="115417" spans="1:7" x14ac:dyDescent="0.3">
      <c r="A115417" s="13" t="s">
        <v>549</v>
      </c>
      <c r="B115417" s="14" t="s">
        <v>1</v>
      </c>
      <c r="C115417" s="14" t="s">
        <v>546</v>
      </c>
      <c r="D115417" s="14" t="s">
        <v>550</v>
      </c>
      <c r="E115417" s="15">
        <v>45453</v>
      </c>
      <c r="F115417" s="14" t="s">
        <v>61</v>
      </c>
      <c r="G115417" s="16">
        <v>8.2173793684210503E-2</v>
      </c>
    </row>
    <row r="115418" spans="1:7" x14ac:dyDescent="0.3">
      <c r="A115418" s="13" t="s">
        <v>549</v>
      </c>
      <c r="B115418" s="14" t="s">
        <v>1</v>
      </c>
      <c r="C115418" s="14" t="s">
        <v>546</v>
      </c>
      <c r="D115418" s="14" t="s">
        <v>550</v>
      </c>
      <c r="E115418" s="15">
        <v>45454</v>
      </c>
      <c r="F115418" s="14" t="s">
        <v>61</v>
      </c>
      <c r="G115418" s="16">
        <v>0.13122199999999998</v>
      </c>
    </row>
    <row r="115419" spans="1:7" x14ac:dyDescent="0.3">
      <c r="A115419" s="13" t="s">
        <v>549</v>
      </c>
      <c r="B115419" s="14" t="s">
        <v>1</v>
      </c>
      <c r="C115419" s="14" t="s">
        <v>546</v>
      </c>
      <c r="D115419" s="14" t="s">
        <v>550</v>
      </c>
      <c r="E115419" s="15">
        <v>45455</v>
      </c>
      <c r="F115419" s="14" t="s">
        <v>61</v>
      </c>
      <c r="G115419" s="16">
        <v>0.12410578947368418</v>
      </c>
    </row>
    <row r="115420" spans="1:7" x14ac:dyDescent="0.3">
      <c r="A115420" s="13" t="s">
        <v>549</v>
      </c>
      <c r="B115420" s="14" t="s">
        <v>1</v>
      </c>
      <c r="C115420" s="14" t="s">
        <v>546</v>
      </c>
      <c r="D115420" s="14" t="s">
        <v>550</v>
      </c>
      <c r="E115420" s="15">
        <v>45456</v>
      </c>
      <c r="F115420" s="14" t="s">
        <v>61</v>
      </c>
      <c r="G115420" s="16">
        <v>0.17306597052631578</v>
      </c>
    </row>
    <row r="115421" spans="1:7" x14ac:dyDescent="0.3">
      <c r="A115421" s="13" t="s">
        <v>549</v>
      </c>
      <c r="B115421" s="14" t="s">
        <v>1</v>
      </c>
      <c r="C115421" s="14" t="s">
        <v>546</v>
      </c>
      <c r="D115421" s="14" t="s">
        <v>550</v>
      </c>
      <c r="E115421" s="15">
        <v>45457</v>
      </c>
      <c r="F115421" s="14" t="s">
        <v>61</v>
      </c>
      <c r="G115421" s="16">
        <v>0.20304591157894733</v>
      </c>
    </row>
    <row r="115422" spans="1:7" x14ac:dyDescent="0.3">
      <c r="A115422" s="13" t="s">
        <v>549</v>
      </c>
      <c r="B115422" s="14" t="s">
        <v>1</v>
      </c>
      <c r="C115422" s="14" t="s">
        <v>546</v>
      </c>
      <c r="D115422" s="14" t="s">
        <v>550</v>
      </c>
      <c r="E115422" s="15">
        <v>45458</v>
      </c>
      <c r="F115422" s="14" t="s">
        <v>61</v>
      </c>
      <c r="G115422" s="16">
        <v>0.20304591157894733</v>
      </c>
    </row>
    <row r="115423" spans="1:7" x14ac:dyDescent="0.3">
      <c r="A115423" s="13" t="s">
        <v>549</v>
      </c>
      <c r="B115423" s="14" t="s">
        <v>1</v>
      </c>
      <c r="C115423" s="14" t="s">
        <v>546</v>
      </c>
      <c r="D115423" s="14" t="s">
        <v>550</v>
      </c>
      <c r="E115423" s="15">
        <v>45459</v>
      </c>
      <c r="F115423" s="14" t="s">
        <v>61</v>
      </c>
      <c r="G115423" s="16">
        <v>0.20304591157894733</v>
      </c>
    </row>
    <row r="115424" spans="1:7" x14ac:dyDescent="0.3">
      <c r="A115424" s="13" t="s">
        <v>549</v>
      </c>
      <c r="B115424" s="14" t="s">
        <v>1</v>
      </c>
      <c r="C115424" s="14" t="s">
        <v>546</v>
      </c>
      <c r="D115424" s="14" t="s">
        <v>550</v>
      </c>
      <c r="E115424" s="15">
        <v>45460</v>
      </c>
      <c r="F115424" s="14" t="s">
        <v>61</v>
      </c>
      <c r="G115424" s="16">
        <v>0.21341155263157888</v>
      </c>
    </row>
    <row r="115425" spans="1:7" x14ac:dyDescent="0.3">
      <c r="A115425" s="13" t="s">
        <v>549</v>
      </c>
      <c r="B115425" s="14" t="s">
        <v>1</v>
      </c>
      <c r="C115425" s="14" t="s">
        <v>546</v>
      </c>
      <c r="D115425" s="14" t="s">
        <v>550</v>
      </c>
      <c r="E115425" s="15">
        <v>45461</v>
      </c>
      <c r="F115425" s="14" t="s">
        <v>61</v>
      </c>
      <c r="G115425" s="16">
        <v>0.20866858421052625</v>
      </c>
    </row>
    <row r="115426" spans="1:7" x14ac:dyDescent="0.3">
      <c r="A115426" s="13" t="s">
        <v>549</v>
      </c>
      <c r="B115426" s="14" t="s">
        <v>1</v>
      </c>
      <c r="C115426" s="14" t="s">
        <v>546</v>
      </c>
      <c r="D115426" s="14" t="s">
        <v>550</v>
      </c>
      <c r="E115426" s="15">
        <v>45462</v>
      </c>
      <c r="F115426" s="14" t="s">
        <v>61</v>
      </c>
      <c r="G115426" s="16">
        <v>0.25733712105263151</v>
      </c>
    </row>
    <row r="115427" spans="1:7" x14ac:dyDescent="0.3">
      <c r="A115427" s="13" t="s">
        <v>549</v>
      </c>
      <c r="B115427" s="14" t="s">
        <v>1</v>
      </c>
      <c r="C115427" s="14" t="s">
        <v>546</v>
      </c>
      <c r="D115427" s="14" t="s">
        <v>550</v>
      </c>
      <c r="E115427" s="15">
        <v>45463</v>
      </c>
      <c r="F115427" s="14" t="s">
        <v>61</v>
      </c>
      <c r="G115427" s="16">
        <v>0.28916931789473682</v>
      </c>
    </row>
    <row r="115428" spans="1:7" x14ac:dyDescent="0.3">
      <c r="A115428" s="13" t="s">
        <v>549</v>
      </c>
      <c r="B115428" s="14" t="s">
        <v>1</v>
      </c>
      <c r="C115428" s="14" t="s">
        <v>546</v>
      </c>
      <c r="D115428" s="14" t="s">
        <v>550</v>
      </c>
      <c r="E115428" s="15">
        <v>45464</v>
      </c>
      <c r="F115428" s="14" t="s">
        <v>61</v>
      </c>
      <c r="G115428" s="16">
        <v>0.28785205263157898</v>
      </c>
    </row>
    <row r="115429" spans="1:7" x14ac:dyDescent="0.3">
      <c r="A115429" s="13" t="s">
        <v>549</v>
      </c>
      <c r="B115429" s="14" t="s">
        <v>1</v>
      </c>
      <c r="C115429" s="14" t="s">
        <v>546</v>
      </c>
      <c r="D115429" s="14" t="s">
        <v>550</v>
      </c>
      <c r="E115429" s="15">
        <v>45465</v>
      </c>
      <c r="F115429" s="14" t="s">
        <v>61</v>
      </c>
      <c r="G115429" s="16">
        <v>0.28785205263157898</v>
      </c>
    </row>
    <row r="115430" spans="1:7" x14ac:dyDescent="0.3">
      <c r="A115430" s="13" t="s">
        <v>549</v>
      </c>
      <c r="B115430" s="14" t="s">
        <v>1</v>
      </c>
      <c r="C115430" s="14" t="s">
        <v>546</v>
      </c>
      <c r="D115430" s="14" t="s">
        <v>550</v>
      </c>
      <c r="E115430" s="15">
        <v>45466</v>
      </c>
      <c r="F115430" s="14" t="s">
        <v>61</v>
      </c>
      <c r="G115430" s="16">
        <v>0.28785205263157898</v>
      </c>
    </row>
    <row r="115431" spans="1:7" x14ac:dyDescent="0.3">
      <c r="A115431" s="13" t="s">
        <v>549</v>
      </c>
      <c r="B115431" s="14" t="s">
        <v>1</v>
      </c>
      <c r="C115431" s="14" t="s">
        <v>546</v>
      </c>
      <c r="D115431" s="14" t="s">
        <v>550</v>
      </c>
      <c r="E115431" s="15">
        <v>45467</v>
      </c>
      <c r="F115431" s="14" t="s">
        <v>61</v>
      </c>
      <c r="G115431" s="16">
        <v>0.28525592</v>
      </c>
    </row>
    <row r="115432" spans="1:7" x14ac:dyDescent="0.3">
      <c r="A115432" s="13" t="s">
        <v>549</v>
      </c>
      <c r="B115432" s="14" t="s">
        <v>1</v>
      </c>
      <c r="C115432" s="14" t="s">
        <v>546</v>
      </c>
      <c r="D115432" s="14" t="s">
        <v>550</v>
      </c>
      <c r="E115432" s="15">
        <v>45468</v>
      </c>
      <c r="F115432" s="14" t="s">
        <v>61</v>
      </c>
      <c r="G115432" s="16">
        <v>0.2899894442105263</v>
      </c>
    </row>
    <row r="115433" spans="1:7" x14ac:dyDescent="0.3">
      <c r="A115433" s="13" t="s">
        <v>549</v>
      </c>
      <c r="B115433" s="14" t="s">
        <v>1</v>
      </c>
      <c r="C115433" s="14" t="s">
        <v>546</v>
      </c>
      <c r="D115433" s="14" t="s">
        <v>550</v>
      </c>
      <c r="E115433" s="15">
        <v>45469</v>
      </c>
      <c r="F115433" s="14" t="s">
        <v>61</v>
      </c>
      <c r="G115433" s="16">
        <v>0.29318827578947371</v>
      </c>
    </row>
    <row r="115434" spans="1:7" x14ac:dyDescent="0.3">
      <c r="A115434" s="13" t="s">
        <v>549</v>
      </c>
      <c r="B115434" s="14" t="s">
        <v>1</v>
      </c>
      <c r="C115434" s="14" t="s">
        <v>546</v>
      </c>
      <c r="D115434" s="14" t="s">
        <v>550</v>
      </c>
      <c r="E115434" s="15">
        <v>45470</v>
      </c>
      <c r="F115434" s="14" t="s">
        <v>61</v>
      </c>
      <c r="G115434" s="16">
        <v>0.29496911473684212</v>
      </c>
    </row>
    <row r="115435" spans="1:7" x14ac:dyDescent="0.3">
      <c r="A115435" s="13" t="s">
        <v>549</v>
      </c>
      <c r="B115435" s="14" t="s">
        <v>1</v>
      </c>
      <c r="C115435" s="14" t="s">
        <v>546</v>
      </c>
      <c r="D115435" s="14" t="s">
        <v>550</v>
      </c>
      <c r="E115435" s="15">
        <v>45471</v>
      </c>
      <c r="F115435" s="14" t="s">
        <v>61</v>
      </c>
      <c r="G115435" s="16">
        <v>0.29511497473684217</v>
      </c>
    </row>
    <row r="115436" spans="1:7" x14ac:dyDescent="0.3">
      <c r="A115436" s="13" t="s">
        <v>549</v>
      </c>
      <c r="B115436" s="14" t="s">
        <v>1</v>
      </c>
      <c r="C115436" s="14" t="s">
        <v>546</v>
      </c>
      <c r="D115436" s="14" t="s">
        <v>550</v>
      </c>
      <c r="E115436" s="15">
        <v>45472</v>
      </c>
      <c r="F115436" s="14" t="s">
        <v>61</v>
      </c>
      <c r="G115436" s="16">
        <v>0.29511497473684217</v>
      </c>
    </row>
    <row r="115437" spans="1:7" x14ac:dyDescent="0.3">
      <c r="A115437" s="13" t="s">
        <v>549</v>
      </c>
      <c r="B115437" s="14" t="s">
        <v>1</v>
      </c>
      <c r="C115437" s="14" t="s">
        <v>546</v>
      </c>
      <c r="D115437" s="14" t="s">
        <v>550</v>
      </c>
      <c r="E115437" s="15">
        <v>45473</v>
      </c>
      <c r="F115437" s="14" t="s">
        <v>61</v>
      </c>
      <c r="G115437" s="16">
        <v>0.29511497473684217</v>
      </c>
    </row>
    <row r="115438" spans="1:7" x14ac:dyDescent="0.3">
      <c r="A115438" s="13" t="s">
        <v>549</v>
      </c>
      <c r="B115438" s="14" t="s">
        <v>1</v>
      </c>
      <c r="C115438" s="14" t="s">
        <v>546</v>
      </c>
      <c r="D115438" s="14" t="s">
        <v>550</v>
      </c>
      <c r="E115438" s="15">
        <v>45474</v>
      </c>
      <c r="F115438" s="14" t="s">
        <v>61</v>
      </c>
      <c r="G115438" s="16">
        <v>0.29511497473684217</v>
      </c>
    </row>
    <row r="115439" spans="1:7" x14ac:dyDescent="0.3">
      <c r="A115439" s="13" t="s">
        <v>549</v>
      </c>
      <c r="B115439" s="14" t="s">
        <v>1</v>
      </c>
      <c r="C115439" s="14" t="s">
        <v>546</v>
      </c>
      <c r="D115439" s="14" t="s">
        <v>550</v>
      </c>
      <c r="E115439" s="15">
        <v>45475</v>
      </c>
      <c r="F115439" s="14" t="s">
        <v>61</v>
      </c>
      <c r="G115439" s="16">
        <v>0.29371477368421051</v>
      </c>
    </row>
    <row r="115440" spans="1:7" x14ac:dyDescent="0.3">
      <c r="A115440" s="13" t="s">
        <v>549</v>
      </c>
      <c r="B115440" s="14" t="s">
        <v>1</v>
      </c>
      <c r="C115440" s="14" t="s">
        <v>546</v>
      </c>
      <c r="D115440" s="14" t="s">
        <v>550</v>
      </c>
      <c r="E115440" s="15">
        <v>45476</v>
      </c>
      <c r="F115440" s="14" t="s">
        <v>61</v>
      </c>
      <c r="G115440" s="16">
        <v>0.28978020000000004</v>
      </c>
    </row>
    <row r="115441" spans="1:7" x14ac:dyDescent="0.3">
      <c r="A115441" s="13" t="s">
        <v>549</v>
      </c>
      <c r="B115441" s="14" t="s">
        <v>1</v>
      </c>
      <c r="C115441" s="14" t="s">
        <v>546</v>
      </c>
      <c r="D115441" s="14" t="s">
        <v>550</v>
      </c>
      <c r="E115441" s="15">
        <v>45477</v>
      </c>
      <c r="F115441" s="14" t="s">
        <v>61</v>
      </c>
      <c r="G115441" s="16">
        <v>0.41600054842105266</v>
      </c>
    </row>
    <row r="115442" spans="1:7" x14ac:dyDescent="0.3">
      <c r="A115442" s="13" t="s">
        <v>549</v>
      </c>
      <c r="B115442" s="14" t="s">
        <v>1</v>
      </c>
      <c r="C115442" s="14" t="s">
        <v>546</v>
      </c>
      <c r="D115442" s="14" t="s">
        <v>550</v>
      </c>
      <c r="E115442" s="15">
        <v>45478</v>
      </c>
      <c r="F115442" s="14" t="s">
        <v>61</v>
      </c>
      <c r="G115442" s="16">
        <v>0.6014894210526317</v>
      </c>
    </row>
    <row r="115443" spans="1:7" x14ac:dyDescent="0.3">
      <c r="A115443" s="13" t="s">
        <v>549</v>
      </c>
      <c r="B115443" s="14" t="s">
        <v>1</v>
      </c>
      <c r="C115443" s="14" t="s">
        <v>546</v>
      </c>
      <c r="D115443" s="14" t="s">
        <v>550</v>
      </c>
      <c r="E115443" s="15">
        <v>45479</v>
      </c>
      <c r="F115443" s="14" t="s">
        <v>61</v>
      </c>
      <c r="G115443" s="16">
        <v>0.6014894210526317</v>
      </c>
    </row>
    <row r="115444" spans="1:7" x14ac:dyDescent="0.3">
      <c r="A115444" s="13" t="s">
        <v>549</v>
      </c>
      <c r="B115444" s="14" t="s">
        <v>1</v>
      </c>
      <c r="C115444" s="14" t="s">
        <v>546</v>
      </c>
      <c r="D115444" s="14" t="s">
        <v>550</v>
      </c>
      <c r="E115444" s="15">
        <v>45480</v>
      </c>
      <c r="F115444" s="14" t="s">
        <v>61</v>
      </c>
      <c r="G115444" s="16">
        <v>0.6014894210526317</v>
      </c>
    </row>
    <row r="115445" spans="1:7" x14ac:dyDescent="0.3">
      <c r="A115445" s="13" t="s">
        <v>549</v>
      </c>
      <c r="B115445" s="14" t="s">
        <v>1</v>
      </c>
      <c r="C115445" s="14" t="s">
        <v>546</v>
      </c>
      <c r="D115445" s="14" t="s">
        <v>550</v>
      </c>
      <c r="E115445" s="15">
        <v>45481</v>
      </c>
      <c r="F115445" s="14" t="s">
        <v>61</v>
      </c>
      <c r="G115445" s="16">
        <v>0.6251796063157895</v>
      </c>
    </row>
    <row r="115446" spans="1:7" x14ac:dyDescent="0.3">
      <c r="A115446" s="13" t="s">
        <v>549</v>
      </c>
      <c r="B115446" s="14" t="s">
        <v>1</v>
      </c>
      <c r="C115446" s="14" t="s">
        <v>546</v>
      </c>
      <c r="D115446" s="14" t="s">
        <v>550</v>
      </c>
      <c r="E115446" s="15">
        <v>45482</v>
      </c>
      <c r="F115446" s="14" t="s">
        <v>61</v>
      </c>
      <c r="G115446" s="16">
        <v>0.66223745052631589</v>
      </c>
    </row>
    <row r="115447" spans="1:7" x14ac:dyDescent="0.3">
      <c r="A115447" s="13" t="s">
        <v>549</v>
      </c>
      <c r="B115447" s="14" t="s">
        <v>1</v>
      </c>
      <c r="C115447" s="14" t="s">
        <v>546</v>
      </c>
      <c r="D115447" s="14" t="s">
        <v>550</v>
      </c>
      <c r="E115447" s="15">
        <v>45483</v>
      </c>
      <c r="F115447" s="14" t="s">
        <v>61</v>
      </c>
      <c r="G115447" s="16">
        <v>0.65979018000000011</v>
      </c>
    </row>
    <row r="115448" spans="1:7" x14ac:dyDescent="0.3">
      <c r="A115448" s="13" t="s">
        <v>549</v>
      </c>
      <c r="B115448" s="14" t="s">
        <v>1</v>
      </c>
      <c r="C115448" s="14" t="s">
        <v>546</v>
      </c>
      <c r="D115448" s="14" t="s">
        <v>550</v>
      </c>
      <c r="E115448" s="15">
        <v>45484</v>
      </c>
      <c r="F115448" s="14" t="s">
        <v>61</v>
      </c>
      <c r="G115448" s="16">
        <v>0.66541178947368429</v>
      </c>
    </row>
    <row r="115449" spans="1:7" x14ac:dyDescent="0.3">
      <c r="A115449" s="13" t="s">
        <v>549</v>
      </c>
      <c r="B115449" s="14" t="s">
        <v>1</v>
      </c>
      <c r="C115449" s="14" t="s">
        <v>546</v>
      </c>
      <c r="D115449" s="14" t="s">
        <v>550</v>
      </c>
      <c r="E115449" s="15">
        <v>45485</v>
      </c>
      <c r="F115449" s="14" t="s">
        <v>61</v>
      </c>
      <c r="G115449" s="16">
        <v>0.66684617789473699</v>
      </c>
    </row>
    <row r="115450" spans="1:7" x14ac:dyDescent="0.3">
      <c r="A115450" s="13" t="s">
        <v>549</v>
      </c>
      <c r="B115450" s="14" t="s">
        <v>1</v>
      </c>
      <c r="C115450" s="14" t="s">
        <v>546</v>
      </c>
      <c r="D115450" s="14" t="s">
        <v>550</v>
      </c>
      <c r="E115450" s="15">
        <v>45486</v>
      </c>
      <c r="F115450" s="14" t="s">
        <v>61</v>
      </c>
      <c r="G115450" s="16">
        <v>0.66684617789473699</v>
      </c>
    </row>
    <row r="115451" spans="1:7" x14ac:dyDescent="0.3">
      <c r="A115451" s="13" t="s">
        <v>549</v>
      </c>
      <c r="B115451" s="14" t="s">
        <v>1</v>
      </c>
      <c r="C115451" s="14" t="s">
        <v>546</v>
      </c>
      <c r="D115451" s="14" t="s">
        <v>550</v>
      </c>
      <c r="E115451" s="15">
        <v>45487</v>
      </c>
      <c r="F115451" s="14" t="s">
        <v>61</v>
      </c>
      <c r="G115451" s="16">
        <v>0.66684617789473699</v>
      </c>
    </row>
    <row r="115452" spans="1:7" x14ac:dyDescent="0.3">
      <c r="A115452" s="13" t="s">
        <v>549</v>
      </c>
      <c r="B115452" s="14" t="s">
        <v>1</v>
      </c>
      <c r="C115452" s="14" t="s">
        <v>546</v>
      </c>
      <c r="D115452" s="14" t="s">
        <v>550</v>
      </c>
      <c r="E115452" s="15">
        <v>45488</v>
      </c>
      <c r="F115452" s="14" t="s">
        <v>61</v>
      </c>
      <c r="G115452" s="16">
        <v>0.68415434947368436</v>
      </c>
    </row>
    <row r="115453" spans="1:7" x14ac:dyDescent="0.3">
      <c r="A115453" s="13" t="s">
        <v>549</v>
      </c>
      <c r="B115453" s="14" t="s">
        <v>1</v>
      </c>
      <c r="C115453" s="14" t="s">
        <v>546</v>
      </c>
      <c r="D115453" s="14" t="s">
        <v>550</v>
      </c>
      <c r="E115453" s="15">
        <v>45489</v>
      </c>
      <c r="F115453" s="14" t="s">
        <v>61</v>
      </c>
      <c r="G115453" s="16">
        <v>0.67900477157894756</v>
      </c>
    </row>
    <row r="115454" spans="1:7" x14ac:dyDescent="0.3">
      <c r="A115454" s="13" t="s">
        <v>549</v>
      </c>
      <c r="B115454" s="14" t="s">
        <v>1</v>
      </c>
      <c r="C115454" s="14" t="s">
        <v>546</v>
      </c>
      <c r="D115454" s="14" t="s">
        <v>550</v>
      </c>
      <c r="E115454" s="15">
        <v>45490</v>
      </c>
      <c r="F115454" s="14" t="s">
        <v>61</v>
      </c>
      <c r="G115454" s="16">
        <v>0.67501305263157907</v>
      </c>
    </row>
    <row r="115455" spans="1:7" x14ac:dyDescent="0.3">
      <c r="A115455" s="13" t="s">
        <v>549</v>
      </c>
      <c r="B115455" s="14" t="s">
        <v>1</v>
      </c>
      <c r="C115455" s="14" t="s">
        <v>546</v>
      </c>
      <c r="D115455" s="14" t="s">
        <v>550</v>
      </c>
      <c r="E115455" s="15">
        <v>45491</v>
      </c>
      <c r="F115455" s="14" t="s">
        <v>61</v>
      </c>
      <c r="G115455" s="16">
        <v>0.6795004757894737</v>
      </c>
    </row>
    <row r="115456" spans="1:7" x14ac:dyDescent="0.3">
      <c r="A115456" s="13" t="s">
        <v>549</v>
      </c>
      <c r="B115456" s="14" t="s">
        <v>1</v>
      </c>
      <c r="C115456" s="14" t="s">
        <v>546</v>
      </c>
      <c r="D115456" s="14" t="s">
        <v>550</v>
      </c>
      <c r="E115456" s="15">
        <v>45492</v>
      </c>
      <c r="F115456" s="14" t="s">
        <v>61</v>
      </c>
      <c r="G115456" s="16">
        <v>0.67885078947368438</v>
      </c>
    </row>
    <row r="115457" spans="1:7" x14ac:dyDescent="0.3">
      <c r="A115457" s="13" t="s">
        <v>549</v>
      </c>
      <c r="B115457" s="14" t="s">
        <v>1</v>
      </c>
      <c r="C115457" s="14" t="s">
        <v>546</v>
      </c>
      <c r="D115457" s="14" t="s">
        <v>550</v>
      </c>
      <c r="E115457" s="15">
        <v>45493</v>
      </c>
      <c r="F115457" s="14" t="s">
        <v>61</v>
      </c>
      <c r="G115457" s="16">
        <v>0.67885078947368438</v>
      </c>
    </row>
    <row r="115458" spans="1:7" x14ac:dyDescent="0.3">
      <c r="A115458" s="13" t="s">
        <v>549</v>
      </c>
      <c r="B115458" s="14" t="s">
        <v>1</v>
      </c>
      <c r="C115458" s="14" t="s">
        <v>546</v>
      </c>
      <c r="D115458" s="14" t="s">
        <v>550</v>
      </c>
      <c r="E115458" s="15">
        <v>45494</v>
      </c>
      <c r="F115458" s="14" t="s">
        <v>61</v>
      </c>
      <c r="G115458" s="16">
        <v>0.67885078947368438</v>
      </c>
    </row>
    <row r="115459" spans="1:7" x14ac:dyDescent="0.3">
      <c r="A115459" s="13" t="s">
        <v>549</v>
      </c>
      <c r="B115459" s="14" t="s">
        <v>1</v>
      </c>
      <c r="C115459" s="14" t="s">
        <v>546</v>
      </c>
      <c r="D115459" s="14" t="s">
        <v>550</v>
      </c>
      <c r="E115459" s="15">
        <v>45495</v>
      </c>
      <c r="F115459" s="14" t="s">
        <v>61</v>
      </c>
      <c r="G115459" s="16">
        <v>0.70751732000000023</v>
      </c>
    </row>
    <row r="115460" spans="1:7" x14ac:dyDescent="0.3">
      <c r="A115460" s="13" t="s">
        <v>549</v>
      </c>
      <c r="B115460" s="14" t="s">
        <v>1</v>
      </c>
      <c r="C115460" s="14" t="s">
        <v>546</v>
      </c>
      <c r="D115460" s="14" t="s">
        <v>550</v>
      </c>
      <c r="E115460" s="15">
        <v>45496</v>
      </c>
      <c r="F115460" s="14" t="s">
        <v>61</v>
      </c>
      <c r="G115460" s="16">
        <v>0.70549374736842119</v>
      </c>
    </row>
    <row r="115461" spans="1:7" x14ac:dyDescent="0.3">
      <c r="A115461" s="13" t="s">
        <v>549</v>
      </c>
      <c r="B115461" s="14" t="s">
        <v>1</v>
      </c>
      <c r="C115461" s="14" t="s">
        <v>546</v>
      </c>
      <c r="D115461" s="14" t="s">
        <v>550</v>
      </c>
      <c r="E115461" s="15">
        <v>45497</v>
      </c>
      <c r="F115461" s="14" t="s">
        <v>61</v>
      </c>
      <c r="G115461" s="16">
        <v>0.70480224315789475</v>
      </c>
    </row>
    <row r="115462" spans="1:7" x14ac:dyDescent="0.3">
      <c r="A115462" s="13" t="s">
        <v>549</v>
      </c>
      <c r="B115462" s="14" t="s">
        <v>1</v>
      </c>
      <c r="C115462" s="14" t="s">
        <v>546</v>
      </c>
      <c r="D115462" s="14" t="s">
        <v>550</v>
      </c>
      <c r="E115462" s="15">
        <v>45498</v>
      </c>
      <c r="F115462" s="14" t="s">
        <v>61</v>
      </c>
      <c r="G115462" s="16">
        <v>0.70291616421052638</v>
      </c>
    </row>
    <row r="115463" spans="1:7" x14ac:dyDescent="0.3">
      <c r="A115463" s="13" t="s">
        <v>549</v>
      </c>
      <c r="B115463" s="14" t="s">
        <v>1</v>
      </c>
      <c r="C115463" s="14" t="s">
        <v>546</v>
      </c>
      <c r="D115463" s="14" t="s">
        <v>550</v>
      </c>
      <c r="E115463" s="15">
        <v>45499</v>
      </c>
      <c r="F115463" s="14" t="s">
        <v>61</v>
      </c>
      <c r="G115463" s="16">
        <v>0.70067064421052638</v>
      </c>
    </row>
    <row r="115464" spans="1:7" x14ac:dyDescent="0.3">
      <c r="A115464" s="13" t="s">
        <v>549</v>
      </c>
      <c r="B115464" s="14" t="s">
        <v>1</v>
      </c>
      <c r="C115464" s="14" t="s">
        <v>546</v>
      </c>
      <c r="D115464" s="14" t="s">
        <v>550</v>
      </c>
      <c r="E115464" s="15">
        <v>45500</v>
      </c>
      <c r="F115464" s="14" t="s">
        <v>61</v>
      </c>
      <c r="G115464" s="16">
        <v>0.70067064421052638</v>
      </c>
    </row>
    <row r="115465" spans="1:7" x14ac:dyDescent="0.3">
      <c r="A115465" s="13" t="s">
        <v>549</v>
      </c>
      <c r="B115465" s="14" t="s">
        <v>1</v>
      </c>
      <c r="C115465" s="14" t="s">
        <v>546</v>
      </c>
      <c r="D115465" s="14" t="s">
        <v>550</v>
      </c>
      <c r="E115465" s="15">
        <v>45501</v>
      </c>
      <c r="F115465" s="14" t="s">
        <v>61</v>
      </c>
      <c r="G115465" s="16">
        <v>0.70067064421052638</v>
      </c>
    </row>
    <row r="115466" spans="1:7" x14ac:dyDescent="0.3">
      <c r="A115466" s="13" t="s">
        <v>549</v>
      </c>
      <c r="B115466" s="14" t="s">
        <v>1</v>
      </c>
      <c r="C115466" s="14" t="s">
        <v>546</v>
      </c>
      <c r="D115466" s="14" t="s">
        <v>550</v>
      </c>
      <c r="E115466" s="15">
        <v>45502</v>
      </c>
      <c r="F115466" s="14" t="s">
        <v>61</v>
      </c>
      <c r="G115466" s="16">
        <v>0.70163696842105283</v>
      </c>
    </row>
    <row r="115467" spans="1:7" x14ac:dyDescent="0.3">
      <c r="A115467" s="13" t="s">
        <v>549</v>
      </c>
      <c r="B115467" s="14" t="s">
        <v>1</v>
      </c>
      <c r="C115467" s="14" t="s">
        <v>546</v>
      </c>
      <c r="D115467" s="14" t="s">
        <v>550</v>
      </c>
      <c r="E115467" s="15">
        <v>45503</v>
      </c>
      <c r="F115467" s="14" t="s">
        <v>61</v>
      </c>
      <c r="G115467" s="16">
        <v>0.69766422947368434</v>
      </c>
    </row>
    <row r="115468" spans="1:7" x14ac:dyDescent="0.3">
      <c r="A115468" s="13" t="s">
        <v>549</v>
      </c>
      <c r="B115468" s="14" t="s">
        <v>1</v>
      </c>
      <c r="C115468" s="14" t="s">
        <v>546</v>
      </c>
      <c r="D115468" s="14" t="s">
        <v>550</v>
      </c>
      <c r="E115468" s="15">
        <v>45504</v>
      </c>
      <c r="F115468" s="14" t="s">
        <v>61</v>
      </c>
      <c r="G115468" s="16">
        <v>0.69573084000000018</v>
      </c>
    </row>
    <row r="115469" spans="1:7" x14ac:dyDescent="0.3">
      <c r="A115469" s="13" t="s">
        <v>549</v>
      </c>
      <c r="B115469" s="14" t="s">
        <v>1</v>
      </c>
      <c r="C115469" s="14" t="s">
        <v>546</v>
      </c>
      <c r="D115469" s="14" t="s">
        <v>550</v>
      </c>
      <c r="E115469" s="15">
        <v>45505</v>
      </c>
      <c r="F115469" s="14" t="s">
        <v>61</v>
      </c>
      <c r="G115469" s="16">
        <v>0.69645206736842125</v>
      </c>
    </row>
    <row r="115470" spans="1:7" x14ac:dyDescent="0.3">
      <c r="A115470" s="13" t="s">
        <v>549</v>
      </c>
      <c r="B115470" s="14" t="s">
        <v>1</v>
      </c>
      <c r="C115470" s="14" t="s">
        <v>546</v>
      </c>
      <c r="D115470" s="14" t="s">
        <v>550</v>
      </c>
      <c r="E115470" s="15">
        <v>45506</v>
      </c>
      <c r="F115470" s="14" t="s">
        <v>61</v>
      </c>
      <c r="G115470" s="16">
        <v>0.69552830736842131</v>
      </c>
    </row>
    <row r="115471" spans="1:7" x14ac:dyDescent="0.3">
      <c r="A115471" s="13" t="s">
        <v>549</v>
      </c>
      <c r="B115471" s="14" t="s">
        <v>1</v>
      </c>
      <c r="C115471" s="14" t="s">
        <v>546</v>
      </c>
      <c r="D115471" s="14" t="s">
        <v>550</v>
      </c>
      <c r="E115471" s="15">
        <v>45507</v>
      </c>
      <c r="F115471" s="14" t="s">
        <v>61</v>
      </c>
      <c r="G115471" s="16">
        <v>0.69552830736842131</v>
      </c>
    </row>
    <row r="115472" spans="1:7" x14ac:dyDescent="0.3">
      <c r="A115472" s="13" t="s">
        <v>549</v>
      </c>
      <c r="B115472" s="14" t="s">
        <v>1</v>
      </c>
      <c r="C115472" s="14" t="s">
        <v>546</v>
      </c>
      <c r="D115472" s="14" t="s">
        <v>550</v>
      </c>
      <c r="E115472" s="15">
        <v>45508</v>
      </c>
      <c r="F115472" s="14" t="s">
        <v>61</v>
      </c>
      <c r="G115472" s="16">
        <v>0.69552830736842131</v>
      </c>
    </row>
    <row r="115473" spans="1:7" x14ac:dyDescent="0.3">
      <c r="A115473" s="13" t="s">
        <v>549</v>
      </c>
      <c r="B115473" s="14" t="s">
        <v>1</v>
      </c>
      <c r="C115473" s="14" t="s">
        <v>546</v>
      </c>
      <c r="D115473" s="14" t="s">
        <v>550</v>
      </c>
      <c r="E115473" s="15">
        <v>45509</v>
      </c>
      <c r="F115473" s="14" t="s">
        <v>61</v>
      </c>
      <c r="G115473" s="16">
        <v>0.69552830736842131</v>
      </c>
    </row>
    <row r="115474" spans="1:7" x14ac:dyDescent="0.3">
      <c r="A115474" s="13" t="s">
        <v>549</v>
      </c>
      <c r="B115474" s="14" t="s">
        <v>1</v>
      </c>
      <c r="C115474" s="14" t="s">
        <v>546</v>
      </c>
      <c r="D115474" s="14" t="s">
        <v>550</v>
      </c>
      <c r="E115474" s="15">
        <v>45510</v>
      </c>
      <c r="F115474" s="14" t="s">
        <v>61</v>
      </c>
      <c r="G115474" s="16">
        <v>0.69277452315789489</v>
      </c>
    </row>
    <row r="115475" spans="1:7" x14ac:dyDescent="0.3">
      <c r="A115475" s="13" t="s">
        <v>549</v>
      </c>
      <c r="B115475" s="14" t="s">
        <v>1</v>
      </c>
      <c r="C115475" s="14" t="s">
        <v>546</v>
      </c>
      <c r="D115475" s="14" t="s">
        <v>550</v>
      </c>
      <c r="E115475" s="15">
        <v>45511</v>
      </c>
      <c r="F115475" s="14" t="s">
        <v>61</v>
      </c>
      <c r="G115475" s="16">
        <v>0.68759832105263174</v>
      </c>
    </row>
    <row r="115476" spans="1:7" x14ac:dyDescent="0.3">
      <c r="A115476" s="13" t="s">
        <v>549</v>
      </c>
      <c r="B115476" s="14" t="s">
        <v>1</v>
      </c>
      <c r="C115476" s="14" t="s">
        <v>546</v>
      </c>
      <c r="D115476" s="14" t="s">
        <v>550</v>
      </c>
      <c r="E115476" s="15">
        <v>45512</v>
      </c>
      <c r="F115476" s="14" t="s">
        <v>61</v>
      </c>
      <c r="G115476" s="16">
        <v>0.68637764000000012</v>
      </c>
    </row>
    <row r="115477" spans="1:7" x14ac:dyDescent="0.3">
      <c r="A115477" s="13" t="s">
        <v>549</v>
      </c>
      <c r="B115477" s="14" t="s">
        <v>1</v>
      </c>
      <c r="C115477" s="14" t="s">
        <v>546</v>
      </c>
      <c r="D115477" s="14" t="s">
        <v>550</v>
      </c>
      <c r="E115477" s="15">
        <v>45513</v>
      </c>
      <c r="F115477" s="14" t="s">
        <v>61</v>
      </c>
      <c r="G115477" s="16">
        <v>0.6850715789473687</v>
      </c>
    </row>
    <row r="115478" spans="1:7" x14ac:dyDescent="0.3">
      <c r="A115478" s="13" t="s">
        <v>549</v>
      </c>
      <c r="B115478" s="14" t="s">
        <v>1</v>
      </c>
      <c r="C115478" s="14" t="s">
        <v>546</v>
      </c>
      <c r="D115478" s="14" t="s">
        <v>550</v>
      </c>
      <c r="E115478" s="15">
        <v>45514</v>
      </c>
      <c r="F115478" s="14" t="s">
        <v>61</v>
      </c>
      <c r="G115478" s="16">
        <v>0.6850715789473687</v>
      </c>
    </row>
    <row r="115479" spans="1:7" x14ac:dyDescent="0.3">
      <c r="A115479" s="13" t="s">
        <v>549</v>
      </c>
      <c r="B115479" s="14" t="s">
        <v>1</v>
      </c>
      <c r="C115479" s="14" t="s">
        <v>546</v>
      </c>
      <c r="D115479" s="14" t="s">
        <v>550</v>
      </c>
      <c r="E115479" s="15">
        <v>45515</v>
      </c>
      <c r="F115479" s="14" t="s">
        <v>61</v>
      </c>
      <c r="G115479" s="16">
        <v>0.6850715789473687</v>
      </c>
    </row>
    <row r="115480" spans="1:7" x14ac:dyDescent="0.3">
      <c r="A115480" s="13" t="s">
        <v>549</v>
      </c>
      <c r="B115480" s="14" t="s">
        <v>1</v>
      </c>
      <c r="C115480" s="14" t="s">
        <v>546</v>
      </c>
      <c r="D115480" s="14" t="s">
        <v>550</v>
      </c>
      <c r="E115480" s="15">
        <v>45516</v>
      </c>
      <c r="F115480" s="14" t="s">
        <v>61</v>
      </c>
      <c r="G115480" s="16">
        <v>0.68263579578947398</v>
      </c>
    </row>
    <row r="115481" spans="1:7" x14ac:dyDescent="0.3">
      <c r="A115481" s="13" t="s">
        <v>549</v>
      </c>
      <c r="B115481" s="14" t="s">
        <v>1</v>
      </c>
      <c r="C115481" s="14" t="s">
        <v>546</v>
      </c>
      <c r="D115481" s="14" t="s">
        <v>550</v>
      </c>
      <c r="E115481" s="15">
        <v>45517</v>
      </c>
      <c r="F115481" s="14" t="s">
        <v>61</v>
      </c>
      <c r="G115481" s="16">
        <v>0.67443488842105281</v>
      </c>
    </row>
    <row r="115482" spans="1:7" x14ac:dyDescent="0.3">
      <c r="A115482" s="13" t="s">
        <v>549</v>
      </c>
      <c r="B115482" s="14" t="s">
        <v>1</v>
      </c>
      <c r="C115482" s="14" t="s">
        <v>546</v>
      </c>
      <c r="D115482" s="14" t="s">
        <v>550</v>
      </c>
      <c r="E115482" s="15">
        <v>45518</v>
      </c>
      <c r="F115482" s="14" t="s">
        <v>61</v>
      </c>
      <c r="G115482" s="16">
        <v>0.67224496842105286</v>
      </c>
    </row>
    <row r="115483" spans="1:7" x14ac:dyDescent="0.3">
      <c r="A115483" s="13" t="s">
        <v>549</v>
      </c>
      <c r="B115483" s="14" t="s">
        <v>1</v>
      </c>
      <c r="C115483" s="14" t="s">
        <v>546</v>
      </c>
      <c r="D115483" s="14" t="s">
        <v>550</v>
      </c>
      <c r="E115483" s="15">
        <v>45519</v>
      </c>
      <c r="F115483" s="14" t="s">
        <v>61</v>
      </c>
      <c r="G115483" s="16">
        <v>0.67321088421052655</v>
      </c>
    </row>
    <row r="115484" spans="1:7" x14ac:dyDescent="0.3">
      <c r="A115484" s="13" t="s">
        <v>549</v>
      </c>
      <c r="B115484" s="14" t="s">
        <v>1</v>
      </c>
      <c r="C115484" s="14" t="s">
        <v>546</v>
      </c>
      <c r="D115484" s="14" t="s">
        <v>550</v>
      </c>
      <c r="E115484" s="15">
        <v>45520</v>
      </c>
      <c r="F115484" s="14" t="s">
        <v>61</v>
      </c>
      <c r="G115484" s="16">
        <v>0.68266874631578978</v>
      </c>
    </row>
    <row r="115485" spans="1:7" x14ac:dyDescent="0.3">
      <c r="A115485" s="13" t="s">
        <v>549</v>
      </c>
      <c r="B115485" s="14" t="s">
        <v>1</v>
      </c>
      <c r="C115485" s="14" t="s">
        <v>546</v>
      </c>
      <c r="D115485" s="14" t="s">
        <v>550</v>
      </c>
      <c r="E115485" s="15">
        <v>45521</v>
      </c>
      <c r="F115485" s="14" t="s">
        <v>61</v>
      </c>
      <c r="G115485" s="16">
        <v>0.68266874631578978</v>
      </c>
    </row>
    <row r="115486" spans="1:7" x14ac:dyDescent="0.3">
      <c r="A115486" s="13" t="s">
        <v>549</v>
      </c>
      <c r="B115486" s="14" t="s">
        <v>1</v>
      </c>
      <c r="C115486" s="14" t="s">
        <v>546</v>
      </c>
      <c r="D115486" s="14" t="s">
        <v>550</v>
      </c>
      <c r="E115486" s="15">
        <v>45522</v>
      </c>
      <c r="F115486" s="14" t="s">
        <v>61</v>
      </c>
      <c r="G115486" s="16">
        <v>0.68266874631578978</v>
      </c>
    </row>
    <row r="115487" spans="1:7" x14ac:dyDescent="0.3">
      <c r="A115487" s="13" t="s">
        <v>549</v>
      </c>
      <c r="B115487" s="14" t="s">
        <v>1</v>
      </c>
      <c r="C115487" s="14" t="s">
        <v>546</v>
      </c>
      <c r="D115487" s="14" t="s">
        <v>550</v>
      </c>
      <c r="E115487" s="15">
        <v>45523</v>
      </c>
      <c r="F115487" s="14" t="s">
        <v>61</v>
      </c>
      <c r="G115487" s="16">
        <v>0.68762783157894769</v>
      </c>
    </row>
    <row r="115488" spans="1:7" x14ac:dyDescent="0.3">
      <c r="A115488" s="13" t="s">
        <v>549</v>
      </c>
      <c r="B115488" s="14" t="s">
        <v>1</v>
      </c>
      <c r="C115488" s="14" t="s">
        <v>546</v>
      </c>
      <c r="D115488" s="14" t="s">
        <v>550</v>
      </c>
      <c r="E115488" s="15">
        <v>45524</v>
      </c>
      <c r="F115488" s="14" t="s">
        <v>61</v>
      </c>
      <c r="G115488" s="16">
        <v>0.68047653052631607</v>
      </c>
    </row>
    <row r="115489" spans="1:7" x14ac:dyDescent="0.3">
      <c r="A115489" s="13" t="s">
        <v>549</v>
      </c>
      <c r="B115489" s="14" t="s">
        <v>1</v>
      </c>
      <c r="C115489" s="14" t="s">
        <v>546</v>
      </c>
      <c r="D115489" s="14" t="s">
        <v>550</v>
      </c>
      <c r="E115489" s="15">
        <v>45525</v>
      </c>
      <c r="F115489" s="14" t="s">
        <v>61</v>
      </c>
      <c r="G115489" s="16">
        <v>0.67777312000000034</v>
      </c>
    </row>
    <row r="115490" spans="1:7" x14ac:dyDescent="0.3">
      <c r="A115490" s="13" t="s">
        <v>549</v>
      </c>
      <c r="B115490" s="14" t="s">
        <v>1</v>
      </c>
      <c r="C115490" s="14" t="s">
        <v>546</v>
      </c>
      <c r="D115490" s="14" t="s">
        <v>550</v>
      </c>
      <c r="E115490" s="15">
        <v>45526</v>
      </c>
      <c r="F115490" s="14" t="s">
        <v>61</v>
      </c>
      <c r="G115490" s="16">
        <v>0.67855338736842141</v>
      </c>
    </row>
    <row r="115491" spans="1:7" x14ac:dyDescent="0.3">
      <c r="A115491" s="13" t="s">
        <v>549</v>
      </c>
      <c r="B115491" s="14" t="s">
        <v>1</v>
      </c>
      <c r="C115491" s="14" t="s">
        <v>546</v>
      </c>
      <c r="D115491" s="14" t="s">
        <v>550</v>
      </c>
      <c r="E115491" s="15">
        <v>45527</v>
      </c>
      <c r="F115491" s="14" t="s">
        <v>61</v>
      </c>
      <c r="G115491" s="16">
        <v>0.67225058526315817</v>
      </c>
    </row>
    <row r="115492" spans="1:7" x14ac:dyDescent="0.3">
      <c r="A115492" s="13" t="s">
        <v>549</v>
      </c>
      <c r="B115492" s="14" t="s">
        <v>1</v>
      </c>
      <c r="C115492" s="14" t="s">
        <v>546</v>
      </c>
      <c r="D115492" s="14" t="s">
        <v>550</v>
      </c>
      <c r="E115492" s="15">
        <v>45528</v>
      </c>
      <c r="F115492" s="14" t="s">
        <v>61</v>
      </c>
      <c r="G115492" s="16">
        <v>0.67225058526315817</v>
      </c>
    </row>
    <row r="115493" spans="1:7" x14ac:dyDescent="0.3">
      <c r="A115493" s="13" t="s">
        <v>549</v>
      </c>
      <c r="B115493" s="14" t="s">
        <v>1</v>
      </c>
      <c r="C115493" s="14" t="s">
        <v>546</v>
      </c>
      <c r="D115493" s="14" t="s">
        <v>550</v>
      </c>
      <c r="E115493" s="15">
        <v>45529</v>
      </c>
      <c r="F115493" s="14" t="s">
        <v>61</v>
      </c>
      <c r="G115493" s="16">
        <v>0.67225058526315817</v>
      </c>
    </row>
    <row r="115494" spans="1:7" x14ac:dyDescent="0.3">
      <c r="A115494" s="13" t="s">
        <v>549</v>
      </c>
      <c r="B115494" s="14" t="s">
        <v>1</v>
      </c>
      <c r="C115494" s="14" t="s">
        <v>546</v>
      </c>
      <c r="D115494" s="14" t="s">
        <v>550</v>
      </c>
      <c r="E115494" s="15">
        <v>45530</v>
      </c>
      <c r="F115494" s="14" t="s">
        <v>61</v>
      </c>
      <c r="G115494" s="16">
        <v>0.67263228947368447</v>
      </c>
    </row>
    <row r="115495" spans="1:7" x14ac:dyDescent="0.3">
      <c r="A115495" s="13" t="s">
        <v>549</v>
      </c>
      <c r="B115495" s="14" t="s">
        <v>1</v>
      </c>
      <c r="C115495" s="14" t="s">
        <v>546</v>
      </c>
      <c r="D115495" s="14" t="s">
        <v>550</v>
      </c>
      <c r="E115495" s="15">
        <v>45531</v>
      </c>
      <c r="F115495" s="14" t="s">
        <v>61</v>
      </c>
      <c r="G115495" s="16">
        <v>0.6668197800000002</v>
      </c>
    </row>
    <row r="115496" spans="1:7" x14ac:dyDescent="0.3">
      <c r="A115496" s="13" t="s">
        <v>549</v>
      </c>
      <c r="B115496" s="14" t="s">
        <v>1</v>
      </c>
      <c r="C115496" s="14" t="s">
        <v>546</v>
      </c>
      <c r="D115496" s="14" t="s">
        <v>550</v>
      </c>
      <c r="E115496" s="15">
        <v>45532</v>
      </c>
      <c r="F115496" s="14" t="s">
        <v>61</v>
      </c>
      <c r="G115496" s="16">
        <v>0.66974309052631609</v>
      </c>
    </row>
    <row r="115497" spans="1:7" x14ac:dyDescent="0.3">
      <c r="A115497" s="13" t="s">
        <v>549</v>
      </c>
      <c r="B115497" s="14" t="s">
        <v>1</v>
      </c>
      <c r="C115497" s="14" t="s">
        <v>546</v>
      </c>
      <c r="D115497" s="14" t="s">
        <v>550</v>
      </c>
      <c r="E115497" s="15">
        <v>45533</v>
      </c>
      <c r="F115497" s="14" t="s">
        <v>61</v>
      </c>
      <c r="G115497" s="16">
        <v>0.67085813368421066</v>
      </c>
    </row>
    <row r="115498" spans="1:7" x14ac:dyDescent="0.3">
      <c r="A115498" s="13" t="s">
        <v>549</v>
      </c>
      <c r="B115498" s="14" t="s">
        <v>1</v>
      </c>
      <c r="C115498" s="14" t="s">
        <v>546</v>
      </c>
      <c r="D115498" s="14" t="s">
        <v>550</v>
      </c>
      <c r="E115498" s="15">
        <v>45534</v>
      </c>
      <c r="F115498" s="14" t="s">
        <v>61</v>
      </c>
      <c r="G115498" s="16">
        <v>0.67116499578947386</v>
      </c>
    </row>
    <row r="115499" spans="1:7" x14ac:dyDescent="0.3">
      <c r="A115499" s="13" t="s">
        <v>549</v>
      </c>
      <c r="B115499" s="14" t="s">
        <v>1</v>
      </c>
      <c r="C115499" s="14" t="s">
        <v>546</v>
      </c>
      <c r="D115499" s="14" t="s">
        <v>550</v>
      </c>
      <c r="E115499" s="15">
        <v>45535</v>
      </c>
      <c r="F115499" s="14" t="s">
        <v>61</v>
      </c>
      <c r="G115499" s="16">
        <v>0.67116499578947386</v>
      </c>
    </row>
    <row r="115500" spans="1:7" x14ac:dyDescent="0.3">
      <c r="A115500" s="13" t="s">
        <v>549</v>
      </c>
      <c r="B115500" s="14" t="s">
        <v>1</v>
      </c>
      <c r="C115500" s="14" t="s">
        <v>546</v>
      </c>
      <c r="D115500" s="14" t="s">
        <v>550</v>
      </c>
      <c r="E115500" s="15">
        <v>45536</v>
      </c>
      <c r="F115500" s="14" t="s">
        <v>61</v>
      </c>
      <c r="G115500" s="16">
        <v>0.67116499578947386</v>
      </c>
    </row>
    <row r="115501" spans="1:7" x14ac:dyDescent="0.3">
      <c r="A115501" s="13" t="s">
        <v>549</v>
      </c>
      <c r="B115501" s="14" t="s">
        <v>1</v>
      </c>
      <c r="C115501" s="14" t="s">
        <v>546</v>
      </c>
      <c r="D115501" s="14" t="s">
        <v>550</v>
      </c>
      <c r="E115501" s="15">
        <v>45537</v>
      </c>
      <c r="F115501" s="14" t="s">
        <v>61</v>
      </c>
      <c r="G115501" s="16">
        <v>0.66820844315789507</v>
      </c>
    </row>
    <row r="115502" spans="1:7" x14ac:dyDescent="0.3">
      <c r="A115502" s="13" t="s">
        <v>549</v>
      </c>
      <c r="B115502" s="14" t="s">
        <v>1</v>
      </c>
      <c r="C115502" s="14" t="s">
        <v>546</v>
      </c>
      <c r="D115502" s="14" t="s">
        <v>550</v>
      </c>
      <c r="E115502" s="15">
        <v>45538</v>
      </c>
      <c r="F115502" s="14" t="s">
        <v>61</v>
      </c>
      <c r="G115502" s="16">
        <v>0.66794445789473711</v>
      </c>
    </row>
    <row r="115503" spans="1:7" x14ac:dyDescent="0.3">
      <c r="A115503" s="13" t="s">
        <v>549</v>
      </c>
      <c r="B115503" s="14" t="s">
        <v>1</v>
      </c>
      <c r="C115503" s="14" t="s">
        <v>546</v>
      </c>
      <c r="D115503" s="14" t="s">
        <v>550</v>
      </c>
      <c r="E115503" s="15">
        <v>45539</v>
      </c>
      <c r="F115503" s="14" t="s">
        <v>61</v>
      </c>
      <c r="G115503" s="16">
        <v>0.66411179578947399</v>
      </c>
    </row>
    <row r="115504" spans="1:7" x14ac:dyDescent="0.3">
      <c r="A115504" s="13" t="s">
        <v>549</v>
      </c>
      <c r="B115504" s="14" t="s">
        <v>1</v>
      </c>
      <c r="C115504" s="14" t="s">
        <v>546</v>
      </c>
      <c r="D115504" s="14" t="s">
        <v>550</v>
      </c>
      <c r="E115504" s="15">
        <v>45540</v>
      </c>
      <c r="F115504" s="14" t="s">
        <v>61</v>
      </c>
      <c r="G115504" s="16">
        <v>0.6807315789473688</v>
      </c>
    </row>
    <row r="115505" spans="1:7" x14ac:dyDescent="0.3">
      <c r="A115505" s="13" t="s">
        <v>549</v>
      </c>
      <c r="B115505" s="14" t="s">
        <v>1</v>
      </c>
      <c r="C115505" s="14" t="s">
        <v>546</v>
      </c>
      <c r="D115505" s="14" t="s">
        <v>550</v>
      </c>
      <c r="E115505" s="15">
        <v>45541</v>
      </c>
      <c r="F115505" s="14" t="s">
        <v>61</v>
      </c>
      <c r="G115505" s="16">
        <v>0.68958374736842143</v>
      </c>
    </row>
    <row r="115506" spans="1:7" x14ac:dyDescent="0.3">
      <c r="A115506" s="13" t="s">
        <v>549</v>
      </c>
      <c r="B115506" s="14" t="s">
        <v>1</v>
      </c>
      <c r="C115506" s="14" t="s">
        <v>546</v>
      </c>
      <c r="D115506" s="14" t="s">
        <v>550</v>
      </c>
      <c r="E115506" s="15">
        <v>45542</v>
      </c>
      <c r="F115506" s="14" t="s">
        <v>61</v>
      </c>
      <c r="G115506" s="16">
        <v>0.68958374736842143</v>
      </c>
    </row>
    <row r="115507" spans="1:7" x14ac:dyDescent="0.3">
      <c r="A115507" s="13" t="s">
        <v>549</v>
      </c>
      <c r="B115507" s="14" t="s">
        <v>1</v>
      </c>
      <c r="C115507" s="14" t="s">
        <v>546</v>
      </c>
      <c r="D115507" s="14" t="s">
        <v>550</v>
      </c>
      <c r="E115507" s="15">
        <v>45543</v>
      </c>
      <c r="F115507" s="14" t="s">
        <v>61</v>
      </c>
      <c r="G115507" s="16">
        <v>0.68958374736842143</v>
      </c>
    </row>
    <row r="115508" spans="1:7" x14ac:dyDescent="0.3">
      <c r="A115508" s="13" t="s">
        <v>549</v>
      </c>
      <c r="B115508" s="14" t="s">
        <v>1</v>
      </c>
      <c r="C115508" s="14" t="s">
        <v>546</v>
      </c>
      <c r="D115508" s="14" t="s">
        <v>550</v>
      </c>
      <c r="E115508" s="15">
        <v>45544</v>
      </c>
      <c r="F115508" s="14" t="s">
        <v>61</v>
      </c>
      <c r="G115508" s="16">
        <v>0.69132567157894786</v>
      </c>
    </row>
    <row r="115509" spans="1:7" x14ac:dyDescent="0.3">
      <c r="A115509" s="13" t="s">
        <v>549</v>
      </c>
      <c r="B115509" s="14" t="s">
        <v>1</v>
      </c>
      <c r="C115509" s="14" t="s">
        <v>546</v>
      </c>
      <c r="D115509" s="14" t="s">
        <v>550</v>
      </c>
      <c r="E115509" s="15">
        <v>45545</v>
      </c>
      <c r="F115509" s="14" t="s">
        <v>61</v>
      </c>
      <c r="G115509" s="16">
        <v>0.69883172210526356</v>
      </c>
    </row>
    <row r="115510" spans="1:7" x14ac:dyDescent="0.3">
      <c r="A115510" s="13" t="s">
        <v>549</v>
      </c>
      <c r="B115510" s="14" t="s">
        <v>1</v>
      </c>
      <c r="C115510" s="14" t="s">
        <v>546</v>
      </c>
      <c r="D115510" s="14" t="s">
        <v>550</v>
      </c>
      <c r="E115510" s="15">
        <v>45546</v>
      </c>
      <c r="F115510" s="14" t="s">
        <v>61</v>
      </c>
      <c r="G115510" s="16">
        <v>0.69777371263157939</v>
      </c>
    </row>
    <row r="115511" spans="1:7" x14ac:dyDescent="0.3">
      <c r="A115511" s="13" t="s">
        <v>549</v>
      </c>
      <c r="B115511" s="14" t="s">
        <v>1</v>
      </c>
      <c r="C115511" s="14" t="s">
        <v>546</v>
      </c>
      <c r="D115511" s="14" t="s">
        <v>550</v>
      </c>
      <c r="E115511" s="15">
        <v>45547</v>
      </c>
      <c r="F115511" s="14" t="s">
        <v>61</v>
      </c>
      <c r="G115511" s="16">
        <v>0.72163569684210571</v>
      </c>
    </row>
    <row r="115512" spans="1:7" x14ac:dyDescent="0.3">
      <c r="A115512" s="13" t="s">
        <v>549</v>
      </c>
      <c r="B115512" s="14" t="s">
        <v>1</v>
      </c>
      <c r="C115512" s="14" t="s">
        <v>546</v>
      </c>
      <c r="D115512" s="14" t="s">
        <v>550</v>
      </c>
      <c r="E115512" s="15">
        <v>45548</v>
      </c>
      <c r="F115512" s="14" t="s">
        <v>61</v>
      </c>
      <c r="G115512" s="16">
        <v>0.72011129263157947</v>
      </c>
    </row>
    <row r="115513" spans="1:7" x14ac:dyDescent="0.3">
      <c r="A115513" s="13" t="s">
        <v>549</v>
      </c>
      <c r="B115513" s="14" t="s">
        <v>1</v>
      </c>
      <c r="C115513" s="14" t="s">
        <v>546</v>
      </c>
      <c r="D115513" s="14" t="s">
        <v>550</v>
      </c>
      <c r="E115513" s="15">
        <v>45549</v>
      </c>
      <c r="F115513" s="14" t="s">
        <v>61</v>
      </c>
      <c r="G115513" s="16">
        <v>0.72011129263157947</v>
      </c>
    </row>
    <row r="115514" spans="1:7" x14ac:dyDescent="0.3">
      <c r="A115514" s="13" t="s">
        <v>549</v>
      </c>
      <c r="B115514" s="14" t="s">
        <v>1</v>
      </c>
      <c r="C115514" s="14" t="s">
        <v>546</v>
      </c>
      <c r="D115514" s="14" t="s">
        <v>550</v>
      </c>
      <c r="E115514" s="15">
        <v>45550</v>
      </c>
      <c r="F115514" s="14" t="s">
        <v>61</v>
      </c>
      <c r="G115514" s="16">
        <v>0.72011129263157947</v>
      </c>
    </row>
    <row r="115515" spans="1:7" x14ac:dyDescent="0.3">
      <c r="A115515" s="13" t="s">
        <v>549</v>
      </c>
      <c r="B115515" s="14" t="s">
        <v>1</v>
      </c>
      <c r="C115515" s="14" t="s">
        <v>546</v>
      </c>
      <c r="D115515" s="14" t="s">
        <v>550</v>
      </c>
      <c r="E115515" s="15">
        <v>45551</v>
      </c>
      <c r="F115515" s="14" t="s">
        <v>61</v>
      </c>
      <c r="G115515" s="16">
        <v>0.72011129263157947</v>
      </c>
    </row>
    <row r="115516" spans="1:7" x14ac:dyDescent="0.3">
      <c r="A115516" s="13" t="s">
        <v>549</v>
      </c>
      <c r="B115516" s="14" t="s">
        <v>1</v>
      </c>
      <c r="C115516" s="14" t="s">
        <v>546</v>
      </c>
      <c r="D115516" s="14" t="s">
        <v>550</v>
      </c>
      <c r="E115516" s="15">
        <v>45552</v>
      </c>
      <c r="F115516" s="14" t="s">
        <v>61</v>
      </c>
      <c r="G115516" s="16">
        <v>0.72011129263157947</v>
      </c>
    </row>
    <row r="115517" spans="1:7" x14ac:dyDescent="0.3">
      <c r="A115517" s="13" t="s">
        <v>549</v>
      </c>
      <c r="B115517" s="14" t="s">
        <v>1</v>
      </c>
      <c r="C115517" s="14" t="s">
        <v>546</v>
      </c>
      <c r="D115517" s="14" t="s">
        <v>550</v>
      </c>
      <c r="E115517" s="15">
        <v>45553</v>
      </c>
      <c r="F115517" s="14" t="s">
        <v>61</v>
      </c>
      <c r="G115517" s="16">
        <v>0.72011129263157947</v>
      </c>
    </row>
    <row r="115518" spans="1:7" x14ac:dyDescent="0.3">
      <c r="A115518" s="13" t="s">
        <v>549</v>
      </c>
      <c r="B115518" s="14" t="s">
        <v>1</v>
      </c>
      <c r="C115518" s="14" t="s">
        <v>546</v>
      </c>
      <c r="D115518" s="14" t="s">
        <v>550</v>
      </c>
      <c r="E115518" s="15">
        <v>45554</v>
      </c>
      <c r="F115518" s="14" t="s">
        <v>61</v>
      </c>
      <c r="G115518" s="16">
        <v>0.71319298315789525</v>
      </c>
    </row>
    <row r="115519" spans="1:7" x14ac:dyDescent="0.3">
      <c r="A115519" s="13" t="s">
        <v>549</v>
      </c>
      <c r="B115519" s="14" t="s">
        <v>1</v>
      </c>
      <c r="C115519" s="14" t="s">
        <v>546</v>
      </c>
      <c r="D115519" s="14" t="s">
        <v>550</v>
      </c>
      <c r="E115519" s="15">
        <v>45555</v>
      </c>
      <c r="F115519" s="14" t="s">
        <v>61</v>
      </c>
      <c r="G115519" s="16">
        <v>0.70444769052631617</v>
      </c>
    </row>
    <row r="115520" spans="1:7" x14ac:dyDescent="0.3">
      <c r="A115520" s="13" t="s">
        <v>549</v>
      </c>
      <c r="B115520" s="14" t="s">
        <v>1</v>
      </c>
      <c r="C115520" s="14" t="s">
        <v>546</v>
      </c>
      <c r="D115520" s="14" t="s">
        <v>550</v>
      </c>
      <c r="E115520" s="15">
        <v>45556</v>
      </c>
      <c r="F115520" s="14" t="s">
        <v>61</v>
      </c>
      <c r="G115520" s="16">
        <v>0.70444769052631617</v>
      </c>
    </row>
    <row r="115521" spans="1:7" x14ac:dyDescent="0.3">
      <c r="A115521" s="13" t="s">
        <v>549</v>
      </c>
      <c r="B115521" s="14" t="s">
        <v>1</v>
      </c>
      <c r="C115521" s="14" t="s">
        <v>546</v>
      </c>
      <c r="D115521" s="14" t="s">
        <v>550</v>
      </c>
      <c r="E115521" s="15">
        <v>45557</v>
      </c>
      <c r="F115521" s="14" t="s">
        <v>61</v>
      </c>
      <c r="G115521" s="16">
        <v>0.70444769052631617</v>
      </c>
    </row>
    <row r="115522" spans="1:7" x14ac:dyDescent="0.3">
      <c r="A115522" s="13" t="s">
        <v>549</v>
      </c>
      <c r="B115522" s="14" t="s">
        <v>1</v>
      </c>
      <c r="C115522" s="14" t="s">
        <v>546</v>
      </c>
      <c r="D115522" s="14" t="s">
        <v>550</v>
      </c>
      <c r="E115522" s="15">
        <v>45558</v>
      </c>
      <c r="F115522" s="14" t="s">
        <v>61</v>
      </c>
      <c r="G115522" s="16">
        <v>0.70610621052631617</v>
      </c>
    </row>
    <row r="115523" spans="1:7" x14ac:dyDescent="0.3">
      <c r="A115523" s="13" t="s">
        <v>549</v>
      </c>
      <c r="B115523" s="14" t="s">
        <v>1</v>
      </c>
      <c r="C115523" s="14" t="s">
        <v>546</v>
      </c>
      <c r="D115523" s="14" t="s">
        <v>550</v>
      </c>
      <c r="E115523" s="15">
        <v>45559</v>
      </c>
      <c r="F115523" s="14" t="s">
        <v>61</v>
      </c>
      <c r="G115523" s="16">
        <v>0.69741546105263186</v>
      </c>
    </row>
    <row r="115524" spans="1:7" x14ac:dyDescent="0.3">
      <c r="A115524" s="13" t="s">
        <v>549</v>
      </c>
      <c r="B115524" s="14" t="s">
        <v>1</v>
      </c>
      <c r="C115524" s="14" t="s">
        <v>546</v>
      </c>
      <c r="D115524" s="14" t="s">
        <v>550</v>
      </c>
      <c r="E115524" s="15">
        <v>45560</v>
      </c>
      <c r="F115524" s="14" t="s">
        <v>61</v>
      </c>
      <c r="G115524" s="16">
        <v>0.69881633684210553</v>
      </c>
    </row>
    <row r="115525" spans="1:7" x14ac:dyDescent="0.3">
      <c r="A115525" s="13" t="s">
        <v>549</v>
      </c>
      <c r="B115525" s="14" t="s">
        <v>1</v>
      </c>
      <c r="C115525" s="14" t="s">
        <v>546</v>
      </c>
      <c r="D115525" s="14" t="s">
        <v>550</v>
      </c>
      <c r="E115525" s="15">
        <v>45561</v>
      </c>
      <c r="F115525" s="14" t="s">
        <v>61</v>
      </c>
      <c r="G115525" s="16">
        <v>0.69462624421052666</v>
      </c>
    </row>
    <row r="115526" spans="1:7" x14ac:dyDescent="0.3">
      <c r="A115526" s="13" t="s">
        <v>549</v>
      </c>
      <c r="B115526" s="14" t="s">
        <v>1</v>
      </c>
      <c r="C115526" s="14" t="s">
        <v>546</v>
      </c>
      <c r="D115526" s="14" t="s">
        <v>550</v>
      </c>
      <c r="E115526" s="15">
        <v>45562</v>
      </c>
      <c r="F115526" s="14" t="s">
        <v>61</v>
      </c>
      <c r="G115526" s="16">
        <v>0.6954403368421056</v>
      </c>
    </row>
    <row r="115527" spans="1:7" x14ac:dyDescent="0.3">
      <c r="A115527" s="13" t="s">
        <v>549</v>
      </c>
      <c r="B115527" s="14" t="s">
        <v>1</v>
      </c>
      <c r="C115527" s="14" t="s">
        <v>546</v>
      </c>
      <c r="D115527" s="14" t="s">
        <v>550</v>
      </c>
      <c r="E115527" s="15">
        <v>45563</v>
      </c>
      <c r="F115527" s="14" t="s">
        <v>61</v>
      </c>
      <c r="G115527" s="16">
        <v>0.6954403368421056</v>
      </c>
    </row>
    <row r="115528" spans="1:7" x14ac:dyDescent="0.3">
      <c r="A115528" s="13" t="s">
        <v>549</v>
      </c>
      <c r="B115528" s="14" t="s">
        <v>1</v>
      </c>
      <c r="C115528" s="14" t="s">
        <v>546</v>
      </c>
      <c r="D115528" s="14" t="s">
        <v>550</v>
      </c>
      <c r="E115528" s="15">
        <v>45564</v>
      </c>
      <c r="F115528" s="14" t="s">
        <v>61</v>
      </c>
      <c r="G115528" s="16">
        <v>0.6954403368421056</v>
      </c>
    </row>
    <row r="115529" spans="1:7" x14ac:dyDescent="0.3">
      <c r="A115529" s="13" t="s">
        <v>549</v>
      </c>
      <c r="B115529" s="14" t="s">
        <v>1</v>
      </c>
      <c r="C115529" s="14" t="s">
        <v>546</v>
      </c>
      <c r="D115529" s="14" t="s">
        <v>550</v>
      </c>
      <c r="E115529" s="15">
        <v>45565</v>
      </c>
      <c r="F115529" s="14" t="s">
        <v>61</v>
      </c>
      <c r="G115529" s="16">
        <v>0.69853272631578966</v>
      </c>
    </row>
    <row r="115530" spans="1:7" x14ac:dyDescent="0.3">
      <c r="A115530" s="13" t="s">
        <v>549</v>
      </c>
      <c r="B115530" s="14" t="s">
        <v>1</v>
      </c>
      <c r="C115530" s="14" t="s">
        <v>546</v>
      </c>
      <c r="D115530" s="14" t="s">
        <v>550</v>
      </c>
      <c r="E115530" s="15">
        <v>45566</v>
      </c>
      <c r="F115530" s="14" t="s">
        <v>61</v>
      </c>
      <c r="G115530" s="16">
        <v>0.69853272631578966</v>
      </c>
    </row>
    <row r="115531" spans="1:7" x14ac:dyDescent="0.3">
      <c r="A115531" s="13" t="s">
        <v>549</v>
      </c>
      <c r="B115531" s="14" t="s">
        <v>1</v>
      </c>
      <c r="C115531" s="14" t="s">
        <v>546</v>
      </c>
      <c r="D115531" s="14" t="s">
        <v>550</v>
      </c>
      <c r="E115531" s="15">
        <v>45567</v>
      </c>
      <c r="F115531" s="14" t="s">
        <v>61</v>
      </c>
      <c r="G115531" s="16">
        <v>0.69853272631578966</v>
      </c>
    </row>
    <row r="115532" spans="1:7" x14ac:dyDescent="0.3">
      <c r="A115532" s="13" t="s">
        <v>549</v>
      </c>
      <c r="B115532" s="14" t="s">
        <v>1</v>
      </c>
      <c r="C115532" s="14" t="s">
        <v>546</v>
      </c>
      <c r="D115532" s="14" t="s">
        <v>550</v>
      </c>
      <c r="E115532" s="15">
        <v>45568</v>
      </c>
      <c r="F115532" s="14" t="s">
        <v>61</v>
      </c>
      <c r="G115532" s="16">
        <v>0.69853272631578966</v>
      </c>
    </row>
    <row r="115533" spans="1:7" x14ac:dyDescent="0.3">
      <c r="A115533" s="13" t="s">
        <v>549</v>
      </c>
      <c r="B115533" s="14" t="s">
        <v>1</v>
      </c>
      <c r="C115533" s="14" t="s">
        <v>546</v>
      </c>
      <c r="D115533" s="14" t="s">
        <v>550</v>
      </c>
      <c r="E115533" s="15">
        <v>45569</v>
      </c>
      <c r="F115533" s="14" t="s">
        <v>61</v>
      </c>
      <c r="G115533" s="16">
        <v>0.69853272631578966</v>
      </c>
    </row>
    <row r="115534" spans="1:7" x14ac:dyDescent="0.3">
      <c r="A115534" s="13" t="s">
        <v>549</v>
      </c>
      <c r="B115534" s="14" t="s">
        <v>1</v>
      </c>
      <c r="C115534" s="14" t="s">
        <v>546</v>
      </c>
      <c r="D115534" s="14" t="s">
        <v>550</v>
      </c>
      <c r="E115534" s="15">
        <v>45570</v>
      </c>
      <c r="F115534" s="14" t="s">
        <v>61</v>
      </c>
      <c r="G115534" s="16">
        <v>0.69853272631578966</v>
      </c>
    </row>
    <row r="115535" spans="1:7" x14ac:dyDescent="0.3">
      <c r="A115535" s="13" t="s">
        <v>549</v>
      </c>
      <c r="B115535" s="14" t="s">
        <v>1</v>
      </c>
      <c r="C115535" s="14" t="s">
        <v>546</v>
      </c>
      <c r="D115535" s="14" t="s">
        <v>550</v>
      </c>
      <c r="E115535" s="15">
        <v>45571</v>
      </c>
      <c r="F115535" s="14" t="s">
        <v>61</v>
      </c>
      <c r="G115535" s="16">
        <v>0.69853272631578966</v>
      </c>
    </row>
    <row r="115536" spans="1:7" x14ac:dyDescent="0.3">
      <c r="A115536" s="13" t="s">
        <v>549</v>
      </c>
      <c r="B115536" s="14" t="s">
        <v>1</v>
      </c>
      <c r="C115536" s="14" t="s">
        <v>546</v>
      </c>
      <c r="D115536" s="14" t="s">
        <v>550</v>
      </c>
      <c r="E115536" s="15">
        <v>45572</v>
      </c>
      <c r="F115536" s="14" t="s">
        <v>61</v>
      </c>
      <c r="G115536" s="16">
        <v>0.69853272631578966</v>
      </c>
    </row>
    <row r="115537" spans="1:7" x14ac:dyDescent="0.3">
      <c r="A115537" s="13" t="s">
        <v>549</v>
      </c>
      <c r="B115537" s="14" t="s">
        <v>1</v>
      </c>
      <c r="C115537" s="14" t="s">
        <v>546</v>
      </c>
      <c r="D115537" s="14" t="s">
        <v>550</v>
      </c>
      <c r="E115537" s="15">
        <v>45573</v>
      </c>
      <c r="F115537" s="14" t="s">
        <v>61</v>
      </c>
      <c r="G115537" s="16">
        <v>0.70889613157894749</v>
      </c>
    </row>
    <row r="115538" spans="1:7" x14ac:dyDescent="0.3">
      <c r="A115538" s="13" t="s">
        <v>549</v>
      </c>
      <c r="B115538" s="14" t="s">
        <v>1</v>
      </c>
      <c r="C115538" s="14" t="s">
        <v>546</v>
      </c>
      <c r="D115538" s="14" t="s">
        <v>550</v>
      </c>
      <c r="E115538" s="15">
        <v>45574</v>
      </c>
      <c r="F115538" s="14" t="s">
        <v>61</v>
      </c>
      <c r="G115538" s="16">
        <v>0.70009475684210554</v>
      </c>
    </row>
    <row r="115539" spans="1:7" x14ac:dyDescent="0.3">
      <c r="A115539" s="13" t="s">
        <v>549</v>
      </c>
      <c r="B115539" s="14" t="s">
        <v>1</v>
      </c>
      <c r="C115539" s="14" t="s">
        <v>546</v>
      </c>
      <c r="D115539" s="14" t="s">
        <v>550</v>
      </c>
      <c r="E115539" s="15">
        <v>45575</v>
      </c>
      <c r="F115539" s="14" t="s">
        <v>61</v>
      </c>
      <c r="G115539" s="16">
        <v>0.7034816084210529</v>
      </c>
    </row>
    <row r="115540" spans="1:7" x14ac:dyDescent="0.3">
      <c r="A115540" s="13" t="s">
        <v>549</v>
      </c>
      <c r="B115540" s="14" t="s">
        <v>1</v>
      </c>
      <c r="C115540" s="14" t="s">
        <v>546</v>
      </c>
      <c r="D115540" s="14" t="s">
        <v>550</v>
      </c>
      <c r="E115540" s="15">
        <v>45576</v>
      </c>
      <c r="F115540" s="14" t="s">
        <v>61</v>
      </c>
      <c r="G115540" s="16">
        <v>0.7034816084210529</v>
      </c>
    </row>
    <row r="115541" spans="1:7" x14ac:dyDescent="0.3">
      <c r="A115541" s="13" t="s">
        <v>549</v>
      </c>
      <c r="B115541" s="14" t="s">
        <v>1</v>
      </c>
      <c r="C115541" s="14" t="s">
        <v>546</v>
      </c>
      <c r="D115541" s="14" t="s">
        <v>550</v>
      </c>
      <c r="E115541" s="15">
        <v>45577</v>
      </c>
      <c r="F115541" s="14" t="s">
        <v>61</v>
      </c>
      <c r="G115541" s="16">
        <v>0.7034816084210529</v>
      </c>
    </row>
    <row r="115542" spans="1:7" x14ac:dyDescent="0.3">
      <c r="A115542" s="13" t="s">
        <v>549</v>
      </c>
      <c r="B115542" s="14" t="s">
        <v>1</v>
      </c>
      <c r="C115542" s="14" t="s">
        <v>546</v>
      </c>
      <c r="D115542" s="14" t="s">
        <v>550</v>
      </c>
      <c r="E115542" s="15">
        <v>45578</v>
      </c>
      <c r="F115542" s="14" t="s">
        <v>61</v>
      </c>
      <c r="G115542" s="16">
        <v>0.7034816084210529</v>
      </c>
    </row>
    <row r="115543" spans="1:7" x14ac:dyDescent="0.3">
      <c r="A115543" s="13" t="s">
        <v>549</v>
      </c>
      <c r="B115543" s="14" t="s">
        <v>1</v>
      </c>
      <c r="C115543" s="14" t="s">
        <v>546</v>
      </c>
      <c r="D115543" s="14" t="s">
        <v>550</v>
      </c>
      <c r="E115543" s="15">
        <v>45579</v>
      </c>
      <c r="F115543" s="14" t="s">
        <v>61</v>
      </c>
      <c r="G115543" s="16">
        <v>0.70337954315789486</v>
      </c>
    </row>
    <row r="115544" spans="1:7" x14ac:dyDescent="0.3">
      <c r="A115544" s="13" t="s">
        <v>549</v>
      </c>
      <c r="B115544" s="14" t="s">
        <v>1</v>
      </c>
      <c r="C115544" s="14" t="s">
        <v>546</v>
      </c>
      <c r="D115544" s="14" t="s">
        <v>550</v>
      </c>
      <c r="E115544" s="15">
        <v>45580</v>
      </c>
      <c r="F115544" s="14" t="s">
        <v>61</v>
      </c>
      <c r="G115544" s="16">
        <v>0.69725346105263186</v>
      </c>
    </row>
    <row r="115545" spans="1:7" x14ac:dyDescent="0.3">
      <c r="A115545" s="13" t="s">
        <v>549</v>
      </c>
      <c r="B115545" s="14" t="s">
        <v>1</v>
      </c>
      <c r="C115545" s="14" t="s">
        <v>546</v>
      </c>
      <c r="D115545" s="14" t="s">
        <v>550</v>
      </c>
      <c r="E115545" s="15">
        <v>45581</v>
      </c>
      <c r="F115545" s="14" t="s">
        <v>61</v>
      </c>
      <c r="G115545" s="16">
        <v>0.69734965473684241</v>
      </c>
    </row>
    <row r="115546" spans="1:7" x14ac:dyDescent="0.3">
      <c r="A115546" s="13" t="s">
        <v>549</v>
      </c>
      <c r="B115546" s="14" t="s">
        <v>1</v>
      </c>
      <c r="C115546" s="14" t="s">
        <v>546</v>
      </c>
      <c r="D115546" s="14" t="s">
        <v>550</v>
      </c>
      <c r="E115546" s="15">
        <v>45582</v>
      </c>
      <c r="F115546" s="14" t="s">
        <v>61</v>
      </c>
      <c r="G115546" s="16">
        <v>0.69757963789473709</v>
      </c>
    </row>
    <row r="115547" spans="1:7" x14ac:dyDescent="0.3">
      <c r="A115547" s="13" t="s">
        <v>549</v>
      </c>
      <c r="B115547" s="14" t="s">
        <v>1</v>
      </c>
      <c r="C115547" s="14" t="s">
        <v>546</v>
      </c>
      <c r="D115547" s="14" t="s">
        <v>550</v>
      </c>
      <c r="E115547" s="15">
        <v>45583</v>
      </c>
      <c r="F115547" s="14" t="s">
        <v>61</v>
      </c>
      <c r="G115547" s="16">
        <v>0.69360801473684242</v>
      </c>
    </row>
    <row r="115548" spans="1:7" x14ac:dyDescent="0.3">
      <c r="A115548" s="13" t="s">
        <v>549</v>
      </c>
      <c r="B115548" s="14" t="s">
        <v>1</v>
      </c>
      <c r="C115548" s="14" t="s">
        <v>546</v>
      </c>
      <c r="D115548" s="14" t="s">
        <v>550</v>
      </c>
      <c r="E115548" s="15">
        <v>45584</v>
      </c>
      <c r="F115548" s="14" t="s">
        <v>61</v>
      </c>
      <c r="G115548" s="16">
        <v>0.69360801473684242</v>
      </c>
    </row>
    <row r="115549" spans="1:7" x14ac:dyDescent="0.3">
      <c r="A115549" s="13" t="s">
        <v>549</v>
      </c>
      <c r="B115549" s="14" t="s">
        <v>1</v>
      </c>
      <c r="C115549" s="14" t="s">
        <v>546</v>
      </c>
      <c r="D115549" s="14" t="s">
        <v>550</v>
      </c>
      <c r="E115549" s="15">
        <v>45585</v>
      </c>
      <c r="F115549" s="14" t="s">
        <v>61</v>
      </c>
      <c r="G115549" s="16">
        <v>0.69360801473684242</v>
      </c>
    </row>
    <row r="115550" spans="1:7" x14ac:dyDescent="0.3">
      <c r="A115550" s="13" t="s">
        <v>549</v>
      </c>
      <c r="B115550" s="14" t="s">
        <v>1</v>
      </c>
      <c r="C115550" s="14" t="s">
        <v>546</v>
      </c>
      <c r="D115550" s="14" t="s">
        <v>550</v>
      </c>
      <c r="E115550" s="15">
        <v>45586</v>
      </c>
      <c r="F115550" s="14" t="s">
        <v>61</v>
      </c>
      <c r="G115550" s="16">
        <v>0.70907087368421085</v>
      </c>
    </row>
    <row r="115551" spans="1:7" x14ac:dyDescent="0.3">
      <c r="A115551" s="13" t="s">
        <v>549</v>
      </c>
      <c r="B115551" s="14" t="s">
        <v>1</v>
      </c>
      <c r="C115551" s="14" t="s">
        <v>546</v>
      </c>
      <c r="D115551" s="14" t="s">
        <v>550</v>
      </c>
      <c r="E115551" s="15">
        <v>45587</v>
      </c>
      <c r="F115551" s="14" t="s">
        <v>61</v>
      </c>
      <c r="G115551" s="16">
        <v>0.70469946947368445</v>
      </c>
    </row>
    <row r="115552" spans="1:7" x14ac:dyDescent="0.3">
      <c r="A115552" s="13" t="s">
        <v>549</v>
      </c>
      <c r="B115552" s="14" t="s">
        <v>1</v>
      </c>
      <c r="C115552" s="14" t="s">
        <v>546</v>
      </c>
      <c r="D115552" s="14" t="s">
        <v>550</v>
      </c>
      <c r="E115552" s="15">
        <v>45588</v>
      </c>
      <c r="F115552" s="14" t="s">
        <v>61</v>
      </c>
      <c r="G115552" s="16">
        <v>0.70408424842105299</v>
      </c>
    </row>
    <row r="115553" spans="1:7" x14ac:dyDescent="0.3">
      <c r="A115553" s="13" t="s">
        <v>549</v>
      </c>
      <c r="B115553" s="14" t="s">
        <v>1</v>
      </c>
      <c r="C115553" s="14" t="s">
        <v>546</v>
      </c>
      <c r="D115553" s="14" t="s">
        <v>550</v>
      </c>
      <c r="E115553" s="15">
        <v>45589</v>
      </c>
      <c r="F115553" s="14" t="s">
        <v>61</v>
      </c>
      <c r="G115553" s="16">
        <v>0.70115036315789514</v>
      </c>
    </row>
    <row r="115554" spans="1:7" x14ac:dyDescent="0.3">
      <c r="A115554" s="13" t="s">
        <v>549</v>
      </c>
      <c r="B115554" s="14" t="s">
        <v>1</v>
      </c>
      <c r="C115554" s="14" t="s">
        <v>546</v>
      </c>
      <c r="D115554" s="14" t="s">
        <v>550</v>
      </c>
      <c r="E115554" s="15">
        <v>45590</v>
      </c>
      <c r="F115554" s="14" t="s">
        <v>61</v>
      </c>
      <c r="G115554" s="16">
        <v>0.70144538315789517</v>
      </c>
    </row>
    <row r="115555" spans="1:7" x14ac:dyDescent="0.3">
      <c r="A115555" s="13" t="s">
        <v>549</v>
      </c>
      <c r="B115555" s="14" t="s">
        <v>1</v>
      </c>
      <c r="C115555" s="14" t="s">
        <v>546</v>
      </c>
      <c r="D115555" s="14" t="s">
        <v>550</v>
      </c>
      <c r="E115555" s="15">
        <v>45591</v>
      </c>
      <c r="F115555" s="14" t="s">
        <v>61</v>
      </c>
      <c r="G115555" s="16">
        <v>0.70144538315789517</v>
      </c>
    </row>
    <row r="115556" spans="1:7" x14ac:dyDescent="0.3">
      <c r="A115556" s="13" t="s">
        <v>549</v>
      </c>
      <c r="B115556" s="14" t="s">
        <v>1</v>
      </c>
      <c r="C115556" s="14" t="s">
        <v>546</v>
      </c>
      <c r="D115556" s="14" t="s">
        <v>550</v>
      </c>
      <c r="E115556" s="15">
        <v>45592</v>
      </c>
      <c r="F115556" s="14" t="s">
        <v>61</v>
      </c>
      <c r="G115556" s="16">
        <v>0.70144538315789517</v>
      </c>
    </row>
    <row r="115557" spans="1:7" x14ac:dyDescent="0.3">
      <c r="A115557" s="13" t="s">
        <v>549</v>
      </c>
      <c r="B115557" s="14" t="s">
        <v>1</v>
      </c>
      <c r="C115557" s="14" t="s">
        <v>546</v>
      </c>
      <c r="D115557" s="14" t="s">
        <v>550</v>
      </c>
      <c r="E115557" s="15">
        <v>45593</v>
      </c>
      <c r="F115557" s="14" t="s">
        <v>61</v>
      </c>
      <c r="G115557" s="16">
        <v>0.70144538315789517</v>
      </c>
    </row>
    <row r="115558" spans="1:7" x14ac:dyDescent="0.3">
      <c r="A115558" s="13" t="s">
        <v>549</v>
      </c>
      <c r="B115558" s="14" t="s">
        <v>1</v>
      </c>
      <c r="C115558" s="14" t="s">
        <v>546</v>
      </c>
      <c r="D115558" s="14" t="s">
        <v>550</v>
      </c>
      <c r="E115558" s="15">
        <v>45594</v>
      </c>
      <c r="F115558" s="14" t="s">
        <v>61</v>
      </c>
      <c r="G115558" s="16">
        <v>0.70268204842105308</v>
      </c>
    </row>
    <row r="115559" spans="1:7" x14ac:dyDescent="0.3">
      <c r="A115559" s="13" t="s">
        <v>549</v>
      </c>
      <c r="B115559" s="14" t="s">
        <v>1</v>
      </c>
      <c r="C115559" s="14" t="s">
        <v>546</v>
      </c>
      <c r="D115559" s="14" t="s">
        <v>550</v>
      </c>
      <c r="E115559" s="15">
        <v>45595</v>
      </c>
      <c r="F115559" s="14" t="s">
        <v>61</v>
      </c>
      <c r="G115559" s="16">
        <v>0.69329742631578994</v>
      </c>
    </row>
    <row r="115560" spans="1:7" x14ac:dyDescent="0.3">
      <c r="A115560" s="13" t="s">
        <v>549</v>
      </c>
      <c r="B115560" s="14" t="s">
        <v>1</v>
      </c>
      <c r="C115560" s="14" t="s">
        <v>546</v>
      </c>
      <c r="D115560" s="14" t="s">
        <v>550</v>
      </c>
      <c r="E115560" s="15">
        <v>45596</v>
      </c>
      <c r="F115560" s="14" t="s">
        <v>61</v>
      </c>
      <c r="G115560" s="16">
        <v>0.68983504000000051</v>
      </c>
    </row>
    <row r="115561" spans="1:7" x14ac:dyDescent="0.3">
      <c r="A115561" s="13" t="s">
        <v>549</v>
      </c>
      <c r="B115561" s="14" t="s">
        <v>1</v>
      </c>
      <c r="C115561" s="14" t="s">
        <v>546</v>
      </c>
      <c r="D115561" s="14" t="s">
        <v>550</v>
      </c>
      <c r="E115561" s="15">
        <v>45597</v>
      </c>
      <c r="F115561" s="14" t="s">
        <v>61</v>
      </c>
      <c r="G115561" s="16">
        <v>0.69551450526315817</v>
      </c>
    </row>
    <row r="115562" spans="1:7" x14ac:dyDescent="0.3">
      <c r="A115562" s="13" t="s">
        <v>549</v>
      </c>
      <c r="B115562" s="14" t="s">
        <v>1</v>
      </c>
      <c r="C115562" s="14" t="s">
        <v>546</v>
      </c>
      <c r="D115562" s="14" t="s">
        <v>550</v>
      </c>
      <c r="E115562" s="15">
        <v>45598</v>
      </c>
      <c r="F115562" s="14" t="s">
        <v>61</v>
      </c>
      <c r="G115562" s="16">
        <v>0.69551450526315817</v>
      </c>
    </row>
    <row r="115563" spans="1:7" x14ac:dyDescent="0.3">
      <c r="A115563" s="13" t="s">
        <v>549</v>
      </c>
      <c r="B115563" s="14" t="s">
        <v>1</v>
      </c>
      <c r="C115563" s="14" t="s">
        <v>546</v>
      </c>
      <c r="D115563" s="14" t="s">
        <v>550</v>
      </c>
      <c r="E115563" s="15">
        <v>45599</v>
      </c>
      <c r="F115563" s="14" t="s">
        <v>61</v>
      </c>
      <c r="G115563" s="16">
        <v>0.69551450526315817</v>
      </c>
    </row>
    <row r="115564" spans="1:7" x14ac:dyDescent="0.3">
      <c r="A115564" s="13" t="s">
        <v>549</v>
      </c>
      <c r="B115564" s="14" t="s">
        <v>1</v>
      </c>
      <c r="C115564" s="14" t="s">
        <v>546</v>
      </c>
      <c r="D115564" s="14" t="s">
        <v>550</v>
      </c>
      <c r="E115564" s="15">
        <v>45600</v>
      </c>
      <c r="F115564" s="14" t="s">
        <v>61</v>
      </c>
      <c r="G115564" s="16">
        <v>0.6934425052631582</v>
      </c>
    </row>
    <row r="115565" spans="1:7" x14ac:dyDescent="0.3">
      <c r="A115565" s="13" t="s">
        <v>549</v>
      </c>
      <c r="B115565" s="14" t="s">
        <v>1</v>
      </c>
      <c r="C115565" s="14" t="s">
        <v>546</v>
      </c>
      <c r="D115565" s="14" t="s">
        <v>550</v>
      </c>
      <c r="E115565" s="15">
        <v>45601</v>
      </c>
      <c r="F115565" s="14" t="s">
        <v>61</v>
      </c>
      <c r="G115565" s="16">
        <v>0.68484070421052656</v>
      </c>
    </row>
    <row r="115566" spans="1:7" x14ac:dyDescent="0.3">
      <c r="A115566" s="13" t="s">
        <v>549</v>
      </c>
      <c r="B115566" s="14" t="s">
        <v>1</v>
      </c>
      <c r="C115566" s="14" t="s">
        <v>546</v>
      </c>
      <c r="D115566" s="14" t="s">
        <v>550</v>
      </c>
      <c r="E115566" s="15">
        <v>45602</v>
      </c>
      <c r="F115566" s="14" t="s">
        <v>61</v>
      </c>
      <c r="G115566" s="16">
        <v>0.69601760000000024</v>
      </c>
    </row>
    <row r="115567" spans="1:7" x14ac:dyDescent="0.3">
      <c r="A115567" s="13" t="s">
        <v>549</v>
      </c>
      <c r="B115567" s="14" t="s">
        <v>1</v>
      </c>
      <c r="C115567" s="14" t="s">
        <v>546</v>
      </c>
      <c r="D115567" s="14" t="s">
        <v>550</v>
      </c>
      <c r="E115567" s="15">
        <v>45603</v>
      </c>
      <c r="F115567" s="14" t="s">
        <v>61</v>
      </c>
      <c r="G115567" s="16">
        <v>0.6892866252631582</v>
      </c>
    </row>
    <row r="115568" spans="1:7" x14ac:dyDescent="0.3">
      <c r="A115568" s="13" t="s">
        <v>549</v>
      </c>
      <c r="B115568" s="14" t="s">
        <v>1</v>
      </c>
      <c r="C115568" s="14" t="s">
        <v>546</v>
      </c>
      <c r="D115568" s="14" t="s">
        <v>550</v>
      </c>
      <c r="E115568" s="15">
        <v>45604</v>
      </c>
      <c r="F115568" s="14" t="s">
        <v>61</v>
      </c>
      <c r="G115568" s="16">
        <v>0.69616926000000023</v>
      </c>
    </row>
    <row r="115569" spans="1:7" x14ac:dyDescent="0.3">
      <c r="A115569" s="13" t="s">
        <v>549</v>
      </c>
      <c r="B115569" s="14" t="s">
        <v>1</v>
      </c>
      <c r="C115569" s="14" t="s">
        <v>546</v>
      </c>
      <c r="D115569" s="14" t="s">
        <v>550</v>
      </c>
      <c r="E115569" s="15">
        <v>45605</v>
      </c>
      <c r="F115569" s="14" t="s">
        <v>61</v>
      </c>
      <c r="G115569" s="16">
        <v>0.69616926000000023</v>
      </c>
    </row>
    <row r="115570" spans="1:7" x14ac:dyDescent="0.3">
      <c r="A115570" s="13" t="s">
        <v>549</v>
      </c>
      <c r="B115570" s="14" t="s">
        <v>1</v>
      </c>
      <c r="C115570" s="14" t="s">
        <v>546</v>
      </c>
      <c r="D115570" s="14" t="s">
        <v>550</v>
      </c>
      <c r="E115570" s="15">
        <v>45606</v>
      </c>
      <c r="F115570" s="14" t="s">
        <v>61</v>
      </c>
      <c r="G115570" s="16">
        <v>0.69616926000000023</v>
      </c>
    </row>
    <row r="115571" spans="1:7" x14ac:dyDescent="0.3">
      <c r="A115571" s="13" t="s">
        <v>549</v>
      </c>
      <c r="B115571" s="14" t="s">
        <v>1</v>
      </c>
      <c r="C115571" s="14" t="s">
        <v>546</v>
      </c>
      <c r="D115571" s="14" t="s">
        <v>550</v>
      </c>
      <c r="E115571" s="15">
        <v>45607</v>
      </c>
      <c r="F115571" s="14" t="s">
        <v>61</v>
      </c>
      <c r="G115571" s="16">
        <v>0.69839150526315819</v>
      </c>
    </row>
    <row r="115572" spans="1:7" x14ac:dyDescent="0.3">
      <c r="A115572" s="13" t="s">
        <v>549</v>
      </c>
      <c r="B115572" s="14" t="s">
        <v>1</v>
      </c>
      <c r="C115572" s="14" t="s">
        <v>546</v>
      </c>
      <c r="D115572" s="14" t="s">
        <v>550</v>
      </c>
      <c r="E115572" s="15">
        <v>45608</v>
      </c>
      <c r="F115572" s="14" t="s">
        <v>61</v>
      </c>
      <c r="G115572" s="16">
        <v>0.69523427157894757</v>
      </c>
    </row>
    <row r="115573" spans="1:7" x14ac:dyDescent="0.3">
      <c r="A115573" s="13" t="s">
        <v>549</v>
      </c>
      <c r="B115573" s="14" t="s">
        <v>1</v>
      </c>
      <c r="C115573" s="14" t="s">
        <v>546</v>
      </c>
      <c r="D115573" s="14" t="s">
        <v>550</v>
      </c>
      <c r="E115573" s="15">
        <v>45609</v>
      </c>
      <c r="F115573" s="14" t="s">
        <v>61</v>
      </c>
      <c r="G115573" s="16">
        <v>0.69730149473684233</v>
      </c>
    </row>
    <row r="115574" spans="1:7" x14ac:dyDescent="0.3">
      <c r="A115574" s="13" t="s">
        <v>549</v>
      </c>
      <c r="B115574" s="14" t="s">
        <v>1</v>
      </c>
      <c r="C115574" s="14" t="s">
        <v>546</v>
      </c>
      <c r="D115574" s="14" t="s">
        <v>550</v>
      </c>
      <c r="E115574" s="15">
        <v>45610</v>
      </c>
      <c r="F115574" s="14" t="s">
        <v>61</v>
      </c>
      <c r="G115574" s="16">
        <v>0.69784604631578973</v>
      </c>
    </row>
    <row r="115575" spans="1:7" x14ac:dyDescent="0.3">
      <c r="A115575" s="13" t="s">
        <v>549</v>
      </c>
      <c r="B115575" s="14" t="s">
        <v>1</v>
      </c>
      <c r="C115575" s="14" t="s">
        <v>546</v>
      </c>
      <c r="D115575" s="14" t="s">
        <v>550</v>
      </c>
      <c r="E115575" s="15">
        <v>45611</v>
      </c>
      <c r="F115575" s="14" t="s">
        <v>61</v>
      </c>
      <c r="G115575" s="16">
        <v>0.69546359368421073</v>
      </c>
    </row>
    <row r="115576" spans="1:7" x14ac:dyDescent="0.3">
      <c r="A115576" s="13" t="s">
        <v>549</v>
      </c>
      <c r="B115576" s="14" t="s">
        <v>1</v>
      </c>
      <c r="C115576" s="14" t="s">
        <v>546</v>
      </c>
      <c r="D115576" s="14" t="s">
        <v>550</v>
      </c>
      <c r="E115576" s="15">
        <v>45612</v>
      </c>
      <c r="F115576" s="14" t="s">
        <v>61</v>
      </c>
      <c r="G115576" s="16">
        <v>0.69546359368421073</v>
      </c>
    </row>
    <row r="115577" spans="1:7" x14ac:dyDescent="0.3">
      <c r="A115577" s="13" t="s">
        <v>549</v>
      </c>
      <c r="B115577" s="14" t="s">
        <v>1</v>
      </c>
      <c r="C115577" s="14" t="s">
        <v>546</v>
      </c>
      <c r="D115577" s="14" t="s">
        <v>550</v>
      </c>
      <c r="E115577" s="15">
        <v>45613</v>
      </c>
      <c r="F115577" s="14" t="s">
        <v>61</v>
      </c>
      <c r="G115577" s="16">
        <v>0.69546359368421073</v>
      </c>
    </row>
    <row r="115578" spans="1:7" x14ac:dyDescent="0.3">
      <c r="A115578" s="13" t="s">
        <v>549</v>
      </c>
      <c r="B115578" s="14" t="s">
        <v>1</v>
      </c>
      <c r="C115578" s="14" t="s">
        <v>546</v>
      </c>
      <c r="D115578" s="14" t="s">
        <v>550</v>
      </c>
      <c r="E115578" s="15">
        <v>45614</v>
      </c>
      <c r="F115578" s="14" t="s">
        <v>61</v>
      </c>
      <c r="G115578" s="16">
        <v>0.68990976105263191</v>
      </c>
    </row>
    <row r="115579" spans="1:7" x14ac:dyDescent="0.3">
      <c r="A115579" s="13" t="s">
        <v>549</v>
      </c>
      <c r="B115579" s="14" t="s">
        <v>1</v>
      </c>
      <c r="C115579" s="14" t="s">
        <v>546</v>
      </c>
      <c r="D115579" s="14" t="s">
        <v>550</v>
      </c>
      <c r="E115579" s="15">
        <v>45615</v>
      </c>
      <c r="F115579" s="14" t="s">
        <v>61</v>
      </c>
      <c r="G115579" s="16">
        <v>0.68516593473684229</v>
      </c>
    </row>
    <row r="115580" spans="1:7" x14ac:dyDescent="0.3">
      <c r="A115580" s="13" t="s">
        <v>549</v>
      </c>
      <c r="B115580" s="14" t="s">
        <v>1</v>
      </c>
      <c r="C115580" s="14" t="s">
        <v>546</v>
      </c>
      <c r="D115580" s="14" t="s">
        <v>550</v>
      </c>
      <c r="E115580" s="15">
        <v>45616</v>
      </c>
      <c r="F115580" s="14" t="s">
        <v>61</v>
      </c>
      <c r="G115580" s="16">
        <v>0.68683871684210551</v>
      </c>
    </row>
    <row r="115581" spans="1:7" x14ac:dyDescent="0.3">
      <c r="A115581" s="13" t="s">
        <v>549</v>
      </c>
      <c r="B115581" s="14" t="s">
        <v>1</v>
      </c>
      <c r="C115581" s="14" t="s">
        <v>546</v>
      </c>
      <c r="D115581" s="14" t="s">
        <v>550</v>
      </c>
      <c r="E115581" s="15">
        <v>45617</v>
      </c>
      <c r="F115581" s="14" t="s">
        <v>61</v>
      </c>
      <c r="G115581" s="16">
        <v>0.68971357263157929</v>
      </c>
    </row>
    <row r="115582" spans="1:7" x14ac:dyDescent="0.3">
      <c r="A115582" s="13" t="s">
        <v>549</v>
      </c>
      <c r="B115582" s="14" t="s">
        <v>1</v>
      </c>
      <c r="C115582" s="14" t="s">
        <v>546</v>
      </c>
      <c r="D115582" s="14" t="s">
        <v>550</v>
      </c>
      <c r="E115582" s="15">
        <v>45618</v>
      </c>
      <c r="F115582" s="14" t="s">
        <v>61</v>
      </c>
      <c r="G115582" s="16">
        <v>0.69154700000000024</v>
      </c>
    </row>
    <row r="115583" spans="1:7" x14ac:dyDescent="0.3">
      <c r="A115583" s="13" t="s">
        <v>549</v>
      </c>
      <c r="B115583" s="14" t="s">
        <v>1</v>
      </c>
      <c r="C115583" s="14" t="s">
        <v>546</v>
      </c>
      <c r="D115583" s="14" t="s">
        <v>550</v>
      </c>
      <c r="E115583" s="15">
        <v>45619</v>
      </c>
      <c r="F115583" s="14" t="s">
        <v>61</v>
      </c>
      <c r="G115583" s="16">
        <v>0.69154700000000024</v>
      </c>
    </row>
    <row r="115584" spans="1:7" x14ac:dyDescent="0.3">
      <c r="A115584" s="13" t="s">
        <v>549</v>
      </c>
      <c r="B115584" s="14" t="s">
        <v>1</v>
      </c>
      <c r="C115584" s="14" t="s">
        <v>546</v>
      </c>
      <c r="D115584" s="14" t="s">
        <v>550</v>
      </c>
      <c r="E115584" s="15">
        <v>45620</v>
      </c>
      <c r="F115584" s="14" t="s">
        <v>61</v>
      </c>
      <c r="G115584" s="16">
        <v>0.69154700000000024</v>
      </c>
    </row>
    <row r="115585" spans="1:7" x14ac:dyDescent="0.3">
      <c r="A115585" s="13" t="s">
        <v>549</v>
      </c>
      <c r="B115585" s="14" t="s">
        <v>1</v>
      </c>
      <c r="C115585" s="14" t="s">
        <v>546</v>
      </c>
      <c r="D115585" s="14" t="s">
        <v>550</v>
      </c>
      <c r="E115585" s="15">
        <v>45621</v>
      </c>
      <c r="F115585" s="14" t="s">
        <v>61</v>
      </c>
      <c r="G115585" s="16">
        <v>0.68503311157894764</v>
      </c>
    </row>
    <row r="115586" spans="1:7" x14ac:dyDescent="0.3">
      <c r="A115586" s="13" t="s">
        <v>549</v>
      </c>
      <c r="B115586" s="14" t="s">
        <v>1</v>
      </c>
      <c r="C115586" s="14" t="s">
        <v>546</v>
      </c>
      <c r="D115586" s="14" t="s">
        <v>550</v>
      </c>
      <c r="E115586" s="15">
        <v>45622</v>
      </c>
      <c r="F115586" s="14" t="s">
        <v>61</v>
      </c>
      <c r="G115586" s="16">
        <v>0.68052574842105296</v>
      </c>
    </row>
    <row r="115587" spans="1:7" x14ac:dyDescent="0.3">
      <c r="A115587" s="13" t="s">
        <v>549</v>
      </c>
      <c r="B115587" s="14" t="s">
        <v>1</v>
      </c>
      <c r="C115587" s="14" t="s">
        <v>546</v>
      </c>
      <c r="D115587" s="14" t="s">
        <v>550</v>
      </c>
      <c r="E115587" s="15">
        <v>45623</v>
      </c>
      <c r="F115587" s="14" t="s">
        <v>61</v>
      </c>
      <c r="G115587" s="16">
        <v>0.67391501578947399</v>
      </c>
    </row>
    <row r="115588" spans="1:7" x14ac:dyDescent="0.3">
      <c r="A115588" s="13" t="s">
        <v>549</v>
      </c>
      <c r="B115588" s="14" t="s">
        <v>1</v>
      </c>
      <c r="C115588" s="14" t="s">
        <v>546</v>
      </c>
      <c r="D115588" s="14" t="s">
        <v>550</v>
      </c>
      <c r="E115588" s="15">
        <v>45624</v>
      </c>
      <c r="F115588" s="14" t="s">
        <v>61</v>
      </c>
      <c r="G115588" s="16">
        <v>0.67364864000000035</v>
      </c>
    </row>
    <row r="115589" spans="1:7" x14ac:dyDescent="0.3">
      <c r="A115589" s="13" t="s">
        <v>549</v>
      </c>
      <c r="B115589" s="14" t="s">
        <v>1</v>
      </c>
      <c r="C115589" s="14" t="s">
        <v>546</v>
      </c>
      <c r="D115589" s="14" t="s">
        <v>550</v>
      </c>
      <c r="E115589" s="15">
        <v>45625</v>
      </c>
      <c r="F115589" s="14" t="s">
        <v>61</v>
      </c>
      <c r="G115589" s="16">
        <v>0.67333378315789505</v>
      </c>
    </row>
    <row r="115590" spans="1:7" x14ac:dyDescent="0.3">
      <c r="A115590" s="13" t="s">
        <v>549</v>
      </c>
      <c r="B115590" s="14" t="s">
        <v>1</v>
      </c>
      <c r="C115590" s="14" t="s">
        <v>546</v>
      </c>
      <c r="D115590" s="14" t="s">
        <v>550</v>
      </c>
      <c r="E115590" s="15">
        <v>45626</v>
      </c>
      <c r="F115590" s="14" t="s">
        <v>61</v>
      </c>
      <c r="G115590" s="16">
        <v>0.67333378315789505</v>
      </c>
    </row>
    <row r="115591" spans="1:7" x14ac:dyDescent="0.3">
      <c r="A115591" s="13" t="s">
        <v>549</v>
      </c>
      <c r="B115591" s="14" t="s">
        <v>1</v>
      </c>
      <c r="C115591" s="14" t="s">
        <v>546</v>
      </c>
      <c r="D115591" s="14" t="s">
        <v>550</v>
      </c>
      <c r="E115591" s="15">
        <v>45627</v>
      </c>
      <c r="F115591" s="14" t="s">
        <v>61</v>
      </c>
      <c r="G115591" s="16">
        <v>0.67333378315789505</v>
      </c>
    </row>
    <row r="115592" spans="1:7" x14ac:dyDescent="0.3">
      <c r="A115592" s="13" t="s">
        <v>549</v>
      </c>
      <c r="B115592" s="14" t="s">
        <v>1</v>
      </c>
      <c r="C115592" s="14" t="s">
        <v>546</v>
      </c>
      <c r="D115592" s="14" t="s">
        <v>550</v>
      </c>
      <c r="E115592" s="15">
        <v>45628</v>
      </c>
      <c r="F115592" s="14" t="s">
        <v>61</v>
      </c>
      <c r="G115592" s="16">
        <v>0.67804062526315867</v>
      </c>
    </row>
    <row r="115593" spans="1:7" x14ac:dyDescent="0.3">
      <c r="A115593" s="13" t="s">
        <v>549</v>
      </c>
      <c r="B115593" s="14" t="s">
        <v>1</v>
      </c>
      <c r="C115593" s="14" t="s">
        <v>546</v>
      </c>
      <c r="D115593" s="14" t="s">
        <v>550</v>
      </c>
      <c r="E115593" s="15">
        <v>45629</v>
      </c>
      <c r="F115593" s="14" t="s">
        <v>61</v>
      </c>
      <c r="G115593" s="16">
        <v>0.67231988421052713</v>
      </c>
    </row>
    <row r="115594" spans="1:7" x14ac:dyDescent="0.3">
      <c r="A115594" s="13" t="s">
        <v>549</v>
      </c>
      <c r="B115594" s="14" t="s">
        <v>1</v>
      </c>
      <c r="C115594" s="14" t="s">
        <v>546</v>
      </c>
      <c r="D115594" s="14" t="s">
        <v>550</v>
      </c>
      <c r="E115594" s="15">
        <v>45630</v>
      </c>
      <c r="F115594" s="14" t="s">
        <v>61</v>
      </c>
      <c r="G115594" s="16">
        <v>0.67226868947368512</v>
      </c>
    </row>
    <row r="115595" spans="1:7" x14ac:dyDescent="0.3">
      <c r="A115595" s="13" t="s">
        <v>549</v>
      </c>
      <c r="B115595" s="14" t="s">
        <v>1</v>
      </c>
      <c r="C115595" s="14" t="s">
        <v>546</v>
      </c>
      <c r="D115595" s="14" t="s">
        <v>550</v>
      </c>
      <c r="E115595" s="15">
        <v>45631</v>
      </c>
      <c r="F115595" s="14" t="s">
        <v>61</v>
      </c>
      <c r="G115595" s="16">
        <v>0.66581284736842195</v>
      </c>
    </row>
    <row r="115596" spans="1:7" x14ac:dyDescent="0.3">
      <c r="A115596" s="13" t="s">
        <v>549</v>
      </c>
      <c r="B115596" s="14" t="s">
        <v>1</v>
      </c>
      <c r="C115596" s="14" t="s">
        <v>546</v>
      </c>
      <c r="D115596" s="14" t="s">
        <v>550</v>
      </c>
      <c r="E115596" s="15">
        <v>45632</v>
      </c>
      <c r="F115596" s="14" t="s">
        <v>61</v>
      </c>
      <c r="G115596" s="16">
        <v>0.66521724210526401</v>
      </c>
    </row>
    <row r="115597" spans="1:7" x14ac:dyDescent="0.3">
      <c r="A115597" s="13" t="s">
        <v>549</v>
      </c>
      <c r="B115597" s="14" t="s">
        <v>1</v>
      </c>
      <c r="C115597" s="14" t="s">
        <v>546</v>
      </c>
      <c r="D115597" s="14" t="s">
        <v>550</v>
      </c>
      <c r="E115597" s="15">
        <v>45633</v>
      </c>
      <c r="F115597" s="14" t="s">
        <v>61</v>
      </c>
      <c r="G115597" s="16">
        <v>0.66521724210526401</v>
      </c>
    </row>
    <row r="115598" spans="1:7" x14ac:dyDescent="0.3">
      <c r="A115598" s="13" t="s">
        <v>549</v>
      </c>
      <c r="B115598" s="14" t="s">
        <v>1</v>
      </c>
      <c r="C115598" s="14" t="s">
        <v>546</v>
      </c>
      <c r="D115598" s="14" t="s">
        <v>550</v>
      </c>
      <c r="E115598" s="15">
        <v>45634</v>
      </c>
      <c r="F115598" s="14" t="s">
        <v>61</v>
      </c>
      <c r="G115598" s="16">
        <v>0.66521724210526401</v>
      </c>
    </row>
    <row r="115599" spans="1:7" x14ac:dyDescent="0.3">
      <c r="A115599" s="13" t="s">
        <v>549</v>
      </c>
      <c r="B115599" s="14" t="s">
        <v>1</v>
      </c>
      <c r="C115599" s="14" t="s">
        <v>546</v>
      </c>
      <c r="D115599" s="14" t="s">
        <v>550</v>
      </c>
      <c r="E115599" s="15">
        <v>45635</v>
      </c>
      <c r="F115599" s="14" t="s">
        <v>61</v>
      </c>
      <c r="G115599" s="16">
        <v>0.66455622315789564</v>
      </c>
    </row>
    <row r="115600" spans="1:7" x14ac:dyDescent="0.3">
      <c r="A115600" s="13" t="s">
        <v>549</v>
      </c>
      <c r="B115600" s="14" t="s">
        <v>1</v>
      </c>
      <c r="C115600" s="14" t="s">
        <v>546</v>
      </c>
      <c r="D115600" s="14" t="s">
        <v>550</v>
      </c>
      <c r="E115600" s="15">
        <v>45636</v>
      </c>
      <c r="F115600" s="14" t="s">
        <v>61</v>
      </c>
      <c r="G115600" s="16">
        <v>0.66722950105263246</v>
      </c>
    </row>
    <row r="115601" spans="1:7" x14ac:dyDescent="0.3">
      <c r="A115601" s="13" t="s">
        <v>549</v>
      </c>
      <c r="B115601" s="14" t="s">
        <v>1</v>
      </c>
      <c r="C115601" s="14" t="s">
        <v>546</v>
      </c>
      <c r="D115601" s="14" t="s">
        <v>550</v>
      </c>
      <c r="E115601" s="15">
        <v>45637</v>
      </c>
      <c r="F115601" s="14" t="s">
        <v>61</v>
      </c>
      <c r="G115601" s="16">
        <v>0.66756190421052719</v>
      </c>
    </row>
    <row r="115602" spans="1:7" x14ac:dyDescent="0.3">
      <c r="A115602" s="13" t="s">
        <v>549</v>
      </c>
      <c r="B115602" s="14" t="s">
        <v>1</v>
      </c>
      <c r="C115602" s="14" t="s">
        <v>546</v>
      </c>
      <c r="D115602" s="14" t="s">
        <v>550</v>
      </c>
      <c r="E115602" s="15">
        <v>45638</v>
      </c>
      <c r="F115602" s="14" t="s">
        <v>61</v>
      </c>
      <c r="G115602" s="16">
        <v>0.66766419789473763</v>
      </c>
    </row>
    <row r="115603" spans="1:7" x14ac:dyDescent="0.3">
      <c r="A115603" s="13" t="s">
        <v>549</v>
      </c>
      <c r="B115603" s="14" t="s">
        <v>1</v>
      </c>
      <c r="C115603" s="14" t="s">
        <v>546</v>
      </c>
      <c r="D115603" s="14" t="s">
        <v>550</v>
      </c>
      <c r="E115603" s="15">
        <v>45639</v>
      </c>
      <c r="F115603" s="14" t="s">
        <v>61</v>
      </c>
      <c r="G115603" s="16">
        <v>0.66373396526315864</v>
      </c>
    </row>
    <row r="115604" spans="1:7" x14ac:dyDescent="0.3">
      <c r="A115604" s="13" t="s">
        <v>549</v>
      </c>
      <c r="B115604" s="14" t="s">
        <v>1</v>
      </c>
      <c r="C115604" s="14" t="s">
        <v>546</v>
      </c>
      <c r="D115604" s="14" t="s">
        <v>550</v>
      </c>
      <c r="E115604" s="15">
        <v>45640</v>
      </c>
      <c r="F115604" s="14" t="s">
        <v>61</v>
      </c>
      <c r="G115604" s="16">
        <v>0.66373396526315864</v>
      </c>
    </row>
    <row r="115605" spans="1:7" x14ac:dyDescent="0.3">
      <c r="A115605" s="13" t="s">
        <v>549</v>
      </c>
      <c r="B115605" s="14" t="s">
        <v>1</v>
      </c>
      <c r="C115605" s="14" t="s">
        <v>546</v>
      </c>
      <c r="D115605" s="14" t="s">
        <v>550</v>
      </c>
      <c r="E115605" s="15">
        <v>45641</v>
      </c>
      <c r="F115605" s="14" t="s">
        <v>61</v>
      </c>
      <c r="G115605" s="16">
        <v>0.66373396526315864</v>
      </c>
    </row>
    <row r="115606" spans="1:7" x14ac:dyDescent="0.3">
      <c r="A115606" s="13" t="s">
        <v>549</v>
      </c>
      <c r="B115606" s="14" t="s">
        <v>1</v>
      </c>
      <c r="C115606" s="14" t="s">
        <v>546</v>
      </c>
      <c r="D115606" s="14" t="s">
        <v>550</v>
      </c>
      <c r="E115606" s="15">
        <v>45642</v>
      </c>
      <c r="F115606" s="14" t="s">
        <v>61</v>
      </c>
      <c r="G115606" s="16">
        <v>0.66162520631579025</v>
      </c>
    </row>
    <row r="115607" spans="1:7" x14ac:dyDescent="0.3">
      <c r="A115607" s="13" t="s">
        <v>549</v>
      </c>
      <c r="B115607" s="14" t="s">
        <v>1</v>
      </c>
      <c r="C115607" s="14" t="s">
        <v>546</v>
      </c>
      <c r="D115607" s="14" t="s">
        <v>550</v>
      </c>
      <c r="E115607" s="15">
        <v>45643</v>
      </c>
      <c r="F115607" s="14" t="s">
        <v>61</v>
      </c>
      <c r="G115607" s="16">
        <v>0.65792110526315861</v>
      </c>
    </row>
    <row r="115608" spans="1:7" x14ac:dyDescent="0.3">
      <c r="A115608" s="13" t="s">
        <v>549</v>
      </c>
      <c r="B115608" s="14" t="s">
        <v>1</v>
      </c>
      <c r="C115608" s="14" t="s">
        <v>546</v>
      </c>
      <c r="D115608" s="14" t="s">
        <v>550</v>
      </c>
      <c r="E115608" s="15">
        <v>45644</v>
      </c>
      <c r="F115608" s="14" t="s">
        <v>61</v>
      </c>
      <c r="G115608" s="16">
        <v>0.66508823789473759</v>
      </c>
    </row>
    <row r="115609" spans="1:7" x14ac:dyDescent="0.3">
      <c r="A115609" s="13" t="s">
        <v>549</v>
      </c>
      <c r="B115609" s="14" t="s">
        <v>1</v>
      </c>
      <c r="C115609" s="14" t="s">
        <v>546</v>
      </c>
      <c r="D115609" s="14" t="s">
        <v>550</v>
      </c>
      <c r="E115609" s="15">
        <v>45645</v>
      </c>
      <c r="F115609" s="14" t="s">
        <v>61</v>
      </c>
      <c r="G115609" s="16">
        <v>0.66322147578947455</v>
      </c>
    </row>
    <row r="115610" spans="1:7" x14ac:dyDescent="0.3">
      <c r="A115610" s="13" t="s">
        <v>549</v>
      </c>
      <c r="B115610" s="14" t="s">
        <v>1</v>
      </c>
      <c r="C115610" s="14" t="s">
        <v>546</v>
      </c>
      <c r="D115610" s="14" t="s">
        <v>550</v>
      </c>
      <c r="E115610" s="15">
        <v>45646</v>
      </c>
      <c r="F115610" s="14" t="s">
        <v>61</v>
      </c>
      <c r="G115610" s="16">
        <v>0.65728472000000082</v>
      </c>
    </row>
    <row r="115611" spans="1:7" x14ac:dyDescent="0.3">
      <c r="A115611" s="13" t="s">
        <v>549</v>
      </c>
      <c r="B115611" s="14" t="s">
        <v>1</v>
      </c>
      <c r="C115611" s="14" t="s">
        <v>546</v>
      </c>
      <c r="D115611" s="14" t="s">
        <v>550</v>
      </c>
      <c r="E115611" s="15">
        <v>45647</v>
      </c>
      <c r="F115611" s="14" t="s">
        <v>61</v>
      </c>
      <c r="G115611" s="16">
        <v>0.65728472000000082</v>
      </c>
    </row>
    <row r="115612" spans="1:7" x14ac:dyDescent="0.3">
      <c r="A115612" s="13" t="s">
        <v>549</v>
      </c>
      <c r="B115612" s="14" t="s">
        <v>1</v>
      </c>
      <c r="C115612" s="14" t="s">
        <v>546</v>
      </c>
      <c r="D115612" s="14" t="s">
        <v>550</v>
      </c>
      <c r="E115612" s="15">
        <v>45648</v>
      </c>
      <c r="F115612" s="14" t="s">
        <v>61</v>
      </c>
      <c r="G115612" s="16">
        <v>0.65728472000000082</v>
      </c>
    </row>
    <row r="115613" spans="1:7" x14ac:dyDescent="0.3">
      <c r="A115613" s="13" t="s">
        <v>549</v>
      </c>
      <c r="B115613" s="14" t="s">
        <v>1</v>
      </c>
      <c r="C115613" s="14" t="s">
        <v>546</v>
      </c>
      <c r="D115613" s="14" t="s">
        <v>550</v>
      </c>
      <c r="E115613" s="15">
        <v>45649</v>
      </c>
      <c r="F115613" s="14" t="s">
        <v>61</v>
      </c>
      <c r="G115613" s="16">
        <v>0.68875375789473769</v>
      </c>
    </row>
    <row r="115614" spans="1:7" x14ac:dyDescent="0.3">
      <c r="A115614" s="13" t="s">
        <v>549</v>
      </c>
      <c r="B115614" s="14" t="s">
        <v>1</v>
      </c>
      <c r="C115614" s="14" t="s">
        <v>546</v>
      </c>
      <c r="D115614" s="14" t="s">
        <v>550</v>
      </c>
      <c r="E115614" s="15">
        <v>45650</v>
      </c>
      <c r="F115614" s="14" t="s">
        <v>61</v>
      </c>
      <c r="G115614" s="16">
        <v>0.68421382736842185</v>
      </c>
    </row>
    <row r="115615" spans="1:7" x14ac:dyDescent="0.3">
      <c r="A115615" s="13" t="s">
        <v>549</v>
      </c>
      <c r="B115615" s="14" t="s">
        <v>1</v>
      </c>
      <c r="C115615" s="14" t="s">
        <v>546</v>
      </c>
      <c r="D115615" s="14" t="s">
        <v>550</v>
      </c>
      <c r="E115615" s="15">
        <v>45651</v>
      </c>
      <c r="F115615" s="14" t="s">
        <v>61</v>
      </c>
      <c r="G115615" s="16">
        <v>0.68421382736842185</v>
      </c>
    </row>
    <row r="115616" spans="1:7" x14ac:dyDescent="0.3">
      <c r="A115616" s="13" t="s">
        <v>549</v>
      </c>
      <c r="B115616" s="14" t="s">
        <v>1</v>
      </c>
      <c r="C115616" s="14" t="s">
        <v>546</v>
      </c>
      <c r="D115616" s="14" t="s">
        <v>550</v>
      </c>
      <c r="E115616" s="15">
        <v>45652</v>
      </c>
      <c r="F115616" s="14" t="s">
        <v>61</v>
      </c>
      <c r="G115616" s="16">
        <v>0.68421382736842185</v>
      </c>
    </row>
    <row r="115617" spans="1:7" x14ac:dyDescent="0.3">
      <c r="A115617" s="13" t="s">
        <v>549</v>
      </c>
      <c r="B115617" s="14" t="s">
        <v>1</v>
      </c>
      <c r="C115617" s="14" t="s">
        <v>546</v>
      </c>
      <c r="D115617" s="14" t="s">
        <v>550</v>
      </c>
      <c r="E115617" s="15">
        <v>45653</v>
      </c>
      <c r="F115617" s="14" t="s">
        <v>61</v>
      </c>
      <c r="G115617" s="16">
        <v>0.68421382736842185</v>
      </c>
    </row>
    <row r="115618" spans="1:7" x14ac:dyDescent="0.3">
      <c r="A115618" s="13" t="s">
        <v>549</v>
      </c>
      <c r="B115618" s="14" t="s">
        <v>1</v>
      </c>
      <c r="C115618" s="14" t="s">
        <v>546</v>
      </c>
      <c r="D115618" s="14" t="s">
        <v>550</v>
      </c>
      <c r="E115618" s="15">
        <v>45654</v>
      </c>
      <c r="F115618" s="14" t="s">
        <v>61</v>
      </c>
      <c r="G115618" s="16">
        <v>0.68421382736842185</v>
      </c>
    </row>
    <row r="115619" spans="1:7" x14ac:dyDescent="0.3">
      <c r="A115619" s="13" t="s">
        <v>549</v>
      </c>
      <c r="B115619" s="14" t="s">
        <v>1</v>
      </c>
      <c r="C115619" s="14" t="s">
        <v>546</v>
      </c>
      <c r="D115619" s="14" t="s">
        <v>550</v>
      </c>
      <c r="E115619" s="15">
        <v>45655</v>
      </c>
      <c r="F115619" s="14" t="s">
        <v>61</v>
      </c>
      <c r="G115619" s="16">
        <v>0.68421382736842185</v>
      </c>
    </row>
    <row r="115620" spans="1:7" x14ac:dyDescent="0.3">
      <c r="A115620" s="13" t="s">
        <v>549</v>
      </c>
      <c r="B115620" s="14" t="s">
        <v>1</v>
      </c>
      <c r="C115620" s="14" t="s">
        <v>546</v>
      </c>
      <c r="D115620" s="14" t="s">
        <v>550</v>
      </c>
      <c r="E115620" s="15">
        <v>45656</v>
      </c>
      <c r="F115620" s="14" t="s">
        <v>61</v>
      </c>
      <c r="G115620" s="16">
        <v>0.68198595368421133</v>
      </c>
    </row>
    <row r="115621" spans="1:7" x14ac:dyDescent="0.3">
      <c r="A115621" s="13" t="s">
        <v>549</v>
      </c>
      <c r="B115621" s="14" t="s">
        <v>1</v>
      </c>
      <c r="C115621" s="14" t="s">
        <v>546</v>
      </c>
      <c r="D115621" s="14" t="s">
        <v>550</v>
      </c>
      <c r="E115621" s="15">
        <v>45657</v>
      </c>
      <c r="F115621" s="14" t="s">
        <v>61</v>
      </c>
      <c r="G115621" s="16">
        <v>0.68219028842105356</v>
      </c>
    </row>
    <row r="115622" spans="1:7" x14ac:dyDescent="0.3">
      <c r="A115622" s="13" t="s">
        <v>549</v>
      </c>
      <c r="B115622" s="14" t="s">
        <v>1</v>
      </c>
      <c r="C115622" s="14" t="s">
        <v>546</v>
      </c>
      <c r="D115622" s="14" t="s">
        <v>550</v>
      </c>
      <c r="E115622" s="15">
        <v>45658</v>
      </c>
      <c r="F115622" s="14" t="s">
        <v>61</v>
      </c>
      <c r="G115622" s="16">
        <v>0.68219028842105356</v>
      </c>
    </row>
    <row r="115623" spans="1:7" x14ac:dyDescent="0.3">
      <c r="A115623" s="13" t="s">
        <v>549</v>
      </c>
      <c r="B115623" s="14" t="s">
        <v>1</v>
      </c>
      <c r="C115623" s="14" t="s">
        <v>546</v>
      </c>
      <c r="D115623" s="14" t="s">
        <v>550</v>
      </c>
      <c r="E115623" s="15">
        <v>45659</v>
      </c>
      <c r="F115623" s="14" t="s">
        <v>61</v>
      </c>
      <c r="G115623" s="16">
        <v>0.68641106526315887</v>
      </c>
    </row>
    <row r="115624" spans="1:7" x14ac:dyDescent="0.3">
      <c r="A115624" s="13" t="s">
        <v>549</v>
      </c>
      <c r="B115624" s="14" t="s">
        <v>1</v>
      </c>
      <c r="C115624" s="14" t="s">
        <v>546</v>
      </c>
      <c r="D115624" s="14" t="s">
        <v>550</v>
      </c>
      <c r="E115624" s="15">
        <v>45660</v>
      </c>
      <c r="F115624" s="14" t="s">
        <v>61</v>
      </c>
      <c r="G115624" s="16">
        <v>0.78561831578947472</v>
      </c>
    </row>
    <row r="115625" spans="1:7" x14ac:dyDescent="0.3">
      <c r="A115625" s="13" t="s">
        <v>549</v>
      </c>
      <c r="B115625" s="14" t="s">
        <v>1</v>
      </c>
      <c r="C115625" s="14" t="s">
        <v>546</v>
      </c>
      <c r="D115625" s="14" t="s">
        <v>550</v>
      </c>
      <c r="E115625" s="15">
        <v>45661</v>
      </c>
      <c r="F115625" s="14" t="s">
        <v>61</v>
      </c>
      <c r="G115625" s="16">
        <v>0.78561831578947472</v>
      </c>
    </row>
    <row r="115626" spans="1:7" x14ac:dyDescent="0.3">
      <c r="A115626" s="13" t="s">
        <v>549</v>
      </c>
      <c r="B115626" s="14" t="s">
        <v>1</v>
      </c>
      <c r="C115626" s="14" t="s">
        <v>546</v>
      </c>
      <c r="D115626" s="14" t="s">
        <v>550</v>
      </c>
      <c r="E115626" s="15">
        <v>45662</v>
      </c>
      <c r="F115626" s="14" t="s">
        <v>61</v>
      </c>
      <c r="G115626" s="16">
        <v>0.78561831578947472</v>
      </c>
    </row>
    <row r="115627" spans="1:7" x14ac:dyDescent="0.3">
      <c r="A115627" s="13" t="s">
        <v>549</v>
      </c>
      <c r="B115627" s="14" t="s">
        <v>1</v>
      </c>
      <c r="C115627" s="14" t="s">
        <v>546</v>
      </c>
      <c r="D115627" s="14" t="s">
        <v>550</v>
      </c>
      <c r="E115627" s="15">
        <v>45663</v>
      </c>
      <c r="F115627" s="14" t="s">
        <v>61</v>
      </c>
      <c r="G115627" s="16">
        <v>0.77783194105263254</v>
      </c>
    </row>
    <row r="115628" spans="1:7" x14ac:dyDescent="0.3">
      <c r="A115628" s="13" t="s">
        <v>549</v>
      </c>
      <c r="B115628" s="14" t="s">
        <v>1</v>
      </c>
      <c r="C115628" s="14" t="s">
        <v>546</v>
      </c>
      <c r="D115628" s="14" t="s">
        <v>550</v>
      </c>
      <c r="E115628" s="15">
        <v>45664</v>
      </c>
      <c r="F115628" s="14" t="s">
        <v>61</v>
      </c>
      <c r="G115628" s="16">
        <v>0.77830267368421147</v>
      </c>
    </row>
    <row r="115629" spans="1:7" x14ac:dyDescent="0.3">
      <c r="A115629" s="13" t="s">
        <v>549</v>
      </c>
      <c r="B115629" s="14" t="s">
        <v>1</v>
      </c>
      <c r="C115629" s="14" t="s">
        <v>546</v>
      </c>
      <c r="D115629" s="14" t="s">
        <v>550</v>
      </c>
      <c r="E115629" s="15">
        <v>45665</v>
      </c>
      <c r="F115629" s="14" t="s">
        <v>61</v>
      </c>
      <c r="G115629" s="16">
        <v>0.77947380000000088</v>
      </c>
    </row>
    <row r="115630" spans="1:7" x14ac:dyDescent="0.3">
      <c r="A115630" s="13" t="s">
        <v>549</v>
      </c>
      <c r="B115630" s="14" t="s">
        <v>1</v>
      </c>
      <c r="C115630" s="14" t="s">
        <v>546</v>
      </c>
      <c r="D115630" s="14" t="s">
        <v>550</v>
      </c>
      <c r="E115630" s="15">
        <v>45666</v>
      </c>
      <c r="F115630" s="14" t="s">
        <v>61</v>
      </c>
      <c r="G115630" s="16">
        <v>0.77929692631579051</v>
      </c>
    </row>
    <row r="115631" spans="1:7" x14ac:dyDescent="0.3">
      <c r="A115631" s="13" t="s">
        <v>549</v>
      </c>
      <c r="B115631" s="14" t="s">
        <v>1</v>
      </c>
      <c r="C115631" s="14" t="s">
        <v>546</v>
      </c>
      <c r="D115631" s="14" t="s">
        <v>550</v>
      </c>
      <c r="E115631" s="15">
        <v>45667</v>
      </c>
      <c r="F115631" s="14" t="s">
        <v>61</v>
      </c>
      <c r="G115631" s="16">
        <v>0.78177808105263247</v>
      </c>
    </row>
    <row r="115632" spans="1:7" x14ac:dyDescent="0.3">
      <c r="A115632" s="13" t="s">
        <v>549</v>
      </c>
      <c r="B115632" s="14" t="s">
        <v>1</v>
      </c>
      <c r="C115632" s="14" t="s">
        <v>546</v>
      </c>
      <c r="D115632" s="14" t="s">
        <v>550</v>
      </c>
      <c r="E115632" s="15">
        <v>45668</v>
      </c>
      <c r="F115632" s="14" t="s">
        <v>61</v>
      </c>
      <c r="G115632" s="16">
        <v>0.78177808105263247</v>
      </c>
    </row>
    <row r="115633" spans="1:7" x14ac:dyDescent="0.3">
      <c r="A115633" s="13" t="s">
        <v>549</v>
      </c>
      <c r="B115633" s="14" t="s">
        <v>1</v>
      </c>
      <c r="C115633" s="14" t="s">
        <v>546</v>
      </c>
      <c r="D115633" s="14" t="s">
        <v>550</v>
      </c>
      <c r="E115633" s="15">
        <v>45669</v>
      </c>
      <c r="F115633" s="14" t="s">
        <v>61</v>
      </c>
      <c r="G115633" s="16">
        <v>0.78177808105263247</v>
      </c>
    </row>
    <row r="115634" spans="1:7" x14ac:dyDescent="0.3">
      <c r="A115634" s="13" t="s">
        <v>549</v>
      </c>
      <c r="B115634" s="14" t="s">
        <v>1</v>
      </c>
      <c r="C115634" s="14" t="s">
        <v>546</v>
      </c>
      <c r="D115634" s="14" t="s">
        <v>550</v>
      </c>
      <c r="E115634" s="15">
        <v>45670</v>
      </c>
      <c r="F115634" s="14" t="s">
        <v>61</v>
      </c>
      <c r="G115634" s="16">
        <v>0.79612833684210604</v>
      </c>
    </row>
    <row r="115635" spans="1:7" x14ac:dyDescent="0.3">
      <c r="A115635" s="13" t="s">
        <v>549</v>
      </c>
      <c r="B115635" s="14" t="s">
        <v>1</v>
      </c>
      <c r="C115635" s="14" t="s">
        <v>546</v>
      </c>
      <c r="D115635" s="14" t="s">
        <v>550</v>
      </c>
      <c r="E115635" s="15">
        <v>45671</v>
      </c>
      <c r="F115635" s="14" t="s">
        <v>61</v>
      </c>
      <c r="G115635" s="16">
        <v>0.78639492000000089</v>
      </c>
    </row>
    <row r="115636" spans="1:7" x14ac:dyDescent="0.3">
      <c r="A115636" s="13" t="s">
        <v>549</v>
      </c>
      <c r="B115636" s="14" t="s">
        <v>1</v>
      </c>
      <c r="C115636" s="14" t="s">
        <v>546</v>
      </c>
      <c r="D115636" s="14" t="s">
        <v>550</v>
      </c>
      <c r="E115636" s="15">
        <v>45672</v>
      </c>
      <c r="F115636" s="14" t="s">
        <v>61</v>
      </c>
      <c r="G115636" s="16">
        <v>0.78621688842105364</v>
      </c>
    </row>
    <row r="115637" spans="1:7" x14ac:dyDescent="0.3">
      <c r="A115637" s="13" t="s">
        <v>549</v>
      </c>
      <c r="B115637" s="14" t="s">
        <v>1</v>
      </c>
      <c r="C115637" s="14" t="s">
        <v>546</v>
      </c>
      <c r="D115637" s="14" t="s">
        <v>550</v>
      </c>
      <c r="E115637" s="15">
        <v>45673</v>
      </c>
      <c r="F115637" s="14" t="s">
        <v>61</v>
      </c>
      <c r="G115637" s="16">
        <v>0.78387400000000085</v>
      </c>
    </row>
    <row r="115638" spans="1:7" x14ac:dyDescent="0.3">
      <c r="A115638" s="13" t="s">
        <v>549</v>
      </c>
      <c r="B115638" s="14" t="s">
        <v>1</v>
      </c>
      <c r="C115638" s="14" t="s">
        <v>546</v>
      </c>
      <c r="D115638" s="14" t="s">
        <v>550</v>
      </c>
      <c r="E115638" s="15">
        <v>45674</v>
      </c>
      <c r="F115638" s="14" t="s">
        <v>61</v>
      </c>
      <c r="G115638" s="16">
        <v>0.78435407368421151</v>
      </c>
    </row>
    <row r="115639" spans="1:7" x14ac:dyDescent="0.3">
      <c r="A115639" s="13" t="s">
        <v>549</v>
      </c>
      <c r="B115639" s="14" t="s">
        <v>1</v>
      </c>
      <c r="C115639" s="14" t="s">
        <v>546</v>
      </c>
      <c r="D115639" s="14" t="s">
        <v>550</v>
      </c>
      <c r="E115639" s="15">
        <v>45675</v>
      </c>
      <c r="F115639" s="14" t="s">
        <v>61</v>
      </c>
      <c r="G115639" s="16">
        <v>0.78435407368421151</v>
      </c>
    </row>
    <row r="115640" spans="1:7" x14ac:dyDescent="0.3">
      <c r="A115640" s="13" t="s">
        <v>549</v>
      </c>
      <c r="B115640" s="14" t="s">
        <v>1</v>
      </c>
      <c r="C115640" s="14" t="s">
        <v>546</v>
      </c>
      <c r="D115640" s="14" t="s">
        <v>550</v>
      </c>
      <c r="E115640" s="15">
        <v>45676</v>
      </c>
      <c r="F115640" s="14" t="s">
        <v>61</v>
      </c>
      <c r="G115640" s="16">
        <v>0.78435407368421151</v>
      </c>
    </row>
    <row r="115641" spans="1:7" x14ac:dyDescent="0.3">
      <c r="A115641" s="13" t="s">
        <v>549</v>
      </c>
      <c r="B115641" s="14" t="s">
        <v>1</v>
      </c>
      <c r="C115641" s="14" t="s">
        <v>546</v>
      </c>
      <c r="D115641" s="14" t="s">
        <v>550</v>
      </c>
      <c r="E115641" s="15">
        <v>45677</v>
      </c>
      <c r="F115641" s="14" t="s">
        <v>61</v>
      </c>
      <c r="G115641" s="16">
        <v>0.77178991263157981</v>
      </c>
    </row>
    <row r="115642" spans="1:7" x14ac:dyDescent="0.3">
      <c r="A115642" s="13" t="s">
        <v>549</v>
      </c>
      <c r="B115642" s="14" t="s">
        <v>1</v>
      </c>
      <c r="C115642" s="14" t="s">
        <v>546</v>
      </c>
      <c r="D115642" s="14" t="s">
        <v>550</v>
      </c>
      <c r="E115642" s="15">
        <v>45678</v>
      </c>
      <c r="F115642" s="14" t="s">
        <v>61</v>
      </c>
      <c r="G115642" s="16">
        <v>0.76604082947368501</v>
      </c>
    </row>
    <row r="115643" spans="1:7" x14ac:dyDescent="0.3">
      <c r="A115643" s="13" t="s">
        <v>549</v>
      </c>
      <c r="B115643" s="14" t="s">
        <v>1</v>
      </c>
      <c r="C115643" s="14" t="s">
        <v>546</v>
      </c>
      <c r="D115643" s="14" t="s">
        <v>550</v>
      </c>
      <c r="E115643" s="15">
        <v>45679</v>
      </c>
      <c r="F115643" s="14" t="s">
        <v>61</v>
      </c>
      <c r="G115643" s="16">
        <v>0.76584087789473765</v>
      </c>
    </row>
    <row r="115644" spans="1:7" x14ac:dyDescent="0.3">
      <c r="A115644" s="13" t="s">
        <v>549</v>
      </c>
      <c r="B115644" s="14" t="s">
        <v>1</v>
      </c>
      <c r="C115644" s="14" t="s">
        <v>546</v>
      </c>
      <c r="D115644" s="14" t="s">
        <v>550</v>
      </c>
      <c r="E115644" s="15">
        <v>45680</v>
      </c>
      <c r="F115644" s="14" t="s">
        <v>61</v>
      </c>
      <c r="G115644" s="16">
        <v>0.76370526315789555</v>
      </c>
    </row>
    <row r="115645" spans="1:7" x14ac:dyDescent="0.3">
      <c r="A115645" s="13" t="s">
        <v>549</v>
      </c>
      <c r="B115645" s="14" t="s">
        <v>1</v>
      </c>
      <c r="C115645" s="14" t="s">
        <v>546</v>
      </c>
      <c r="D115645" s="14" t="s">
        <v>550</v>
      </c>
      <c r="E115645" s="15">
        <v>45681</v>
      </c>
      <c r="F115645" s="14" t="s">
        <v>61</v>
      </c>
      <c r="G115645" s="16">
        <v>0.756342669473685</v>
      </c>
    </row>
    <row r="115646" spans="1:7" x14ac:dyDescent="0.3">
      <c r="A115646" s="13" t="s">
        <v>549</v>
      </c>
      <c r="B115646" s="14" t="s">
        <v>1</v>
      </c>
      <c r="C115646" s="14" t="s">
        <v>546</v>
      </c>
      <c r="D115646" s="14" t="s">
        <v>550</v>
      </c>
      <c r="E115646" s="15">
        <v>45682</v>
      </c>
      <c r="F115646" s="14" t="s">
        <v>61</v>
      </c>
      <c r="G115646" s="16">
        <v>0.756342669473685</v>
      </c>
    </row>
    <row r="115647" spans="1:7" x14ac:dyDescent="0.3">
      <c r="A115647" s="13" t="s">
        <v>549</v>
      </c>
      <c r="B115647" s="14" t="s">
        <v>1</v>
      </c>
      <c r="C115647" s="14" t="s">
        <v>546</v>
      </c>
      <c r="D115647" s="14" t="s">
        <v>550</v>
      </c>
      <c r="E115647" s="15">
        <v>45683</v>
      </c>
      <c r="F115647" s="14" t="s">
        <v>61</v>
      </c>
      <c r="G115647" s="16">
        <v>0.756342669473685</v>
      </c>
    </row>
    <row r="115648" spans="1:7" x14ac:dyDescent="0.3">
      <c r="A115648" s="13" t="s">
        <v>549</v>
      </c>
      <c r="B115648" s="14" t="s">
        <v>1</v>
      </c>
      <c r="C115648" s="14" t="s">
        <v>546</v>
      </c>
      <c r="D115648" s="14" t="s">
        <v>550</v>
      </c>
      <c r="E115648" s="15">
        <v>45684</v>
      </c>
      <c r="F115648" s="14" t="s">
        <v>61</v>
      </c>
      <c r="G115648" s="16">
        <v>0.77696585263157969</v>
      </c>
    </row>
    <row r="115649" spans="1:7" x14ac:dyDescent="0.3">
      <c r="A115649" s="13" t="s">
        <v>549</v>
      </c>
      <c r="B115649" s="14" t="s">
        <v>1</v>
      </c>
      <c r="C115649" s="14" t="s">
        <v>546</v>
      </c>
      <c r="D115649" s="14" t="s">
        <v>550</v>
      </c>
      <c r="E115649" s="15">
        <v>45685</v>
      </c>
      <c r="F115649" s="14" t="s">
        <v>61</v>
      </c>
      <c r="G115649" s="16">
        <v>0.77696585263157969</v>
      </c>
    </row>
    <row r="115650" spans="1:7" x14ac:dyDescent="0.3">
      <c r="A115650" s="13" t="s">
        <v>549</v>
      </c>
      <c r="B115650" s="14" t="s">
        <v>1</v>
      </c>
      <c r="C115650" s="14" t="s">
        <v>546</v>
      </c>
      <c r="D115650" s="14" t="s">
        <v>550</v>
      </c>
      <c r="E115650" s="15">
        <v>45686</v>
      </c>
      <c r="F115650" s="14" t="s">
        <v>61</v>
      </c>
      <c r="G115650" s="16">
        <v>0.77696585263157969</v>
      </c>
    </row>
    <row r="115651" spans="1:7" x14ac:dyDescent="0.3">
      <c r="A115651" s="13" t="s">
        <v>549</v>
      </c>
      <c r="B115651" s="14" t="s">
        <v>1</v>
      </c>
      <c r="C115651" s="14" t="s">
        <v>546</v>
      </c>
      <c r="D115651" s="14" t="s">
        <v>550</v>
      </c>
      <c r="E115651" s="15">
        <v>45687</v>
      </c>
      <c r="F115651" s="14" t="s">
        <v>61</v>
      </c>
      <c r="G115651" s="16">
        <v>0.77696585263157969</v>
      </c>
    </row>
    <row r="115652" spans="1:7" x14ac:dyDescent="0.3">
      <c r="A115652" s="13" t="s">
        <v>549</v>
      </c>
      <c r="B115652" s="14" t="s">
        <v>1</v>
      </c>
      <c r="C115652" s="14" t="s">
        <v>546</v>
      </c>
      <c r="D115652" s="14" t="s">
        <v>550</v>
      </c>
      <c r="E115652" s="15">
        <v>45688</v>
      </c>
      <c r="F115652" s="14" t="s">
        <v>61</v>
      </c>
      <c r="G115652" s="16">
        <v>0.77696585263157969</v>
      </c>
    </row>
    <row r="115653" spans="1:7" x14ac:dyDescent="0.3">
      <c r="A115653" s="13" t="s">
        <v>549</v>
      </c>
      <c r="B115653" s="14" t="s">
        <v>1</v>
      </c>
      <c r="C115653" s="14" t="s">
        <v>546</v>
      </c>
      <c r="D115653" s="14" t="s">
        <v>550</v>
      </c>
      <c r="E115653" s="15">
        <v>45689</v>
      </c>
      <c r="F115653" s="14" t="s">
        <v>61</v>
      </c>
      <c r="G115653" s="16">
        <v>0.77696585263157969</v>
      </c>
    </row>
    <row r="115654" spans="1:7" x14ac:dyDescent="0.3">
      <c r="A115654" s="13" t="s">
        <v>549</v>
      </c>
      <c r="B115654" s="14" t="s">
        <v>1</v>
      </c>
      <c r="C115654" s="14" t="s">
        <v>546</v>
      </c>
      <c r="D115654" s="14" t="s">
        <v>550</v>
      </c>
      <c r="E115654" s="15">
        <v>45690</v>
      </c>
      <c r="F115654" s="14" t="s">
        <v>61</v>
      </c>
      <c r="G115654" s="16">
        <v>0.77696585263157969</v>
      </c>
    </row>
    <row r="115655" spans="1:7" x14ac:dyDescent="0.3">
      <c r="A115655" s="13" t="s">
        <v>549</v>
      </c>
      <c r="B115655" s="14" t="s">
        <v>1</v>
      </c>
      <c r="C115655" s="14" t="s">
        <v>546</v>
      </c>
      <c r="D115655" s="14" t="s">
        <v>550</v>
      </c>
      <c r="E115655" s="15">
        <v>45691</v>
      </c>
      <c r="F115655" s="14" t="s">
        <v>61</v>
      </c>
      <c r="G115655" s="16">
        <v>0.77696585263157969</v>
      </c>
    </row>
    <row r="115656" spans="1:7" x14ac:dyDescent="0.3">
      <c r="A115656" s="13" t="s">
        <v>549</v>
      </c>
      <c r="B115656" s="14" t="s">
        <v>1</v>
      </c>
      <c r="C115656" s="14" t="s">
        <v>546</v>
      </c>
      <c r="D115656" s="14" t="s">
        <v>550</v>
      </c>
      <c r="E115656" s="15">
        <v>45692</v>
      </c>
      <c r="F115656" s="14" t="s">
        <v>61</v>
      </c>
      <c r="G115656" s="16">
        <v>0.77696585263157969</v>
      </c>
    </row>
    <row r="115657" spans="1:7" x14ac:dyDescent="0.3">
      <c r="A115657" s="13" t="s">
        <v>549</v>
      </c>
      <c r="B115657" s="14" t="s">
        <v>1</v>
      </c>
      <c r="C115657" s="14" t="s">
        <v>546</v>
      </c>
      <c r="D115657" s="14" t="s">
        <v>550</v>
      </c>
      <c r="E115657" s="15">
        <v>45693</v>
      </c>
      <c r="F115657" s="14" t="s">
        <v>61</v>
      </c>
      <c r="G115657" s="16">
        <v>0.77866311894736928</v>
      </c>
    </row>
    <row r="115658" spans="1:7" x14ac:dyDescent="0.3">
      <c r="A115658" s="13" t="s">
        <v>549</v>
      </c>
      <c r="B115658" s="14" t="s">
        <v>1</v>
      </c>
      <c r="C115658" s="14" t="s">
        <v>546</v>
      </c>
      <c r="D115658" s="14" t="s">
        <v>550</v>
      </c>
      <c r="E115658" s="15">
        <v>45694</v>
      </c>
      <c r="F115658" s="14" t="s">
        <v>61</v>
      </c>
      <c r="G115658" s="16">
        <v>0.76629609157894818</v>
      </c>
    </row>
    <row r="115659" spans="1:7" x14ac:dyDescent="0.3">
      <c r="A115659" s="13" t="s">
        <v>549</v>
      </c>
      <c r="B115659" s="14" t="s">
        <v>1</v>
      </c>
      <c r="C115659" s="14" t="s">
        <v>546</v>
      </c>
      <c r="D115659" s="14" t="s">
        <v>550</v>
      </c>
      <c r="E115659" s="15">
        <v>45695</v>
      </c>
      <c r="F115659" s="14" t="s">
        <v>61</v>
      </c>
      <c r="G115659" s="16">
        <v>0.76881194947368503</v>
      </c>
    </row>
    <row r="115660" spans="1:7" x14ac:dyDescent="0.3">
      <c r="A115660" s="13" t="s">
        <v>549</v>
      </c>
      <c r="B115660" s="14" t="s">
        <v>1</v>
      </c>
      <c r="C115660" s="14" t="s">
        <v>546</v>
      </c>
      <c r="D115660" s="14" t="s">
        <v>550</v>
      </c>
      <c r="E115660" s="15">
        <v>45696</v>
      </c>
      <c r="F115660" s="14" t="s">
        <v>61</v>
      </c>
      <c r="G115660" s="16">
        <v>0.76881194947368503</v>
      </c>
    </row>
    <row r="115661" spans="1:7" x14ac:dyDescent="0.3">
      <c r="A115661" s="13" t="s">
        <v>549</v>
      </c>
      <c r="B115661" s="14" t="s">
        <v>1</v>
      </c>
      <c r="C115661" s="14" t="s">
        <v>546</v>
      </c>
      <c r="D115661" s="14" t="s">
        <v>550</v>
      </c>
      <c r="E115661" s="15">
        <v>45697</v>
      </c>
      <c r="F115661" s="14" t="s">
        <v>61</v>
      </c>
      <c r="G115661" s="16">
        <v>0.76881194947368503</v>
      </c>
    </row>
    <row r="115662" spans="1:7" x14ac:dyDescent="0.3">
      <c r="A115662" s="13" t="s">
        <v>549</v>
      </c>
      <c r="B115662" s="14" t="s">
        <v>1</v>
      </c>
      <c r="C115662" s="14" t="s">
        <v>546</v>
      </c>
      <c r="D115662" s="14" t="s">
        <v>550</v>
      </c>
      <c r="E115662" s="15">
        <v>45698</v>
      </c>
      <c r="F115662" s="14" t="s">
        <v>61</v>
      </c>
      <c r="G115662" s="16">
        <v>0.76852589473684296</v>
      </c>
    </row>
    <row r="115663" spans="1:7" x14ac:dyDescent="0.3">
      <c r="A115663" s="13" t="s">
        <v>549</v>
      </c>
      <c r="B115663" s="14" t="s">
        <v>1</v>
      </c>
      <c r="C115663" s="14" t="s">
        <v>546</v>
      </c>
      <c r="D115663" s="14" t="s">
        <v>550</v>
      </c>
      <c r="E115663" s="15">
        <v>45699</v>
      </c>
      <c r="F115663" s="14" t="s">
        <v>61</v>
      </c>
      <c r="G115663" s="16">
        <v>0.75936357894736928</v>
      </c>
    </row>
    <row r="115664" spans="1:7" x14ac:dyDescent="0.3">
      <c r="A115664" s="13" t="s">
        <v>549</v>
      </c>
      <c r="B115664" s="14" t="s">
        <v>1</v>
      </c>
      <c r="C115664" s="14" t="s">
        <v>546</v>
      </c>
      <c r="D115664" s="14" t="s">
        <v>550</v>
      </c>
      <c r="E115664" s="15">
        <v>45700</v>
      </c>
      <c r="F115664" s="14" t="s">
        <v>61</v>
      </c>
      <c r="G115664" s="16">
        <v>0.75612474105263239</v>
      </c>
    </row>
    <row r="115665" spans="1:7" x14ac:dyDescent="0.3">
      <c r="A115665" s="13" t="s">
        <v>549</v>
      </c>
      <c r="B115665" s="14" t="s">
        <v>1</v>
      </c>
      <c r="C115665" s="14" t="s">
        <v>546</v>
      </c>
      <c r="D115665" s="14" t="s">
        <v>550</v>
      </c>
      <c r="E115665" s="15">
        <v>45701</v>
      </c>
      <c r="F115665" s="14" t="s">
        <v>61</v>
      </c>
      <c r="G115665" s="16">
        <v>0.74852650947368504</v>
      </c>
    </row>
    <row r="115666" spans="1:7" x14ac:dyDescent="0.3">
      <c r="A115666" s="13" t="s">
        <v>549</v>
      </c>
      <c r="B115666" s="14" t="s">
        <v>1</v>
      </c>
      <c r="C115666" s="14" t="s">
        <v>546</v>
      </c>
      <c r="D115666" s="14" t="s">
        <v>550</v>
      </c>
      <c r="E115666" s="15">
        <v>45702</v>
      </c>
      <c r="F115666" s="14" t="s">
        <v>61</v>
      </c>
      <c r="G115666" s="16">
        <v>0.74458812631579019</v>
      </c>
    </row>
    <row r="115667" spans="1:7" x14ac:dyDescent="0.3">
      <c r="A115667" s="13" t="s">
        <v>549</v>
      </c>
      <c r="B115667" s="14" t="s">
        <v>1</v>
      </c>
      <c r="C115667" s="14" t="s">
        <v>546</v>
      </c>
      <c r="D115667" s="14" t="s">
        <v>550</v>
      </c>
      <c r="E115667" s="15">
        <v>45703</v>
      </c>
      <c r="F115667" s="14" t="s">
        <v>61</v>
      </c>
      <c r="G115667" s="16">
        <v>0.74458812631579019</v>
      </c>
    </row>
    <row r="115668" spans="1:7" x14ac:dyDescent="0.3">
      <c r="A115668" s="13" t="s">
        <v>549</v>
      </c>
      <c r="B115668" s="14" t="s">
        <v>1</v>
      </c>
      <c r="C115668" s="14" t="s">
        <v>546</v>
      </c>
      <c r="D115668" s="14" t="s">
        <v>550</v>
      </c>
      <c r="E115668" s="15">
        <v>45704</v>
      </c>
      <c r="F115668" s="14" t="s">
        <v>61</v>
      </c>
      <c r="G115668" s="16">
        <v>0.74458812631579019</v>
      </c>
    </row>
    <row r="115669" spans="1:7" x14ac:dyDescent="0.3">
      <c r="A115669" s="13" t="s">
        <v>549</v>
      </c>
      <c r="B115669" s="14" t="s">
        <v>1</v>
      </c>
      <c r="C115669" s="14" t="s">
        <v>546</v>
      </c>
      <c r="D115669" s="14" t="s">
        <v>550</v>
      </c>
      <c r="E115669" s="15">
        <v>45705</v>
      </c>
      <c r="F115669" s="14" t="s">
        <v>61</v>
      </c>
      <c r="G115669" s="16">
        <v>0.74354467578947447</v>
      </c>
    </row>
    <row r="115670" spans="1:7" x14ac:dyDescent="0.3">
      <c r="A115670" s="13" t="s">
        <v>549</v>
      </c>
      <c r="B115670" s="14" t="s">
        <v>1</v>
      </c>
      <c r="C115670" s="14" t="s">
        <v>546</v>
      </c>
      <c r="D115670" s="14" t="s">
        <v>550</v>
      </c>
      <c r="E115670" s="15">
        <v>45706</v>
      </c>
      <c r="F115670" s="14" t="s">
        <v>61</v>
      </c>
      <c r="G115670" s="16">
        <v>0.7407349515789482</v>
      </c>
    </row>
    <row r="115671" spans="1:7" x14ac:dyDescent="0.3">
      <c r="A115671" s="13" t="s">
        <v>549</v>
      </c>
      <c r="B115671" s="14" t="s">
        <v>1</v>
      </c>
      <c r="C115671" s="14" t="s">
        <v>546</v>
      </c>
      <c r="D115671" s="14" t="s">
        <v>550</v>
      </c>
      <c r="E115671" s="15">
        <v>45707</v>
      </c>
      <c r="F115671" s="14" t="s">
        <v>61</v>
      </c>
      <c r="G115671" s="16">
        <v>0.74062650315789558</v>
      </c>
    </row>
    <row r="115672" spans="1:7" x14ac:dyDescent="0.3">
      <c r="A115672" s="13" t="s">
        <v>549</v>
      </c>
      <c r="B115672" s="14" t="s">
        <v>1</v>
      </c>
      <c r="C115672" s="14" t="s">
        <v>546</v>
      </c>
      <c r="D115672" s="14" t="s">
        <v>550</v>
      </c>
      <c r="E115672" s="15">
        <v>45708</v>
      </c>
      <c r="F115672" s="14" t="s">
        <v>61</v>
      </c>
      <c r="G115672" s="16">
        <v>0.73314706631579019</v>
      </c>
    </row>
    <row r="115673" spans="1:7" x14ac:dyDescent="0.3">
      <c r="A115673" s="13" t="s">
        <v>549</v>
      </c>
      <c r="B115673" s="14" t="s">
        <v>1</v>
      </c>
      <c r="C115673" s="14" t="s">
        <v>546</v>
      </c>
      <c r="D115673" s="14" t="s">
        <v>550</v>
      </c>
      <c r="E115673" s="15">
        <v>45709</v>
      </c>
      <c r="F115673" s="14" t="s">
        <v>61</v>
      </c>
      <c r="G115673" s="16">
        <v>0.7343086315789481</v>
      </c>
    </row>
    <row r="115674" spans="1:7" x14ac:dyDescent="0.3">
      <c r="A115674" s="13" t="s">
        <v>549</v>
      </c>
      <c r="B115674" s="14" t="s">
        <v>1</v>
      </c>
      <c r="C115674" s="14" t="s">
        <v>546</v>
      </c>
      <c r="D115674" s="14" t="s">
        <v>550</v>
      </c>
      <c r="E115674" s="15">
        <v>45710</v>
      </c>
      <c r="F115674" s="14" t="s">
        <v>61</v>
      </c>
      <c r="G115674" s="16">
        <v>0.7343086315789481</v>
      </c>
    </row>
    <row r="115675" spans="1:7" x14ac:dyDescent="0.3">
      <c r="A115675" s="13" t="s">
        <v>549</v>
      </c>
      <c r="B115675" s="14" t="s">
        <v>1</v>
      </c>
      <c r="C115675" s="14" t="s">
        <v>546</v>
      </c>
      <c r="D115675" s="14" t="s">
        <v>550</v>
      </c>
      <c r="E115675" s="15">
        <v>45711</v>
      </c>
      <c r="F115675" s="14" t="s">
        <v>61</v>
      </c>
      <c r="G115675" s="16">
        <v>0.7343086315789481</v>
      </c>
    </row>
    <row r="115676" spans="1:7" x14ac:dyDescent="0.3">
      <c r="A115676" s="13" t="s">
        <v>549</v>
      </c>
      <c r="B115676" s="14" t="s">
        <v>1</v>
      </c>
      <c r="C115676" s="14" t="s">
        <v>546</v>
      </c>
      <c r="D115676" s="14" t="s">
        <v>550</v>
      </c>
      <c r="E115676" s="15">
        <v>45712</v>
      </c>
      <c r="F115676" s="14" t="s">
        <v>61</v>
      </c>
      <c r="G115676" s="16">
        <v>0.73186418526315855</v>
      </c>
    </row>
    <row r="115677" spans="1:7" x14ac:dyDescent="0.3">
      <c r="A115677" s="13" t="s">
        <v>549</v>
      </c>
      <c r="B115677" s="14" t="s">
        <v>1</v>
      </c>
      <c r="C115677" s="14" t="s">
        <v>546</v>
      </c>
      <c r="D115677" s="14" t="s">
        <v>550</v>
      </c>
      <c r="E115677" s="15">
        <v>45713</v>
      </c>
      <c r="F115677" s="14" t="s">
        <v>61</v>
      </c>
      <c r="G115677" s="16">
        <v>0.72305625473684276</v>
      </c>
    </row>
    <row r="115678" spans="1:7" x14ac:dyDescent="0.3">
      <c r="A115678" s="13" t="s">
        <v>549</v>
      </c>
      <c r="B115678" s="14" t="s">
        <v>1</v>
      </c>
      <c r="C115678" s="14" t="s">
        <v>546</v>
      </c>
      <c r="D115678" s="14" t="s">
        <v>550</v>
      </c>
      <c r="E115678" s="15">
        <v>45714</v>
      </c>
      <c r="F115678" s="14" t="s">
        <v>61</v>
      </c>
      <c r="G115678" s="16">
        <v>0.72315557368421124</v>
      </c>
    </row>
    <row r="115679" spans="1:7" x14ac:dyDescent="0.3">
      <c r="A115679" s="13" t="s">
        <v>549</v>
      </c>
      <c r="B115679" s="14" t="s">
        <v>1</v>
      </c>
      <c r="C115679" s="14" t="s">
        <v>546</v>
      </c>
      <c r="D115679" s="14" t="s">
        <v>550</v>
      </c>
      <c r="E115679" s="15">
        <v>45715</v>
      </c>
      <c r="F115679" s="14" t="s">
        <v>61</v>
      </c>
      <c r="G115679" s="16">
        <v>0.72945462631579017</v>
      </c>
    </row>
    <row r="115680" spans="1:7" x14ac:dyDescent="0.3">
      <c r="A115680" s="13" t="s">
        <v>549</v>
      </c>
      <c r="B115680" s="14" t="s">
        <v>1</v>
      </c>
      <c r="C115680" s="14" t="s">
        <v>546</v>
      </c>
      <c r="D115680" s="14" t="s">
        <v>550</v>
      </c>
      <c r="E115680" s="15">
        <v>45716</v>
      </c>
      <c r="F115680" s="14" t="s">
        <v>61</v>
      </c>
      <c r="G115680" s="16">
        <v>0.72921657368421122</v>
      </c>
    </row>
    <row r="115681" spans="1:7" x14ac:dyDescent="0.3">
      <c r="A115681" s="13" t="s">
        <v>549</v>
      </c>
      <c r="B115681" s="14" t="s">
        <v>1</v>
      </c>
      <c r="C115681" s="14" t="s">
        <v>546</v>
      </c>
      <c r="D115681" s="14" t="s">
        <v>550</v>
      </c>
      <c r="E115681" s="15">
        <v>45717</v>
      </c>
      <c r="F115681" s="14" t="s">
        <v>61</v>
      </c>
      <c r="G115681" s="16">
        <v>0.72921657368421122</v>
      </c>
    </row>
    <row r="115682" spans="1:7" x14ac:dyDescent="0.3">
      <c r="A115682" s="13" t="s">
        <v>549</v>
      </c>
      <c r="B115682" s="14" t="s">
        <v>1</v>
      </c>
      <c r="C115682" s="14" t="s">
        <v>546</v>
      </c>
      <c r="D115682" s="14" t="s">
        <v>550</v>
      </c>
      <c r="E115682" s="15">
        <v>45718</v>
      </c>
      <c r="F115682" s="14" t="s">
        <v>61</v>
      </c>
      <c r="G115682" s="16">
        <v>0.72921657368421122</v>
      </c>
    </row>
    <row r="115683" spans="1:7" x14ac:dyDescent="0.3">
      <c r="A115683" s="13" t="s">
        <v>549</v>
      </c>
      <c r="B115683" s="14" t="s">
        <v>1</v>
      </c>
      <c r="C115683" s="14" t="s">
        <v>546</v>
      </c>
      <c r="D115683" s="14" t="s">
        <v>550</v>
      </c>
      <c r="E115683" s="15">
        <v>45719</v>
      </c>
      <c r="F115683" s="14" t="s">
        <v>61</v>
      </c>
      <c r="G115683" s="16">
        <v>0.71948059684210608</v>
      </c>
    </row>
    <row r="115684" spans="1:7" x14ac:dyDescent="0.3">
      <c r="A115684" s="13" t="s">
        <v>549</v>
      </c>
      <c r="B115684" s="14" t="s">
        <v>1</v>
      </c>
      <c r="C115684" s="14" t="s">
        <v>546</v>
      </c>
      <c r="D115684" s="14" t="s">
        <v>550</v>
      </c>
      <c r="E115684" s="15">
        <v>45720</v>
      </c>
      <c r="F115684" s="14" t="s">
        <v>61</v>
      </c>
      <c r="G115684" s="16">
        <v>0.70621973157894791</v>
      </c>
    </row>
    <row r="115685" spans="1:7" x14ac:dyDescent="0.3">
      <c r="A115685" s="13" t="s">
        <v>549</v>
      </c>
      <c r="B115685" s="14" t="s">
        <v>1</v>
      </c>
      <c r="C115685" s="14" t="s">
        <v>546</v>
      </c>
      <c r="D115685" s="14" t="s">
        <v>550</v>
      </c>
      <c r="E115685" s="15">
        <v>45721</v>
      </c>
      <c r="F115685" s="14" t="s">
        <v>61</v>
      </c>
      <c r="G115685" s="16">
        <v>0.69378614842105324</v>
      </c>
    </row>
    <row r="115686" spans="1:7" x14ac:dyDescent="0.3">
      <c r="A115686" s="13" t="s">
        <v>549</v>
      </c>
      <c r="B115686" s="14" t="s">
        <v>1</v>
      </c>
      <c r="C115686" s="14" t="s">
        <v>546</v>
      </c>
      <c r="D115686" s="14" t="s">
        <v>550</v>
      </c>
      <c r="E115686" s="15">
        <v>45722</v>
      </c>
      <c r="F115686" s="14" t="s">
        <v>61</v>
      </c>
      <c r="G115686" s="16">
        <v>0.70054603684210592</v>
      </c>
    </row>
    <row r="115687" spans="1:7" x14ac:dyDescent="0.3">
      <c r="A115687" s="13" t="s">
        <v>549</v>
      </c>
      <c r="B115687" s="14" t="s">
        <v>1</v>
      </c>
      <c r="C115687" s="14" t="s">
        <v>546</v>
      </c>
      <c r="D115687" s="14" t="s">
        <v>550</v>
      </c>
      <c r="E115687" s="15">
        <v>45723</v>
      </c>
      <c r="F115687" s="14" t="s">
        <v>61</v>
      </c>
      <c r="G115687" s="16">
        <v>0.69555572842105329</v>
      </c>
    </row>
    <row r="115688" spans="1:7" x14ac:dyDescent="0.3">
      <c r="A115688" s="13" t="s">
        <v>549</v>
      </c>
      <c r="B115688" s="14" t="s">
        <v>1</v>
      </c>
      <c r="C115688" s="14" t="s">
        <v>546</v>
      </c>
      <c r="D115688" s="14" t="s">
        <v>550</v>
      </c>
      <c r="E115688" s="15">
        <v>45724</v>
      </c>
      <c r="F115688" s="14" t="s">
        <v>61</v>
      </c>
      <c r="G115688" s="16">
        <v>0.69555572842105329</v>
      </c>
    </row>
    <row r="115689" spans="1:7" x14ac:dyDescent="0.3">
      <c r="A115689" s="13" t="s">
        <v>549</v>
      </c>
      <c r="B115689" s="14" t="s">
        <v>1</v>
      </c>
      <c r="C115689" s="14" t="s">
        <v>546</v>
      </c>
      <c r="D115689" s="14" t="s">
        <v>550</v>
      </c>
      <c r="E115689" s="15">
        <v>45725</v>
      </c>
      <c r="F115689" s="14" t="s">
        <v>61</v>
      </c>
      <c r="G115689" s="16">
        <v>0.69555572842105329</v>
      </c>
    </row>
    <row r="115690" spans="1:7" x14ac:dyDescent="0.3">
      <c r="A115690" s="13" t="s">
        <v>549</v>
      </c>
      <c r="B115690" s="14" t="s">
        <v>1</v>
      </c>
      <c r="C115690" s="14" t="s">
        <v>546</v>
      </c>
      <c r="D115690" s="14" t="s">
        <v>550</v>
      </c>
      <c r="E115690" s="15">
        <v>45726</v>
      </c>
      <c r="F115690" s="14" t="s">
        <v>61</v>
      </c>
      <c r="G115690" s="16">
        <v>0.69357648000000049</v>
      </c>
    </row>
    <row r="115691" spans="1:7" x14ac:dyDescent="0.3">
      <c r="A115691" s="13" t="s">
        <v>549</v>
      </c>
      <c r="B115691" s="14" t="s">
        <v>1</v>
      </c>
      <c r="C115691" s="14" t="s">
        <v>546</v>
      </c>
      <c r="D115691" s="14" t="s">
        <v>550</v>
      </c>
      <c r="E115691" s="15">
        <v>45727</v>
      </c>
      <c r="F115691" s="14" t="s">
        <v>61</v>
      </c>
      <c r="G115691" s="16">
        <v>0.6826566000000005</v>
      </c>
    </row>
    <row r="115692" spans="1:7" x14ac:dyDescent="0.3">
      <c r="A115692" s="13" t="s">
        <v>549</v>
      </c>
      <c r="B115692" s="14" t="s">
        <v>1</v>
      </c>
      <c r="C115692" s="14" t="s">
        <v>546</v>
      </c>
      <c r="D115692" s="14" t="s">
        <v>550</v>
      </c>
      <c r="E115692" s="15">
        <v>45728</v>
      </c>
      <c r="F115692" s="14" t="s">
        <v>61</v>
      </c>
      <c r="G115692" s="16">
        <v>0.68271922526315842</v>
      </c>
    </row>
    <row r="115693" spans="1:7" x14ac:dyDescent="0.3">
      <c r="A115693" s="13" t="s">
        <v>549</v>
      </c>
      <c r="B115693" s="14" t="s">
        <v>1</v>
      </c>
      <c r="C115693" s="14" t="s">
        <v>546</v>
      </c>
      <c r="D115693" s="14" t="s">
        <v>550</v>
      </c>
      <c r="E115693" s="15">
        <v>45729</v>
      </c>
      <c r="F115693" s="14" t="s">
        <v>61</v>
      </c>
      <c r="G115693" s="16">
        <v>0.69942019157894775</v>
      </c>
    </row>
    <row r="115694" spans="1:7" x14ac:dyDescent="0.3">
      <c r="A115694" s="13" t="s">
        <v>549</v>
      </c>
      <c r="B115694" s="14" t="s">
        <v>1</v>
      </c>
      <c r="C115694" s="14" t="s">
        <v>546</v>
      </c>
      <c r="D115694" s="14" t="s">
        <v>550</v>
      </c>
      <c r="E115694" s="15">
        <v>45730</v>
      </c>
      <c r="F115694" s="14" t="s">
        <v>61</v>
      </c>
      <c r="G115694" s="16">
        <v>0.69564599052631615</v>
      </c>
    </row>
    <row r="115695" spans="1:7" x14ac:dyDescent="0.3">
      <c r="A115695" s="13" t="s">
        <v>549</v>
      </c>
      <c r="B115695" s="14" t="s">
        <v>1</v>
      </c>
      <c r="C115695" s="14" t="s">
        <v>546</v>
      </c>
      <c r="D115695" s="14" t="s">
        <v>550</v>
      </c>
      <c r="E115695" s="15">
        <v>45731</v>
      </c>
      <c r="F115695" s="14" t="s">
        <v>61</v>
      </c>
      <c r="G115695" s="16">
        <v>0.69564599052631615</v>
      </c>
    </row>
    <row r="115696" spans="1:7" x14ac:dyDescent="0.3">
      <c r="A115696" s="13" t="s">
        <v>549</v>
      </c>
      <c r="B115696" s="14" t="s">
        <v>1</v>
      </c>
      <c r="C115696" s="14" t="s">
        <v>546</v>
      </c>
      <c r="D115696" s="14" t="s">
        <v>550</v>
      </c>
      <c r="E115696" s="15">
        <v>45732</v>
      </c>
      <c r="F115696" s="14" t="s">
        <v>61</v>
      </c>
      <c r="G115696" s="16">
        <v>0.69564599052631615</v>
      </c>
    </row>
    <row r="115697" spans="1:7" x14ac:dyDescent="0.3">
      <c r="A115697" s="13" t="s">
        <v>549</v>
      </c>
      <c r="B115697" s="14" t="s">
        <v>1</v>
      </c>
      <c r="C115697" s="14" t="s">
        <v>546</v>
      </c>
      <c r="D115697" s="14" t="s">
        <v>550</v>
      </c>
      <c r="E115697" s="15">
        <v>45733</v>
      </c>
      <c r="F115697" s="14" t="s">
        <v>61</v>
      </c>
      <c r="G115697" s="16">
        <v>0.69564599052631615</v>
      </c>
    </row>
    <row r="115698" spans="1:7" x14ac:dyDescent="0.3">
      <c r="A115698" s="13" t="s">
        <v>549</v>
      </c>
      <c r="B115698" s="14" t="s">
        <v>1</v>
      </c>
      <c r="C115698" s="14" t="s">
        <v>546</v>
      </c>
      <c r="D115698" s="14" t="s">
        <v>550</v>
      </c>
      <c r="E115698" s="15">
        <v>45734</v>
      </c>
      <c r="F115698" s="14" t="s">
        <v>61</v>
      </c>
      <c r="G115698" s="16">
        <v>0.68979685052631612</v>
      </c>
    </row>
    <row r="115699" spans="1:7" x14ac:dyDescent="0.3">
      <c r="A115699" s="13" t="s">
        <v>549</v>
      </c>
      <c r="B115699" s="14" t="s">
        <v>1</v>
      </c>
      <c r="C115699" s="14" t="s">
        <v>546</v>
      </c>
      <c r="D115699" s="14" t="s">
        <v>550</v>
      </c>
      <c r="E115699" s="15">
        <v>45735</v>
      </c>
      <c r="F115699" s="14" t="s">
        <v>61</v>
      </c>
      <c r="G115699" s="16">
        <v>0.69140651684210575</v>
      </c>
    </row>
    <row r="115700" spans="1:7" x14ac:dyDescent="0.3">
      <c r="A115700" s="13" t="s">
        <v>549</v>
      </c>
      <c r="B115700" s="14" t="s">
        <v>1</v>
      </c>
      <c r="C115700" s="14" t="s">
        <v>546</v>
      </c>
      <c r="D115700" s="14" t="s">
        <v>550</v>
      </c>
      <c r="E115700" s="15">
        <v>45736</v>
      </c>
      <c r="F115700" s="14" t="s">
        <v>61</v>
      </c>
      <c r="G115700" s="16">
        <v>0.69260424631578987</v>
      </c>
    </row>
    <row r="115701" spans="1:7" x14ac:dyDescent="0.3">
      <c r="A115701" s="13" t="s">
        <v>549</v>
      </c>
      <c r="B115701" s="14" t="s">
        <v>1</v>
      </c>
      <c r="C115701" s="14" t="s">
        <v>546</v>
      </c>
      <c r="D115701" s="14" t="s">
        <v>550</v>
      </c>
      <c r="E115701" s="15">
        <v>45737</v>
      </c>
      <c r="F115701" s="14" t="s">
        <v>61</v>
      </c>
      <c r="G115701" s="16">
        <v>0.69310935789473727</v>
      </c>
    </row>
    <row r="115702" spans="1:7" x14ac:dyDescent="0.3">
      <c r="A115702" s="13" t="s">
        <v>549</v>
      </c>
      <c r="B115702" s="14" t="s">
        <v>1</v>
      </c>
      <c r="C115702" s="14" t="s">
        <v>546</v>
      </c>
      <c r="D115702" s="14" t="s">
        <v>550</v>
      </c>
      <c r="E115702" s="15">
        <v>45738</v>
      </c>
      <c r="F115702" s="14" t="s">
        <v>61</v>
      </c>
      <c r="G115702" s="16">
        <v>0.69310935789473727</v>
      </c>
    </row>
    <row r="115703" spans="1:7" x14ac:dyDescent="0.3">
      <c r="A115703" s="13" t="s">
        <v>549</v>
      </c>
      <c r="B115703" s="14" t="s">
        <v>1</v>
      </c>
      <c r="C115703" s="14" t="s">
        <v>546</v>
      </c>
      <c r="D115703" s="14" t="s">
        <v>550</v>
      </c>
      <c r="E115703" s="15">
        <v>45739</v>
      </c>
      <c r="F115703" s="14" t="s">
        <v>61</v>
      </c>
      <c r="G115703" s="16">
        <v>0.69310935789473727</v>
      </c>
    </row>
    <row r="115704" spans="1:7" x14ac:dyDescent="0.3">
      <c r="A115704" s="13" t="s">
        <v>549</v>
      </c>
      <c r="B115704" s="14" t="s">
        <v>1</v>
      </c>
      <c r="C115704" s="14" t="s">
        <v>546</v>
      </c>
      <c r="D115704" s="14" t="s">
        <v>550</v>
      </c>
      <c r="E115704" s="15">
        <v>45740</v>
      </c>
      <c r="F115704" s="14" t="s">
        <v>61</v>
      </c>
      <c r="G115704" s="16">
        <v>0.69206960842105303</v>
      </c>
    </row>
    <row r="115705" spans="1:7" x14ac:dyDescent="0.3">
      <c r="A115705" s="13" t="s">
        <v>549</v>
      </c>
      <c r="B115705" s="14" t="s">
        <v>1</v>
      </c>
      <c r="C115705" s="14" t="s">
        <v>546</v>
      </c>
      <c r="D115705" s="14" t="s">
        <v>550</v>
      </c>
      <c r="E115705" s="15">
        <v>45741</v>
      </c>
      <c r="F115705" s="14" t="s">
        <v>61</v>
      </c>
      <c r="G115705" s="16">
        <v>0.68702025473684247</v>
      </c>
    </row>
    <row r="115706" spans="1:7" x14ac:dyDescent="0.3">
      <c r="A115706" s="13" t="s">
        <v>549</v>
      </c>
      <c r="B115706" s="14" t="s">
        <v>1</v>
      </c>
      <c r="C115706" s="14" t="s">
        <v>546</v>
      </c>
      <c r="D115706" s="14" t="s">
        <v>550</v>
      </c>
      <c r="E115706" s="15">
        <v>45742</v>
      </c>
      <c r="F115706" s="14" t="s">
        <v>61</v>
      </c>
      <c r="G115706" s="16">
        <v>0.68747454526315821</v>
      </c>
    </row>
    <row r="115707" spans="1:7" x14ac:dyDescent="0.3">
      <c r="A115707" s="13" t="s">
        <v>549</v>
      </c>
      <c r="B115707" s="14" t="s">
        <v>1</v>
      </c>
      <c r="C115707" s="14" t="s">
        <v>546</v>
      </c>
      <c r="D115707" s="14" t="s">
        <v>550</v>
      </c>
      <c r="E115707" s="15">
        <v>45743</v>
      </c>
      <c r="F115707" s="14" t="s">
        <v>61</v>
      </c>
      <c r="G115707" s="16">
        <v>0.68357173894736878</v>
      </c>
    </row>
    <row r="115708" spans="1:7" x14ac:dyDescent="0.3">
      <c r="A115708" s="13" t="s">
        <v>549</v>
      </c>
      <c r="B115708" s="14" t="s">
        <v>1</v>
      </c>
      <c r="C115708" s="14" t="s">
        <v>546</v>
      </c>
      <c r="D115708" s="14" t="s">
        <v>550</v>
      </c>
      <c r="E115708" s="15">
        <v>45744</v>
      </c>
      <c r="F115708" s="14" t="s">
        <v>61</v>
      </c>
      <c r="G115708" s="16">
        <v>0.67993344000000044</v>
      </c>
    </row>
    <row r="115709" spans="1:7" x14ac:dyDescent="0.3">
      <c r="A115709" s="13" t="s">
        <v>549</v>
      </c>
      <c r="B115709" s="14" t="s">
        <v>1</v>
      </c>
      <c r="C115709" s="14" t="s">
        <v>546</v>
      </c>
      <c r="D115709" s="14" t="s">
        <v>550</v>
      </c>
      <c r="E115709" s="15">
        <v>45745</v>
      </c>
      <c r="F115709" s="14" t="s">
        <v>61</v>
      </c>
      <c r="G115709" s="16">
        <v>0.67993344000000044</v>
      </c>
    </row>
    <row r="115710" spans="1:7" x14ac:dyDescent="0.3">
      <c r="A115710" s="13" t="s">
        <v>549</v>
      </c>
      <c r="B115710" s="14" t="s">
        <v>1</v>
      </c>
      <c r="C115710" s="14" t="s">
        <v>546</v>
      </c>
      <c r="D115710" s="14" t="s">
        <v>550</v>
      </c>
      <c r="E115710" s="15">
        <v>45746</v>
      </c>
      <c r="F115710" s="14" t="s">
        <v>61</v>
      </c>
      <c r="G115710" s="16">
        <v>0.67993344000000044</v>
      </c>
    </row>
    <row r="115711" spans="1:7" x14ac:dyDescent="0.3">
      <c r="A115711" s="13" t="s">
        <v>549</v>
      </c>
      <c r="B115711" s="14" t="s">
        <v>1</v>
      </c>
      <c r="C115711" s="14" t="s">
        <v>546</v>
      </c>
      <c r="D115711" s="14" t="s">
        <v>550</v>
      </c>
      <c r="E115711" s="15">
        <v>45747</v>
      </c>
      <c r="F115711" s="14" t="s">
        <v>61</v>
      </c>
      <c r="G115711" s="16">
        <v>0.67993344000000044</v>
      </c>
    </row>
    <row r="115712" spans="1:7" x14ac:dyDescent="0.3">
      <c r="A115712" s="13" t="s">
        <v>551</v>
      </c>
      <c r="B115712" s="14" t="s">
        <v>1</v>
      </c>
      <c r="C115712" s="14" t="s">
        <v>546</v>
      </c>
      <c r="D115712" s="14" t="s">
        <v>14</v>
      </c>
      <c r="E115712" s="15">
        <v>45383</v>
      </c>
      <c r="F115712" s="14" t="s">
        <v>15</v>
      </c>
      <c r="G115712" s="16">
        <v>0</v>
      </c>
    </row>
    <row r="115713" spans="1:7" x14ac:dyDescent="0.3">
      <c r="A115713" s="13" t="s">
        <v>551</v>
      </c>
      <c r="B115713" s="14" t="s">
        <v>1</v>
      </c>
      <c r="C115713" s="14" t="s">
        <v>546</v>
      </c>
      <c r="D115713" s="14" t="s">
        <v>14</v>
      </c>
      <c r="E115713" s="15">
        <v>45384</v>
      </c>
      <c r="F115713" s="14" t="s">
        <v>15</v>
      </c>
      <c r="G115713" s="16">
        <v>0</v>
      </c>
    </row>
    <row r="115714" spans="1:7" x14ac:dyDescent="0.3">
      <c r="A115714" s="13" t="s">
        <v>551</v>
      </c>
      <c r="B115714" s="14" t="s">
        <v>1</v>
      </c>
      <c r="C115714" s="14" t="s">
        <v>546</v>
      </c>
      <c r="D115714" s="14" t="s">
        <v>14</v>
      </c>
      <c r="E115714" s="15">
        <v>45385</v>
      </c>
      <c r="F115714" s="14" t="s">
        <v>15</v>
      </c>
      <c r="G115714" s="16">
        <v>0</v>
      </c>
    </row>
    <row r="115715" spans="1:7" x14ac:dyDescent="0.3">
      <c r="A115715" s="13" t="s">
        <v>551</v>
      </c>
      <c r="B115715" s="14" t="s">
        <v>1</v>
      </c>
      <c r="C115715" s="14" t="s">
        <v>546</v>
      </c>
      <c r="D115715" s="14" t="s">
        <v>14</v>
      </c>
      <c r="E115715" s="15">
        <v>45386</v>
      </c>
      <c r="F115715" s="14" t="s">
        <v>15</v>
      </c>
      <c r="G115715" s="16">
        <v>0</v>
      </c>
    </row>
    <row r="115716" spans="1:7" x14ac:dyDescent="0.3">
      <c r="A115716" s="13" t="s">
        <v>551</v>
      </c>
      <c r="B115716" s="14" t="s">
        <v>1</v>
      </c>
      <c r="C115716" s="14" t="s">
        <v>546</v>
      </c>
      <c r="D115716" s="14" t="s">
        <v>14</v>
      </c>
      <c r="E115716" s="15">
        <v>45387</v>
      </c>
      <c r="F115716" s="14" t="s">
        <v>15</v>
      </c>
      <c r="G115716" s="16">
        <v>0</v>
      </c>
    </row>
    <row r="115717" spans="1:7" x14ac:dyDescent="0.3">
      <c r="A115717" s="13" t="s">
        <v>551</v>
      </c>
      <c r="B115717" s="14" t="s">
        <v>1</v>
      </c>
      <c r="C115717" s="14" t="s">
        <v>546</v>
      </c>
      <c r="D115717" s="14" t="s">
        <v>14</v>
      </c>
      <c r="E115717" s="15">
        <v>45388</v>
      </c>
      <c r="F115717" s="14" t="s">
        <v>15</v>
      </c>
      <c r="G115717" s="16">
        <v>0</v>
      </c>
    </row>
    <row r="115718" spans="1:7" x14ac:dyDescent="0.3">
      <c r="A115718" s="13" t="s">
        <v>551</v>
      </c>
      <c r="B115718" s="14" t="s">
        <v>1</v>
      </c>
      <c r="C115718" s="14" t="s">
        <v>546</v>
      </c>
      <c r="D115718" s="14" t="s">
        <v>14</v>
      </c>
      <c r="E115718" s="15">
        <v>45389</v>
      </c>
      <c r="F115718" s="14" t="s">
        <v>15</v>
      </c>
      <c r="G115718" s="16">
        <v>0</v>
      </c>
    </row>
    <row r="115719" spans="1:7" x14ac:dyDescent="0.3">
      <c r="A115719" s="13" t="s">
        <v>551</v>
      </c>
      <c r="B115719" s="14" t="s">
        <v>1</v>
      </c>
      <c r="C115719" s="14" t="s">
        <v>546</v>
      </c>
      <c r="D115719" s="14" t="s">
        <v>14</v>
      </c>
      <c r="E115719" s="15">
        <v>45390</v>
      </c>
      <c r="F115719" s="14" t="s">
        <v>15</v>
      </c>
      <c r="G115719" s="16">
        <v>0</v>
      </c>
    </row>
    <row r="115720" spans="1:7" x14ac:dyDescent="0.3">
      <c r="A115720" s="13" t="s">
        <v>551</v>
      </c>
      <c r="B115720" s="14" t="s">
        <v>1</v>
      </c>
      <c r="C115720" s="14" t="s">
        <v>546</v>
      </c>
      <c r="D115720" s="14" t="s">
        <v>14</v>
      </c>
      <c r="E115720" s="15">
        <v>45391</v>
      </c>
      <c r="F115720" s="14" t="s">
        <v>15</v>
      </c>
      <c r="G115720" s="16">
        <v>0</v>
      </c>
    </row>
    <row r="115721" spans="1:7" x14ac:dyDescent="0.3">
      <c r="A115721" s="13" t="s">
        <v>551</v>
      </c>
      <c r="B115721" s="14" t="s">
        <v>1</v>
      </c>
      <c r="C115721" s="14" t="s">
        <v>546</v>
      </c>
      <c r="D115721" s="14" t="s">
        <v>14</v>
      </c>
      <c r="E115721" s="15">
        <v>45392</v>
      </c>
      <c r="F115721" s="14" t="s">
        <v>15</v>
      </c>
      <c r="G115721" s="16">
        <v>0</v>
      </c>
    </row>
    <row r="115722" spans="1:7" x14ac:dyDescent="0.3">
      <c r="A115722" s="13" t="s">
        <v>551</v>
      </c>
      <c r="B115722" s="14" t="s">
        <v>1</v>
      </c>
      <c r="C115722" s="14" t="s">
        <v>546</v>
      </c>
      <c r="D115722" s="14" t="s">
        <v>14</v>
      </c>
      <c r="E115722" s="15">
        <v>45393</v>
      </c>
      <c r="F115722" s="14" t="s">
        <v>15</v>
      </c>
      <c r="G115722" s="16">
        <v>0</v>
      </c>
    </row>
    <row r="115723" spans="1:7" x14ac:dyDescent="0.3">
      <c r="A115723" s="13" t="s">
        <v>551</v>
      </c>
      <c r="B115723" s="14" t="s">
        <v>1</v>
      </c>
      <c r="C115723" s="14" t="s">
        <v>546</v>
      </c>
      <c r="D115723" s="14" t="s">
        <v>14</v>
      </c>
      <c r="E115723" s="15">
        <v>45394</v>
      </c>
      <c r="F115723" s="14" t="s">
        <v>15</v>
      </c>
      <c r="G115723" s="16">
        <v>0</v>
      </c>
    </row>
    <row r="115724" spans="1:7" x14ac:dyDescent="0.3">
      <c r="A115724" s="13" t="s">
        <v>551</v>
      </c>
      <c r="B115724" s="14" t="s">
        <v>1</v>
      </c>
      <c r="C115724" s="14" t="s">
        <v>546</v>
      </c>
      <c r="D115724" s="14" t="s">
        <v>14</v>
      </c>
      <c r="E115724" s="15">
        <v>45395</v>
      </c>
      <c r="F115724" s="14" t="s">
        <v>15</v>
      </c>
      <c r="G115724" s="16">
        <v>0</v>
      </c>
    </row>
    <row r="115725" spans="1:7" x14ac:dyDescent="0.3">
      <c r="A115725" s="13" t="s">
        <v>551</v>
      </c>
      <c r="B115725" s="14" t="s">
        <v>1</v>
      </c>
      <c r="C115725" s="14" t="s">
        <v>546</v>
      </c>
      <c r="D115725" s="14" t="s">
        <v>14</v>
      </c>
      <c r="E115725" s="15">
        <v>45396</v>
      </c>
      <c r="F115725" s="14" t="s">
        <v>15</v>
      </c>
      <c r="G115725" s="16">
        <v>0</v>
      </c>
    </row>
    <row r="115726" spans="1:7" x14ac:dyDescent="0.3">
      <c r="A115726" s="13" t="s">
        <v>551</v>
      </c>
      <c r="B115726" s="14" t="s">
        <v>1</v>
      </c>
      <c r="C115726" s="14" t="s">
        <v>546</v>
      </c>
      <c r="D115726" s="14" t="s">
        <v>14</v>
      </c>
      <c r="E115726" s="15">
        <v>45397</v>
      </c>
      <c r="F115726" s="14" t="s">
        <v>15</v>
      </c>
      <c r="G115726" s="16">
        <v>0</v>
      </c>
    </row>
    <row r="115727" spans="1:7" x14ac:dyDescent="0.3">
      <c r="A115727" s="13" t="s">
        <v>551</v>
      </c>
      <c r="B115727" s="14" t="s">
        <v>1</v>
      </c>
      <c r="C115727" s="14" t="s">
        <v>546</v>
      </c>
      <c r="D115727" s="14" t="s">
        <v>14</v>
      </c>
      <c r="E115727" s="15">
        <v>45398</v>
      </c>
      <c r="F115727" s="14" t="s">
        <v>15</v>
      </c>
      <c r="G115727" s="16">
        <v>0</v>
      </c>
    </row>
    <row r="115728" spans="1:7" x14ac:dyDescent="0.3">
      <c r="A115728" s="13" t="s">
        <v>551</v>
      </c>
      <c r="B115728" s="14" t="s">
        <v>1</v>
      </c>
      <c r="C115728" s="14" t="s">
        <v>546</v>
      </c>
      <c r="D115728" s="14" t="s">
        <v>14</v>
      </c>
      <c r="E115728" s="15">
        <v>45399</v>
      </c>
      <c r="F115728" s="14" t="s">
        <v>15</v>
      </c>
      <c r="G115728" s="16">
        <v>0</v>
      </c>
    </row>
    <row r="115729" spans="1:7" x14ac:dyDescent="0.3">
      <c r="A115729" s="13" t="s">
        <v>551</v>
      </c>
      <c r="B115729" s="14" t="s">
        <v>1</v>
      </c>
      <c r="C115729" s="14" t="s">
        <v>546</v>
      </c>
      <c r="D115729" s="14" t="s">
        <v>14</v>
      </c>
      <c r="E115729" s="15">
        <v>45400</v>
      </c>
      <c r="F115729" s="14" t="s">
        <v>15</v>
      </c>
      <c r="G115729" s="16">
        <v>0</v>
      </c>
    </row>
    <row r="115730" spans="1:7" x14ac:dyDescent="0.3">
      <c r="A115730" s="13" t="s">
        <v>551</v>
      </c>
      <c r="B115730" s="14" t="s">
        <v>1</v>
      </c>
      <c r="C115730" s="14" t="s">
        <v>546</v>
      </c>
      <c r="D115730" s="14" t="s">
        <v>14</v>
      </c>
      <c r="E115730" s="15">
        <v>45401</v>
      </c>
      <c r="F115730" s="14" t="s">
        <v>15</v>
      </c>
      <c r="G115730" s="16">
        <v>0</v>
      </c>
    </row>
    <row r="115731" spans="1:7" x14ac:dyDescent="0.3">
      <c r="A115731" s="13" t="s">
        <v>551</v>
      </c>
      <c r="B115731" s="14" t="s">
        <v>1</v>
      </c>
      <c r="C115731" s="14" t="s">
        <v>546</v>
      </c>
      <c r="D115731" s="14" t="s">
        <v>14</v>
      </c>
      <c r="E115731" s="15">
        <v>45402</v>
      </c>
      <c r="F115731" s="14" t="s">
        <v>15</v>
      </c>
      <c r="G115731" s="16">
        <v>0</v>
      </c>
    </row>
    <row r="115732" spans="1:7" x14ac:dyDescent="0.3">
      <c r="A115732" s="13" t="s">
        <v>551</v>
      </c>
      <c r="B115732" s="14" t="s">
        <v>1</v>
      </c>
      <c r="C115732" s="14" t="s">
        <v>546</v>
      </c>
      <c r="D115732" s="14" t="s">
        <v>14</v>
      </c>
      <c r="E115732" s="15">
        <v>45403</v>
      </c>
      <c r="F115732" s="14" t="s">
        <v>15</v>
      </c>
      <c r="G115732" s="16">
        <v>0</v>
      </c>
    </row>
    <row r="115733" spans="1:7" x14ac:dyDescent="0.3">
      <c r="A115733" s="13" t="s">
        <v>551</v>
      </c>
      <c r="B115733" s="14" t="s">
        <v>1</v>
      </c>
      <c r="C115733" s="14" t="s">
        <v>546</v>
      </c>
      <c r="D115733" s="14" t="s">
        <v>14</v>
      </c>
      <c r="E115733" s="15">
        <v>45404</v>
      </c>
      <c r="F115733" s="14" t="s">
        <v>15</v>
      </c>
      <c r="G115733" s="16">
        <v>0</v>
      </c>
    </row>
    <row r="115734" spans="1:7" x14ac:dyDescent="0.3">
      <c r="A115734" s="13" t="s">
        <v>551</v>
      </c>
      <c r="B115734" s="14" t="s">
        <v>1</v>
      </c>
      <c r="C115734" s="14" t="s">
        <v>546</v>
      </c>
      <c r="D115734" s="14" t="s">
        <v>14</v>
      </c>
      <c r="E115734" s="15">
        <v>45405</v>
      </c>
      <c r="F115734" s="14" t="s">
        <v>15</v>
      </c>
      <c r="G115734" s="16">
        <v>0</v>
      </c>
    </row>
    <row r="115735" spans="1:7" x14ac:dyDescent="0.3">
      <c r="A115735" s="13" t="s">
        <v>551</v>
      </c>
      <c r="B115735" s="14" t="s">
        <v>1</v>
      </c>
      <c r="C115735" s="14" t="s">
        <v>546</v>
      </c>
      <c r="D115735" s="14" t="s">
        <v>14</v>
      </c>
      <c r="E115735" s="15">
        <v>45406</v>
      </c>
      <c r="F115735" s="14" t="s">
        <v>15</v>
      </c>
      <c r="G115735" s="16">
        <v>0</v>
      </c>
    </row>
    <row r="115736" spans="1:7" x14ac:dyDescent="0.3">
      <c r="A115736" s="13" t="s">
        <v>551</v>
      </c>
      <c r="B115736" s="14" t="s">
        <v>1</v>
      </c>
      <c r="C115736" s="14" t="s">
        <v>546</v>
      </c>
      <c r="D115736" s="14" t="s">
        <v>14</v>
      </c>
      <c r="E115736" s="15">
        <v>45407</v>
      </c>
      <c r="F115736" s="14" t="s">
        <v>15</v>
      </c>
      <c r="G115736" s="16">
        <v>0</v>
      </c>
    </row>
    <row r="115737" spans="1:7" x14ac:dyDescent="0.3">
      <c r="A115737" s="13" t="s">
        <v>551</v>
      </c>
      <c r="B115737" s="14" t="s">
        <v>1</v>
      </c>
      <c r="C115737" s="14" t="s">
        <v>546</v>
      </c>
      <c r="D115737" s="14" t="s">
        <v>14</v>
      </c>
      <c r="E115737" s="15">
        <v>45408</v>
      </c>
      <c r="F115737" s="14" t="s">
        <v>15</v>
      </c>
      <c r="G115737" s="16">
        <v>0</v>
      </c>
    </row>
    <row r="115738" spans="1:7" x14ac:dyDescent="0.3">
      <c r="A115738" s="13" t="s">
        <v>551</v>
      </c>
      <c r="B115738" s="14" t="s">
        <v>1</v>
      </c>
      <c r="C115738" s="14" t="s">
        <v>546</v>
      </c>
      <c r="D115738" s="14" t="s">
        <v>14</v>
      </c>
      <c r="E115738" s="15">
        <v>45409</v>
      </c>
      <c r="F115738" s="14" t="s">
        <v>15</v>
      </c>
      <c r="G115738" s="16">
        <v>0</v>
      </c>
    </row>
    <row r="115739" spans="1:7" x14ac:dyDescent="0.3">
      <c r="A115739" s="13" t="s">
        <v>551</v>
      </c>
      <c r="B115739" s="14" t="s">
        <v>1</v>
      </c>
      <c r="C115739" s="14" t="s">
        <v>546</v>
      </c>
      <c r="D115739" s="14" t="s">
        <v>14</v>
      </c>
      <c r="E115739" s="15">
        <v>45410</v>
      </c>
      <c r="F115739" s="14" t="s">
        <v>15</v>
      </c>
      <c r="G115739" s="16">
        <v>0</v>
      </c>
    </row>
    <row r="115740" spans="1:7" x14ac:dyDescent="0.3">
      <c r="A115740" s="13" t="s">
        <v>551</v>
      </c>
      <c r="B115740" s="14" t="s">
        <v>1</v>
      </c>
      <c r="C115740" s="14" t="s">
        <v>546</v>
      </c>
      <c r="D115740" s="14" t="s">
        <v>14</v>
      </c>
      <c r="E115740" s="15">
        <v>45411</v>
      </c>
      <c r="F115740" s="14" t="s">
        <v>15</v>
      </c>
      <c r="G115740" s="16">
        <v>0</v>
      </c>
    </row>
    <row r="115741" spans="1:7" x14ac:dyDescent="0.3">
      <c r="A115741" s="13" t="s">
        <v>551</v>
      </c>
      <c r="B115741" s="14" t="s">
        <v>1</v>
      </c>
      <c r="C115741" s="14" t="s">
        <v>546</v>
      </c>
      <c r="D115741" s="14" t="s">
        <v>14</v>
      </c>
      <c r="E115741" s="15">
        <v>45412</v>
      </c>
      <c r="F115741" s="14" t="s">
        <v>15</v>
      </c>
      <c r="G115741" s="16">
        <v>0</v>
      </c>
    </row>
    <row r="115742" spans="1:7" x14ac:dyDescent="0.3">
      <c r="A115742" s="13" t="s">
        <v>551</v>
      </c>
      <c r="B115742" s="14" t="s">
        <v>1</v>
      </c>
      <c r="C115742" s="14" t="s">
        <v>546</v>
      </c>
      <c r="D115742" s="14" t="s">
        <v>14</v>
      </c>
      <c r="E115742" s="15">
        <v>45413</v>
      </c>
      <c r="F115742" s="14" t="s">
        <v>15</v>
      </c>
      <c r="G115742" s="16">
        <v>0</v>
      </c>
    </row>
    <row r="115743" spans="1:7" x14ac:dyDescent="0.3">
      <c r="A115743" s="13" t="s">
        <v>551</v>
      </c>
      <c r="B115743" s="14" t="s">
        <v>1</v>
      </c>
      <c r="C115743" s="14" t="s">
        <v>546</v>
      </c>
      <c r="D115743" s="14" t="s">
        <v>14</v>
      </c>
      <c r="E115743" s="15">
        <v>45414</v>
      </c>
      <c r="F115743" s="14" t="s">
        <v>15</v>
      </c>
      <c r="G115743" s="16">
        <v>0</v>
      </c>
    </row>
    <row r="115744" spans="1:7" x14ac:dyDescent="0.3">
      <c r="A115744" s="13" t="s">
        <v>551</v>
      </c>
      <c r="B115744" s="14" t="s">
        <v>1</v>
      </c>
      <c r="C115744" s="14" t="s">
        <v>546</v>
      </c>
      <c r="D115744" s="14" t="s">
        <v>14</v>
      </c>
      <c r="E115744" s="15">
        <v>45415</v>
      </c>
      <c r="F115744" s="14" t="s">
        <v>15</v>
      </c>
      <c r="G115744" s="16">
        <v>0</v>
      </c>
    </row>
    <row r="115745" spans="1:7" x14ac:dyDescent="0.3">
      <c r="A115745" s="13" t="s">
        <v>551</v>
      </c>
      <c r="B115745" s="14" t="s">
        <v>1</v>
      </c>
      <c r="C115745" s="14" t="s">
        <v>546</v>
      </c>
      <c r="D115745" s="14" t="s">
        <v>14</v>
      </c>
      <c r="E115745" s="15">
        <v>45416</v>
      </c>
      <c r="F115745" s="14" t="s">
        <v>15</v>
      </c>
      <c r="G115745" s="16">
        <v>0</v>
      </c>
    </row>
    <row r="115746" spans="1:7" x14ac:dyDescent="0.3">
      <c r="A115746" s="13" t="s">
        <v>551</v>
      </c>
      <c r="B115746" s="14" t="s">
        <v>1</v>
      </c>
      <c r="C115746" s="14" t="s">
        <v>546</v>
      </c>
      <c r="D115746" s="14" t="s">
        <v>14</v>
      </c>
      <c r="E115746" s="15">
        <v>45417</v>
      </c>
      <c r="F115746" s="14" t="s">
        <v>15</v>
      </c>
      <c r="G115746" s="16">
        <v>0</v>
      </c>
    </row>
    <row r="115747" spans="1:7" x14ac:dyDescent="0.3">
      <c r="A115747" s="13" t="s">
        <v>551</v>
      </c>
      <c r="B115747" s="14" t="s">
        <v>1</v>
      </c>
      <c r="C115747" s="14" t="s">
        <v>546</v>
      </c>
      <c r="D115747" s="14" t="s">
        <v>14</v>
      </c>
      <c r="E115747" s="15">
        <v>45418</v>
      </c>
      <c r="F115747" s="14" t="s">
        <v>15</v>
      </c>
      <c r="G115747" s="16">
        <v>0</v>
      </c>
    </row>
    <row r="115748" spans="1:7" x14ac:dyDescent="0.3">
      <c r="A115748" s="13" t="s">
        <v>551</v>
      </c>
      <c r="B115748" s="14" t="s">
        <v>1</v>
      </c>
      <c r="C115748" s="14" t="s">
        <v>546</v>
      </c>
      <c r="D115748" s="14" t="s">
        <v>14</v>
      </c>
      <c r="E115748" s="15">
        <v>45419</v>
      </c>
      <c r="F115748" s="14" t="s">
        <v>15</v>
      </c>
      <c r="G115748" s="16">
        <v>0</v>
      </c>
    </row>
    <row r="115749" spans="1:7" x14ac:dyDescent="0.3">
      <c r="A115749" s="13" t="s">
        <v>551</v>
      </c>
      <c r="B115749" s="14" t="s">
        <v>1</v>
      </c>
      <c r="C115749" s="14" t="s">
        <v>546</v>
      </c>
      <c r="D115749" s="14" t="s">
        <v>14</v>
      </c>
      <c r="E115749" s="15">
        <v>45420</v>
      </c>
      <c r="F115749" s="14" t="s">
        <v>15</v>
      </c>
      <c r="G115749" s="16">
        <v>0</v>
      </c>
    </row>
    <row r="115750" spans="1:7" x14ac:dyDescent="0.3">
      <c r="A115750" s="13" t="s">
        <v>551</v>
      </c>
      <c r="B115750" s="14" t="s">
        <v>1</v>
      </c>
      <c r="C115750" s="14" t="s">
        <v>546</v>
      </c>
      <c r="D115750" s="14" t="s">
        <v>14</v>
      </c>
      <c r="E115750" s="15">
        <v>45421</v>
      </c>
      <c r="F115750" s="14" t="s">
        <v>15</v>
      </c>
      <c r="G115750" s="16">
        <v>0</v>
      </c>
    </row>
    <row r="115751" spans="1:7" x14ac:dyDescent="0.3">
      <c r="A115751" s="13" t="s">
        <v>551</v>
      </c>
      <c r="B115751" s="14" t="s">
        <v>1</v>
      </c>
      <c r="C115751" s="14" t="s">
        <v>546</v>
      </c>
      <c r="D115751" s="14" t="s">
        <v>14</v>
      </c>
      <c r="E115751" s="15">
        <v>45422</v>
      </c>
      <c r="F115751" s="14" t="s">
        <v>15</v>
      </c>
      <c r="G115751" s="16">
        <v>0</v>
      </c>
    </row>
    <row r="115752" spans="1:7" x14ac:dyDescent="0.3">
      <c r="A115752" s="13" t="s">
        <v>551</v>
      </c>
      <c r="B115752" s="14" t="s">
        <v>1</v>
      </c>
      <c r="C115752" s="14" t="s">
        <v>546</v>
      </c>
      <c r="D115752" s="14" t="s">
        <v>14</v>
      </c>
      <c r="E115752" s="15">
        <v>45423</v>
      </c>
      <c r="F115752" s="14" t="s">
        <v>15</v>
      </c>
      <c r="G115752" s="16">
        <v>0</v>
      </c>
    </row>
    <row r="115753" spans="1:7" x14ac:dyDescent="0.3">
      <c r="A115753" s="13" t="s">
        <v>551</v>
      </c>
      <c r="B115753" s="14" t="s">
        <v>1</v>
      </c>
      <c r="C115753" s="14" t="s">
        <v>546</v>
      </c>
      <c r="D115753" s="14" t="s">
        <v>14</v>
      </c>
      <c r="E115753" s="15">
        <v>45424</v>
      </c>
      <c r="F115753" s="14" t="s">
        <v>15</v>
      </c>
      <c r="G115753" s="16">
        <v>0</v>
      </c>
    </row>
    <row r="115754" spans="1:7" x14ac:dyDescent="0.3">
      <c r="A115754" s="13" t="s">
        <v>551</v>
      </c>
      <c r="B115754" s="14" t="s">
        <v>1</v>
      </c>
      <c r="C115754" s="14" t="s">
        <v>546</v>
      </c>
      <c r="D115754" s="14" t="s">
        <v>14</v>
      </c>
      <c r="E115754" s="15">
        <v>45425</v>
      </c>
      <c r="F115754" s="14" t="s">
        <v>15</v>
      </c>
      <c r="G115754" s="16">
        <v>0</v>
      </c>
    </row>
    <row r="115755" spans="1:7" x14ac:dyDescent="0.3">
      <c r="A115755" s="13" t="s">
        <v>551</v>
      </c>
      <c r="B115755" s="14" t="s">
        <v>1</v>
      </c>
      <c r="C115755" s="14" t="s">
        <v>546</v>
      </c>
      <c r="D115755" s="14" t="s">
        <v>14</v>
      </c>
      <c r="E115755" s="15">
        <v>45426</v>
      </c>
      <c r="F115755" s="14" t="s">
        <v>15</v>
      </c>
      <c r="G115755" s="16">
        <v>0</v>
      </c>
    </row>
    <row r="115756" spans="1:7" x14ac:dyDescent="0.3">
      <c r="A115756" s="13" t="s">
        <v>551</v>
      </c>
      <c r="B115756" s="14" t="s">
        <v>1</v>
      </c>
      <c r="C115756" s="14" t="s">
        <v>546</v>
      </c>
      <c r="D115756" s="14" t="s">
        <v>14</v>
      </c>
      <c r="E115756" s="15">
        <v>45427</v>
      </c>
      <c r="F115756" s="14" t="s">
        <v>15</v>
      </c>
      <c r="G115756" s="16">
        <v>0</v>
      </c>
    </row>
    <row r="115757" spans="1:7" x14ac:dyDescent="0.3">
      <c r="A115757" s="13" t="s">
        <v>551</v>
      </c>
      <c r="B115757" s="14" t="s">
        <v>1</v>
      </c>
      <c r="C115757" s="14" t="s">
        <v>546</v>
      </c>
      <c r="D115757" s="14" t="s">
        <v>14</v>
      </c>
      <c r="E115757" s="15">
        <v>45428</v>
      </c>
      <c r="F115757" s="14" t="s">
        <v>15</v>
      </c>
      <c r="G115757" s="16">
        <v>0</v>
      </c>
    </row>
    <row r="115758" spans="1:7" x14ac:dyDescent="0.3">
      <c r="A115758" s="13" t="s">
        <v>551</v>
      </c>
      <c r="B115758" s="14" t="s">
        <v>1</v>
      </c>
      <c r="C115758" s="14" t="s">
        <v>546</v>
      </c>
      <c r="D115758" s="14" t="s">
        <v>14</v>
      </c>
      <c r="E115758" s="15">
        <v>45429</v>
      </c>
      <c r="F115758" s="14" t="s">
        <v>15</v>
      </c>
      <c r="G115758" s="16">
        <v>0</v>
      </c>
    </row>
    <row r="115759" spans="1:7" x14ac:dyDescent="0.3">
      <c r="A115759" s="13" t="s">
        <v>551</v>
      </c>
      <c r="B115759" s="14" t="s">
        <v>1</v>
      </c>
      <c r="C115759" s="14" t="s">
        <v>546</v>
      </c>
      <c r="D115759" s="14" t="s">
        <v>14</v>
      </c>
      <c r="E115759" s="15">
        <v>45430</v>
      </c>
      <c r="F115759" s="14" t="s">
        <v>15</v>
      </c>
      <c r="G115759" s="16">
        <v>0</v>
      </c>
    </row>
    <row r="115760" spans="1:7" x14ac:dyDescent="0.3">
      <c r="A115760" s="13" t="s">
        <v>551</v>
      </c>
      <c r="B115760" s="14" t="s">
        <v>1</v>
      </c>
      <c r="C115760" s="14" t="s">
        <v>546</v>
      </c>
      <c r="D115760" s="14" t="s">
        <v>14</v>
      </c>
      <c r="E115760" s="15">
        <v>45431</v>
      </c>
      <c r="F115760" s="14" t="s">
        <v>15</v>
      </c>
      <c r="G115760" s="16">
        <v>0</v>
      </c>
    </row>
    <row r="115761" spans="1:7" x14ac:dyDescent="0.3">
      <c r="A115761" s="13" t="s">
        <v>551</v>
      </c>
      <c r="B115761" s="14" t="s">
        <v>1</v>
      </c>
      <c r="C115761" s="14" t="s">
        <v>546</v>
      </c>
      <c r="D115761" s="14" t="s">
        <v>14</v>
      </c>
      <c r="E115761" s="15">
        <v>45432</v>
      </c>
      <c r="F115761" s="14" t="s">
        <v>15</v>
      </c>
      <c r="G115761" s="16">
        <v>1.9794993459355065E-2</v>
      </c>
    </row>
    <row r="115762" spans="1:7" x14ac:dyDescent="0.3">
      <c r="A115762" s="13" t="s">
        <v>551</v>
      </c>
      <c r="B115762" s="14" t="s">
        <v>1</v>
      </c>
      <c r="C115762" s="14" t="s">
        <v>546</v>
      </c>
      <c r="D115762" s="14" t="s">
        <v>14</v>
      </c>
      <c r="E115762" s="15">
        <v>45433</v>
      </c>
      <c r="F115762" s="14" t="s">
        <v>15</v>
      </c>
      <c r="G115762" s="16">
        <v>1.0813547852104788E-2</v>
      </c>
    </row>
    <row r="115763" spans="1:7" x14ac:dyDescent="0.3">
      <c r="A115763" s="13" t="s">
        <v>551</v>
      </c>
      <c r="B115763" s="14" t="s">
        <v>1</v>
      </c>
      <c r="C115763" s="14" t="s">
        <v>546</v>
      </c>
      <c r="D115763" s="14" t="s">
        <v>14</v>
      </c>
      <c r="E115763" s="15">
        <v>45434</v>
      </c>
      <c r="F115763" s="14" t="s">
        <v>15</v>
      </c>
      <c r="G115763" s="16">
        <v>2.0894366402006044E-2</v>
      </c>
    </row>
    <row r="115764" spans="1:7" x14ac:dyDescent="0.3">
      <c r="A115764" s="13" t="s">
        <v>551</v>
      </c>
      <c r="B115764" s="14" t="s">
        <v>1</v>
      </c>
      <c r="C115764" s="14" t="s">
        <v>546</v>
      </c>
      <c r="D115764" s="14" t="s">
        <v>14</v>
      </c>
      <c r="E115764" s="15">
        <v>45435</v>
      </c>
      <c r="F115764" s="14" t="s">
        <v>15</v>
      </c>
      <c r="G115764" s="16">
        <v>1.793211891475929E-2</v>
      </c>
    </row>
    <row r="115765" spans="1:7" x14ac:dyDescent="0.3">
      <c r="A115765" s="13" t="s">
        <v>551</v>
      </c>
      <c r="B115765" s="14" t="s">
        <v>1</v>
      </c>
      <c r="C115765" s="14" t="s">
        <v>546</v>
      </c>
      <c r="D115765" s="14" t="s">
        <v>14</v>
      </c>
      <c r="E115765" s="15">
        <v>45436</v>
      </c>
      <c r="F115765" s="14" t="s">
        <v>15</v>
      </c>
      <c r="G115765" s="16">
        <v>1.4980558474558512E-2</v>
      </c>
    </row>
    <row r="115766" spans="1:7" x14ac:dyDescent="0.3">
      <c r="A115766" s="13" t="s">
        <v>551</v>
      </c>
      <c r="B115766" s="14" t="s">
        <v>1</v>
      </c>
      <c r="C115766" s="14" t="s">
        <v>546</v>
      </c>
      <c r="D115766" s="14" t="s">
        <v>14</v>
      </c>
      <c r="E115766" s="15">
        <v>45437</v>
      </c>
      <c r="F115766" s="14" t="s">
        <v>15</v>
      </c>
      <c r="G115766" s="16">
        <v>1.4980558474558512E-2</v>
      </c>
    </row>
    <row r="115767" spans="1:7" x14ac:dyDescent="0.3">
      <c r="A115767" s="13" t="s">
        <v>551</v>
      </c>
      <c r="B115767" s="14" t="s">
        <v>1</v>
      </c>
      <c r="C115767" s="14" t="s">
        <v>546</v>
      </c>
      <c r="D115767" s="14" t="s">
        <v>14</v>
      </c>
      <c r="E115767" s="15">
        <v>45438</v>
      </c>
      <c r="F115767" s="14" t="s">
        <v>15</v>
      </c>
      <c r="G115767" s="16">
        <v>1.4980558474558512E-2</v>
      </c>
    </row>
    <row r="115768" spans="1:7" x14ac:dyDescent="0.3">
      <c r="A115768" s="13" t="s">
        <v>551</v>
      </c>
      <c r="B115768" s="14" t="s">
        <v>1</v>
      </c>
      <c r="C115768" s="14" t="s">
        <v>546</v>
      </c>
      <c r="D115768" s="14" t="s">
        <v>14</v>
      </c>
      <c r="E115768" s="15">
        <v>45439</v>
      </c>
      <c r="F115768" s="14" t="s">
        <v>15</v>
      </c>
      <c r="G115768" s="16">
        <v>1.2065977337227047E-2</v>
      </c>
    </row>
    <row r="115769" spans="1:7" x14ac:dyDescent="0.3">
      <c r="A115769" s="13" t="s">
        <v>551</v>
      </c>
      <c r="B115769" s="14" t="s">
        <v>1</v>
      </c>
      <c r="C115769" s="14" t="s">
        <v>546</v>
      </c>
      <c r="D115769" s="14" t="s">
        <v>14</v>
      </c>
      <c r="E115769" s="15">
        <v>45440</v>
      </c>
      <c r="F115769" s="14" t="s">
        <v>15</v>
      </c>
      <c r="G115769" s="16">
        <v>2.0703712329208018E-2</v>
      </c>
    </row>
    <row r="115770" spans="1:7" x14ac:dyDescent="0.3">
      <c r="A115770" s="13" t="s">
        <v>551</v>
      </c>
      <c r="B115770" s="14" t="s">
        <v>1</v>
      </c>
      <c r="C115770" s="14" t="s">
        <v>546</v>
      </c>
      <c r="D115770" s="14" t="s">
        <v>14</v>
      </c>
      <c r="E115770" s="15">
        <v>45441</v>
      </c>
      <c r="F115770" s="14" t="s">
        <v>15</v>
      </c>
      <c r="G115770" s="16">
        <v>1.8463372382324993E-2</v>
      </c>
    </row>
    <row r="115771" spans="1:7" x14ac:dyDescent="0.3">
      <c r="A115771" s="13" t="s">
        <v>551</v>
      </c>
      <c r="B115771" s="14" t="s">
        <v>1</v>
      </c>
      <c r="C115771" s="14" t="s">
        <v>546</v>
      </c>
      <c r="D115771" s="14" t="s">
        <v>14</v>
      </c>
      <c r="E115771" s="15">
        <v>45442</v>
      </c>
      <c r="F115771" s="14" t="s">
        <v>15</v>
      </c>
      <c r="G115771" s="16">
        <v>1.5570029369075577E-2</v>
      </c>
    </row>
    <row r="115772" spans="1:7" x14ac:dyDescent="0.3">
      <c r="A115772" s="13" t="s">
        <v>551</v>
      </c>
      <c r="B115772" s="14" t="s">
        <v>1</v>
      </c>
      <c r="C115772" s="14" t="s">
        <v>546</v>
      </c>
      <c r="D115772" s="14" t="s">
        <v>14</v>
      </c>
      <c r="E115772" s="15">
        <v>45443</v>
      </c>
      <c r="F115772" s="14" t="s">
        <v>15</v>
      </c>
      <c r="G115772" s="16">
        <v>1.6951094261406306E-2</v>
      </c>
    </row>
    <row r="115773" spans="1:7" x14ac:dyDescent="0.3">
      <c r="A115773" s="13" t="s">
        <v>551</v>
      </c>
      <c r="B115773" s="14" t="s">
        <v>1</v>
      </c>
      <c r="C115773" s="14" t="s">
        <v>546</v>
      </c>
      <c r="D115773" s="14" t="s">
        <v>14</v>
      </c>
      <c r="E115773" s="15">
        <v>45444</v>
      </c>
      <c r="F115773" s="14" t="s">
        <v>15</v>
      </c>
      <c r="G115773" s="16">
        <v>1.6951094261406306E-2</v>
      </c>
    </row>
    <row r="115774" spans="1:7" x14ac:dyDescent="0.3">
      <c r="A115774" s="13" t="s">
        <v>551</v>
      </c>
      <c r="B115774" s="14" t="s">
        <v>1</v>
      </c>
      <c r="C115774" s="14" t="s">
        <v>546</v>
      </c>
      <c r="D115774" s="14" t="s">
        <v>14</v>
      </c>
      <c r="E115774" s="15">
        <v>45445</v>
      </c>
      <c r="F115774" s="14" t="s">
        <v>15</v>
      </c>
      <c r="G115774" s="16">
        <v>1.6951094261406306E-2</v>
      </c>
    </row>
    <row r="115775" spans="1:7" x14ac:dyDescent="0.3">
      <c r="A115775" s="13" t="s">
        <v>551</v>
      </c>
      <c r="B115775" s="14" t="s">
        <v>1</v>
      </c>
      <c r="C115775" s="14" t="s">
        <v>546</v>
      </c>
      <c r="D115775" s="14" t="s">
        <v>14</v>
      </c>
      <c r="E115775" s="15">
        <v>45446</v>
      </c>
      <c r="F115775" s="14" t="s">
        <v>15</v>
      </c>
      <c r="G115775" s="16">
        <v>1.6951094261406306E-2</v>
      </c>
    </row>
    <row r="115776" spans="1:7" x14ac:dyDescent="0.3">
      <c r="A115776" s="13" t="s">
        <v>551</v>
      </c>
      <c r="B115776" s="14" t="s">
        <v>1</v>
      </c>
      <c r="C115776" s="14" t="s">
        <v>546</v>
      </c>
      <c r="D115776" s="14" t="s">
        <v>14</v>
      </c>
      <c r="E115776" s="15">
        <v>45447</v>
      </c>
      <c r="F115776" s="14" t="s">
        <v>15</v>
      </c>
      <c r="G115776" s="16">
        <v>1.799179773790574E-2</v>
      </c>
    </row>
    <row r="115777" spans="1:7" x14ac:dyDescent="0.3">
      <c r="A115777" s="13" t="s">
        <v>551</v>
      </c>
      <c r="B115777" s="14" t="s">
        <v>1</v>
      </c>
      <c r="C115777" s="14" t="s">
        <v>546</v>
      </c>
      <c r="D115777" s="14" t="s">
        <v>14</v>
      </c>
      <c r="E115777" s="15">
        <v>45448</v>
      </c>
      <c r="F115777" s="14" t="s">
        <v>15</v>
      </c>
      <c r="G115777" s="16">
        <v>1.0414068451080328E-2</v>
      </c>
    </row>
    <row r="115778" spans="1:7" x14ac:dyDescent="0.3">
      <c r="A115778" s="13" t="s">
        <v>551</v>
      </c>
      <c r="B115778" s="14" t="s">
        <v>1</v>
      </c>
      <c r="C115778" s="14" t="s">
        <v>546</v>
      </c>
      <c r="D115778" s="14" t="s">
        <v>14</v>
      </c>
      <c r="E115778" s="15">
        <v>45449</v>
      </c>
      <c r="F115778" s="14" t="s">
        <v>15</v>
      </c>
      <c r="G115778" s="16">
        <v>1.8203676022339018E-2</v>
      </c>
    </row>
    <row r="115779" spans="1:7" x14ac:dyDescent="0.3">
      <c r="A115779" s="13" t="s">
        <v>551</v>
      </c>
      <c r="B115779" s="14" t="s">
        <v>1</v>
      </c>
      <c r="C115779" s="14" t="s">
        <v>546</v>
      </c>
      <c r="D115779" s="14" t="s">
        <v>14</v>
      </c>
      <c r="E115779" s="15">
        <v>45450</v>
      </c>
      <c r="F115779" s="14" t="s">
        <v>15</v>
      </c>
      <c r="G115779" s="16">
        <v>1.7036002703589927E-2</v>
      </c>
    </row>
    <row r="115780" spans="1:7" x14ac:dyDescent="0.3">
      <c r="A115780" s="13" t="s">
        <v>551</v>
      </c>
      <c r="B115780" s="14" t="s">
        <v>1</v>
      </c>
      <c r="C115780" s="14" t="s">
        <v>546</v>
      </c>
      <c r="D115780" s="14" t="s">
        <v>14</v>
      </c>
      <c r="E115780" s="15">
        <v>45451</v>
      </c>
      <c r="F115780" s="14" t="s">
        <v>15</v>
      </c>
      <c r="G115780" s="16">
        <v>1.7036002703589927E-2</v>
      </c>
    </row>
    <row r="115781" spans="1:7" x14ac:dyDescent="0.3">
      <c r="A115781" s="13" t="s">
        <v>551</v>
      </c>
      <c r="B115781" s="14" t="s">
        <v>1</v>
      </c>
      <c r="C115781" s="14" t="s">
        <v>546</v>
      </c>
      <c r="D115781" s="14" t="s">
        <v>14</v>
      </c>
      <c r="E115781" s="15">
        <v>45452</v>
      </c>
      <c r="F115781" s="14" t="s">
        <v>15</v>
      </c>
      <c r="G115781" s="16">
        <v>1.7036002703589927E-2</v>
      </c>
    </row>
    <row r="115782" spans="1:7" x14ac:dyDescent="0.3">
      <c r="A115782" s="13" t="s">
        <v>551</v>
      </c>
      <c r="B115782" s="14" t="s">
        <v>1</v>
      </c>
      <c r="C115782" s="14" t="s">
        <v>546</v>
      </c>
      <c r="D115782" s="14" t="s">
        <v>14</v>
      </c>
      <c r="E115782" s="15">
        <v>45453</v>
      </c>
      <c r="F115782" s="14" t="s">
        <v>15</v>
      </c>
      <c r="G115782" s="16">
        <v>1.7036002703589927E-2</v>
      </c>
    </row>
    <row r="115783" spans="1:7" x14ac:dyDescent="0.3">
      <c r="A115783" s="13" t="s">
        <v>551</v>
      </c>
      <c r="B115783" s="14" t="s">
        <v>1</v>
      </c>
      <c r="C115783" s="14" t="s">
        <v>546</v>
      </c>
      <c r="D115783" s="14" t="s">
        <v>14</v>
      </c>
      <c r="E115783" s="15">
        <v>45454</v>
      </c>
      <c r="F115783" s="14" t="s">
        <v>15</v>
      </c>
      <c r="G115783" s="16">
        <v>7.0464185220469225E-2</v>
      </c>
    </row>
    <row r="115784" spans="1:7" x14ac:dyDescent="0.3">
      <c r="A115784" s="13" t="s">
        <v>551</v>
      </c>
      <c r="B115784" s="14" t="s">
        <v>1</v>
      </c>
      <c r="C115784" s="14" t="s">
        <v>546</v>
      </c>
      <c r="D115784" s="14" t="s">
        <v>14</v>
      </c>
      <c r="E115784" s="15">
        <v>45455</v>
      </c>
      <c r="F115784" s="14" t="s">
        <v>15</v>
      </c>
      <c r="G115784" s="16">
        <v>5.9074671911984032E-2</v>
      </c>
    </row>
    <row r="115785" spans="1:7" x14ac:dyDescent="0.3">
      <c r="A115785" s="13" t="s">
        <v>551</v>
      </c>
      <c r="B115785" s="14" t="s">
        <v>1</v>
      </c>
      <c r="C115785" s="14" t="s">
        <v>546</v>
      </c>
      <c r="D115785" s="14" t="s">
        <v>14</v>
      </c>
      <c r="E115785" s="15">
        <v>45456</v>
      </c>
      <c r="F115785" s="14" t="s">
        <v>15</v>
      </c>
      <c r="G115785" s="16">
        <v>0.11271366785979181</v>
      </c>
    </row>
    <row r="115786" spans="1:7" x14ac:dyDescent="0.3">
      <c r="A115786" s="13" t="s">
        <v>551</v>
      </c>
      <c r="B115786" s="14" t="s">
        <v>1</v>
      </c>
      <c r="C115786" s="14" t="s">
        <v>546</v>
      </c>
      <c r="D115786" s="14" t="s">
        <v>14</v>
      </c>
      <c r="E115786" s="15">
        <v>45457</v>
      </c>
      <c r="F115786" s="14" t="s">
        <v>15</v>
      </c>
      <c r="G115786" s="16">
        <v>0.14493351586183717</v>
      </c>
    </row>
    <row r="115787" spans="1:7" x14ac:dyDescent="0.3">
      <c r="A115787" s="13" t="s">
        <v>551</v>
      </c>
      <c r="B115787" s="14" t="s">
        <v>1</v>
      </c>
      <c r="C115787" s="14" t="s">
        <v>546</v>
      </c>
      <c r="D115787" s="14" t="s">
        <v>14</v>
      </c>
      <c r="E115787" s="15">
        <v>45458</v>
      </c>
      <c r="F115787" s="14" t="s">
        <v>15</v>
      </c>
      <c r="G115787" s="16">
        <v>0.14493351586183717</v>
      </c>
    </row>
    <row r="115788" spans="1:7" x14ac:dyDescent="0.3">
      <c r="A115788" s="13" t="s">
        <v>551</v>
      </c>
      <c r="B115788" s="14" t="s">
        <v>1</v>
      </c>
      <c r="C115788" s="14" t="s">
        <v>546</v>
      </c>
      <c r="D115788" s="14" t="s">
        <v>14</v>
      </c>
      <c r="E115788" s="15">
        <v>45459</v>
      </c>
      <c r="F115788" s="14" t="s">
        <v>15</v>
      </c>
      <c r="G115788" s="16">
        <v>0.14493351586183717</v>
      </c>
    </row>
    <row r="115789" spans="1:7" x14ac:dyDescent="0.3">
      <c r="A115789" s="13" t="s">
        <v>551</v>
      </c>
      <c r="B115789" s="14" t="s">
        <v>1</v>
      </c>
      <c r="C115789" s="14" t="s">
        <v>546</v>
      </c>
      <c r="D115789" s="14" t="s">
        <v>14</v>
      </c>
      <c r="E115789" s="15">
        <v>45460</v>
      </c>
      <c r="F115789" s="14" t="s">
        <v>15</v>
      </c>
      <c r="G115789" s="16">
        <v>0.15624764575875788</v>
      </c>
    </row>
    <row r="115790" spans="1:7" x14ac:dyDescent="0.3">
      <c r="A115790" s="13" t="s">
        <v>551</v>
      </c>
      <c r="B115790" s="14" t="s">
        <v>1</v>
      </c>
      <c r="C115790" s="14" t="s">
        <v>546</v>
      </c>
      <c r="D115790" s="14" t="s">
        <v>14</v>
      </c>
      <c r="E115790" s="15">
        <v>45461</v>
      </c>
      <c r="F115790" s="14" t="s">
        <v>15</v>
      </c>
      <c r="G115790" s="16">
        <v>0.14779764549129024</v>
      </c>
    </row>
    <row r="115791" spans="1:7" x14ac:dyDescent="0.3">
      <c r="A115791" s="13" t="s">
        <v>551</v>
      </c>
      <c r="B115791" s="14" t="s">
        <v>1</v>
      </c>
      <c r="C115791" s="14" t="s">
        <v>546</v>
      </c>
      <c r="D115791" s="14" t="s">
        <v>14</v>
      </c>
      <c r="E115791" s="15">
        <v>45462</v>
      </c>
      <c r="F115791" s="14" t="s">
        <v>15</v>
      </c>
      <c r="G115791" s="16">
        <v>0.20234065694886555</v>
      </c>
    </row>
    <row r="115792" spans="1:7" x14ac:dyDescent="0.3">
      <c r="A115792" s="13" t="s">
        <v>551</v>
      </c>
      <c r="B115792" s="14" t="s">
        <v>1</v>
      </c>
      <c r="C115792" s="14" t="s">
        <v>546</v>
      </c>
      <c r="D115792" s="14" t="s">
        <v>14</v>
      </c>
      <c r="E115792" s="15">
        <v>45463</v>
      </c>
      <c r="F115792" s="14" t="s">
        <v>15</v>
      </c>
      <c r="G115792" s="16">
        <v>0.23626196437389155</v>
      </c>
    </row>
    <row r="115793" spans="1:7" x14ac:dyDescent="0.3">
      <c r="A115793" s="13" t="s">
        <v>551</v>
      </c>
      <c r="B115793" s="14" t="s">
        <v>1</v>
      </c>
      <c r="C115793" s="14" t="s">
        <v>546</v>
      </c>
      <c r="D115793" s="14" t="s">
        <v>14</v>
      </c>
      <c r="E115793" s="15">
        <v>45464</v>
      </c>
      <c r="F115793" s="14" t="s">
        <v>15</v>
      </c>
      <c r="G115793" s="16">
        <v>0.23340057814046866</v>
      </c>
    </row>
    <row r="115794" spans="1:7" x14ac:dyDescent="0.3">
      <c r="A115794" s="13" t="s">
        <v>551</v>
      </c>
      <c r="B115794" s="14" t="s">
        <v>1</v>
      </c>
      <c r="C115794" s="14" t="s">
        <v>546</v>
      </c>
      <c r="D115794" s="14" t="s">
        <v>14</v>
      </c>
      <c r="E115794" s="15">
        <v>45465</v>
      </c>
      <c r="F115794" s="14" t="s">
        <v>15</v>
      </c>
      <c r="G115794" s="16">
        <v>0.23340057814046866</v>
      </c>
    </row>
    <row r="115795" spans="1:7" x14ac:dyDescent="0.3">
      <c r="A115795" s="13" t="s">
        <v>551</v>
      </c>
      <c r="B115795" s="14" t="s">
        <v>1</v>
      </c>
      <c r="C115795" s="14" t="s">
        <v>546</v>
      </c>
      <c r="D115795" s="14" t="s">
        <v>14</v>
      </c>
      <c r="E115795" s="15">
        <v>45466</v>
      </c>
      <c r="F115795" s="14" t="s">
        <v>15</v>
      </c>
      <c r="G115795" s="16">
        <v>0.23340057814046866</v>
      </c>
    </row>
    <row r="115796" spans="1:7" x14ac:dyDescent="0.3">
      <c r="A115796" s="13" t="s">
        <v>551</v>
      </c>
      <c r="B115796" s="14" t="s">
        <v>1</v>
      </c>
      <c r="C115796" s="14" t="s">
        <v>546</v>
      </c>
      <c r="D115796" s="14" t="s">
        <v>14</v>
      </c>
      <c r="E115796" s="15">
        <v>45467</v>
      </c>
      <c r="F115796" s="14" t="s">
        <v>15</v>
      </c>
      <c r="G115796" s="16">
        <v>0.23055730525617119</v>
      </c>
    </row>
    <row r="115797" spans="1:7" x14ac:dyDescent="0.3">
      <c r="A115797" s="13" t="s">
        <v>551</v>
      </c>
      <c r="B115797" s="14" t="s">
        <v>1</v>
      </c>
      <c r="C115797" s="14" t="s">
        <v>546</v>
      </c>
      <c r="D115797" s="14" t="s">
        <v>14</v>
      </c>
      <c r="E115797" s="15">
        <v>45468</v>
      </c>
      <c r="F115797" s="14" t="s">
        <v>15</v>
      </c>
      <c r="G115797" s="16">
        <v>0.23220997093886192</v>
      </c>
    </row>
    <row r="115798" spans="1:7" x14ac:dyDescent="0.3">
      <c r="A115798" s="13" t="s">
        <v>551</v>
      </c>
      <c r="B115798" s="14" t="s">
        <v>1</v>
      </c>
      <c r="C115798" s="14" t="s">
        <v>546</v>
      </c>
      <c r="D115798" s="14" t="s">
        <v>14</v>
      </c>
      <c r="E115798" s="15">
        <v>45469</v>
      </c>
      <c r="F115798" s="14" t="s">
        <v>15</v>
      </c>
      <c r="G115798" s="16">
        <v>0.23370779421136009</v>
      </c>
    </row>
    <row r="115799" spans="1:7" x14ac:dyDescent="0.3">
      <c r="A115799" s="13" t="s">
        <v>551</v>
      </c>
      <c r="B115799" s="14" t="s">
        <v>1</v>
      </c>
      <c r="C115799" s="14" t="s">
        <v>546</v>
      </c>
      <c r="D115799" s="14" t="s">
        <v>14</v>
      </c>
      <c r="E115799" s="15">
        <v>45470</v>
      </c>
      <c r="F115799" s="14" t="s">
        <v>15</v>
      </c>
      <c r="G115799" s="16">
        <v>0.23540981205184633</v>
      </c>
    </row>
    <row r="115800" spans="1:7" x14ac:dyDescent="0.3">
      <c r="A115800" s="13" t="s">
        <v>551</v>
      </c>
      <c r="B115800" s="14" t="s">
        <v>1</v>
      </c>
      <c r="C115800" s="14" t="s">
        <v>546</v>
      </c>
      <c r="D115800" s="14" t="s">
        <v>14</v>
      </c>
      <c r="E115800" s="15">
        <v>45471</v>
      </c>
      <c r="F115800" s="14" t="s">
        <v>15</v>
      </c>
      <c r="G115800" s="16">
        <v>0.23485730979742928</v>
      </c>
    </row>
    <row r="115801" spans="1:7" x14ac:dyDescent="0.3">
      <c r="A115801" s="13" t="s">
        <v>551</v>
      </c>
      <c r="B115801" s="14" t="s">
        <v>1</v>
      </c>
      <c r="C115801" s="14" t="s">
        <v>546</v>
      </c>
      <c r="D115801" s="14" t="s">
        <v>14</v>
      </c>
      <c r="E115801" s="15">
        <v>45472</v>
      </c>
      <c r="F115801" s="14" t="s">
        <v>15</v>
      </c>
      <c r="G115801" s="16">
        <v>0.23485730979742928</v>
      </c>
    </row>
    <row r="115802" spans="1:7" x14ac:dyDescent="0.3">
      <c r="A115802" s="13" t="s">
        <v>551</v>
      </c>
      <c r="B115802" s="14" t="s">
        <v>1</v>
      </c>
      <c r="C115802" s="14" t="s">
        <v>546</v>
      </c>
      <c r="D115802" s="14" t="s">
        <v>14</v>
      </c>
      <c r="E115802" s="15">
        <v>45473</v>
      </c>
      <c r="F115802" s="14" t="s">
        <v>15</v>
      </c>
      <c r="G115802" s="16">
        <v>0.23485730979742928</v>
      </c>
    </row>
    <row r="115803" spans="1:7" x14ac:dyDescent="0.3">
      <c r="A115803" s="13" t="s">
        <v>551</v>
      </c>
      <c r="B115803" s="14" t="s">
        <v>1</v>
      </c>
      <c r="C115803" s="14" t="s">
        <v>546</v>
      </c>
      <c r="D115803" s="14" t="s">
        <v>14</v>
      </c>
      <c r="E115803" s="15">
        <v>45474</v>
      </c>
      <c r="F115803" s="14" t="s">
        <v>15</v>
      </c>
      <c r="G115803" s="16">
        <v>0.23485730979742928</v>
      </c>
    </row>
    <row r="115804" spans="1:7" x14ac:dyDescent="0.3">
      <c r="A115804" s="13" t="s">
        <v>551</v>
      </c>
      <c r="B115804" s="14" t="s">
        <v>1</v>
      </c>
      <c r="C115804" s="14" t="s">
        <v>546</v>
      </c>
      <c r="D115804" s="14" t="s">
        <v>14</v>
      </c>
      <c r="E115804" s="15">
        <v>45475</v>
      </c>
      <c r="F115804" s="14" t="s">
        <v>15</v>
      </c>
      <c r="G115804" s="16">
        <v>0.23312727615852036</v>
      </c>
    </row>
    <row r="115805" spans="1:7" x14ac:dyDescent="0.3">
      <c r="A115805" s="13" t="s">
        <v>551</v>
      </c>
      <c r="B115805" s="14" t="s">
        <v>1</v>
      </c>
      <c r="C115805" s="14" t="s">
        <v>546</v>
      </c>
      <c r="D115805" s="14" t="s">
        <v>14</v>
      </c>
      <c r="E115805" s="15">
        <v>45476</v>
      </c>
      <c r="F115805" s="14" t="s">
        <v>15</v>
      </c>
      <c r="G115805" s="16">
        <v>0.2256814438020476</v>
      </c>
    </row>
    <row r="115806" spans="1:7" x14ac:dyDescent="0.3">
      <c r="A115806" s="13" t="s">
        <v>551</v>
      </c>
      <c r="B115806" s="14" t="s">
        <v>1</v>
      </c>
      <c r="C115806" s="14" t="s">
        <v>546</v>
      </c>
      <c r="D115806" s="14" t="s">
        <v>14</v>
      </c>
      <c r="E115806" s="15">
        <v>45477</v>
      </c>
      <c r="F115806" s="14" t="s">
        <v>15</v>
      </c>
      <c r="G115806" s="16">
        <v>0.37025000407932923</v>
      </c>
    </row>
    <row r="115807" spans="1:7" x14ac:dyDescent="0.3">
      <c r="A115807" s="13" t="s">
        <v>551</v>
      </c>
      <c r="B115807" s="14" t="s">
        <v>1</v>
      </c>
      <c r="C115807" s="14" t="s">
        <v>546</v>
      </c>
      <c r="D115807" s="14" t="s">
        <v>14</v>
      </c>
      <c r="E115807" s="15">
        <v>45478</v>
      </c>
      <c r="F115807" s="14" t="s">
        <v>15</v>
      </c>
      <c r="G115807" s="16">
        <v>0.58304727651574262</v>
      </c>
    </row>
    <row r="115808" spans="1:7" x14ac:dyDescent="0.3">
      <c r="A115808" s="13" t="s">
        <v>551</v>
      </c>
      <c r="B115808" s="14" t="s">
        <v>1</v>
      </c>
      <c r="C115808" s="14" t="s">
        <v>546</v>
      </c>
      <c r="D115808" s="14" t="s">
        <v>14</v>
      </c>
      <c r="E115808" s="15">
        <v>45479</v>
      </c>
      <c r="F115808" s="14" t="s">
        <v>15</v>
      </c>
      <c r="G115808" s="16">
        <v>0.58304727651574262</v>
      </c>
    </row>
    <row r="115809" spans="1:7" x14ac:dyDescent="0.3">
      <c r="A115809" s="13" t="s">
        <v>551</v>
      </c>
      <c r="B115809" s="14" t="s">
        <v>1</v>
      </c>
      <c r="C115809" s="14" t="s">
        <v>546</v>
      </c>
      <c r="D115809" s="14" t="s">
        <v>14</v>
      </c>
      <c r="E115809" s="15">
        <v>45480</v>
      </c>
      <c r="F115809" s="14" t="s">
        <v>15</v>
      </c>
      <c r="G115809" s="16">
        <v>0.58304727651574262</v>
      </c>
    </row>
    <row r="115810" spans="1:7" x14ac:dyDescent="0.3">
      <c r="A115810" s="13" t="s">
        <v>551</v>
      </c>
      <c r="B115810" s="14" t="s">
        <v>1</v>
      </c>
      <c r="C115810" s="14" t="s">
        <v>546</v>
      </c>
      <c r="D115810" s="14" t="s">
        <v>14</v>
      </c>
      <c r="E115810" s="15">
        <v>45481</v>
      </c>
      <c r="F115810" s="14" t="s">
        <v>15</v>
      </c>
      <c r="G115810" s="16">
        <v>0.6081084855797666</v>
      </c>
    </row>
    <row r="115811" spans="1:7" x14ac:dyDescent="0.3">
      <c r="A115811" s="13" t="s">
        <v>551</v>
      </c>
      <c r="B115811" s="14" t="s">
        <v>1</v>
      </c>
      <c r="C115811" s="14" t="s">
        <v>546</v>
      </c>
      <c r="D115811" s="14" t="s">
        <v>14</v>
      </c>
      <c r="E115811" s="15">
        <v>45482</v>
      </c>
      <c r="F115811" s="14" t="s">
        <v>15</v>
      </c>
      <c r="G115811" s="16">
        <v>0.6463809567371247</v>
      </c>
    </row>
    <row r="115812" spans="1:7" x14ac:dyDescent="0.3">
      <c r="A115812" s="13" t="s">
        <v>551</v>
      </c>
      <c r="B115812" s="14" t="s">
        <v>1</v>
      </c>
      <c r="C115812" s="14" t="s">
        <v>546</v>
      </c>
      <c r="D115812" s="14" t="s">
        <v>14</v>
      </c>
      <c r="E115812" s="15">
        <v>45483</v>
      </c>
      <c r="F115812" s="14" t="s">
        <v>15</v>
      </c>
      <c r="G115812" s="16">
        <v>0.64360819310562278</v>
      </c>
    </row>
    <row r="115813" spans="1:7" x14ac:dyDescent="0.3">
      <c r="A115813" s="13" t="s">
        <v>551</v>
      </c>
      <c r="B115813" s="14" t="s">
        <v>1</v>
      </c>
      <c r="C115813" s="14" t="s">
        <v>546</v>
      </c>
      <c r="D115813" s="14" t="s">
        <v>14</v>
      </c>
      <c r="E115813" s="15">
        <v>45484</v>
      </c>
      <c r="F115813" s="14" t="s">
        <v>15</v>
      </c>
      <c r="G115813" s="16">
        <v>0.6516691055914795</v>
      </c>
    </row>
    <row r="115814" spans="1:7" x14ac:dyDescent="0.3">
      <c r="A115814" s="13" t="s">
        <v>551</v>
      </c>
      <c r="B115814" s="14" t="s">
        <v>1</v>
      </c>
      <c r="C115814" s="14" t="s">
        <v>546</v>
      </c>
      <c r="D115814" s="14" t="s">
        <v>14</v>
      </c>
      <c r="E115814" s="15">
        <v>45485</v>
      </c>
      <c r="F115814" s="14" t="s">
        <v>15</v>
      </c>
      <c r="G115814" s="16">
        <v>0.65499336295110056</v>
      </c>
    </row>
    <row r="115815" spans="1:7" x14ac:dyDescent="0.3">
      <c r="A115815" s="13" t="s">
        <v>551</v>
      </c>
      <c r="B115815" s="14" t="s">
        <v>1</v>
      </c>
      <c r="C115815" s="14" t="s">
        <v>546</v>
      </c>
      <c r="D115815" s="14" t="s">
        <v>14</v>
      </c>
      <c r="E115815" s="15">
        <v>45486</v>
      </c>
      <c r="F115815" s="14" t="s">
        <v>15</v>
      </c>
      <c r="G115815" s="16">
        <v>0.65499336295110056</v>
      </c>
    </row>
    <row r="115816" spans="1:7" x14ac:dyDescent="0.3">
      <c r="A115816" s="13" t="s">
        <v>551</v>
      </c>
      <c r="B115816" s="14" t="s">
        <v>1</v>
      </c>
      <c r="C115816" s="14" t="s">
        <v>546</v>
      </c>
      <c r="D115816" s="14" t="s">
        <v>14</v>
      </c>
      <c r="E115816" s="15">
        <v>45487</v>
      </c>
      <c r="F115816" s="14" t="s">
        <v>15</v>
      </c>
      <c r="G115816" s="16">
        <v>0.65499336295110056</v>
      </c>
    </row>
    <row r="115817" spans="1:7" x14ac:dyDescent="0.3">
      <c r="A115817" s="13" t="s">
        <v>551</v>
      </c>
      <c r="B115817" s="14" t="s">
        <v>1</v>
      </c>
      <c r="C115817" s="14" t="s">
        <v>546</v>
      </c>
      <c r="D115817" s="14" t="s">
        <v>14</v>
      </c>
      <c r="E115817" s="15">
        <v>45488</v>
      </c>
      <c r="F115817" s="14" t="s">
        <v>15</v>
      </c>
      <c r="G115817" s="16">
        <v>0.67270139615078739</v>
      </c>
    </row>
    <row r="115818" spans="1:7" x14ac:dyDescent="0.3">
      <c r="A115818" s="13" t="s">
        <v>551</v>
      </c>
      <c r="B115818" s="14" t="s">
        <v>1</v>
      </c>
      <c r="C115818" s="14" t="s">
        <v>546</v>
      </c>
      <c r="D115818" s="14" t="s">
        <v>14</v>
      </c>
      <c r="E115818" s="15">
        <v>45489</v>
      </c>
      <c r="F115818" s="14" t="s">
        <v>15</v>
      </c>
      <c r="G115818" s="16">
        <v>0.6640819439957566</v>
      </c>
    </row>
    <row r="115819" spans="1:7" x14ac:dyDescent="0.3">
      <c r="A115819" s="13" t="s">
        <v>551</v>
      </c>
      <c r="B115819" s="14" t="s">
        <v>1</v>
      </c>
      <c r="C115819" s="14" t="s">
        <v>546</v>
      </c>
      <c r="D115819" s="14" t="s">
        <v>14</v>
      </c>
      <c r="E115819" s="15">
        <v>45490</v>
      </c>
      <c r="F115819" s="14" t="s">
        <v>15</v>
      </c>
      <c r="G115819" s="16">
        <v>0.66122780816054494</v>
      </c>
    </row>
    <row r="115820" spans="1:7" x14ac:dyDescent="0.3">
      <c r="A115820" s="13" t="s">
        <v>551</v>
      </c>
      <c r="B115820" s="14" t="s">
        <v>1</v>
      </c>
      <c r="C115820" s="14" t="s">
        <v>546</v>
      </c>
      <c r="D115820" s="14" t="s">
        <v>14</v>
      </c>
      <c r="E115820" s="15">
        <v>45491</v>
      </c>
      <c r="F115820" s="14" t="s">
        <v>15</v>
      </c>
      <c r="G115820" s="16">
        <v>0.6620651425235583</v>
      </c>
    </row>
    <row r="115821" spans="1:7" x14ac:dyDescent="0.3">
      <c r="A115821" s="13" t="s">
        <v>551</v>
      </c>
      <c r="B115821" s="14" t="s">
        <v>1</v>
      </c>
      <c r="C115821" s="14" t="s">
        <v>546</v>
      </c>
      <c r="D115821" s="14" t="s">
        <v>14</v>
      </c>
      <c r="E115821" s="15">
        <v>45492</v>
      </c>
      <c r="F115821" s="14" t="s">
        <v>15</v>
      </c>
      <c r="G115821" s="16">
        <v>0.65924861223313125</v>
      </c>
    </row>
    <row r="115822" spans="1:7" x14ac:dyDescent="0.3">
      <c r="A115822" s="13" t="s">
        <v>551</v>
      </c>
      <c r="B115822" s="14" t="s">
        <v>1</v>
      </c>
      <c r="C115822" s="14" t="s">
        <v>546</v>
      </c>
      <c r="D115822" s="14" t="s">
        <v>14</v>
      </c>
      <c r="E115822" s="15">
        <v>45493</v>
      </c>
      <c r="F115822" s="14" t="s">
        <v>15</v>
      </c>
      <c r="G115822" s="16">
        <v>0.65924861223313125</v>
      </c>
    </row>
    <row r="115823" spans="1:7" x14ac:dyDescent="0.3">
      <c r="A115823" s="13" t="s">
        <v>551</v>
      </c>
      <c r="B115823" s="14" t="s">
        <v>1</v>
      </c>
      <c r="C115823" s="14" t="s">
        <v>546</v>
      </c>
      <c r="D115823" s="14" t="s">
        <v>14</v>
      </c>
      <c r="E115823" s="15">
        <v>45494</v>
      </c>
      <c r="F115823" s="14" t="s">
        <v>15</v>
      </c>
      <c r="G115823" s="16">
        <v>0.65924861223313125</v>
      </c>
    </row>
    <row r="115824" spans="1:7" x14ac:dyDescent="0.3">
      <c r="A115824" s="13" t="s">
        <v>551</v>
      </c>
      <c r="B115824" s="14" t="s">
        <v>1</v>
      </c>
      <c r="C115824" s="14" t="s">
        <v>546</v>
      </c>
      <c r="D115824" s="14" t="s">
        <v>14</v>
      </c>
      <c r="E115824" s="15">
        <v>45495</v>
      </c>
      <c r="F115824" s="14" t="s">
        <v>15</v>
      </c>
      <c r="G115824" s="16">
        <v>0.69163370619371656</v>
      </c>
    </row>
    <row r="115825" spans="1:7" x14ac:dyDescent="0.3">
      <c r="A115825" s="13" t="s">
        <v>551</v>
      </c>
      <c r="B115825" s="14" t="s">
        <v>1</v>
      </c>
      <c r="C115825" s="14" t="s">
        <v>546</v>
      </c>
      <c r="D115825" s="14" t="s">
        <v>14</v>
      </c>
      <c r="E115825" s="15">
        <v>45496</v>
      </c>
      <c r="F115825" s="14" t="s">
        <v>15</v>
      </c>
      <c r="G115825" s="16">
        <v>0.683290051639734</v>
      </c>
    </row>
    <row r="115826" spans="1:7" x14ac:dyDescent="0.3">
      <c r="A115826" s="13" t="s">
        <v>551</v>
      </c>
      <c r="B115826" s="14" t="s">
        <v>1</v>
      </c>
      <c r="C115826" s="14" t="s">
        <v>546</v>
      </c>
      <c r="D115826" s="14" t="s">
        <v>14</v>
      </c>
      <c r="E115826" s="15">
        <v>45497</v>
      </c>
      <c r="F115826" s="14" t="s">
        <v>15</v>
      </c>
      <c r="G115826" s="16">
        <v>0.6804914070113568</v>
      </c>
    </row>
    <row r="115827" spans="1:7" x14ac:dyDescent="0.3">
      <c r="A115827" s="13" t="s">
        <v>551</v>
      </c>
      <c r="B115827" s="14" t="s">
        <v>1</v>
      </c>
      <c r="C115827" s="14" t="s">
        <v>546</v>
      </c>
      <c r="D115827" s="14" t="s">
        <v>14</v>
      </c>
      <c r="E115827" s="15">
        <v>45498</v>
      </c>
      <c r="F115827" s="14" t="s">
        <v>15</v>
      </c>
      <c r="G115827" s="16">
        <v>0.67773431269901618</v>
      </c>
    </row>
    <row r="115828" spans="1:7" x14ac:dyDescent="0.3">
      <c r="A115828" s="13" t="s">
        <v>551</v>
      </c>
      <c r="B115828" s="14" t="s">
        <v>1</v>
      </c>
      <c r="C115828" s="14" t="s">
        <v>546</v>
      </c>
      <c r="D115828" s="14" t="s">
        <v>14</v>
      </c>
      <c r="E115828" s="15">
        <v>45499</v>
      </c>
      <c r="F115828" s="14" t="s">
        <v>15</v>
      </c>
      <c r="G115828" s="16">
        <v>0.67499924587528581</v>
      </c>
    </row>
    <row r="115829" spans="1:7" x14ac:dyDescent="0.3">
      <c r="A115829" s="13" t="s">
        <v>551</v>
      </c>
      <c r="B115829" s="14" t="s">
        <v>1</v>
      </c>
      <c r="C115829" s="14" t="s">
        <v>546</v>
      </c>
      <c r="D115829" s="14" t="s">
        <v>14</v>
      </c>
      <c r="E115829" s="15">
        <v>45500</v>
      </c>
      <c r="F115829" s="14" t="s">
        <v>15</v>
      </c>
      <c r="G115829" s="16">
        <v>0.67499924587528581</v>
      </c>
    </row>
    <row r="115830" spans="1:7" x14ac:dyDescent="0.3">
      <c r="A115830" s="13" t="s">
        <v>551</v>
      </c>
      <c r="B115830" s="14" t="s">
        <v>1</v>
      </c>
      <c r="C115830" s="14" t="s">
        <v>546</v>
      </c>
      <c r="D115830" s="14" t="s">
        <v>14</v>
      </c>
      <c r="E115830" s="15">
        <v>45501</v>
      </c>
      <c r="F115830" s="14" t="s">
        <v>15</v>
      </c>
      <c r="G115830" s="16">
        <v>0.67499924587528581</v>
      </c>
    </row>
    <row r="115831" spans="1:7" x14ac:dyDescent="0.3">
      <c r="A115831" s="13" t="s">
        <v>551</v>
      </c>
      <c r="B115831" s="14" t="s">
        <v>1</v>
      </c>
      <c r="C115831" s="14" t="s">
        <v>546</v>
      </c>
      <c r="D115831" s="14" t="s">
        <v>14</v>
      </c>
      <c r="E115831" s="15">
        <v>45502</v>
      </c>
      <c r="F115831" s="14" t="s">
        <v>15</v>
      </c>
      <c r="G115831" s="16">
        <v>0.67230635670422456</v>
      </c>
    </row>
    <row r="115832" spans="1:7" x14ac:dyDescent="0.3">
      <c r="A115832" s="13" t="s">
        <v>551</v>
      </c>
      <c r="B115832" s="14" t="s">
        <v>1</v>
      </c>
      <c r="C115832" s="14" t="s">
        <v>546</v>
      </c>
      <c r="D115832" s="14" t="s">
        <v>14</v>
      </c>
      <c r="E115832" s="15">
        <v>45503</v>
      </c>
      <c r="F115832" s="14" t="s">
        <v>15</v>
      </c>
      <c r="G115832" s="16">
        <v>0.66423093566545965</v>
      </c>
    </row>
    <row r="115833" spans="1:7" x14ac:dyDescent="0.3">
      <c r="A115833" s="13" t="s">
        <v>551</v>
      </c>
      <c r="B115833" s="14" t="s">
        <v>1</v>
      </c>
      <c r="C115833" s="14" t="s">
        <v>546</v>
      </c>
      <c r="D115833" s="14" t="s">
        <v>14</v>
      </c>
      <c r="E115833" s="15">
        <v>45504</v>
      </c>
      <c r="F115833" s="14" t="s">
        <v>15</v>
      </c>
      <c r="G115833" s="16">
        <v>0.66177206040303238</v>
      </c>
    </row>
    <row r="115834" spans="1:7" x14ac:dyDescent="0.3">
      <c r="A115834" s="13" t="s">
        <v>551</v>
      </c>
      <c r="B115834" s="14" t="s">
        <v>1</v>
      </c>
      <c r="C115834" s="14" t="s">
        <v>546</v>
      </c>
      <c r="D115834" s="14" t="s">
        <v>14</v>
      </c>
      <c r="E115834" s="15">
        <v>45505</v>
      </c>
      <c r="F115834" s="14" t="s">
        <v>15</v>
      </c>
      <c r="G115834" s="16">
        <v>0.65909864604349622</v>
      </c>
    </row>
    <row r="115835" spans="1:7" x14ac:dyDescent="0.3">
      <c r="A115835" s="13" t="s">
        <v>551</v>
      </c>
      <c r="B115835" s="14" t="s">
        <v>1</v>
      </c>
      <c r="C115835" s="14" t="s">
        <v>546</v>
      </c>
      <c r="D115835" s="14" t="s">
        <v>14</v>
      </c>
      <c r="E115835" s="15">
        <v>45506</v>
      </c>
      <c r="F115835" s="14" t="s">
        <v>15</v>
      </c>
      <c r="G115835" s="16">
        <v>0.66579884624528207</v>
      </c>
    </row>
    <row r="115836" spans="1:7" x14ac:dyDescent="0.3">
      <c r="A115836" s="13" t="s">
        <v>551</v>
      </c>
      <c r="B115836" s="14" t="s">
        <v>1</v>
      </c>
      <c r="C115836" s="14" t="s">
        <v>546</v>
      </c>
      <c r="D115836" s="14" t="s">
        <v>14</v>
      </c>
      <c r="E115836" s="15">
        <v>45507</v>
      </c>
      <c r="F115836" s="14" t="s">
        <v>15</v>
      </c>
      <c r="G115836" s="16">
        <v>0.66579884624528207</v>
      </c>
    </row>
    <row r="115837" spans="1:7" x14ac:dyDescent="0.3">
      <c r="A115837" s="13" t="s">
        <v>551</v>
      </c>
      <c r="B115837" s="14" t="s">
        <v>1</v>
      </c>
      <c r="C115837" s="14" t="s">
        <v>546</v>
      </c>
      <c r="D115837" s="14" t="s">
        <v>14</v>
      </c>
      <c r="E115837" s="15">
        <v>45508</v>
      </c>
      <c r="F115837" s="14" t="s">
        <v>15</v>
      </c>
      <c r="G115837" s="16">
        <v>0.66579884624528207</v>
      </c>
    </row>
    <row r="115838" spans="1:7" x14ac:dyDescent="0.3">
      <c r="A115838" s="13" t="s">
        <v>551</v>
      </c>
      <c r="B115838" s="14" t="s">
        <v>1</v>
      </c>
      <c r="C115838" s="14" t="s">
        <v>546</v>
      </c>
      <c r="D115838" s="14" t="s">
        <v>14</v>
      </c>
      <c r="E115838" s="15">
        <v>45509</v>
      </c>
      <c r="F115838" s="14" t="s">
        <v>15</v>
      </c>
      <c r="G115838" s="16">
        <v>0.66579884624528207</v>
      </c>
    </row>
    <row r="115839" spans="1:7" x14ac:dyDescent="0.3">
      <c r="A115839" s="13" t="s">
        <v>551</v>
      </c>
      <c r="B115839" s="14" t="s">
        <v>1</v>
      </c>
      <c r="C115839" s="14" t="s">
        <v>546</v>
      </c>
      <c r="D115839" s="14" t="s">
        <v>14</v>
      </c>
      <c r="E115839" s="15">
        <v>45510</v>
      </c>
      <c r="F115839" s="14" t="s">
        <v>15</v>
      </c>
      <c r="G115839" s="16">
        <v>0.6630836596867784</v>
      </c>
    </row>
    <row r="115840" spans="1:7" x14ac:dyDescent="0.3">
      <c r="A115840" s="13" t="s">
        <v>551</v>
      </c>
      <c r="B115840" s="14" t="s">
        <v>1</v>
      </c>
      <c r="C115840" s="14" t="s">
        <v>546</v>
      </c>
      <c r="D115840" s="14" t="s">
        <v>14</v>
      </c>
      <c r="E115840" s="15">
        <v>45511</v>
      </c>
      <c r="F115840" s="14" t="s">
        <v>15</v>
      </c>
      <c r="G115840" s="16">
        <v>0.65239244078310288</v>
      </c>
    </row>
    <row r="115841" spans="1:7" x14ac:dyDescent="0.3">
      <c r="A115841" s="13" t="s">
        <v>551</v>
      </c>
      <c r="B115841" s="14" t="s">
        <v>1</v>
      </c>
      <c r="C115841" s="14" t="s">
        <v>546</v>
      </c>
      <c r="D115841" s="14" t="s">
        <v>14</v>
      </c>
      <c r="E115841" s="15">
        <v>45512</v>
      </c>
      <c r="F115841" s="14" t="s">
        <v>15</v>
      </c>
      <c r="G115841" s="16">
        <v>0.64974358323149239</v>
      </c>
    </row>
    <row r="115842" spans="1:7" x14ac:dyDescent="0.3">
      <c r="A115842" s="13" t="s">
        <v>551</v>
      </c>
      <c r="B115842" s="14" t="s">
        <v>1</v>
      </c>
      <c r="C115842" s="14" t="s">
        <v>546</v>
      </c>
      <c r="D115842" s="14" t="s">
        <v>14</v>
      </c>
      <c r="E115842" s="15">
        <v>45513</v>
      </c>
      <c r="F115842" s="14" t="s">
        <v>15</v>
      </c>
      <c r="G115842" s="16">
        <v>0.64706779343817966</v>
      </c>
    </row>
    <row r="115843" spans="1:7" x14ac:dyDescent="0.3">
      <c r="A115843" s="13" t="s">
        <v>551</v>
      </c>
      <c r="B115843" s="14" t="s">
        <v>1</v>
      </c>
      <c r="C115843" s="14" t="s">
        <v>546</v>
      </c>
      <c r="D115843" s="14" t="s">
        <v>14</v>
      </c>
      <c r="E115843" s="15">
        <v>45514</v>
      </c>
      <c r="F115843" s="14" t="s">
        <v>15</v>
      </c>
      <c r="G115843" s="16">
        <v>0.64706779343817966</v>
      </c>
    </row>
    <row r="115844" spans="1:7" x14ac:dyDescent="0.3">
      <c r="A115844" s="13" t="s">
        <v>551</v>
      </c>
      <c r="B115844" s="14" t="s">
        <v>1</v>
      </c>
      <c r="C115844" s="14" t="s">
        <v>546</v>
      </c>
      <c r="D115844" s="14" t="s">
        <v>14</v>
      </c>
      <c r="E115844" s="15">
        <v>45515</v>
      </c>
      <c r="F115844" s="14" t="s">
        <v>15</v>
      </c>
      <c r="G115844" s="16">
        <v>0.64706779343817966</v>
      </c>
    </row>
    <row r="115845" spans="1:7" x14ac:dyDescent="0.3">
      <c r="A115845" s="13" t="s">
        <v>551</v>
      </c>
      <c r="B115845" s="14" t="s">
        <v>1</v>
      </c>
      <c r="C115845" s="14" t="s">
        <v>546</v>
      </c>
      <c r="D115845" s="14" t="s">
        <v>14</v>
      </c>
      <c r="E115845" s="15">
        <v>45516</v>
      </c>
      <c r="F115845" s="14" t="s">
        <v>15</v>
      </c>
      <c r="G115845" s="16">
        <v>0.64438596491286249</v>
      </c>
    </row>
    <row r="115846" spans="1:7" x14ac:dyDescent="0.3">
      <c r="A115846" s="13" t="s">
        <v>551</v>
      </c>
      <c r="B115846" s="14" t="s">
        <v>1</v>
      </c>
      <c r="C115846" s="14" t="s">
        <v>546</v>
      </c>
      <c r="D115846" s="14" t="s">
        <v>14</v>
      </c>
      <c r="E115846" s="15">
        <v>45517</v>
      </c>
      <c r="F115846" s="14" t="s">
        <v>15</v>
      </c>
      <c r="G115846" s="16">
        <v>0.63627596876715575</v>
      </c>
    </row>
    <row r="115847" spans="1:7" x14ac:dyDescent="0.3">
      <c r="A115847" s="13" t="s">
        <v>551</v>
      </c>
      <c r="B115847" s="14" t="s">
        <v>1</v>
      </c>
      <c r="C115847" s="14" t="s">
        <v>546</v>
      </c>
      <c r="D115847" s="14" t="s">
        <v>14</v>
      </c>
      <c r="E115847" s="15">
        <v>45518</v>
      </c>
      <c r="F115847" s="14" t="s">
        <v>15</v>
      </c>
      <c r="G115847" s="16">
        <v>0.63409561673228931</v>
      </c>
    </row>
    <row r="115848" spans="1:7" x14ac:dyDescent="0.3">
      <c r="A115848" s="13" t="s">
        <v>551</v>
      </c>
      <c r="B115848" s="14" t="s">
        <v>1</v>
      </c>
      <c r="C115848" s="14" t="s">
        <v>546</v>
      </c>
      <c r="D115848" s="14" t="s">
        <v>14</v>
      </c>
      <c r="E115848" s="15">
        <v>45519</v>
      </c>
      <c r="F115848" s="14" t="s">
        <v>15</v>
      </c>
      <c r="G115848" s="16">
        <v>0.63137061800944827</v>
      </c>
    </row>
    <row r="115849" spans="1:7" x14ac:dyDescent="0.3">
      <c r="A115849" s="13" t="s">
        <v>551</v>
      </c>
      <c r="B115849" s="14" t="s">
        <v>1</v>
      </c>
      <c r="C115849" s="14" t="s">
        <v>546</v>
      </c>
      <c r="D115849" s="14" t="s">
        <v>14</v>
      </c>
      <c r="E115849" s="15">
        <v>45520</v>
      </c>
      <c r="F115849" s="14" t="s">
        <v>15</v>
      </c>
      <c r="G115849" s="16">
        <v>0.6449961490943289</v>
      </c>
    </row>
    <row r="115850" spans="1:7" x14ac:dyDescent="0.3">
      <c r="A115850" s="13" t="s">
        <v>551</v>
      </c>
      <c r="B115850" s="14" t="s">
        <v>1</v>
      </c>
      <c r="C115850" s="14" t="s">
        <v>546</v>
      </c>
      <c r="D115850" s="14" t="s">
        <v>14</v>
      </c>
      <c r="E115850" s="15">
        <v>45521</v>
      </c>
      <c r="F115850" s="14" t="s">
        <v>15</v>
      </c>
      <c r="G115850" s="16">
        <v>0.6449961490943289</v>
      </c>
    </row>
    <row r="115851" spans="1:7" x14ac:dyDescent="0.3">
      <c r="A115851" s="13" t="s">
        <v>551</v>
      </c>
      <c r="B115851" s="14" t="s">
        <v>1</v>
      </c>
      <c r="C115851" s="14" t="s">
        <v>546</v>
      </c>
      <c r="D115851" s="14" t="s">
        <v>14</v>
      </c>
      <c r="E115851" s="15">
        <v>45522</v>
      </c>
      <c r="F115851" s="14" t="s">
        <v>15</v>
      </c>
      <c r="G115851" s="16">
        <v>0.6449961490943289</v>
      </c>
    </row>
    <row r="115852" spans="1:7" x14ac:dyDescent="0.3">
      <c r="A115852" s="13" t="s">
        <v>551</v>
      </c>
      <c r="B115852" s="14" t="s">
        <v>1</v>
      </c>
      <c r="C115852" s="14" t="s">
        <v>546</v>
      </c>
      <c r="D115852" s="14" t="s">
        <v>14</v>
      </c>
      <c r="E115852" s="15">
        <v>45523</v>
      </c>
      <c r="F115852" s="14" t="s">
        <v>15</v>
      </c>
      <c r="G115852" s="16">
        <v>0.65371027971240903</v>
      </c>
    </row>
    <row r="115853" spans="1:7" x14ac:dyDescent="0.3">
      <c r="A115853" s="13" t="s">
        <v>551</v>
      </c>
      <c r="B115853" s="14" t="s">
        <v>1</v>
      </c>
      <c r="C115853" s="14" t="s">
        <v>546</v>
      </c>
      <c r="D115853" s="14" t="s">
        <v>14</v>
      </c>
      <c r="E115853" s="15">
        <v>45524</v>
      </c>
      <c r="F115853" s="14" t="s">
        <v>15</v>
      </c>
      <c r="G115853" s="16">
        <v>0.64553375817832559</v>
      </c>
    </row>
    <row r="115854" spans="1:7" x14ac:dyDescent="0.3">
      <c r="A115854" s="13" t="s">
        <v>551</v>
      </c>
      <c r="B115854" s="14" t="s">
        <v>1</v>
      </c>
      <c r="C115854" s="14" t="s">
        <v>546</v>
      </c>
      <c r="D115854" s="14" t="s">
        <v>14</v>
      </c>
      <c r="E115854" s="15">
        <v>45525</v>
      </c>
      <c r="F115854" s="14" t="s">
        <v>15</v>
      </c>
      <c r="G115854" s="16">
        <v>0.64277729685191143</v>
      </c>
    </row>
    <row r="115855" spans="1:7" x14ac:dyDescent="0.3">
      <c r="A115855" s="13" t="s">
        <v>551</v>
      </c>
      <c r="B115855" s="14" t="s">
        <v>1</v>
      </c>
      <c r="C115855" s="14" t="s">
        <v>546</v>
      </c>
      <c r="D115855" s="14" t="s">
        <v>14</v>
      </c>
      <c r="E115855" s="15">
        <v>45526</v>
      </c>
      <c r="F115855" s="14" t="s">
        <v>15</v>
      </c>
      <c r="G115855" s="16">
        <v>0.64004275226414142</v>
      </c>
    </row>
    <row r="115856" spans="1:7" x14ac:dyDescent="0.3">
      <c r="A115856" s="13" t="s">
        <v>551</v>
      </c>
      <c r="B115856" s="14" t="s">
        <v>1</v>
      </c>
      <c r="C115856" s="14" t="s">
        <v>546</v>
      </c>
      <c r="D115856" s="14" t="s">
        <v>14</v>
      </c>
      <c r="E115856" s="15">
        <v>45527</v>
      </c>
      <c r="F115856" s="14" t="s">
        <v>15</v>
      </c>
      <c r="G115856" s="16">
        <v>0.63732021016697238</v>
      </c>
    </row>
    <row r="115857" spans="1:7" x14ac:dyDescent="0.3">
      <c r="A115857" s="13" t="s">
        <v>551</v>
      </c>
      <c r="B115857" s="14" t="s">
        <v>1</v>
      </c>
      <c r="C115857" s="14" t="s">
        <v>546</v>
      </c>
      <c r="D115857" s="14" t="s">
        <v>14</v>
      </c>
      <c r="E115857" s="15">
        <v>45528</v>
      </c>
      <c r="F115857" s="14" t="s">
        <v>15</v>
      </c>
      <c r="G115857" s="16">
        <v>0.63732021016697238</v>
      </c>
    </row>
    <row r="115858" spans="1:7" x14ac:dyDescent="0.3">
      <c r="A115858" s="13" t="s">
        <v>551</v>
      </c>
      <c r="B115858" s="14" t="s">
        <v>1</v>
      </c>
      <c r="C115858" s="14" t="s">
        <v>546</v>
      </c>
      <c r="D115858" s="14" t="s">
        <v>14</v>
      </c>
      <c r="E115858" s="15">
        <v>45529</v>
      </c>
      <c r="F115858" s="14" t="s">
        <v>15</v>
      </c>
      <c r="G115858" s="16">
        <v>0.63732021016697238</v>
      </c>
    </row>
    <row r="115859" spans="1:7" x14ac:dyDescent="0.3">
      <c r="A115859" s="13" t="s">
        <v>551</v>
      </c>
      <c r="B115859" s="14" t="s">
        <v>1</v>
      </c>
      <c r="C115859" s="14" t="s">
        <v>546</v>
      </c>
      <c r="D115859" s="14" t="s">
        <v>14</v>
      </c>
      <c r="E115859" s="15">
        <v>45530</v>
      </c>
      <c r="F115859" s="14" t="s">
        <v>15</v>
      </c>
      <c r="G115859" s="16">
        <v>0.63457360529804929</v>
      </c>
    </row>
    <row r="115860" spans="1:7" x14ac:dyDescent="0.3">
      <c r="A115860" s="13" t="s">
        <v>551</v>
      </c>
      <c r="B115860" s="14" t="s">
        <v>1</v>
      </c>
      <c r="C115860" s="14" t="s">
        <v>546</v>
      </c>
      <c r="D115860" s="14" t="s">
        <v>14</v>
      </c>
      <c r="E115860" s="15">
        <v>45531</v>
      </c>
      <c r="F115860" s="14" t="s">
        <v>15</v>
      </c>
      <c r="G115860" s="16">
        <v>0.62635680320760767</v>
      </c>
    </row>
    <row r="115861" spans="1:7" x14ac:dyDescent="0.3">
      <c r="A115861" s="13" t="s">
        <v>551</v>
      </c>
      <c r="B115861" s="14" t="s">
        <v>1</v>
      </c>
      <c r="C115861" s="14" t="s">
        <v>546</v>
      </c>
      <c r="D115861" s="14" t="s">
        <v>14</v>
      </c>
      <c r="E115861" s="15">
        <v>45532</v>
      </c>
      <c r="F115861" s="14" t="s">
        <v>15</v>
      </c>
      <c r="G115861" s="16">
        <v>0.62432660269784557</v>
      </c>
    </row>
    <row r="115862" spans="1:7" x14ac:dyDescent="0.3">
      <c r="A115862" s="13" t="s">
        <v>551</v>
      </c>
      <c r="B115862" s="14" t="s">
        <v>1</v>
      </c>
      <c r="C115862" s="14" t="s">
        <v>546</v>
      </c>
      <c r="D115862" s="14" t="s">
        <v>14</v>
      </c>
      <c r="E115862" s="15">
        <v>45533</v>
      </c>
      <c r="F115862" s="14" t="s">
        <v>15</v>
      </c>
      <c r="G115862" s="16">
        <v>0.62162466798514715</v>
      </c>
    </row>
    <row r="115863" spans="1:7" x14ac:dyDescent="0.3">
      <c r="A115863" s="13" t="s">
        <v>551</v>
      </c>
      <c r="B115863" s="14" t="s">
        <v>1</v>
      </c>
      <c r="C115863" s="14" t="s">
        <v>546</v>
      </c>
      <c r="D115863" s="14" t="s">
        <v>14</v>
      </c>
      <c r="E115863" s="15">
        <v>45534</v>
      </c>
      <c r="F115863" s="14" t="s">
        <v>15</v>
      </c>
      <c r="G115863" s="16">
        <v>0.61893990304213387</v>
      </c>
    </row>
    <row r="115864" spans="1:7" x14ac:dyDescent="0.3">
      <c r="A115864" s="13" t="s">
        <v>551</v>
      </c>
      <c r="B115864" s="14" t="s">
        <v>1</v>
      </c>
      <c r="C115864" s="14" t="s">
        <v>546</v>
      </c>
      <c r="D115864" s="14" t="s">
        <v>14</v>
      </c>
      <c r="E115864" s="15">
        <v>45535</v>
      </c>
      <c r="F115864" s="14" t="s">
        <v>15</v>
      </c>
      <c r="G115864" s="16">
        <v>0.61893990304213387</v>
      </c>
    </row>
    <row r="115865" spans="1:7" x14ac:dyDescent="0.3">
      <c r="A115865" s="13" t="s">
        <v>551</v>
      </c>
      <c r="B115865" s="14" t="s">
        <v>1</v>
      </c>
      <c r="C115865" s="14" t="s">
        <v>546</v>
      </c>
      <c r="D115865" s="14" t="s">
        <v>14</v>
      </c>
      <c r="E115865" s="15">
        <v>45536</v>
      </c>
      <c r="F115865" s="14" t="s">
        <v>15</v>
      </c>
      <c r="G115865" s="16">
        <v>0.61893990304213387</v>
      </c>
    </row>
    <row r="115866" spans="1:7" x14ac:dyDescent="0.3">
      <c r="A115866" s="13" t="s">
        <v>551</v>
      </c>
      <c r="B115866" s="14" t="s">
        <v>1</v>
      </c>
      <c r="C115866" s="14" t="s">
        <v>546</v>
      </c>
      <c r="D115866" s="14" t="s">
        <v>14</v>
      </c>
      <c r="E115866" s="15">
        <v>45537</v>
      </c>
      <c r="F115866" s="14" t="s">
        <v>15</v>
      </c>
      <c r="G115866" s="16">
        <v>0.61624392845434339</v>
      </c>
    </row>
    <row r="115867" spans="1:7" x14ac:dyDescent="0.3">
      <c r="A115867" s="13" t="s">
        <v>551</v>
      </c>
      <c r="B115867" s="14" t="s">
        <v>1</v>
      </c>
      <c r="C115867" s="14" t="s">
        <v>546</v>
      </c>
      <c r="D115867" s="14" t="s">
        <v>14</v>
      </c>
      <c r="E115867" s="15">
        <v>45538</v>
      </c>
      <c r="F115867" s="14" t="s">
        <v>15</v>
      </c>
      <c r="G115867" s="16">
        <v>0.61083598450422183</v>
      </c>
    </row>
    <row r="115868" spans="1:7" x14ac:dyDescent="0.3">
      <c r="A115868" s="13" t="s">
        <v>551</v>
      </c>
      <c r="B115868" s="14" t="s">
        <v>1</v>
      </c>
      <c r="C115868" s="14" t="s">
        <v>546</v>
      </c>
      <c r="D115868" s="14" t="s">
        <v>14</v>
      </c>
      <c r="E115868" s="15">
        <v>45539</v>
      </c>
      <c r="F115868" s="14" t="s">
        <v>15</v>
      </c>
      <c r="G115868" s="16">
        <v>0.60814669005486355</v>
      </c>
    </row>
    <row r="115869" spans="1:7" x14ac:dyDescent="0.3">
      <c r="A115869" s="13" t="s">
        <v>551</v>
      </c>
      <c r="B115869" s="14" t="s">
        <v>1</v>
      </c>
      <c r="C115869" s="14" t="s">
        <v>546</v>
      </c>
      <c r="D115869" s="14" t="s">
        <v>14</v>
      </c>
      <c r="E115869" s="15">
        <v>45540</v>
      </c>
      <c r="F115869" s="14" t="s">
        <v>15</v>
      </c>
      <c r="G115869" s="16">
        <v>0.6281386015139494</v>
      </c>
    </row>
    <row r="115870" spans="1:7" x14ac:dyDescent="0.3">
      <c r="A115870" s="13" t="s">
        <v>551</v>
      </c>
      <c r="B115870" s="14" t="s">
        <v>1</v>
      </c>
      <c r="C115870" s="14" t="s">
        <v>546</v>
      </c>
      <c r="D115870" s="14" t="s">
        <v>14</v>
      </c>
      <c r="E115870" s="15">
        <v>45541</v>
      </c>
      <c r="F115870" s="14" t="s">
        <v>15</v>
      </c>
      <c r="G115870" s="16">
        <v>0.63551966803673843</v>
      </c>
    </row>
    <row r="115871" spans="1:7" x14ac:dyDescent="0.3">
      <c r="A115871" s="13" t="s">
        <v>551</v>
      </c>
      <c r="B115871" s="14" t="s">
        <v>1</v>
      </c>
      <c r="C115871" s="14" t="s">
        <v>546</v>
      </c>
      <c r="D115871" s="14" t="s">
        <v>14</v>
      </c>
      <c r="E115871" s="15">
        <v>45542</v>
      </c>
      <c r="F115871" s="14" t="s">
        <v>15</v>
      </c>
      <c r="G115871" s="16">
        <v>0.63551966803673843</v>
      </c>
    </row>
    <row r="115872" spans="1:7" x14ac:dyDescent="0.3">
      <c r="A115872" s="13" t="s">
        <v>551</v>
      </c>
      <c r="B115872" s="14" t="s">
        <v>1</v>
      </c>
      <c r="C115872" s="14" t="s">
        <v>546</v>
      </c>
      <c r="D115872" s="14" t="s">
        <v>14</v>
      </c>
      <c r="E115872" s="15">
        <v>45543</v>
      </c>
      <c r="F115872" s="14" t="s">
        <v>15</v>
      </c>
      <c r="G115872" s="16">
        <v>0.63551966803673843</v>
      </c>
    </row>
    <row r="115873" spans="1:7" x14ac:dyDescent="0.3">
      <c r="A115873" s="13" t="s">
        <v>551</v>
      </c>
      <c r="B115873" s="14" t="s">
        <v>1</v>
      </c>
      <c r="C115873" s="14" t="s">
        <v>546</v>
      </c>
      <c r="D115873" s="14" t="s">
        <v>14</v>
      </c>
      <c r="E115873" s="15">
        <v>45544</v>
      </c>
      <c r="F115873" s="14" t="s">
        <v>15</v>
      </c>
      <c r="G115873" s="16">
        <v>0.63285559587951423</v>
      </c>
    </row>
    <row r="115874" spans="1:7" x14ac:dyDescent="0.3">
      <c r="A115874" s="13" t="s">
        <v>551</v>
      </c>
      <c r="B115874" s="14" t="s">
        <v>1</v>
      </c>
      <c r="C115874" s="14" t="s">
        <v>546</v>
      </c>
      <c r="D115874" s="14" t="s">
        <v>14</v>
      </c>
      <c r="E115874" s="15">
        <v>45545</v>
      </c>
      <c r="F115874" s="14" t="s">
        <v>15</v>
      </c>
      <c r="G115874" s="16">
        <v>0.63728997389060771</v>
      </c>
    </row>
    <row r="115875" spans="1:7" x14ac:dyDescent="0.3">
      <c r="A115875" s="13" t="s">
        <v>551</v>
      </c>
      <c r="B115875" s="14" t="s">
        <v>1</v>
      </c>
      <c r="C115875" s="14" t="s">
        <v>546</v>
      </c>
      <c r="D115875" s="14" t="s">
        <v>14</v>
      </c>
      <c r="E115875" s="15">
        <v>45546</v>
      </c>
      <c r="F115875" s="14" t="s">
        <v>15</v>
      </c>
      <c r="G115875" s="16">
        <v>0.6346672397099109</v>
      </c>
    </row>
    <row r="115876" spans="1:7" x14ac:dyDescent="0.3">
      <c r="A115876" s="13" t="s">
        <v>551</v>
      </c>
      <c r="B115876" s="14" t="s">
        <v>1</v>
      </c>
      <c r="C115876" s="14" t="s">
        <v>546</v>
      </c>
      <c r="D115876" s="14" t="s">
        <v>14</v>
      </c>
      <c r="E115876" s="15">
        <v>45547</v>
      </c>
      <c r="F115876" s="14" t="s">
        <v>15</v>
      </c>
      <c r="G115876" s="16">
        <v>0.66536805459996995</v>
      </c>
    </row>
    <row r="115877" spans="1:7" x14ac:dyDescent="0.3">
      <c r="A115877" s="13" t="s">
        <v>551</v>
      </c>
      <c r="B115877" s="14" t="s">
        <v>1</v>
      </c>
      <c r="C115877" s="14" t="s">
        <v>546</v>
      </c>
      <c r="D115877" s="14" t="s">
        <v>14</v>
      </c>
      <c r="E115877" s="15">
        <v>45548</v>
      </c>
      <c r="F115877" s="14" t="s">
        <v>15</v>
      </c>
      <c r="G115877" s="16">
        <v>0.66272948509794583</v>
      </c>
    </row>
    <row r="115878" spans="1:7" x14ac:dyDescent="0.3">
      <c r="A115878" s="13" t="s">
        <v>551</v>
      </c>
      <c r="B115878" s="14" t="s">
        <v>1</v>
      </c>
      <c r="C115878" s="14" t="s">
        <v>546</v>
      </c>
      <c r="D115878" s="14" t="s">
        <v>14</v>
      </c>
      <c r="E115878" s="15">
        <v>45549</v>
      </c>
      <c r="F115878" s="14" t="s">
        <v>15</v>
      </c>
      <c r="G115878" s="16">
        <v>0.66272948509794583</v>
      </c>
    </row>
    <row r="115879" spans="1:7" x14ac:dyDescent="0.3">
      <c r="A115879" s="13" t="s">
        <v>551</v>
      </c>
      <c r="B115879" s="14" t="s">
        <v>1</v>
      </c>
      <c r="C115879" s="14" t="s">
        <v>546</v>
      </c>
      <c r="D115879" s="14" t="s">
        <v>14</v>
      </c>
      <c r="E115879" s="15">
        <v>45550</v>
      </c>
      <c r="F115879" s="14" t="s">
        <v>15</v>
      </c>
      <c r="G115879" s="16">
        <v>0.66272948509794583</v>
      </c>
    </row>
    <row r="115880" spans="1:7" x14ac:dyDescent="0.3">
      <c r="A115880" s="13" t="s">
        <v>551</v>
      </c>
      <c r="B115880" s="14" t="s">
        <v>1</v>
      </c>
      <c r="C115880" s="14" t="s">
        <v>546</v>
      </c>
      <c r="D115880" s="14" t="s">
        <v>14</v>
      </c>
      <c r="E115880" s="15">
        <v>45551</v>
      </c>
      <c r="F115880" s="14" t="s">
        <v>15</v>
      </c>
      <c r="G115880" s="16">
        <v>0.66272948509794583</v>
      </c>
    </row>
    <row r="115881" spans="1:7" x14ac:dyDescent="0.3">
      <c r="A115881" s="13" t="s">
        <v>551</v>
      </c>
      <c r="B115881" s="14" t="s">
        <v>1</v>
      </c>
      <c r="C115881" s="14" t="s">
        <v>546</v>
      </c>
      <c r="D115881" s="14" t="s">
        <v>14</v>
      </c>
      <c r="E115881" s="15">
        <v>45552</v>
      </c>
      <c r="F115881" s="14" t="s">
        <v>15</v>
      </c>
      <c r="G115881" s="16">
        <v>0.66272948509794583</v>
      </c>
    </row>
    <row r="115882" spans="1:7" x14ac:dyDescent="0.3">
      <c r="A115882" s="13" t="s">
        <v>551</v>
      </c>
      <c r="B115882" s="14" t="s">
        <v>1</v>
      </c>
      <c r="C115882" s="14" t="s">
        <v>546</v>
      </c>
      <c r="D115882" s="14" t="s">
        <v>14</v>
      </c>
      <c r="E115882" s="15">
        <v>45553</v>
      </c>
      <c r="F115882" s="14" t="s">
        <v>15</v>
      </c>
      <c r="G115882" s="16">
        <v>0.66272948509794583</v>
      </c>
    </row>
    <row r="115883" spans="1:7" x14ac:dyDescent="0.3">
      <c r="A115883" s="13" t="s">
        <v>551</v>
      </c>
      <c r="B115883" s="14" t="s">
        <v>1</v>
      </c>
      <c r="C115883" s="14" t="s">
        <v>546</v>
      </c>
      <c r="D115883" s="14" t="s">
        <v>14</v>
      </c>
      <c r="E115883" s="15">
        <v>45554</v>
      </c>
      <c r="F115883" s="14" t="s">
        <v>15</v>
      </c>
      <c r="G115883" s="16">
        <v>0.66009241192424906</v>
      </c>
    </row>
    <row r="115884" spans="1:7" x14ac:dyDescent="0.3">
      <c r="A115884" s="13" t="s">
        <v>551</v>
      </c>
      <c r="B115884" s="14" t="s">
        <v>1</v>
      </c>
      <c r="C115884" s="14" t="s">
        <v>546</v>
      </c>
      <c r="D115884" s="14" t="s">
        <v>14</v>
      </c>
      <c r="E115884" s="15">
        <v>45555</v>
      </c>
      <c r="F115884" s="14" t="s">
        <v>15</v>
      </c>
      <c r="G115884" s="16">
        <v>0.64411645389987637</v>
      </c>
    </row>
    <row r="115885" spans="1:7" x14ac:dyDescent="0.3">
      <c r="A115885" s="13" t="s">
        <v>551</v>
      </c>
      <c r="B115885" s="14" t="s">
        <v>1</v>
      </c>
      <c r="C115885" s="14" t="s">
        <v>546</v>
      </c>
      <c r="D115885" s="14" t="s">
        <v>14</v>
      </c>
      <c r="E115885" s="15">
        <v>45556</v>
      </c>
      <c r="F115885" s="14" t="s">
        <v>15</v>
      </c>
      <c r="G115885" s="16">
        <v>0.64411645389987637</v>
      </c>
    </row>
    <row r="115886" spans="1:7" x14ac:dyDescent="0.3">
      <c r="A115886" s="13" t="s">
        <v>551</v>
      </c>
      <c r="B115886" s="14" t="s">
        <v>1</v>
      </c>
      <c r="C115886" s="14" t="s">
        <v>546</v>
      </c>
      <c r="D115886" s="14" t="s">
        <v>14</v>
      </c>
      <c r="E115886" s="15">
        <v>45557</v>
      </c>
      <c r="F115886" s="14" t="s">
        <v>15</v>
      </c>
      <c r="G115886" s="16">
        <v>0.64411645389987637</v>
      </c>
    </row>
    <row r="115887" spans="1:7" x14ac:dyDescent="0.3">
      <c r="A115887" s="13" t="s">
        <v>551</v>
      </c>
      <c r="B115887" s="14" t="s">
        <v>1</v>
      </c>
      <c r="C115887" s="14" t="s">
        <v>546</v>
      </c>
      <c r="D115887" s="14" t="s">
        <v>14</v>
      </c>
      <c r="E115887" s="15">
        <v>45558</v>
      </c>
      <c r="F115887" s="14" t="s">
        <v>15</v>
      </c>
      <c r="G115887" s="16">
        <v>0.64140608598304072</v>
      </c>
    </row>
    <row r="115888" spans="1:7" x14ac:dyDescent="0.3">
      <c r="A115888" s="13" t="s">
        <v>551</v>
      </c>
      <c r="B115888" s="14" t="s">
        <v>1</v>
      </c>
      <c r="C115888" s="14" t="s">
        <v>546</v>
      </c>
      <c r="D115888" s="14" t="s">
        <v>14</v>
      </c>
      <c r="E115888" s="15">
        <v>45559</v>
      </c>
      <c r="F115888" s="14" t="s">
        <v>15</v>
      </c>
      <c r="G115888" s="16">
        <v>0.63320878612824782</v>
      </c>
    </row>
    <row r="115889" spans="1:7" x14ac:dyDescent="0.3">
      <c r="A115889" s="13" t="s">
        <v>551</v>
      </c>
      <c r="B115889" s="14" t="s">
        <v>1</v>
      </c>
      <c r="C115889" s="14" t="s">
        <v>546</v>
      </c>
      <c r="D115889" s="14" t="s">
        <v>14</v>
      </c>
      <c r="E115889" s="15">
        <v>45560</v>
      </c>
      <c r="F115889" s="14" t="s">
        <v>15</v>
      </c>
      <c r="G115889" s="16">
        <v>0.63048124300849751</v>
      </c>
    </row>
    <row r="115890" spans="1:7" x14ac:dyDescent="0.3">
      <c r="A115890" s="13" t="s">
        <v>551</v>
      </c>
      <c r="B115890" s="14" t="s">
        <v>1</v>
      </c>
      <c r="C115890" s="14" t="s">
        <v>546</v>
      </c>
      <c r="D115890" s="14" t="s">
        <v>14</v>
      </c>
      <c r="E115890" s="15">
        <v>45561</v>
      </c>
      <c r="F115890" s="14" t="s">
        <v>15</v>
      </c>
      <c r="G115890" s="16">
        <v>0.62763526263007208</v>
      </c>
    </row>
    <row r="115891" spans="1:7" x14ac:dyDescent="0.3">
      <c r="A115891" s="13" t="s">
        <v>551</v>
      </c>
      <c r="B115891" s="14" t="s">
        <v>1</v>
      </c>
      <c r="C115891" s="14" t="s">
        <v>546</v>
      </c>
      <c r="D115891" s="14" t="s">
        <v>14</v>
      </c>
      <c r="E115891" s="15">
        <v>45562</v>
      </c>
      <c r="F115891" s="14" t="s">
        <v>15</v>
      </c>
      <c r="G115891" s="16">
        <v>0.62657194556113527</v>
      </c>
    </row>
    <row r="115892" spans="1:7" x14ac:dyDescent="0.3">
      <c r="A115892" s="13" t="s">
        <v>551</v>
      </c>
      <c r="B115892" s="14" t="s">
        <v>1</v>
      </c>
      <c r="C115892" s="14" t="s">
        <v>546</v>
      </c>
      <c r="D115892" s="14" t="s">
        <v>14</v>
      </c>
      <c r="E115892" s="15">
        <v>45563</v>
      </c>
      <c r="F115892" s="14" t="s">
        <v>15</v>
      </c>
      <c r="G115892" s="16">
        <v>0.62657194556113527</v>
      </c>
    </row>
    <row r="115893" spans="1:7" x14ac:dyDescent="0.3">
      <c r="A115893" s="13" t="s">
        <v>551</v>
      </c>
      <c r="B115893" s="14" t="s">
        <v>1</v>
      </c>
      <c r="C115893" s="14" t="s">
        <v>546</v>
      </c>
      <c r="D115893" s="14" t="s">
        <v>14</v>
      </c>
      <c r="E115893" s="15">
        <v>45564</v>
      </c>
      <c r="F115893" s="14" t="s">
        <v>15</v>
      </c>
      <c r="G115893" s="16">
        <v>0.62657194556113527</v>
      </c>
    </row>
    <row r="115894" spans="1:7" x14ac:dyDescent="0.3">
      <c r="A115894" s="13" t="s">
        <v>551</v>
      </c>
      <c r="B115894" s="14" t="s">
        <v>1</v>
      </c>
      <c r="C115894" s="14" t="s">
        <v>546</v>
      </c>
      <c r="D115894" s="14" t="s">
        <v>14</v>
      </c>
      <c r="E115894" s="15">
        <v>45565</v>
      </c>
      <c r="F115894" s="14" t="s">
        <v>15</v>
      </c>
      <c r="G115894" s="16">
        <v>0.62683054783049375</v>
      </c>
    </row>
    <row r="115895" spans="1:7" x14ac:dyDescent="0.3">
      <c r="A115895" s="13" t="s">
        <v>551</v>
      </c>
      <c r="B115895" s="14" t="s">
        <v>1</v>
      </c>
      <c r="C115895" s="14" t="s">
        <v>546</v>
      </c>
      <c r="D115895" s="14" t="s">
        <v>14</v>
      </c>
      <c r="E115895" s="15">
        <v>45566</v>
      </c>
      <c r="F115895" s="14" t="s">
        <v>15</v>
      </c>
      <c r="G115895" s="16">
        <v>0.62683054783049375</v>
      </c>
    </row>
    <row r="115896" spans="1:7" x14ac:dyDescent="0.3">
      <c r="A115896" s="13" t="s">
        <v>551</v>
      </c>
      <c r="B115896" s="14" t="s">
        <v>1</v>
      </c>
      <c r="C115896" s="14" t="s">
        <v>546</v>
      </c>
      <c r="D115896" s="14" t="s">
        <v>14</v>
      </c>
      <c r="E115896" s="15">
        <v>45567</v>
      </c>
      <c r="F115896" s="14" t="s">
        <v>15</v>
      </c>
      <c r="G115896" s="16">
        <v>0.62683054783049375</v>
      </c>
    </row>
    <row r="115897" spans="1:7" x14ac:dyDescent="0.3">
      <c r="A115897" s="13" t="s">
        <v>551</v>
      </c>
      <c r="B115897" s="14" t="s">
        <v>1</v>
      </c>
      <c r="C115897" s="14" t="s">
        <v>546</v>
      </c>
      <c r="D115897" s="14" t="s">
        <v>14</v>
      </c>
      <c r="E115897" s="15">
        <v>45568</v>
      </c>
      <c r="F115897" s="14" t="s">
        <v>15</v>
      </c>
      <c r="G115897" s="16">
        <v>0.62683054783049375</v>
      </c>
    </row>
    <row r="115898" spans="1:7" x14ac:dyDescent="0.3">
      <c r="A115898" s="13" t="s">
        <v>551</v>
      </c>
      <c r="B115898" s="14" t="s">
        <v>1</v>
      </c>
      <c r="C115898" s="14" t="s">
        <v>546</v>
      </c>
      <c r="D115898" s="14" t="s">
        <v>14</v>
      </c>
      <c r="E115898" s="15">
        <v>45569</v>
      </c>
      <c r="F115898" s="14" t="s">
        <v>15</v>
      </c>
      <c r="G115898" s="16">
        <v>0.62683054783049375</v>
      </c>
    </row>
    <row r="115899" spans="1:7" x14ac:dyDescent="0.3">
      <c r="A115899" s="13" t="s">
        <v>551</v>
      </c>
      <c r="B115899" s="14" t="s">
        <v>1</v>
      </c>
      <c r="C115899" s="14" t="s">
        <v>546</v>
      </c>
      <c r="D115899" s="14" t="s">
        <v>14</v>
      </c>
      <c r="E115899" s="15">
        <v>45570</v>
      </c>
      <c r="F115899" s="14" t="s">
        <v>15</v>
      </c>
      <c r="G115899" s="16">
        <v>0.62683054783049375</v>
      </c>
    </row>
    <row r="115900" spans="1:7" x14ac:dyDescent="0.3">
      <c r="A115900" s="13" t="s">
        <v>551</v>
      </c>
      <c r="B115900" s="14" t="s">
        <v>1</v>
      </c>
      <c r="C115900" s="14" t="s">
        <v>546</v>
      </c>
      <c r="D115900" s="14" t="s">
        <v>14</v>
      </c>
      <c r="E115900" s="15">
        <v>45571</v>
      </c>
      <c r="F115900" s="14" t="s">
        <v>15</v>
      </c>
      <c r="G115900" s="16">
        <v>0.62683054783049375</v>
      </c>
    </row>
    <row r="115901" spans="1:7" x14ac:dyDescent="0.3">
      <c r="A115901" s="13" t="s">
        <v>551</v>
      </c>
      <c r="B115901" s="14" t="s">
        <v>1</v>
      </c>
      <c r="C115901" s="14" t="s">
        <v>546</v>
      </c>
      <c r="D115901" s="14" t="s">
        <v>14</v>
      </c>
      <c r="E115901" s="15">
        <v>45572</v>
      </c>
      <c r="F115901" s="14" t="s">
        <v>15</v>
      </c>
      <c r="G115901" s="16">
        <v>0.62683054783049375</v>
      </c>
    </row>
    <row r="115902" spans="1:7" x14ac:dyDescent="0.3">
      <c r="A115902" s="13" t="s">
        <v>551</v>
      </c>
      <c r="B115902" s="14" t="s">
        <v>1</v>
      </c>
      <c r="C115902" s="14" t="s">
        <v>546</v>
      </c>
      <c r="D115902" s="14" t="s">
        <v>14</v>
      </c>
      <c r="E115902" s="15">
        <v>45573</v>
      </c>
      <c r="F115902" s="14" t="s">
        <v>15</v>
      </c>
      <c r="G115902" s="16">
        <v>0.62406464647441051</v>
      </c>
    </row>
    <row r="115903" spans="1:7" x14ac:dyDescent="0.3">
      <c r="A115903" s="13" t="s">
        <v>551</v>
      </c>
      <c r="B115903" s="14" t="s">
        <v>1</v>
      </c>
      <c r="C115903" s="14" t="s">
        <v>546</v>
      </c>
      <c r="D115903" s="14" t="s">
        <v>14</v>
      </c>
      <c r="E115903" s="15">
        <v>45574</v>
      </c>
      <c r="F115903" s="14" t="s">
        <v>15</v>
      </c>
      <c r="G115903" s="16">
        <v>0.60106489460314383</v>
      </c>
    </row>
    <row r="115904" spans="1:7" x14ac:dyDescent="0.3">
      <c r="A115904" s="13" t="s">
        <v>551</v>
      </c>
      <c r="B115904" s="14" t="s">
        <v>1</v>
      </c>
      <c r="C115904" s="14" t="s">
        <v>546</v>
      </c>
      <c r="D115904" s="14" t="s">
        <v>14</v>
      </c>
      <c r="E115904" s="15">
        <v>45575</v>
      </c>
      <c r="F115904" s="14" t="s">
        <v>15</v>
      </c>
      <c r="G115904" s="16">
        <v>0.60334525303259079</v>
      </c>
    </row>
    <row r="115905" spans="1:7" x14ac:dyDescent="0.3">
      <c r="A115905" s="13" t="s">
        <v>551</v>
      </c>
      <c r="B115905" s="14" t="s">
        <v>1</v>
      </c>
      <c r="C115905" s="14" t="s">
        <v>546</v>
      </c>
      <c r="D115905" s="14" t="s">
        <v>14</v>
      </c>
      <c r="E115905" s="15">
        <v>45576</v>
      </c>
      <c r="F115905" s="14" t="s">
        <v>15</v>
      </c>
      <c r="G115905" s="16">
        <v>0.60334525303259079</v>
      </c>
    </row>
    <row r="115906" spans="1:7" x14ac:dyDescent="0.3">
      <c r="A115906" s="13" t="s">
        <v>551</v>
      </c>
      <c r="B115906" s="14" t="s">
        <v>1</v>
      </c>
      <c r="C115906" s="14" t="s">
        <v>546</v>
      </c>
      <c r="D115906" s="14" t="s">
        <v>14</v>
      </c>
      <c r="E115906" s="15">
        <v>45577</v>
      </c>
      <c r="F115906" s="14" t="s">
        <v>15</v>
      </c>
      <c r="G115906" s="16">
        <v>0.60334525303259079</v>
      </c>
    </row>
    <row r="115907" spans="1:7" x14ac:dyDescent="0.3">
      <c r="A115907" s="13" t="s">
        <v>551</v>
      </c>
      <c r="B115907" s="14" t="s">
        <v>1</v>
      </c>
      <c r="C115907" s="14" t="s">
        <v>546</v>
      </c>
      <c r="D115907" s="14" t="s">
        <v>14</v>
      </c>
      <c r="E115907" s="15">
        <v>45578</v>
      </c>
      <c r="F115907" s="14" t="s">
        <v>15</v>
      </c>
      <c r="G115907" s="16">
        <v>0.60334525303259079</v>
      </c>
    </row>
    <row r="115908" spans="1:7" x14ac:dyDescent="0.3">
      <c r="A115908" s="13" t="s">
        <v>551</v>
      </c>
      <c r="B115908" s="14" t="s">
        <v>1</v>
      </c>
      <c r="C115908" s="14" t="s">
        <v>546</v>
      </c>
      <c r="D115908" s="14" t="s">
        <v>14</v>
      </c>
      <c r="E115908" s="15">
        <v>45579</v>
      </c>
      <c r="F115908" s="14" t="s">
        <v>15</v>
      </c>
      <c r="G115908" s="16">
        <v>0.60006606362911463</v>
      </c>
    </row>
    <row r="115909" spans="1:7" x14ac:dyDescent="0.3">
      <c r="A115909" s="13" t="s">
        <v>551</v>
      </c>
      <c r="B115909" s="14" t="s">
        <v>1</v>
      </c>
      <c r="C115909" s="14" t="s">
        <v>546</v>
      </c>
      <c r="D115909" s="14" t="s">
        <v>14</v>
      </c>
      <c r="E115909" s="15">
        <v>45580</v>
      </c>
      <c r="F115909" s="14" t="s">
        <v>15</v>
      </c>
      <c r="G115909" s="16">
        <v>0.5867839830472602</v>
      </c>
    </row>
    <row r="115910" spans="1:7" x14ac:dyDescent="0.3">
      <c r="A115910" s="13" t="s">
        <v>551</v>
      </c>
      <c r="B115910" s="14" t="s">
        <v>1</v>
      </c>
      <c r="C115910" s="14" t="s">
        <v>546</v>
      </c>
      <c r="D115910" s="14" t="s">
        <v>14</v>
      </c>
      <c r="E115910" s="15">
        <v>45581</v>
      </c>
      <c r="F115910" s="14" t="s">
        <v>15</v>
      </c>
      <c r="G115910" s="16">
        <v>0.58348861298227073</v>
      </c>
    </row>
    <row r="115911" spans="1:7" x14ac:dyDescent="0.3">
      <c r="A115911" s="13" t="s">
        <v>551</v>
      </c>
      <c r="B115911" s="14" t="s">
        <v>1</v>
      </c>
      <c r="C115911" s="14" t="s">
        <v>546</v>
      </c>
      <c r="D115911" s="14" t="s">
        <v>14</v>
      </c>
      <c r="E115911" s="15">
        <v>45582</v>
      </c>
      <c r="F115911" s="14" t="s">
        <v>15</v>
      </c>
      <c r="G115911" s="16">
        <v>0.58031716586635118</v>
      </c>
    </row>
    <row r="115912" spans="1:7" x14ac:dyDescent="0.3">
      <c r="A115912" s="13" t="s">
        <v>551</v>
      </c>
      <c r="B115912" s="14" t="s">
        <v>1</v>
      </c>
      <c r="C115912" s="14" t="s">
        <v>546</v>
      </c>
      <c r="D115912" s="14" t="s">
        <v>14</v>
      </c>
      <c r="E115912" s="15">
        <v>45583</v>
      </c>
      <c r="F115912" s="14" t="s">
        <v>15</v>
      </c>
      <c r="G115912" s="16">
        <v>0.57718865841321632</v>
      </c>
    </row>
    <row r="115913" spans="1:7" x14ac:dyDescent="0.3">
      <c r="A115913" s="13" t="s">
        <v>551</v>
      </c>
      <c r="B115913" s="14" t="s">
        <v>1</v>
      </c>
      <c r="C115913" s="14" t="s">
        <v>546</v>
      </c>
      <c r="D115913" s="14" t="s">
        <v>14</v>
      </c>
      <c r="E115913" s="15">
        <v>45584</v>
      </c>
      <c r="F115913" s="14" t="s">
        <v>15</v>
      </c>
      <c r="G115913" s="16">
        <v>0.57718865841321632</v>
      </c>
    </row>
    <row r="115914" spans="1:7" x14ac:dyDescent="0.3">
      <c r="A115914" s="13" t="s">
        <v>551</v>
      </c>
      <c r="B115914" s="14" t="s">
        <v>1</v>
      </c>
      <c r="C115914" s="14" t="s">
        <v>546</v>
      </c>
      <c r="D115914" s="14" t="s">
        <v>14</v>
      </c>
      <c r="E115914" s="15">
        <v>45585</v>
      </c>
      <c r="F115914" s="14" t="s">
        <v>15</v>
      </c>
      <c r="G115914" s="16">
        <v>0.57718865841321632</v>
      </c>
    </row>
    <row r="115915" spans="1:7" x14ac:dyDescent="0.3">
      <c r="A115915" s="13" t="s">
        <v>551</v>
      </c>
      <c r="B115915" s="14" t="s">
        <v>1</v>
      </c>
      <c r="C115915" s="14" t="s">
        <v>546</v>
      </c>
      <c r="D115915" s="14" t="s">
        <v>14</v>
      </c>
      <c r="E115915" s="15">
        <v>45586</v>
      </c>
      <c r="F115915" s="14" t="s">
        <v>15</v>
      </c>
      <c r="G115915" s="16">
        <v>0.58980512381294292</v>
      </c>
    </row>
    <row r="115916" spans="1:7" x14ac:dyDescent="0.3">
      <c r="A115916" s="13" t="s">
        <v>551</v>
      </c>
      <c r="B115916" s="14" t="s">
        <v>1</v>
      </c>
      <c r="C115916" s="14" t="s">
        <v>546</v>
      </c>
      <c r="D115916" s="14" t="s">
        <v>14</v>
      </c>
      <c r="E115916" s="15">
        <v>45587</v>
      </c>
      <c r="F115916" s="14" t="s">
        <v>15</v>
      </c>
      <c r="G115916" s="16">
        <v>0.5801284708926614</v>
      </c>
    </row>
    <row r="115917" spans="1:7" x14ac:dyDescent="0.3">
      <c r="A115917" s="13" t="s">
        <v>551</v>
      </c>
      <c r="B115917" s="14" t="s">
        <v>1</v>
      </c>
      <c r="C115917" s="14" t="s">
        <v>546</v>
      </c>
      <c r="D115917" s="14" t="s">
        <v>14</v>
      </c>
      <c r="E115917" s="15">
        <v>45588</v>
      </c>
      <c r="F115917" s="14" t="s">
        <v>15</v>
      </c>
      <c r="G115917" s="16">
        <v>0.57692563449680567</v>
      </c>
    </row>
    <row r="115918" spans="1:7" x14ac:dyDescent="0.3">
      <c r="A115918" s="13" t="s">
        <v>551</v>
      </c>
      <c r="B115918" s="14" t="s">
        <v>1</v>
      </c>
      <c r="C115918" s="14" t="s">
        <v>546</v>
      </c>
      <c r="D115918" s="14" t="s">
        <v>14</v>
      </c>
      <c r="E115918" s="15">
        <v>45589</v>
      </c>
      <c r="F115918" s="14" t="s">
        <v>15</v>
      </c>
      <c r="G115918" s="16">
        <v>0.57564935780640103</v>
      </c>
    </row>
    <row r="115919" spans="1:7" x14ac:dyDescent="0.3">
      <c r="A115919" s="13" t="s">
        <v>551</v>
      </c>
      <c r="B115919" s="14" t="s">
        <v>1</v>
      </c>
      <c r="C115919" s="14" t="s">
        <v>546</v>
      </c>
      <c r="D115919" s="14" t="s">
        <v>14</v>
      </c>
      <c r="E115919" s="15">
        <v>45590</v>
      </c>
      <c r="F115919" s="14" t="s">
        <v>15</v>
      </c>
      <c r="G115919" s="16">
        <v>0.57241752120534883</v>
      </c>
    </row>
    <row r="115920" spans="1:7" x14ac:dyDescent="0.3">
      <c r="A115920" s="13" t="s">
        <v>551</v>
      </c>
      <c r="B115920" s="14" t="s">
        <v>1</v>
      </c>
      <c r="C115920" s="14" t="s">
        <v>546</v>
      </c>
      <c r="D115920" s="14" t="s">
        <v>14</v>
      </c>
      <c r="E115920" s="15">
        <v>45591</v>
      </c>
      <c r="F115920" s="14" t="s">
        <v>15</v>
      </c>
      <c r="G115920" s="16">
        <v>0.57241752120534883</v>
      </c>
    </row>
    <row r="115921" spans="1:7" x14ac:dyDescent="0.3">
      <c r="A115921" s="13" t="s">
        <v>551</v>
      </c>
      <c r="B115921" s="14" t="s">
        <v>1</v>
      </c>
      <c r="C115921" s="14" t="s">
        <v>546</v>
      </c>
      <c r="D115921" s="14" t="s">
        <v>14</v>
      </c>
      <c r="E115921" s="15">
        <v>45592</v>
      </c>
      <c r="F115921" s="14" t="s">
        <v>15</v>
      </c>
      <c r="G115921" s="16">
        <v>0.57241752120534883</v>
      </c>
    </row>
    <row r="115922" spans="1:7" x14ac:dyDescent="0.3">
      <c r="A115922" s="13" t="s">
        <v>551</v>
      </c>
      <c r="B115922" s="14" t="s">
        <v>1</v>
      </c>
      <c r="C115922" s="14" t="s">
        <v>546</v>
      </c>
      <c r="D115922" s="14" t="s">
        <v>14</v>
      </c>
      <c r="E115922" s="15">
        <v>45593</v>
      </c>
      <c r="F115922" s="14" t="s">
        <v>15</v>
      </c>
      <c r="G115922" s="16">
        <v>0.57241752120534883</v>
      </c>
    </row>
    <row r="115923" spans="1:7" x14ac:dyDescent="0.3">
      <c r="A115923" s="13" t="s">
        <v>551</v>
      </c>
      <c r="B115923" s="14" t="s">
        <v>1</v>
      </c>
      <c r="C115923" s="14" t="s">
        <v>546</v>
      </c>
      <c r="D115923" s="14" t="s">
        <v>14</v>
      </c>
      <c r="E115923" s="15">
        <v>45594</v>
      </c>
      <c r="F115923" s="14" t="s">
        <v>15</v>
      </c>
      <c r="G115923" s="16">
        <v>0.57426647401245756</v>
      </c>
    </row>
    <row r="115924" spans="1:7" x14ac:dyDescent="0.3">
      <c r="A115924" s="13" t="s">
        <v>551</v>
      </c>
      <c r="B115924" s="14" t="s">
        <v>1</v>
      </c>
      <c r="C115924" s="14" t="s">
        <v>546</v>
      </c>
      <c r="D115924" s="14" t="s">
        <v>14</v>
      </c>
      <c r="E115924" s="15">
        <v>45595</v>
      </c>
      <c r="F115924" s="14" t="s">
        <v>15</v>
      </c>
      <c r="G115924" s="16">
        <v>0.5614659912411446</v>
      </c>
    </row>
    <row r="115925" spans="1:7" x14ac:dyDescent="0.3">
      <c r="A115925" s="13" t="s">
        <v>551</v>
      </c>
      <c r="B115925" s="14" t="s">
        <v>1</v>
      </c>
      <c r="C115925" s="14" t="s">
        <v>546</v>
      </c>
      <c r="D115925" s="14" t="s">
        <v>14</v>
      </c>
      <c r="E115925" s="15">
        <v>45596</v>
      </c>
      <c r="F115925" s="14" t="s">
        <v>15</v>
      </c>
      <c r="G115925" s="16">
        <v>0.55827058527552265</v>
      </c>
    </row>
    <row r="115926" spans="1:7" x14ac:dyDescent="0.3">
      <c r="A115926" s="13" t="s">
        <v>551</v>
      </c>
      <c r="B115926" s="14" t="s">
        <v>1</v>
      </c>
      <c r="C115926" s="14" t="s">
        <v>546</v>
      </c>
      <c r="D115926" s="14" t="s">
        <v>14</v>
      </c>
      <c r="E115926" s="15">
        <v>45597</v>
      </c>
      <c r="F115926" s="14" t="s">
        <v>15</v>
      </c>
      <c r="G115926" s="16">
        <v>0.55997081155072947</v>
      </c>
    </row>
    <row r="115927" spans="1:7" x14ac:dyDescent="0.3">
      <c r="A115927" s="13" t="s">
        <v>551</v>
      </c>
      <c r="B115927" s="14" t="s">
        <v>1</v>
      </c>
      <c r="C115927" s="14" t="s">
        <v>546</v>
      </c>
      <c r="D115927" s="14" t="s">
        <v>14</v>
      </c>
      <c r="E115927" s="15">
        <v>45598</v>
      </c>
      <c r="F115927" s="14" t="s">
        <v>15</v>
      </c>
      <c r="G115927" s="16">
        <v>0.55997081155072947</v>
      </c>
    </row>
    <row r="115928" spans="1:7" x14ac:dyDescent="0.3">
      <c r="A115928" s="13" t="s">
        <v>551</v>
      </c>
      <c r="B115928" s="14" t="s">
        <v>1</v>
      </c>
      <c r="C115928" s="14" t="s">
        <v>546</v>
      </c>
      <c r="D115928" s="14" t="s">
        <v>14</v>
      </c>
      <c r="E115928" s="15">
        <v>45599</v>
      </c>
      <c r="F115928" s="14" t="s">
        <v>15</v>
      </c>
      <c r="G115928" s="16">
        <v>0.55997081155072947</v>
      </c>
    </row>
    <row r="115929" spans="1:7" x14ac:dyDescent="0.3">
      <c r="A115929" s="13" t="s">
        <v>551</v>
      </c>
      <c r="B115929" s="14" t="s">
        <v>1</v>
      </c>
      <c r="C115929" s="14" t="s">
        <v>546</v>
      </c>
      <c r="D115929" s="14" t="s">
        <v>14</v>
      </c>
      <c r="E115929" s="15">
        <v>45600</v>
      </c>
      <c r="F115929" s="14" t="s">
        <v>15</v>
      </c>
      <c r="G115929" s="16">
        <v>0.5596114296450605</v>
      </c>
    </row>
    <row r="115930" spans="1:7" x14ac:dyDescent="0.3">
      <c r="A115930" s="13" t="s">
        <v>551</v>
      </c>
      <c r="B115930" s="14" t="s">
        <v>1</v>
      </c>
      <c r="C115930" s="14" t="s">
        <v>546</v>
      </c>
      <c r="D115930" s="14" t="s">
        <v>14</v>
      </c>
      <c r="E115930" s="15">
        <v>45601</v>
      </c>
      <c r="F115930" s="14" t="s">
        <v>15</v>
      </c>
      <c r="G115930" s="16">
        <v>0.55012332734408487</v>
      </c>
    </row>
    <row r="115931" spans="1:7" x14ac:dyDescent="0.3">
      <c r="A115931" s="13" t="s">
        <v>551</v>
      </c>
      <c r="B115931" s="14" t="s">
        <v>1</v>
      </c>
      <c r="C115931" s="14" t="s">
        <v>546</v>
      </c>
      <c r="D115931" s="14" t="s">
        <v>14</v>
      </c>
      <c r="E115931" s="15">
        <v>45602</v>
      </c>
      <c r="F115931" s="14" t="s">
        <v>15</v>
      </c>
      <c r="G115931" s="16">
        <v>0.54692248922519737</v>
      </c>
    </row>
    <row r="115932" spans="1:7" x14ac:dyDescent="0.3">
      <c r="A115932" s="13" t="s">
        <v>551</v>
      </c>
      <c r="B115932" s="14" t="s">
        <v>1</v>
      </c>
      <c r="C115932" s="14" t="s">
        <v>546</v>
      </c>
      <c r="D115932" s="14" t="s">
        <v>14</v>
      </c>
      <c r="E115932" s="15">
        <v>45603</v>
      </c>
      <c r="F115932" s="14" t="s">
        <v>15</v>
      </c>
      <c r="G115932" s="16">
        <v>0.54365307135890639</v>
      </c>
    </row>
    <row r="115933" spans="1:7" x14ac:dyDescent="0.3">
      <c r="A115933" s="13" t="s">
        <v>551</v>
      </c>
      <c r="B115933" s="14" t="s">
        <v>1</v>
      </c>
      <c r="C115933" s="14" t="s">
        <v>546</v>
      </c>
      <c r="D115933" s="14" t="s">
        <v>14</v>
      </c>
      <c r="E115933" s="15">
        <v>45604</v>
      </c>
      <c r="F115933" s="14" t="s">
        <v>15</v>
      </c>
      <c r="G115933" s="16">
        <v>0.54392071430332489</v>
      </c>
    </row>
    <row r="115934" spans="1:7" x14ac:dyDescent="0.3">
      <c r="A115934" s="13" t="s">
        <v>551</v>
      </c>
      <c r="B115934" s="14" t="s">
        <v>1</v>
      </c>
      <c r="C115934" s="14" t="s">
        <v>546</v>
      </c>
      <c r="D115934" s="14" t="s">
        <v>14</v>
      </c>
      <c r="E115934" s="15">
        <v>45605</v>
      </c>
      <c r="F115934" s="14" t="s">
        <v>15</v>
      </c>
      <c r="G115934" s="16">
        <v>0.54392071430332489</v>
      </c>
    </row>
    <row r="115935" spans="1:7" x14ac:dyDescent="0.3">
      <c r="A115935" s="13" t="s">
        <v>551</v>
      </c>
      <c r="B115935" s="14" t="s">
        <v>1</v>
      </c>
      <c r="C115935" s="14" t="s">
        <v>546</v>
      </c>
      <c r="D115935" s="14" t="s">
        <v>14</v>
      </c>
      <c r="E115935" s="15">
        <v>45606</v>
      </c>
      <c r="F115935" s="14" t="s">
        <v>15</v>
      </c>
      <c r="G115935" s="16">
        <v>0.54392071430332489</v>
      </c>
    </row>
    <row r="115936" spans="1:7" x14ac:dyDescent="0.3">
      <c r="A115936" s="13" t="s">
        <v>551</v>
      </c>
      <c r="B115936" s="14" t="s">
        <v>1</v>
      </c>
      <c r="C115936" s="14" t="s">
        <v>546</v>
      </c>
      <c r="D115936" s="14" t="s">
        <v>14</v>
      </c>
      <c r="E115936" s="15">
        <v>45607</v>
      </c>
      <c r="F115936" s="14" t="s">
        <v>15</v>
      </c>
      <c r="G115936" s="16">
        <v>0.54064776267371373</v>
      </c>
    </row>
    <row r="115937" spans="1:7" x14ac:dyDescent="0.3">
      <c r="A115937" s="13" t="s">
        <v>551</v>
      </c>
      <c r="B115937" s="14" t="s">
        <v>1</v>
      </c>
      <c r="C115937" s="14" t="s">
        <v>546</v>
      </c>
      <c r="D115937" s="14" t="s">
        <v>14</v>
      </c>
      <c r="E115937" s="15">
        <v>45608</v>
      </c>
      <c r="F115937" s="14" t="s">
        <v>15</v>
      </c>
      <c r="G115937" s="16">
        <v>0.53088617736674504</v>
      </c>
    </row>
    <row r="115938" spans="1:7" x14ac:dyDescent="0.3">
      <c r="A115938" s="13" t="s">
        <v>551</v>
      </c>
      <c r="B115938" s="14" t="s">
        <v>1</v>
      </c>
      <c r="C115938" s="14" t="s">
        <v>546</v>
      </c>
      <c r="D115938" s="14" t="s">
        <v>14</v>
      </c>
      <c r="E115938" s="15">
        <v>45609</v>
      </c>
      <c r="F115938" s="14" t="s">
        <v>15</v>
      </c>
      <c r="G115938" s="16">
        <v>0.52765449649454432</v>
      </c>
    </row>
    <row r="115939" spans="1:7" x14ac:dyDescent="0.3">
      <c r="A115939" s="13" t="s">
        <v>551</v>
      </c>
      <c r="B115939" s="14" t="s">
        <v>1</v>
      </c>
      <c r="C115939" s="14" t="s">
        <v>546</v>
      </c>
      <c r="D115939" s="14" t="s">
        <v>14</v>
      </c>
      <c r="E115939" s="15">
        <v>45610</v>
      </c>
      <c r="F115939" s="14" t="s">
        <v>15</v>
      </c>
      <c r="G115939" s="16">
        <v>0.52448145456167194</v>
      </c>
    </row>
    <row r="115940" spans="1:7" x14ac:dyDescent="0.3">
      <c r="A115940" s="13" t="s">
        <v>551</v>
      </c>
      <c r="B115940" s="14" t="s">
        <v>1</v>
      </c>
      <c r="C115940" s="14" t="s">
        <v>546</v>
      </c>
      <c r="D115940" s="14" t="s">
        <v>14</v>
      </c>
      <c r="E115940" s="15">
        <v>45611</v>
      </c>
      <c r="F115940" s="14" t="s">
        <v>15</v>
      </c>
      <c r="G115940" s="16">
        <v>0.52141325860177312</v>
      </c>
    </row>
    <row r="115941" spans="1:7" x14ac:dyDescent="0.3">
      <c r="A115941" s="13" t="s">
        <v>551</v>
      </c>
      <c r="B115941" s="14" t="s">
        <v>1</v>
      </c>
      <c r="C115941" s="14" t="s">
        <v>546</v>
      </c>
      <c r="D115941" s="14" t="s">
        <v>14</v>
      </c>
      <c r="E115941" s="15">
        <v>45612</v>
      </c>
      <c r="F115941" s="14" t="s">
        <v>15</v>
      </c>
      <c r="G115941" s="16">
        <v>0.52141325860177312</v>
      </c>
    </row>
    <row r="115942" spans="1:7" x14ac:dyDescent="0.3">
      <c r="A115942" s="13" t="s">
        <v>551</v>
      </c>
      <c r="B115942" s="14" t="s">
        <v>1</v>
      </c>
      <c r="C115942" s="14" t="s">
        <v>546</v>
      </c>
      <c r="D115942" s="14" t="s">
        <v>14</v>
      </c>
      <c r="E115942" s="15">
        <v>45613</v>
      </c>
      <c r="F115942" s="14" t="s">
        <v>15</v>
      </c>
      <c r="G115942" s="16">
        <v>0.52141325860177312</v>
      </c>
    </row>
    <row r="115943" spans="1:7" x14ac:dyDescent="0.3">
      <c r="A115943" s="13" t="s">
        <v>551</v>
      </c>
      <c r="B115943" s="14" t="s">
        <v>1</v>
      </c>
      <c r="C115943" s="14" t="s">
        <v>546</v>
      </c>
      <c r="D115943" s="14" t="s">
        <v>14</v>
      </c>
      <c r="E115943" s="15">
        <v>45614</v>
      </c>
      <c r="F115943" s="14" t="s">
        <v>15</v>
      </c>
      <c r="G115943" s="16">
        <v>0.51831274621339296</v>
      </c>
    </row>
    <row r="115944" spans="1:7" x14ac:dyDescent="0.3">
      <c r="A115944" s="13" t="s">
        <v>551</v>
      </c>
      <c r="B115944" s="14" t="s">
        <v>1</v>
      </c>
      <c r="C115944" s="14" t="s">
        <v>546</v>
      </c>
      <c r="D115944" s="14" t="s">
        <v>14</v>
      </c>
      <c r="E115944" s="15">
        <v>45615</v>
      </c>
      <c r="F115944" s="14" t="s">
        <v>15</v>
      </c>
      <c r="G115944" s="16">
        <v>0.50908428338041001</v>
      </c>
    </row>
    <row r="115945" spans="1:7" x14ac:dyDescent="0.3">
      <c r="A115945" s="13" t="s">
        <v>551</v>
      </c>
      <c r="B115945" s="14" t="s">
        <v>1</v>
      </c>
      <c r="C115945" s="14" t="s">
        <v>546</v>
      </c>
      <c r="D115945" s="14" t="s">
        <v>14</v>
      </c>
      <c r="E115945" s="15">
        <v>45616</v>
      </c>
      <c r="F115945" s="14" t="s">
        <v>15</v>
      </c>
      <c r="G115945" s="16">
        <v>0.50603253432103379</v>
      </c>
    </row>
    <row r="115946" spans="1:7" x14ac:dyDescent="0.3">
      <c r="A115946" s="13" t="s">
        <v>551</v>
      </c>
      <c r="B115946" s="14" t="s">
        <v>1</v>
      </c>
      <c r="C115946" s="14" t="s">
        <v>546</v>
      </c>
      <c r="D115946" s="14" t="s">
        <v>14</v>
      </c>
      <c r="E115946" s="15">
        <v>45617</v>
      </c>
      <c r="F115946" s="14" t="s">
        <v>15</v>
      </c>
      <c r="G115946" s="16">
        <v>0.50295398235176181</v>
      </c>
    </row>
    <row r="115947" spans="1:7" x14ac:dyDescent="0.3">
      <c r="A115947" s="13" t="s">
        <v>551</v>
      </c>
      <c r="B115947" s="14" t="s">
        <v>1</v>
      </c>
      <c r="C115947" s="14" t="s">
        <v>546</v>
      </c>
      <c r="D115947" s="14" t="s">
        <v>14</v>
      </c>
      <c r="E115947" s="15">
        <v>45618</v>
      </c>
      <c r="F115947" s="14" t="s">
        <v>15</v>
      </c>
      <c r="G115947" s="16">
        <v>0.49986062370834572</v>
      </c>
    </row>
    <row r="115948" spans="1:7" x14ac:dyDescent="0.3">
      <c r="A115948" s="13" t="s">
        <v>551</v>
      </c>
      <c r="B115948" s="14" t="s">
        <v>1</v>
      </c>
      <c r="C115948" s="14" t="s">
        <v>546</v>
      </c>
      <c r="D115948" s="14" t="s">
        <v>14</v>
      </c>
      <c r="E115948" s="15">
        <v>45619</v>
      </c>
      <c r="F115948" s="14" t="s">
        <v>15</v>
      </c>
      <c r="G115948" s="16">
        <v>0.49986062370834572</v>
      </c>
    </row>
    <row r="115949" spans="1:7" x14ac:dyDescent="0.3">
      <c r="A115949" s="13" t="s">
        <v>551</v>
      </c>
      <c r="B115949" s="14" t="s">
        <v>1</v>
      </c>
      <c r="C115949" s="14" t="s">
        <v>546</v>
      </c>
      <c r="D115949" s="14" t="s">
        <v>14</v>
      </c>
      <c r="E115949" s="15">
        <v>45620</v>
      </c>
      <c r="F115949" s="14" t="s">
        <v>15</v>
      </c>
      <c r="G115949" s="16">
        <v>0.49986062370834572</v>
      </c>
    </row>
    <row r="115950" spans="1:7" x14ac:dyDescent="0.3">
      <c r="A115950" s="13" t="s">
        <v>551</v>
      </c>
      <c r="B115950" s="14" t="s">
        <v>1</v>
      </c>
      <c r="C115950" s="14" t="s">
        <v>546</v>
      </c>
      <c r="D115950" s="14" t="s">
        <v>14</v>
      </c>
      <c r="E115950" s="15">
        <v>45621</v>
      </c>
      <c r="F115950" s="14" t="s">
        <v>15</v>
      </c>
      <c r="G115950" s="16">
        <v>0.49677335118849786</v>
      </c>
    </row>
    <row r="115951" spans="1:7" x14ac:dyDescent="0.3">
      <c r="A115951" s="13" t="s">
        <v>551</v>
      </c>
      <c r="B115951" s="14" t="s">
        <v>1</v>
      </c>
      <c r="C115951" s="14" t="s">
        <v>546</v>
      </c>
      <c r="D115951" s="14" t="s">
        <v>14</v>
      </c>
      <c r="E115951" s="15">
        <v>45622</v>
      </c>
      <c r="F115951" s="14" t="s">
        <v>15</v>
      </c>
      <c r="G115951" s="16">
        <v>0.48776337445565948</v>
      </c>
    </row>
    <row r="115952" spans="1:7" x14ac:dyDescent="0.3">
      <c r="A115952" s="13" t="s">
        <v>551</v>
      </c>
      <c r="B115952" s="14" t="s">
        <v>1</v>
      </c>
      <c r="C115952" s="14" t="s">
        <v>546</v>
      </c>
      <c r="D115952" s="14" t="s">
        <v>14</v>
      </c>
      <c r="E115952" s="15">
        <v>45623</v>
      </c>
      <c r="F115952" s="14" t="s">
        <v>15</v>
      </c>
      <c r="G115952" s="16">
        <v>0.48478267149854432</v>
      </c>
    </row>
    <row r="115953" spans="1:7" x14ac:dyDescent="0.3">
      <c r="A115953" s="13" t="s">
        <v>551</v>
      </c>
      <c r="B115953" s="14" t="s">
        <v>1</v>
      </c>
      <c r="C115953" s="14" t="s">
        <v>546</v>
      </c>
      <c r="D115953" s="14" t="s">
        <v>14</v>
      </c>
      <c r="E115953" s="15">
        <v>45624</v>
      </c>
      <c r="F115953" s="14" t="s">
        <v>15</v>
      </c>
      <c r="G115953" s="16">
        <v>0.48262188630700181</v>
      </c>
    </row>
    <row r="115954" spans="1:7" x14ac:dyDescent="0.3">
      <c r="A115954" s="13" t="s">
        <v>551</v>
      </c>
      <c r="B115954" s="14" t="s">
        <v>1</v>
      </c>
      <c r="C115954" s="14" t="s">
        <v>546</v>
      </c>
      <c r="D115954" s="14" t="s">
        <v>14</v>
      </c>
      <c r="E115954" s="15">
        <v>45625</v>
      </c>
      <c r="F115954" s="14" t="s">
        <v>15</v>
      </c>
      <c r="G115954" s="16">
        <v>0.48258304113677902</v>
      </c>
    </row>
    <row r="115955" spans="1:7" x14ac:dyDescent="0.3">
      <c r="A115955" s="13" t="s">
        <v>551</v>
      </c>
      <c r="B115955" s="14" t="s">
        <v>1</v>
      </c>
      <c r="C115955" s="14" t="s">
        <v>546</v>
      </c>
      <c r="D115955" s="14" t="s">
        <v>14</v>
      </c>
      <c r="E115955" s="15">
        <v>45626</v>
      </c>
      <c r="F115955" s="14" t="s">
        <v>15</v>
      </c>
      <c r="G115955" s="16">
        <v>0.48258304113677902</v>
      </c>
    </row>
    <row r="115956" spans="1:7" x14ac:dyDescent="0.3">
      <c r="A115956" s="13" t="s">
        <v>551</v>
      </c>
      <c r="B115956" s="14" t="s">
        <v>1</v>
      </c>
      <c r="C115956" s="14" t="s">
        <v>546</v>
      </c>
      <c r="D115956" s="14" t="s">
        <v>14</v>
      </c>
      <c r="E115956" s="15">
        <v>45627</v>
      </c>
      <c r="F115956" s="14" t="s">
        <v>15</v>
      </c>
      <c r="G115956" s="16">
        <v>0.48258304113677902</v>
      </c>
    </row>
    <row r="115957" spans="1:7" x14ac:dyDescent="0.3">
      <c r="A115957" s="13" t="s">
        <v>551</v>
      </c>
      <c r="B115957" s="14" t="s">
        <v>1</v>
      </c>
      <c r="C115957" s="14" t="s">
        <v>546</v>
      </c>
      <c r="D115957" s="14" t="s">
        <v>14</v>
      </c>
      <c r="E115957" s="15">
        <v>45628</v>
      </c>
      <c r="F115957" s="14" t="s">
        <v>15</v>
      </c>
      <c r="G115957" s="16">
        <v>0.48097954231322398</v>
      </c>
    </row>
    <row r="115958" spans="1:7" x14ac:dyDescent="0.3">
      <c r="A115958" s="13" t="s">
        <v>551</v>
      </c>
      <c r="B115958" s="14" t="s">
        <v>1</v>
      </c>
      <c r="C115958" s="14" t="s">
        <v>546</v>
      </c>
      <c r="D115958" s="14" t="s">
        <v>14</v>
      </c>
      <c r="E115958" s="15">
        <v>45629</v>
      </c>
      <c r="F115958" s="14" t="s">
        <v>15</v>
      </c>
      <c r="G115958" s="16">
        <v>0.47194649483877565</v>
      </c>
    </row>
    <row r="115959" spans="1:7" x14ac:dyDescent="0.3">
      <c r="A115959" s="13" t="s">
        <v>551</v>
      </c>
      <c r="B115959" s="14" t="s">
        <v>1</v>
      </c>
      <c r="C115959" s="14" t="s">
        <v>546</v>
      </c>
      <c r="D115959" s="14" t="s">
        <v>14</v>
      </c>
      <c r="E115959" s="15">
        <v>45630</v>
      </c>
      <c r="F115959" s="14" t="s">
        <v>15</v>
      </c>
      <c r="G115959" s="16">
        <v>0.47090783632499505</v>
      </c>
    </row>
    <row r="115960" spans="1:7" x14ac:dyDescent="0.3">
      <c r="A115960" s="13" t="s">
        <v>551</v>
      </c>
      <c r="B115960" s="14" t="s">
        <v>1</v>
      </c>
      <c r="C115960" s="14" t="s">
        <v>546</v>
      </c>
      <c r="D115960" s="14" t="s">
        <v>14</v>
      </c>
      <c r="E115960" s="15">
        <v>45631</v>
      </c>
      <c r="F115960" s="14" t="s">
        <v>15</v>
      </c>
      <c r="G115960" s="16">
        <v>0.46786716685857577</v>
      </c>
    </row>
    <row r="115961" spans="1:7" x14ac:dyDescent="0.3">
      <c r="A115961" s="13" t="s">
        <v>551</v>
      </c>
      <c r="B115961" s="14" t="s">
        <v>1</v>
      </c>
      <c r="C115961" s="14" t="s">
        <v>546</v>
      </c>
      <c r="D115961" s="14" t="s">
        <v>14</v>
      </c>
      <c r="E115961" s="15">
        <v>45632</v>
      </c>
      <c r="F115961" s="14" t="s">
        <v>15</v>
      </c>
      <c r="G115961" s="16">
        <v>0.46482287128029498</v>
      </c>
    </row>
    <row r="115962" spans="1:7" x14ac:dyDescent="0.3">
      <c r="A115962" s="13" t="s">
        <v>551</v>
      </c>
      <c r="B115962" s="14" t="s">
        <v>1</v>
      </c>
      <c r="C115962" s="14" t="s">
        <v>546</v>
      </c>
      <c r="D115962" s="14" t="s">
        <v>14</v>
      </c>
      <c r="E115962" s="15">
        <v>45633</v>
      </c>
      <c r="F115962" s="14" t="s">
        <v>15</v>
      </c>
      <c r="G115962" s="16">
        <v>0.46482287128029498</v>
      </c>
    </row>
    <row r="115963" spans="1:7" x14ac:dyDescent="0.3">
      <c r="A115963" s="13" t="s">
        <v>551</v>
      </c>
      <c r="B115963" s="14" t="s">
        <v>1</v>
      </c>
      <c r="C115963" s="14" t="s">
        <v>546</v>
      </c>
      <c r="D115963" s="14" t="s">
        <v>14</v>
      </c>
      <c r="E115963" s="15">
        <v>45634</v>
      </c>
      <c r="F115963" s="14" t="s">
        <v>15</v>
      </c>
      <c r="G115963" s="16">
        <v>0.46482287128029498</v>
      </c>
    </row>
    <row r="115964" spans="1:7" x14ac:dyDescent="0.3">
      <c r="A115964" s="13" t="s">
        <v>551</v>
      </c>
      <c r="B115964" s="14" t="s">
        <v>1</v>
      </c>
      <c r="C115964" s="14" t="s">
        <v>546</v>
      </c>
      <c r="D115964" s="14" t="s">
        <v>14</v>
      </c>
      <c r="E115964" s="15">
        <v>45635</v>
      </c>
      <c r="F115964" s="14" t="s">
        <v>15</v>
      </c>
      <c r="G115964" s="16">
        <v>0.46180116187668474</v>
      </c>
    </row>
    <row r="115965" spans="1:7" x14ac:dyDescent="0.3">
      <c r="A115965" s="13" t="s">
        <v>551</v>
      </c>
      <c r="B115965" s="14" t="s">
        <v>1</v>
      </c>
      <c r="C115965" s="14" t="s">
        <v>546</v>
      </c>
      <c r="D115965" s="14" t="s">
        <v>14</v>
      </c>
      <c r="E115965" s="15">
        <v>45636</v>
      </c>
      <c r="F115965" s="14" t="s">
        <v>15</v>
      </c>
      <c r="G115965" s="16">
        <v>0.45944233289005471</v>
      </c>
    </row>
    <row r="115966" spans="1:7" x14ac:dyDescent="0.3">
      <c r="A115966" s="13" t="s">
        <v>551</v>
      </c>
      <c r="B115966" s="14" t="s">
        <v>1</v>
      </c>
      <c r="C115966" s="14" t="s">
        <v>546</v>
      </c>
      <c r="D115966" s="14" t="s">
        <v>14</v>
      </c>
      <c r="E115966" s="15">
        <v>45637</v>
      </c>
      <c r="F115966" s="14" t="s">
        <v>15</v>
      </c>
      <c r="G115966" s="16">
        <v>0.45632490815517435</v>
      </c>
    </row>
    <row r="115967" spans="1:7" x14ac:dyDescent="0.3">
      <c r="A115967" s="13" t="s">
        <v>551</v>
      </c>
      <c r="B115967" s="14" t="s">
        <v>1</v>
      </c>
      <c r="C115967" s="14" t="s">
        <v>546</v>
      </c>
      <c r="D115967" s="14" t="s">
        <v>14</v>
      </c>
      <c r="E115967" s="15">
        <v>45638</v>
      </c>
      <c r="F115967" s="14" t="s">
        <v>15</v>
      </c>
      <c r="G115967" s="16">
        <v>0.45318599238672941</v>
      </c>
    </row>
    <row r="115968" spans="1:7" x14ac:dyDescent="0.3">
      <c r="A115968" s="13" t="s">
        <v>551</v>
      </c>
      <c r="B115968" s="14" t="s">
        <v>1</v>
      </c>
      <c r="C115968" s="14" t="s">
        <v>546</v>
      </c>
      <c r="D115968" s="14" t="s">
        <v>14</v>
      </c>
      <c r="E115968" s="15">
        <v>45639</v>
      </c>
      <c r="F115968" s="14" t="s">
        <v>15</v>
      </c>
      <c r="G115968" s="16">
        <v>0.45007715684412469</v>
      </c>
    </row>
    <row r="115969" spans="1:7" x14ac:dyDescent="0.3">
      <c r="A115969" s="13" t="s">
        <v>551</v>
      </c>
      <c r="B115969" s="14" t="s">
        <v>1</v>
      </c>
      <c r="C115969" s="14" t="s">
        <v>546</v>
      </c>
      <c r="D115969" s="14" t="s">
        <v>14</v>
      </c>
      <c r="E115969" s="15">
        <v>45640</v>
      </c>
      <c r="F115969" s="14" t="s">
        <v>15</v>
      </c>
      <c r="G115969" s="16">
        <v>0.45007715684412469</v>
      </c>
    </row>
    <row r="115970" spans="1:7" x14ac:dyDescent="0.3">
      <c r="A115970" s="13" t="s">
        <v>551</v>
      </c>
      <c r="B115970" s="14" t="s">
        <v>1</v>
      </c>
      <c r="C115970" s="14" t="s">
        <v>546</v>
      </c>
      <c r="D115970" s="14" t="s">
        <v>14</v>
      </c>
      <c r="E115970" s="15">
        <v>45641</v>
      </c>
      <c r="F115970" s="14" t="s">
        <v>15</v>
      </c>
      <c r="G115970" s="16">
        <v>0.45007715684412469</v>
      </c>
    </row>
    <row r="115971" spans="1:7" x14ac:dyDescent="0.3">
      <c r="A115971" s="13" t="s">
        <v>551</v>
      </c>
      <c r="B115971" s="14" t="s">
        <v>1</v>
      </c>
      <c r="C115971" s="14" t="s">
        <v>546</v>
      </c>
      <c r="D115971" s="14" t="s">
        <v>14</v>
      </c>
      <c r="E115971" s="15">
        <v>45642</v>
      </c>
      <c r="F115971" s="14" t="s">
        <v>15</v>
      </c>
      <c r="G115971" s="16">
        <v>0.44727486936833832</v>
      </c>
    </row>
    <row r="115972" spans="1:7" x14ac:dyDescent="0.3">
      <c r="A115972" s="13" t="s">
        <v>551</v>
      </c>
      <c r="B115972" s="14" t="s">
        <v>1</v>
      </c>
      <c r="C115972" s="14" t="s">
        <v>546</v>
      </c>
      <c r="D115972" s="14" t="s">
        <v>14</v>
      </c>
      <c r="E115972" s="15">
        <v>45643</v>
      </c>
      <c r="F115972" s="14" t="s">
        <v>15</v>
      </c>
      <c r="G115972" s="16">
        <v>0.43803517807060105</v>
      </c>
    </row>
    <row r="115973" spans="1:7" x14ac:dyDescent="0.3">
      <c r="A115973" s="13" t="s">
        <v>551</v>
      </c>
      <c r="B115973" s="14" t="s">
        <v>1</v>
      </c>
      <c r="C115973" s="14" t="s">
        <v>546</v>
      </c>
      <c r="D115973" s="14" t="s">
        <v>14</v>
      </c>
      <c r="E115973" s="15">
        <v>45644</v>
      </c>
      <c r="F115973" s="14" t="s">
        <v>15</v>
      </c>
      <c r="G115973" s="16">
        <v>0.43492556021100715</v>
      </c>
    </row>
    <row r="115974" spans="1:7" x14ac:dyDescent="0.3">
      <c r="A115974" s="13" t="s">
        <v>551</v>
      </c>
      <c r="B115974" s="14" t="s">
        <v>1</v>
      </c>
      <c r="C115974" s="14" t="s">
        <v>546</v>
      </c>
      <c r="D115974" s="14" t="s">
        <v>14</v>
      </c>
      <c r="E115974" s="15">
        <v>45645</v>
      </c>
      <c r="F115974" s="14" t="s">
        <v>15</v>
      </c>
      <c r="G115974" s="16">
        <v>0.43244080157764897</v>
      </c>
    </row>
    <row r="115975" spans="1:7" x14ac:dyDescent="0.3">
      <c r="A115975" s="13" t="s">
        <v>551</v>
      </c>
      <c r="B115975" s="14" t="s">
        <v>1</v>
      </c>
      <c r="C115975" s="14" t="s">
        <v>546</v>
      </c>
      <c r="D115975" s="14" t="s">
        <v>14</v>
      </c>
      <c r="E115975" s="15">
        <v>45646</v>
      </c>
      <c r="F115975" s="14" t="s">
        <v>15</v>
      </c>
      <c r="G115975" s="16">
        <v>0.4293794266295583</v>
      </c>
    </row>
    <row r="115976" spans="1:7" x14ac:dyDescent="0.3">
      <c r="A115976" s="13" t="s">
        <v>551</v>
      </c>
      <c r="B115976" s="14" t="s">
        <v>1</v>
      </c>
      <c r="C115976" s="14" t="s">
        <v>546</v>
      </c>
      <c r="D115976" s="14" t="s">
        <v>14</v>
      </c>
      <c r="E115976" s="15">
        <v>45647</v>
      </c>
      <c r="F115976" s="14" t="s">
        <v>15</v>
      </c>
      <c r="G115976" s="16">
        <v>0.4293794266295583</v>
      </c>
    </row>
    <row r="115977" spans="1:7" x14ac:dyDescent="0.3">
      <c r="A115977" s="13" t="s">
        <v>551</v>
      </c>
      <c r="B115977" s="14" t="s">
        <v>1</v>
      </c>
      <c r="C115977" s="14" t="s">
        <v>546</v>
      </c>
      <c r="D115977" s="14" t="s">
        <v>14</v>
      </c>
      <c r="E115977" s="15">
        <v>45648</v>
      </c>
      <c r="F115977" s="14" t="s">
        <v>15</v>
      </c>
      <c r="G115977" s="16">
        <v>0.4293794266295583</v>
      </c>
    </row>
    <row r="115978" spans="1:7" x14ac:dyDescent="0.3">
      <c r="A115978" s="13" t="s">
        <v>551</v>
      </c>
      <c r="B115978" s="14" t="s">
        <v>1</v>
      </c>
      <c r="C115978" s="14" t="s">
        <v>546</v>
      </c>
      <c r="D115978" s="14" t="s">
        <v>14</v>
      </c>
      <c r="E115978" s="15">
        <v>45649</v>
      </c>
      <c r="F115978" s="14" t="s">
        <v>15</v>
      </c>
      <c r="G115978" s="16">
        <v>0.46242701290746152</v>
      </c>
    </row>
    <row r="115979" spans="1:7" x14ac:dyDescent="0.3">
      <c r="A115979" s="13" t="s">
        <v>551</v>
      </c>
      <c r="B115979" s="14" t="s">
        <v>1</v>
      </c>
      <c r="C115979" s="14" t="s">
        <v>546</v>
      </c>
      <c r="D115979" s="14" t="s">
        <v>14</v>
      </c>
      <c r="E115979" s="15">
        <v>45650</v>
      </c>
      <c r="F115979" s="14" t="s">
        <v>15</v>
      </c>
      <c r="G115979" s="16">
        <v>0.4532600276365954</v>
      </c>
    </row>
    <row r="115980" spans="1:7" x14ac:dyDescent="0.3">
      <c r="A115980" s="13" t="s">
        <v>551</v>
      </c>
      <c r="B115980" s="14" t="s">
        <v>1</v>
      </c>
      <c r="C115980" s="14" t="s">
        <v>546</v>
      </c>
      <c r="D115980" s="14" t="s">
        <v>14</v>
      </c>
      <c r="E115980" s="15">
        <v>45651</v>
      </c>
      <c r="F115980" s="14" t="s">
        <v>15</v>
      </c>
      <c r="G115980" s="16">
        <v>0.4532600276365954</v>
      </c>
    </row>
    <row r="115981" spans="1:7" x14ac:dyDescent="0.3">
      <c r="A115981" s="13" t="s">
        <v>551</v>
      </c>
      <c r="B115981" s="14" t="s">
        <v>1</v>
      </c>
      <c r="C115981" s="14" t="s">
        <v>546</v>
      </c>
      <c r="D115981" s="14" t="s">
        <v>14</v>
      </c>
      <c r="E115981" s="15">
        <v>45652</v>
      </c>
      <c r="F115981" s="14" t="s">
        <v>15</v>
      </c>
      <c r="G115981" s="16">
        <v>0.4532600276365954</v>
      </c>
    </row>
    <row r="115982" spans="1:7" x14ac:dyDescent="0.3">
      <c r="A115982" s="13" t="s">
        <v>551</v>
      </c>
      <c r="B115982" s="14" t="s">
        <v>1</v>
      </c>
      <c r="C115982" s="14" t="s">
        <v>546</v>
      </c>
      <c r="D115982" s="14" t="s">
        <v>14</v>
      </c>
      <c r="E115982" s="15">
        <v>45653</v>
      </c>
      <c r="F115982" s="14" t="s">
        <v>15</v>
      </c>
      <c r="G115982" s="16">
        <v>0.4532600276365954</v>
      </c>
    </row>
    <row r="115983" spans="1:7" x14ac:dyDescent="0.3">
      <c r="A115983" s="13" t="s">
        <v>551</v>
      </c>
      <c r="B115983" s="14" t="s">
        <v>1</v>
      </c>
      <c r="C115983" s="14" t="s">
        <v>546</v>
      </c>
      <c r="D115983" s="14" t="s">
        <v>14</v>
      </c>
      <c r="E115983" s="15">
        <v>45654</v>
      </c>
      <c r="F115983" s="14" t="s">
        <v>15</v>
      </c>
      <c r="G115983" s="16">
        <v>0.4532600276365954</v>
      </c>
    </row>
    <row r="115984" spans="1:7" x14ac:dyDescent="0.3">
      <c r="A115984" s="13" t="s">
        <v>551</v>
      </c>
      <c r="B115984" s="14" t="s">
        <v>1</v>
      </c>
      <c r="C115984" s="14" t="s">
        <v>546</v>
      </c>
      <c r="D115984" s="14" t="s">
        <v>14</v>
      </c>
      <c r="E115984" s="15">
        <v>45655</v>
      </c>
      <c r="F115984" s="14" t="s">
        <v>15</v>
      </c>
      <c r="G115984" s="16">
        <v>0.4532600276365954</v>
      </c>
    </row>
    <row r="115985" spans="1:7" x14ac:dyDescent="0.3">
      <c r="A115985" s="13" t="s">
        <v>551</v>
      </c>
      <c r="B115985" s="14" t="s">
        <v>1</v>
      </c>
      <c r="C115985" s="14" t="s">
        <v>546</v>
      </c>
      <c r="D115985" s="14" t="s">
        <v>14</v>
      </c>
      <c r="E115985" s="15">
        <v>45656</v>
      </c>
      <c r="F115985" s="14" t="s">
        <v>15</v>
      </c>
      <c r="G115985" s="16">
        <v>0.45020111333658602</v>
      </c>
    </row>
    <row r="115986" spans="1:7" x14ac:dyDescent="0.3">
      <c r="A115986" s="13" t="s">
        <v>551</v>
      </c>
      <c r="B115986" s="14" t="s">
        <v>1</v>
      </c>
      <c r="C115986" s="14" t="s">
        <v>546</v>
      </c>
      <c r="D115986" s="14" t="s">
        <v>14</v>
      </c>
      <c r="E115986" s="15">
        <v>45657</v>
      </c>
      <c r="F115986" s="14" t="s">
        <v>15</v>
      </c>
      <c r="G115986" s="16">
        <v>0.43934140075317596</v>
      </c>
    </row>
    <row r="115987" spans="1:7" x14ac:dyDescent="0.3">
      <c r="A115987" s="13" t="s">
        <v>551</v>
      </c>
      <c r="B115987" s="14" t="s">
        <v>1</v>
      </c>
      <c r="C115987" s="14" t="s">
        <v>546</v>
      </c>
      <c r="D115987" s="14" t="s">
        <v>14</v>
      </c>
      <c r="E115987" s="15">
        <v>45658</v>
      </c>
      <c r="F115987" s="14" t="s">
        <v>15</v>
      </c>
      <c r="G115987" s="16">
        <v>0.43934140075317596</v>
      </c>
    </row>
    <row r="115988" spans="1:7" x14ac:dyDescent="0.3">
      <c r="A115988" s="13" t="s">
        <v>551</v>
      </c>
      <c r="B115988" s="14" t="s">
        <v>1</v>
      </c>
      <c r="C115988" s="14" t="s">
        <v>546</v>
      </c>
      <c r="D115988" s="14" t="s">
        <v>14</v>
      </c>
      <c r="E115988" s="15">
        <v>45659</v>
      </c>
      <c r="F115988" s="14" t="s">
        <v>15</v>
      </c>
      <c r="G115988" s="16">
        <v>0.43624939630215465</v>
      </c>
    </row>
    <row r="115989" spans="1:7" x14ac:dyDescent="0.3">
      <c r="A115989" s="13" t="s">
        <v>551</v>
      </c>
      <c r="B115989" s="14" t="s">
        <v>1</v>
      </c>
      <c r="C115989" s="14" t="s">
        <v>546</v>
      </c>
      <c r="D115989" s="14" t="s">
        <v>14</v>
      </c>
      <c r="E115989" s="15">
        <v>45660</v>
      </c>
      <c r="F115989" s="14" t="s">
        <v>15</v>
      </c>
      <c r="G115989" s="16">
        <v>0.54973396720673928</v>
      </c>
    </row>
    <row r="115990" spans="1:7" x14ac:dyDescent="0.3">
      <c r="A115990" s="13" t="s">
        <v>551</v>
      </c>
      <c r="B115990" s="14" t="s">
        <v>1</v>
      </c>
      <c r="C115990" s="14" t="s">
        <v>546</v>
      </c>
      <c r="D115990" s="14" t="s">
        <v>14</v>
      </c>
      <c r="E115990" s="15">
        <v>45661</v>
      </c>
      <c r="F115990" s="14" t="s">
        <v>15</v>
      </c>
      <c r="G115990" s="16">
        <v>0.54973396720673928</v>
      </c>
    </row>
    <row r="115991" spans="1:7" x14ac:dyDescent="0.3">
      <c r="A115991" s="13" t="s">
        <v>551</v>
      </c>
      <c r="B115991" s="14" t="s">
        <v>1</v>
      </c>
      <c r="C115991" s="14" t="s">
        <v>546</v>
      </c>
      <c r="D115991" s="14" t="s">
        <v>14</v>
      </c>
      <c r="E115991" s="15">
        <v>45662</v>
      </c>
      <c r="F115991" s="14" t="s">
        <v>15</v>
      </c>
      <c r="G115991" s="16">
        <v>0.54973396720673928</v>
      </c>
    </row>
    <row r="115992" spans="1:7" x14ac:dyDescent="0.3">
      <c r="A115992" s="13" t="s">
        <v>551</v>
      </c>
      <c r="B115992" s="14" t="s">
        <v>1</v>
      </c>
      <c r="C115992" s="14" t="s">
        <v>546</v>
      </c>
      <c r="D115992" s="14" t="s">
        <v>14</v>
      </c>
      <c r="E115992" s="15">
        <v>45663</v>
      </c>
      <c r="F115992" s="14" t="s">
        <v>15</v>
      </c>
      <c r="G115992" s="16">
        <v>0.54673413977772789</v>
      </c>
    </row>
    <row r="115993" spans="1:7" x14ac:dyDescent="0.3">
      <c r="A115993" s="13" t="s">
        <v>551</v>
      </c>
      <c r="B115993" s="14" t="s">
        <v>1</v>
      </c>
      <c r="C115993" s="14" t="s">
        <v>546</v>
      </c>
      <c r="D115993" s="14" t="s">
        <v>14</v>
      </c>
      <c r="E115993" s="15">
        <v>45664</v>
      </c>
      <c r="F115993" s="14" t="s">
        <v>15</v>
      </c>
      <c r="G115993" s="16">
        <v>0.53961942971115562</v>
      </c>
    </row>
    <row r="115994" spans="1:7" x14ac:dyDescent="0.3">
      <c r="A115994" s="13" t="s">
        <v>551</v>
      </c>
      <c r="B115994" s="14" t="s">
        <v>1</v>
      </c>
      <c r="C115994" s="14" t="s">
        <v>546</v>
      </c>
      <c r="D115994" s="14" t="s">
        <v>14</v>
      </c>
      <c r="E115994" s="15">
        <v>45665</v>
      </c>
      <c r="F115994" s="14" t="s">
        <v>15</v>
      </c>
      <c r="G115994" s="16">
        <v>0.53800068504217902</v>
      </c>
    </row>
    <row r="115995" spans="1:7" x14ac:dyDescent="0.3">
      <c r="A115995" s="13" t="s">
        <v>551</v>
      </c>
      <c r="B115995" s="14" t="s">
        <v>1</v>
      </c>
      <c r="C115995" s="14" t="s">
        <v>546</v>
      </c>
      <c r="D115995" s="14" t="s">
        <v>14</v>
      </c>
      <c r="E115995" s="15">
        <v>45666</v>
      </c>
      <c r="F115995" s="14" t="s">
        <v>15</v>
      </c>
      <c r="G115995" s="16">
        <v>0.53503394229053114</v>
      </c>
    </row>
    <row r="115996" spans="1:7" x14ac:dyDescent="0.3">
      <c r="A115996" s="13" t="s">
        <v>551</v>
      </c>
      <c r="B115996" s="14" t="s">
        <v>1</v>
      </c>
      <c r="C115996" s="14" t="s">
        <v>546</v>
      </c>
      <c r="D115996" s="14" t="s">
        <v>14</v>
      </c>
      <c r="E115996" s="15">
        <v>45667</v>
      </c>
      <c r="F115996" s="14" t="s">
        <v>15</v>
      </c>
      <c r="G115996" s="16">
        <v>0.53208795300536771</v>
      </c>
    </row>
    <row r="115997" spans="1:7" x14ac:dyDescent="0.3">
      <c r="A115997" s="13" t="s">
        <v>551</v>
      </c>
      <c r="B115997" s="14" t="s">
        <v>1</v>
      </c>
      <c r="C115997" s="14" t="s">
        <v>546</v>
      </c>
      <c r="D115997" s="14" t="s">
        <v>14</v>
      </c>
      <c r="E115997" s="15">
        <v>45668</v>
      </c>
      <c r="F115997" s="14" t="s">
        <v>15</v>
      </c>
      <c r="G115997" s="16">
        <v>0.53208795300536771</v>
      </c>
    </row>
    <row r="115998" spans="1:7" x14ac:dyDescent="0.3">
      <c r="A115998" s="13" t="s">
        <v>551</v>
      </c>
      <c r="B115998" s="14" t="s">
        <v>1</v>
      </c>
      <c r="C115998" s="14" t="s">
        <v>546</v>
      </c>
      <c r="D115998" s="14" t="s">
        <v>14</v>
      </c>
      <c r="E115998" s="15">
        <v>45669</v>
      </c>
      <c r="F115998" s="14" t="s">
        <v>15</v>
      </c>
      <c r="G115998" s="16">
        <v>0.53208795300536771</v>
      </c>
    </row>
    <row r="115999" spans="1:7" x14ac:dyDescent="0.3">
      <c r="A115999" s="13" t="s">
        <v>551</v>
      </c>
      <c r="B115999" s="14" t="s">
        <v>1</v>
      </c>
      <c r="C115999" s="14" t="s">
        <v>546</v>
      </c>
      <c r="D115999" s="14" t="s">
        <v>14</v>
      </c>
      <c r="E115999" s="15">
        <v>45670</v>
      </c>
      <c r="F115999" s="14" t="s">
        <v>15</v>
      </c>
      <c r="G115999" s="16">
        <v>0.54724146633874748</v>
      </c>
    </row>
    <row r="116000" spans="1:7" x14ac:dyDescent="0.3">
      <c r="A116000" s="13" t="s">
        <v>551</v>
      </c>
      <c r="B116000" s="14" t="s">
        <v>1</v>
      </c>
      <c r="C116000" s="14" t="s">
        <v>546</v>
      </c>
      <c r="D116000" s="14" t="s">
        <v>14</v>
      </c>
      <c r="E116000" s="15">
        <v>45671</v>
      </c>
      <c r="F116000" s="14" t="s">
        <v>15</v>
      </c>
      <c r="G116000" s="16">
        <v>0.53846164708029998</v>
      </c>
    </row>
    <row r="116001" spans="1:7" x14ac:dyDescent="0.3">
      <c r="A116001" s="13" t="s">
        <v>551</v>
      </c>
      <c r="B116001" s="14" t="s">
        <v>1</v>
      </c>
      <c r="C116001" s="14" t="s">
        <v>546</v>
      </c>
      <c r="D116001" s="14" t="s">
        <v>14</v>
      </c>
      <c r="E116001" s="15">
        <v>45672</v>
      </c>
      <c r="F116001" s="14" t="s">
        <v>15</v>
      </c>
      <c r="G116001" s="16">
        <v>0.53539062806309556</v>
      </c>
    </row>
    <row r="116002" spans="1:7" x14ac:dyDescent="0.3">
      <c r="A116002" s="13" t="s">
        <v>551</v>
      </c>
      <c r="B116002" s="14" t="s">
        <v>1</v>
      </c>
      <c r="C116002" s="14" t="s">
        <v>546</v>
      </c>
      <c r="D116002" s="14" t="s">
        <v>14</v>
      </c>
      <c r="E116002" s="15">
        <v>45673</v>
      </c>
      <c r="F116002" s="14" t="s">
        <v>15</v>
      </c>
      <c r="G116002" s="16">
        <v>0.53242329576153014</v>
      </c>
    </row>
    <row r="116003" spans="1:7" x14ac:dyDescent="0.3">
      <c r="A116003" s="13" t="s">
        <v>551</v>
      </c>
      <c r="B116003" s="14" t="s">
        <v>1</v>
      </c>
      <c r="C116003" s="14" t="s">
        <v>546</v>
      </c>
      <c r="D116003" s="14" t="s">
        <v>14</v>
      </c>
      <c r="E116003" s="15">
        <v>45674</v>
      </c>
      <c r="F116003" s="14" t="s">
        <v>15</v>
      </c>
      <c r="G116003" s="16">
        <v>0.52946545823072411</v>
      </c>
    </row>
    <row r="116004" spans="1:7" x14ac:dyDescent="0.3">
      <c r="A116004" s="13" t="s">
        <v>551</v>
      </c>
      <c r="B116004" s="14" t="s">
        <v>1</v>
      </c>
      <c r="C116004" s="14" t="s">
        <v>546</v>
      </c>
      <c r="D116004" s="14" t="s">
        <v>14</v>
      </c>
      <c r="E116004" s="15">
        <v>45675</v>
      </c>
      <c r="F116004" s="14" t="s">
        <v>15</v>
      </c>
      <c r="G116004" s="16">
        <v>0.52946545823072411</v>
      </c>
    </row>
    <row r="116005" spans="1:7" x14ac:dyDescent="0.3">
      <c r="A116005" s="13" t="s">
        <v>551</v>
      </c>
      <c r="B116005" s="14" t="s">
        <v>1</v>
      </c>
      <c r="C116005" s="14" t="s">
        <v>546</v>
      </c>
      <c r="D116005" s="14" t="s">
        <v>14</v>
      </c>
      <c r="E116005" s="15">
        <v>45676</v>
      </c>
      <c r="F116005" s="14" t="s">
        <v>15</v>
      </c>
      <c r="G116005" s="16">
        <v>0.52946545823072411</v>
      </c>
    </row>
    <row r="116006" spans="1:7" x14ac:dyDescent="0.3">
      <c r="A116006" s="13" t="s">
        <v>551</v>
      </c>
      <c r="B116006" s="14" t="s">
        <v>1</v>
      </c>
      <c r="C116006" s="14" t="s">
        <v>546</v>
      </c>
      <c r="D116006" s="14" t="s">
        <v>14</v>
      </c>
      <c r="E116006" s="15">
        <v>45677</v>
      </c>
      <c r="F116006" s="14" t="s">
        <v>15</v>
      </c>
      <c r="G116006" s="16">
        <v>0.52648170778338854</v>
      </c>
    </row>
    <row r="116007" spans="1:7" x14ac:dyDescent="0.3">
      <c r="A116007" s="13" t="s">
        <v>551</v>
      </c>
      <c r="B116007" s="14" t="s">
        <v>1</v>
      </c>
      <c r="C116007" s="14" t="s">
        <v>546</v>
      </c>
      <c r="D116007" s="14" t="s">
        <v>14</v>
      </c>
      <c r="E116007" s="15">
        <v>45678</v>
      </c>
      <c r="F116007" s="14" t="s">
        <v>15</v>
      </c>
      <c r="G116007" s="16">
        <v>0.5174498050864883</v>
      </c>
    </row>
    <row r="116008" spans="1:7" x14ac:dyDescent="0.3">
      <c r="A116008" s="13" t="s">
        <v>551</v>
      </c>
      <c r="B116008" s="14" t="s">
        <v>1</v>
      </c>
      <c r="C116008" s="14" t="s">
        <v>546</v>
      </c>
      <c r="D116008" s="14" t="s">
        <v>14</v>
      </c>
      <c r="E116008" s="15">
        <v>45679</v>
      </c>
      <c r="F116008" s="14" t="s">
        <v>15</v>
      </c>
      <c r="G116008" s="16">
        <v>0.51440027368222552</v>
      </c>
    </row>
    <row r="116009" spans="1:7" x14ac:dyDescent="0.3">
      <c r="A116009" s="13" t="s">
        <v>551</v>
      </c>
      <c r="B116009" s="14" t="s">
        <v>1</v>
      </c>
      <c r="C116009" s="14" t="s">
        <v>546</v>
      </c>
      <c r="D116009" s="14" t="s">
        <v>14</v>
      </c>
      <c r="E116009" s="15">
        <v>45680</v>
      </c>
      <c r="F116009" s="14" t="s">
        <v>15</v>
      </c>
      <c r="G116009" s="16">
        <v>0.5113229911295275</v>
      </c>
    </row>
    <row r="116010" spans="1:7" x14ac:dyDescent="0.3">
      <c r="A116010" s="13" t="s">
        <v>551</v>
      </c>
      <c r="B116010" s="14" t="s">
        <v>1</v>
      </c>
      <c r="C116010" s="14" t="s">
        <v>546</v>
      </c>
      <c r="D116010" s="14" t="s">
        <v>14</v>
      </c>
      <c r="E116010" s="15">
        <v>45681</v>
      </c>
      <c r="F116010" s="14" t="s">
        <v>15</v>
      </c>
      <c r="G116010" s="16">
        <v>0.50827250526777545</v>
      </c>
    </row>
    <row r="116011" spans="1:7" x14ac:dyDescent="0.3">
      <c r="A116011" s="13" t="s">
        <v>551</v>
      </c>
      <c r="B116011" s="14" t="s">
        <v>1</v>
      </c>
      <c r="C116011" s="14" t="s">
        <v>546</v>
      </c>
      <c r="D116011" s="14" t="s">
        <v>14</v>
      </c>
      <c r="E116011" s="15">
        <v>45682</v>
      </c>
      <c r="F116011" s="14" t="s">
        <v>15</v>
      </c>
      <c r="G116011" s="16">
        <v>0.50827250526777545</v>
      </c>
    </row>
    <row r="116012" spans="1:7" x14ac:dyDescent="0.3">
      <c r="A116012" s="13" t="s">
        <v>551</v>
      </c>
      <c r="B116012" s="14" t="s">
        <v>1</v>
      </c>
      <c r="C116012" s="14" t="s">
        <v>546</v>
      </c>
      <c r="D116012" s="14" t="s">
        <v>14</v>
      </c>
      <c r="E116012" s="15">
        <v>45683</v>
      </c>
      <c r="F116012" s="14" t="s">
        <v>15</v>
      </c>
      <c r="G116012" s="16">
        <v>0.50827250526777545</v>
      </c>
    </row>
    <row r="116013" spans="1:7" x14ac:dyDescent="0.3">
      <c r="A116013" s="13" t="s">
        <v>551</v>
      </c>
      <c r="B116013" s="14" t="s">
        <v>1</v>
      </c>
      <c r="C116013" s="14" t="s">
        <v>546</v>
      </c>
      <c r="D116013" s="14" t="s">
        <v>14</v>
      </c>
      <c r="E116013" s="15">
        <v>45684</v>
      </c>
      <c r="F116013" s="14" t="s">
        <v>15</v>
      </c>
      <c r="G116013" s="16">
        <v>0.53078419446051528</v>
      </c>
    </row>
    <row r="116014" spans="1:7" x14ac:dyDescent="0.3">
      <c r="A116014" s="13" t="s">
        <v>551</v>
      </c>
      <c r="B116014" s="14" t="s">
        <v>1</v>
      </c>
      <c r="C116014" s="14" t="s">
        <v>546</v>
      </c>
      <c r="D116014" s="14" t="s">
        <v>14</v>
      </c>
      <c r="E116014" s="15">
        <v>45685</v>
      </c>
      <c r="F116014" s="14" t="s">
        <v>15</v>
      </c>
      <c r="G116014" s="16">
        <v>0.53078419446051528</v>
      </c>
    </row>
    <row r="116015" spans="1:7" x14ac:dyDescent="0.3">
      <c r="A116015" s="13" t="s">
        <v>551</v>
      </c>
      <c r="B116015" s="14" t="s">
        <v>1</v>
      </c>
      <c r="C116015" s="14" t="s">
        <v>546</v>
      </c>
      <c r="D116015" s="14" t="s">
        <v>14</v>
      </c>
      <c r="E116015" s="15">
        <v>45686</v>
      </c>
      <c r="F116015" s="14" t="s">
        <v>15</v>
      </c>
      <c r="G116015" s="16">
        <v>0.53078419446051528</v>
      </c>
    </row>
    <row r="116016" spans="1:7" x14ac:dyDescent="0.3">
      <c r="A116016" s="13" t="s">
        <v>551</v>
      </c>
      <c r="B116016" s="14" t="s">
        <v>1</v>
      </c>
      <c r="C116016" s="14" t="s">
        <v>546</v>
      </c>
      <c r="D116016" s="14" t="s">
        <v>14</v>
      </c>
      <c r="E116016" s="15">
        <v>45687</v>
      </c>
      <c r="F116016" s="14" t="s">
        <v>15</v>
      </c>
      <c r="G116016" s="16">
        <v>0.53078419446051528</v>
      </c>
    </row>
    <row r="116017" spans="1:7" x14ac:dyDescent="0.3">
      <c r="A116017" s="13" t="s">
        <v>551</v>
      </c>
      <c r="B116017" s="14" t="s">
        <v>1</v>
      </c>
      <c r="C116017" s="14" t="s">
        <v>546</v>
      </c>
      <c r="D116017" s="14" t="s">
        <v>14</v>
      </c>
      <c r="E116017" s="15">
        <v>45688</v>
      </c>
      <c r="F116017" s="14" t="s">
        <v>15</v>
      </c>
      <c r="G116017" s="16">
        <v>0.53078419446051528</v>
      </c>
    </row>
    <row r="116018" spans="1:7" x14ac:dyDescent="0.3">
      <c r="A116018" s="13" t="s">
        <v>551</v>
      </c>
      <c r="B116018" s="14" t="s">
        <v>1</v>
      </c>
      <c r="C116018" s="14" t="s">
        <v>546</v>
      </c>
      <c r="D116018" s="14" t="s">
        <v>14</v>
      </c>
      <c r="E116018" s="15">
        <v>45689</v>
      </c>
      <c r="F116018" s="14" t="s">
        <v>15</v>
      </c>
      <c r="G116018" s="16">
        <v>0.53078419446051528</v>
      </c>
    </row>
    <row r="116019" spans="1:7" x14ac:dyDescent="0.3">
      <c r="A116019" s="13" t="s">
        <v>551</v>
      </c>
      <c r="B116019" s="14" t="s">
        <v>1</v>
      </c>
      <c r="C116019" s="14" t="s">
        <v>546</v>
      </c>
      <c r="D116019" s="14" t="s">
        <v>14</v>
      </c>
      <c r="E116019" s="15">
        <v>45690</v>
      </c>
      <c r="F116019" s="14" t="s">
        <v>15</v>
      </c>
      <c r="G116019" s="16">
        <v>0.53078419446051528</v>
      </c>
    </row>
    <row r="116020" spans="1:7" x14ac:dyDescent="0.3">
      <c r="A116020" s="13" t="s">
        <v>551</v>
      </c>
      <c r="B116020" s="14" t="s">
        <v>1</v>
      </c>
      <c r="C116020" s="14" t="s">
        <v>546</v>
      </c>
      <c r="D116020" s="14" t="s">
        <v>14</v>
      </c>
      <c r="E116020" s="15">
        <v>45691</v>
      </c>
      <c r="F116020" s="14" t="s">
        <v>15</v>
      </c>
      <c r="G116020" s="16">
        <v>0.53078419446051528</v>
      </c>
    </row>
    <row r="116021" spans="1:7" x14ac:dyDescent="0.3">
      <c r="A116021" s="13" t="s">
        <v>551</v>
      </c>
      <c r="B116021" s="14" t="s">
        <v>1</v>
      </c>
      <c r="C116021" s="14" t="s">
        <v>546</v>
      </c>
      <c r="D116021" s="14" t="s">
        <v>14</v>
      </c>
      <c r="E116021" s="15">
        <v>45692</v>
      </c>
      <c r="F116021" s="14" t="s">
        <v>15</v>
      </c>
      <c r="G116021" s="16">
        <v>0.53078419446051528</v>
      </c>
    </row>
    <row r="116022" spans="1:7" x14ac:dyDescent="0.3">
      <c r="A116022" s="13" t="s">
        <v>551</v>
      </c>
      <c r="B116022" s="14" t="s">
        <v>1</v>
      </c>
      <c r="C116022" s="14" t="s">
        <v>546</v>
      </c>
      <c r="D116022" s="14" t="s">
        <v>14</v>
      </c>
      <c r="E116022" s="15">
        <v>45693</v>
      </c>
      <c r="F116022" s="14" t="s">
        <v>15</v>
      </c>
      <c r="G116022" s="16">
        <v>0.52149899166291569</v>
      </c>
    </row>
    <row r="116023" spans="1:7" x14ac:dyDescent="0.3">
      <c r="A116023" s="13" t="s">
        <v>551</v>
      </c>
      <c r="B116023" s="14" t="s">
        <v>1</v>
      </c>
      <c r="C116023" s="14" t="s">
        <v>546</v>
      </c>
      <c r="D116023" s="14" t="s">
        <v>14</v>
      </c>
      <c r="E116023" s="15">
        <v>45694</v>
      </c>
      <c r="F116023" s="14" t="s">
        <v>15</v>
      </c>
      <c r="G116023" s="16">
        <v>0.49547225540609552</v>
      </c>
    </row>
    <row r="116024" spans="1:7" x14ac:dyDescent="0.3">
      <c r="A116024" s="13" t="s">
        <v>551</v>
      </c>
      <c r="B116024" s="14" t="s">
        <v>1</v>
      </c>
      <c r="C116024" s="14" t="s">
        <v>546</v>
      </c>
      <c r="D116024" s="14" t="s">
        <v>14</v>
      </c>
      <c r="E116024" s="15">
        <v>45695</v>
      </c>
      <c r="F116024" s="14" t="s">
        <v>15</v>
      </c>
      <c r="G116024" s="16">
        <v>0.49235438620594318</v>
      </c>
    </row>
    <row r="116025" spans="1:7" x14ac:dyDescent="0.3">
      <c r="A116025" s="13" t="s">
        <v>551</v>
      </c>
      <c r="B116025" s="14" t="s">
        <v>1</v>
      </c>
      <c r="C116025" s="14" t="s">
        <v>546</v>
      </c>
      <c r="D116025" s="14" t="s">
        <v>14</v>
      </c>
      <c r="E116025" s="15">
        <v>45696</v>
      </c>
      <c r="F116025" s="14" t="s">
        <v>15</v>
      </c>
      <c r="G116025" s="16">
        <v>0.49235438620594318</v>
      </c>
    </row>
    <row r="116026" spans="1:7" x14ac:dyDescent="0.3">
      <c r="A116026" s="13" t="s">
        <v>551</v>
      </c>
      <c r="B116026" s="14" t="s">
        <v>1</v>
      </c>
      <c r="C116026" s="14" t="s">
        <v>546</v>
      </c>
      <c r="D116026" s="14" t="s">
        <v>14</v>
      </c>
      <c r="E116026" s="15">
        <v>45697</v>
      </c>
      <c r="F116026" s="14" t="s">
        <v>15</v>
      </c>
      <c r="G116026" s="16">
        <v>0.49235438620594318</v>
      </c>
    </row>
    <row r="116027" spans="1:7" x14ac:dyDescent="0.3">
      <c r="A116027" s="13" t="s">
        <v>551</v>
      </c>
      <c r="B116027" s="14" t="s">
        <v>1</v>
      </c>
      <c r="C116027" s="14" t="s">
        <v>546</v>
      </c>
      <c r="D116027" s="14" t="s">
        <v>14</v>
      </c>
      <c r="E116027" s="15">
        <v>45698</v>
      </c>
      <c r="F116027" s="14" t="s">
        <v>15</v>
      </c>
      <c r="G116027" s="16">
        <v>0.48919697009083379</v>
      </c>
    </row>
    <row r="116028" spans="1:7" x14ac:dyDescent="0.3">
      <c r="A116028" s="13" t="s">
        <v>551</v>
      </c>
      <c r="B116028" s="14" t="s">
        <v>1</v>
      </c>
      <c r="C116028" s="14" t="s">
        <v>546</v>
      </c>
      <c r="D116028" s="14" t="s">
        <v>14</v>
      </c>
      <c r="E116028" s="15">
        <v>45699</v>
      </c>
      <c r="F116028" s="14" t="s">
        <v>15</v>
      </c>
      <c r="G116028" s="16">
        <v>0.47960002417533443</v>
      </c>
    </row>
    <row r="116029" spans="1:7" x14ac:dyDescent="0.3">
      <c r="A116029" s="13" t="s">
        <v>551</v>
      </c>
      <c r="B116029" s="14" t="s">
        <v>1</v>
      </c>
      <c r="C116029" s="14" t="s">
        <v>546</v>
      </c>
      <c r="D116029" s="14" t="s">
        <v>14</v>
      </c>
      <c r="E116029" s="15">
        <v>45700</v>
      </c>
      <c r="F116029" s="14" t="s">
        <v>15</v>
      </c>
      <c r="G116029" s="16">
        <v>0.47637129999946942</v>
      </c>
    </row>
    <row r="116030" spans="1:7" x14ac:dyDescent="0.3">
      <c r="A116030" s="13" t="s">
        <v>551</v>
      </c>
      <c r="B116030" s="14" t="s">
        <v>1</v>
      </c>
      <c r="C116030" s="14" t="s">
        <v>546</v>
      </c>
      <c r="D116030" s="14" t="s">
        <v>14</v>
      </c>
      <c r="E116030" s="15">
        <v>45701</v>
      </c>
      <c r="F116030" s="14" t="s">
        <v>15</v>
      </c>
      <c r="G116030" s="16">
        <v>0.47316663901529316</v>
      </c>
    </row>
    <row r="116031" spans="1:7" x14ac:dyDescent="0.3">
      <c r="A116031" s="13" t="s">
        <v>551</v>
      </c>
      <c r="B116031" s="14" t="s">
        <v>1</v>
      </c>
      <c r="C116031" s="14" t="s">
        <v>546</v>
      </c>
      <c r="D116031" s="14" t="s">
        <v>14</v>
      </c>
      <c r="E116031" s="15">
        <v>45702</v>
      </c>
      <c r="F116031" s="14" t="s">
        <v>15</v>
      </c>
      <c r="G116031" s="16">
        <v>0.4699008540327923</v>
      </c>
    </row>
    <row r="116032" spans="1:7" x14ac:dyDescent="0.3">
      <c r="A116032" s="13" t="s">
        <v>551</v>
      </c>
      <c r="B116032" s="14" t="s">
        <v>1</v>
      </c>
      <c r="C116032" s="14" t="s">
        <v>546</v>
      </c>
      <c r="D116032" s="14" t="s">
        <v>14</v>
      </c>
      <c r="E116032" s="15">
        <v>45703</v>
      </c>
      <c r="F116032" s="14" t="s">
        <v>15</v>
      </c>
      <c r="G116032" s="16">
        <v>0.4699008540327923</v>
      </c>
    </row>
    <row r="116033" spans="1:7" x14ac:dyDescent="0.3">
      <c r="A116033" s="13" t="s">
        <v>551</v>
      </c>
      <c r="B116033" s="14" t="s">
        <v>1</v>
      </c>
      <c r="C116033" s="14" t="s">
        <v>546</v>
      </c>
      <c r="D116033" s="14" t="s">
        <v>14</v>
      </c>
      <c r="E116033" s="15">
        <v>45704</v>
      </c>
      <c r="F116033" s="14" t="s">
        <v>15</v>
      </c>
      <c r="G116033" s="16">
        <v>0.4699008540327923</v>
      </c>
    </row>
    <row r="116034" spans="1:7" x14ac:dyDescent="0.3">
      <c r="A116034" s="13" t="s">
        <v>551</v>
      </c>
      <c r="B116034" s="14" t="s">
        <v>1</v>
      </c>
      <c r="C116034" s="14" t="s">
        <v>546</v>
      </c>
      <c r="D116034" s="14" t="s">
        <v>14</v>
      </c>
      <c r="E116034" s="15">
        <v>45705</v>
      </c>
      <c r="F116034" s="14" t="s">
        <v>15</v>
      </c>
      <c r="G116034" s="16">
        <v>0.46664474875954187</v>
      </c>
    </row>
    <row r="116035" spans="1:7" x14ac:dyDescent="0.3">
      <c r="A116035" s="13" t="s">
        <v>551</v>
      </c>
      <c r="B116035" s="14" t="s">
        <v>1</v>
      </c>
      <c r="C116035" s="14" t="s">
        <v>546</v>
      </c>
      <c r="D116035" s="14" t="s">
        <v>14</v>
      </c>
      <c r="E116035" s="15">
        <v>45706</v>
      </c>
      <c r="F116035" s="14" t="s">
        <v>15</v>
      </c>
      <c r="G116035" s="16">
        <v>0.45655381665291855</v>
      </c>
    </row>
    <row r="116036" spans="1:7" x14ac:dyDescent="0.3">
      <c r="A116036" s="13" t="s">
        <v>551</v>
      </c>
      <c r="B116036" s="14" t="s">
        <v>1</v>
      </c>
      <c r="C116036" s="14" t="s">
        <v>546</v>
      </c>
      <c r="D116036" s="14" t="s">
        <v>14</v>
      </c>
      <c r="E116036" s="15">
        <v>45707</v>
      </c>
      <c r="F116036" s="14" t="s">
        <v>15</v>
      </c>
      <c r="G116036" s="16">
        <v>0.45311302139925208</v>
      </c>
    </row>
    <row r="116037" spans="1:7" x14ac:dyDescent="0.3">
      <c r="A116037" s="13" t="s">
        <v>551</v>
      </c>
      <c r="B116037" s="14" t="s">
        <v>1</v>
      </c>
      <c r="C116037" s="14" t="s">
        <v>546</v>
      </c>
      <c r="D116037" s="14" t="s">
        <v>14</v>
      </c>
      <c r="E116037" s="15">
        <v>45708</v>
      </c>
      <c r="F116037" s="14" t="s">
        <v>15</v>
      </c>
      <c r="G116037" s="16">
        <v>0.44970491781569433</v>
      </c>
    </row>
    <row r="116038" spans="1:7" x14ac:dyDescent="0.3">
      <c r="A116038" s="13" t="s">
        <v>551</v>
      </c>
      <c r="B116038" s="14" t="s">
        <v>1</v>
      </c>
      <c r="C116038" s="14" t="s">
        <v>546</v>
      </c>
      <c r="D116038" s="14" t="s">
        <v>14</v>
      </c>
      <c r="E116038" s="15">
        <v>45709</v>
      </c>
      <c r="F116038" s="14" t="s">
        <v>15</v>
      </c>
      <c r="G116038" s="16">
        <v>0.44629396875202415</v>
      </c>
    </row>
    <row r="116039" spans="1:7" x14ac:dyDescent="0.3">
      <c r="A116039" s="13" t="s">
        <v>551</v>
      </c>
      <c r="B116039" s="14" t="s">
        <v>1</v>
      </c>
      <c r="C116039" s="14" t="s">
        <v>546</v>
      </c>
      <c r="D116039" s="14" t="s">
        <v>14</v>
      </c>
      <c r="E116039" s="15">
        <v>45710</v>
      </c>
      <c r="F116039" s="14" t="s">
        <v>15</v>
      </c>
      <c r="G116039" s="16">
        <v>0.44629396875202415</v>
      </c>
    </row>
    <row r="116040" spans="1:7" x14ac:dyDescent="0.3">
      <c r="A116040" s="13" t="s">
        <v>551</v>
      </c>
      <c r="B116040" s="14" t="s">
        <v>1</v>
      </c>
      <c r="C116040" s="14" t="s">
        <v>546</v>
      </c>
      <c r="D116040" s="14" t="s">
        <v>14</v>
      </c>
      <c r="E116040" s="15">
        <v>45711</v>
      </c>
      <c r="F116040" s="14" t="s">
        <v>15</v>
      </c>
      <c r="G116040" s="16">
        <v>0.44629396875202415</v>
      </c>
    </row>
    <row r="116041" spans="1:7" x14ac:dyDescent="0.3">
      <c r="A116041" s="13" t="s">
        <v>551</v>
      </c>
      <c r="B116041" s="14" t="s">
        <v>1</v>
      </c>
      <c r="C116041" s="14" t="s">
        <v>546</v>
      </c>
      <c r="D116041" s="14" t="s">
        <v>14</v>
      </c>
      <c r="E116041" s="15">
        <v>45712</v>
      </c>
      <c r="F116041" s="14" t="s">
        <v>15</v>
      </c>
      <c r="G116041" s="16">
        <v>0.44290583277212309</v>
      </c>
    </row>
    <row r="116042" spans="1:7" x14ac:dyDescent="0.3">
      <c r="A116042" s="13" t="s">
        <v>551</v>
      </c>
      <c r="B116042" s="14" t="s">
        <v>1</v>
      </c>
      <c r="C116042" s="14" t="s">
        <v>546</v>
      </c>
      <c r="D116042" s="14" t="s">
        <v>14</v>
      </c>
      <c r="E116042" s="15">
        <v>45713</v>
      </c>
      <c r="F116042" s="14" t="s">
        <v>15</v>
      </c>
      <c r="G116042" s="16">
        <v>0.43240679848902752</v>
      </c>
    </row>
    <row r="116043" spans="1:7" x14ac:dyDescent="0.3">
      <c r="A116043" s="13" t="s">
        <v>551</v>
      </c>
      <c r="B116043" s="14" t="s">
        <v>1</v>
      </c>
      <c r="C116043" s="14" t="s">
        <v>546</v>
      </c>
      <c r="D116043" s="14" t="s">
        <v>14</v>
      </c>
      <c r="E116043" s="15">
        <v>45714</v>
      </c>
      <c r="F116043" s="14" t="s">
        <v>15</v>
      </c>
      <c r="G116043" s="16">
        <v>0.4289324770944129</v>
      </c>
    </row>
    <row r="116044" spans="1:7" x14ac:dyDescent="0.3">
      <c r="A116044" s="13" t="s">
        <v>551</v>
      </c>
      <c r="B116044" s="14" t="s">
        <v>1</v>
      </c>
      <c r="C116044" s="14" t="s">
        <v>546</v>
      </c>
      <c r="D116044" s="14" t="s">
        <v>14</v>
      </c>
      <c r="E116044" s="15">
        <v>45715</v>
      </c>
      <c r="F116044" s="14" t="s">
        <v>15</v>
      </c>
      <c r="G116044" s="16">
        <v>0.42808771816605889</v>
      </c>
    </row>
    <row r="116045" spans="1:7" x14ac:dyDescent="0.3">
      <c r="A116045" s="13" t="s">
        <v>551</v>
      </c>
      <c r="B116045" s="14" t="s">
        <v>1</v>
      </c>
      <c r="C116045" s="14" t="s">
        <v>546</v>
      </c>
      <c r="D116045" s="14" t="s">
        <v>14</v>
      </c>
      <c r="E116045" s="15">
        <v>45716</v>
      </c>
      <c r="F116045" s="14" t="s">
        <v>15</v>
      </c>
      <c r="G116045" s="16">
        <v>0.42460868338145724</v>
      </c>
    </row>
    <row r="116046" spans="1:7" x14ac:dyDescent="0.3">
      <c r="A116046" s="13" t="s">
        <v>551</v>
      </c>
      <c r="B116046" s="14" t="s">
        <v>1</v>
      </c>
      <c r="C116046" s="14" t="s">
        <v>546</v>
      </c>
      <c r="D116046" s="14" t="s">
        <v>14</v>
      </c>
      <c r="E116046" s="15">
        <v>45717</v>
      </c>
      <c r="F116046" s="14" t="s">
        <v>15</v>
      </c>
      <c r="G116046" s="16">
        <v>0.42460868338145724</v>
      </c>
    </row>
    <row r="116047" spans="1:7" x14ac:dyDescent="0.3">
      <c r="A116047" s="13" t="s">
        <v>551</v>
      </c>
      <c r="B116047" s="14" t="s">
        <v>1</v>
      </c>
      <c r="C116047" s="14" t="s">
        <v>546</v>
      </c>
      <c r="D116047" s="14" t="s">
        <v>14</v>
      </c>
      <c r="E116047" s="15">
        <v>45718</v>
      </c>
      <c r="F116047" s="14" t="s">
        <v>15</v>
      </c>
      <c r="G116047" s="16">
        <v>0.42460868338145724</v>
      </c>
    </row>
    <row r="116048" spans="1:7" x14ac:dyDescent="0.3">
      <c r="A116048" s="13" t="s">
        <v>551</v>
      </c>
      <c r="B116048" s="14" t="s">
        <v>1</v>
      </c>
      <c r="C116048" s="14" t="s">
        <v>546</v>
      </c>
      <c r="D116048" s="14" t="s">
        <v>14</v>
      </c>
      <c r="E116048" s="15">
        <v>45719</v>
      </c>
      <c r="F116048" s="14" t="s">
        <v>15</v>
      </c>
      <c r="G116048" s="16">
        <v>0.42114968658435437</v>
      </c>
    </row>
    <row r="116049" spans="1:7" x14ac:dyDescent="0.3">
      <c r="A116049" s="13" t="s">
        <v>551</v>
      </c>
      <c r="B116049" s="14" t="s">
        <v>1</v>
      </c>
      <c r="C116049" s="14" t="s">
        <v>546</v>
      </c>
      <c r="D116049" s="14" t="s">
        <v>14</v>
      </c>
      <c r="E116049" s="15">
        <v>45720</v>
      </c>
      <c r="F116049" s="14" t="s">
        <v>15</v>
      </c>
      <c r="G116049" s="16">
        <v>0.41276562919072979</v>
      </c>
    </row>
    <row r="116050" spans="1:7" x14ac:dyDescent="0.3">
      <c r="A116050" s="13" t="s">
        <v>551</v>
      </c>
      <c r="B116050" s="14" t="s">
        <v>1</v>
      </c>
      <c r="C116050" s="14" t="s">
        <v>546</v>
      </c>
      <c r="D116050" s="14" t="s">
        <v>14</v>
      </c>
      <c r="E116050" s="15">
        <v>45721</v>
      </c>
      <c r="F116050" s="14" t="s">
        <v>15</v>
      </c>
      <c r="G116050" s="16">
        <v>0.40942436685753347</v>
      </c>
    </row>
    <row r="116051" spans="1:7" x14ac:dyDescent="0.3">
      <c r="A116051" s="13" t="s">
        <v>551</v>
      </c>
      <c r="B116051" s="14" t="s">
        <v>1</v>
      </c>
      <c r="C116051" s="14" t="s">
        <v>546</v>
      </c>
      <c r="D116051" s="14" t="s">
        <v>14</v>
      </c>
      <c r="E116051" s="15">
        <v>45722</v>
      </c>
      <c r="F116051" s="14" t="s">
        <v>15</v>
      </c>
      <c r="G116051" s="16">
        <v>0.41576975149027234</v>
      </c>
    </row>
    <row r="116052" spans="1:7" x14ac:dyDescent="0.3">
      <c r="A116052" s="13" t="s">
        <v>551</v>
      </c>
      <c r="B116052" s="14" t="s">
        <v>1</v>
      </c>
      <c r="C116052" s="14" t="s">
        <v>546</v>
      </c>
      <c r="D116052" s="14" t="s">
        <v>14</v>
      </c>
      <c r="E116052" s="15">
        <v>45723</v>
      </c>
      <c r="F116052" s="14" t="s">
        <v>15</v>
      </c>
      <c r="G116052" s="16">
        <v>0.4123685035197226</v>
      </c>
    </row>
    <row r="116053" spans="1:7" x14ac:dyDescent="0.3">
      <c r="A116053" s="13" t="s">
        <v>551</v>
      </c>
      <c r="B116053" s="14" t="s">
        <v>1</v>
      </c>
      <c r="C116053" s="14" t="s">
        <v>546</v>
      </c>
      <c r="D116053" s="14" t="s">
        <v>14</v>
      </c>
      <c r="E116053" s="15">
        <v>45724</v>
      </c>
      <c r="F116053" s="14" t="s">
        <v>15</v>
      </c>
      <c r="G116053" s="16">
        <v>0.4123685035197226</v>
      </c>
    </row>
    <row r="116054" spans="1:7" x14ac:dyDescent="0.3">
      <c r="A116054" s="13" t="s">
        <v>551</v>
      </c>
      <c r="B116054" s="14" t="s">
        <v>1</v>
      </c>
      <c r="C116054" s="14" t="s">
        <v>546</v>
      </c>
      <c r="D116054" s="14" t="s">
        <v>14</v>
      </c>
      <c r="E116054" s="15">
        <v>45725</v>
      </c>
      <c r="F116054" s="14" t="s">
        <v>15</v>
      </c>
      <c r="G116054" s="16">
        <v>0.4123685035197226</v>
      </c>
    </row>
    <row r="116055" spans="1:7" x14ac:dyDescent="0.3">
      <c r="A116055" s="13" t="s">
        <v>551</v>
      </c>
      <c r="B116055" s="14" t="s">
        <v>1</v>
      </c>
      <c r="C116055" s="14" t="s">
        <v>546</v>
      </c>
      <c r="D116055" s="14" t="s">
        <v>14</v>
      </c>
      <c r="E116055" s="15">
        <v>45726</v>
      </c>
      <c r="F116055" s="14" t="s">
        <v>15</v>
      </c>
      <c r="G116055" s="16">
        <v>0.40884763059586826</v>
      </c>
    </row>
    <row r="116056" spans="1:7" x14ac:dyDescent="0.3">
      <c r="A116056" s="13" t="s">
        <v>551</v>
      </c>
      <c r="B116056" s="14" t="s">
        <v>1</v>
      </c>
      <c r="C116056" s="14" t="s">
        <v>546</v>
      </c>
      <c r="D116056" s="14" t="s">
        <v>14</v>
      </c>
      <c r="E116056" s="15">
        <v>45727</v>
      </c>
      <c r="F116056" s="14" t="s">
        <v>15</v>
      </c>
      <c r="G116056" s="16">
        <v>0.39832077746185685</v>
      </c>
    </row>
    <row r="116057" spans="1:7" x14ac:dyDescent="0.3">
      <c r="A116057" s="13" t="s">
        <v>551</v>
      </c>
      <c r="B116057" s="14" t="s">
        <v>1</v>
      </c>
      <c r="C116057" s="14" t="s">
        <v>546</v>
      </c>
      <c r="D116057" s="14" t="s">
        <v>14</v>
      </c>
      <c r="E116057" s="15">
        <v>45728</v>
      </c>
      <c r="F116057" s="14" t="s">
        <v>15</v>
      </c>
      <c r="G116057" s="16">
        <v>0.39486200476067729</v>
      </c>
    </row>
    <row r="116058" spans="1:7" x14ac:dyDescent="0.3">
      <c r="A116058" s="13" t="s">
        <v>551</v>
      </c>
      <c r="B116058" s="14" t="s">
        <v>1</v>
      </c>
      <c r="C116058" s="14" t="s">
        <v>546</v>
      </c>
      <c r="D116058" s="14" t="s">
        <v>14</v>
      </c>
      <c r="E116058" s="15">
        <v>45729</v>
      </c>
      <c r="F116058" s="14" t="s">
        <v>15</v>
      </c>
      <c r="G116058" s="16">
        <v>0.41011078798835837</v>
      </c>
    </row>
    <row r="116059" spans="1:7" x14ac:dyDescent="0.3">
      <c r="A116059" s="13" t="s">
        <v>551</v>
      </c>
      <c r="B116059" s="14" t="s">
        <v>1</v>
      </c>
      <c r="C116059" s="14" t="s">
        <v>546</v>
      </c>
      <c r="D116059" s="14" t="s">
        <v>14</v>
      </c>
      <c r="E116059" s="15">
        <v>45730</v>
      </c>
      <c r="F116059" s="14" t="s">
        <v>15</v>
      </c>
      <c r="G116059" s="16">
        <v>0.40666310135809913</v>
      </c>
    </row>
    <row r="116060" spans="1:7" x14ac:dyDescent="0.3">
      <c r="A116060" s="13" t="s">
        <v>551</v>
      </c>
      <c r="B116060" s="14" t="s">
        <v>1</v>
      </c>
      <c r="C116060" s="14" t="s">
        <v>546</v>
      </c>
      <c r="D116060" s="14" t="s">
        <v>14</v>
      </c>
      <c r="E116060" s="15">
        <v>45731</v>
      </c>
      <c r="F116060" s="14" t="s">
        <v>15</v>
      </c>
      <c r="G116060" s="16">
        <v>0.40666310135809913</v>
      </c>
    </row>
    <row r="116061" spans="1:7" x14ac:dyDescent="0.3">
      <c r="A116061" s="13" t="s">
        <v>551</v>
      </c>
      <c r="B116061" s="14" t="s">
        <v>1</v>
      </c>
      <c r="C116061" s="14" t="s">
        <v>546</v>
      </c>
      <c r="D116061" s="14" t="s">
        <v>14</v>
      </c>
      <c r="E116061" s="15">
        <v>45732</v>
      </c>
      <c r="F116061" s="14" t="s">
        <v>15</v>
      </c>
      <c r="G116061" s="16">
        <v>0.40666310135809913</v>
      </c>
    </row>
    <row r="116062" spans="1:7" x14ac:dyDescent="0.3">
      <c r="A116062" s="13" t="s">
        <v>551</v>
      </c>
      <c r="B116062" s="14" t="s">
        <v>1</v>
      </c>
      <c r="C116062" s="14" t="s">
        <v>546</v>
      </c>
      <c r="D116062" s="14" t="s">
        <v>14</v>
      </c>
      <c r="E116062" s="15">
        <v>45733</v>
      </c>
      <c r="F116062" s="14" t="s">
        <v>15</v>
      </c>
      <c r="G116062" s="16">
        <v>0.40666310135809913</v>
      </c>
    </row>
    <row r="116063" spans="1:7" x14ac:dyDescent="0.3">
      <c r="A116063" s="13" t="s">
        <v>551</v>
      </c>
      <c r="B116063" s="14" t="s">
        <v>1</v>
      </c>
      <c r="C116063" s="14" t="s">
        <v>546</v>
      </c>
      <c r="D116063" s="14" t="s">
        <v>14</v>
      </c>
      <c r="E116063" s="15">
        <v>45734</v>
      </c>
      <c r="F116063" s="14" t="s">
        <v>15</v>
      </c>
      <c r="G116063" s="16">
        <v>0.40323770779795282</v>
      </c>
    </row>
    <row r="116064" spans="1:7" x14ac:dyDescent="0.3">
      <c r="A116064" s="13" t="s">
        <v>551</v>
      </c>
      <c r="B116064" s="14" t="s">
        <v>1</v>
      </c>
      <c r="C116064" s="14" t="s">
        <v>546</v>
      </c>
      <c r="D116064" s="14" t="s">
        <v>14</v>
      </c>
      <c r="E116064" s="15">
        <v>45735</v>
      </c>
      <c r="F116064" s="14" t="s">
        <v>15</v>
      </c>
      <c r="G116064" s="16">
        <v>0.39670974750448001</v>
      </c>
    </row>
    <row r="116065" spans="1:7" x14ac:dyDescent="0.3">
      <c r="A116065" s="13" t="s">
        <v>551</v>
      </c>
      <c r="B116065" s="14" t="s">
        <v>1</v>
      </c>
      <c r="C116065" s="14" t="s">
        <v>546</v>
      </c>
      <c r="D116065" s="14" t="s">
        <v>14</v>
      </c>
      <c r="E116065" s="15">
        <v>45736</v>
      </c>
      <c r="F116065" s="14" t="s">
        <v>15</v>
      </c>
      <c r="G116065" s="16">
        <v>0.39308724017556174</v>
      </c>
    </row>
    <row r="116066" spans="1:7" x14ac:dyDescent="0.3">
      <c r="A116066" s="13" t="s">
        <v>551</v>
      </c>
      <c r="B116066" s="14" t="s">
        <v>1</v>
      </c>
      <c r="C116066" s="14" t="s">
        <v>546</v>
      </c>
      <c r="D116066" s="14" t="s">
        <v>14</v>
      </c>
      <c r="E116066" s="15">
        <v>45737</v>
      </c>
      <c r="F116066" s="14" t="s">
        <v>15</v>
      </c>
      <c r="G116066" s="16">
        <v>0.38947975387313116</v>
      </c>
    </row>
    <row r="116067" spans="1:7" x14ac:dyDescent="0.3">
      <c r="A116067" s="13" t="s">
        <v>551</v>
      </c>
      <c r="B116067" s="14" t="s">
        <v>1</v>
      </c>
      <c r="C116067" s="14" t="s">
        <v>546</v>
      </c>
      <c r="D116067" s="14" t="s">
        <v>14</v>
      </c>
      <c r="E116067" s="15">
        <v>45738</v>
      </c>
      <c r="F116067" s="14" t="s">
        <v>15</v>
      </c>
      <c r="G116067" s="16">
        <v>0.38947975387313116</v>
      </c>
    </row>
    <row r="116068" spans="1:7" x14ac:dyDescent="0.3">
      <c r="A116068" s="13" t="s">
        <v>551</v>
      </c>
      <c r="B116068" s="14" t="s">
        <v>1</v>
      </c>
      <c r="C116068" s="14" t="s">
        <v>546</v>
      </c>
      <c r="D116068" s="14" t="s">
        <v>14</v>
      </c>
      <c r="E116068" s="15">
        <v>45739</v>
      </c>
      <c r="F116068" s="14" t="s">
        <v>15</v>
      </c>
      <c r="G116068" s="16">
        <v>0.38947975387313116</v>
      </c>
    </row>
    <row r="116069" spans="1:7" x14ac:dyDescent="0.3">
      <c r="A116069" s="13" t="s">
        <v>551</v>
      </c>
      <c r="B116069" s="14" t="s">
        <v>1</v>
      </c>
      <c r="C116069" s="14" t="s">
        <v>546</v>
      </c>
      <c r="D116069" s="14" t="s">
        <v>14</v>
      </c>
      <c r="E116069" s="15">
        <v>45740</v>
      </c>
      <c r="F116069" s="14" t="s">
        <v>15</v>
      </c>
      <c r="G116069" s="16">
        <v>0.38593512146483522</v>
      </c>
    </row>
    <row r="116070" spans="1:7" x14ac:dyDescent="0.3">
      <c r="A116070" s="13" t="s">
        <v>551</v>
      </c>
      <c r="B116070" s="14" t="s">
        <v>1</v>
      </c>
      <c r="C116070" s="14" t="s">
        <v>546</v>
      </c>
      <c r="D116070" s="14" t="s">
        <v>14</v>
      </c>
      <c r="E116070" s="15">
        <v>45741</v>
      </c>
      <c r="F116070" s="14" t="s">
        <v>15</v>
      </c>
      <c r="G116070" s="16">
        <v>0.3755303008047744</v>
      </c>
    </row>
    <row r="116071" spans="1:7" x14ac:dyDescent="0.3">
      <c r="A116071" s="13" t="s">
        <v>551</v>
      </c>
      <c r="B116071" s="14" t="s">
        <v>1</v>
      </c>
      <c r="C116071" s="14" t="s">
        <v>546</v>
      </c>
      <c r="D116071" s="14" t="s">
        <v>14</v>
      </c>
      <c r="E116071" s="15">
        <v>45742</v>
      </c>
      <c r="F116071" s="14" t="s">
        <v>15</v>
      </c>
      <c r="G116071" s="16">
        <v>0.37203723215153672</v>
      </c>
    </row>
    <row r="116072" spans="1:7" x14ac:dyDescent="0.3">
      <c r="A116072" s="13" t="s">
        <v>551</v>
      </c>
      <c r="B116072" s="14" t="s">
        <v>1</v>
      </c>
      <c r="C116072" s="14" t="s">
        <v>546</v>
      </c>
      <c r="D116072" s="14" t="s">
        <v>14</v>
      </c>
      <c r="E116072" s="15">
        <v>45743</v>
      </c>
      <c r="F116072" s="14" t="s">
        <v>15</v>
      </c>
      <c r="G116072" s="16">
        <v>0.36967754712932105</v>
      </c>
    </row>
    <row r="116073" spans="1:7" x14ac:dyDescent="0.3">
      <c r="A116073" s="13" t="s">
        <v>551</v>
      </c>
      <c r="B116073" s="14" t="s">
        <v>1</v>
      </c>
      <c r="C116073" s="14" t="s">
        <v>546</v>
      </c>
      <c r="D116073" s="14" t="s">
        <v>14</v>
      </c>
      <c r="E116073" s="15">
        <v>45744</v>
      </c>
      <c r="F116073" s="14" t="s">
        <v>15</v>
      </c>
      <c r="G116073" s="16">
        <v>0.36624740777443682</v>
      </c>
    </row>
    <row r="116074" spans="1:7" x14ac:dyDescent="0.3">
      <c r="A116074" s="13" t="s">
        <v>551</v>
      </c>
      <c r="B116074" s="14" t="s">
        <v>1</v>
      </c>
      <c r="C116074" s="14" t="s">
        <v>546</v>
      </c>
      <c r="D116074" s="14" t="s">
        <v>14</v>
      </c>
      <c r="E116074" s="15">
        <v>45745</v>
      </c>
      <c r="F116074" s="14" t="s">
        <v>15</v>
      </c>
      <c r="G116074" s="16">
        <v>0.36624740777443682</v>
      </c>
    </row>
    <row r="116075" spans="1:7" x14ac:dyDescent="0.3">
      <c r="A116075" s="13" t="s">
        <v>551</v>
      </c>
      <c r="B116075" s="14" t="s">
        <v>1</v>
      </c>
      <c r="C116075" s="14" t="s">
        <v>546</v>
      </c>
      <c r="D116075" s="14" t="s">
        <v>14</v>
      </c>
      <c r="E116075" s="15">
        <v>45746</v>
      </c>
      <c r="F116075" s="14" t="s">
        <v>15</v>
      </c>
      <c r="G116075" s="16">
        <v>0.36624740777443682</v>
      </c>
    </row>
    <row r="116076" spans="1:7" x14ac:dyDescent="0.3">
      <c r="A116076" s="13" t="s">
        <v>551</v>
      </c>
      <c r="B116076" s="14" t="s">
        <v>1</v>
      </c>
      <c r="C116076" s="14" t="s">
        <v>546</v>
      </c>
      <c r="D116076" s="14" t="s">
        <v>14</v>
      </c>
      <c r="E116076" s="15">
        <v>45747</v>
      </c>
      <c r="F116076" s="14" t="s">
        <v>15</v>
      </c>
      <c r="G116076" s="16">
        <v>0.36624740777443682</v>
      </c>
    </row>
    <row r="116077" spans="1:7" x14ac:dyDescent="0.3">
      <c r="A116077" s="13" t="s">
        <v>552</v>
      </c>
      <c r="B116077" s="14" t="s">
        <v>1</v>
      </c>
      <c r="C116077" s="14" t="s">
        <v>546</v>
      </c>
      <c r="D116077" s="14" t="s">
        <v>122</v>
      </c>
      <c r="E116077" s="15">
        <v>45383</v>
      </c>
      <c r="F116077" s="14" t="s">
        <v>15</v>
      </c>
      <c r="G116077" s="16">
        <v>0</v>
      </c>
    </row>
    <row r="116078" spans="1:7" x14ac:dyDescent="0.3">
      <c r="A116078" s="13" t="s">
        <v>552</v>
      </c>
      <c r="B116078" s="14" t="s">
        <v>1</v>
      </c>
      <c r="C116078" s="14" t="s">
        <v>546</v>
      </c>
      <c r="D116078" s="14" t="s">
        <v>122</v>
      </c>
      <c r="E116078" s="15">
        <v>45384</v>
      </c>
      <c r="F116078" s="14" t="s">
        <v>15</v>
      </c>
      <c r="G116078" s="16">
        <v>0</v>
      </c>
    </row>
    <row r="116079" spans="1:7" x14ac:dyDescent="0.3">
      <c r="A116079" s="13" t="s">
        <v>552</v>
      </c>
      <c r="B116079" s="14" t="s">
        <v>1</v>
      </c>
      <c r="C116079" s="14" t="s">
        <v>546</v>
      </c>
      <c r="D116079" s="14" t="s">
        <v>122</v>
      </c>
      <c r="E116079" s="15">
        <v>45385</v>
      </c>
      <c r="F116079" s="14" t="s">
        <v>15</v>
      </c>
      <c r="G116079" s="16">
        <v>0</v>
      </c>
    </row>
    <row r="116080" spans="1:7" x14ac:dyDescent="0.3">
      <c r="A116080" s="13" t="s">
        <v>552</v>
      </c>
      <c r="B116080" s="14" t="s">
        <v>1</v>
      </c>
      <c r="C116080" s="14" t="s">
        <v>546</v>
      </c>
      <c r="D116080" s="14" t="s">
        <v>122</v>
      </c>
      <c r="E116080" s="15">
        <v>45386</v>
      </c>
      <c r="F116080" s="14" t="s">
        <v>15</v>
      </c>
      <c r="G116080" s="16">
        <v>0</v>
      </c>
    </row>
    <row r="116081" spans="1:7" x14ac:dyDescent="0.3">
      <c r="A116081" s="13" t="s">
        <v>552</v>
      </c>
      <c r="B116081" s="14" t="s">
        <v>1</v>
      </c>
      <c r="C116081" s="14" t="s">
        <v>546</v>
      </c>
      <c r="D116081" s="14" t="s">
        <v>122</v>
      </c>
      <c r="E116081" s="15">
        <v>45387</v>
      </c>
      <c r="F116081" s="14" t="s">
        <v>15</v>
      </c>
      <c r="G116081" s="16">
        <v>0</v>
      </c>
    </row>
    <row r="116082" spans="1:7" x14ac:dyDescent="0.3">
      <c r="A116082" s="13" t="s">
        <v>552</v>
      </c>
      <c r="B116082" s="14" t="s">
        <v>1</v>
      </c>
      <c r="C116082" s="14" t="s">
        <v>546</v>
      </c>
      <c r="D116082" s="14" t="s">
        <v>122</v>
      </c>
      <c r="E116082" s="15">
        <v>45388</v>
      </c>
      <c r="F116082" s="14" t="s">
        <v>15</v>
      </c>
      <c r="G116082" s="16">
        <v>0</v>
      </c>
    </row>
    <row r="116083" spans="1:7" x14ac:dyDescent="0.3">
      <c r="A116083" s="13" t="s">
        <v>552</v>
      </c>
      <c r="B116083" s="14" t="s">
        <v>1</v>
      </c>
      <c r="C116083" s="14" t="s">
        <v>546</v>
      </c>
      <c r="D116083" s="14" t="s">
        <v>122</v>
      </c>
      <c r="E116083" s="15">
        <v>45389</v>
      </c>
      <c r="F116083" s="14" t="s">
        <v>15</v>
      </c>
      <c r="G116083" s="16">
        <v>0</v>
      </c>
    </row>
    <row r="116084" spans="1:7" x14ac:dyDescent="0.3">
      <c r="A116084" s="13" t="s">
        <v>552</v>
      </c>
      <c r="B116084" s="14" t="s">
        <v>1</v>
      </c>
      <c r="C116084" s="14" t="s">
        <v>546</v>
      </c>
      <c r="D116084" s="14" t="s">
        <v>122</v>
      </c>
      <c r="E116084" s="15">
        <v>45390</v>
      </c>
      <c r="F116084" s="14" t="s">
        <v>15</v>
      </c>
      <c r="G116084" s="16">
        <v>0</v>
      </c>
    </row>
    <row r="116085" spans="1:7" x14ac:dyDescent="0.3">
      <c r="A116085" s="13" t="s">
        <v>552</v>
      </c>
      <c r="B116085" s="14" t="s">
        <v>1</v>
      </c>
      <c r="C116085" s="14" t="s">
        <v>546</v>
      </c>
      <c r="D116085" s="14" t="s">
        <v>122</v>
      </c>
      <c r="E116085" s="15">
        <v>45391</v>
      </c>
      <c r="F116085" s="14" t="s">
        <v>15</v>
      </c>
      <c r="G116085" s="16">
        <v>0</v>
      </c>
    </row>
    <row r="116086" spans="1:7" x14ac:dyDescent="0.3">
      <c r="A116086" s="13" t="s">
        <v>552</v>
      </c>
      <c r="B116086" s="14" t="s">
        <v>1</v>
      </c>
      <c r="C116086" s="14" t="s">
        <v>546</v>
      </c>
      <c r="D116086" s="14" t="s">
        <v>122</v>
      </c>
      <c r="E116086" s="15">
        <v>45392</v>
      </c>
      <c r="F116086" s="14" t="s">
        <v>15</v>
      </c>
      <c r="G116086" s="16">
        <v>0</v>
      </c>
    </row>
    <row r="116087" spans="1:7" x14ac:dyDescent="0.3">
      <c r="A116087" s="13" t="s">
        <v>552</v>
      </c>
      <c r="B116087" s="14" t="s">
        <v>1</v>
      </c>
      <c r="C116087" s="14" t="s">
        <v>546</v>
      </c>
      <c r="D116087" s="14" t="s">
        <v>122</v>
      </c>
      <c r="E116087" s="15">
        <v>45393</v>
      </c>
      <c r="F116087" s="14" t="s">
        <v>15</v>
      </c>
      <c r="G116087" s="16">
        <v>0</v>
      </c>
    </row>
    <row r="116088" spans="1:7" x14ac:dyDescent="0.3">
      <c r="A116088" s="13" t="s">
        <v>552</v>
      </c>
      <c r="B116088" s="14" t="s">
        <v>1</v>
      </c>
      <c r="C116088" s="14" t="s">
        <v>546</v>
      </c>
      <c r="D116088" s="14" t="s">
        <v>122</v>
      </c>
      <c r="E116088" s="15">
        <v>45394</v>
      </c>
      <c r="F116088" s="14" t="s">
        <v>15</v>
      </c>
      <c r="G116088" s="16">
        <v>0</v>
      </c>
    </row>
    <row r="116089" spans="1:7" x14ac:dyDescent="0.3">
      <c r="A116089" s="13" t="s">
        <v>552</v>
      </c>
      <c r="B116089" s="14" t="s">
        <v>1</v>
      </c>
      <c r="C116089" s="14" t="s">
        <v>546</v>
      </c>
      <c r="D116089" s="14" t="s">
        <v>122</v>
      </c>
      <c r="E116089" s="15">
        <v>45395</v>
      </c>
      <c r="F116089" s="14" t="s">
        <v>15</v>
      </c>
      <c r="G116089" s="16">
        <v>0</v>
      </c>
    </row>
    <row r="116090" spans="1:7" x14ac:dyDescent="0.3">
      <c r="A116090" s="13" t="s">
        <v>552</v>
      </c>
      <c r="B116090" s="14" t="s">
        <v>1</v>
      </c>
      <c r="C116090" s="14" t="s">
        <v>546</v>
      </c>
      <c r="D116090" s="14" t="s">
        <v>122</v>
      </c>
      <c r="E116090" s="15">
        <v>45396</v>
      </c>
      <c r="F116090" s="14" t="s">
        <v>15</v>
      </c>
      <c r="G116090" s="16">
        <v>0</v>
      </c>
    </row>
    <row r="116091" spans="1:7" x14ac:dyDescent="0.3">
      <c r="A116091" s="13" t="s">
        <v>552</v>
      </c>
      <c r="B116091" s="14" t="s">
        <v>1</v>
      </c>
      <c r="C116091" s="14" t="s">
        <v>546</v>
      </c>
      <c r="D116091" s="14" t="s">
        <v>122</v>
      </c>
      <c r="E116091" s="15">
        <v>45397</v>
      </c>
      <c r="F116091" s="14" t="s">
        <v>15</v>
      </c>
      <c r="G116091" s="16">
        <v>0</v>
      </c>
    </row>
    <row r="116092" spans="1:7" x14ac:dyDescent="0.3">
      <c r="A116092" s="13" t="s">
        <v>552</v>
      </c>
      <c r="B116092" s="14" t="s">
        <v>1</v>
      </c>
      <c r="C116092" s="14" t="s">
        <v>546</v>
      </c>
      <c r="D116092" s="14" t="s">
        <v>122</v>
      </c>
      <c r="E116092" s="15">
        <v>45398</v>
      </c>
      <c r="F116092" s="14" t="s">
        <v>15</v>
      </c>
      <c r="G116092" s="16">
        <v>0</v>
      </c>
    </row>
    <row r="116093" spans="1:7" x14ac:dyDescent="0.3">
      <c r="A116093" s="13" t="s">
        <v>552</v>
      </c>
      <c r="B116093" s="14" t="s">
        <v>1</v>
      </c>
      <c r="C116093" s="14" t="s">
        <v>546</v>
      </c>
      <c r="D116093" s="14" t="s">
        <v>122</v>
      </c>
      <c r="E116093" s="15">
        <v>45399</v>
      </c>
      <c r="F116093" s="14" t="s">
        <v>15</v>
      </c>
      <c r="G116093" s="16">
        <v>0</v>
      </c>
    </row>
    <row r="116094" spans="1:7" x14ac:dyDescent="0.3">
      <c r="A116094" s="13" t="s">
        <v>552</v>
      </c>
      <c r="B116094" s="14" t="s">
        <v>1</v>
      </c>
      <c r="C116094" s="14" t="s">
        <v>546</v>
      </c>
      <c r="D116094" s="14" t="s">
        <v>122</v>
      </c>
      <c r="E116094" s="15">
        <v>45400</v>
      </c>
      <c r="F116094" s="14" t="s">
        <v>15</v>
      </c>
      <c r="G116094" s="16">
        <v>0</v>
      </c>
    </row>
    <row r="116095" spans="1:7" x14ac:dyDescent="0.3">
      <c r="A116095" s="13" t="s">
        <v>552</v>
      </c>
      <c r="B116095" s="14" t="s">
        <v>1</v>
      </c>
      <c r="C116095" s="14" t="s">
        <v>546</v>
      </c>
      <c r="D116095" s="14" t="s">
        <v>122</v>
      </c>
      <c r="E116095" s="15">
        <v>45401</v>
      </c>
      <c r="F116095" s="14" t="s">
        <v>15</v>
      </c>
      <c r="G116095" s="16">
        <v>0</v>
      </c>
    </row>
    <row r="116096" spans="1:7" x14ac:dyDescent="0.3">
      <c r="A116096" s="13" t="s">
        <v>552</v>
      </c>
      <c r="B116096" s="14" t="s">
        <v>1</v>
      </c>
      <c r="C116096" s="14" t="s">
        <v>546</v>
      </c>
      <c r="D116096" s="14" t="s">
        <v>122</v>
      </c>
      <c r="E116096" s="15">
        <v>45402</v>
      </c>
      <c r="F116096" s="14" t="s">
        <v>15</v>
      </c>
      <c r="G116096" s="16">
        <v>0</v>
      </c>
    </row>
    <row r="116097" spans="1:7" x14ac:dyDescent="0.3">
      <c r="A116097" s="13" t="s">
        <v>552</v>
      </c>
      <c r="B116097" s="14" t="s">
        <v>1</v>
      </c>
      <c r="C116097" s="14" t="s">
        <v>546</v>
      </c>
      <c r="D116097" s="14" t="s">
        <v>122</v>
      </c>
      <c r="E116097" s="15">
        <v>45403</v>
      </c>
      <c r="F116097" s="14" t="s">
        <v>15</v>
      </c>
      <c r="G116097" s="16">
        <v>0</v>
      </c>
    </row>
    <row r="116098" spans="1:7" x14ac:dyDescent="0.3">
      <c r="A116098" s="13" t="s">
        <v>552</v>
      </c>
      <c r="B116098" s="14" t="s">
        <v>1</v>
      </c>
      <c r="C116098" s="14" t="s">
        <v>546</v>
      </c>
      <c r="D116098" s="14" t="s">
        <v>122</v>
      </c>
      <c r="E116098" s="15">
        <v>45404</v>
      </c>
      <c r="F116098" s="14" t="s">
        <v>15</v>
      </c>
      <c r="G116098" s="16">
        <v>0</v>
      </c>
    </row>
    <row r="116099" spans="1:7" x14ac:dyDescent="0.3">
      <c r="A116099" s="13" t="s">
        <v>552</v>
      </c>
      <c r="B116099" s="14" t="s">
        <v>1</v>
      </c>
      <c r="C116099" s="14" t="s">
        <v>546</v>
      </c>
      <c r="D116099" s="14" t="s">
        <v>122</v>
      </c>
      <c r="E116099" s="15">
        <v>45405</v>
      </c>
      <c r="F116099" s="14" t="s">
        <v>15</v>
      </c>
      <c r="G116099" s="16">
        <v>0</v>
      </c>
    </row>
    <row r="116100" spans="1:7" x14ac:dyDescent="0.3">
      <c r="A116100" s="13" t="s">
        <v>552</v>
      </c>
      <c r="B116100" s="14" t="s">
        <v>1</v>
      </c>
      <c r="C116100" s="14" t="s">
        <v>546</v>
      </c>
      <c r="D116100" s="14" t="s">
        <v>122</v>
      </c>
      <c r="E116100" s="15">
        <v>45406</v>
      </c>
      <c r="F116100" s="14" t="s">
        <v>15</v>
      </c>
      <c r="G116100" s="16">
        <v>0</v>
      </c>
    </row>
    <row r="116101" spans="1:7" x14ac:dyDescent="0.3">
      <c r="A116101" s="13" t="s">
        <v>552</v>
      </c>
      <c r="B116101" s="14" t="s">
        <v>1</v>
      </c>
      <c r="C116101" s="14" t="s">
        <v>546</v>
      </c>
      <c r="D116101" s="14" t="s">
        <v>122</v>
      </c>
      <c r="E116101" s="15">
        <v>45407</v>
      </c>
      <c r="F116101" s="14" t="s">
        <v>15</v>
      </c>
      <c r="G116101" s="16">
        <v>0</v>
      </c>
    </row>
    <row r="116102" spans="1:7" x14ac:dyDescent="0.3">
      <c r="A116102" s="13" t="s">
        <v>552</v>
      </c>
      <c r="B116102" s="14" t="s">
        <v>1</v>
      </c>
      <c r="C116102" s="14" t="s">
        <v>546</v>
      </c>
      <c r="D116102" s="14" t="s">
        <v>122</v>
      </c>
      <c r="E116102" s="15">
        <v>45408</v>
      </c>
      <c r="F116102" s="14" t="s">
        <v>15</v>
      </c>
      <c r="G116102" s="16">
        <v>0</v>
      </c>
    </row>
    <row r="116103" spans="1:7" x14ac:dyDescent="0.3">
      <c r="A116103" s="13" t="s">
        <v>552</v>
      </c>
      <c r="B116103" s="14" t="s">
        <v>1</v>
      </c>
      <c r="C116103" s="14" t="s">
        <v>546</v>
      </c>
      <c r="D116103" s="14" t="s">
        <v>122</v>
      </c>
      <c r="E116103" s="15">
        <v>45409</v>
      </c>
      <c r="F116103" s="14" t="s">
        <v>15</v>
      </c>
      <c r="G116103" s="16">
        <v>0</v>
      </c>
    </row>
    <row r="116104" spans="1:7" x14ac:dyDescent="0.3">
      <c r="A116104" s="13" t="s">
        <v>552</v>
      </c>
      <c r="B116104" s="14" t="s">
        <v>1</v>
      </c>
      <c r="C116104" s="14" t="s">
        <v>546</v>
      </c>
      <c r="D116104" s="14" t="s">
        <v>122</v>
      </c>
      <c r="E116104" s="15">
        <v>45410</v>
      </c>
      <c r="F116104" s="14" t="s">
        <v>15</v>
      </c>
      <c r="G116104" s="16">
        <v>0</v>
      </c>
    </row>
    <row r="116105" spans="1:7" x14ac:dyDescent="0.3">
      <c r="A116105" s="13" t="s">
        <v>552</v>
      </c>
      <c r="B116105" s="14" t="s">
        <v>1</v>
      </c>
      <c r="C116105" s="14" t="s">
        <v>546</v>
      </c>
      <c r="D116105" s="14" t="s">
        <v>122</v>
      </c>
      <c r="E116105" s="15">
        <v>45411</v>
      </c>
      <c r="F116105" s="14" t="s">
        <v>15</v>
      </c>
      <c r="G116105" s="16">
        <v>0</v>
      </c>
    </row>
    <row r="116106" spans="1:7" x14ac:dyDescent="0.3">
      <c r="A116106" s="13" t="s">
        <v>552</v>
      </c>
      <c r="B116106" s="14" t="s">
        <v>1</v>
      </c>
      <c r="C116106" s="14" t="s">
        <v>546</v>
      </c>
      <c r="D116106" s="14" t="s">
        <v>122</v>
      </c>
      <c r="E116106" s="15">
        <v>45412</v>
      </c>
      <c r="F116106" s="14" t="s">
        <v>15</v>
      </c>
      <c r="G116106" s="16">
        <v>0</v>
      </c>
    </row>
    <row r="116107" spans="1:7" x14ac:dyDescent="0.3">
      <c r="A116107" s="13" t="s">
        <v>552</v>
      </c>
      <c r="B116107" s="14" t="s">
        <v>1</v>
      </c>
      <c r="C116107" s="14" t="s">
        <v>546</v>
      </c>
      <c r="D116107" s="14" t="s">
        <v>122</v>
      </c>
      <c r="E116107" s="15">
        <v>45413</v>
      </c>
      <c r="F116107" s="14" t="s">
        <v>15</v>
      </c>
      <c r="G116107" s="16">
        <v>0</v>
      </c>
    </row>
    <row r="116108" spans="1:7" x14ac:dyDescent="0.3">
      <c r="A116108" s="13" t="s">
        <v>552</v>
      </c>
      <c r="B116108" s="14" t="s">
        <v>1</v>
      </c>
      <c r="C116108" s="14" t="s">
        <v>546</v>
      </c>
      <c r="D116108" s="14" t="s">
        <v>122</v>
      </c>
      <c r="E116108" s="15">
        <v>45414</v>
      </c>
      <c r="F116108" s="14" t="s">
        <v>15</v>
      </c>
      <c r="G116108" s="16">
        <v>0</v>
      </c>
    </row>
    <row r="116109" spans="1:7" x14ac:dyDescent="0.3">
      <c r="A116109" s="13" t="s">
        <v>552</v>
      </c>
      <c r="B116109" s="14" t="s">
        <v>1</v>
      </c>
      <c r="C116109" s="14" t="s">
        <v>546</v>
      </c>
      <c r="D116109" s="14" t="s">
        <v>122</v>
      </c>
      <c r="E116109" s="15">
        <v>45415</v>
      </c>
      <c r="F116109" s="14" t="s">
        <v>15</v>
      </c>
      <c r="G116109" s="16">
        <v>0</v>
      </c>
    </row>
    <row r="116110" spans="1:7" x14ac:dyDescent="0.3">
      <c r="A116110" s="13" t="s">
        <v>552</v>
      </c>
      <c r="B116110" s="14" t="s">
        <v>1</v>
      </c>
      <c r="C116110" s="14" t="s">
        <v>546</v>
      </c>
      <c r="D116110" s="14" t="s">
        <v>122</v>
      </c>
      <c r="E116110" s="15">
        <v>45416</v>
      </c>
      <c r="F116110" s="14" t="s">
        <v>15</v>
      </c>
      <c r="G116110" s="16">
        <v>0</v>
      </c>
    </row>
    <row r="116111" spans="1:7" x14ac:dyDescent="0.3">
      <c r="A116111" s="13" t="s">
        <v>552</v>
      </c>
      <c r="B116111" s="14" t="s">
        <v>1</v>
      </c>
      <c r="C116111" s="14" t="s">
        <v>546</v>
      </c>
      <c r="D116111" s="14" t="s">
        <v>122</v>
      </c>
      <c r="E116111" s="15">
        <v>45417</v>
      </c>
      <c r="F116111" s="14" t="s">
        <v>15</v>
      </c>
      <c r="G116111" s="16">
        <v>0</v>
      </c>
    </row>
    <row r="116112" spans="1:7" x14ac:dyDescent="0.3">
      <c r="A116112" s="13" t="s">
        <v>552</v>
      </c>
      <c r="B116112" s="14" t="s">
        <v>1</v>
      </c>
      <c r="C116112" s="14" t="s">
        <v>546</v>
      </c>
      <c r="D116112" s="14" t="s">
        <v>122</v>
      </c>
      <c r="E116112" s="15">
        <v>45418</v>
      </c>
      <c r="F116112" s="14" t="s">
        <v>15</v>
      </c>
      <c r="G116112" s="16">
        <v>0</v>
      </c>
    </row>
    <row r="116113" spans="1:7" x14ac:dyDescent="0.3">
      <c r="A116113" s="13" t="s">
        <v>552</v>
      </c>
      <c r="B116113" s="14" t="s">
        <v>1</v>
      </c>
      <c r="C116113" s="14" t="s">
        <v>546</v>
      </c>
      <c r="D116113" s="14" t="s">
        <v>122</v>
      </c>
      <c r="E116113" s="15">
        <v>45419</v>
      </c>
      <c r="F116113" s="14" t="s">
        <v>15</v>
      </c>
      <c r="G116113" s="16">
        <v>0</v>
      </c>
    </row>
    <row r="116114" spans="1:7" x14ac:dyDescent="0.3">
      <c r="A116114" s="13" t="s">
        <v>552</v>
      </c>
      <c r="B116114" s="14" t="s">
        <v>1</v>
      </c>
      <c r="C116114" s="14" t="s">
        <v>546</v>
      </c>
      <c r="D116114" s="14" t="s">
        <v>122</v>
      </c>
      <c r="E116114" s="15">
        <v>45420</v>
      </c>
      <c r="F116114" s="14" t="s">
        <v>15</v>
      </c>
      <c r="G116114" s="16">
        <v>0</v>
      </c>
    </row>
    <row r="116115" spans="1:7" x14ac:dyDescent="0.3">
      <c r="A116115" s="13" t="s">
        <v>552</v>
      </c>
      <c r="B116115" s="14" t="s">
        <v>1</v>
      </c>
      <c r="C116115" s="14" t="s">
        <v>546</v>
      </c>
      <c r="D116115" s="14" t="s">
        <v>122</v>
      </c>
      <c r="E116115" s="15">
        <v>45421</v>
      </c>
      <c r="F116115" s="14" t="s">
        <v>15</v>
      </c>
      <c r="G116115" s="16">
        <v>0</v>
      </c>
    </row>
    <row r="116116" spans="1:7" x14ac:dyDescent="0.3">
      <c r="A116116" s="13" t="s">
        <v>552</v>
      </c>
      <c r="B116116" s="14" t="s">
        <v>1</v>
      </c>
      <c r="C116116" s="14" t="s">
        <v>546</v>
      </c>
      <c r="D116116" s="14" t="s">
        <v>122</v>
      </c>
      <c r="E116116" s="15">
        <v>45422</v>
      </c>
      <c r="F116116" s="14" t="s">
        <v>15</v>
      </c>
      <c r="G116116" s="16">
        <v>0</v>
      </c>
    </row>
    <row r="116117" spans="1:7" x14ac:dyDescent="0.3">
      <c r="A116117" s="13" t="s">
        <v>552</v>
      </c>
      <c r="B116117" s="14" t="s">
        <v>1</v>
      </c>
      <c r="C116117" s="14" t="s">
        <v>546</v>
      </c>
      <c r="D116117" s="14" t="s">
        <v>122</v>
      </c>
      <c r="E116117" s="15">
        <v>45423</v>
      </c>
      <c r="F116117" s="14" t="s">
        <v>15</v>
      </c>
      <c r="G116117" s="16">
        <v>0</v>
      </c>
    </row>
    <row r="116118" spans="1:7" x14ac:dyDescent="0.3">
      <c r="A116118" s="13" t="s">
        <v>552</v>
      </c>
      <c r="B116118" s="14" t="s">
        <v>1</v>
      </c>
      <c r="C116118" s="14" t="s">
        <v>546</v>
      </c>
      <c r="D116118" s="14" t="s">
        <v>122</v>
      </c>
      <c r="E116118" s="15">
        <v>45424</v>
      </c>
      <c r="F116118" s="14" t="s">
        <v>15</v>
      </c>
      <c r="G116118" s="16">
        <v>0</v>
      </c>
    </row>
    <row r="116119" spans="1:7" x14ac:dyDescent="0.3">
      <c r="A116119" s="13" t="s">
        <v>552</v>
      </c>
      <c r="B116119" s="14" t="s">
        <v>1</v>
      </c>
      <c r="C116119" s="14" t="s">
        <v>546</v>
      </c>
      <c r="D116119" s="14" t="s">
        <v>122</v>
      </c>
      <c r="E116119" s="15">
        <v>45425</v>
      </c>
      <c r="F116119" s="14" t="s">
        <v>15</v>
      </c>
      <c r="G116119" s="16">
        <v>0</v>
      </c>
    </row>
    <row r="116120" spans="1:7" x14ac:dyDescent="0.3">
      <c r="A116120" s="13" t="s">
        <v>552</v>
      </c>
      <c r="B116120" s="14" t="s">
        <v>1</v>
      </c>
      <c r="C116120" s="14" t="s">
        <v>546</v>
      </c>
      <c r="D116120" s="14" t="s">
        <v>122</v>
      </c>
      <c r="E116120" s="15">
        <v>45426</v>
      </c>
      <c r="F116120" s="14" t="s">
        <v>15</v>
      </c>
      <c r="G116120" s="16">
        <v>0</v>
      </c>
    </row>
    <row r="116121" spans="1:7" x14ac:dyDescent="0.3">
      <c r="A116121" s="13" t="s">
        <v>552</v>
      </c>
      <c r="B116121" s="14" t="s">
        <v>1</v>
      </c>
      <c r="C116121" s="14" t="s">
        <v>546</v>
      </c>
      <c r="D116121" s="14" t="s">
        <v>122</v>
      </c>
      <c r="E116121" s="15">
        <v>45427</v>
      </c>
      <c r="F116121" s="14" t="s">
        <v>15</v>
      </c>
      <c r="G116121" s="16">
        <v>0</v>
      </c>
    </row>
    <row r="116122" spans="1:7" x14ac:dyDescent="0.3">
      <c r="A116122" s="13" t="s">
        <v>552</v>
      </c>
      <c r="B116122" s="14" t="s">
        <v>1</v>
      </c>
      <c r="C116122" s="14" t="s">
        <v>546</v>
      </c>
      <c r="D116122" s="14" t="s">
        <v>122</v>
      </c>
      <c r="E116122" s="15">
        <v>45428</v>
      </c>
      <c r="F116122" s="14" t="s">
        <v>15</v>
      </c>
      <c r="G116122" s="16">
        <v>0</v>
      </c>
    </row>
    <row r="116123" spans="1:7" x14ac:dyDescent="0.3">
      <c r="A116123" s="13" t="s">
        <v>552</v>
      </c>
      <c r="B116123" s="14" t="s">
        <v>1</v>
      </c>
      <c r="C116123" s="14" t="s">
        <v>546</v>
      </c>
      <c r="D116123" s="14" t="s">
        <v>122</v>
      </c>
      <c r="E116123" s="15">
        <v>45429</v>
      </c>
      <c r="F116123" s="14" t="s">
        <v>15</v>
      </c>
      <c r="G116123" s="16">
        <v>0</v>
      </c>
    </row>
    <row r="116124" spans="1:7" x14ac:dyDescent="0.3">
      <c r="A116124" s="13" t="s">
        <v>552</v>
      </c>
      <c r="B116124" s="14" t="s">
        <v>1</v>
      </c>
      <c r="C116124" s="14" t="s">
        <v>546</v>
      </c>
      <c r="D116124" s="14" t="s">
        <v>122</v>
      </c>
      <c r="E116124" s="15">
        <v>45430</v>
      </c>
      <c r="F116124" s="14" t="s">
        <v>15</v>
      </c>
      <c r="G116124" s="16">
        <v>0</v>
      </c>
    </row>
    <row r="116125" spans="1:7" x14ac:dyDescent="0.3">
      <c r="A116125" s="13" t="s">
        <v>552</v>
      </c>
      <c r="B116125" s="14" t="s">
        <v>1</v>
      </c>
      <c r="C116125" s="14" t="s">
        <v>546</v>
      </c>
      <c r="D116125" s="14" t="s">
        <v>122</v>
      </c>
      <c r="E116125" s="15">
        <v>45431</v>
      </c>
      <c r="F116125" s="14" t="s">
        <v>15</v>
      </c>
      <c r="G116125" s="16">
        <v>0</v>
      </c>
    </row>
    <row r="116126" spans="1:7" x14ac:dyDescent="0.3">
      <c r="A116126" s="13" t="s">
        <v>552</v>
      </c>
      <c r="B116126" s="14" t="s">
        <v>1</v>
      </c>
      <c r="C116126" s="14" t="s">
        <v>546</v>
      </c>
      <c r="D116126" s="14" t="s">
        <v>122</v>
      </c>
      <c r="E116126" s="15">
        <v>45432</v>
      </c>
      <c r="F116126" s="14" t="s">
        <v>15</v>
      </c>
      <c r="G116126" s="16">
        <v>1.7957683195817101E-2</v>
      </c>
    </row>
    <row r="116127" spans="1:7" x14ac:dyDescent="0.3">
      <c r="A116127" s="13" t="s">
        <v>552</v>
      </c>
      <c r="B116127" s="14" t="s">
        <v>1</v>
      </c>
      <c r="C116127" s="14" t="s">
        <v>546</v>
      </c>
      <c r="D116127" s="14" t="s">
        <v>122</v>
      </c>
      <c r="E116127" s="15">
        <v>45433</v>
      </c>
      <c r="F116127" s="14" t="s">
        <v>15</v>
      </c>
      <c r="G116127" s="16">
        <v>9.4068256831431624E-3</v>
      </c>
    </row>
    <row r="116128" spans="1:7" x14ac:dyDescent="0.3">
      <c r="A116128" s="13" t="s">
        <v>552</v>
      </c>
      <c r="B116128" s="14" t="s">
        <v>1</v>
      </c>
      <c r="C116128" s="14" t="s">
        <v>546</v>
      </c>
      <c r="D116128" s="14" t="s">
        <v>122</v>
      </c>
      <c r="E116128" s="15">
        <v>45434</v>
      </c>
      <c r="F116128" s="14" t="s">
        <v>15</v>
      </c>
      <c r="G116128" s="16">
        <v>1.9004226179314007E-2</v>
      </c>
    </row>
    <row r="116129" spans="1:7" x14ac:dyDescent="0.3">
      <c r="A116129" s="13" t="s">
        <v>552</v>
      </c>
      <c r="B116129" s="14" t="s">
        <v>1</v>
      </c>
      <c r="C116129" s="14" t="s">
        <v>546</v>
      </c>
      <c r="D116129" s="14" t="s">
        <v>122</v>
      </c>
      <c r="E116129" s="15">
        <v>45435</v>
      </c>
      <c r="F116129" s="14" t="s">
        <v>15</v>
      </c>
      <c r="G116129" s="16">
        <v>1.6184142045995047E-2</v>
      </c>
    </row>
    <row r="116130" spans="1:7" x14ac:dyDescent="0.3">
      <c r="A116130" s="13" t="s">
        <v>552</v>
      </c>
      <c r="B116130" s="14" t="s">
        <v>1</v>
      </c>
      <c r="C116130" s="14" t="s">
        <v>546</v>
      </c>
      <c r="D116130" s="14" t="s">
        <v>122</v>
      </c>
      <c r="E116130" s="15">
        <v>45436</v>
      </c>
      <c r="F116130" s="14" t="s">
        <v>15</v>
      </c>
      <c r="G116130" s="16">
        <v>1.3374304919471471E-2</v>
      </c>
    </row>
    <row r="116131" spans="1:7" x14ac:dyDescent="0.3">
      <c r="A116131" s="13" t="s">
        <v>552</v>
      </c>
      <c r="B116131" s="14" t="s">
        <v>1</v>
      </c>
      <c r="C116131" s="14" t="s">
        <v>546</v>
      </c>
      <c r="D116131" s="14" t="s">
        <v>122</v>
      </c>
      <c r="E116131" s="15">
        <v>45437</v>
      </c>
      <c r="F116131" s="14" t="s">
        <v>15</v>
      </c>
      <c r="G116131" s="16">
        <v>1.3374304919471471E-2</v>
      </c>
    </row>
    <row r="116132" spans="1:7" x14ac:dyDescent="0.3">
      <c r="A116132" s="13" t="s">
        <v>552</v>
      </c>
      <c r="B116132" s="14" t="s">
        <v>1</v>
      </c>
      <c r="C116132" s="14" t="s">
        <v>546</v>
      </c>
      <c r="D116132" s="14" t="s">
        <v>122</v>
      </c>
      <c r="E116132" s="15">
        <v>45438</v>
      </c>
      <c r="F116132" s="14" t="s">
        <v>15</v>
      </c>
      <c r="G116132" s="16">
        <v>1.3374304919471471E-2</v>
      </c>
    </row>
    <row r="116133" spans="1:7" x14ac:dyDescent="0.3">
      <c r="A116133" s="13" t="s">
        <v>552</v>
      </c>
      <c r="B116133" s="14" t="s">
        <v>1</v>
      </c>
      <c r="C116133" s="14" t="s">
        <v>546</v>
      </c>
      <c r="D116133" s="14" t="s">
        <v>122</v>
      </c>
      <c r="E116133" s="15">
        <v>45439</v>
      </c>
      <c r="F116133" s="14" t="s">
        <v>15</v>
      </c>
      <c r="G116133" s="16">
        <v>1.0599523342511049E-2</v>
      </c>
    </row>
    <row r="116134" spans="1:7" x14ac:dyDescent="0.3">
      <c r="A116134" s="13" t="s">
        <v>552</v>
      </c>
      <c r="B116134" s="14" t="s">
        <v>1</v>
      </c>
      <c r="C116134" s="14" t="s">
        <v>546</v>
      </c>
      <c r="D116134" s="14" t="s">
        <v>122</v>
      </c>
      <c r="E116134" s="15">
        <v>45440</v>
      </c>
      <c r="F116134" s="14" t="s">
        <v>15</v>
      </c>
      <c r="G116134" s="16">
        <v>1.8822746295806256E-2</v>
      </c>
    </row>
    <row r="116135" spans="1:7" x14ac:dyDescent="0.3">
      <c r="A116135" s="13" t="s">
        <v>552</v>
      </c>
      <c r="B116135" s="14" t="s">
        <v>1</v>
      </c>
      <c r="C116135" s="14" t="s">
        <v>546</v>
      </c>
      <c r="D116135" s="14" t="s">
        <v>122</v>
      </c>
      <c r="E116135" s="15">
        <v>45441</v>
      </c>
      <c r="F116135" s="14" t="s">
        <v>15</v>
      </c>
      <c r="G116135" s="16">
        <v>1.6690020591998679E-2</v>
      </c>
    </row>
    <row r="116136" spans="1:7" x14ac:dyDescent="0.3">
      <c r="A116136" s="13" t="s">
        <v>552</v>
      </c>
      <c r="B116136" s="14" t="s">
        <v>1</v>
      </c>
      <c r="C116136" s="14" t="s">
        <v>546</v>
      </c>
      <c r="D116136" s="14" t="s">
        <v>122</v>
      </c>
      <c r="E116136" s="15">
        <v>45442</v>
      </c>
      <c r="F116136" s="14" t="s">
        <v>15</v>
      </c>
      <c r="G116136" s="16">
        <v>1.3935463370555458E-2</v>
      </c>
    </row>
    <row r="116137" spans="1:7" x14ac:dyDescent="0.3">
      <c r="A116137" s="13" t="s">
        <v>552</v>
      </c>
      <c r="B116137" s="14" t="s">
        <v>1</v>
      </c>
      <c r="C116137" s="14" t="s">
        <v>546</v>
      </c>
      <c r="D116137" s="14" t="s">
        <v>122</v>
      </c>
      <c r="E116137" s="15">
        <v>45443</v>
      </c>
      <c r="F116137" s="14" t="s">
        <v>15</v>
      </c>
      <c r="G116137" s="16">
        <v>1.5250185723042282E-2</v>
      </c>
    </row>
    <row r="116138" spans="1:7" x14ac:dyDescent="0.3">
      <c r="A116138" s="13" t="s">
        <v>552</v>
      </c>
      <c r="B116138" s="14" t="s">
        <v>1</v>
      </c>
      <c r="C116138" s="14" t="s">
        <v>546</v>
      </c>
      <c r="D116138" s="14" t="s">
        <v>122</v>
      </c>
      <c r="E116138" s="15">
        <v>45444</v>
      </c>
      <c r="F116138" s="14" t="s">
        <v>15</v>
      </c>
      <c r="G116138" s="16">
        <v>1.5250185723042282E-2</v>
      </c>
    </row>
    <row r="116139" spans="1:7" x14ac:dyDescent="0.3">
      <c r="A116139" s="13" t="s">
        <v>552</v>
      </c>
      <c r="B116139" s="14" t="s">
        <v>1</v>
      </c>
      <c r="C116139" s="14" t="s">
        <v>546</v>
      </c>
      <c r="D116139" s="14" t="s">
        <v>122</v>
      </c>
      <c r="E116139" s="15">
        <v>45445</v>
      </c>
      <c r="F116139" s="14" t="s">
        <v>15</v>
      </c>
      <c r="G116139" s="16">
        <v>1.5250185723042282E-2</v>
      </c>
    </row>
    <row r="116140" spans="1:7" x14ac:dyDescent="0.3">
      <c r="A116140" s="13" t="s">
        <v>552</v>
      </c>
      <c r="B116140" s="14" t="s">
        <v>1</v>
      </c>
      <c r="C116140" s="14" t="s">
        <v>546</v>
      </c>
      <c r="D116140" s="14" t="s">
        <v>122</v>
      </c>
      <c r="E116140" s="15">
        <v>45446</v>
      </c>
      <c r="F116140" s="14" t="s">
        <v>15</v>
      </c>
      <c r="G116140" s="16">
        <v>1.5250185723042282E-2</v>
      </c>
    </row>
    <row r="116141" spans="1:7" x14ac:dyDescent="0.3">
      <c r="A116141" s="13" t="s">
        <v>552</v>
      </c>
      <c r="B116141" s="14" t="s">
        <v>1</v>
      </c>
      <c r="C116141" s="14" t="s">
        <v>546</v>
      </c>
      <c r="D116141" s="14" t="s">
        <v>122</v>
      </c>
      <c r="E116141" s="15">
        <v>45447</v>
      </c>
      <c r="F116141" s="14" t="s">
        <v>15</v>
      </c>
      <c r="G116141" s="16">
        <v>1.6241330794902361E-2</v>
      </c>
    </row>
    <row r="116142" spans="1:7" x14ac:dyDescent="0.3">
      <c r="A116142" s="13" t="s">
        <v>552</v>
      </c>
      <c r="B116142" s="14" t="s">
        <v>1</v>
      </c>
      <c r="C116142" s="14" t="s">
        <v>546</v>
      </c>
      <c r="D116142" s="14" t="s">
        <v>122</v>
      </c>
      <c r="E116142" s="15">
        <v>45448</v>
      </c>
      <c r="F116142" s="14" t="s">
        <v>15</v>
      </c>
      <c r="G116142" s="16">
        <v>9.0271849782352261E-3</v>
      </c>
    </row>
    <row r="116143" spans="1:7" x14ac:dyDescent="0.3">
      <c r="A116143" s="13" t="s">
        <v>552</v>
      </c>
      <c r="B116143" s="14" t="s">
        <v>1</v>
      </c>
      <c r="C116143" s="14" t="s">
        <v>546</v>
      </c>
      <c r="D116143" s="14" t="s">
        <v>122</v>
      </c>
      <c r="E116143" s="15">
        <v>45449</v>
      </c>
      <c r="F116143" s="14" t="s">
        <v>15</v>
      </c>
      <c r="G116143" s="16">
        <v>1.6443256259027473E-2</v>
      </c>
    </row>
    <row r="116144" spans="1:7" x14ac:dyDescent="0.3">
      <c r="A116144" s="13" t="s">
        <v>552</v>
      </c>
      <c r="B116144" s="14" t="s">
        <v>1</v>
      </c>
      <c r="C116144" s="14" t="s">
        <v>546</v>
      </c>
      <c r="D116144" s="14" t="s">
        <v>122</v>
      </c>
      <c r="E116144" s="15">
        <v>45450</v>
      </c>
      <c r="F116144" s="14" t="s">
        <v>15</v>
      </c>
      <c r="G116144" s="16">
        <v>1.5331562788502515E-2</v>
      </c>
    </row>
    <row r="116145" spans="1:7" x14ac:dyDescent="0.3">
      <c r="A116145" s="13" t="s">
        <v>552</v>
      </c>
      <c r="B116145" s="14" t="s">
        <v>1</v>
      </c>
      <c r="C116145" s="14" t="s">
        <v>546</v>
      </c>
      <c r="D116145" s="14" t="s">
        <v>122</v>
      </c>
      <c r="E116145" s="15">
        <v>45451</v>
      </c>
      <c r="F116145" s="14" t="s">
        <v>15</v>
      </c>
      <c r="G116145" s="16">
        <v>1.5331562788502515E-2</v>
      </c>
    </row>
    <row r="116146" spans="1:7" x14ac:dyDescent="0.3">
      <c r="A116146" s="13" t="s">
        <v>552</v>
      </c>
      <c r="B116146" s="14" t="s">
        <v>1</v>
      </c>
      <c r="C116146" s="14" t="s">
        <v>546</v>
      </c>
      <c r="D116146" s="14" t="s">
        <v>122</v>
      </c>
      <c r="E116146" s="15">
        <v>45452</v>
      </c>
      <c r="F116146" s="14" t="s">
        <v>15</v>
      </c>
      <c r="G116146" s="16">
        <v>1.5331562788502515E-2</v>
      </c>
    </row>
    <row r="116147" spans="1:7" x14ac:dyDescent="0.3">
      <c r="A116147" s="13" t="s">
        <v>552</v>
      </c>
      <c r="B116147" s="14" t="s">
        <v>1</v>
      </c>
      <c r="C116147" s="14" t="s">
        <v>546</v>
      </c>
      <c r="D116147" s="14" t="s">
        <v>122</v>
      </c>
      <c r="E116147" s="15">
        <v>45453</v>
      </c>
      <c r="F116147" s="14" t="s">
        <v>15</v>
      </c>
      <c r="G116147" s="16">
        <v>1.5331562788502515E-2</v>
      </c>
    </row>
    <row r="116148" spans="1:7" x14ac:dyDescent="0.3">
      <c r="A116148" s="13" t="s">
        <v>552</v>
      </c>
      <c r="B116148" s="14" t="s">
        <v>1</v>
      </c>
      <c r="C116148" s="14" t="s">
        <v>546</v>
      </c>
      <c r="D116148" s="14" t="s">
        <v>122</v>
      </c>
      <c r="E116148" s="15">
        <v>45454</v>
      </c>
      <c r="F116148" s="14" t="s">
        <v>15</v>
      </c>
      <c r="G116148" s="16">
        <v>6.6197469935891554E-2</v>
      </c>
    </row>
    <row r="116149" spans="1:7" x14ac:dyDescent="0.3">
      <c r="A116149" s="13" t="s">
        <v>552</v>
      </c>
      <c r="B116149" s="14" t="s">
        <v>1</v>
      </c>
      <c r="C116149" s="14" t="s">
        <v>546</v>
      </c>
      <c r="D116149" s="14" t="s">
        <v>122</v>
      </c>
      <c r="E116149" s="15">
        <v>45455</v>
      </c>
      <c r="F116149" s="14" t="s">
        <v>15</v>
      </c>
      <c r="G116149" s="16">
        <v>5.5354458708615051E-2</v>
      </c>
    </row>
    <row r="116150" spans="1:7" x14ac:dyDescent="0.3">
      <c r="A116150" s="13" t="s">
        <v>552</v>
      </c>
      <c r="B116150" s="14" t="s">
        <v>1</v>
      </c>
      <c r="C116150" s="14" t="s">
        <v>546</v>
      </c>
      <c r="D116150" s="14" t="s">
        <v>122</v>
      </c>
      <c r="E116150" s="15">
        <v>45456</v>
      </c>
      <c r="F116150" s="14" t="s">
        <v>15</v>
      </c>
      <c r="G116150" s="16">
        <v>0.10642091204783329</v>
      </c>
    </row>
    <row r="116151" spans="1:7" x14ac:dyDescent="0.3">
      <c r="A116151" s="13" t="s">
        <v>552</v>
      </c>
      <c r="B116151" s="14" t="s">
        <v>1</v>
      </c>
      <c r="C116151" s="14" t="s">
        <v>546</v>
      </c>
      <c r="D116151" s="14" t="s">
        <v>122</v>
      </c>
      <c r="E116151" s="15">
        <v>45457</v>
      </c>
      <c r="F116151" s="14" t="s">
        <v>15</v>
      </c>
      <c r="G116151" s="16">
        <v>0.13709569748653569</v>
      </c>
    </row>
    <row r="116152" spans="1:7" x14ac:dyDescent="0.3">
      <c r="A116152" s="13" t="s">
        <v>552</v>
      </c>
      <c r="B116152" s="14" t="s">
        <v>1</v>
      </c>
      <c r="C116152" s="14" t="s">
        <v>546</v>
      </c>
      <c r="D116152" s="14" t="s">
        <v>122</v>
      </c>
      <c r="E116152" s="15">
        <v>45458</v>
      </c>
      <c r="F116152" s="14" t="s">
        <v>15</v>
      </c>
      <c r="G116152" s="16">
        <v>0.13709569748653569</v>
      </c>
    </row>
    <row r="116153" spans="1:7" x14ac:dyDescent="0.3">
      <c r="A116153" s="13" t="s">
        <v>552</v>
      </c>
      <c r="B116153" s="14" t="s">
        <v>1</v>
      </c>
      <c r="C116153" s="14" t="s">
        <v>546</v>
      </c>
      <c r="D116153" s="14" t="s">
        <v>122</v>
      </c>
      <c r="E116153" s="15">
        <v>45459</v>
      </c>
      <c r="F116153" s="14" t="s">
        <v>15</v>
      </c>
      <c r="G116153" s="16">
        <v>0.13709569748653569</v>
      </c>
    </row>
    <row r="116154" spans="1:7" x14ac:dyDescent="0.3">
      <c r="A116154" s="13" t="s">
        <v>552</v>
      </c>
      <c r="B116154" s="14" t="s">
        <v>1</v>
      </c>
      <c r="C116154" s="14" t="s">
        <v>546</v>
      </c>
      <c r="D116154" s="14" t="s">
        <v>122</v>
      </c>
      <c r="E116154" s="15">
        <v>45460</v>
      </c>
      <c r="F116154" s="14" t="s">
        <v>15</v>
      </c>
      <c r="G116154" s="16">
        <v>0.14786733077700048</v>
      </c>
    </row>
    <row r="116155" spans="1:7" x14ac:dyDescent="0.3">
      <c r="A116155" s="13" t="s">
        <v>552</v>
      </c>
      <c r="B116155" s="14" t="s">
        <v>1</v>
      </c>
      <c r="C116155" s="14" t="s">
        <v>546</v>
      </c>
      <c r="D116155" s="14" t="s">
        <v>122</v>
      </c>
      <c r="E116155" s="15">
        <v>45461</v>
      </c>
      <c r="F116155" s="14" t="s">
        <v>15</v>
      </c>
      <c r="G116155" s="16">
        <v>0.13982247397571143</v>
      </c>
    </row>
    <row r="116156" spans="1:7" x14ac:dyDescent="0.3">
      <c r="A116156" s="13" t="s">
        <v>552</v>
      </c>
      <c r="B116156" s="14" t="s">
        <v>1</v>
      </c>
      <c r="C116156" s="14" t="s">
        <v>546</v>
      </c>
      <c r="D116156" s="14" t="s">
        <v>122</v>
      </c>
      <c r="E116156" s="15">
        <v>45462</v>
      </c>
      <c r="F116156" s="14" t="s">
        <v>15</v>
      </c>
      <c r="G116156" s="16">
        <v>0.1917495491875208</v>
      </c>
    </row>
    <row r="116157" spans="1:7" x14ac:dyDescent="0.3">
      <c r="A116157" s="13" t="s">
        <v>552</v>
      </c>
      <c r="B116157" s="14" t="s">
        <v>1</v>
      </c>
      <c r="C116157" s="14" t="s">
        <v>546</v>
      </c>
      <c r="D116157" s="14" t="s">
        <v>122</v>
      </c>
      <c r="E116157" s="15">
        <v>45463</v>
      </c>
      <c r="F116157" s="14" t="s">
        <v>15</v>
      </c>
      <c r="G116157" s="16">
        <v>0.22404384722795945</v>
      </c>
    </row>
    <row r="116158" spans="1:7" x14ac:dyDescent="0.3">
      <c r="A116158" s="13" t="s">
        <v>552</v>
      </c>
      <c r="B116158" s="14" t="s">
        <v>1</v>
      </c>
      <c r="C116158" s="14" t="s">
        <v>546</v>
      </c>
      <c r="D116158" s="14" t="s">
        <v>122</v>
      </c>
      <c r="E116158" s="15">
        <v>45464</v>
      </c>
      <c r="F116158" s="14" t="s">
        <v>15</v>
      </c>
      <c r="G116158" s="16">
        <v>0.22131969316589803</v>
      </c>
    </row>
    <row r="116159" spans="1:7" x14ac:dyDescent="0.3">
      <c r="A116159" s="13" t="s">
        <v>552</v>
      </c>
      <c r="B116159" s="14" t="s">
        <v>1</v>
      </c>
      <c r="C116159" s="14" t="s">
        <v>546</v>
      </c>
      <c r="D116159" s="14" t="s">
        <v>122</v>
      </c>
      <c r="E116159" s="15">
        <v>45465</v>
      </c>
      <c r="F116159" s="14" t="s">
        <v>15</v>
      </c>
      <c r="G116159" s="16">
        <v>0.22131969316589803</v>
      </c>
    </row>
    <row r="116160" spans="1:7" x14ac:dyDescent="0.3">
      <c r="A116160" s="13" t="s">
        <v>552</v>
      </c>
      <c r="B116160" s="14" t="s">
        <v>1</v>
      </c>
      <c r="C116160" s="14" t="s">
        <v>546</v>
      </c>
      <c r="D116160" s="14" t="s">
        <v>122</v>
      </c>
      <c r="E116160" s="15">
        <v>45466</v>
      </c>
      <c r="F116160" s="14" t="s">
        <v>15</v>
      </c>
      <c r="G116160" s="16">
        <v>0.22131969316589803</v>
      </c>
    </row>
    <row r="116161" spans="1:7" x14ac:dyDescent="0.3">
      <c r="A116161" s="13" t="s">
        <v>552</v>
      </c>
      <c r="B116161" s="14" t="s">
        <v>1</v>
      </c>
      <c r="C116161" s="14" t="s">
        <v>546</v>
      </c>
      <c r="D116161" s="14" t="s">
        <v>122</v>
      </c>
      <c r="E116161" s="15">
        <v>45467</v>
      </c>
      <c r="F116161" s="14" t="s">
        <v>15</v>
      </c>
      <c r="G116161" s="16">
        <v>0.21861295165126624</v>
      </c>
    </row>
    <row r="116162" spans="1:7" x14ac:dyDescent="0.3">
      <c r="A116162" s="13" t="s">
        <v>552</v>
      </c>
      <c r="B116162" s="14" t="s">
        <v>1</v>
      </c>
      <c r="C116162" s="14" t="s">
        <v>546</v>
      </c>
      <c r="D116162" s="14" t="s">
        <v>122</v>
      </c>
      <c r="E116162" s="15">
        <v>45468</v>
      </c>
      <c r="F116162" s="14" t="s">
        <v>15</v>
      </c>
      <c r="G116162" s="16">
        <v>0.22018631825036186</v>
      </c>
    </row>
    <row r="116163" spans="1:7" x14ac:dyDescent="0.3">
      <c r="A116163" s="13" t="s">
        <v>552</v>
      </c>
      <c r="B116163" s="14" t="s">
        <v>1</v>
      </c>
      <c r="C116163" s="14" t="s">
        <v>546</v>
      </c>
      <c r="D116163" s="14" t="s">
        <v>122</v>
      </c>
      <c r="E116163" s="15">
        <v>45469</v>
      </c>
      <c r="F116163" s="14" t="s">
        <v>15</v>
      </c>
      <c r="G116163" s="16">
        <v>0.22161232791822399</v>
      </c>
    </row>
    <row r="116164" spans="1:7" x14ac:dyDescent="0.3">
      <c r="A116164" s="13" t="s">
        <v>552</v>
      </c>
      <c r="B116164" s="14" t="s">
        <v>1</v>
      </c>
      <c r="C116164" s="14" t="s">
        <v>546</v>
      </c>
      <c r="D116164" s="14" t="s">
        <v>122</v>
      </c>
      <c r="E116164" s="15">
        <v>45470</v>
      </c>
      <c r="F116164" s="14" t="s">
        <v>15</v>
      </c>
      <c r="G116164" s="16">
        <v>0.22323273438425653</v>
      </c>
    </row>
    <row r="116165" spans="1:7" x14ac:dyDescent="0.3">
      <c r="A116165" s="13" t="s">
        <v>552</v>
      </c>
      <c r="B116165" s="14" t="s">
        <v>1</v>
      </c>
      <c r="C116165" s="14" t="s">
        <v>546</v>
      </c>
      <c r="D116165" s="14" t="s">
        <v>122</v>
      </c>
      <c r="E116165" s="15">
        <v>45471</v>
      </c>
      <c r="F116165" s="14" t="s">
        <v>15</v>
      </c>
      <c r="G116165" s="16">
        <v>0.22270671951861903</v>
      </c>
    </row>
    <row r="116166" spans="1:7" x14ac:dyDescent="0.3">
      <c r="A116166" s="13" t="s">
        <v>552</v>
      </c>
      <c r="B116166" s="14" t="s">
        <v>1</v>
      </c>
      <c r="C116166" s="14" t="s">
        <v>546</v>
      </c>
      <c r="D116166" s="14" t="s">
        <v>122</v>
      </c>
      <c r="E116166" s="15">
        <v>45472</v>
      </c>
      <c r="F116166" s="14" t="s">
        <v>15</v>
      </c>
      <c r="G116166" s="16">
        <v>0.22270671951861903</v>
      </c>
    </row>
    <row r="116167" spans="1:7" x14ac:dyDescent="0.3">
      <c r="A116167" s="13" t="s">
        <v>552</v>
      </c>
      <c r="B116167" s="14" t="s">
        <v>1</v>
      </c>
      <c r="C116167" s="14" t="s">
        <v>546</v>
      </c>
      <c r="D116167" s="14" t="s">
        <v>122</v>
      </c>
      <c r="E116167" s="15">
        <v>45473</v>
      </c>
      <c r="F116167" s="14" t="s">
        <v>15</v>
      </c>
      <c r="G116167" s="16">
        <v>0.22270671951861903</v>
      </c>
    </row>
    <row r="116168" spans="1:7" x14ac:dyDescent="0.3">
      <c r="A116168" s="13" t="s">
        <v>552</v>
      </c>
      <c r="B116168" s="14" t="s">
        <v>1</v>
      </c>
      <c r="C116168" s="14" t="s">
        <v>546</v>
      </c>
      <c r="D116168" s="14" t="s">
        <v>122</v>
      </c>
      <c r="E116168" s="15">
        <v>45474</v>
      </c>
      <c r="F116168" s="14" t="s">
        <v>15</v>
      </c>
      <c r="G116168" s="16">
        <v>0.22270671951861903</v>
      </c>
    </row>
    <row r="116169" spans="1:7" x14ac:dyDescent="0.3">
      <c r="A116169" s="13" t="s">
        <v>552</v>
      </c>
      <c r="B116169" s="14" t="s">
        <v>1</v>
      </c>
      <c r="C116169" s="14" t="s">
        <v>546</v>
      </c>
      <c r="D116169" s="14" t="s">
        <v>122</v>
      </c>
      <c r="E116169" s="15">
        <v>45475</v>
      </c>
      <c r="F116169" s="14" t="s">
        <v>15</v>
      </c>
      <c r="G116169" s="16">
        <v>0.22105954450952289</v>
      </c>
    </row>
    <row r="116170" spans="1:7" x14ac:dyDescent="0.3">
      <c r="A116170" s="13" t="s">
        <v>552</v>
      </c>
      <c r="B116170" s="14" t="s">
        <v>1</v>
      </c>
      <c r="C116170" s="14" t="s">
        <v>546</v>
      </c>
      <c r="D116170" s="14" t="s">
        <v>122</v>
      </c>
      <c r="E116170" s="15">
        <v>45476</v>
      </c>
      <c r="F116170" s="14" t="s">
        <v>15</v>
      </c>
      <c r="G116170" s="16">
        <v>0.21397081848426169</v>
      </c>
    </row>
    <row r="116171" spans="1:7" x14ac:dyDescent="0.3">
      <c r="A116171" s="13" t="s">
        <v>552</v>
      </c>
      <c r="B116171" s="14" t="s">
        <v>1</v>
      </c>
      <c r="C116171" s="14" t="s">
        <v>546</v>
      </c>
      <c r="D116171" s="14" t="s">
        <v>122</v>
      </c>
      <c r="E116171" s="15">
        <v>45477</v>
      </c>
      <c r="F116171" s="14" t="s">
        <v>15</v>
      </c>
      <c r="G116171" s="16">
        <v>0.3516053109214986</v>
      </c>
    </row>
    <row r="116172" spans="1:7" x14ac:dyDescent="0.3">
      <c r="A116172" s="13" t="s">
        <v>552</v>
      </c>
      <c r="B116172" s="14" t="s">
        <v>1</v>
      </c>
      <c r="C116172" s="14" t="s">
        <v>546</v>
      </c>
      <c r="D116172" s="14" t="s">
        <v>122</v>
      </c>
      <c r="E116172" s="15">
        <v>45478</v>
      </c>
      <c r="F116172" s="14" t="s">
        <v>15</v>
      </c>
      <c r="G116172" s="16">
        <v>0.55419614204577738</v>
      </c>
    </row>
    <row r="116173" spans="1:7" x14ac:dyDescent="0.3">
      <c r="A116173" s="13" t="s">
        <v>552</v>
      </c>
      <c r="B116173" s="14" t="s">
        <v>1</v>
      </c>
      <c r="C116173" s="14" t="s">
        <v>546</v>
      </c>
      <c r="D116173" s="14" t="s">
        <v>122</v>
      </c>
      <c r="E116173" s="15">
        <v>45479</v>
      </c>
      <c r="F116173" s="14" t="s">
        <v>15</v>
      </c>
      <c r="G116173" s="16">
        <v>0.55419614204577738</v>
      </c>
    </row>
    <row r="116174" spans="1:7" x14ac:dyDescent="0.3">
      <c r="A116174" s="13" t="s">
        <v>552</v>
      </c>
      <c r="B116174" s="14" t="s">
        <v>1</v>
      </c>
      <c r="C116174" s="14" t="s">
        <v>546</v>
      </c>
      <c r="D116174" s="14" t="s">
        <v>122</v>
      </c>
      <c r="E116174" s="15">
        <v>45480</v>
      </c>
      <c r="F116174" s="14" t="s">
        <v>15</v>
      </c>
      <c r="G116174" s="16">
        <v>0.55419614204577738</v>
      </c>
    </row>
    <row r="116175" spans="1:7" x14ac:dyDescent="0.3">
      <c r="A116175" s="13" t="s">
        <v>552</v>
      </c>
      <c r="B116175" s="14" t="s">
        <v>1</v>
      </c>
      <c r="C116175" s="14" t="s">
        <v>546</v>
      </c>
      <c r="D116175" s="14" t="s">
        <v>122</v>
      </c>
      <c r="E116175" s="15">
        <v>45481</v>
      </c>
      <c r="F116175" s="14" t="s">
        <v>15</v>
      </c>
      <c r="G116175" s="16">
        <v>0.57805523035598061</v>
      </c>
    </row>
    <row r="116176" spans="1:7" x14ac:dyDescent="0.3">
      <c r="A116176" s="13" t="s">
        <v>552</v>
      </c>
      <c r="B116176" s="14" t="s">
        <v>1</v>
      </c>
      <c r="C116176" s="14" t="s">
        <v>546</v>
      </c>
      <c r="D116176" s="14" t="s">
        <v>122</v>
      </c>
      <c r="E116176" s="15">
        <v>45482</v>
      </c>
      <c r="F116176" s="14" t="s">
        <v>15</v>
      </c>
      <c r="G116176" s="16">
        <v>0.61449215535208224</v>
      </c>
    </row>
    <row r="116177" spans="1:7" x14ac:dyDescent="0.3">
      <c r="A116177" s="13" t="s">
        <v>552</v>
      </c>
      <c r="B116177" s="14" t="s">
        <v>1</v>
      </c>
      <c r="C116177" s="14" t="s">
        <v>546</v>
      </c>
      <c r="D116177" s="14" t="s">
        <v>122</v>
      </c>
      <c r="E116177" s="15">
        <v>45483</v>
      </c>
      <c r="F116177" s="14" t="s">
        <v>15</v>
      </c>
      <c r="G116177" s="16">
        <v>0.61185220525072559</v>
      </c>
    </row>
    <row r="116178" spans="1:7" x14ac:dyDescent="0.3">
      <c r="A116178" s="13" t="s">
        <v>552</v>
      </c>
      <c r="B116178" s="14" t="s">
        <v>1</v>
      </c>
      <c r="C116178" s="14" t="s">
        <v>546</v>
      </c>
      <c r="D116178" s="14" t="s">
        <v>122</v>
      </c>
      <c r="E116178" s="15">
        <v>45484</v>
      </c>
      <c r="F116178" s="14" t="s">
        <v>15</v>
      </c>
      <c r="G116178" s="16">
        <v>0.61952672055817404</v>
      </c>
    </row>
    <row r="116179" spans="1:7" x14ac:dyDescent="0.3">
      <c r="A116179" s="13" t="s">
        <v>552</v>
      </c>
      <c r="B116179" s="14" t="s">
        <v>1</v>
      </c>
      <c r="C116179" s="14" t="s">
        <v>546</v>
      </c>
      <c r="D116179" s="14" t="s">
        <v>122</v>
      </c>
      <c r="E116179" s="15">
        <v>45485</v>
      </c>
      <c r="F116179" s="14" t="s">
        <v>15</v>
      </c>
      <c r="G116179" s="16">
        <v>0.62269164597009763</v>
      </c>
    </row>
    <row r="116180" spans="1:7" x14ac:dyDescent="0.3">
      <c r="A116180" s="13" t="s">
        <v>552</v>
      </c>
      <c r="B116180" s="14" t="s">
        <v>1</v>
      </c>
      <c r="C116180" s="14" t="s">
        <v>546</v>
      </c>
      <c r="D116180" s="14" t="s">
        <v>122</v>
      </c>
      <c r="E116180" s="15">
        <v>45486</v>
      </c>
      <c r="F116180" s="14" t="s">
        <v>15</v>
      </c>
      <c r="G116180" s="16">
        <v>0.62269164597009763</v>
      </c>
    </row>
    <row r="116181" spans="1:7" x14ac:dyDescent="0.3">
      <c r="A116181" s="13" t="s">
        <v>552</v>
      </c>
      <c r="B116181" s="14" t="s">
        <v>1</v>
      </c>
      <c r="C116181" s="14" t="s">
        <v>546</v>
      </c>
      <c r="D116181" s="14" t="s">
        <v>122</v>
      </c>
      <c r="E116181" s="15">
        <v>45487</v>
      </c>
      <c r="F116181" s="14" t="s">
        <v>15</v>
      </c>
      <c r="G116181" s="16">
        <v>0.62269164597009763</v>
      </c>
    </row>
    <row r="116182" spans="1:7" x14ac:dyDescent="0.3">
      <c r="A116182" s="13" t="s">
        <v>552</v>
      </c>
      <c r="B116182" s="14" t="s">
        <v>1</v>
      </c>
      <c r="C116182" s="14" t="s">
        <v>546</v>
      </c>
      <c r="D116182" s="14" t="s">
        <v>122</v>
      </c>
      <c r="E116182" s="15">
        <v>45488</v>
      </c>
      <c r="F116182" s="14" t="s">
        <v>15</v>
      </c>
      <c r="G116182" s="16">
        <v>0.63955011054725863</v>
      </c>
    </row>
    <row r="116183" spans="1:7" x14ac:dyDescent="0.3">
      <c r="A116183" s="13" t="s">
        <v>552</v>
      </c>
      <c r="B116183" s="14" t="s">
        <v>1</v>
      </c>
      <c r="C116183" s="14" t="s">
        <v>546</v>
      </c>
      <c r="D116183" s="14" t="s">
        <v>122</v>
      </c>
      <c r="E116183" s="15">
        <v>45489</v>
      </c>
      <c r="F116183" s="14" t="s">
        <v>15</v>
      </c>
      <c r="G116183" s="16">
        <v>0.63134412271005302</v>
      </c>
    </row>
    <row r="116184" spans="1:7" x14ac:dyDescent="0.3">
      <c r="A116184" s="13" t="s">
        <v>552</v>
      </c>
      <c r="B116184" s="14" t="s">
        <v>1</v>
      </c>
      <c r="C116184" s="14" t="s">
        <v>546</v>
      </c>
      <c r="D116184" s="14" t="s">
        <v>122</v>
      </c>
      <c r="E116184" s="15">
        <v>45490</v>
      </c>
      <c r="F116184" s="14" t="s">
        <v>15</v>
      </c>
      <c r="G116184" s="16">
        <v>0.62862698564471697</v>
      </c>
    </row>
    <row r="116185" spans="1:7" x14ac:dyDescent="0.3">
      <c r="A116185" s="13" t="s">
        <v>552</v>
      </c>
      <c r="B116185" s="14" t="s">
        <v>1</v>
      </c>
      <c r="C116185" s="14" t="s">
        <v>546</v>
      </c>
      <c r="D116185" s="14" t="s">
        <v>122</v>
      </c>
      <c r="E116185" s="15">
        <v>45491</v>
      </c>
      <c r="F116185" s="14" t="s">
        <v>15</v>
      </c>
      <c r="G116185" s="16">
        <v>0.62942419528227889</v>
      </c>
    </row>
    <row r="116186" spans="1:7" x14ac:dyDescent="0.3">
      <c r="A116186" s="13" t="s">
        <v>552</v>
      </c>
      <c r="B116186" s="14" t="s">
        <v>1</v>
      </c>
      <c r="C116186" s="14" t="s">
        <v>546</v>
      </c>
      <c r="D116186" s="14" t="s">
        <v>122</v>
      </c>
      <c r="E116186" s="15">
        <v>45492</v>
      </c>
      <c r="F116186" s="14" t="s">
        <v>15</v>
      </c>
      <c r="G116186" s="16">
        <v>0.62674297617189989</v>
      </c>
    </row>
    <row r="116187" spans="1:7" x14ac:dyDescent="0.3">
      <c r="A116187" s="13" t="s">
        <v>552</v>
      </c>
      <c r="B116187" s="14" t="s">
        <v>1</v>
      </c>
      <c r="C116187" s="14" t="s">
        <v>546</v>
      </c>
      <c r="D116187" s="14" t="s">
        <v>122</v>
      </c>
      <c r="E116187" s="15">
        <v>45493</v>
      </c>
      <c r="F116187" s="14" t="s">
        <v>15</v>
      </c>
      <c r="G116187" s="16">
        <v>0.62674297617189989</v>
      </c>
    </row>
    <row r="116188" spans="1:7" x14ac:dyDescent="0.3">
      <c r="A116188" s="13" t="s">
        <v>552</v>
      </c>
      <c r="B116188" s="14" t="s">
        <v>1</v>
      </c>
      <c r="C116188" s="14" t="s">
        <v>546</v>
      </c>
      <c r="D116188" s="14" t="s">
        <v>122</v>
      </c>
      <c r="E116188" s="15">
        <v>45494</v>
      </c>
      <c r="F116188" s="14" t="s">
        <v>15</v>
      </c>
      <c r="G116188" s="16">
        <v>0.62674297617189989</v>
      </c>
    </row>
    <row r="116189" spans="1:7" x14ac:dyDescent="0.3">
      <c r="A116189" s="13" t="s">
        <v>552</v>
      </c>
      <c r="B116189" s="14" t="s">
        <v>1</v>
      </c>
      <c r="C116189" s="14" t="s">
        <v>546</v>
      </c>
      <c r="D116189" s="14" t="s">
        <v>122</v>
      </c>
      <c r="E116189" s="15">
        <v>45495</v>
      </c>
      <c r="F116189" s="14" t="s">
        <v>15</v>
      </c>
      <c r="G116189" s="16">
        <v>0.65757467921967594</v>
      </c>
    </row>
    <row r="116190" spans="1:7" x14ac:dyDescent="0.3">
      <c r="A116190" s="13" t="s">
        <v>552</v>
      </c>
      <c r="B116190" s="14" t="s">
        <v>1</v>
      </c>
      <c r="C116190" s="14" t="s">
        <v>546</v>
      </c>
      <c r="D116190" s="14" t="s">
        <v>122</v>
      </c>
      <c r="E116190" s="15">
        <v>45496</v>
      </c>
      <c r="F116190" s="14" t="s">
        <v>15</v>
      </c>
      <c r="G116190" s="16">
        <v>0.64963115574356389</v>
      </c>
    </row>
    <row r="116191" spans="1:7" x14ac:dyDescent="0.3">
      <c r="A116191" s="13" t="s">
        <v>552</v>
      </c>
      <c r="B116191" s="14" t="s">
        <v>1</v>
      </c>
      <c r="C116191" s="14" t="s">
        <v>546</v>
      </c>
      <c r="D116191" s="14" t="s">
        <v>122</v>
      </c>
      <c r="E116191" s="15">
        <v>45497</v>
      </c>
      <c r="F116191" s="14" t="s">
        <v>15</v>
      </c>
      <c r="G116191" s="16">
        <v>0.646966925924783</v>
      </c>
    </row>
    <row r="116192" spans="1:7" x14ac:dyDescent="0.3">
      <c r="A116192" s="13" t="s">
        <v>552</v>
      </c>
      <c r="B116192" s="14" t="s">
        <v>1</v>
      </c>
      <c r="C116192" s="14" t="s">
        <v>546</v>
      </c>
      <c r="D116192" s="14" t="s">
        <v>122</v>
      </c>
      <c r="E116192" s="15">
        <v>45498</v>
      </c>
      <c r="F116192" s="14" t="s">
        <v>15</v>
      </c>
      <c r="G116192" s="16">
        <v>0.64434182295937936</v>
      </c>
    </row>
    <row r="116193" spans="1:7" x14ac:dyDescent="0.3">
      <c r="A116193" s="13" t="s">
        <v>552</v>
      </c>
      <c r="B116193" s="14" t="s">
        <v>1</v>
      </c>
      <c r="C116193" s="14" t="s">
        <v>546</v>
      </c>
      <c r="D116193" s="14" t="s">
        <v>122</v>
      </c>
      <c r="E116193" s="15">
        <v>45499</v>
      </c>
      <c r="F116193" s="14" t="s">
        <v>15</v>
      </c>
      <c r="G116193" s="16">
        <v>0.64173782790171874</v>
      </c>
    </row>
    <row r="116194" spans="1:7" x14ac:dyDescent="0.3">
      <c r="A116194" s="13" t="s">
        <v>552</v>
      </c>
      <c r="B116194" s="14" t="s">
        <v>1</v>
      </c>
      <c r="C116194" s="14" t="s">
        <v>546</v>
      </c>
      <c r="D116194" s="14" t="s">
        <v>122</v>
      </c>
      <c r="E116194" s="15">
        <v>45500</v>
      </c>
      <c r="F116194" s="14" t="s">
        <v>15</v>
      </c>
      <c r="G116194" s="16">
        <v>0.64173782790171874</v>
      </c>
    </row>
    <row r="116195" spans="1:7" x14ac:dyDescent="0.3">
      <c r="A116195" s="13" t="s">
        <v>552</v>
      </c>
      <c r="B116195" s="14" t="s">
        <v>1</v>
      </c>
      <c r="C116195" s="14" t="s">
        <v>546</v>
      </c>
      <c r="D116195" s="14" t="s">
        <v>122</v>
      </c>
      <c r="E116195" s="15">
        <v>45501</v>
      </c>
      <c r="F116195" s="14" t="s">
        <v>15</v>
      </c>
      <c r="G116195" s="16">
        <v>0.64173782790171874</v>
      </c>
    </row>
    <row r="116196" spans="1:7" x14ac:dyDescent="0.3">
      <c r="A116196" s="13" t="s">
        <v>552</v>
      </c>
      <c r="B116196" s="14" t="s">
        <v>1</v>
      </c>
      <c r="C116196" s="14" t="s">
        <v>546</v>
      </c>
      <c r="D116196" s="14" t="s">
        <v>122</v>
      </c>
      <c r="E116196" s="15">
        <v>45502</v>
      </c>
      <c r="F116196" s="14" t="s">
        <v>15</v>
      </c>
      <c r="G116196" s="16">
        <v>0.63917398935147163</v>
      </c>
    </row>
    <row r="116197" spans="1:7" x14ac:dyDescent="0.3">
      <c r="A116197" s="13" t="s">
        <v>552</v>
      </c>
      <c r="B116197" s="14" t="s">
        <v>1</v>
      </c>
      <c r="C116197" s="14" t="s">
        <v>546</v>
      </c>
      <c r="D116197" s="14" t="s">
        <v>122</v>
      </c>
      <c r="E116197" s="15">
        <v>45503</v>
      </c>
      <c r="F116197" s="14" t="s">
        <v>15</v>
      </c>
      <c r="G116197" s="16">
        <v>0.63148607748985719</v>
      </c>
    </row>
    <row r="116198" spans="1:7" x14ac:dyDescent="0.3">
      <c r="A116198" s="13" t="s">
        <v>552</v>
      </c>
      <c r="B116198" s="14" t="s">
        <v>1</v>
      </c>
      <c r="C116198" s="14" t="s">
        <v>546</v>
      </c>
      <c r="D116198" s="14" t="s">
        <v>122</v>
      </c>
      <c r="E116198" s="15">
        <v>45504</v>
      </c>
      <c r="F116198" s="14" t="s">
        <v>15</v>
      </c>
      <c r="G116198" s="16">
        <v>0.62914515903845691</v>
      </c>
    </row>
    <row r="116199" spans="1:7" x14ac:dyDescent="0.3">
      <c r="A116199" s="13" t="s">
        <v>552</v>
      </c>
      <c r="B116199" s="14" t="s">
        <v>1</v>
      </c>
      <c r="C116199" s="14" t="s">
        <v>546</v>
      </c>
      <c r="D116199" s="14" t="s">
        <v>122</v>
      </c>
      <c r="E116199" s="15">
        <v>45505</v>
      </c>
      <c r="F116199" s="14" t="s">
        <v>15</v>
      </c>
      <c r="G116199" s="16">
        <v>0.62659985426086207</v>
      </c>
    </row>
    <row r="116200" spans="1:7" x14ac:dyDescent="0.3">
      <c r="A116200" s="13" t="s">
        <v>552</v>
      </c>
      <c r="B116200" s="14" t="s">
        <v>1</v>
      </c>
      <c r="C116200" s="14" t="s">
        <v>546</v>
      </c>
      <c r="D116200" s="14" t="s">
        <v>122</v>
      </c>
      <c r="E116200" s="15">
        <v>45506</v>
      </c>
      <c r="F116200" s="14" t="s">
        <v>15</v>
      </c>
      <c r="G116200" s="16">
        <v>0.63297856101539252</v>
      </c>
    </row>
    <row r="116201" spans="1:7" x14ac:dyDescent="0.3">
      <c r="A116201" s="13" t="s">
        <v>552</v>
      </c>
      <c r="B116201" s="14" t="s">
        <v>1</v>
      </c>
      <c r="C116201" s="14" t="s">
        <v>546</v>
      </c>
      <c r="D116201" s="14" t="s">
        <v>122</v>
      </c>
      <c r="E116201" s="15">
        <v>45507</v>
      </c>
      <c r="F116201" s="14" t="s">
        <v>15</v>
      </c>
      <c r="G116201" s="16">
        <v>0.63297856101539252</v>
      </c>
    </row>
    <row r="116202" spans="1:7" x14ac:dyDescent="0.3">
      <c r="A116202" s="13" t="s">
        <v>552</v>
      </c>
      <c r="B116202" s="14" t="s">
        <v>1</v>
      </c>
      <c r="C116202" s="14" t="s">
        <v>546</v>
      </c>
      <c r="D116202" s="14" t="s">
        <v>122</v>
      </c>
      <c r="E116202" s="15">
        <v>45508</v>
      </c>
      <c r="F116202" s="14" t="s">
        <v>15</v>
      </c>
      <c r="G116202" s="16">
        <v>0.63297856101539252</v>
      </c>
    </row>
    <row r="116203" spans="1:7" x14ac:dyDescent="0.3">
      <c r="A116203" s="13" t="s">
        <v>552</v>
      </c>
      <c r="B116203" s="14" t="s">
        <v>1</v>
      </c>
      <c r="C116203" s="14" t="s">
        <v>546</v>
      </c>
      <c r="D116203" s="14" t="s">
        <v>122</v>
      </c>
      <c r="E116203" s="15">
        <v>45509</v>
      </c>
      <c r="F116203" s="14" t="s">
        <v>15</v>
      </c>
      <c r="G116203" s="16">
        <v>0.63297856101539252</v>
      </c>
    </row>
    <row r="116204" spans="1:7" x14ac:dyDescent="0.3">
      <c r="A116204" s="13" t="s">
        <v>552</v>
      </c>
      <c r="B116204" s="14" t="s">
        <v>1</v>
      </c>
      <c r="C116204" s="14" t="s">
        <v>546</v>
      </c>
      <c r="D116204" s="14" t="s">
        <v>122</v>
      </c>
      <c r="E116204" s="15">
        <v>45510</v>
      </c>
      <c r="F116204" s="14" t="s">
        <v>15</v>
      </c>
      <c r="G116204" s="16">
        <v>0.63039361455740239</v>
      </c>
    </row>
    <row r="116205" spans="1:7" x14ac:dyDescent="0.3">
      <c r="A116205" s="13" t="s">
        <v>552</v>
      </c>
      <c r="B116205" s="14" t="s">
        <v>1</v>
      </c>
      <c r="C116205" s="14" t="s">
        <v>546</v>
      </c>
      <c r="D116205" s="14" t="s">
        <v>122</v>
      </c>
      <c r="E116205" s="15">
        <v>45511</v>
      </c>
      <c r="F116205" s="14" t="s">
        <v>15</v>
      </c>
      <c r="G116205" s="16">
        <v>0.62021496958211408</v>
      </c>
    </row>
    <row r="116206" spans="1:7" x14ac:dyDescent="0.3">
      <c r="A116206" s="13" t="s">
        <v>552</v>
      </c>
      <c r="B116206" s="14" t="s">
        <v>1</v>
      </c>
      <c r="C116206" s="14" t="s">
        <v>546</v>
      </c>
      <c r="D116206" s="14" t="s">
        <v>122</v>
      </c>
      <c r="E116206" s="15">
        <v>45512</v>
      </c>
      <c r="F116206" s="14" t="s">
        <v>15</v>
      </c>
      <c r="G116206" s="16">
        <v>0.61769308943384382</v>
      </c>
    </row>
    <row r="116207" spans="1:7" x14ac:dyDescent="0.3">
      <c r="A116207" s="13" t="s">
        <v>552</v>
      </c>
      <c r="B116207" s="14" t="s">
        <v>1</v>
      </c>
      <c r="C116207" s="14" t="s">
        <v>546</v>
      </c>
      <c r="D116207" s="14" t="s">
        <v>122</v>
      </c>
      <c r="E116207" s="15">
        <v>45513</v>
      </c>
      <c r="F116207" s="14" t="s">
        <v>15</v>
      </c>
      <c r="G116207" s="16">
        <v>0.61514572534817669</v>
      </c>
    </row>
    <row r="116208" spans="1:7" x14ac:dyDescent="0.3">
      <c r="A116208" s="13" t="s">
        <v>552</v>
      </c>
      <c r="B116208" s="14" t="s">
        <v>1</v>
      </c>
      <c r="C116208" s="14" t="s">
        <v>546</v>
      </c>
      <c r="D116208" s="14" t="s">
        <v>122</v>
      </c>
      <c r="E116208" s="15">
        <v>45514</v>
      </c>
      <c r="F116208" s="14" t="s">
        <v>15</v>
      </c>
      <c r="G116208" s="16">
        <v>0.61514572534817669</v>
      </c>
    </row>
    <row r="116209" spans="1:7" x14ac:dyDescent="0.3">
      <c r="A116209" s="13" t="s">
        <v>552</v>
      </c>
      <c r="B116209" s="14" t="s">
        <v>1</v>
      </c>
      <c r="C116209" s="14" t="s">
        <v>546</v>
      </c>
      <c r="D116209" s="14" t="s">
        <v>122</v>
      </c>
      <c r="E116209" s="15">
        <v>45515</v>
      </c>
      <c r="F116209" s="14" t="s">
        <v>15</v>
      </c>
      <c r="G116209" s="16">
        <v>0.61514572534817669</v>
      </c>
    </row>
    <row r="116210" spans="1:7" x14ac:dyDescent="0.3">
      <c r="A116210" s="13" t="s">
        <v>552</v>
      </c>
      <c r="B116210" s="14" t="s">
        <v>1</v>
      </c>
      <c r="C116210" s="14" t="s">
        <v>546</v>
      </c>
      <c r="D116210" s="14" t="s">
        <v>122</v>
      </c>
      <c r="E116210" s="15">
        <v>45516</v>
      </c>
      <c r="F116210" s="14" t="s">
        <v>15</v>
      </c>
      <c r="G116210" s="16">
        <v>0.61259269816531003</v>
      </c>
    </row>
    <row r="116211" spans="1:7" x14ac:dyDescent="0.3">
      <c r="A116211" s="13" t="s">
        <v>552</v>
      </c>
      <c r="B116211" s="14" t="s">
        <v>1</v>
      </c>
      <c r="C116211" s="14" t="s">
        <v>546</v>
      </c>
      <c r="D116211" s="14" t="s">
        <v>122</v>
      </c>
      <c r="E116211" s="15">
        <v>45517</v>
      </c>
      <c r="F116211" s="14" t="s">
        <v>15</v>
      </c>
      <c r="G116211" s="16">
        <v>0.6048715799610267</v>
      </c>
    </row>
    <row r="116212" spans="1:7" x14ac:dyDescent="0.3">
      <c r="A116212" s="13" t="s">
        <v>552</v>
      </c>
      <c r="B116212" s="14" t="s">
        <v>1</v>
      </c>
      <c r="C116212" s="14" t="s">
        <v>546</v>
      </c>
      <c r="D116212" s="14" t="s">
        <v>122</v>
      </c>
      <c r="E116212" s="15">
        <v>45518</v>
      </c>
      <c r="F116212" s="14" t="s">
        <v>15</v>
      </c>
      <c r="G116212" s="16">
        <v>0.60279605483746823</v>
      </c>
    </row>
    <row r="116213" spans="1:7" x14ac:dyDescent="0.3">
      <c r="A116213" s="13" t="s">
        <v>552</v>
      </c>
      <c r="B116213" s="14" t="s">
        <v>1</v>
      </c>
      <c r="C116213" s="14" t="s">
        <v>546</v>
      </c>
      <c r="D116213" s="14" t="s">
        <v>122</v>
      </c>
      <c r="E116213" s="15">
        <v>45519</v>
      </c>
      <c r="F116213" s="14" t="s">
        <v>15</v>
      </c>
      <c r="G116213" s="16">
        <v>0.60020184149315192</v>
      </c>
    </row>
    <row r="116214" spans="1:7" x14ac:dyDescent="0.3">
      <c r="A116214" s="13" t="s">
        <v>552</v>
      </c>
      <c r="B116214" s="14" t="s">
        <v>1</v>
      </c>
      <c r="C116214" s="14" t="s">
        <v>546</v>
      </c>
      <c r="D116214" s="14" t="s">
        <v>122</v>
      </c>
      <c r="E116214" s="15">
        <v>45520</v>
      </c>
      <c r="F116214" s="14" t="s">
        <v>15</v>
      </c>
      <c r="G116214" s="16">
        <v>0.61317393786876973</v>
      </c>
    </row>
    <row r="116215" spans="1:7" x14ac:dyDescent="0.3">
      <c r="A116215" s="13" t="s">
        <v>552</v>
      </c>
      <c r="B116215" s="14" t="s">
        <v>1</v>
      </c>
      <c r="C116215" s="14" t="s">
        <v>546</v>
      </c>
      <c r="D116215" s="14" t="s">
        <v>122</v>
      </c>
      <c r="E116215" s="15">
        <v>45521</v>
      </c>
      <c r="F116215" s="14" t="s">
        <v>15</v>
      </c>
      <c r="G116215" s="16">
        <v>0.61317393786876973</v>
      </c>
    </row>
    <row r="116216" spans="1:7" x14ac:dyDescent="0.3">
      <c r="A116216" s="13" t="s">
        <v>552</v>
      </c>
      <c r="B116216" s="14" t="s">
        <v>1</v>
      </c>
      <c r="C116216" s="14" t="s">
        <v>546</v>
      </c>
      <c r="D116216" s="14" t="s">
        <v>122</v>
      </c>
      <c r="E116216" s="15">
        <v>45522</v>
      </c>
      <c r="F116216" s="14" t="s">
        <v>15</v>
      </c>
      <c r="G116216" s="16">
        <v>0.61317393786876973</v>
      </c>
    </row>
    <row r="116217" spans="1:7" x14ac:dyDescent="0.3">
      <c r="A116217" s="13" t="s">
        <v>552</v>
      </c>
      <c r="B116217" s="14" t="s">
        <v>1</v>
      </c>
      <c r="C116217" s="14" t="s">
        <v>546</v>
      </c>
      <c r="D116217" s="14" t="s">
        <v>122</v>
      </c>
      <c r="E116217" s="15">
        <v>45523</v>
      </c>
      <c r="F116217" s="14" t="s">
        <v>15</v>
      </c>
      <c r="G116217" s="16">
        <v>0.62146986043878616</v>
      </c>
    </row>
    <row r="116218" spans="1:7" x14ac:dyDescent="0.3">
      <c r="A116218" s="13" t="s">
        <v>552</v>
      </c>
      <c r="B116218" s="14" t="s">
        <v>1</v>
      </c>
      <c r="C116218" s="14" t="s">
        <v>546</v>
      </c>
      <c r="D116218" s="14" t="s">
        <v>122</v>
      </c>
      <c r="E116218" s="15">
        <v>45524</v>
      </c>
      <c r="F116218" s="14" t="s">
        <v>15</v>
      </c>
      <c r="G116218" s="16">
        <v>0.61368541851127378</v>
      </c>
    </row>
    <row r="116219" spans="1:7" x14ac:dyDescent="0.3">
      <c r="A116219" s="13" t="s">
        <v>552</v>
      </c>
      <c r="B116219" s="14" t="s">
        <v>1</v>
      </c>
      <c r="C116219" s="14" t="s">
        <v>546</v>
      </c>
      <c r="D116219" s="14" t="s">
        <v>122</v>
      </c>
      <c r="E116219" s="15">
        <v>45525</v>
      </c>
      <c r="F116219" s="14" t="s">
        <v>15</v>
      </c>
      <c r="G116219" s="16">
        <v>0.61106132150404979</v>
      </c>
    </row>
    <row r="116220" spans="1:7" x14ac:dyDescent="0.3">
      <c r="A116220" s="13" t="s">
        <v>552</v>
      </c>
      <c r="B116220" s="14" t="s">
        <v>1</v>
      </c>
      <c r="C116220" s="14" t="s">
        <v>546</v>
      </c>
      <c r="D116220" s="14" t="s">
        <v>122</v>
      </c>
      <c r="E116220" s="15">
        <v>45526</v>
      </c>
      <c r="F116220" s="14" t="s">
        <v>15</v>
      </c>
      <c r="G116220" s="16">
        <v>0.60845812232964325</v>
      </c>
    </row>
    <row r="116221" spans="1:7" x14ac:dyDescent="0.3">
      <c r="A116221" s="13" t="s">
        <v>552</v>
      </c>
      <c r="B116221" s="14" t="s">
        <v>1</v>
      </c>
      <c r="C116221" s="14" t="s">
        <v>546</v>
      </c>
      <c r="D116221" s="14" t="s">
        <v>122</v>
      </c>
      <c r="E116221" s="15">
        <v>45527</v>
      </c>
      <c r="F116221" s="14" t="s">
        <v>15</v>
      </c>
      <c r="G116221" s="16">
        <v>0.60586627506442137</v>
      </c>
    </row>
    <row r="116222" spans="1:7" x14ac:dyDescent="0.3">
      <c r="A116222" s="13" t="s">
        <v>552</v>
      </c>
      <c r="B116222" s="14" t="s">
        <v>1</v>
      </c>
      <c r="C116222" s="14" t="s">
        <v>546</v>
      </c>
      <c r="D116222" s="14" t="s">
        <v>122</v>
      </c>
      <c r="E116222" s="15">
        <v>45528</v>
      </c>
      <c r="F116222" s="14" t="s">
        <v>15</v>
      </c>
      <c r="G116222" s="16">
        <v>0.60586627506442137</v>
      </c>
    </row>
    <row r="116223" spans="1:7" x14ac:dyDescent="0.3">
      <c r="A116223" s="13" t="s">
        <v>552</v>
      </c>
      <c r="B116223" s="14" t="s">
        <v>1</v>
      </c>
      <c r="C116223" s="14" t="s">
        <v>546</v>
      </c>
      <c r="D116223" s="14" t="s">
        <v>122</v>
      </c>
      <c r="E116223" s="15">
        <v>45529</v>
      </c>
      <c r="F116223" s="14" t="s">
        <v>15</v>
      </c>
      <c r="G116223" s="16">
        <v>0.60586627506442137</v>
      </c>
    </row>
    <row r="116224" spans="1:7" x14ac:dyDescent="0.3">
      <c r="A116224" s="13" t="s">
        <v>552</v>
      </c>
      <c r="B116224" s="14" t="s">
        <v>1</v>
      </c>
      <c r="C116224" s="14" t="s">
        <v>546</v>
      </c>
      <c r="D116224" s="14" t="s">
        <v>122</v>
      </c>
      <c r="E116224" s="15">
        <v>45530</v>
      </c>
      <c r="F116224" s="14" t="s">
        <v>15</v>
      </c>
      <c r="G116224" s="16">
        <v>0.60325146598289403</v>
      </c>
    </row>
    <row r="116225" spans="1:7" x14ac:dyDescent="0.3">
      <c r="A116225" s="13" t="s">
        <v>552</v>
      </c>
      <c r="B116225" s="14" t="s">
        <v>1</v>
      </c>
      <c r="C116225" s="14" t="s">
        <v>546</v>
      </c>
      <c r="D116225" s="14" t="s">
        <v>122</v>
      </c>
      <c r="E116225" s="15">
        <v>45531</v>
      </c>
      <c r="F116225" s="14" t="s">
        <v>15</v>
      </c>
      <c r="G116225" s="16">
        <v>0.5954287105649374</v>
      </c>
    </row>
    <row r="116226" spans="1:7" x14ac:dyDescent="0.3">
      <c r="A116226" s="13" t="s">
        <v>552</v>
      </c>
      <c r="B116226" s="14" t="s">
        <v>1</v>
      </c>
      <c r="C116226" s="14" t="s">
        <v>546</v>
      </c>
      <c r="D116226" s="14" t="s">
        <v>122</v>
      </c>
      <c r="E116226" s="15">
        <v>45532</v>
      </c>
      <c r="F116226" s="14" t="s">
        <v>15</v>
      </c>
      <c r="G116226" s="16">
        <v>0.59349604802623768</v>
      </c>
    </row>
    <row r="116227" spans="1:7" x14ac:dyDescent="0.3">
      <c r="A116227" s="13" t="s">
        <v>552</v>
      </c>
      <c r="B116227" s="14" t="s">
        <v>1</v>
      </c>
      <c r="C116227" s="14" t="s">
        <v>546</v>
      </c>
      <c r="D116227" s="14" t="s">
        <v>122</v>
      </c>
      <c r="E116227" s="15">
        <v>45533</v>
      </c>
      <c r="F116227" s="14" t="s">
        <v>15</v>
      </c>
      <c r="G116227" s="16">
        <v>0.59092380860415306</v>
      </c>
    </row>
    <row r="116228" spans="1:7" x14ac:dyDescent="0.3">
      <c r="A116228" s="13" t="s">
        <v>552</v>
      </c>
      <c r="B116228" s="14" t="s">
        <v>1</v>
      </c>
      <c r="C116228" s="14" t="s">
        <v>546</v>
      </c>
      <c r="D116228" s="14" t="s">
        <v>122</v>
      </c>
      <c r="E116228" s="15">
        <v>45534</v>
      </c>
      <c r="F116228" s="14" t="s">
        <v>15</v>
      </c>
      <c r="G116228" s="16">
        <v>0.58836756505410148</v>
      </c>
    </row>
    <row r="116229" spans="1:7" x14ac:dyDescent="0.3">
      <c r="A116229" s="13" t="s">
        <v>552</v>
      </c>
      <c r="B116229" s="14" t="s">
        <v>1</v>
      </c>
      <c r="C116229" s="14" t="s">
        <v>546</v>
      </c>
      <c r="D116229" s="14" t="s">
        <v>122</v>
      </c>
      <c r="E116229" s="15">
        <v>45535</v>
      </c>
      <c r="F116229" s="14" t="s">
        <v>15</v>
      </c>
      <c r="G116229" s="16">
        <v>0.58836756505410148</v>
      </c>
    </row>
    <row r="116230" spans="1:7" x14ac:dyDescent="0.3">
      <c r="A116230" s="13" t="s">
        <v>552</v>
      </c>
      <c r="B116230" s="14" t="s">
        <v>1</v>
      </c>
      <c r="C116230" s="14" t="s">
        <v>546</v>
      </c>
      <c r="D116230" s="14" t="s">
        <v>122</v>
      </c>
      <c r="E116230" s="15">
        <v>45536</v>
      </c>
      <c r="F116230" s="14" t="s">
        <v>15</v>
      </c>
      <c r="G116230" s="16">
        <v>0.58836756505410148</v>
      </c>
    </row>
    <row r="116231" spans="1:7" x14ac:dyDescent="0.3">
      <c r="A116231" s="13" t="s">
        <v>552</v>
      </c>
      <c r="B116231" s="14" t="s">
        <v>1</v>
      </c>
      <c r="C116231" s="14" t="s">
        <v>546</v>
      </c>
      <c r="D116231" s="14" t="s">
        <v>122</v>
      </c>
      <c r="E116231" s="15">
        <v>45537</v>
      </c>
      <c r="F116231" s="14" t="s">
        <v>15</v>
      </c>
      <c r="G116231" s="16">
        <v>0.58580100158660919</v>
      </c>
    </row>
    <row r="116232" spans="1:7" x14ac:dyDescent="0.3">
      <c r="A116232" s="13" t="s">
        <v>552</v>
      </c>
      <c r="B116232" s="14" t="s">
        <v>1</v>
      </c>
      <c r="C116232" s="14" t="s">
        <v>546</v>
      </c>
      <c r="D116232" s="14" t="s">
        <v>122</v>
      </c>
      <c r="E116232" s="15">
        <v>45538</v>
      </c>
      <c r="F116232" s="14" t="s">
        <v>15</v>
      </c>
      <c r="G116232" s="16">
        <v>0.5806523947754636</v>
      </c>
    </row>
    <row r="116233" spans="1:7" x14ac:dyDescent="0.3">
      <c r="A116233" s="13" t="s">
        <v>552</v>
      </c>
      <c r="B116233" s="14" t="s">
        <v>1</v>
      </c>
      <c r="C116233" s="14" t="s">
        <v>546</v>
      </c>
      <c r="D116233" s="14" t="s">
        <v>122</v>
      </c>
      <c r="E116233" s="15">
        <v>45539</v>
      </c>
      <c r="F116233" s="14" t="s">
        <v>15</v>
      </c>
      <c r="G116233" s="16">
        <v>0.57809202325843578</v>
      </c>
    </row>
    <row r="116234" spans="1:7" x14ac:dyDescent="0.3">
      <c r="A116234" s="13" t="s">
        <v>552</v>
      </c>
      <c r="B116234" s="14" t="s">
        <v>1</v>
      </c>
      <c r="C116234" s="14" t="s">
        <v>546</v>
      </c>
      <c r="D116234" s="14" t="s">
        <v>122</v>
      </c>
      <c r="E116234" s="15">
        <v>45540</v>
      </c>
      <c r="F116234" s="14" t="s">
        <v>15</v>
      </c>
      <c r="G116234" s="16">
        <v>0.59712504699424584</v>
      </c>
    </row>
    <row r="116235" spans="1:7" x14ac:dyDescent="0.3">
      <c r="A116235" s="13" t="s">
        <v>552</v>
      </c>
      <c r="B116235" s="14" t="s">
        <v>1</v>
      </c>
      <c r="C116235" s="14" t="s">
        <v>546</v>
      </c>
      <c r="D116235" s="14" t="s">
        <v>122</v>
      </c>
      <c r="E116235" s="15">
        <v>45541</v>
      </c>
      <c r="F116235" s="14" t="s">
        <v>15</v>
      </c>
      <c r="G116235" s="16">
        <v>0.60415213677752755</v>
      </c>
    </row>
    <row r="116236" spans="1:7" x14ac:dyDescent="0.3">
      <c r="A116236" s="13" t="s">
        <v>552</v>
      </c>
      <c r="B116236" s="14" t="s">
        <v>1</v>
      </c>
      <c r="C116236" s="14" t="s">
        <v>546</v>
      </c>
      <c r="D116236" s="14" t="s">
        <v>122</v>
      </c>
      <c r="E116236" s="15">
        <v>45542</v>
      </c>
      <c r="F116236" s="14" t="s">
        <v>15</v>
      </c>
      <c r="G116236" s="16">
        <v>0.60415213677752755</v>
      </c>
    </row>
    <row r="116237" spans="1:7" x14ac:dyDescent="0.3">
      <c r="A116237" s="13" t="s">
        <v>552</v>
      </c>
      <c r="B116237" s="14" t="s">
        <v>1</v>
      </c>
      <c r="C116237" s="14" t="s">
        <v>546</v>
      </c>
      <c r="D116237" s="14" t="s">
        <v>122</v>
      </c>
      <c r="E116237" s="15">
        <v>45543</v>
      </c>
      <c r="F116237" s="14" t="s">
        <v>15</v>
      </c>
      <c r="G116237" s="16">
        <v>0.60415213677752755</v>
      </c>
    </row>
    <row r="116238" spans="1:7" x14ac:dyDescent="0.3">
      <c r="A116238" s="13" t="s">
        <v>552</v>
      </c>
      <c r="B116238" s="14" t="s">
        <v>1</v>
      </c>
      <c r="C116238" s="14" t="s">
        <v>546</v>
      </c>
      <c r="D116238" s="14" t="s">
        <v>122</v>
      </c>
      <c r="E116238" s="15">
        <v>45544</v>
      </c>
      <c r="F116238" s="14" t="s">
        <v>15</v>
      </c>
      <c r="G116238" s="16">
        <v>0.60161575906854925</v>
      </c>
    </row>
    <row r="116239" spans="1:7" x14ac:dyDescent="0.3">
      <c r="A116239" s="13" t="s">
        <v>552</v>
      </c>
      <c r="B116239" s="14" t="s">
        <v>1</v>
      </c>
      <c r="C116239" s="14" t="s">
        <v>546</v>
      </c>
      <c r="D116239" s="14" t="s">
        <v>122</v>
      </c>
      <c r="E116239" s="15">
        <v>45545</v>
      </c>
      <c r="F116239" s="14" t="s">
        <v>15</v>
      </c>
      <c r="G116239" s="16">
        <v>0.60583737929558745</v>
      </c>
    </row>
    <row r="116240" spans="1:7" x14ac:dyDescent="0.3">
      <c r="A116240" s="13" t="s">
        <v>552</v>
      </c>
      <c r="B116240" s="14" t="s">
        <v>1</v>
      </c>
      <c r="C116240" s="14" t="s">
        <v>546</v>
      </c>
      <c r="D116240" s="14" t="s">
        <v>122</v>
      </c>
      <c r="E116240" s="15">
        <v>45546</v>
      </c>
      <c r="F116240" s="14" t="s">
        <v>15</v>
      </c>
      <c r="G116240" s="16">
        <v>0.60334047527081969</v>
      </c>
    </row>
    <row r="116241" spans="1:7" x14ac:dyDescent="0.3">
      <c r="A116241" s="13" t="s">
        <v>552</v>
      </c>
      <c r="B116241" s="14" t="s">
        <v>1</v>
      </c>
      <c r="C116241" s="14" t="s">
        <v>546</v>
      </c>
      <c r="D116241" s="14" t="s">
        <v>122</v>
      </c>
      <c r="E116241" s="15">
        <v>45547</v>
      </c>
      <c r="F116241" s="14" t="s">
        <v>15</v>
      </c>
      <c r="G116241" s="16">
        <v>0.63256880344419431</v>
      </c>
    </row>
    <row r="116242" spans="1:7" x14ac:dyDescent="0.3">
      <c r="A116242" s="13" t="s">
        <v>552</v>
      </c>
      <c r="B116242" s="14" t="s">
        <v>1</v>
      </c>
      <c r="C116242" s="14" t="s">
        <v>546</v>
      </c>
      <c r="D116242" s="14" t="s">
        <v>122</v>
      </c>
      <c r="E116242" s="15">
        <v>45548</v>
      </c>
      <c r="F116242" s="14" t="s">
        <v>15</v>
      </c>
      <c r="G116242" s="16">
        <v>0.63005667754120154</v>
      </c>
    </row>
    <row r="116243" spans="1:7" x14ac:dyDescent="0.3">
      <c r="A116243" s="13" t="s">
        <v>552</v>
      </c>
      <c r="B116243" s="14" t="s">
        <v>1</v>
      </c>
      <c r="C116243" s="14" t="s">
        <v>546</v>
      </c>
      <c r="D116243" s="14" t="s">
        <v>122</v>
      </c>
      <c r="E116243" s="15">
        <v>45549</v>
      </c>
      <c r="F116243" s="14" t="s">
        <v>15</v>
      </c>
      <c r="G116243" s="16">
        <v>0.63005667754120154</v>
      </c>
    </row>
    <row r="116244" spans="1:7" x14ac:dyDescent="0.3">
      <c r="A116244" s="13" t="s">
        <v>552</v>
      </c>
      <c r="B116244" s="14" t="s">
        <v>1</v>
      </c>
      <c r="C116244" s="14" t="s">
        <v>546</v>
      </c>
      <c r="D116244" s="14" t="s">
        <v>122</v>
      </c>
      <c r="E116244" s="15">
        <v>45550</v>
      </c>
      <c r="F116244" s="14" t="s">
        <v>15</v>
      </c>
      <c r="G116244" s="16">
        <v>0.63005667754120154</v>
      </c>
    </row>
    <row r="116245" spans="1:7" x14ac:dyDescent="0.3">
      <c r="A116245" s="13" t="s">
        <v>552</v>
      </c>
      <c r="B116245" s="14" t="s">
        <v>1</v>
      </c>
      <c r="C116245" s="14" t="s">
        <v>546</v>
      </c>
      <c r="D116245" s="14" t="s">
        <v>122</v>
      </c>
      <c r="E116245" s="15">
        <v>45551</v>
      </c>
      <c r="F116245" s="14" t="s">
        <v>15</v>
      </c>
      <c r="G116245" s="16">
        <v>0.63005667754120154</v>
      </c>
    </row>
    <row r="116246" spans="1:7" x14ac:dyDescent="0.3">
      <c r="A116246" s="13" t="s">
        <v>552</v>
      </c>
      <c r="B116246" s="14" t="s">
        <v>1</v>
      </c>
      <c r="C116246" s="14" t="s">
        <v>546</v>
      </c>
      <c r="D116246" s="14" t="s">
        <v>122</v>
      </c>
      <c r="E116246" s="15">
        <v>45552</v>
      </c>
      <c r="F116246" s="14" t="s">
        <v>15</v>
      </c>
      <c r="G116246" s="16">
        <v>0.63005667754120154</v>
      </c>
    </row>
    <row r="116247" spans="1:7" x14ac:dyDescent="0.3">
      <c r="A116247" s="13" t="s">
        <v>552</v>
      </c>
      <c r="B116247" s="14" t="s">
        <v>1</v>
      </c>
      <c r="C116247" s="14" t="s">
        <v>546</v>
      </c>
      <c r="D116247" s="14" t="s">
        <v>122</v>
      </c>
      <c r="E116247" s="15">
        <v>45553</v>
      </c>
      <c r="F116247" s="14" t="s">
        <v>15</v>
      </c>
      <c r="G116247" s="16">
        <v>0.63005667754120154</v>
      </c>
    </row>
    <row r="116248" spans="1:7" x14ac:dyDescent="0.3">
      <c r="A116248" s="13" t="s">
        <v>552</v>
      </c>
      <c r="B116248" s="14" t="s">
        <v>1</v>
      </c>
      <c r="C116248" s="14" t="s">
        <v>546</v>
      </c>
      <c r="D116248" s="14" t="s">
        <v>122</v>
      </c>
      <c r="E116248" s="15">
        <v>45554</v>
      </c>
      <c r="F116248" s="14" t="s">
        <v>15</v>
      </c>
      <c r="G116248" s="16">
        <v>0.62754609962582475</v>
      </c>
    </row>
    <row r="116249" spans="1:7" x14ac:dyDescent="0.3">
      <c r="A116249" s="13" t="s">
        <v>552</v>
      </c>
      <c r="B116249" s="14" t="s">
        <v>1</v>
      </c>
      <c r="C116249" s="14" t="s">
        <v>546</v>
      </c>
      <c r="D116249" s="14" t="s">
        <v>122</v>
      </c>
      <c r="E116249" s="15">
        <v>45555</v>
      </c>
      <c r="F116249" s="14" t="s">
        <v>15</v>
      </c>
      <c r="G116249" s="16">
        <v>0.61233660530177936</v>
      </c>
    </row>
    <row r="116250" spans="1:7" x14ac:dyDescent="0.3">
      <c r="A116250" s="13" t="s">
        <v>552</v>
      </c>
      <c r="B116250" s="14" t="s">
        <v>1</v>
      </c>
      <c r="C116250" s="14" t="s">
        <v>546</v>
      </c>
      <c r="D116250" s="14" t="s">
        <v>122</v>
      </c>
      <c r="E116250" s="15">
        <v>45556</v>
      </c>
      <c r="F116250" s="14" t="s">
        <v>15</v>
      </c>
      <c r="G116250" s="16">
        <v>0.61233660530177936</v>
      </c>
    </row>
    <row r="116251" spans="1:7" x14ac:dyDescent="0.3">
      <c r="A116251" s="13" t="s">
        <v>552</v>
      </c>
      <c r="B116251" s="14" t="s">
        <v>1</v>
      </c>
      <c r="C116251" s="14" t="s">
        <v>546</v>
      </c>
      <c r="D116251" s="14" t="s">
        <v>122</v>
      </c>
      <c r="E116251" s="15">
        <v>45557</v>
      </c>
      <c r="F116251" s="14" t="s">
        <v>15</v>
      </c>
      <c r="G116251" s="16">
        <v>0.61233660530177936</v>
      </c>
    </row>
    <row r="116252" spans="1:7" x14ac:dyDescent="0.3">
      <c r="A116252" s="13" t="s">
        <v>552</v>
      </c>
      <c r="B116252" s="14" t="s">
        <v>1</v>
      </c>
      <c r="C116252" s="14" t="s">
        <v>546</v>
      </c>
      <c r="D116252" s="14" t="s">
        <v>122</v>
      </c>
      <c r="E116252" s="15">
        <v>45558</v>
      </c>
      <c r="F116252" s="14" t="s">
        <v>15</v>
      </c>
      <c r="G116252" s="16">
        <v>0.60975624940994799</v>
      </c>
    </row>
    <row r="116253" spans="1:7" x14ac:dyDescent="0.3">
      <c r="A116253" s="13" t="s">
        <v>552</v>
      </c>
      <c r="B116253" s="14" t="s">
        <v>1</v>
      </c>
      <c r="C116253" s="14" t="s">
        <v>546</v>
      </c>
      <c r="D116253" s="14" t="s">
        <v>122</v>
      </c>
      <c r="E116253" s="15">
        <v>45559</v>
      </c>
      <c r="F116253" s="14" t="s">
        <v>15</v>
      </c>
      <c r="G116253" s="16">
        <v>0.60195200843255714</v>
      </c>
    </row>
    <row r="116254" spans="1:7" x14ac:dyDescent="0.3">
      <c r="A116254" s="13" t="s">
        <v>552</v>
      </c>
      <c r="B116254" s="14" t="s">
        <v>1</v>
      </c>
      <c r="C116254" s="14" t="s">
        <v>546</v>
      </c>
      <c r="D116254" s="14" t="s">
        <v>122</v>
      </c>
      <c r="E116254" s="15">
        <v>45560</v>
      </c>
      <c r="F116254" s="14" t="s">
        <v>15</v>
      </c>
      <c r="G116254" s="16">
        <v>0.59935546300354436</v>
      </c>
    </row>
    <row r="116255" spans="1:7" x14ac:dyDescent="0.3">
      <c r="A116255" s="13" t="s">
        <v>552</v>
      </c>
      <c r="B116255" s="14" t="s">
        <v>1</v>
      </c>
      <c r="C116255" s="14" t="s">
        <v>546</v>
      </c>
      <c r="D116255" s="14" t="s">
        <v>122</v>
      </c>
      <c r="E116255" s="15">
        <v>45561</v>
      </c>
      <c r="F116255" s="14" t="s">
        <v>15</v>
      </c>
      <c r="G116255" s="16">
        <v>0.59664601208372969</v>
      </c>
    </row>
    <row r="116256" spans="1:7" x14ac:dyDescent="0.3">
      <c r="A116256" s="13" t="s">
        <v>552</v>
      </c>
      <c r="B116256" s="14" t="s">
        <v>1</v>
      </c>
      <c r="C116256" s="14" t="s">
        <v>546</v>
      </c>
      <c r="D116256" s="14" t="s">
        <v>122</v>
      </c>
      <c r="E116256" s="15">
        <v>45562</v>
      </c>
      <c r="F116256" s="14" t="s">
        <v>15</v>
      </c>
      <c r="G116256" s="16">
        <v>0.59563351383910124</v>
      </c>
    </row>
    <row r="116257" spans="1:7" x14ac:dyDescent="0.3">
      <c r="A116257" s="13" t="s">
        <v>552</v>
      </c>
      <c r="B116257" s="14" t="s">
        <v>1</v>
      </c>
      <c r="C116257" s="14" t="s">
        <v>546</v>
      </c>
      <c r="D116257" s="14" t="s">
        <v>122</v>
      </c>
      <c r="E116257" s="15">
        <v>45563</v>
      </c>
      <c r="F116257" s="14" t="s">
        <v>15</v>
      </c>
      <c r="G116257" s="16">
        <v>0.59563351383910124</v>
      </c>
    </row>
    <row r="116258" spans="1:7" x14ac:dyDescent="0.3">
      <c r="A116258" s="13" t="s">
        <v>552</v>
      </c>
      <c r="B116258" s="14" t="s">
        <v>1</v>
      </c>
      <c r="C116258" s="14" t="s">
        <v>546</v>
      </c>
      <c r="D116258" s="14" t="s">
        <v>122</v>
      </c>
      <c r="E116258" s="15">
        <v>45564</v>
      </c>
      <c r="F116258" s="14" t="s">
        <v>15</v>
      </c>
      <c r="G116258" s="16">
        <v>0.59563351383910124</v>
      </c>
    </row>
    <row r="116259" spans="1:7" x14ac:dyDescent="0.3">
      <c r="A116259" s="13" t="s">
        <v>552</v>
      </c>
      <c r="B116259" s="14" t="s">
        <v>1</v>
      </c>
      <c r="C116259" s="14" t="s">
        <v>546</v>
      </c>
      <c r="D116259" s="14" t="s">
        <v>122</v>
      </c>
      <c r="E116259" s="15">
        <v>45565</v>
      </c>
      <c r="F116259" s="14" t="s">
        <v>15</v>
      </c>
      <c r="G116259" s="16">
        <v>0.59587982755908431</v>
      </c>
    </row>
    <row r="116260" spans="1:7" x14ac:dyDescent="0.3">
      <c r="A116260" s="13" t="s">
        <v>552</v>
      </c>
      <c r="B116260" s="14" t="s">
        <v>1</v>
      </c>
      <c r="C116260" s="14" t="s">
        <v>546</v>
      </c>
      <c r="D116260" s="14" t="s">
        <v>122</v>
      </c>
      <c r="E116260" s="15">
        <v>45566</v>
      </c>
      <c r="F116260" s="14" t="s">
        <v>15</v>
      </c>
      <c r="G116260" s="16">
        <v>0.59587982755908431</v>
      </c>
    </row>
    <row r="116261" spans="1:7" x14ac:dyDescent="0.3">
      <c r="A116261" s="13" t="s">
        <v>552</v>
      </c>
      <c r="B116261" s="14" t="s">
        <v>1</v>
      </c>
      <c r="C116261" s="14" t="s">
        <v>546</v>
      </c>
      <c r="D116261" s="14" t="s">
        <v>122</v>
      </c>
      <c r="E116261" s="15">
        <v>45567</v>
      </c>
      <c r="F116261" s="14" t="s">
        <v>15</v>
      </c>
      <c r="G116261" s="16">
        <v>0.59587982755908431</v>
      </c>
    </row>
    <row r="116262" spans="1:7" x14ac:dyDescent="0.3">
      <c r="A116262" s="13" t="s">
        <v>552</v>
      </c>
      <c r="B116262" s="14" t="s">
        <v>1</v>
      </c>
      <c r="C116262" s="14" t="s">
        <v>546</v>
      </c>
      <c r="D116262" s="14" t="s">
        <v>122</v>
      </c>
      <c r="E116262" s="15">
        <v>45568</v>
      </c>
      <c r="F116262" s="14" t="s">
        <v>15</v>
      </c>
      <c r="G116262" s="16">
        <v>0.59587982755908431</v>
      </c>
    </row>
    <row r="116263" spans="1:7" x14ac:dyDescent="0.3">
      <c r="A116263" s="13" t="s">
        <v>552</v>
      </c>
      <c r="B116263" s="14" t="s">
        <v>1</v>
      </c>
      <c r="C116263" s="14" t="s">
        <v>546</v>
      </c>
      <c r="D116263" s="14" t="s">
        <v>122</v>
      </c>
      <c r="E116263" s="15">
        <v>45569</v>
      </c>
      <c r="F116263" s="14" t="s">
        <v>15</v>
      </c>
      <c r="G116263" s="16">
        <v>0.59587982755908431</v>
      </c>
    </row>
    <row r="116264" spans="1:7" x14ac:dyDescent="0.3">
      <c r="A116264" s="13" t="s">
        <v>552</v>
      </c>
      <c r="B116264" s="14" t="s">
        <v>1</v>
      </c>
      <c r="C116264" s="14" t="s">
        <v>546</v>
      </c>
      <c r="D116264" s="14" t="s">
        <v>122</v>
      </c>
      <c r="E116264" s="15">
        <v>45570</v>
      </c>
      <c r="F116264" s="14" t="s">
        <v>15</v>
      </c>
      <c r="G116264" s="16">
        <v>0.59587982755908431</v>
      </c>
    </row>
    <row r="116265" spans="1:7" x14ac:dyDescent="0.3">
      <c r="A116265" s="13" t="s">
        <v>552</v>
      </c>
      <c r="B116265" s="14" t="s">
        <v>1</v>
      </c>
      <c r="C116265" s="14" t="s">
        <v>546</v>
      </c>
      <c r="D116265" s="14" t="s">
        <v>122</v>
      </c>
      <c r="E116265" s="15">
        <v>45571</v>
      </c>
      <c r="F116265" s="14" t="s">
        <v>15</v>
      </c>
      <c r="G116265" s="16">
        <v>0.59587982755908431</v>
      </c>
    </row>
    <row r="116266" spans="1:7" x14ac:dyDescent="0.3">
      <c r="A116266" s="13" t="s">
        <v>552</v>
      </c>
      <c r="B116266" s="14" t="s">
        <v>1</v>
      </c>
      <c r="C116266" s="14" t="s">
        <v>546</v>
      </c>
      <c r="D116266" s="14" t="s">
        <v>122</v>
      </c>
      <c r="E116266" s="15">
        <v>45572</v>
      </c>
      <c r="F116266" s="14" t="s">
        <v>15</v>
      </c>
      <c r="G116266" s="16">
        <v>0.59587982755908431</v>
      </c>
    </row>
    <row r="116267" spans="1:7" x14ac:dyDescent="0.3">
      <c r="A116267" s="13" t="s">
        <v>552</v>
      </c>
      <c r="B116267" s="14" t="s">
        <v>1</v>
      </c>
      <c r="C116267" s="14" t="s">
        <v>546</v>
      </c>
      <c r="D116267" s="14" t="s">
        <v>122</v>
      </c>
      <c r="E116267" s="15">
        <v>45573</v>
      </c>
      <c r="F116267" s="14" t="s">
        <v>15</v>
      </c>
      <c r="G116267" s="16">
        <v>0.59324648954476045</v>
      </c>
    </row>
    <row r="116268" spans="1:7" x14ac:dyDescent="0.3">
      <c r="A116268" s="13" t="s">
        <v>552</v>
      </c>
      <c r="B116268" s="14" t="s">
        <v>1</v>
      </c>
      <c r="C116268" s="14" t="s">
        <v>546</v>
      </c>
      <c r="D116268" s="14" t="s">
        <v>122</v>
      </c>
      <c r="E116268" s="15">
        <v>45574</v>
      </c>
      <c r="F116268" s="14" t="s">
        <v>15</v>
      </c>
      <c r="G116268" s="16">
        <v>0.57134984581494719</v>
      </c>
    </row>
    <row r="116269" spans="1:7" x14ac:dyDescent="0.3">
      <c r="A116269" s="13" t="s">
        <v>552</v>
      </c>
      <c r="B116269" s="14" t="s">
        <v>1</v>
      </c>
      <c r="C116269" s="14" t="s">
        <v>546</v>
      </c>
      <c r="D116269" s="14" t="s">
        <v>122</v>
      </c>
      <c r="E116269" s="15">
        <v>45575</v>
      </c>
      <c r="F116269" s="14" t="s">
        <v>15</v>
      </c>
      <c r="G116269" s="16">
        <v>0.57352060834829932</v>
      </c>
    </row>
    <row r="116270" spans="1:7" x14ac:dyDescent="0.3">
      <c r="A116270" s="13" t="s">
        <v>552</v>
      </c>
      <c r="B116270" s="14" t="s">
        <v>1</v>
      </c>
      <c r="C116270" s="14" t="s">
        <v>546</v>
      </c>
      <c r="D116270" s="14" t="s">
        <v>122</v>
      </c>
      <c r="E116270" s="15">
        <v>45576</v>
      </c>
      <c r="F116270" s="14" t="s">
        <v>15</v>
      </c>
      <c r="G116270" s="16">
        <v>0.57352060834829932</v>
      </c>
    </row>
    <row r="116271" spans="1:7" x14ac:dyDescent="0.3">
      <c r="A116271" s="13" t="s">
        <v>552</v>
      </c>
      <c r="B116271" s="14" t="s">
        <v>1</v>
      </c>
      <c r="C116271" s="14" t="s">
        <v>546</v>
      </c>
      <c r="D116271" s="14" t="s">
        <v>122</v>
      </c>
      <c r="E116271" s="15">
        <v>45577</v>
      </c>
      <c r="F116271" s="14" t="s">
        <v>15</v>
      </c>
      <c r="G116271" s="16">
        <v>0.57352060834829932</v>
      </c>
    </row>
    <row r="116272" spans="1:7" x14ac:dyDescent="0.3">
      <c r="A116272" s="13" t="s">
        <v>552</v>
      </c>
      <c r="B116272" s="14" t="s">
        <v>1</v>
      </c>
      <c r="C116272" s="14" t="s">
        <v>546</v>
      </c>
      <c r="D116272" s="14" t="s">
        <v>122</v>
      </c>
      <c r="E116272" s="15">
        <v>45578</v>
      </c>
      <c r="F116272" s="14" t="s">
        <v>15</v>
      </c>
      <c r="G116272" s="16">
        <v>0.57352060834829932</v>
      </c>
    </row>
    <row r="116273" spans="1:7" x14ac:dyDescent="0.3">
      <c r="A116273" s="13" t="s">
        <v>552</v>
      </c>
      <c r="B116273" s="14" t="s">
        <v>1</v>
      </c>
      <c r="C116273" s="14" t="s">
        <v>546</v>
      </c>
      <c r="D116273" s="14" t="s">
        <v>122</v>
      </c>
      <c r="E116273" s="15">
        <v>45579</v>
      </c>
      <c r="F116273" s="14" t="s">
        <v>15</v>
      </c>
      <c r="G116273" s="16">
        <v>0.5703988557854569</v>
      </c>
    </row>
    <row r="116274" spans="1:7" x14ac:dyDescent="0.3">
      <c r="A116274" s="13" t="s">
        <v>552</v>
      </c>
      <c r="B116274" s="14" t="s">
        <v>1</v>
      </c>
      <c r="C116274" s="14" t="s">
        <v>546</v>
      </c>
      <c r="D116274" s="14" t="s">
        <v>122</v>
      </c>
      <c r="E116274" s="15">
        <v>45580</v>
      </c>
      <c r="F116274" s="14" t="s">
        <v>15</v>
      </c>
      <c r="G116274" s="16">
        <v>0.55775372167507919</v>
      </c>
    </row>
    <row r="116275" spans="1:7" x14ac:dyDescent="0.3">
      <c r="A116275" s="13" t="s">
        <v>552</v>
      </c>
      <c r="B116275" s="14" t="s">
        <v>1</v>
      </c>
      <c r="C116275" s="14" t="s">
        <v>546</v>
      </c>
      <c r="D116275" s="14" t="s">
        <v>122</v>
      </c>
      <c r="E116275" s="15">
        <v>45581</v>
      </c>
      <c r="F116275" s="14" t="s">
        <v>15</v>
      </c>
      <c r="G116275" s="16">
        <v>0.55461624098416507</v>
      </c>
    </row>
    <row r="116276" spans="1:7" x14ac:dyDescent="0.3">
      <c r="A116276" s="13" t="s">
        <v>552</v>
      </c>
      <c r="B116276" s="14" t="s">
        <v>1</v>
      </c>
      <c r="C116276" s="14" t="s">
        <v>546</v>
      </c>
      <c r="D116276" s="14" t="s">
        <v>122</v>
      </c>
      <c r="E116276" s="15">
        <v>45582</v>
      </c>
      <c r="F116276" s="14" t="s">
        <v>15</v>
      </c>
      <c r="G116276" s="16">
        <v>0.55159678352073649</v>
      </c>
    </row>
    <row r="116277" spans="1:7" x14ac:dyDescent="0.3">
      <c r="A116277" s="13" t="s">
        <v>552</v>
      </c>
      <c r="B116277" s="14" t="s">
        <v>1</v>
      </c>
      <c r="C116277" s="14" t="s">
        <v>546</v>
      </c>
      <c r="D116277" s="14" t="s">
        <v>122</v>
      </c>
      <c r="E116277" s="15">
        <v>45583</v>
      </c>
      <c r="F116277" s="14" t="s">
        <v>15</v>
      </c>
      <c r="G116277" s="16">
        <v>0.54861835769124689</v>
      </c>
    </row>
    <row r="116278" spans="1:7" x14ac:dyDescent="0.3">
      <c r="A116278" s="13" t="s">
        <v>552</v>
      </c>
      <c r="B116278" s="14" t="s">
        <v>1</v>
      </c>
      <c r="C116278" s="14" t="s">
        <v>546</v>
      </c>
      <c r="D116278" s="14" t="s">
        <v>122</v>
      </c>
      <c r="E116278" s="15">
        <v>45584</v>
      </c>
      <c r="F116278" s="14" t="s">
        <v>15</v>
      </c>
      <c r="G116278" s="16">
        <v>0.54861835769124689</v>
      </c>
    </row>
    <row r="116279" spans="1:7" x14ac:dyDescent="0.3">
      <c r="A116279" s="13" t="s">
        <v>552</v>
      </c>
      <c r="B116279" s="14" t="s">
        <v>1</v>
      </c>
      <c r="C116279" s="14" t="s">
        <v>546</v>
      </c>
      <c r="D116279" s="14" t="s">
        <v>122</v>
      </c>
      <c r="E116279" s="15">
        <v>45585</v>
      </c>
      <c r="F116279" s="14" t="s">
        <v>15</v>
      </c>
      <c r="G116279" s="16">
        <v>0.54861835769124689</v>
      </c>
    </row>
    <row r="116280" spans="1:7" x14ac:dyDescent="0.3">
      <c r="A116280" s="13" t="s">
        <v>552</v>
      </c>
      <c r="B116280" s="14" t="s">
        <v>1</v>
      </c>
      <c r="C116280" s="14" t="s">
        <v>546</v>
      </c>
      <c r="D116280" s="14" t="s">
        <v>122</v>
      </c>
      <c r="E116280" s="15">
        <v>45586</v>
      </c>
      <c r="F116280" s="14" t="s">
        <v>15</v>
      </c>
      <c r="G116280" s="16">
        <v>0.56062966553234195</v>
      </c>
    </row>
    <row r="116281" spans="1:7" x14ac:dyDescent="0.3">
      <c r="A116281" s="13" t="s">
        <v>552</v>
      </c>
      <c r="B116281" s="14" t="s">
        <v>1</v>
      </c>
      <c r="C116281" s="14" t="s">
        <v>546</v>
      </c>
      <c r="D116281" s="14" t="s">
        <v>122</v>
      </c>
      <c r="E116281" s="15">
        <v>45587</v>
      </c>
      <c r="F116281" s="14" t="s">
        <v>15</v>
      </c>
      <c r="G116281" s="16">
        <v>0.55141704836227801</v>
      </c>
    </row>
    <row r="116282" spans="1:7" x14ac:dyDescent="0.3">
      <c r="A116282" s="13" t="s">
        <v>552</v>
      </c>
      <c r="B116282" s="14" t="s">
        <v>1</v>
      </c>
      <c r="C116282" s="14" t="s">
        <v>546</v>
      </c>
      <c r="D116282" s="14" t="s">
        <v>122</v>
      </c>
      <c r="E116282" s="15">
        <v>45588</v>
      </c>
      <c r="F116282" s="14" t="s">
        <v>15</v>
      </c>
      <c r="G116282" s="16">
        <v>0.5483677997385612</v>
      </c>
    </row>
    <row r="116283" spans="1:7" x14ac:dyDescent="0.3">
      <c r="A116283" s="13" t="s">
        <v>552</v>
      </c>
      <c r="B116283" s="14" t="s">
        <v>1</v>
      </c>
      <c r="C116283" s="14" t="s">
        <v>546</v>
      </c>
      <c r="D116283" s="14" t="s">
        <v>122</v>
      </c>
      <c r="E116283" s="15">
        <v>45589</v>
      </c>
      <c r="F116283" s="14" t="s">
        <v>15</v>
      </c>
      <c r="G116283" s="16">
        <v>0.54715250439560625</v>
      </c>
    </row>
    <row r="116284" spans="1:7" x14ac:dyDescent="0.3">
      <c r="A116284" s="13" t="s">
        <v>552</v>
      </c>
      <c r="B116284" s="14" t="s">
        <v>1</v>
      </c>
      <c r="C116284" s="14" t="s">
        <v>546</v>
      </c>
      <c r="D116284" s="14" t="s">
        <v>122</v>
      </c>
      <c r="E116284" s="15">
        <v>45590</v>
      </c>
      <c r="F116284" s="14" t="s">
        <v>15</v>
      </c>
      <c r="G116284" s="16">
        <v>0.54407587889344888</v>
      </c>
    </row>
    <row r="116285" spans="1:7" x14ac:dyDescent="0.3">
      <c r="A116285" s="13" t="s">
        <v>552</v>
      </c>
      <c r="B116285" s="14" t="s">
        <v>1</v>
      </c>
      <c r="C116285" s="14" t="s">
        <v>546</v>
      </c>
      <c r="D116285" s="14" t="s">
        <v>122</v>
      </c>
      <c r="E116285" s="15">
        <v>45591</v>
      </c>
      <c r="F116285" s="14" t="s">
        <v>15</v>
      </c>
      <c r="G116285" s="16">
        <v>0.54407587889344888</v>
      </c>
    </row>
    <row r="116286" spans="1:7" x14ac:dyDescent="0.3">
      <c r="A116286" s="13" t="s">
        <v>552</v>
      </c>
      <c r="B116286" s="14" t="s">
        <v>1</v>
      </c>
      <c r="C116286" s="14" t="s">
        <v>546</v>
      </c>
      <c r="D116286" s="14" t="s">
        <v>122</v>
      </c>
      <c r="E116286" s="15">
        <v>45592</v>
      </c>
      <c r="F116286" s="14" t="s">
        <v>15</v>
      </c>
      <c r="G116286" s="16">
        <v>0.54407587889344888</v>
      </c>
    </row>
    <row r="116287" spans="1:7" x14ac:dyDescent="0.3">
      <c r="A116287" s="13" t="s">
        <v>552</v>
      </c>
      <c r="B116287" s="14" t="s">
        <v>1</v>
      </c>
      <c r="C116287" s="14" t="s">
        <v>546</v>
      </c>
      <c r="D116287" s="14" t="s">
        <v>122</v>
      </c>
      <c r="E116287" s="15">
        <v>45593</v>
      </c>
      <c r="F116287" s="14" t="s">
        <v>15</v>
      </c>
      <c r="G116287" s="16">
        <v>0.54407587889344888</v>
      </c>
    </row>
    <row r="116288" spans="1:7" x14ac:dyDescent="0.3">
      <c r="A116288" s="13" t="s">
        <v>552</v>
      </c>
      <c r="B116288" s="14" t="s">
        <v>1</v>
      </c>
      <c r="C116288" s="14" t="s">
        <v>546</v>
      </c>
      <c r="D116288" s="14" t="s">
        <v>122</v>
      </c>
      <c r="E116288" s="15">
        <v>45594</v>
      </c>
      <c r="F116288" s="14" t="s">
        <v>15</v>
      </c>
      <c r="G116288" s="16">
        <v>0.54583603363232713</v>
      </c>
    </row>
    <row r="116289" spans="1:7" x14ac:dyDescent="0.3">
      <c r="A116289" s="13" t="s">
        <v>552</v>
      </c>
      <c r="B116289" s="14" t="s">
        <v>1</v>
      </c>
      <c r="C116289" s="14" t="s">
        <v>546</v>
      </c>
      <c r="D116289" s="14" t="s">
        <v>122</v>
      </c>
      <c r="E116289" s="15">
        <v>45595</v>
      </c>
      <c r="F116289" s="14" t="s">
        <v>15</v>
      </c>
      <c r="G116289" s="16">
        <v>0.53364945425425836</v>
      </c>
    </row>
    <row r="116290" spans="1:7" x14ac:dyDescent="0.3">
      <c r="A116290" s="13" t="s">
        <v>552</v>
      </c>
      <c r="B116290" s="14" t="s">
        <v>1</v>
      </c>
      <c r="C116290" s="14" t="s">
        <v>546</v>
      </c>
      <c r="D116290" s="14" t="s">
        <v>122</v>
      </c>
      <c r="E116290" s="15">
        <v>45596</v>
      </c>
      <c r="F116290" s="14" t="s">
        <v>15</v>
      </c>
      <c r="G116290" s="16">
        <v>0.53060734742491755</v>
      </c>
    </row>
    <row r="116291" spans="1:7" x14ac:dyDescent="0.3">
      <c r="A116291" s="13" t="s">
        <v>552</v>
      </c>
      <c r="B116291" s="14" t="s">
        <v>1</v>
      </c>
      <c r="C116291" s="14" t="s">
        <v>546</v>
      </c>
      <c r="D116291" s="14" t="s">
        <v>122</v>
      </c>
      <c r="E116291" s="15">
        <v>45597</v>
      </c>
      <c r="F116291" s="14" t="s">
        <v>15</v>
      </c>
      <c r="G116291" s="16">
        <v>0.53222585657534149</v>
      </c>
    </row>
    <row r="116292" spans="1:7" x14ac:dyDescent="0.3">
      <c r="A116292" s="13" t="s">
        <v>552</v>
      </c>
      <c r="B116292" s="14" t="s">
        <v>1</v>
      </c>
      <c r="C116292" s="14" t="s">
        <v>546</v>
      </c>
      <c r="D116292" s="14" t="s">
        <v>122</v>
      </c>
      <c r="E116292" s="15">
        <v>45598</v>
      </c>
      <c r="F116292" s="14" t="s">
        <v>15</v>
      </c>
      <c r="G116292" s="16">
        <v>0.53222585657534149</v>
      </c>
    </row>
    <row r="116293" spans="1:7" x14ac:dyDescent="0.3">
      <c r="A116293" s="13" t="s">
        <v>552</v>
      </c>
      <c r="B116293" s="14" t="s">
        <v>1</v>
      </c>
      <c r="C116293" s="14" t="s">
        <v>546</v>
      </c>
      <c r="D116293" s="14" t="s">
        <v>122</v>
      </c>
      <c r="E116293" s="15">
        <v>45599</v>
      </c>
      <c r="F116293" s="14" t="s">
        <v>15</v>
      </c>
      <c r="G116293" s="16">
        <v>0.53222585657534149</v>
      </c>
    </row>
    <row r="116294" spans="1:7" x14ac:dyDescent="0.3">
      <c r="A116294" s="13" t="s">
        <v>552</v>
      </c>
      <c r="B116294" s="14" t="s">
        <v>1</v>
      </c>
      <c r="C116294" s="14" t="s">
        <v>546</v>
      </c>
      <c r="D116294" s="14" t="s">
        <v>122</v>
      </c>
      <c r="E116294" s="15">
        <v>45600</v>
      </c>
      <c r="F116294" s="14" t="s">
        <v>15</v>
      </c>
      <c r="G116294" s="16">
        <v>0.5318836455948327</v>
      </c>
    </row>
    <row r="116295" spans="1:7" x14ac:dyDescent="0.3">
      <c r="A116295" s="13" t="s">
        <v>552</v>
      </c>
      <c r="B116295" s="14" t="s">
        <v>1</v>
      </c>
      <c r="C116295" s="14" t="s">
        <v>546</v>
      </c>
      <c r="D116295" s="14" t="s">
        <v>122</v>
      </c>
      <c r="E116295" s="15">
        <v>45601</v>
      </c>
      <c r="F116295" s="14" t="s">
        <v>15</v>
      </c>
      <c r="G116295" s="16">
        <v>0.52285046600846163</v>
      </c>
    </row>
    <row r="116296" spans="1:7" x14ac:dyDescent="0.3">
      <c r="A116296" s="13" t="s">
        <v>552</v>
      </c>
      <c r="B116296" s="14" t="s">
        <v>1</v>
      </c>
      <c r="C116296" s="14" t="s">
        <v>546</v>
      </c>
      <c r="D116296" s="14" t="s">
        <v>122</v>
      </c>
      <c r="E116296" s="15">
        <v>45602</v>
      </c>
      <c r="F116296" s="14" t="s">
        <v>15</v>
      </c>
      <c r="G116296" s="16">
        <v>0.5198030028333388</v>
      </c>
    </row>
    <row r="116297" spans="1:7" x14ac:dyDescent="0.3">
      <c r="A116297" s="13" t="s">
        <v>552</v>
      </c>
      <c r="B116297" s="14" t="s">
        <v>1</v>
      </c>
      <c r="C116297" s="14" t="s">
        <v>546</v>
      </c>
      <c r="D116297" s="14" t="s">
        <v>122</v>
      </c>
      <c r="E116297" s="15">
        <v>45603</v>
      </c>
      <c r="F116297" s="14" t="s">
        <v>15</v>
      </c>
      <c r="G116297" s="16">
        <v>0.51669037078453661</v>
      </c>
    </row>
    <row r="116298" spans="1:7" x14ac:dyDescent="0.3">
      <c r="A116298" s="13" t="s">
        <v>552</v>
      </c>
      <c r="B116298" s="14" t="s">
        <v>1</v>
      </c>
      <c r="C116298" s="14" t="s">
        <v>546</v>
      </c>
      <c r="D116298" s="14" t="s">
        <v>122</v>
      </c>
      <c r="E116298" s="15">
        <v>45604</v>
      </c>
      <c r="F116298" s="14" t="s">
        <v>15</v>
      </c>
      <c r="G116298" s="16">
        <v>0.51694539235870707</v>
      </c>
    </row>
    <row r="116299" spans="1:7" x14ac:dyDescent="0.3">
      <c r="A116299" s="13" t="s">
        <v>552</v>
      </c>
      <c r="B116299" s="14" t="s">
        <v>1</v>
      </c>
      <c r="C116299" s="14" t="s">
        <v>546</v>
      </c>
      <c r="D116299" s="14" t="s">
        <v>122</v>
      </c>
      <c r="E116299" s="15">
        <v>45605</v>
      </c>
      <c r="F116299" s="14" t="s">
        <v>15</v>
      </c>
      <c r="G116299" s="16">
        <v>0.51694539235870707</v>
      </c>
    </row>
    <row r="116300" spans="1:7" x14ac:dyDescent="0.3">
      <c r="A116300" s="13" t="s">
        <v>552</v>
      </c>
      <c r="B116300" s="14" t="s">
        <v>1</v>
      </c>
      <c r="C116300" s="14" t="s">
        <v>546</v>
      </c>
      <c r="D116300" s="14" t="s">
        <v>122</v>
      </c>
      <c r="E116300" s="15">
        <v>45606</v>
      </c>
      <c r="F116300" s="14" t="s">
        <v>15</v>
      </c>
      <c r="G116300" s="16">
        <v>0.51694539235870707</v>
      </c>
    </row>
    <row r="116301" spans="1:7" x14ac:dyDescent="0.3">
      <c r="A116301" s="13" t="s">
        <v>552</v>
      </c>
      <c r="B116301" s="14" t="s">
        <v>1</v>
      </c>
      <c r="C116301" s="14" t="s">
        <v>546</v>
      </c>
      <c r="D116301" s="14" t="s">
        <v>122</v>
      </c>
      <c r="E116301" s="15">
        <v>45607</v>
      </c>
      <c r="F116301" s="14" t="s">
        <v>15</v>
      </c>
      <c r="G116301" s="16">
        <v>0.51382948698748265</v>
      </c>
    </row>
    <row r="116302" spans="1:7" x14ac:dyDescent="0.3">
      <c r="A116302" s="13" t="s">
        <v>552</v>
      </c>
      <c r="B116302" s="14" t="s">
        <v>1</v>
      </c>
      <c r="C116302" s="14" t="s">
        <v>546</v>
      </c>
      <c r="D116302" s="14" t="s">
        <v>122</v>
      </c>
      <c r="E116302" s="15">
        <v>45608</v>
      </c>
      <c r="F116302" s="14" t="s">
        <v>15</v>
      </c>
      <c r="G116302" s="16">
        <v>0.50453592948115911</v>
      </c>
    </row>
    <row r="116303" spans="1:7" x14ac:dyDescent="0.3">
      <c r="A116303" s="13" t="s">
        <v>552</v>
      </c>
      <c r="B116303" s="14" t="s">
        <v>1</v>
      </c>
      <c r="C116303" s="14" t="s">
        <v>546</v>
      </c>
      <c r="D116303" s="14" t="s">
        <v>122</v>
      </c>
      <c r="E116303" s="15">
        <v>45609</v>
      </c>
      <c r="F116303" s="14" t="s">
        <v>15</v>
      </c>
      <c r="G116303" s="16">
        <v>0.50145930397900174</v>
      </c>
    </row>
    <row r="116304" spans="1:7" x14ac:dyDescent="0.3">
      <c r="A116304" s="13" t="s">
        <v>552</v>
      </c>
      <c r="B116304" s="14" t="s">
        <v>1</v>
      </c>
      <c r="C116304" s="14" t="s">
        <v>546</v>
      </c>
      <c r="D116304" s="14" t="s">
        <v>122</v>
      </c>
      <c r="E116304" s="15">
        <v>45610</v>
      </c>
      <c r="F116304" s="14" t="s">
        <v>15</v>
      </c>
      <c r="G116304" s="16">
        <v>0.49843862253278831</v>
      </c>
    </row>
    <row r="116305" spans="1:7" x14ac:dyDescent="0.3">
      <c r="A116305" s="13" t="s">
        <v>552</v>
      </c>
      <c r="B116305" s="14" t="s">
        <v>1</v>
      </c>
      <c r="C116305" s="14" t="s">
        <v>546</v>
      </c>
      <c r="D116305" s="14" t="s">
        <v>122</v>
      </c>
      <c r="E116305" s="15">
        <v>45611</v>
      </c>
      <c r="F116305" s="14" t="s">
        <v>15</v>
      </c>
      <c r="G116305" s="16">
        <v>0.49551733105830525</v>
      </c>
    </row>
    <row r="116306" spans="1:7" x14ac:dyDescent="0.3">
      <c r="A116306" s="13" t="s">
        <v>552</v>
      </c>
      <c r="B116306" s="14" t="s">
        <v>1</v>
      </c>
      <c r="C116306" s="14" t="s">
        <v>546</v>
      </c>
      <c r="D116306" s="14" t="s">
        <v>122</v>
      </c>
      <c r="E116306" s="15">
        <v>45612</v>
      </c>
      <c r="F116306" s="14" t="s">
        <v>15</v>
      </c>
      <c r="G116306" s="16">
        <v>0.49551733105830525</v>
      </c>
    </row>
    <row r="116307" spans="1:7" x14ac:dyDescent="0.3">
      <c r="A116307" s="13" t="s">
        <v>552</v>
      </c>
      <c r="B116307" s="14" t="s">
        <v>1</v>
      </c>
      <c r="C116307" s="14" t="s">
        <v>546</v>
      </c>
      <c r="D116307" s="14" t="s">
        <v>122</v>
      </c>
      <c r="E116307" s="15">
        <v>45613</v>
      </c>
      <c r="F116307" s="14" t="s">
        <v>15</v>
      </c>
      <c r="G116307" s="16">
        <v>0.49551733105830525</v>
      </c>
    </row>
    <row r="116308" spans="1:7" x14ac:dyDescent="0.3">
      <c r="A116308" s="13" t="s">
        <v>552</v>
      </c>
      <c r="B116308" s="14" t="s">
        <v>1</v>
      </c>
      <c r="C116308" s="14" t="s">
        <v>546</v>
      </c>
      <c r="D116308" s="14" t="s">
        <v>122</v>
      </c>
      <c r="E116308" s="15">
        <v>45614</v>
      </c>
      <c r="F116308" s="14" t="s">
        <v>15</v>
      </c>
      <c r="G116308" s="16">
        <v>0.49256538938295935</v>
      </c>
    </row>
    <row r="116309" spans="1:7" x14ac:dyDescent="0.3">
      <c r="A116309" s="13" t="s">
        <v>552</v>
      </c>
      <c r="B116309" s="14" t="s">
        <v>1</v>
      </c>
      <c r="C116309" s="14" t="s">
        <v>546</v>
      </c>
      <c r="D116309" s="14" t="s">
        <v>122</v>
      </c>
      <c r="E116309" s="15">
        <v>45615</v>
      </c>
      <c r="F116309" s="14" t="s">
        <v>15</v>
      </c>
      <c r="G116309" s="16">
        <v>0.48377949442685159</v>
      </c>
    </row>
    <row r="116310" spans="1:7" x14ac:dyDescent="0.3">
      <c r="A116310" s="13" t="s">
        <v>552</v>
      </c>
      <c r="B116310" s="14" t="s">
        <v>1</v>
      </c>
      <c r="C116310" s="14" t="s">
        <v>546</v>
      </c>
      <c r="D116310" s="14" t="s">
        <v>122</v>
      </c>
      <c r="E116310" s="15">
        <v>45616</v>
      </c>
      <c r="F116310" s="14" t="s">
        <v>15</v>
      </c>
      <c r="G116310" s="16">
        <v>0.48087397441494861</v>
      </c>
    </row>
    <row r="116311" spans="1:7" x14ac:dyDescent="0.3">
      <c r="A116311" s="13" t="s">
        <v>552</v>
      </c>
      <c r="B116311" s="14" t="s">
        <v>1</v>
      </c>
      <c r="C116311" s="14" t="s">
        <v>546</v>
      </c>
      <c r="D116311" s="14" t="s">
        <v>122</v>
      </c>
      <c r="E116311" s="15">
        <v>45617</v>
      </c>
      <c r="F116311" s="14" t="s">
        <v>15</v>
      </c>
      <c r="G116311" s="16">
        <v>0.47794316054796449</v>
      </c>
    </row>
    <row r="116312" spans="1:7" x14ac:dyDescent="0.3">
      <c r="A116312" s="13" t="s">
        <v>552</v>
      </c>
      <c r="B116312" s="14" t="s">
        <v>1</v>
      </c>
      <c r="C116312" s="14" t="s">
        <v>546</v>
      </c>
      <c r="D116312" s="14" t="s">
        <v>122</v>
      </c>
      <c r="E116312" s="15">
        <v>45618</v>
      </c>
      <c r="F116312" s="14" t="s">
        <v>15</v>
      </c>
      <c r="G116312" s="16">
        <v>0.4749980630922287</v>
      </c>
    </row>
    <row r="116313" spans="1:7" x14ac:dyDescent="0.3">
      <c r="A116313" s="13" t="s">
        <v>552</v>
      </c>
      <c r="B116313" s="14" t="s">
        <v>1</v>
      </c>
      <c r="C116313" s="14" t="s">
        <v>546</v>
      </c>
      <c r="D116313" s="14" t="s">
        <v>122</v>
      </c>
      <c r="E116313" s="15">
        <v>45619</v>
      </c>
      <c r="F116313" s="14" t="s">
        <v>15</v>
      </c>
      <c r="G116313" s="16">
        <v>0.4749980630922287</v>
      </c>
    </row>
    <row r="116314" spans="1:7" x14ac:dyDescent="0.3">
      <c r="A116314" s="13" t="s">
        <v>552</v>
      </c>
      <c r="B116314" s="14" t="s">
        <v>1</v>
      </c>
      <c r="C116314" s="14" t="s">
        <v>546</v>
      </c>
      <c r="D116314" s="14" t="s">
        <v>122</v>
      </c>
      <c r="E116314" s="15">
        <v>45620</v>
      </c>
      <c r="F116314" s="14" t="s">
        <v>15</v>
      </c>
      <c r="G116314" s="16">
        <v>0.4749980630922287</v>
      </c>
    </row>
    <row r="116315" spans="1:7" x14ac:dyDescent="0.3">
      <c r="A116315" s="13" t="s">
        <v>552</v>
      </c>
      <c r="B116315" s="14" t="s">
        <v>1</v>
      </c>
      <c r="C116315" s="14" t="s">
        <v>546</v>
      </c>
      <c r="D116315" s="14" t="s">
        <v>122</v>
      </c>
      <c r="E116315" s="15">
        <v>45621</v>
      </c>
      <c r="F116315" s="14" t="s">
        <v>15</v>
      </c>
      <c r="G116315" s="16">
        <v>0.47205891713180614</v>
      </c>
    </row>
    <row r="116316" spans="1:7" x14ac:dyDescent="0.3">
      <c r="A116316" s="13" t="s">
        <v>552</v>
      </c>
      <c r="B116316" s="14" t="s">
        <v>1</v>
      </c>
      <c r="C116316" s="14" t="s">
        <v>546</v>
      </c>
      <c r="D116316" s="14" t="s">
        <v>122</v>
      </c>
      <c r="E116316" s="15">
        <v>45622</v>
      </c>
      <c r="F116316" s="14" t="s">
        <v>15</v>
      </c>
      <c r="G116316" s="16">
        <v>0.46348102693689464</v>
      </c>
    </row>
    <row r="116317" spans="1:7" x14ac:dyDescent="0.3">
      <c r="A116317" s="13" t="s">
        <v>552</v>
      </c>
      <c r="B116317" s="14" t="s">
        <v>1</v>
      </c>
      <c r="C116317" s="14" t="s">
        <v>546</v>
      </c>
      <c r="D116317" s="14" t="s">
        <v>122</v>
      </c>
      <c r="E116317" s="15">
        <v>45623</v>
      </c>
      <c r="F116317" s="14" t="s">
        <v>15</v>
      </c>
      <c r="G116317" s="16">
        <v>0.46064335397156203</v>
      </c>
    </row>
    <row r="116318" spans="1:7" x14ac:dyDescent="0.3">
      <c r="A116318" s="13" t="s">
        <v>552</v>
      </c>
      <c r="B116318" s="14" t="s">
        <v>1</v>
      </c>
      <c r="C116318" s="14" t="s">
        <v>546</v>
      </c>
      <c r="D116318" s="14" t="s">
        <v>122</v>
      </c>
      <c r="E116318" s="15">
        <v>45624</v>
      </c>
      <c r="F116318" s="14" t="s">
        <v>15</v>
      </c>
      <c r="G116318" s="16">
        <v>0.45858651719132104</v>
      </c>
    </row>
    <row r="116319" spans="1:7" x14ac:dyDescent="0.3">
      <c r="A116319" s="13" t="s">
        <v>552</v>
      </c>
      <c r="B116319" s="14" t="s">
        <v>1</v>
      </c>
      <c r="C116319" s="14" t="s">
        <v>546</v>
      </c>
      <c r="D116319" s="14" t="s">
        <v>122</v>
      </c>
      <c r="E116319" s="15">
        <v>45625</v>
      </c>
      <c r="F116319" s="14" t="s">
        <v>15</v>
      </c>
      <c r="G116319" s="16">
        <v>0.45854961792037918</v>
      </c>
    </row>
    <row r="116320" spans="1:7" x14ac:dyDescent="0.3">
      <c r="A116320" s="13" t="s">
        <v>552</v>
      </c>
      <c r="B116320" s="14" t="s">
        <v>1</v>
      </c>
      <c r="C116320" s="14" t="s">
        <v>546</v>
      </c>
      <c r="D116320" s="14" t="s">
        <v>122</v>
      </c>
      <c r="E116320" s="15">
        <v>45626</v>
      </c>
      <c r="F116320" s="14" t="s">
        <v>15</v>
      </c>
      <c r="G116320" s="16">
        <v>0.45854961792037918</v>
      </c>
    </row>
    <row r="116321" spans="1:7" x14ac:dyDescent="0.3">
      <c r="A116321" s="13" t="s">
        <v>552</v>
      </c>
      <c r="B116321" s="14" t="s">
        <v>1</v>
      </c>
      <c r="C116321" s="14" t="s">
        <v>546</v>
      </c>
      <c r="D116321" s="14" t="s">
        <v>122</v>
      </c>
      <c r="E116321" s="15">
        <v>45627</v>
      </c>
      <c r="F116321" s="14" t="s">
        <v>15</v>
      </c>
      <c r="G116321" s="16">
        <v>0.45854961792037918</v>
      </c>
    </row>
    <row r="116322" spans="1:7" x14ac:dyDescent="0.3">
      <c r="A116322" s="13" t="s">
        <v>552</v>
      </c>
      <c r="B116322" s="14" t="s">
        <v>1</v>
      </c>
      <c r="C116322" s="14" t="s">
        <v>546</v>
      </c>
      <c r="D116322" s="14" t="s">
        <v>122</v>
      </c>
      <c r="E116322" s="15">
        <v>45628</v>
      </c>
      <c r="F116322" s="14" t="s">
        <v>15</v>
      </c>
      <c r="G116322" s="16">
        <v>0.45702305937254406</v>
      </c>
    </row>
    <row r="116323" spans="1:7" x14ac:dyDescent="0.3">
      <c r="A116323" s="13" t="s">
        <v>552</v>
      </c>
      <c r="B116323" s="14" t="s">
        <v>1</v>
      </c>
      <c r="C116323" s="14" t="s">
        <v>546</v>
      </c>
      <c r="D116323" s="14" t="s">
        <v>122</v>
      </c>
      <c r="E116323" s="15">
        <v>45629</v>
      </c>
      <c r="F116323" s="14" t="s">
        <v>15</v>
      </c>
      <c r="G116323" s="16">
        <v>0.44842314864497373</v>
      </c>
    </row>
    <row r="116324" spans="1:7" x14ac:dyDescent="0.3">
      <c r="A116324" s="13" t="s">
        <v>552</v>
      </c>
      <c r="B116324" s="14" t="s">
        <v>1</v>
      </c>
      <c r="C116324" s="14" t="s">
        <v>546</v>
      </c>
      <c r="D116324" s="14" t="s">
        <v>122</v>
      </c>
      <c r="E116324" s="15">
        <v>45630</v>
      </c>
      <c r="F116324" s="14" t="s">
        <v>15</v>
      </c>
      <c r="G116324" s="16">
        <v>0.44743430769868603</v>
      </c>
    </row>
    <row r="116325" spans="1:7" x14ac:dyDescent="0.3">
      <c r="A116325" s="13" t="s">
        <v>552</v>
      </c>
      <c r="B116325" s="14" t="s">
        <v>1</v>
      </c>
      <c r="C116325" s="14" t="s">
        <v>546</v>
      </c>
      <c r="D116325" s="14" t="s">
        <v>122</v>
      </c>
      <c r="E116325" s="15">
        <v>45631</v>
      </c>
      <c r="F116325" s="14" t="s">
        <v>15</v>
      </c>
      <c r="G116325" s="16">
        <v>0.44453950037834683</v>
      </c>
    </row>
    <row r="116326" spans="1:7" x14ac:dyDescent="0.3">
      <c r="A116326" s="13" t="s">
        <v>552</v>
      </c>
      <c r="B116326" s="14" t="s">
        <v>1</v>
      </c>
      <c r="C116326" s="14" t="s">
        <v>546</v>
      </c>
      <c r="D116326" s="14" t="s">
        <v>122</v>
      </c>
      <c r="E116326" s="15">
        <v>45632</v>
      </c>
      <c r="F116326" s="14" t="s">
        <v>15</v>
      </c>
      <c r="G116326" s="16">
        <v>0.44164141973558535</v>
      </c>
    </row>
    <row r="116327" spans="1:7" x14ac:dyDescent="0.3">
      <c r="A116327" s="13" t="s">
        <v>552</v>
      </c>
      <c r="B116327" s="14" t="s">
        <v>1</v>
      </c>
      <c r="C116327" s="14" t="s">
        <v>546</v>
      </c>
      <c r="D116327" s="14" t="s">
        <v>122</v>
      </c>
      <c r="E116327" s="15">
        <v>45633</v>
      </c>
      <c r="F116327" s="14" t="s">
        <v>15</v>
      </c>
      <c r="G116327" s="16">
        <v>0.44164141973558535</v>
      </c>
    </row>
    <row r="116328" spans="1:7" x14ac:dyDescent="0.3">
      <c r="A116328" s="13" t="s">
        <v>552</v>
      </c>
      <c r="B116328" s="14" t="s">
        <v>1</v>
      </c>
      <c r="C116328" s="14" t="s">
        <v>546</v>
      </c>
      <c r="D116328" s="14" t="s">
        <v>122</v>
      </c>
      <c r="E116328" s="15">
        <v>45634</v>
      </c>
      <c r="F116328" s="14" t="s">
        <v>15</v>
      </c>
      <c r="G116328" s="16">
        <v>0.44164141973558535</v>
      </c>
    </row>
    <row r="116329" spans="1:7" x14ac:dyDescent="0.3">
      <c r="A116329" s="13" t="s">
        <v>552</v>
      </c>
      <c r="B116329" s="14" t="s">
        <v>1</v>
      </c>
      <c r="C116329" s="14" t="s">
        <v>546</v>
      </c>
      <c r="D116329" s="14" t="s">
        <v>122</v>
      </c>
      <c r="E116329" s="15">
        <v>45635</v>
      </c>
      <c r="F116329" s="14" t="s">
        <v>15</v>
      </c>
      <c r="G116329" s="16">
        <v>0.43876476447595131</v>
      </c>
    </row>
    <row r="116330" spans="1:7" x14ac:dyDescent="0.3">
      <c r="A116330" s="13" t="s">
        <v>552</v>
      </c>
      <c r="B116330" s="14" t="s">
        <v>1</v>
      </c>
      <c r="C116330" s="14" t="s">
        <v>546</v>
      </c>
      <c r="D116330" s="14" t="s">
        <v>122</v>
      </c>
      <c r="E116330" s="15">
        <v>45636</v>
      </c>
      <c r="F116330" s="14" t="s">
        <v>15</v>
      </c>
      <c r="G116330" s="16">
        <v>0.4365189677195162</v>
      </c>
    </row>
    <row r="116331" spans="1:7" x14ac:dyDescent="0.3">
      <c r="A116331" s="13" t="s">
        <v>552</v>
      </c>
      <c r="B116331" s="14" t="s">
        <v>1</v>
      </c>
      <c r="C116331" s="14" t="s">
        <v>546</v>
      </c>
      <c r="D116331" s="14" t="s">
        <v>122</v>
      </c>
      <c r="E116331" s="15">
        <v>45637</v>
      </c>
      <c r="F116331" s="14" t="s">
        <v>15</v>
      </c>
      <c r="G116331" s="16">
        <v>0.43355095700682461</v>
      </c>
    </row>
    <row r="116332" spans="1:7" x14ac:dyDescent="0.3">
      <c r="A116332" s="13" t="s">
        <v>552</v>
      </c>
      <c r="B116332" s="14" t="s">
        <v>1</v>
      </c>
      <c r="C116332" s="14" t="s">
        <v>546</v>
      </c>
      <c r="D116332" s="14" t="s">
        <v>122</v>
      </c>
      <c r="E116332" s="15">
        <v>45638</v>
      </c>
      <c r="F116332" s="14" t="s">
        <v>15</v>
      </c>
      <c r="G116332" s="16">
        <v>0.43056241363530251</v>
      </c>
    </row>
    <row r="116333" spans="1:7" x14ac:dyDescent="0.3">
      <c r="A116333" s="13" t="s">
        <v>552</v>
      </c>
      <c r="B116333" s="14" t="s">
        <v>1</v>
      </c>
      <c r="C116333" s="14" t="s">
        <v>546</v>
      </c>
      <c r="D116333" s="14" t="s">
        <v>122</v>
      </c>
      <c r="E116333" s="15">
        <v>45639</v>
      </c>
      <c r="F116333" s="14" t="s">
        <v>15</v>
      </c>
      <c r="G116333" s="16">
        <v>0.42760273501604945</v>
      </c>
    </row>
    <row r="116334" spans="1:7" x14ac:dyDescent="0.3">
      <c r="A116334" s="13" t="s">
        <v>552</v>
      </c>
      <c r="B116334" s="14" t="s">
        <v>1</v>
      </c>
      <c r="C116334" s="14" t="s">
        <v>546</v>
      </c>
      <c r="D116334" s="14" t="s">
        <v>122</v>
      </c>
      <c r="E116334" s="15">
        <v>45640</v>
      </c>
      <c r="F116334" s="14" t="s">
        <v>15</v>
      </c>
      <c r="G116334" s="16">
        <v>0.42760273501604945</v>
      </c>
    </row>
    <row r="116335" spans="1:7" x14ac:dyDescent="0.3">
      <c r="A116335" s="13" t="s">
        <v>552</v>
      </c>
      <c r="B116335" s="14" t="s">
        <v>1</v>
      </c>
      <c r="C116335" s="14" t="s">
        <v>546</v>
      </c>
      <c r="D116335" s="14" t="s">
        <v>122</v>
      </c>
      <c r="E116335" s="15">
        <v>45641</v>
      </c>
      <c r="F116335" s="14" t="s">
        <v>15</v>
      </c>
      <c r="G116335" s="16">
        <v>0.42760273501604945</v>
      </c>
    </row>
    <row r="116336" spans="1:7" x14ac:dyDescent="0.3">
      <c r="A116336" s="13" t="s">
        <v>552</v>
      </c>
      <c r="B116336" s="14" t="s">
        <v>1</v>
      </c>
      <c r="C116336" s="14" t="s">
        <v>546</v>
      </c>
      <c r="D116336" s="14" t="s">
        <v>122</v>
      </c>
      <c r="E116336" s="15">
        <v>45642</v>
      </c>
      <c r="F116336" s="14" t="s">
        <v>15</v>
      </c>
      <c r="G116336" s="16">
        <v>0.42493467966714304</v>
      </c>
    </row>
    <row r="116337" spans="1:7" x14ac:dyDescent="0.3">
      <c r="A116337" s="13" t="s">
        <v>552</v>
      </c>
      <c r="B116337" s="14" t="s">
        <v>1</v>
      </c>
      <c r="C116337" s="14" t="s">
        <v>546</v>
      </c>
      <c r="D116337" s="14" t="s">
        <v>122</v>
      </c>
      <c r="E116337" s="15">
        <v>45643</v>
      </c>
      <c r="F116337" s="14" t="s">
        <v>15</v>
      </c>
      <c r="G116337" s="16">
        <v>0.41613807201947151</v>
      </c>
    </row>
    <row r="116338" spans="1:7" x14ac:dyDescent="0.3">
      <c r="A116338" s="13" t="s">
        <v>552</v>
      </c>
      <c r="B116338" s="14" t="s">
        <v>1</v>
      </c>
      <c r="C116338" s="14" t="s">
        <v>546</v>
      </c>
      <c r="D116338" s="14" t="s">
        <v>122</v>
      </c>
      <c r="E116338" s="15">
        <v>45644</v>
      </c>
      <c r="F116338" s="14" t="s">
        <v>15</v>
      </c>
      <c r="G116338" s="16">
        <v>0.41317750067592141</v>
      </c>
    </row>
    <row r="116339" spans="1:7" x14ac:dyDescent="0.3">
      <c r="A116339" s="13" t="s">
        <v>552</v>
      </c>
      <c r="B116339" s="14" t="s">
        <v>1</v>
      </c>
      <c r="C116339" s="14" t="s">
        <v>546</v>
      </c>
      <c r="D116339" s="14" t="s">
        <v>122</v>
      </c>
      <c r="E116339" s="15">
        <v>45645</v>
      </c>
      <c r="F116339" s="14" t="s">
        <v>15</v>
      </c>
      <c r="G116339" s="16">
        <v>0.41081178128892543</v>
      </c>
    </row>
    <row r="116340" spans="1:7" x14ac:dyDescent="0.3">
      <c r="A116340" s="13" t="s">
        <v>552</v>
      </c>
      <c r="B116340" s="14" t="s">
        <v>1</v>
      </c>
      <c r="C116340" s="14" t="s">
        <v>546</v>
      </c>
      <c r="D116340" s="14" t="s">
        <v>122</v>
      </c>
      <c r="E116340" s="15">
        <v>45646</v>
      </c>
      <c r="F116340" s="14" t="s">
        <v>15</v>
      </c>
      <c r="G116340" s="16">
        <v>0.40789733403405265</v>
      </c>
    </row>
    <row r="116341" spans="1:7" x14ac:dyDescent="0.3">
      <c r="A116341" s="13" t="s">
        <v>552</v>
      </c>
      <c r="B116341" s="14" t="s">
        <v>1</v>
      </c>
      <c r="C116341" s="14" t="s">
        <v>546</v>
      </c>
      <c r="D116341" s="14" t="s">
        <v>122</v>
      </c>
      <c r="E116341" s="15">
        <v>45647</v>
      </c>
      <c r="F116341" s="14" t="s">
        <v>15</v>
      </c>
      <c r="G116341" s="16">
        <v>0.40789733403405265</v>
      </c>
    </row>
    <row r="116342" spans="1:7" x14ac:dyDescent="0.3">
      <c r="A116342" s="13" t="s">
        <v>552</v>
      </c>
      <c r="B116342" s="14" t="s">
        <v>1</v>
      </c>
      <c r="C116342" s="14" t="s">
        <v>546</v>
      </c>
      <c r="D116342" s="14" t="s">
        <v>122</v>
      </c>
      <c r="E116342" s="15">
        <v>45648</v>
      </c>
      <c r="F116342" s="14" t="s">
        <v>15</v>
      </c>
      <c r="G116342" s="16">
        <v>0.40789733403405265</v>
      </c>
    </row>
    <row r="116343" spans="1:7" x14ac:dyDescent="0.3">
      <c r="A116343" s="13" t="s">
        <v>552</v>
      </c>
      <c r="B116343" s="14" t="s">
        <v>1</v>
      </c>
      <c r="C116343" s="14" t="s">
        <v>546</v>
      </c>
      <c r="D116343" s="14" t="s">
        <v>122</v>
      </c>
      <c r="E116343" s="15">
        <v>45649</v>
      </c>
      <c r="F116343" s="14" t="s">
        <v>15</v>
      </c>
      <c r="G116343" s="16">
        <v>0.43935991400727092</v>
      </c>
    </row>
    <row r="116344" spans="1:7" x14ac:dyDescent="0.3">
      <c r="A116344" s="13" t="s">
        <v>552</v>
      </c>
      <c r="B116344" s="14" t="s">
        <v>1</v>
      </c>
      <c r="C116344" s="14" t="s">
        <v>546</v>
      </c>
      <c r="D116344" s="14" t="s">
        <v>122</v>
      </c>
      <c r="E116344" s="15">
        <v>45650</v>
      </c>
      <c r="F116344" s="14" t="s">
        <v>15</v>
      </c>
      <c r="G116344" s="16">
        <v>0.43063264127999823</v>
      </c>
    </row>
    <row r="116345" spans="1:7" x14ac:dyDescent="0.3">
      <c r="A116345" s="13" t="s">
        <v>552</v>
      </c>
      <c r="B116345" s="14" t="s">
        <v>1</v>
      </c>
      <c r="C116345" s="14" t="s">
        <v>546</v>
      </c>
      <c r="D116345" s="14" t="s">
        <v>122</v>
      </c>
      <c r="E116345" s="15">
        <v>45651</v>
      </c>
      <c r="F116345" s="14" t="s">
        <v>15</v>
      </c>
      <c r="G116345" s="16">
        <v>0.43063264127999823</v>
      </c>
    </row>
    <row r="116346" spans="1:7" x14ac:dyDescent="0.3">
      <c r="A116346" s="13" t="s">
        <v>552</v>
      </c>
      <c r="B116346" s="14" t="s">
        <v>1</v>
      </c>
      <c r="C116346" s="14" t="s">
        <v>546</v>
      </c>
      <c r="D116346" s="14" t="s">
        <v>122</v>
      </c>
      <c r="E116346" s="15">
        <v>45652</v>
      </c>
      <c r="F116346" s="14" t="s">
        <v>15</v>
      </c>
      <c r="G116346" s="16">
        <v>0.43063264127999823</v>
      </c>
    </row>
    <row r="116347" spans="1:7" x14ac:dyDescent="0.3">
      <c r="A116347" s="13" t="s">
        <v>552</v>
      </c>
      <c r="B116347" s="14" t="s">
        <v>1</v>
      </c>
      <c r="C116347" s="14" t="s">
        <v>546</v>
      </c>
      <c r="D116347" s="14" t="s">
        <v>122</v>
      </c>
      <c r="E116347" s="15">
        <v>45653</v>
      </c>
      <c r="F116347" s="14" t="s">
        <v>15</v>
      </c>
      <c r="G116347" s="16">
        <v>0.43063264127999823</v>
      </c>
    </row>
    <row r="116348" spans="1:7" x14ac:dyDescent="0.3">
      <c r="A116348" s="13" t="s">
        <v>552</v>
      </c>
      <c r="B116348" s="14" t="s">
        <v>1</v>
      </c>
      <c r="C116348" s="14" t="s">
        <v>546</v>
      </c>
      <c r="D116348" s="14" t="s">
        <v>122</v>
      </c>
      <c r="E116348" s="15">
        <v>45654</v>
      </c>
      <c r="F116348" s="14" t="s">
        <v>15</v>
      </c>
      <c r="G116348" s="16">
        <v>0.43063264127999823</v>
      </c>
    </row>
    <row r="116349" spans="1:7" x14ac:dyDescent="0.3">
      <c r="A116349" s="13" t="s">
        <v>552</v>
      </c>
      <c r="B116349" s="14" t="s">
        <v>1</v>
      </c>
      <c r="C116349" s="14" t="s">
        <v>546</v>
      </c>
      <c r="D116349" s="14" t="s">
        <v>122</v>
      </c>
      <c r="E116349" s="15">
        <v>45655</v>
      </c>
      <c r="F116349" s="14" t="s">
        <v>15</v>
      </c>
      <c r="G116349" s="16">
        <v>0.43063264127999823</v>
      </c>
    </row>
    <row r="116350" spans="1:7" x14ac:dyDescent="0.3">
      <c r="A116350" s="13" t="s">
        <v>552</v>
      </c>
      <c r="B116350" s="14" t="s">
        <v>1</v>
      </c>
      <c r="C116350" s="14" t="s">
        <v>546</v>
      </c>
      <c r="D116350" s="14" t="s">
        <v>122</v>
      </c>
      <c r="E116350" s="15">
        <v>45656</v>
      </c>
      <c r="F116350" s="14" t="s">
        <v>15</v>
      </c>
      <c r="G116350" s="16">
        <v>0.42772057462325069</v>
      </c>
    </row>
    <row r="116351" spans="1:7" x14ac:dyDescent="0.3">
      <c r="A116351" s="13" t="s">
        <v>552</v>
      </c>
      <c r="B116351" s="14" t="s">
        <v>1</v>
      </c>
      <c r="C116351" s="14" t="s">
        <v>546</v>
      </c>
      <c r="D116351" s="14" t="s">
        <v>122</v>
      </c>
      <c r="E116351" s="15">
        <v>45657</v>
      </c>
      <c r="F116351" s="14" t="s">
        <v>15</v>
      </c>
      <c r="G116351" s="16">
        <v>0.41738014909133575</v>
      </c>
    </row>
    <row r="116352" spans="1:7" x14ac:dyDescent="0.3">
      <c r="A116352" s="13" t="s">
        <v>552</v>
      </c>
      <c r="B116352" s="14" t="s">
        <v>1</v>
      </c>
      <c r="C116352" s="14" t="s">
        <v>546</v>
      </c>
      <c r="D116352" s="14" t="s">
        <v>122</v>
      </c>
      <c r="E116352" s="15">
        <v>45658</v>
      </c>
      <c r="F116352" s="14" t="s">
        <v>15</v>
      </c>
      <c r="G116352" s="16">
        <v>0.41738014909133575</v>
      </c>
    </row>
    <row r="116353" spans="1:7" x14ac:dyDescent="0.3">
      <c r="A116353" s="13" t="s">
        <v>552</v>
      </c>
      <c r="B116353" s="14" t="s">
        <v>1</v>
      </c>
      <c r="C116353" s="14" t="s">
        <v>546</v>
      </c>
      <c r="D116353" s="14" t="s">
        <v>122</v>
      </c>
      <c r="E116353" s="15">
        <v>45659</v>
      </c>
      <c r="F116353" s="14" t="s">
        <v>15</v>
      </c>
      <c r="G116353" s="16">
        <v>0.41443653950942827</v>
      </c>
    </row>
    <row r="116354" spans="1:7" x14ac:dyDescent="0.3">
      <c r="A116354" s="13" t="s">
        <v>552</v>
      </c>
      <c r="B116354" s="14" t="s">
        <v>1</v>
      </c>
      <c r="C116354" s="14" t="s">
        <v>546</v>
      </c>
      <c r="D116354" s="14" t="s">
        <v>122</v>
      </c>
      <c r="E116354" s="15">
        <v>45660</v>
      </c>
      <c r="F116354" s="14" t="s">
        <v>15</v>
      </c>
      <c r="G116354" s="16">
        <v>0.52247819997662071</v>
      </c>
    </row>
    <row r="116355" spans="1:7" x14ac:dyDescent="0.3">
      <c r="A116355" s="13" t="s">
        <v>552</v>
      </c>
      <c r="B116355" s="14" t="s">
        <v>1</v>
      </c>
      <c r="C116355" s="14" t="s">
        <v>546</v>
      </c>
      <c r="D116355" s="14" t="s">
        <v>122</v>
      </c>
      <c r="E116355" s="15">
        <v>45661</v>
      </c>
      <c r="F116355" s="14" t="s">
        <v>15</v>
      </c>
      <c r="G116355" s="16">
        <v>0.52247819997662071</v>
      </c>
    </row>
    <row r="116356" spans="1:7" x14ac:dyDescent="0.3">
      <c r="A116356" s="13" t="s">
        <v>552</v>
      </c>
      <c r="B116356" s="14" t="s">
        <v>1</v>
      </c>
      <c r="C116356" s="14" t="s">
        <v>546</v>
      </c>
      <c r="D116356" s="14" t="s">
        <v>122</v>
      </c>
      <c r="E116356" s="15">
        <v>45662</v>
      </c>
      <c r="F116356" s="14" t="s">
        <v>15</v>
      </c>
      <c r="G116356" s="16">
        <v>0.52247819997662071</v>
      </c>
    </row>
    <row r="116357" spans="1:7" x14ac:dyDescent="0.3">
      <c r="A116357" s="13" t="s">
        <v>552</v>
      </c>
      <c r="B116357" s="14" t="s">
        <v>1</v>
      </c>
      <c r="C116357" s="14" t="s">
        <v>546</v>
      </c>
      <c r="D116357" s="14" t="s">
        <v>122</v>
      </c>
      <c r="E116357" s="15">
        <v>45663</v>
      </c>
      <c r="F116357" s="14" t="s">
        <v>15</v>
      </c>
      <c r="G116357" s="16">
        <v>0.51962237495058283</v>
      </c>
    </row>
    <row r="116358" spans="1:7" x14ac:dyDescent="0.3">
      <c r="A116358" s="13" t="s">
        <v>552</v>
      </c>
      <c r="B116358" s="14" t="s">
        <v>1</v>
      </c>
      <c r="C116358" s="14" t="s">
        <v>546</v>
      </c>
      <c r="D116358" s="14" t="s">
        <v>122</v>
      </c>
      <c r="E116358" s="15">
        <v>45664</v>
      </c>
      <c r="F116358" s="14" t="s">
        <v>15</v>
      </c>
      <c r="G116358" s="16">
        <v>0.51284897813463293</v>
      </c>
    </row>
    <row r="116359" spans="1:7" x14ac:dyDescent="0.3">
      <c r="A116359" s="13" t="s">
        <v>552</v>
      </c>
      <c r="B116359" s="14" t="s">
        <v>1</v>
      </c>
      <c r="C116359" s="14" t="s">
        <v>546</v>
      </c>
      <c r="D116359" s="14" t="s">
        <v>122</v>
      </c>
      <c r="E116359" s="15">
        <v>45665</v>
      </c>
      <c r="F116359" s="14" t="s">
        <v>15</v>
      </c>
      <c r="G116359" s="16">
        <v>0.51130783842328043</v>
      </c>
    </row>
    <row r="116360" spans="1:7" x14ac:dyDescent="0.3">
      <c r="A116360" s="13" t="s">
        <v>552</v>
      </c>
      <c r="B116360" s="14" t="s">
        <v>1</v>
      </c>
      <c r="C116360" s="14" t="s">
        <v>546</v>
      </c>
      <c r="D116360" s="14" t="s">
        <v>122</v>
      </c>
      <c r="E116360" s="15">
        <v>45666</v>
      </c>
      <c r="F116360" s="14" t="s">
        <v>15</v>
      </c>
      <c r="G116360" s="16">
        <v>0.50848349789570235</v>
      </c>
    </row>
    <row r="116361" spans="1:7" x14ac:dyDescent="0.3">
      <c r="A116361" s="13" t="s">
        <v>552</v>
      </c>
      <c r="B116361" s="14" t="s">
        <v>1</v>
      </c>
      <c r="C116361" s="14" t="s">
        <v>546</v>
      </c>
      <c r="D116361" s="14" t="s">
        <v>122</v>
      </c>
      <c r="E116361" s="15">
        <v>45667</v>
      </c>
      <c r="F116361" s="14" t="s">
        <v>15</v>
      </c>
      <c r="G116361" s="16">
        <v>0.5056789415407863</v>
      </c>
    </row>
    <row r="116362" spans="1:7" x14ac:dyDescent="0.3">
      <c r="A116362" s="13" t="s">
        <v>552</v>
      </c>
      <c r="B116362" s="14" t="s">
        <v>1</v>
      </c>
      <c r="C116362" s="14" t="s">
        <v>546</v>
      </c>
      <c r="D116362" s="14" t="s">
        <v>122</v>
      </c>
      <c r="E116362" s="15">
        <v>45668</v>
      </c>
      <c r="F116362" s="14" t="s">
        <v>15</v>
      </c>
      <c r="G116362" s="16">
        <v>0.5056789415407863</v>
      </c>
    </row>
    <row r="116363" spans="1:7" x14ac:dyDescent="0.3">
      <c r="A116363" s="13" t="s">
        <v>552</v>
      </c>
      <c r="B116363" s="14" t="s">
        <v>1</v>
      </c>
      <c r="C116363" s="14" t="s">
        <v>546</v>
      </c>
      <c r="D116363" s="14" t="s">
        <v>122</v>
      </c>
      <c r="E116363" s="15">
        <v>45669</v>
      </c>
      <c r="F116363" s="14" t="s">
        <v>15</v>
      </c>
      <c r="G116363" s="16">
        <v>0.5056789415407863</v>
      </c>
    </row>
    <row r="116364" spans="1:7" x14ac:dyDescent="0.3">
      <c r="A116364" s="13" t="s">
        <v>552</v>
      </c>
      <c r="B116364" s="14" t="s">
        <v>1</v>
      </c>
      <c r="C116364" s="14" t="s">
        <v>546</v>
      </c>
      <c r="D116364" s="14" t="s">
        <v>122</v>
      </c>
      <c r="E116364" s="15">
        <v>45670</v>
      </c>
      <c r="F116364" s="14" t="s">
        <v>15</v>
      </c>
      <c r="G116364" s="16">
        <v>0.52010580005397566</v>
      </c>
    </row>
    <row r="116365" spans="1:7" x14ac:dyDescent="0.3">
      <c r="A116365" s="13" t="s">
        <v>552</v>
      </c>
      <c r="B116365" s="14" t="s">
        <v>1</v>
      </c>
      <c r="C116365" s="14" t="s">
        <v>546</v>
      </c>
      <c r="D116365" s="14" t="s">
        <v>122</v>
      </c>
      <c r="E116365" s="15">
        <v>45671</v>
      </c>
      <c r="F116365" s="14" t="s">
        <v>15</v>
      </c>
      <c r="G116365" s="16">
        <v>0.51174728686452731</v>
      </c>
    </row>
    <row r="116366" spans="1:7" x14ac:dyDescent="0.3">
      <c r="A116366" s="13" t="s">
        <v>552</v>
      </c>
      <c r="B116366" s="14" t="s">
        <v>1</v>
      </c>
      <c r="C116366" s="14" t="s">
        <v>546</v>
      </c>
      <c r="D116366" s="14" t="s">
        <v>122</v>
      </c>
      <c r="E116366" s="15">
        <v>45672</v>
      </c>
      <c r="F116366" s="14" t="s">
        <v>15</v>
      </c>
      <c r="G116366" s="16">
        <v>0.50882372571344814</v>
      </c>
    </row>
    <row r="116367" spans="1:7" x14ac:dyDescent="0.3">
      <c r="A116367" s="13" t="s">
        <v>552</v>
      </c>
      <c r="B116367" s="14" t="s">
        <v>1</v>
      </c>
      <c r="C116367" s="14" t="s">
        <v>546</v>
      </c>
      <c r="D116367" s="14" t="s">
        <v>122</v>
      </c>
      <c r="E116367" s="15">
        <v>45673</v>
      </c>
      <c r="F116367" s="14" t="s">
        <v>15</v>
      </c>
      <c r="G116367" s="16">
        <v>0.50599878566548651</v>
      </c>
    </row>
    <row r="116368" spans="1:7" x14ac:dyDescent="0.3">
      <c r="A116368" s="13" t="s">
        <v>552</v>
      </c>
      <c r="B116368" s="14" t="s">
        <v>1</v>
      </c>
      <c r="C116368" s="14" t="s">
        <v>546</v>
      </c>
      <c r="D116368" s="14" t="s">
        <v>122</v>
      </c>
      <c r="E116368" s="15">
        <v>45674</v>
      </c>
      <c r="F116368" s="14" t="s">
        <v>15</v>
      </c>
      <c r="G116368" s="16">
        <v>0.50318313818347205</v>
      </c>
    </row>
    <row r="116369" spans="1:7" x14ac:dyDescent="0.3">
      <c r="A116369" s="13" t="s">
        <v>552</v>
      </c>
      <c r="B116369" s="14" t="s">
        <v>1</v>
      </c>
      <c r="C116369" s="14" t="s">
        <v>546</v>
      </c>
      <c r="D116369" s="14" t="s">
        <v>122</v>
      </c>
      <c r="E116369" s="15">
        <v>45675</v>
      </c>
      <c r="F116369" s="14" t="s">
        <v>15</v>
      </c>
      <c r="G116369" s="16">
        <v>0.50318313818347205</v>
      </c>
    </row>
    <row r="116370" spans="1:7" x14ac:dyDescent="0.3">
      <c r="A116370" s="13" t="s">
        <v>552</v>
      </c>
      <c r="B116370" s="14" t="s">
        <v>1</v>
      </c>
      <c r="C116370" s="14" t="s">
        <v>546</v>
      </c>
      <c r="D116370" s="14" t="s">
        <v>122</v>
      </c>
      <c r="E116370" s="15">
        <v>45676</v>
      </c>
      <c r="F116370" s="14" t="s">
        <v>15</v>
      </c>
      <c r="G116370" s="16">
        <v>0.50318313818347205</v>
      </c>
    </row>
    <row r="116371" spans="1:7" x14ac:dyDescent="0.3">
      <c r="A116371" s="13" t="s">
        <v>552</v>
      </c>
      <c r="B116371" s="14" t="s">
        <v>1</v>
      </c>
      <c r="C116371" s="14" t="s">
        <v>546</v>
      </c>
      <c r="D116371" s="14" t="s">
        <v>122</v>
      </c>
      <c r="E116371" s="15">
        <v>45677</v>
      </c>
      <c r="F116371" s="14" t="s">
        <v>15</v>
      </c>
      <c r="G116371" s="16">
        <v>0.50034261060553442</v>
      </c>
    </row>
    <row r="116372" spans="1:7" x14ac:dyDescent="0.3">
      <c r="A116372" s="13" t="s">
        <v>552</v>
      </c>
      <c r="B116372" s="14" t="s">
        <v>1</v>
      </c>
      <c r="C116372" s="14" t="s">
        <v>546</v>
      </c>
      <c r="D116372" s="14" t="s">
        <v>122</v>
      </c>
      <c r="E116372" s="15">
        <v>45678</v>
      </c>
      <c r="F116372" s="14" t="s">
        <v>15</v>
      </c>
      <c r="G116372" s="16">
        <v>0.49174458902280049</v>
      </c>
    </row>
    <row r="116373" spans="1:7" x14ac:dyDescent="0.3">
      <c r="A116373" s="13" t="s">
        <v>552</v>
      </c>
      <c r="B116373" s="14" t="s">
        <v>1</v>
      </c>
      <c r="C116373" s="14" t="s">
        <v>546</v>
      </c>
      <c r="D116373" s="14" t="s">
        <v>122</v>
      </c>
      <c r="E116373" s="15">
        <v>45679</v>
      </c>
      <c r="F116373" s="14" t="s">
        <v>15</v>
      </c>
      <c r="G116373" s="16">
        <v>0.48884111180457512</v>
      </c>
    </row>
    <row r="116374" spans="1:7" x14ac:dyDescent="0.3">
      <c r="A116374" s="13" t="s">
        <v>552</v>
      </c>
      <c r="B116374" s="14" t="s">
        <v>1</v>
      </c>
      <c r="C116374" s="14" t="s">
        <v>546</v>
      </c>
      <c r="D116374" s="14" t="s">
        <v>122</v>
      </c>
      <c r="E116374" s="15">
        <v>45680</v>
      </c>
      <c r="F116374" s="14" t="s">
        <v>15</v>
      </c>
      <c r="G116374" s="16">
        <v>0.48591125568946714</v>
      </c>
    </row>
    <row r="116375" spans="1:7" x14ac:dyDescent="0.3">
      <c r="A116375" s="13" t="s">
        <v>552</v>
      </c>
      <c r="B116375" s="14" t="s">
        <v>1</v>
      </c>
      <c r="C116375" s="14" t="s">
        <v>546</v>
      </c>
      <c r="D116375" s="14" t="s">
        <v>122</v>
      </c>
      <c r="E116375" s="15">
        <v>45681</v>
      </c>
      <c r="F116375" s="14" t="s">
        <v>15</v>
      </c>
      <c r="G116375" s="16">
        <v>0.48300699715730167</v>
      </c>
    </row>
    <row r="116376" spans="1:7" x14ac:dyDescent="0.3">
      <c r="A116376" s="13" t="s">
        <v>552</v>
      </c>
      <c r="B116376" s="14" t="s">
        <v>1</v>
      </c>
      <c r="C116376" s="14" t="s">
        <v>546</v>
      </c>
      <c r="D116376" s="14" t="s">
        <v>122</v>
      </c>
      <c r="E116376" s="15">
        <v>45682</v>
      </c>
      <c r="F116376" s="14" t="s">
        <v>15</v>
      </c>
      <c r="G116376" s="16">
        <v>0.48300699715730167</v>
      </c>
    </row>
    <row r="116377" spans="1:7" x14ac:dyDescent="0.3">
      <c r="A116377" s="13" t="s">
        <v>552</v>
      </c>
      <c r="B116377" s="14" t="s">
        <v>1</v>
      </c>
      <c r="C116377" s="14" t="s">
        <v>546</v>
      </c>
      <c r="D116377" s="14" t="s">
        <v>122</v>
      </c>
      <c r="E116377" s="15">
        <v>45683</v>
      </c>
      <c r="F116377" s="14" t="s">
        <v>15</v>
      </c>
      <c r="G116377" s="16">
        <v>0.48300699715730167</v>
      </c>
    </row>
    <row r="116378" spans="1:7" x14ac:dyDescent="0.3">
      <c r="A116378" s="13" t="s">
        <v>552</v>
      </c>
      <c r="B116378" s="14" t="s">
        <v>1</v>
      </c>
      <c r="C116378" s="14" t="s">
        <v>546</v>
      </c>
      <c r="D116378" s="14" t="s">
        <v>122</v>
      </c>
      <c r="E116378" s="15">
        <v>45684</v>
      </c>
      <c r="F116378" s="14" t="s">
        <v>15</v>
      </c>
      <c r="G116378" s="16">
        <v>0.50443858882145143</v>
      </c>
    </row>
    <row r="116379" spans="1:7" x14ac:dyDescent="0.3">
      <c r="A116379" s="13" t="s">
        <v>552</v>
      </c>
      <c r="B116379" s="14" t="s">
        <v>1</v>
      </c>
      <c r="C116379" s="14" t="s">
        <v>546</v>
      </c>
      <c r="D116379" s="14" t="s">
        <v>122</v>
      </c>
      <c r="E116379" s="15">
        <v>45685</v>
      </c>
      <c r="F116379" s="14" t="s">
        <v>15</v>
      </c>
      <c r="G116379" s="16">
        <v>0.50443858882145143</v>
      </c>
    </row>
    <row r="116380" spans="1:7" x14ac:dyDescent="0.3">
      <c r="A116380" s="13" t="s">
        <v>552</v>
      </c>
      <c r="B116380" s="14" t="s">
        <v>1</v>
      </c>
      <c r="C116380" s="14" t="s">
        <v>546</v>
      </c>
      <c r="D116380" s="14" t="s">
        <v>122</v>
      </c>
      <c r="E116380" s="15">
        <v>45686</v>
      </c>
      <c r="F116380" s="14" t="s">
        <v>15</v>
      </c>
      <c r="G116380" s="16">
        <v>0.50443858882145143</v>
      </c>
    </row>
    <row r="116381" spans="1:7" x14ac:dyDescent="0.3">
      <c r="A116381" s="13" t="s">
        <v>552</v>
      </c>
      <c r="B116381" s="14" t="s">
        <v>1</v>
      </c>
      <c r="C116381" s="14" t="s">
        <v>546</v>
      </c>
      <c r="D116381" s="14" t="s">
        <v>122</v>
      </c>
      <c r="E116381" s="15">
        <v>45687</v>
      </c>
      <c r="F116381" s="14" t="s">
        <v>15</v>
      </c>
      <c r="G116381" s="16">
        <v>0.50443858882145143</v>
      </c>
    </row>
    <row r="116382" spans="1:7" x14ac:dyDescent="0.3">
      <c r="A116382" s="13" t="s">
        <v>552</v>
      </c>
      <c r="B116382" s="14" t="s">
        <v>1</v>
      </c>
      <c r="C116382" s="14" t="s">
        <v>546</v>
      </c>
      <c r="D116382" s="14" t="s">
        <v>122</v>
      </c>
      <c r="E116382" s="15">
        <v>45688</v>
      </c>
      <c r="F116382" s="14" t="s">
        <v>15</v>
      </c>
      <c r="G116382" s="16">
        <v>0.50443858882145143</v>
      </c>
    </row>
    <row r="116383" spans="1:7" x14ac:dyDescent="0.3">
      <c r="A116383" s="13" t="s">
        <v>552</v>
      </c>
      <c r="B116383" s="14" t="s">
        <v>1</v>
      </c>
      <c r="C116383" s="14" t="s">
        <v>546</v>
      </c>
      <c r="D116383" s="14" t="s">
        <v>122</v>
      </c>
      <c r="E116383" s="15">
        <v>45689</v>
      </c>
      <c r="F116383" s="14" t="s">
        <v>15</v>
      </c>
      <c r="G116383" s="16">
        <v>0.50443858882145143</v>
      </c>
    </row>
    <row r="116384" spans="1:7" x14ac:dyDescent="0.3">
      <c r="A116384" s="13" t="s">
        <v>552</v>
      </c>
      <c r="B116384" s="14" t="s">
        <v>1</v>
      </c>
      <c r="C116384" s="14" t="s">
        <v>546</v>
      </c>
      <c r="D116384" s="14" t="s">
        <v>122</v>
      </c>
      <c r="E116384" s="15">
        <v>45690</v>
      </c>
      <c r="F116384" s="14" t="s">
        <v>15</v>
      </c>
      <c r="G116384" s="16">
        <v>0.50443858882145143</v>
      </c>
    </row>
    <row r="116385" spans="1:7" x14ac:dyDescent="0.3">
      <c r="A116385" s="13" t="s">
        <v>552</v>
      </c>
      <c r="B116385" s="14" t="s">
        <v>1</v>
      </c>
      <c r="C116385" s="14" t="s">
        <v>546</v>
      </c>
      <c r="D116385" s="14" t="s">
        <v>122</v>
      </c>
      <c r="E116385" s="15">
        <v>45691</v>
      </c>
      <c r="F116385" s="14" t="s">
        <v>15</v>
      </c>
      <c r="G116385" s="16">
        <v>0.50443858882145143</v>
      </c>
    </row>
    <row r="116386" spans="1:7" x14ac:dyDescent="0.3">
      <c r="A116386" s="13" t="s">
        <v>552</v>
      </c>
      <c r="B116386" s="14" t="s">
        <v>1</v>
      </c>
      <c r="C116386" s="14" t="s">
        <v>546</v>
      </c>
      <c r="D116386" s="14" t="s">
        <v>122</v>
      </c>
      <c r="E116386" s="15">
        <v>45692</v>
      </c>
      <c r="F116386" s="14" t="s">
        <v>15</v>
      </c>
      <c r="G116386" s="16">
        <v>0.50443858882145143</v>
      </c>
    </row>
    <row r="116387" spans="1:7" x14ac:dyDescent="0.3">
      <c r="A116387" s="13" t="s">
        <v>552</v>
      </c>
      <c r="B116387" s="14" t="s">
        <v>1</v>
      </c>
      <c r="C116387" s="14" t="s">
        <v>546</v>
      </c>
      <c r="D116387" s="14" t="s">
        <v>122</v>
      </c>
      <c r="E116387" s="15">
        <v>45693</v>
      </c>
      <c r="F116387" s="14" t="s">
        <v>15</v>
      </c>
      <c r="G116387" s="16">
        <v>0.49559926535422083</v>
      </c>
    </row>
    <row r="116388" spans="1:7" x14ac:dyDescent="0.3">
      <c r="A116388" s="13" t="s">
        <v>552</v>
      </c>
      <c r="B116388" s="14" t="s">
        <v>1</v>
      </c>
      <c r="C116388" s="14" t="s">
        <v>546</v>
      </c>
      <c r="D116388" s="14" t="s">
        <v>122</v>
      </c>
      <c r="E116388" s="15">
        <v>45694</v>
      </c>
      <c r="F116388" s="14" t="s">
        <v>15</v>
      </c>
      <c r="G116388" s="16">
        <v>0.47082185671634713</v>
      </c>
    </row>
    <row r="116389" spans="1:7" x14ac:dyDescent="0.3">
      <c r="A116389" s="13" t="s">
        <v>552</v>
      </c>
      <c r="B116389" s="14" t="s">
        <v>1</v>
      </c>
      <c r="C116389" s="14" t="s">
        <v>546</v>
      </c>
      <c r="D116389" s="14" t="s">
        <v>122</v>
      </c>
      <c r="E116389" s="15">
        <v>45695</v>
      </c>
      <c r="F116389" s="14" t="s">
        <v>15</v>
      </c>
      <c r="G116389" s="16">
        <v>0.4678535691899201</v>
      </c>
    </row>
    <row r="116390" spans="1:7" x14ac:dyDescent="0.3">
      <c r="A116390" s="13" t="s">
        <v>552</v>
      </c>
      <c r="B116390" s="14" t="s">
        <v>1</v>
      </c>
      <c r="C116390" s="14" t="s">
        <v>546</v>
      </c>
      <c r="D116390" s="14" t="s">
        <v>122</v>
      </c>
      <c r="E116390" s="15">
        <v>45696</v>
      </c>
      <c r="F116390" s="14" t="s">
        <v>15</v>
      </c>
      <c r="G116390" s="16">
        <v>0.4678535691899201</v>
      </c>
    </row>
    <row r="116391" spans="1:7" x14ac:dyDescent="0.3">
      <c r="A116391" s="13" t="s">
        <v>552</v>
      </c>
      <c r="B116391" s="14" t="s">
        <v>1</v>
      </c>
      <c r="C116391" s="14" t="s">
        <v>546</v>
      </c>
      <c r="D116391" s="14" t="s">
        <v>122</v>
      </c>
      <c r="E116391" s="15">
        <v>45697</v>
      </c>
      <c r="F116391" s="14" t="s">
        <v>15</v>
      </c>
      <c r="G116391" s="16">
        <v>0.4678535691899201</v>
      </c>
    </row>
    <row r="116392" spans="1:7" x14ac:dyDescent="0.3">
      <c r="A116392" s="13" t="s">
        <v>552</v>
      </c>
      <c r="B116392" s="14" t="s">
        <v>1</v>
      </c>
      <c r="C116392" s="14" t="s">
        <v>546</v>
      </c>
      <c r="D116392" s="14" t="s">
        <v>122</v>
      </c>
      <c r="E116392" s="15">
        <v>45698</v>
      </c>
      <c r="F116392" s="14" t="s">
        <v>15</v>
      </c>
      <c r="G116392" s="16">
        <v>0.46484751977141631</v>
      </c>
    </row>
    <row r="116393" spans="1:7" x14ac:dyDescent="0.3">
      <c r="A116393" s="13" t="s">
        <v>552</v>
      </c>
      <c r="B116393" s="14" t="s">
        <v>1</v>
      </c>
      <c r="C116393" s="14" t="s">
        <v>546</v>
      </c>
      <c r="D116393" s="14" t="s">
        <v>122</v>
      </c>
      <c r="E116393" s="15">
        <v>45699</v>
      </c>
      <c r="F116393" s="14" t="s">
        <v>15</v>
      </c>
      <c r="G116393" s="16">
        <v>0.45571021696901015</v>
      </c>
    </row>
    <row r="116394" spans="1:7" x14ac:dyDescent="0.3">
      <c r="A116394" s="13" t="s">
        <v>552</v>
      </c>
      <c r="B116394" s="14" t="s">
        <v>1</v>
      </c>
      <c r="C116394" s="14" t="s">
        <v>546</v>
      </c>
      <c r="D116394" s="14" t="s">
        <v>122</v>
      </c>
      <c r="E116394" s="15">
        <v>45700</v>
      </c>
      <c r="F116394" s="14" t="s">
        <v>15</v>
      </c>
      <c r="G116394" s="16">
        <v>0.45263623608035697</v>
      </c>
    </row>
    <row r="116395" spans="1:7" x14ac:dyDescent="0.3">
      <c r="A116395" s="13" t="s">
        <v>552</v>
      </c>
      <c r="B116395" s="14" t="s">
        <v>1</v>
      </c>
      <c r="C116395" s="14" t="s">
        <v>546</v>
      </c>
      <c r="D116395" s="14" t="s">
        <v>122</v>
      </c>
      <c r="E116395" s="15">
        <v>45701</v>
      </c>
      <c r="F116395" s="14" t="s">
        <v>15</v>
      </c>
      <c r="G116395" s="16">
        <v>0.44958513158493951</v>
      </c>
    </row>
    <row r="116396" spans="1:7" x14ac:dyDescent="0.3">
      <c r="A116396" s="13" t="s">
        <v>552</v>
      </c>
      <c r="B116396" s="14" t="s">
        <v>1</v>
      </c>
      <c r="C116396" s="14" t="s">
        <v>546</v>
      </c>
      <c r="D116396" s="14" t="s">
        <v>122</v>
      </c>
      <c r="E116396" s="15">
        <v>45702</v>
      </c>
      <c r="F116396" s="14" t="s">
        <v>15</v>
      </c>
      <c r="G116396" s="16">
        <v>0.44647587143924811</v>
      </c>
    </row>
    <row r="116397" spans="1:7" x14ac:dyDescent="0.3">
      <c r="A116397" s="13" t="s">
        <v>552</v>
      </c>
      <c r="B116397" s="14" t="s">
        <v>1</v>
      </c>
      <c r="C116397" s="14" t="s">
        <v>546</v>
      </c>
      <c r="D116397" s="14" t="s">
        <v>122</v>
      </c>
      <c r="E116397" s="15">
        <v>45703</v>
      </c>
      <c r="F116397" s="14" t="s">
        <v>15</v>
      </c>
      <c r="G116397" s="16">
        <v>0.44647587143924811</v>
      </c>
    </row>
    <row r="116398" spans="1:7" x14ac:dyDescent="0.3">
      <c r="A116398" s="13" t="s">
        <v>552</v>
      </c>
      <c r="B116398" s="14" t="s">
        <v>1</v>
      </c>
      <c r="C116398" s="14" t="s">
        <v>546</v>
      </c>
      <c r="D116398" s="14" t="s">
        <v>122</v>
      </c>
      <c r="E116398" s="15">
        <v>45704</v>
      </c>
      <c r="F116398" s="14" t="s">
        <v>15</v>
      </c>
      <c r="G116398" s="16">
        <v>0.44647587143924811</v>
      </c>
    </row>
    <row r="116399" spans="1:7" x14ac:dyDescent="0.3">
      <c r="A116399" s="13" t="s">
        <v>552</v>
      </c>
      <c r="B116399" s="14" t="s">
        <v>1</v>
      </c>
      <c r="C116399" s="14" t="s">
        <v>546</v>
      </c>
      <c r="D116399" s="14" t="s">
        <v>122</v>
      </c>
      <c r="E116399" s="15">
        <v>45705</v>
      </c>
      <c r="F116399" s="14" t="s">
        <v>15</v>
      </c>
      <c r="G116399" s="16">
        <v>0.4433759823462074</v>
      </c>
    </row>
    <row r="116400" spans="1:7" x14ac:dyDescent="0.3">
      <c r="A116400" s="13" t="s">
        <v>552</v>
      </c>
      <c r="B116400" s="14" t="s">
        <v>1</v>
      </c>
      <c r="C116400" s="14" t="s">
        <v>546</v>
      </c>
      <c r="D116400" s="14" t="s">
        <v>122</v>
      </c>
      <c r="E116400" s="15">
        <v>45706</v>
      </c>
      <c r="F116400" s="14" t="s">
        <v>15</v>
      </c>
      <c r="G116400" s="16">
        <v>0.43376872404478323</v>
      </c>
    </row>
    <row r="116401" spans="1:7" x14ac:dyDescent="0.3">
      <c r="A116401" s="13" t="s">
        <v>552</v>
      </c>
      <c r="B116401" s="14" t="s">
        <v>1</v>
      </c>
      <c r="C116401" s="14" t="s">
        <v>546</v>
      </c>
      <c r="D116401" s="14" t="s">
        <v>122</v>
      </c>
      <c r="E116401" s="15">
        <v>45707</v>
      </c>
      <c r="F116401" s="14" t="s">
        <v>15</v>
      </c>
      <c r="G116401" s="16">
        <v>0.43049298990494261</v>
      </c>
    </row>
    <row r="116402" spans="1:7" x14ac:dyDescent="0.3">
      <c r="A116402" s="13" t="s">
        <v>552</v>
      </c>
      <c r="B116402" s="14" t="s">
        <v>1</v>
      </c>
      <c r="C116402" s="14" t="s">
        <v>546</v>
      </c>
      <c r="D116402" s="14" t="s">
        <v>122</v>
      </c>
      <c r="E116402" s="15">
        <v>45708</v>
      </c>
      <c r="F116402" s="14" t="s">
        <v>15</v>
      </c>
      <c r="G116402" s="16">
        <v>0.427248400734206</v>
      </c>
    </row>
    <row r="116403" spans="1:7" x14ac:dyDescent="0.3">
      <c r="A116403" s="13" t="s">
        <v>552</v>
      </c>
      <c r="B116403" s="14" t="s">
        <v>1</v>
      </c>
      <c r="C116403" s="14" t="s">
        <v>546</v>
      </c>
      <c r="D116403" s="14" t="s">
        <v>122</v>
      </c>
      <c r="E116403" s="15">
        <v>45709</v>
      </c>
      <c r="F116403" s="14" t="s">
        <v>15</v>
      </c>
      <c r="G116403" s="16">
        <v>0.42400105537151334</v>
      </c>
    </row>
    <row r="116404" spans="1:7" x14ac:dyDescent="0.3">
      <c r="A116404" s="13" t="s">
        <v>552</v>
      </c>
      <c r="B116404" s="14" t="s">
        <v>1</v>
      </c>
      <c r="C116404" s="14" t="s">
        <v>546</v>
      </c>
      <c r="D116404" s="14" t="s">
        <v>122</v>
      </c>
      <c r="E116404" s="15">
        <v>45710</v>
      </c>
      <c r="F116404" s="14" t="s">
        <v>15</v>
      </c>
      <c r="G116404" s="16">
        <v>0.42400105537151334</v>
      </c>
    </row>
    <row r="116405" spans="1:7" x14ac:dyDescent="0.3">
      <c r="A116405" s="13" t="s">
        <v>552</v>
      </c>
      <c r="B116405" s="14" t="s">
        <v>1</v>
      </c>
      <c r="C116405" s="14" t="s">
        <v>546</v>
      </c>
      <c r="D116405" s="14" t="s">
        <v>122</v>
      </c>
      <c r="E116405" s="15">
        <v>45711</v>
      </c>
      <c r="F116405" s="14" t="s">
        <v>15</v>
      </c>
      <c r="G116405" s="16">
        <v>0.42400105537151334</v>
      </c>
    </row>
    <row r="116406" spans="1:7" x14ac:dyDescent="0.3">
      <c r="A116406" s="13" t="s">
        <v>552</v>
      </c>
      <c r="B116406" s="14" t="s">
        <v>1</v>
      </c>
      <c r="C116406" s="14" t="s">
        <v>546</v>
      </c>
      <c r="D116406" s="14" t="s">
        <v>122</v>
      </c>
      <c r="E116406" s="15">
        <v>45712</v>
      </c>
      <c r="F116406" s="14" t="s">
        <v>15</v>
      </c>
      <c r="G116406" s="16">
        <v>0.42077493268688271</v>
      </c>
    </row>
    <row r="116407" spans="1:7" x14ac:dyDescent="0.3">
      <c r="A116407" s="13" t="s">
        <v>552</v>
      </c>
      <c r="B116407" s="14" t="s">
        <v>1</v>
      </c>
      <c r="C116407" s="14" t="s">
        <v>546</v>
      </c>
      <c r="D116407" s="14" t="s">
        <v>122</v>
      </c>
      <c r="E116407" s="15">
        <v>45713</v>
      </c>
      <c r="F116407" s="14" t="s">
        <v>15</v>
      </c>
      <c r="G116407" s="16">
        <v>0.41077905131964654</v>
      </c>
    </row>
    <row r="116408" spans="1:7" x14ac:dyDescent="0.3">
      <c r="A116408" s="13" t="s">
        <v>552</v>
      </c>
      <c r="B116408" s="14" t="s">
        <v>1</v>
      </c>
      <c r="C116408" s="14" t="s">
        <v>546</v>
      </c>
      <c r="D116408" s="14" t="s">
        <v>122</v>
      </c>
      <c r="E116408" s="15">
        <v>45714</v>
      </c>
      <c r="F116408" s="14" t="s">
        <v>15</v>
      </c>
      <c r="G116408" s="16">
        <v>0.40747106973391933</v>
      </c>
    </row>
    <row r="116409" spans="1:7" x14ac:dyDescent="0.3">
      <c r="A116409" s="13" t="s">
        <v>552</v>
      </c>
      <c r="B116409" s="14" t="s">
        <v>1</v>
      </c>
      <c r="C116409" s="14" t="s">
        <v>546</v>
      </c>
      <c r="D116409" s="14" t="s">
        <v>122</v>
      </c>
      <c r="E116409" s="15">
        <v>45715</v>
      </c>
      <c r="F116409" s="14" t="s">
        <v>15</v>
      </c>
      <c r="G116409" s="16">
        <v>0.40666626168273423</v>
      </c>
    </row>
    <row r="116410" spans="1:7" x14ac:dyDescent="0.3">
      <c r="A116410" s="13" t="s">
        <v>552</v>
      </c>
      <c r="B116410" s="14" t="s">
        <v>1</v>
      </c>
      <c r="C116410" s="14" t="s">
        <v>546</v>
      </c>
      <c r="D116410" s="14" t="s">
        <v>122</v>
      </c>
      <c r="E116410" s="15">
        <v>45716</v>
      </c>
      <c r="F116410" s="14" t="s">
        <v>15</v>
      </c>
      <c r="G116410" s="16">
        <v>0.40335387018987728</v>
      </c>
    </row>
    <row r="116411" spans="1:7" x14ac:dyDescent="0.3">
      <c r="A116411" s="13" t="s">
        <v>552</v>
      </c>
      <c r="B116411" s="14" t="s">
        <v>1</v>
      </c>
      <c r="C116411" s="14" t="s">
        <v>546</v>
      </c>
      <c r="D116411" s="14" t="s">
        <v>122</v>
      </c>
      <c r="E116411" s="15">
        <v>45717</v>
      </c>
      <c r="F116411" s="14" t="s">
        <v>15</v>
      </c>
      <c r="G116411" s="16">
        <v>0.40335387018987728</v>
      </c>
    </row>
    <row r="116412" spans="1:7" x14ac:dyDescent="0.3">
      <c r="A116412" s="13" t="s">
        <v>552</v>
      </c>
      <c r="B116412" s="14" t="s">
        <v>1</v>
      </c>
      <c r="C116412" s="14" t="s">
        <v>546</v>
      </c>
      <c r="D116412" s="14" t="s">
        <v>122</v>
      </c>
      <c r="E116412" s="15">
        <v>45718</v>
      </c>
      <c r="F116412" s="14" t="s">
        <v>15</v>
      </c>
      <c r="G116412" s="16">
        <v>0.40335387018987728</v>
      </c>
    </row>
    <row r="116413" spans="1:7" x14ac:dyDescent="0.3">
      <c r="A116413" s="13" t="s">
        <v>552</v>
      </c>
      <c r="B116413" s="14" t="s">
        <v>1</v>
      </c>
      <c r="C116413" s="14" t="s">
        <v>546</v>
      </c>
      <c r="D116413" s="14" t="s">
        <v>122</v>
      </c>
      <c r="E116413" s="15">
        <v>45719</v>
      </c>
      <c r="F116413" s="14" t="s">
        <v>15</v>
      </c>
      <c r="G116413" s="16">
        <v>0.40006049642151748</v>
      </c>
    </row>
    <row r="116414" spans="1:7" x14ac:dyDescent="0.3">
      <c r="A116414" s="13" t="s">
        <v>552</v>
      </c>
      <c r="B116414" s="14" t="s">
        <v>1</v>
      </c>
      <c r="C116414" s="14" t="s">
        <v>546</v>
      </c>
      <c r="D116414" s="14" t="s">
        <v>122</v>
      </c>
      <c r="E116414" s="15">
        <v>45720</v>
      </c>
      <c r="F116414" s="14" t="s">
        <v>15</v>
      </c>
      <c r="G116414" s="16">
        <v>0.39207911575500454</v>
      </c>
    </row>
    <row r="116415" spans="1:7" x14ac:dyDescent="0.3">
      <c r="A116415" s="13" t="s">
        <v>552</v>
      </c>
      <c r="B116415" s="14" t="s">
        <v>1</v>
      </c>
      <c r="C116415" s="14" t="s">
        <v>546</v>
      </c>
      <c r="D116415" s="14" t="s">
        <v>122</v>
      </c>
      <c r="E116415" s="15">
        <v>45721</v>
      </c>
      <c r="F116415" s="14" t="s">
        <v>15</v>
      </c>
      <c r="G116415" s="16">
        <v>0.38889847023764978</v>
      </c>
    </row>
    <row r="116416" spans="1:7" x14ac:dyDescent="0.3">
      <c r="A116416" s="13" t="s">
        <v>552</v>
      </c>
      <c r="B116416" s="14" t="s">
        <v>1</v>
      </c>
      <c r="C116416" s="14" t="s">
        <v>546</v>
      </c>
      <c r="D116416" s="14" t="s">
        <v>122</v>
      </c>
      <c r="E116416" s="15">
        <v>45722</v>
      </c>
      <c r="F116416" s="14" t="s">
        <v>15</v>
      </c>
      <c r="G116416" s="16">
        <v>0.39493921614786337</v>
      </c>
    </row>
    <row r="116417" spans="1:7" x14ac:dyDescent="0.3">
      <c r="A116417" s="13" t="s">
        <v>552</v>
      </c>
      <c r="B116417" s="14" t="s">
        <v>1</v>
      </c>
      <c r="C116417" s="14" t="s">
        <v>546</v>
      </c>
      <c r="D116417" s="14" t="s">
        <v>122</v>
      </c>
      <c r="E116417" s="15">
        <v>45723</v>
      </c>
      <c r="F116417" s="14" t="s">
        <v>15</v>
      </c>
      <c r="G116417" s="16">
        <v>0.39170124183782146</v>
      </c>
    </row>
    <row r="116418" spans="1:7" x14ac:dyDescent="0.3">
      <c r="A116418" s="13" t="s">
        <v>552</v>
      </c>
      <c r="B116418" s="14" t="s">
        <v>1</v>
      </c>
      <c r="C116418" s="14" t="s">
        <v>546</v>
      </c>
      <c r="D116418" s="14" t="s">
        <v>122</v>
      </c>
      <c r="E116418" s="15">
        <v>45724</v>
      </c>
      <c r="F116418" s="14" t="s">
        <v>15</v>
      </c>
      <c r="G116418" s="16">
        <v>0.39170124183782146</v>
      </c>
    </row>
    <row r="116419" spans="1:7" x14ac:dyDescent="0.3">
      <c r="A116419" s="13" t="s">
        <v>552</v>
      </c>
      <c r="B116419" s="14" t="s">
        <v>1</v>
      </c>
      <c r="C116419" s="14" t="s">
        <v>546</v>
      </c>
      <c r="D116419" s="14" t="s">
        <v>122</v>
      </c>
      <c r="E116419" s="15">
        <v>45725</v>
      </c>
      <c r="F116419" s="14" t="s">
        <v>15</v>
      </c>
      <c r="G116419" s="16">
        <v>0.39170124183782146</v>
      </c>
    </row>
    <row r="116420" spans="1:7" x14ac:dyDescent="0.3">
      <c r="A116420" s="13" t="s">
        <v>552</v>
      </c>
      <c r="B116420" s="14" t="s">
        <v>1</v>
      </c>
      <c r="C116420" s="14" t="s">
        <v>546</v>
      </c>
      <c r="D116420" s="14" t="s">
        <v>122</v>
      </c>
      <c r="E116420" s="15">
        <v>45726</v>
      </c>
      <c r="F116420" s="14" t="s">
        <v>15</v>
      </c>
      <c r="G116420" s="16">
        <v>0.38834971241918764</v>
      </c>
    </row>
    <row r="116421" spans="1:7" x14ac:dyDescent="0.3">
      <c r="A116421" s="13" t="s">
        <v>552</v>
      </c>
      <c r="B116421" s="14" t="s">
        <v>1</v>
      </c>
      <c r="C116421" s="14" t="s">
        <v>546</v>
      </c>
      <c r="D116421" s="14" t="s">
        <v>122</v>
      </c>
      <c r="E116421" s="15">
        <v>45727</v>
      </c>
      <c r="F116421" s="14" t="s">
        <v>15</v>
      </c>
      <c r="G116421" s="16">
        <v>0.37832737160917279</v>
      </c>
    </row>
    <row r="116422" spans="1:7" x14ac:dyDescent="0.3">
      <c r="A116422" s="13" t="s">
        <v>552</v>
      </c>
      <c r="B116422" s="14" t="s">
        <v>1</v>
      </c>
      <c r="C116422" s="14" t="s">
        <v>546</v>
      </c>
      <c r="D116422" s="14" t="s">
        <v>122</v>
      </c>
      <c r="E116422" s="15">
        <v>45728</v>
      </c>
      <c r="F116422" s="14" t="s">
        <v>15</v>
      </c>
      <c r="G116422" s="16">
        <v>0.37503454907920419</v>
      </c>
    </row>
    <row r="116423" spans="1:7" x14ac:dyDescent="0.3">
      <c r="A116423" s="13" t="s">
        <v>552</v>
      </c>
      <c r="B116423" s="14" t="s">
        <v>1</v>
      </c>
      <c r="C116423" s="14" t="s">
        <v>546</v>
      </c>
      <c r="D116423" s="14" t="s">
        <v>122</v>
      </c>
      <c r="E116423" s="15">
        <v>45729</v>
      </c>
      <c r="F116423" s="14" t="s">
        <v>15</v>
      </c>
      <c r="G116423" s="16">
        <v>0.38955251458883544</v>
      </c>
    </row>
    <row r="116424" spans="1:7" x14ac:dyDescent="0.3">
      <c r="A116424" s="13" t="s">
        <v>552</v>
      </c>
      <c r="B116424" s="14" t="s">
        <v>1</v>
      </c>
      <c r="C116424" s="14" t="s">
        <v>546</v>
      </c>
      <c r="D116424" s="14" t="s">
        <v>122</v>
      </c>
      <c r="E116424" s="15">
        <v>45730</v>
      </c>
      <c r="F116424" s="14" t="s">
        <v>15</v>
      </c>
      <c r="G116424" s="16">
        <v>0.38627071682669134</v>
      </c>
    </row>
    <row r="116425" spans="1:7" x14ac:dyDescent="0.3">
      <c r="A116425" s="13" t="s">
        <v>552</v>
      </c>
      <c r="B116425" s="14" t="s">
        <v>1</v>
      </c>
      <c r="C116425" s="14" t="s">
        <v>546</v>
      </c>
      <c r="D116425" s="14" t="s">
        <v>122</v>
      </c>
      <c r="E116425" s="15">
        <v>45731</v>
      </c>
      <c r="F116425" s="14" t="s">
        <v>15</v>
      </c>
      <c r="G116425" s="16">
        <v>0.38627071682669134</v>
      </c>
    </row>
    <row r="116426" spans="1:7" x14ac:dyDescent="0.3">
      <c r="A116426" s="13" t="s">
        <v>552</v>
      </c>
      <c r="B116426" s="14" t="s">
        <v>1</v>
      </c>
      <c r="C116426" s="14" t="s">
        <v>546</v>
      </c>
      <c r="D116426" s="14" t="s">
        <v>122</v>
      </c>
      <c r="E116426" s="15">
        <v>45732</v>
      </c>
      <c r="F116426" s="14" t="s">
        <v>15</v>
      </c>
      <c r="G116426" s="16">
        <v>0.38627071682669134</v>
      </c>
    </row>
    <row r="116427" spans="1:7" x14ac:dyDescent="0.3">
      <c r="A116427" s="13" t="s">
        <v>552</v>
      </c>
      <c r="B116427" s="14" t="s">
        <v>1</v>
      </c>
      <c r="C116427" s="14" t="s">
        <v>546</v>
      </c>
      <c r="D116427" s="14" t="s">
        <v>122</v>
      </c>
      <c r="E116427" s="15">
        <v>45733</v>
      </c>
      <c r="F116427" s="14" t="s">
        <v>15</v>
      </c>
      <c r="G116427" s="16">
        <v>0.38627071682669134</v>
      </c>
    </row>
    <row r="116428" spans="1:7" x14ac:dyDescent="0.3">
      <c r="A116428" s="13" t="s">
        <v>552</v>
      </c>
      <c r="B116428" s="14" t="s">
        <v>1</v>
      </c>
      <c r="C116428" s="14" t="s">
        <v>546</v>
      </c>
      <c r="D116428" s="14" t="s">
        <v>122</v>
      </c>
      <c r="E116428" s="15">
        <v>45734</v>
      </c>
      <c r="F116428" s="14" t="s">
        <v>15</v>
      </c>
      <c r="G116428" s="16">
        <v>0.3830098661234137</v>
      </c>
    </row>
    <row r="116429" spans="1:7" x14ac:dyDescent="0.3">
      <c r="A116429" s="13" t="s">
        <v>552</v>
      </c>
      <c r="B116429" s="14" t="s">
        <v>1</v>
      </c>
      <c r="C116429" s="14" t="s">
        <v>546</v>
      </c>
      <c r="D116429" s="14" t="s">
        <v>122</v>
      </c>
      <c r="E116429" s="15">
        <v>45735</v>
      </c>
      <c r="F116429" s="14" t="s">
        <v>15</v>
      </c>
      <c r="G116429" s="16">
        <v>0.37679492888157379</v>
      </c>
    </row>
    <row r="116430" spans="1:7" x14ac:dyDescent="0.3">
      <c r="A116430" s="13" t="s">
        <v>552</v>
      </c>
      <c r="B116430" s="14" t="s">
        <v>1</v>
      </c>
      <c r="C116430" s="14" t="s">
        <v>546</v>
      </c>
      <c r="D116430" s="14" t="s">
        <v>122</v>
      </c>
      <c r="E116430" s="15">
        <v>45736</v>
      </c>
      <c r="F116430" s="14" t="s">
        <v>15</v>
      </c>
      <c r="G116430" s="16">
        <v>0.373346932744476</v>
      </c>
    </row>
    <row r="116431" spans="1:7" x14ac:dyDescent="0.3">
      <c r="A116431" s="13" t="s">
        <v>552</v>
      </c>
      <c r="B116431" s="14" t="s">
        <v>1</v>
      </c>
      <c r="C116431" s="14" t="s">
        <v>546</v>
      </c>
      <c r="D116431" s="14" t="s">
        <v>122</v>
      </c>
      <c r="E116431" s="15">
        <v>45737</v>
      </c>
      <c r="F116431" s="14" t="s">
        <v>15</v>
      </c>
      <c r="G116431" s="16">
        <v>0.36991271756715882</v>
      </c>
    </row>
    <row r="116432" spans="1:7" x14ac:dyDescent="0.3">
      <c r="A116432" s="13" t="s">
        <v>552</v>
      </c>
      <c r="B116432" s="14" t="s">
        <v>1</v>
      </c>
      <c r="C116432" s="14" t="s">
        <v>546</v>
      </c>
      <c r="D116432" s="14" t="s">
        <v>122</v>
      </c>
      <c r="E116432" s="15">
        <v>45738</v>
      </c>
      <c r="F116432" s="14" t="s">
        <v>15</v>
      </c>
      <c r="G116432" s="16">
        <v>0.36991271756715882</v>
      </c>
    </row>
    <row r="116433" spans="1:7" x14ac:dyDescent="0.3">
      <c r="A116433" s="13" t="s">
        <v>552</v>
      </c>
      <c r="B116433" s="14" t="s">
        <v>1</v>
      </c>
      <c r="C116433" s="14" t="s">
        <v>546</v>
      </c>
      <c r="D116433" s="14" t="s">
        <v>122</v>
      </c>
      <c r="E116433" s="15">
        <v>45739</v>
      </c>
      <c r="F116433" s="14" t="s">
        <v>15</v>
      </c>
      <c r="G116433" s="16">
        <v>0.36991271756715882</v>
      </c>
    </row>
    <row r="116434" spans="1:7" x14ac:dyDescent="0.3">
      <c r="A116434" s="13" t="s">
        <v>552</v>
      </c>
      <c r="B116434" s="14" t="s">
        <v>1</v>
      </c>
      <c r="C116434" s="14" t="s">
        <v>546</v>
      </c>
      <c r="D116434" s="14" t="s">
        <v>122</v>
      </c>
      <c r="E116434" s="15">
        <v>45740</v>
      </c>
      <c r="F116434" s="14" t="s">
        <v>15</v>
      </c>
      <c r="G116434" s="16">
        <v>0.36653858737448491</v>
      </c>
    </row>
    <row r="116435" spans="1:7" x14ac:dyDescent="0.3">
      <c r="A116435" s="13" t="s">
        <v>552</v>
      </c>
      <c r="B116435" s="14" t="s">
        <v>1</v>
      </c>
      <c r="C116435" s="14" t="s">
        <v>546</v>
      </c>
      <c r="D116435" s="14" t="s">
        <v>122</v>
      </c>
      <c r="E116435" s="15">
        <v>45741</v>
      </c>
      <c r="F116435" s="14" t="s">
        <v>15</v>
      </c>
      <c r="G116435" s="16">
        <v>0.35663283348421371</v>
      </c>
    </row>
    <row r="116436" spans="1:7" x14ac:dyDescent="0.3">
      <c r="A116436" s="13" t="s">
        <v>552</v>
      </c>
      <c r="B116436" s="14" t="s">
        <v>1</v>
      </c>
      <c r="C116436" s="14" t="s">
        <v>546</v>
      </c>
      <c r="D116436" s="14" t="s">
        <v>122</v>
      </c>
      <c r="E116436" s="15">
        <v>45742</v>
      </c>
      <c r="F116436" s="14" t="s">
        <v>15</v>
      </c>
      <c r="G116436" s="16">
        <v>0.35330697755032964</v>
      </c>
    </row>
    <row r="116437" spans="1:7" x14ac:dyDescent="0.3">
      <c r="A116437" s="13" t="s">
        <v>552</v>
      </c>
      <c r="B116437" s="14" t="s">
        <v>1</v>
      </c>
      <c r="C116437" s="14" t="s">
        <v>546</v>
      </c>
      <c r="D116437" s="14" t="s">
        <v>122</v>
      </c>
      <c r="E116437" s="15">
        <v>45743</v>
      </c>
      <c r="F116437" s="14" t="s">
        <v>15</v>
      </c>
      <c r="G116437" s="16">
        <v>0.35106069734883044</v>
      </c>
    </row>
    <row r="116438" spans="1:7" x14ac:dyDescent="0.3">
      <c r="A116438" s="13" t="s">
        <v>552</v>
      </c>
      <c r="B116438" s="14" t="s">
        <v>1</v>
      </c>
      <c r="C116438" s="14" t="s">
        <v>546</v>
      </c>
      <c r="D116438" s="14" t="s">
        <v>122</v>
      </c>
      <c r="E116438" s="15">
        <v>45744</v>
      </c>
      <c r="F116438" s="14" t="s">
        <v>15</v>
      </c>
      <c r="G116438" s="16">
        <v>0.34779514095930103</v>
      </c>
    </row>
    <row r="116439" spans="1:7" x14ac:dyDescent="0.3">
      <c r="A116439" s="13" t="s">
        <v>552</v>
      </c>
      <c r="B116439" s="14" t="s">
        <v>1</v>
      </c>
      <c r="C116439" s="14" t="s">
        <v>546</v>
      </c>
      <c r="D116439" s="14" t="s">
        <v>122</v>
      </c>
      <c r="E116439" s="15">
        <v>45745</v>
      </c>
      <c r="F116439" s="14" t="s">
        <v>15</v>
      </c>
      <c r="G116439" s="16">
        <v>0.34779514095930103</v>
      </c>
    </row>
    <row r="116440" spans="1:7" x14ac:dyDescent="0.3">
      <c r="A116440" s="13" t="s">
        <v>552</v>
      </c>
      <c r="B116440" s="14" t="s">
        <v>1</v>
      </c>
      <c r="C116440" s="14" t="s">
        <v>546</v>
      </c>
      <c r="D116440" s="14" t="s">
        <v>122</v>
      </c>
      <c r="E116440" s="15">
        <v>45746</v>
      </c>
      <c r="F116440" s="14" t="s">
        <v>15</v>
      </c>
      <c r="G116440" s="16">
        <v>0.34779514095930103</v>
      </c>
    </row>
    <row r="116441" spans="1:7" x14ac:dyDescent="0.3">
      <c r="A116441" s="13" t="s">
        <v>552</v>
      </c>
      <c r="B116441" s="14" t="s">
        <v>1</v>
      </c>
      <c r="C116441" s="14" t="s">
        <v>546</v>
      </c>
      <c r="D116441" s="14" t="s">
        <v>122</v>
      </c>
      <c r="E116441" s="15">
        <v>45747</v>
      </c>
      <c r="F116441" s="14" t="s">
        <v>15</v>
      </c>
      <c r="G116441" s="16">
        <v>0.34779514095930103</v>
      </c>
    </row>
    <row r="116442" spans="1:7" x14ac:dyDescent="0.3">
      <c r="A116442" s="13" t="s">
        <v>553</v>
      </c>
      <c r="B116442" s="14" t="s">
        <v>1</v>
      </c>
      <c r="C116442" s="14" t="s">
        <v>546</v>
      </c>
      <c r="D116442" s="14" t="s">
        <v>193</v>
      </c>
      <c r="E116442" s="15">
        <v>45383</v>
      </c>
      <c r="F116442" s="14" t="s">
        <v>15</v>
      </c>
      <c r="G116442" s="16">
        <v>0</v>
      </c>
    </row>
    <row r="116443" spans="1:7" x14ac:dyDescent="0.3">
      <c r="A116443" s="13" t="s">
        <v>553</v>
      </c>
      <c r="B116443" s="14" t="s">
        <v>1</v>
      </c>
      <c r="C116443" s="14" t="s">
        <v>546</v>
      </c>
      <c r="D116443" s="14" t="s">
        <v>193</v>
      </c>
      <c r="E116443" s="15">
        <v>45384</v>
      </c>
      <c r="F116443" s="14" t="s">
        <v>15</v>
      </c>
      <c r="G116443" s="16">
        <v>0</v>
      </c>
    </row>
    <row r="116444" spans="1:7" x14ac:dyDescent="0.3">
      <c r="A116444" s="13" t="s">
        <v>553</v>
      </c>
      <c r="B116444" s="14" t="s">
        <v>1</v>
      </c>
      <c r="C116444" s="14" t="s">
        <v>546</v>
      </c>
      <c r="D116444" s="14" t="s">
        <v>193</v>
      </c>
      <c r="E116444" s="15">
        <v>45385</v>
      </c>
      <c r="F116444" s="14" t="s">
        <v>15</v>
      </c>
      <c r="G116444" s="16">
        <v>0</v>
      </c>
    </row>
    <row r="116445" spans="1:7" x14ac:dyDescent="0.3">
      <c r="A116445" s="13" t="s">
        <v>553</v>
      </c>
      <c r="B116445" s="14" t="s">
        <v>1</v>
      </c>
      <c r="C116445" s="14" t="s">
        <v>546</v>
      </c>
      <c r="D116445" s="14" t="s">
        <v>193</v>
      </c>
      <c r="E116445" s="15">
        <v>45386</v>
      </c>
      <c r="F116445" s="14" t="s">
        <v>15</v>
      </c>
      <c r="G116445" s="16">
        <v>0</v>
      </c>
    </row>
    <row r="116446" spans="1:7" x14ac:dyDescent="0.3">
      <c r="A116446" s="13" t="s">
        <v>553</v>
      </c>
      <c r="B116446" s="14" t="s">
        <v>1</v>
      </c>
      <c r="C116446" s="14" t="s">
        <v>546</v>
      </c>
      <c r="D116446" s="14" t="s">
        <v>193</v>
      </c>
      <c r="E116446" s="15">
        <v>45387</v>
      </c>
      <c r="F116446" s="14" t="s">
        <v>15</v>
      </c>
      <c r="G116446" s="16">
        <v>0</v>
      </c>
    </row>
    <row r="116447" spans="1:7" x14ac:dyDescent="0.3">
      <c r="A116447" s="13" t="s">
        <v>553</v>
      </c>
      <c r="B116447" s="14" t="s">
        <v>1</v>
      </c>
      <c r="C116447" s="14" t="s">
        <v>546</v>
      </c>
      <c r="D116447" s="14" t="s">
        <v>193</v>
      </c>
      <c r="E116447" s="15">
        <v>45388</v>
      </c>
      <c r="F116447" s="14" t="s">
        <v>15</v>
      </c>
      <c r="G116447" s="16">
        <v>0</v>
      </c>
    </row>
    <row r="116448" spans="1:7" x14ac:dyDescent="0.3">
      <c r="A116448" s="13" t="s">
        <v>553</v>
      </c>
      <c r="B116448" s="14" t="s">
        <v>1</v>
      </c>
      <c r="C116448" s="14" t="s">
        <v>546</v>
      </c>
      <c r="D116448" s="14" t="s">
        <v>193</v>
      </c>
      <c r="E116448" s="15">
        <v>45389</v>
      </c>
      <c r="F116448" s="14" t="s">
        <v>15</v>
      </c>
      <c r="G116448" s="16">
        <v>0</v>
      </c>
    </row>
    <row r="116449" spans="1:7" x14ac:dyDescent="0.3">
      <c r="A116449" s="13" t="s">
        <v>553</v>
      </c>
      <c r="B116449" s="14" t="s">
        <v>1</v>
      </c>
      <c r="C116449" s="14" t="s">
        <v>546</v>
      </c>
      <c r="D116449" s="14" t="s">
        <v>193</v>
      </c>
      <c r="E116449" s="15">
        <v>45390</v>
      </c>
      <c r="F116449" s="14" t="s">
        <v>15</v>
      </c>
      <c r="G116449" s="16">
        <v>0</v>
      </c>
    </row>
    <row r="116450" spans="1:7" x14ac:dyDescent="0.3">
      <c r="A116450" s="13" t="s">
        <v>553</v>
      </c>
      <c r="B116450" s="14" t="s">
        <v>1</v>
      </c>
      <c r="C116450" s="14" t="s">
        <v>546</v>
      </c>
      <c r="D116450" s="14" t="s">
        <v>193</v>
      </c>
      <c r="E116450" s="15">
        <v>45391</v>
      </c>
      <c r="F116450" s="14" t="s">
        <v>15</v>
      </c>
      <c r="G116450" s="16">
        <v>4.5569352659491488E-3</v>
      </c>
    </row>
    <row r="116451" spans="1:7" x14ac:dyDescent="0.3">
      <c r="A116451" s="13" t="s">
        <v>553</v>
      </c>
      <c r="B116451" s="14" t="s">
        <v>1</v>
      </c>
      <c r="C116451" s="14" t="s">
        <v>546</v>
      </c>
      <c r="D116451" s="14" t="s">
        <v>193</v>
      </c>
      <c r="E116451" s="15">
        <v>45392</v>
      </c>
      <c r="F116451" s="14" t="s">
        <v>15</v>
      </c>
      <c r="G116451" s="16">
        <v>2.8573792038529954E-3</v>
      </c>
    </row>
    <row r="116452" spans="1:7" x14ac:dyDescent="0.3">
      <c r="A116452" s="13" t="s">
        <v>553</v>
      </c>
      <c r="B116452" s="14" t="s">
        <v>1</v>
      </c>
      <c r="C116452" s="14" t="s">
        <v>546</v>
      </c>
      <c r="D116452" s="14" t="s">
        <v>193</v>
      </c>
      <c r="E116452" s="15">
        <v>45393</v>
      </c>
      <c r="F116452" s="14" t="s">
        <v>15</v>
      </c>
      <c r="G116452" s="16">
        <v>1.1534610984516192E-3</v>
      </c>
    </row>
    <row r="116453" spans="1:7" x14ac:dyDescent="0.3">
      <c r="A116453" s="13" t="s">
        <v>553</v>
      </c>
      <c r="B116453" s="14" t="s">
        <v>1</v>
      </c>
      <c r="C116453" s="14" t="s">
        <v>546</v>
      </c>
      <c r="D116453" s="14" t="s">
        <v>193</v>
      </c>
      <c r="E116453" s="15">
        <v>45394</v>
      </c>
      <c r="F116453" s="14" t="s">
        <v>15</v>
      </c>
      <c r="G116453" s="16">
        <v>0</v>
      </c>
    </row>
    <row r="116454" spans="1:7" x14ac:dyDescent="0.3">
      <c r="A116454" s="13" t="s">
        <v>553</v>
      </c>
      <c r="B116454" s="14" t="s">
        <v>1</v>
      </c>
      <c r="C116454" s="14" t="s">
        <v>546</v>
      </c>
      <c r="D116454" s="14" t="s">
        <v>193</v>
      </c>
      <c r="E116454" s="15">
        <v>45395</v>
      </c>
      <c r="F116454" s="14" t="s">
        <v>15</v>
      </c>
      <c r="G116454" s="16">
        <v>0</v>
      </c>
    </row>
    <row r="116455" spans="1:7" x14ac:dyDescent="0.3">
      <c r="A116455" s="13" t="s">
        <v>553</v>
      </c>
      <c r="B116455" s="14" t="s">
        <v>1</v>
      </c>
      <c r="C116455" s="14" t="s">
        <v>546</v>
      </c>
      <c r="D116455" s="14" t="s">
        <v>193</v>
      </c>
      <c r="E116455" s="15">
        <v>45396</v>
      </c>
      <c r="F116455" s="14" t="s">
        <v>15</v>
      </c>
      <c r="G116455" s="16">
        <v>0</v>
      </c>
    </row>
    <row r="116456" spans="1:7" x14ac:dyDescent="0.3">
      <c r="A116456" s="13" t="s">
        <v>553</v>
      </c>
      <c r="B116456" s="14" t="s">
        <v>1</v>
      </c>
      <c r="C116456" s="14" t="s">
        <v>546</v>
      </c>
      <c r="D116456" s="14" t="s">
        <v>193</v>
      </c>
      <c r="E116456" s="15">
        <v>45397</v>
      </c>
      <c r="F116456" s="14" t="s">
        <v>15</v>
      </c>
      <c r="G116456" s="16">
        <v>0</v>
      </c>
    </row>
    <row r="116457" spans="1:7" x14ac:dyDescent="0.3">
      <c r="A116457" s="13" t="s">
        <v>553</v>
      </c>
      <c r="B116457" s="14" t="s">
        <v>1</v>
      </c>
      <c r="C116457" s="14" t="s">
        <v>546</v>
      </c>
      <c r="D116457" s="14" t="s">
        <v>193</v>
      </c>
      <c r="E116457" s="15">
        <v>45398</v>
      </c>
      <c r="F116457" s="14" t="s">
        <v>15</v>
      </c>
      <c r="G116457" s="16">
        <v>0</v>
      </c>
    </row>
    <row r="116458" spans="1:7" x14ac:dyDescent="0.3">
      <c r="A116458" s="13" t="s">
        <v>553</v>
      </c>
      <c r="B116458" s="14" t="s">
        <v>1</v>
      </c>
      <c r="C116458" s="14" t="s">
        <v>546</v>
      </c>
      <c r="D116458" s="14" t="s">
        <v>193</v>
      </c>
      <c r="E116458" s="15">
        <v>45399</v>
      </c>
      <c r="F116458" s="14" t="s">
        <v>15</v>
      </c>
      <c r="G116458" s="16">
        <v>0</v>
      </c>
    </row>
    <row r="116459" spans="1:7" x14ac:dyDescent="0.3">
      <c r="A116459" s="13" t="s">
        <v>553</v>
      </c>
      <c r="B116459" s="14" t="s">
        <v>1</v>
      </c>
      <c r="C116459" s="14" t="s">
        <v>546</v>
      </c>
      <c r="D116459" s="14" t="s">
        <v>193</v>
      </c>
      <c r="E116459" s="15">
        <v>45400</v>
      </c>
      <c r="F116459" s="14" t="s">
        <v>15</v>
      </c>
      <c r="G116459" s="16">
        <v>0</v>
      </c>
    </row>
    <row r="116460" spans="1:7" x14ac:dyDescent="0.3">
      <c r="A116460" s="13" t="s">
        <v>553</v>
      </c>
      <c r="B116460" s="14" t="s">
        <v>1</v>
      </c>
      <c r="C116460" s="14" t="s">
        <v>546</v>
      </c>
      <c r="D116460" s="14" t="s">
        <v>193</v>
      </c>
      <c r="E116460" s="15">
        <v>45401</v>
      </c>
      <c r="F116460" s="14" t="s">
        <v>15</v>
      </c>
      <c r="G116460" s="16">
        <v>0</v>
      </c>
    </row>
    <row r="116461" spans="1:7" x14ac:dyDescent="0.3">
      <c r="A116461" s="13" t="s">
        <v>553</v>
      </c>
      <c r="B116461" s="14" t="s">
        <v>1</v>
      </c>
      <c r="C116461" s="14" t="s">
        <v>546</v>
      </c>
      <c r="D116461" s="14" t="s">
        <v>193</v>
      </c>
      <c r="E116461" s="15">
        <v>45402</v>
      </c>
      <c r="F116461" s="14" t="s">
        <v>15</v>
      </c>
      <c r="G116461" s="16">
        <v>0</v>
      </c>
    </row>
    <row r="116462" spans="1:7" x14ac:dyDescent="0.3">
      <c r="A116462" s="13" t="s">
        <v>553</v>
      </c>
      <c r="B116462" s="14" t="s">
        <v>1</v>
      </c>
      <c r="C116462" s="14" t="s">
        <v>546</v>
      </c>
      <c r="D116462" s="14" t="s">
        <v>193</v>
      </c>
      <c r="E116462" s="15">
        <v>45403</v>
      </c>
      <c r="F116462" s="14" t="s">
        <v>15</v>
      </c>
      <c r="G116462" s="16">
        <v>0</v>
      </c>
    </row>
    <row r="116463" spans="1:7" x14ac:dyDescent="0.3">
      <c r="A116463" s="13" t="s">
        <v>553</v>
      </c>
      <c r="B116463" s="14" t="s">
        <v>1</v>
      </c>
      <c r="C116463" s="14" t="s">
        <v>546</v>
      </c>
      <c r="D116463" s="14" t="s">
        <v>193</v>
      </c>
      <c r="E116463" s="15">
        <v>45404</v>
      </c>
      <c r="F116463" s="14" t="s">
        <v>15</v>
      </c>
      <c r="G116463" s="16">
        <v>0</v>
      </c>
    </row>
    <row r="116464" spans="1:7" x14ac:dyDescent="0.3">
      <c r="A116464" s="13" t="s">
        <v>553</v>
      </c>
      <c r="B116464" s="14" t="s">
        <v>1</v>
      </c>
      <c r="C116464" s="14" t="s">
        <v>546</v>
      </c>
      <c r="D116464" s="14" t="s">
        <v>193</v>
      </c>
      <c r="E116464" s="15">
        <v>45405</v>
      </c>
      <c r="F116464" s="14" t="s">
        <v>15</v>
      </c>
      <c r="G116464" s="16">
        <v>0</v>
      </c>
    </row>
    <row r="116465" spans="1:7" x14ac:dyDescent="0.3">
      <c r="A116465" s="13" t="s">
        <v>553</v>
      </c>
      <c r="B116465" s="14" t="s">
        <v>1</v>
      </c>
      <c r="C116465" s="14" t="s">
        <v>546</v>
      </c>
      <c r="D116465" s="14" t="s">
        <v>193</v>
      </c>
      <c r="E116465" s="15">
        <v>45406</v>
      </c>
      <c r="F116465" s="14" t="s">
        <v>15</v>
      </c>
      <c r="G116465" s="16">
        <v>0</v>
      </c>
    </row>
    <row r="116466" spans="1:7" x14ac:dyDescent="0.3">
      <c r="A116466" s="13" t="s">
        <v>553</v>
      </c>
      <c r="B116466" s="14" t="s">
        <v>1</v>
      </c>
      <c r="C116466" s="14" t="s">
        <v>546</v>
      </c>
      <c r="D116466" s="14" t="s">
        <v>193</v>
      </c>
      <c r="E116466" s="15">
        <v>45407</v>
      </c>
      <c r="F116466" s="14" t="s">
        <v>15</v>
      </c>
      <c r="G116466" s="16">
        <v>0</v>
      </c>
    </row>
    <row r="116467" spans="1:7" x14ac:dyDescent="0.3">
      <c r="A116467" s="13" t="s">
        <v>553</v>
      </c>
      <c r="B116467" s="14" t="s">
        <v>1</v>
      </c>
      <c r="C116467" s="14" t="s">
        <v>546</v>
      </c>
      <c r="D116467" s="14" t="s">
        <v>193</v>
      </c>
      <c r="E116467" s="15">
        <v>45408</v>
      </c>
      <c r="F116467" s="14" t="s">
        <v>15</v>
      </c>
      <c r="G116467" s="16">
        <v>0</v>
      </c>
    </row>
    <row r="116468" spans="1:7" x14ac:dyDescent="0.3">
      <c r="A116468" s="13" t="s">
        <v>553</v>
      </c>
      <c r="B116468" s="14" t="s">
        <v>1</v>
      </c>
      <c r="C116468" s="14" t="s">
        <v>546</v>
      </c>
      <c r="D116468" s="14" t="s">
        <v>193</v>
      </c>
      <c r="E116468" s="15">
        <v>45409</v>
      </c>
      <c r="F116468" s="14" t="s">
        <v>15</v>
      </c>
      <c r="G116468" s="16">
        <v>0</v>
      </c>
    </row>
    <row r="116469" spans="1:7" x14ac:dyDescent="0.3">
      <c r="A116469" s="13" t="s">
        <v>553</v>
      </c>
      <c r="B116469" s="14" t="s">
        <v>1</v>
      </c>
      <c r="C116469" s="14" t="s">
        <v>546</v>
      </c>
      <c r="D116469" s="14" t="s">
        <v>193</v>
      </c>
      <c r="E116469" s="15">
        <v>45410</v>
      </c>
      <c r="F116469" s="14" t="s">
        <v>15</v>
      </c>
      <c r="G116469" s="16">
        <v>0</v>
      </c>
    </row>
    <row r="116470" spans="1:7" x14ac:dyDescent="0.3">
      <c r="A116470" s="13" t="s">
        <v>553</v>
      </c>
      <c r="B116470" s="14" t="s">
        <v>1</v>
      </c>
      <c r="C116470" s="14" t="s">
        <v>546</v>
      </c>
      <c r="D116470" s="14" t="s">
        <v>193</v>
      </c>
      <c r="E116470" s="15">
        <v>45411</v>
      </c>
      <c r="F116470" s="14" t="s">
        <v>15</v>
      </c>
      <c r="G116470" s="16">
        <v>0</v>
      </c>
    </row>
    <row r="116471" spans="1:7" x14ac:dyDescent="0.3">
      <c r="A116471" s="13" t="s">
        <v>553</v>
      </c>
      <c r="B116471" s="14" t="s">
        <v>1</v>
      </c>
      <c r="C116471" s="14" t="s">
        <v>546</v>
      </c>
      <c r="D116471" s="14" t="s">
        <v>193</v>
      </c>
      <c r="E116471" s="15">
        <v>45412</v>
      </c>
      <c r="F116471" s="14" t="s">
        <v>15</v>
      </c>
      <c r="G116471" s="16">
        <v>0</v>
      </c>
    </row>
    <row r="116472" spans="1:7" x14ac:dyDescent="0.3">
      <c r="A116472" s="13" t="s">
        <v>553</v>
      </c>
      <c r="B116472" s="14" t="s">
        <v>1</v>
      </c>
      <c r="C116472" s="14" t="s">
        <v>546</v>
      </c>
      <c r="D116472" s="14" t="s">
        <v>193</v>
      </c>
      <c r="E116472" s="15">
        <v>45413</v>
      </c>
      <c r="F116472" s="14" t="s">
        <v>15</v>
      </c>
      <c r="G116472" s="16">
        <v>0</v>
      </c>
    </row>
    <row r="116473" spans="1:7" x14ac:dyDescent="0.3">
      <c r="A116473" s="13" t="s">
        <v>553</v>
      </c>
      <c r="B116473" s="14" t="s">
        <v>1</v>
      </c>
      <c r="C116473" s="14" t="s">
        <v>546</v>
      </c>
      <c r="D116473" s="14" t="s">
        <v>193</v>
      </c>
      <c r="E116473" s="15">
        <v>45414</v>
      </c>
      <c r="F116473" s="14" t="s">
        <v>15</v>
      </c>
      <c r="G116473" s="16">
        <v>0</v>
      </c>
    </row>
    <row r="116474" spans="1:7" x14ac:dyDescent="0.3">
      <c r="A116474" s="13" t="s">
        <v>553</v>
      </c>
      <c r="B116474" s="14" t="s">
        <v>1</v>
      </c>
      <c r="C116474" s="14" t="s">
        <v>546</v>
      </c>
      <c r="D116474" s="14" t="s">
        <v>193</v>
      </c>
      <c r="E116474" s="15">
        <v>45415</v>
      </c>
      <c r="F116474" s="14" t="s">
        <v>15</v>
      </c>
      <c r="G116474" s="16">
        <v>0</v>
      </c>
    </row>
    <row r="116475" spans="1:7" x14ac:dyDescent="0.3">
      <c r="A116475" s="13" t="s">
        <v>553</v>
      </c>
      <c r="B116475" s="14" t="s">
        <v>1</v>
      </c>
      <c r="C116475" s="14" t="s">
        <v>546</v>
      </c>
      <c r="D116475" s="14" t="s">
        <v>193</v>
      </c>
      <c r="E116475" s="15">
        <v>45416</v>
      </c>
      <c r="F116475" s="14" t="s">
        <v>15</v>
      </c>
      <c r="G116475" s="16">
        <v>0</v>
      </c>
    </row>
    <row r="116476" spans="1:7" x14ac:dyDescent="0.3">
      <c r="A116476" s="13" t="s">
        <v>553</v>
      </c>
      <c r="B116476" s="14" t="s">
        <v>1</v>
      </c>
      <c r="C116476" s="14" t="s">
        <v>546</v>
      </c>
      <c r="D116476" s="14" t="s">
        <v>193</v>
      </c>
      <c r="E116476" s="15">
        <v>45417</v>
      </c>
      <c r="F116476" s="14" t="s">
        <v>15</v>
      </c>
      <c r="G116476" s="16">
        <v>0</v>
      </c>
    </row>
    <row r="116477" spans="1:7" x14ac:dyDescent="0.3">
      <c r="A116477" s="13" t="s">
        <v>553</v>
      </c>
      <c r="B116477" s="14" t="s">
        <v>1</v>
      </c>
      <c r="C116477" s="14" t="s">
        <v>546</v>
      </c>
      <c r="D116477" s="14" t="s">
        <v>193</v>
      </c>
      <c r="E116477" s="15">
        <v>45418</v>
      </c>
      <c r="F116477" s="14" t="s">
        <v>15</v>
      </c>
      <c r="G116477" s="16">
        <v>0</v>
      </c>
    </row>
    <row r="116478" spans="1:7" x14ac:dyDescent="0.3">
      <c r="A116478" s="13" t="s">
        <v>553</v>
      </c>
      <c r="B116478" s="14" t="s">
        <v>1</v>
      </c>
      <c r="C116478" s="14" t="s">
        <v>546</v>
      </c>
      <c r="D116478" s="14" t="s">
        <v>193</v>
      </c>
      <c r="E116478" s="15">
        <v>45419</v>
      </c>
      <c r="F116478" s="14" t="s">
        <v>15</v>
      </c>
      <c r="G116478" s="16">
        <v>8.1875246542926182E-3</v>
      </c>
    </row>
    <row r="116479" spans="1:7" x14ac:dyDescent="0.3">
      <c r="A116479" s="13" t="s">
        <v>553</v>
      </c>
      <c r="B116479" s="14" t="s">
        <v>1</v>
      </c>
      <c r="C116479" s="14" t="s">
        <v>546</v>
      </c>
      <c r="D116479" s="14" t="s">
        <v>193</v>
      </c>
      <c r="E116479" s="15">
        <v>45420</v>
      </c>
      <c r="F116479" s="14" t="s">
        <v>15</v>
      </c>
      <c r="G116479" s="16">
        <v>4.147053338096104E-4</v>
      </c>
    </row>
    <row r="116480" spans="1:7" x14ac:dyDescent="0.3">
      <c r="A116480" s="13" t="s">
        <v>553</v>
      </c>
      <c r="B116480" s="14" t="s">
        <v>1</v>
      </c>
      <c r="C116480" s="14" t="s">
        <v>546</v>
      </c>
      <c r="D116480" s="14" t="s">
        <v>193</v>
      </c>
      <c r="E116480" s="15">
        <v>45421</v>
      </c>
      <c r="F116480" s="14" t="s">
        <v>15</v>
      </c>
      <c r="G116480" s="16">
        <v>0</v>
      </c>
    </row>
    <row r="116481" spans="1:7" x14ac:dyDescent="0.3">
      <c r="A116481" s="13" t="s">
        <v>553</v>
      </c>
      <c r="B116481" s="14" t="s">
        <v>1</v>
      </c>
      <c r="C116481" s="14" t="s">
        <v>546</v>
      </c>
      <c r="D116481" s="14" t="s">
        <v>193</v>
      </c>
      <c r="E116481" s="15">
        <v>45422</v>
      </c>
      <c r="F116481" s="14" t="s">
        <v>15</v>
      </c>
      <c r="G116481" s="16">
        <v>0</v>
      </c>
    </row>
    <row r="116482" spans="1:7" x14ac:dyDescent="0.3">
      <c r="A116482" s="13" t="s">
        <v>553</v>
      </c>
      <c r="B116482" s="14" t="s">
        <v>1</v>
      </c>
      <c r="C116482" s="14" t="s">
        <v>546</v>
      </c>
      <c r="D116482" s="14" t="s">
        <v>193</v>
      </c>
      <c r="E116482" s="15">
        <v>45423</v>
      </c>
      <c r="F116482" s="14" t="s">
        <v>15</v>
      </c>
      <c r="G116482" s="16">
        <v>0</v>
      </c>
    </row>
    <row r="116483" spans="1:7" x14ac:dyDescent="0.3">
      <c r="A116483" s="13" t="s">
        <v>553</v>
      </c>
      <c r="B116483" s="14" t="s">
        <v>1</v>
      </c>
      <c r="C116483" s="14" t="s">
        <v>546</v>
      </c>
      <c r="D116483" s="14" t="s">
        <v>193</v>
      </c>
      <c r="E116483" s="15">
        <v>45424</v>
      </c>
      <c r="F116483" s="14" t="s">
        <v>15</v>
      </c>
      <c r="G116483" s="16">
        <v>0</v>
      </c>
    </row>
    <row r="116484" spans="1:7" x14ac:dyDescent="0.3">
      <c r="A116484" s="13" t="s">
        <v>553</v>
      </c>
      <c r="B116484" s="14" t="s">
        <v>1</v>
      </c>
      <c r="C116484" s="14" t="s">
        <v>546</v>
      </c>
      <c r="D116484" s="14" t="s">
        <v>193</v>
      </c>
      <c r="E116484" s="15">
        <v>45425</v>
      </c>
      <c r="F116484" s="14" t="s">
        <v>15</v>
      </c>
      <c r="G116484" s="16">
        <v>0</v>
      </c>
    </row>
    <row r="116485" spans="1:7" x14ac:dyDescent="0.3">
      <c r="A116485" s="13" t="s">
        <v>553</v>
      </c>
      <c r="B116485" s="14" t="s">
        <v>1</v>
      </c>
      <c r="C116485" s="14" t="s">
        <v>546</v>
      </c>
      <c r="D116485" s="14" t="s">
        <v>193</v>
      </c>
      <c r="E116485" s="15">
        <v>45426</v>
      </c>
      <c r="F116485" s="14" t="s">
        <v>15</v>
      </c>
      <c r="G116485" s="16">
        <v>0</v>
      </c>
    </row>
    <row r="116486" spans="1:7" x14ac:dyDescent="0.3">
      <c r="A116486" s="13" t="s">
        <v>553</v>
      </c>
      <c r="B116486" s="14" t="s">
        <v>1</v>
      </c>
      <c r="C116486" s="14" t="s">
        <v>546</v>
      </c>
      <c r="D116486" s="14" t="s">
        <v>193</v>
      </c>
      <c r="E116486" s="15">
        <v>45427</v>
      </c>
      <c r="F116486" s="14" t="s">
        <v>15</v>
      </c>
      <c r="G116486" s="16">
        <v>0</v>
      </c>
    </row>
    <row r="116487" spans="1:7" x14ac:dyDescent="0.3">
      <c r="A116487" s="13" t="s">
        <v>553</v>
      </c>
      <c r="B116487" s="14" t="s">
        <v>1</v>
      </c>
      <c r="C116487" s="14" t="s">
        <v>546</v>
      </c>
      <c r="D116487" s="14" t="s">
        <v>193</v>
      </c>
      <c r="E116487" s="15">
        <v>45428</v>
      </c>
      <c r="F116487" s="14" t="s">
        <v>15</v>
      </c>
      <c r="G116487" s="16">
        <v>0</v>
      </c>
    </row>
    <row r="116488" spans="1:7" x14ac:dyDescent="0.3">
      <c r="A116488" s="13" t="s">
        <v>553</v>
      </c>
      <c r="B116488" s="14" t="s">
        <v>1</v>
      </c>
      <c r="C116488" s="14" t="s">
        <v>546</v>
      </c>
      <c r="D116488" s="14" t="s">
        <v>193</v>
      </c>
      <c r="E116488" s="15">
        <v>45429</v>
      </c>
      <c r="F116488" s="14" t="s">
        <v>15</v>
      </c>
      <c r="G116488" s="16">
        <v>2.4509770317506698E-2</v>
      </c>
    </row>
    <row r="116489" spans="1:7" x14ac:dyDescent="0.3">
      <c r="A116489" s="13" t="s">
        <v>553</v>
      </c>
      <c r="B116489" s="14" t="s">
        <v>1</v>
      </c>
      <c r="C116489" s="14" t="s">
        <v>546</v>
      </c>
      <c r="D116489" s="14" t="s">
        <v>193</v>
      </c>
      <c r="E116489" s="15">
        <v>45430</v>
      </c>
      <c r="F116489" s="14" t="s">
        <v>15</v>
      </c>
      <c r="G116489" s="16">
        <v>2.4509770317506698E-2</v>
      </c>
    </row>
    <row r="116490" spans="1:7" x14ac:dyDescent="0.3">
      <c r="A116490" s="13" t="s">
        <v>553</v>
      </c>
      <c r="B116490" s="14" t="s">
        <v>1</v>
      </c>
      <c r="C116490" s="14" t="s">
        <v>546</v>
      </c>
      <c r="D116490" s="14" t="s">
        <v>193</v>
      </c>
      <c r="E116490" s="15">
        <v>45431</v>
      </c>
      <c r="F116490" s="14" t="s">
        <v>15</v>
      </c>
      <c r="G116490" s="16">
        <v>2.4509770317506698E-2</v>
      </c>
    </row>
    <row r="116491" spans="1:7" x14ac:dyDescent="0.3">
      <c r="A116491" s="13" t="s">
        <v>553</v>
      </c>
      <c r="B116491" s="14" t="s">
        <v>1</v>
      </c>
      <c r="C116491" s="14" t="s">
        <v>546</v>
      </c>
      <c r="D116491" s="14" t="s">
        <v>193</v>
      </c>
      <c r="E116491" s="15">
        <v>45432</v>
      </c>
      <c r="F116491" s="14" t="s">
        <v>15</v>
      </c>
      <c r="G116491" s="16">
        <v>7.4442885673440845E-2</v>
      </c>
    </row>
    <row r="116492" spans="1:7" x14ac:dyDescent="0.3">
      <c r="A116492" s="13" t="s">
        <v>553</v>
      </c>
      <c r="B116492" s="14" t="s">
        <v>1</v>
      </c>
      <c r="C116492" s="14" t="s">
        <v>546</v>
      </c>
      <c r="D116492" s="14" t="s">
        <v>193</v>
      </c>
      <c r="E116492" s="15">
        <v>45433</v>
      </c>
      <c r="F116492" s="14" t="s">
        <v>15</v>
      </c>
      <c r="G116492" s="16">
        <v>6.8724191243337035E-2</v>
      </c>
    </row>
    <row r="116493" spans="1:7" x14ac:dyDescent="0.3">
      <c r="A116493" s="13" t="s">
        <v>553</v>
      </c>
      <c r="B116493" s="14" t="s">
        <v>1</v>
      </c>
      <c r="C116493" s="14" t="s">
        <v>546</v>
      </c>
      <c r="D116493" s="14" t="s">
        <v>193</v>
      </c>
      <c r="E116493" s="15">
        <v>45434</v>
      </c>
      <c r="F116493" s="14" t="s">
        <v>15</v>
      </c>
      <c r="G116493" s="16">
        <v>8.0217680602598207E-2</v>
      </c>
    </row>
    <row r="116494" spans="1:7" x14ac:dyDescent="0.3">
      <c r="A116494" s="13" t="s">
        <v>553</v>
      </c>
      <c r="B116494" s="14" t="s">
        <v>1</v>
      </c>
      <c r="C116494" s="14" t="s">
        <v>546</v>
      </c>
      <c r="D116494" s="14" t="s">
        <v>193</v>
      </c>
      <c r="E116494" s="15">
        <v>45435</v>
      </c>
      <c r="F116494" s="14" t="s">
        <v>15</v>
      </c>
      <c r="G116494" s="16">
        <v>7.8331373025015472E-2</v>
      </c>
    </row>
    <row r="116495" spans="1:7" x14ac:dyDescent="0.3">
      <c r="A116495" s="13" t="s">
        <v>553</v>
      </c>
      <c r="B116495" s="14" t="s">
        <v>1</v>
      </c>
      <c r="C116495" s="14" t="s">
        <v>546</v>
      </c>
      <c r="D116495" s="14" t="s">
        <v>193</v>
      </c>
      <c r="E116495" s="15">
        <v>45436</v>
      </c>
      <c r="F116495" s="14" t="s">
        <v>15</v>
      </c>
      <c r="G116495" s="16">
        <v>7.645183421930217E-2</v>
      </c>
    </row>
    <row r="116496" spans="1:7" x14ac:dyDescent="0.3">
      <c r="A116496" s="13" t="s">
        <v>553</v>
      </c>
      <c r="B116496" s="14" t="s">
        <v>1</v>
      </c>
      <c r="C116496" s="14" t="s">
        <v>546</v>
      </c>
      <c r="D116496" s="14" t="s">
        <v>193</v>
      </c>
      <c r="E116496" s="15">
        <v>45437</v>
      </c>
      <c r="F116496" s="14" t="s">
        <v>15</v>
      </c>
      <c r="G116496" s="16">
        <v>7.645183421930217E-2</v>
      </c>
    </row>
    <row r="116497" spans="1:7" x14ac:dyDescent="0.3">
      <c r="A116497" s="13" t="s">
        <v>553</v>
      </c>
      <c r="B116497" s="14" t="s">
        <v>1</v>
      </c>
      <c r="C116497" s="14" t="s">
        <v>546</v>
      </c>
      <c r="D116497" s="14" t="s">
        <v>193</v>
      </c>
      <c r="E116497" s="15">
        <v>45438</v>
      </c>
      <c r="F116497" s="14" t="s">
        <v>15</v>
      </c>
      <c r="G116497" s="16">
        <v>7.645183421930217E-2</v>
      </c>
    </row>
    <row r="116498" spans="1:7" x14ac:dyDescent="0.3">
      <c r="A116498" s="13" t="s">
        <v>553</v>
      </c>
      <c r="B116498" s="14" t="s">
        <v>1</v>
      </c>
      <c r="C116498" s="14" t="s">
        <v>546</v>
      </c>
      <c r="D116498" s="14" t="s">
        <v>193</v>
      </c>
      <c r="E116498" s="15">
        <v>45439</v>
      </c>
      <c r="F116498" s="14" t="s">
        <v>15</v>
      </c>
      <c r="G116498" s="16">
        <v>7.459581402771151E-2</v>
      </c>
    </row>
    <row r="116499" spans="1:7" x14ac:dyDescent="0.3">
      <c r="A116499" s="13" t="s">
        <v>553</v>
      </c>
      <c r="B116499" s="14" t="s">
        <v>1</v>
      </c>
      <c r="C116499" s="14" t="s">
        <v>546</v>
      </c>
      <c r="D116499" s="14" t="s">
        <v>193</v>
      </c>
      <c r="E116499" s="15">
        <v>45440</v>
      </c>
      <c r="F116499" s="14" t="s">
        <v>15</v>
      </c>
      <c r="G116499" s="16">
        <v>8.6779603392708932E-2</v>
      </c>
    </row>
    <row r="116500" spans="1:7" x14ac:dyDescent="0.3">
      <c r="A116500" s="13" t="s">
        <v>553</v>
      </c>
      <c r="B116500" s="14" t="s">
        <v>1</v>
      </c>
      <c r="C116500" s="14" t="s">
        <v>546</v>
      </c>
      <c r="D116500" s="14" t="s">
        <v>193</v>
      </c>
      <c r="E116500" s="15">
        <v>45441</v>
      </c>
      <c r="F116500" s="14" t="s">
        <v>15</v>
      </c>
      <c r="G116500" s="16">
        <v>8.5608485834624187E-2</v>
      </c>
    </row>
    <row r="116501" spans="1:7" x14ac:dyDescent="0.3">
      <c r="A116501" s="13" t="s">
        <v>553</v>
      </c>
      <c r="B116501" s="14" t="s">
        <v>1</v>
      </c>
      <c r="C116501" s="14" t="s">
        <v>546</v>
      </c>
      <c r="D116501" s="14" t="s">
        <v>193</v>
      </c>
      <c r="E116501" s="15">
        <v>45442</v>
      </c>
      <c r="F116501" s="14" t="s">
        <v>15</v>
      </c>
      <c r="G116501" s="16">
        <v>8.3765767195431551E-2</v>
      </c>
    </row>
    <row r="116502" spans="1:7" x14ac:dyDescent="0.3">
      <c r="A116502" s="13" t="s">
        <v>553</v>
      </c>
      <c r="B116502" s="14" t="s">
        <v>1</v>
      </c>
      <c r="C116502" s="14" t="s">
        <v>546</v>
      </c>
      <c r="D116502" s="14" t="s">
        <v>193</v>
      </c>
      <c r="E116502" s="15">
        <v>45443</v>
      </c>
      <c r="F116502" s="14" t="s">
        <v>15</v>
      </c>
      <c r="G116502" s="16">
        <v>8.6286037968324514E-2</v>
      </c>
    </row>
    <row r="116503" spans="1:7" x14ac:dyDescent="0.3">
      <c r="A116503" s="13" t="s">
        <v>553</v>
      </c>
      <c r="B116503" s="14" t="s">
        <v>1</v>
      </c>
      <c r="C116503" s="14" t="s">
        <v>546</v>
      </c>
      <c r="D116503" s="14" t="s">
        <v>193</v>
      </c>
      <c r="E116503" s="15">
        <v>45444</v>
      </c>
      <c r="F116503" s="14" t="s">
        <v>15</v>
      </c>
      <c r="G116503" s="16">
        <v>8.6286037968324514E-2</v>
      </c>
    </row>
    <row r="116504" spans="1:7" x14ac:dyDescent="0.3">
      <c r="A116504" s="13" t="s">
        <v>553</v>
      </c>
      <c r="B116504" s="14" t="s">
        <v>1</v>
      </c>
      <c r="C116504" s="14" t="s">
        <v>546</v>
      </c>
      <c r="D116504" s="14" t="s">
        <v>193</v>
      </c>
      <c r="E116504" s="15">
        <v>45445</v>
      </c>
      <c r="F116504" s="14" t="s">
        <v>15</v>
      </c>
      <c r="G116504" s="16">
        <v>8.6286037968324514E-2</v>
      </c>
    </row>
    <row r="116505" spans="1:7" x14ac:dyDescent="0.3">
      <c r="A116505" s="13" t="s">
        <v>553</v>
      </c>
      <c r="B116505" s="14" t="s">
        <v>1</v>
      </c>
      <c r="C116505" s="14" t="s">
        <v>546</v>
      </c>
      <c r="D116505" s="14" t="s">
        <v>193</v>
      </c>
      <c r="E116505" s="15">
        <v>45446</v>
      </c>
      <c r="F116505" s="14" t="s">
        <v>15</v>
      </c>
      <c r="G116505" s="16">
        <v>8.6286037968324514E-2</v>
      </c>
    </row>
    <row r="116506" spans="1:7" x14ac:dyDescent="0.3">
      <c r="A116506" s="13" t="s">
        <v>553</v>
      </c>
      <c r="B116506" s="14" t="s">
        <v>1</v>
      </c>
      <c r="C116506" s="14" t="s">
        <v>546</v>
      </c>
      <c r="D116506" s="14" t="s">
        <v>193</v>
      </c>
      <c r="E116506" s="15">
        <v>45447</v>
      </c>
      <c r="F116506" s="14" t="s">
        <v>15</v>
      </c>
      <c r="G116506" s="16">
        <v>8.8450237427770584E-2</v>
      </c>
    </row>
    <row r="116507" spans="1:7" x14ac:dyDescent="0.3">
      <c r="A116507" s="13" t="s">
        <v>553</v>
      </c>
      <c r="B116507" s="14" t="s">
        <v>1</v>
      </c>
      <c r="C116507" s="14" t="s">
        <v>546</v>
      </c>
      <c r="D116507" s="14" t="s">
        <v>193</v>
      </c>
      <c r="E116507" s="15">
        <v>45448</v>
      </c>
      <c r="F116507" s="14" t="s">
        <v>15</v>
      </c>
      <c r="G116507" s="16">
        <v>8.5042391956769561E-2</v>
      </c>
    </row>
    <row r="116508" spans="1:7" x14ac:dyDescent="0.3">
      <c r="A116508" s="13" t="s">
        <v>553</v>
      </c>
      <c r="B116508" s="14" t="s">
        <v>1</v>
      </c>
      <c r="C116508" s="14" t="s">
        <v>546</v>
      </c>
      <c r="D116508" s="14" t="s">
        <v>193</v>
      </c>
      <c r="E116508" s="15">
        <v>45449</v>
      </c>
      <c r="F116508" s="14" t="s">
        <v>15</v>
      </c>
      <c r="G116508" s="16">
        <v>9.4135972258785491E-2</v>
      </c>
    </row>
    <row r="116509" spans="1:7" x14ac:dyDescent="0.3">
      <c r="A116509" s="13" t="s">
        <v>553</v>
      </c>
      <c r="B116509" s="14" t="s">
        <v>1</v>
      </c>
      <c r="C116509" s="14" t="s">
        <v>546</v>
      </c>
      <c r="D116509" s="14" t="s">
        <v>193</v>
      </c>
      <c r="E116509" s="15">
        <v>45450</v>
      </c>
      <c r="F116509" s="14" t="s">
        <v>15</v>
      </c>
      <c r="G116509" s="16">
        <v>9.4050673838294047E-2</v>
      </c>
    </row>
    <row r="116510" spans="1:7" x14ac:dyDescent="0.3">
      <c r="A116510" s="13" t="s">
        <v>553</v>
      </c>
      <c r="B116510" s="14" t="s">
        <v>1</v>
      </c>
      <c r="C116510" s="14" t="s">
        <v>546</v>
      </c>
      <c r="D116510" s="14" t="s">
        <v>193</v>
      </c>
      <c r="E116510" s="15">
        <v>45451</v>
      </c>
      <c r="F116510" s="14" t="s">
        <v>15</v>
      </c>
      <c r="G116510" s="16">
        <v>9.4050673838294047E-2</v>
      </c>
    </row>
    <row r="116511" spans="1:7" x14ac:dyDescent="0.3">
      <c r="A116511" s="13" t="s">
        <v>553</v>
      </c>
      <c r="B116511" s="14" t="s">
        <v>1</v>
      </c>
      <c r="C116511" s="14" t="s">
        <v>546</v>
      </c>
      <c r="D116511" s="14" t="s">
        <v>193</v>
      </c>
      <c r="E116511" s="15">
        <v>45452</v>
      </c>
      <c r="F116511" s="14" t="s">
        <v>15</v>
      </c>
      <c r="G116511" s="16">
        <v>9.4050673838294047E-2</v>
      </c>
    </row>
    <row r="116512" spans="1:7" x14ac:dyDescent="0.3">
      <c r="A116512" s="13" t="s">
        <v>553</v>
      </c>
      <c r="B116512" s="14" t="s">
        <v>1</v>
      </c>
      <c r="C116512" s="14" t="s">
        <v>546</v>
      </c>
      <c r="D116512" s="14" t="s">
        <v>193</v>
      </c>
      <c r="E116512" s="15">
        <v>45453</v>
      </c>
      <c r="F116512" s="14" t="s">
        <v>15</v>
      </c>
      <c r="G116512" s="16">
        <v>9.4050673838294047E-2</v>
      </c>
    </row>
    <row r="116513" spans="1:7" x14ac:dyDescent="0.3">
      <c r="A116513" s="13" t="s">
        <v>553</v>
      </c>
      <c r="B116513" s="14" t="s">
        <v>1</v>
      </c>
      <c r="C116513" s="14" t="s">
        <v>546</v>
      </c>
      <c r="D116513" s="14" t="s">
        <v>193</v>
      </c>
      <c r="E116513" s="15">
        <v>45454</v>
      </c>
      <c r="F116513" s="14" t="s">
        <v>15</v>
      </c>
      <c r="G116513" s="16">
        <v>0.14991146879973619</v>
      </c>
    </row>
    <row r="116514" spans="1:7" x14ac:dyDescent="0.3">
      <c r="A116514" s="13" t="s">
        <v>553</v>
      </c>
      <c r="B116514" s="14" t="s">
        <v>1</v>
      </c>
      <c r="C116514" s="14" t="s">
        <v>546</v>
      </c>
      <c r="D116514" s="14" t="s">
        <v>193</v>
      </c>
      <c r="E116514" s="15">
        <v>45455</v>
      </c>
      <c r="F116514" s="14" t="s">
        <v>15</v>
      </c>
      <c r="G116514" s="16">
        <v>0.14265651578825561</v>
      </c>
    </row>
    <row r="116515" spans="1:7" x14ac:dyDescent="0.3">
      <c r="A116515" s="13" t="s">
        <v>553</v>
      </c>
      <c r="B116515" s="14" t="s">
        <v>1</v>
      </c>
      <c r="C116515" s="14" t="s">
        <v>546</v>
      </c>
      <c r="D116515" s="14" t="s">
        <v>193</v>
      </c>
      <c r="E116515" s="15">
        <v>45456</v>
      </c>
      <c r="F116515" s="14" t="s">
        <v>15</v>
      </c>
      <c r="G116515" s="16">
        <v>0.19872039041941431</v>
      </c>
    </row>
    <row r="116516" spans="1:7" x14ac:dyDescent="0.3">
      <c r="A116516" s="13" t="s">
        <v>553</v>
      </c>
      <c r="B116516" s="14" t="s">
        <v>1</v>
      </c>
      <c r="C116516" s="14" t="s">
        <v>546</v>
      </c>
      <c r="D116516" s="14" t="s">
        <v>193</v>
      </c>
      <c r="E116516" s="15">
        <v>45457</v>
      </c>
      <c r="F116516" s="14" t="s">
        <v>15</v>
      </c>
      <c r="G116516" s="16">
        <v>0.23282909631343598</v>
      </c>
    </row>
    <row r="116517" spans="1:7" x14ac:dyDescent="0.3">
      <c r="A116517" s="13" t="s">
        <v>553</v>
      </c>
      <c r="B116517" s="14" t="s">
        <v>1</v>
      </c>
      <c r="C116517" s="14" t="s">
        <v>546</v>
      </c>
      <c r="D116517" s="14" t="s">
        <v>193</v>
      </c>
      <c r="E116517" s="15">
        <v>45458</v>
      </c>
      <c r="F116517" s="14" t="s">
        <v>15</v>
      </c>
      <c r="G116517" s="16">
        <v>0.23282909631343598</v>
      </c>
    </row>
    <row r="116518" spans="1:7" x14ac:dyDescent="0.3">
      <c r="A116518" s="13" t="s">
        <v>553</v>
      </c>
      <c r="B116518" s="14" t="s">
        <v>1</v>
      </c>
      <c r="C116518" s="14" t="s">
        <v>546</v>
      </c>
      <c r="D116518" s="14" t="s">
        <v>193</v>
      </c>
      <c r="E116518" s="15">
        <v>45459</v>
      </c>
      <c r="F116518" s="14" t="s">
        <v>15</v>
      </c>
      <c r="G116518" s="16">
        <v>0.23282909631343598</v>
      </c>
    </row>
    <row r="116519" spans="1:7" x14ac:dyDescent="0.3">
      <c r="A116519" s="13" t="s">
        <v>553</v>
      </c>
      <c r="B116519" s="14" t="s">
        <v>1</v>
      </c>
      <c r="C116519" s="14" t="s">
        <v>546</v>
      </c>
      <c r="D116519" s="14" t="s">
        <v>193</v>
      </c>
      <c r="E116519" s="15">
        <v>45460</v>
      </c>
      <c r="F116519" s="14" t="s">
        <v>15</v>
      </c>
      <c r="G116519" s="16">
        <v>0.24552194761150931</v>
      </c>
    </row>
    <row r="116520" spans="1:7" x14ac:dyDescent="0.3">
      <c r="A116520" s="13" t="s">
        <v>553</v>
      </c>
      <c r="B116520" s="14" t="s">
        <v>1</v>
      </c>
      <c r="C116520" s="14" t="s">
        <v>546</v>
      </c>
      <c r="D116520" s="14" t="s">
        <v>193</v>
      </c>
      <c r="E116520" s="15">
        <v>45461</v>
      </c>
      <c r="F116520" s="14" t="s">
        <v>15</v>
      </c>
      <c r="G116520" s="16">
        <v>0.24013872462060945</v>
      </c>
    </row>
    <row r="116521" spans="1:7" x14ac:dyDescent="0.3">
      <c r="A116521" s="13" t="s">
        <v>553</v>
      </c>
      <c r="B116521" s="14" t="s">
        <v>1</v>
      </c>
      <c r="C116521" s="14" t="s">
        <v>546</v>
      </c>
      <c r="D116521" s="14" t="s">
        <v>193</v>
      </c>
      <c r="E116521" s="15">
        <v>45462</v>
      </c>
      <c r="F116521" s="14" t="s">
        <v>15</v>
      </c>
      <c r="G116521" s="16">
        <v>0.29713976605481313</v>
      </c>
    </row>
    <row r="116522" spans="1:7" x14ac:dyDescent="0.3">
      <c r="A116522" s="13" t="s">
        <v>553</v>
      </c>
      <c r="B116522" s="14" t="s">
        <v>1</v>
      </c>
      <c r="C116522" s="14" t="s">
        <v>546</v>
      </c>
      <c r="D116522" s="14" t="s">
        <v>193</v>
      </c>
      <c r="E116522" s="15">
        <v>45463</v>
      </c>
      <c r="F116522" s="14" t="s">
        <v>15</v>
      </c>
      <c r="G116522" s="16">
        <v>0.33300428042412555</v>
      </c>
    </row>
    <row r="116523" spans="1:7" x14ac:dyDescent="0.3">
      <c r="A116523" s="13" t="s">
        <v>553</v>
      </c>
      <c r="B116523" s="14" t="s">
        <v>1</v>
      </c>
      <c r="C116523" s="14" t="s">
        <v>546</v>
      </c>
      <c r="D116523" s="14" t="s">
        <v>193</v>
      </c>
      <c r="E116523" s="15">
        <v>45464</v>
      </c>
      <c r="F116523" s="14" t="s">
        <v>15</v>
      </c>
      <c r="G116523" s="16">
        <v>0.33118127464664532</v>
      </c>
    </row>
    <row r="116524" spans="1:7" x14ac:dyDescent="0.3">
      <c r="A116524" s="13" t="s">
        <v>553</v>
      </c>
      <c r="B116524" s="14" t="s">
        <v>1</v>
      </c>
      <c r="C116524" s="14" t="s">
        <v>546</v>
      </c>
      <c r="D116524" s="14" t="s">
        <v>193</v>
      </c>
      <c r="E116524" s="15">
        <v>45465</v>
      </c>
      <c r="F116524" s="14" t="s">
        <v>15</v>
      </c>
      <c r="G116524" s="16">
        <v>0.33118127464664532</v>
      </c>
    </row>
    <row r="116525" spans="1:7" x14ac:dyDescent="0.3">
      <c r="A116525" s="13" t="s">
        <v>553</v>
      </c>
      <c r="B116525" s="14" t="s">
        <v>1</v>
      </c>
      <c r="C116525" s="14" t="s">
        <v>546</v>
      </c>
      <c r="D116525" s="14" t="s">
        <v>193</v>
      </c>
      <c r="E116525" s="15">
        <v>45466</v>
      </c>
      <c r="F116525" s="14" t="s">
        <v>15</v>
      </c>
      <c r="G116525" s="16">
        <v>0.33118127464664532</v>
      </c>
    </row>
    <row r="116526" spans="1:7" x14ac:dyDescent="0.3">
      <c r="A116526" s="13" t="s">
        <v>553</v>
      </c>
      <c r="B116526" s="14" t="s">
        <v>1</v>
      </c>
      <c r="C116526" s="14" t="s">
        <v>546</v>
      </c>
      <c r="D116526" s="14" t="s">
        <v>193</v>
      </c>
      <c r="E116526" s="15">
        <v>45467</v>
      </c>
      <c r="F116526" s="14" t="s">
        <v>15</v>
      </c>
      <c r="G116526" s="16">
        <v>0.32936979903356289</v>
      </c>
    </row>
    <row r="116527" spans="1:7" x14ac:dyDescent="0.3">
      <c r="A116527" s="13" t="s">
        <v>553</v>
      </c>
      <c r="B116527" s="14" t="s">
        <v>1</v>
      </c>
      <c r="C116527" s="14" t="s">
        <v>546</v>
      </c>
      <c r="D116527" s="14" t="s">
        <v>193</v>
      </c>
      <c r="E116527" s="15">
        <v>45468</v>
      </c>
      <c r="F116527" s="14" t="s">
        <v>15</v>
      </c>
      <c r="G116527" s="16">
        <v>0.33433979581007606</v>
      </c>
    </row>
    <row r="116528" spans="1:7" x14ac:dyDescent="0.3">
      <c r="A116528" s="13" t="s">
        <v>553</v>
      </c>
      <c r="B116528" s="14" t="s">
        <v>1</v>
      </c>
      <c r="C116528" s="14" t="s">
        <v>546</v>
      </c>
      <c r="D116528" s="14" t="s">
        <v>193</v>
      </c>
      <c r="E116528" s="15">
        <v>45469</v>
      </c>
      <c r="F116528" s="14" t="s">
        <v>15</v>
      </c>
      <c r="G116528" s="16">
        <v>0.33696817737173146</v>
      </c>
    </row>
    <row r="116529" spans="1:7" x14ac:dyDescent="0.3">
      <c r="A116529" s="13" t="s">
        <v>553</v>
      </c>
      <c r="B116529" s="14" t="s">
        <v>1</v>
      </c>
      <c r="C116529" s="14" t="s">
        <v>546</v>
      </c>
      <c r="D116529" s="14" t="s">
        <v>193</v>
      </c>
      <c r="E116529" s="15">
        <v>45470</v>
      </c>
      <c r="F116529" s="14" t="s">
        <v>15</v>
      </c>
      <c r="G116529" s="16">
        <v>0.33980422587281012</v>
      </c>
    </row>
    <row r="116530" spans="1:7" x14ac:dyDescent="0.3">
      <c r="A116530" s="13" t="s">
        <v>553</v>
      </c>
      <c r="B116530" s="14" t="s">
        <v>1</v>
      </c>
      <c r="C116530" s="14" t="s">
        <v>546</v>
      </c>
      <c r="D116530" s="14" t="s">
        <v>193</v>
      </c>
      <c r="E116530" s="15">
        <v>45471</v>
      </c>
      <c r="F116530" s="14" t="s">
        <v>15</v>
      </c>
      <c r="G116530" s="16">
        <v>0.34033138994828926</v>
      </c>
    </row>
    <row r="116531" spans="1:7" x14ac:dyDescent="0.3">
      <c r="A116531" s="13" t="s">
        <v>553</v>
      </c>
      <c r="B116531" s="14" t="s">
        <v>1</v>
      </c>
      <c r="C116531" s="14" t="s">
        <v>546</v>
      </c>
      <c r="D116531" s="14" t="s">
        <v>193</v>
      </c>
      <c r="E116531" s="15">
        <v>45472</v>
      </c>
      <c r="F116531" s="14" t="s">
        <v>15</v>
      </c>
      <c r="G116531" s="16">
        <v>0.34033138994828926</v>
      </c>
    </row>
    <row r="116532" spans="1:7" x14ac:dyDescent="0.3">
      <c r="A116532" s="13" t="s">
        <v>553</v>
      </c>
      <c r="B116532" s="14" t="s">
        <v>1</v>
      </c>
      <c r="C116532" s="14" t="s">
        <v>546</v>
      </c>
      <c r="D116532" s="14" t="s">
        <v>193</v>
      </c>
      <c r="E116532" s="15">
        <v>45473</v>
      </c>
      <c r="F116532" s="14" t="s">
        <v>15</v>
      </c>
      <c r="G116532" s="16">
        <v>0.34033138994828926</v>
      </c>
    </row>
    <row r="116533" spans="1:7" x14ac:dyDescent="0.3">
      <c r="A116533" s="13" t="s">
        <v>553</v>
      </c>
      <c r="B116533" s="14" t="s">
        <v>1</v>
      </c>
      <c r="C116533" s="14" t="s">
        <v>546</v>
      </c>
      <c r="D116533" s="14" t="s">
        <v>193</v>
      </c>
      <c r="E116533" s="15">
        <v>45474</v>
      </c>
      <c r="F116533" s="14" t="s">
        <v>15</v>
      </c>
      <c r="G116533" s="16">
        <v>0.34033138994828926</v>
      </c>
    </row>
    <row r="116534" spans="1:7" x14ac:dyDescent="0.3">
      <c r="A116534" s="13" t="s">
        <v>553</v>
      </c>
      <c r="B116534" s="14" t="s">
        <v>1</v>
      </c>
      <c r="C116534" s="14" t="s">
        <v>546</v>
      </c>
      <c r="D116534" s="14" t="s">
        <v>193</v>
      </c>
      <c r="E116534" s="15">
        <v>45475</v>
      </c>
      <c r="F116534" s="14" t="s">
        <v>15</v>
      </c>
      <c r="G116534" s="16">
        <v>0.33963784436074684</v>
      </c>
    </row>
    <row r="116535" spans="1:7" x14ac:dyDescent="0.3">
      <c r="A116535" s="13" t="s">
        <v>553</v>
      </c>
      <c r="B116535" s="14" t="s">
        <v>1</v>
      </c>
      <c r="C116535" s="14" t="s">
        <v>546</v>
      </c>
      <c r="D116535" s="14" t="s">
        <v>193</v>
      </c>
      <c r="E116535" s="15">
        <v>45476</v>
      </c>
      <c r="F116535" s="14" t="s">
        <v>15</v>
      </c>
      <c r="G116535" s="16">
        <v>0.3363098421786942</v>
      </c>
    </row>
    <row r="116536" spans="1:7" x14ac:dyDescent="0.3">
      <c r="A116536" s="13" t="s">
        <v>553</v>
      </c>
      <c r="B116536" s="14" t="s">
        <v>1</v>
      </c>
      <c r="C116536" s="14" t="s">
        <v>546</v>
      </c>
      <c r="D116536" s="14" t="s">
        <v>193</v>
      </c>
      <c r="E116536" s="15">
        <v>45477</v>
      </c>
      <c r="F116536" s="14" t="s">
        <v>15</v>
      </c>
      <c r="G116536" s="16">
        <v>0.48559769955180038</v>
      </c>
    </row>
    <row r="116537" spans="1:7" x14ac:dyDescent="0.3">
      <c r="A116537" s="13" t="s">
        <v>553</v>
      </c>
      <c r="B116537" s="14" t="s">
        <v>1</v>
      </c>
      <c r="C116537" s="14" t="s">
        <v>546</v>
      </c>
      <c r="D116537" s="14" t="s">
        <v>193</v>
      </c>
      <c r="E116537" s="15">
        <v>45478</v>
      </c>
      <c r="F116537" s="14" t="s">
        <v>15</v>
      </c>
      <c r="G116537" s="16">
        <v>0.70484600722121937</v>
      </c>
    </row>
    <row r="116538" spans="1:7" x14ac:dyDescent="0.3">
      <c r="A116538" s="13" t="s">
        <v>553</v>
      </c>
      <c r="B116538" s="14" t="s">
        <v>1</v>
      </c>
      <c r="C116538" s="14" t="s">
        <v>546</v>
      </c>
      <c r="D116538" s="14" t="s">
        <v>193</v>
      </c>
      <c r="E116538" s="15">
        <v>45479</v>
      </c>
      <c r="F116538" s="14" t="s">
        <v>15</v>
      </c>
      <c r="G116538" s="16">
        <v>0.70484600722121937</v>
      </c>
    </row>
    <row r="116539" spans="1:7" x14ac:dyDescent="0.3">
      <c r="A116539" s="13" t="s">
        <v>553</v>
      </c>
      <c r="B116539" s="14" t="s">
        <v>1</v>
      </c>
      <c r="C116539" s="14" t="s">
        <v>546</v>
      </c>
      <c r="D116539" s="14" t="s">
        <v>193</v>
      </c>
      <c r="E116539" s="15">
        <v>45480</v>
      </c>
      <c r="F116539" s="14" t="s">
        <v>15</v>
      </c>
      <c r="G116539" s="16">
        <v>0.70484600722121937</v>
      </c>
    </row>
    <row r="116540" spans="1:7" x14ac:dyDescent="0.3">
      <c r="A116540" s="13" t="s">
        <v>553</v>
      </c>
      <c r="B116540" s="14" t="s">
        <v>1</v>
      </c>
      <c r="C116540" s="14" t="s">
        <v>546</v>
      </c>
      <c r="D116540" s="14" t="s">
        <v>193</v>
      </c>
      <c r="E116540" s="15">
        <v>45481</v>
      </c>
      <c r="F116540" s="14" t="s">
        <v>15</v>
      </c>
      <c r="G116540" s="16">
        <v>0.73163119901868523</v>
      </c>
    </row>
    <row r="116541" spans="1:7" x14ac:dyDescent="0.3">
      <c r="A116541" s="13" t="s">
        <v>553</v>
      </c>
      <c r="B116541" s="14" t="s">
        <v>1</v>
      </c>
      <c r="C116541" s="14" t="s">
        <v>546</v>
      </c>
      <c r="D116541" s="14" t="s">
        <v>193</v>
      </c>
      <c r="E116541" s="15">
        <v>45482</v>
      </c>
      <c r="F116541" s="14" t="s">
        <v>15</v>
      </c>
      <c r="G116541" s="16">
        <v>0.77412704567989676</v>
      </c>
    </row>
    <row r="116542" spans="1:7" x14ac:dyDescent="0.3">
      <c r="A116542" s="13" t="s">
        <v>553</v>
      </c>
      <c r="B116542" s="14" t="s">
        <v>1</v>
      </c>
      <c r="C116542" s="14" t="s">
        <v>546</v>
      </c>
      <c r="D116542" s="14" t="s">
        <v>193</v>
      </c>
      <c r="E116542" s="15">
        <v>45483</v>
      </c>
      <c r="F116542" s="14" t="s">
        <v>15</v>
      </c>
      <c r="G116542" s="16">
        <v>0.77235983102047046</v>
      </c>
    </row>
    <row r="116543" spans="1:7" x14ac:dyDescent="0.3">
      <c r="A116543" s="13" t="s">
        <v>553</v>
      </c>
      <c r="B116543" s="14" t="s">
        <v>1</v>
      </c>
      <c r="C116543" s="14" t="s">
        <v>546</v>
      </c>
      <c r="D116543" s="14" t="s">
        <v>193</v>
      </c>
      <c r="E116543" s="15">
        <v>45484</v>
      </c>
      <c r="F116543" s="14" t="s">
        <v>15</v>
      </c>
      <c r="G116543" s="16">
        <v>0.78170955454448543</v>
      </c>
    </row>
    <row r="116544" spans="1:7" x14ac:dyDescent="0.3">
      <c r="A116544" s="13" t="s">
        <v>553</v>
      </c>
      <c r="B116544" s="14" t="s">
        <v>1</v>
      </c>
      <c r="C116544" s="14" t="s">
        <v>546</v>
      </c>
      <c r="D116544" s="14" t="s">
        <v>193</v>
      </c>
      <c r="E116544" s="15">
        <v>45485</v>
      </c>
      <c r="F116544" s="14" t="s">
        <v>15</v>
      </c>
      <c r="G116544" s="16">
        <v>0.78620222731098099</v>
      </c>
    </row>
    <row r="116545" spans="1:7" x14ac:dyDescent="0.3">
      <c r="A116545" s="13" t="s">
        <v>553</v>
      </c>
      <c r="B116545" s="14" t="s">
        <v>1</v>
      </c>
      <c r="C116545" s="14" t="s">
        <v>546</v>
      </c>
      <c r="D116545" s="14" t="s">
        <v>193</v>
      </c>
      <c r="E116545" s="15">
        <v>45486</v>
      </c>
      <c r="F116545" s="14" t="s">
        <v>15</v>
      </c>
      <c r="G116545" s="16">
        <v>0.78620222731098099</v>
      </c>
    </row>
    <row r="116546" spans="1:7" x14ac:dyDescent="0.3">
      <c r="A116546" s="13" t="s">
        <v>553</v>
      </c>
      <c r="B116546" s="14" t="s">
        <v>1</v>
      </c>
      <c r="C116546" s="14" t="s">
        <v>546</v>
      </c>
      <c r="D116546" s="14" t="s">
        <v>193</v>
      </c>
      <c r="E116546" s="15">
        <v>45487</v>
      </c>
      <c r="F116546" s="14" t="s">
        <v>15</v>
      </c>
      <c r="G116546" s="16">
        <v>0.78620222731098099</v>
      </c>
    </row>
    <row r="116547" spans="1:7" x14ac:dyDescent="0.3">
      <c r="A116547" s="13" t="s">
        <v>553</v>
      </c>
      <c r="B116547" s="14" t="s">
        <v>1</v>
      </c>
      <c r="C116547" s="14" t="s">
        <v>546</v>
      </c>
      <c r="D116547" s="14" t="s">
        <v>193</v>
      </c>
      <c r="E116547" s="15">
        <v>45488</v>
      </c>
      <c r="F116547" s="14" t="s">
        <v>15</v>
      </c>
      <c r="G116547" s="16">
        <v>0.80545822175666526</v>
      </c>
    </row>
    <row r="116548" spans="1:7" x14ac:dyDescent="0.3">
      <c r="A116548" s="13" t="s">
        <v>553</v>
      </c>
      <c r="B116548" s="14" t="s">
        <v>1</v>
      </c>
      <c r="C116548" s="14" t="s">
        <v>546</v>
      </c>
      <c r="D116548" s="14" t="s">
        <v>193</v>
      </c>
      <c r="E116548" s="15">
        <v>45489</v>
      </c>
      <c r="F116548" s="14" t="s">
        <v>15</v>
      </c>
      <c r="G116548" s="16">
        <v>0.79996416041123153</v>
      </c>
    </row>
    <row r="116549" spans="1:7" x14ac:dyDescent="0.3">
      <c r="A116549" s="13" t="s">
        <v>553</v>
      </c>
      <c r="B116549" s="14" t="s">
        <v>1</v>
      </c>
      <c r="C116549" s="14" t="s">
        <v>546</v>
      </c>
      <c r="D116549" s="14" t="s">
        <v>193</v>
      </c>
      <c r="E116549" s="15">
        <v>45490</v>
      </c>
      <c r="F116549" s="14" t="s">
        <v>15</v>
      </c>
      <c r="G116549" s="16">
        <v>0.7981448740416216</v>
      </c>
    </row>
    <row r="116550" spans="1:7" x14ac:dyDescent="0.3">
      <c r="A116550" s="13" t="s">
        <v>553</v>
      </c>
      <c r="B116550" s="14" t="s">
        <v>1</v>
      </c>
      <c r="C116550" s="14" t="s">
        <v>546</v>
      </c>
      <c r="D116550" s="14" t="s">
        <v>193</v>
      </c>
      <c r="E116550" s="15">
        <v>45491</v>
      </c>
      <c r="F116550" s="14" t="s">
        <v>15</v>
      </c>
      <c r="G116550" s="16">
        <v>0.80010215044321853</v>
      </c>
    </row>
    <row r="116551" spans="1:7" x14ac:dyDescent="0.3">
      <c r="A116551" s="13" t="s">
        <v>553</v>
      </c>
      <c r="B116551" s="14" t="s">
        <v>1</v>
      </c>
      <c r="C116551" s="14" t="s">
        <v>546</v>
      </c>
      <c r="D116551" s="14" t="s">
        <v>193</v>
      </c>
      <c r="E116551" s="15">
        <v>45492</v>
      </c>
      <c r="F116551" s="14" t="s">
        <v>15</v>
      </c>
      <c r="G116551" s="16">
        <v>0.79830666828397823</v>
      </c>
    </row>
    <row r="116552" spans="1:7" x14ac:dyDescent="0.3">
      <c r="A116552" s="13" t="s">
        <v>553</v>
      </c>
      <c r="B116552" s="14" t="s">
        <v>1</v>
      </c>
      <c r="C116552" s="14" t="s">
        <v>546</v>
      </c>
      <c r="D116552" s="14" t="s">
        <v>193</v>
      </c>
      <c r="E116552" s="15">
        <v>45493</v>
      </c>
      <c r="F116552" s="14" t="s">
        <v>15</v>
      </c>
      <c r="G116552" s="16">
        <v>0.79830666828397823</v>
      </c>
    </row>
    <row r="116553" spans="1:7" x14ac:dyDescent="0.3">
      <c r="A116553" s="13" t="s">
        <v>553</v>
      </c>
      <c r="B116553" s="14" t="s">
        <v>1</v>
      </c>
      <c r="C116553" s="14" t="s">
        <v>546</v>
      </c>
      <c r="D116553" s="14" t="s">
        <v>193</v>
      </c>
      <c r="E116553" s="15">
        <v>45494</v>
      </c>
      <c r="F116553" s="14" t="s">
        <v>15</v>
      </c>
      <c r="G116553" s="16">
        <v>0.79830666828397823</v>
      </c>
    </row>
    <row r="116554" spans="1:7" x14ac:dyDescent="0.3">
      <c r="A116554" s="13" t="s">
        <v>553</v>
      </c>
      <c r="B116554" s="14" t="s">
        <v>1</v>
      </c>
      <c r="C116554" s="14" t="s">
        <v>546</v>
      </c>
      <c r="D116554" s="14" t="s">
        <v>193</v>
      </c>
      <c r="E116554" s="15">
        <v>45495</v>
      </c>
      <c r="F116554" s="14" t="s">
        <v>15</v>
      </c>
      <c r="G116554" s="16">
        <v>0.83261101503197588</v>
      </c>
    </row>
    <row r="116555" spans="1:7" x14ac:dyDescent="0.3">
      <c r="A116555" s="13" t="s">
        <v>553</v>
      </c>
      <c r="B116555" s="14" t="s">
        <v>1</v>
      </c>
      <c r="C116555" s="14" t="s">
        <v>546</v>
      </c>
      <c r="D116555" s="14" t="s">
        <v>193</v>
      </c>
      <c r="E116555" s="15">
        <v>45496</v>
      </c>
      <c r="F116555" s="14" t="s">
        <v>15</v>
      </c>
      <c r="G116555" s="16">
        <v>0.82729201381696926</v>
      </c>
    </row>
    <row r="116556" spans="1:7" x14ac:dyDescent="0.3">
      <c r="A116556" s="13" t="s">
        <v>553</v>
      </c>
      <c r="B116556" s="14" t="s">
        <v>1</v>
      </c>
      <c r="C116556" s="14" t="s">
        <v>546</v>
      </c>
      <c r="D116556" s="14" t="s">
        <v>193</v>
      </c>
      <c r="E116556" s="15">
        <v>45497</v>
      </c>
      <c r="F116556" s="14" t="s">
        <v>15</v>
      </c>
      <c r="G116556" s="16">
        <v>0.82550779913464345</v>
      </c>
    </row>
    <row r="116557" spans="1:7" x14ac:dyDescent="0.3">
      <c r="A116557" s="13" t="s">
        <v>553</v>
      </c>
      <c r="B116557" s="14" t="s">
        <v>1</v>
      </c>
      <c r="C116557" s="14" t="s">
        <v>546</v>
      </c>
      <c r="D116557" s="14" t="s">
        <v>193</v>
      </c>
      <c r="E116557" s="15">
        <v>45498</v>
      </c>
      <c r="F116557" s="14" t="s">
        <v>15</v>
      </c>
      <c r="G116557" s="16">
        <v>0.82375003118909107</v>
      </c>
    </row>
    <row r="116558" spans="1:7" x14ac:dyDescent="0.3">
      <c r="A116558" s="13" t="s">
        <v>553</v>
      </c>
      <c r="B116558" s="14" t="s">
        <v>1</v>
      </c>
      <c r="C116558" s="14" t="s">
        <v>546</v>
      </c>
      <c r="D116558" s="14" t="s">
        <v>193</v>
      </c>
      <c r="E116558" s="15">
        <v>45499</v>
      </c>
      <c r="F116558" s="14" t="s">
        <v>15</v>
      </c>
      <c r="G116558" s="16">
        <v>0.82200630132182617</v>
      </c>
    </row>
    <row r="116559" spans="1:7" x14ac:dyDescent="0.3">
      <c r="A116559" s="13" t="s">
        <v>553</v>
      </c>
      <c r="B116559" s="14" t="s">
        <v>1</v>
      </c>
      <c r="C116559" s="14" t="s">
        <v>546</v>
      </c>
      <c r="D116559" s="14" t="s">
        <v>193</v>
      </c>
      <c r="E116559" s="15">
        <v>45500</v>
      </c>
      <c r="F116559" s="14" t="s">
        <v>15</v>
      </c>
      <c r="G116559" s="16">
        <v>0.82200630132182617</v>
      </c>
    </row>
    <row r="116560" spans="1:7" x14ac:dyDescent="0.3">
      <c r="A116560" s="13" t="s">
        <v>553</v>
      </c>
      <c r="B116560" s="14" t="s">
        <v>1</v>
      </c>
      <c r="C116560" s="14" t="s">
        <v>546</v>
      </c>
      <c r="D116560" s="14" t="s">
        <v>193</v>
      </c>
      <c r="E116560" s="15">
        <v>45501</v>
      </c>
      <c r="F116560" s="14" t="s">
        <v>15</v>
      </c>
      <c r="G116560" s="16">
        <v>0.82200630132182617</v>
      </c>
    </row>
    <row r="116561" spans="1:7" x14ac:dyDescent="0.3">
      <c r="A116561" s="13" t="s">
        <v>553</v>
      </c>
      <c r="B116561" s="14" t="s">
        <v>1</v>
      </c>
      <c r="C116561" s="14" t="s">
        <v>546</v>
      </c>
      <c r="D116561" s="14" t="s">
        <v>193</v>
      </c>
      <c r="E116561" s="15">
        <v>45502</v>
      </c>
      <c r="F116561" s="14" t="s">
        <v>15</v>
      </c>
      <c r="G116561" s="16">
        <v>0.82028939421128888</v>
      </c>
    </row>
    <row r="116562" spans="1:7" x14ac:dyDescent="0.3">
      <c r="A116562" s="13" t="s">
        <v>553</v>
      </c>
      <c r="B116562" s="14" t="s">
        <v>1</v>
      </c>
      <c r="C116562" s="14" t="s">
        <v>546</v>
      </c>
      <c r="D116562" s="14" t="s">
        <v>193</v>
      </c>
      <c r="E116562" s="15">
        <v>45503</v>
      </c>
      <c r="F116562" s="14" t="s">
        <v>15</v>
      </c>
      <c r="G116562" s="16">
        <v>0.81514067831943227</v>
      </c>
    </row>
    <row r="116563" spans="1:7" x14ac:dyDescent="0.3">
      <c r="A116563" s="13" t="s">
        <v>553</v>
      </c>
      <c r="B116563" s="14" t="s">
        <v>1</v>
      </c>
      <c r="C116563" s="14" t="s">
        <v>546</v>
      </c>
      <c r="D116563" s="14" t="s">
        <v>193</v>
      </c>
      <c r="E116563" s="15">
        <v>45504</v>
      </c>
      <c r="F116563" s="14" t="s">
        <v>15</v>
      </c>
      <c r="G116563" s="16">
        <v>0.81366668009925991</v>
      </c>
    </row>
    <row r="116564" spans="1:7" x14ac:dyDescent="0.3">
      <c r="A116564" s="13" t="s">
        <v>553</v>
      </c>
      <c r="B116564" s="14" t="s">
        <v>1</v>
      </c>
      <c r="C116564" s="14" t="s">
        <v>546</v>
      </c>
      <c r="D116564" s="14" t="s">
        <v>193</v>
      </c>
      <c r="E116564" s="15">
        <v>45505</v>
      </c>
      <c r="F116564" s="14" t="s">
        <v>15</v>
      </c>
      <c r="G116564" s="16">
        <v>0.81196205630722407</v>
      </c>
    </row>
    <row r="116565" spans="1:7" x14ac:dyDescent="0.3">
      <c r="A116565" s="13" t="s">
        <v>553</v>
      </c>
      <c r="B116565" s="14" t="s">
        <v>1</v>
      </c>
      <c r="C116565" s="14" t="s">
        <v>546</v>
      </c>
      <c r="D116565" s="14" t="s">
        <v>193</v>
      </c>
      <c r="E116565" s="15">
        <v>45506</v>
      </c>
      <c r="F116565" s="14" t="s">
        <v>15</v>
      </c>
      <c r="G116565" s="16">
        <v>0.81989357053957934</v>
      </c>
    </row>
    <row r="116566" spans="1:7" x14ac:dyDescent="0.3">
      <c r="A116566" s="13" t="s">
        <v>553</v>
      </c>
      <c r="B116566" s="14" t="s">
        <v>1</v>
      </c>
      <c r="C116566" s="14" t="s">
        <v>546</v>
      </c>
      <c r="D116566" s="14" t="s">
        <v>193</v>
      </c>
      <c r="E116566" s="15">
        <v>45507</v>
      </c>
      <c r="F116566" s="14" t="s">
        <v>15</v>
      </c>
      <c r="G116566" s="16">
        <v>0.81989357053957934</v>
      </c>
    </row>
    <row r="116567" spans="1:7" x14ac:dyDescent="0.3">
      <c r="A116567" s="13" t="s">
        <v>553</v>
      </c>
      <c r="B116567" s="14" t="s">
        <v>1</v>
      </c>
      <c r="C116567" s="14" t="s">
        <v>546</v>
      </c>
      <c r="D116567" s="14" t="s">
        <v>193</v>
      </c>
      <c r="E116567" s="15">
        <v>45508</v>
      </c>
      <c r="F116567" s="14" t="s">
        <v>15</v>
      </c>
      <c r="G116567" s="16">
        <v>0.81989357053957934</v>
      </c>
    </row>
    <row r="116568" spans="1:7" x14ac:dyDescent="0.3">
      <c r="A116568" s="13" t="s">
        <v>553</v>
      </c>
      <c r="B116568" s="14" t="s">
        <v>1</v>
      </c>
      <c r="C116568" s="14" t="s">
        <v>546</v>
      </c>
      <c r="D116568" s="14" t="s">
        <v>193</v>
      </c>
      <c r="E116568" s="15">
        <v>45509</v>
      </c>
      <c r="F116568" s="14" t="s">
        <v>15</v>
      </c>
      <c r="G116568" s="16">
        <v>0.81989357053957934</v>
      </c>
    </row>
    <row r="116569" spans="1:7" x14ac:dyDescent="0.3">
      <c r="A116569" s="13" t="s">
        <v>553</v>
      </c>
      <c r="B116569" s="14" t="s">
        <v>1</v>
      </c>
      <c r="C116569" s="14" t="s">
        <v>546</v>
      </c>
      <c r="D116569" s="14" t="s">
        <v>193</v>
      </c>
      <c r="E116569" s="15">
        <v>45510</v>
      </c>
      <c r="F116569" s="14" t="s">
        <v>15</v>
      </c>
      <c r="G116569" s="16">
        <v>0.81816219273242918</v>
      </c>
    </row>
    <row r="116570" spans="1:7" x14ac:dyDescent="0.3">
      <c r="A116570" s="13" t="s">
        <v>553</v>
      </c>
      <c r="B116570" s="14" t="s">
        <v>1</v>
      </c>
      <c r="C116570" s="14" t="s">
        <v>546</v>
      </c>
      <c r="D116570" s="14" t="s">
        <v>193</v>
      </c>
      <c r="E116570" s="15">
        <v>45511</v>
      </c>
      <c r="F116570" s="14" t="s">
        <v>15</v>
      </c>
      <c r="G116570" s="16">
        <v>0.81134470992165686</v>
      </c>
    </row>
    <row r="116571" spans="1:7" x14ac:dyDescent="0.3">
      <c r="A116571" s="13" t="s">
        <v>553</v>
      </c>
      <c r="B116571" s="14" t="s">
        <v>1</v>
      </c>
      <c r="C116571" s="14" t="s">
        <v>546</v>
      </c>
      <c r="D116571" s="14" t="s">
        <v>193</v>
      </c>
      <c r="E116571" s="15">
        <v>45512</v>
      </c>
      <c r="F116571" s="14" t="s">
        <v>15</v>
      </c>
      <c r="G116571" s="16">
        <v>0.80965552674358787</v>
      </c>
    </row>
    <row r="116572" spans="1:7" x14ac:dyDescent="0.3">
      <c r="A116572" s="13" t="s">
        <v>553</v>
      </c>
      <c r="B116572" s="14" t="s">
        <v>1</v>
      </c>
      <c r="C116572" s="14" t="s">
        <v>546</v>
      </c>
      <c r="D116572" s="14" t="s">
        <v>193</v>
      </c>
      <c r="E116572" s="15">
        <v>45513</v>
      </c>
      <c r="F116572" s="14" t="s">
        <v>15</v>
      </c>
      <c r="G116572" s="16">
        <v>0.80794905901866632</v>
      </c>
    </row>
    <row r="116573" spans="1:7" x14ac:dyDescent="0.3">
      <c r="A116573" s="13" t="s">
        <v>553</v>
      </c>
      <c r="B116573" s="14" t="s">
        <v>1</v>
      </c>
      <c r="C116573" s="14" t="s">
        <v>546</v>
      </c>
      <c r="D116573" s="14" t="s">
        <v>193</v>
      </c>
      <c r="E116573" s="15">
        <v>45514</v>
      </c>
      <c r="F116573" s="14" t="s">
        <v>15</v>
      </c>
      <c r="G116573" s="16">
        <v>0.80794905901866632</v>
      </c>
    </row>
    <row r="116574" spans="1:7" x14ac:dyDescent="0.3">
      <c r="A116574" s="13" t="s">
        <v>553</v>
      </c>
      <c r="B116574" s="14" t="s">
        <v>1</v>
      </c>
      <c r="C116574" s="14" t="s">
        <v>546</v>
      </c>
      <c r="D116574" s="14" t="s">
        <v>193</v>
      </c>
      <c r="E116574" s="15">
        <v>45515</v>
      </c>
      <c r="F116574" s="14" t="s">
        <v>15</v>
      </c>
      <c r="G116574" s="16">
        <v>0.80794905901866632</v>
      </c>
    </row>
    <row r="116575" spans="1:7" x14ac:dyDescent="0.3">
      <c r="A116575" s="13" t="s">
        <v>553</v>
      </c>
      <c r="B116575" s="14" t="s">
        <v>1</v>
      </c>
      <c r="C116575" s="14" t="s">
        <v>546</v>
      </c>
      <c r="D116575" s="14" t="s">
        <v>193</v>
      </c>
      <c r="E116575" s="15">
        <v>45516</v>
      </c>
      <c r="F116575" s="14" t="s">
        <v>15</v>
      </c>
      <c r="G116575" s="16">
        <v>0.80623877852605685</v>
      </c>
    </row>
    <row r="116576" spans="1:7" x14ac:dyDescent="0.3">
      <c r="A116576" s="13" t="s">
        <v>553</v>
      </c>
      <c r="B116576" s="14" t="s">
        <v>1</v>
      </c>
      <c r="C116576" s="14" t="s">
        <v>546</v>
      </c>
      <c r="D116576" s="14" t="s">
        <v>193</v>
      </c>
      <c r="E116576" s="15">
        <v>45517</v>
      </c>
      <c r="F116576" s="14" t="s">
        <v>15</v>
      </c>
      <c r="G116576" s="16">
        <v>0.80106663206494078</v>
      </c>
    </row>
    <row r="116577" spans="1:7" x14ac:dyDescent="0.3">
      <c r="A116577" s="13" t="s">
        <v>553</v>
      </c>
      <c r="B116577" s="14" t="s">
        <v>1</v>
      </c>
      <c r="C116577" s="14" t="s">
        <v>546</v>
      </c>
      <c r="D116577" s="14" t="s">
        <v>193</v>
      </c>
      <c r="E116577" s="15">
        <v>45518</v>
      </c>
      <c r="F116577" s="14" t="s">
        <v>15</v>
      </c>
      <c r="G116577" s="16">
        <v>0.79988073422169637</v>
      </c>
    </row>
    <row r="116578" spans="1:7" x14ac:dyDescent="0.3">
      <c r="A116578" s="13" t="s">
        <v>553</v>
      </c>
      <c r="B116578" s="14" t="s">
        <v>1</v>
      </c>
      <c r="C116578" s="14" t="s">
        <v>546</v>
      </c>
      <c r="D116578" s="14" t="s">
        <v>193</v>
      </c>
      <c r="E116578" s="15">
        <v>45519</v>
      </c>
      <c r="F116578" s="14" t="s">
        <v>15</v>
      </c>
      <c r="G116578" s="16">
        <v>0.79814274761722015</v>
      </c>
    </row>
    <row r="116579" spans="1:7" x14ac:dyDescent="0.3">
      <c r="A116579" s="13" t="s">
        <v>553</v>
      </c>
      <c r="B116579" s="14" t="s">
        <v>1</v>
      </c>
      <c r="C116579" s="14" t="s">
        <v>546</v>
      </c>
      <c r="D116579" s="14" t="s">
        <v>193</v>
      </c>
      <c r="E116579" s="15">
        <v>45520</v>
      </c>
      <c r="F116579" s="14" t="s">
        <v>15</v>
      </c>
      <c r="G116579" s="16">
        <v>0.81317242365905884</v>
      </c>
    </row>
    <row r="116580" spans="1:7" x14ac:dyDescent="0.3">
      <c r="A116580" s="13" t="s">
        <v>553</v>
      </c>
      <c r="B116580" s="14" t="s">
        <v>1</v>
      </c>
      <c r="C116580" s="14" t="s">
        <v>546</v>
      </c>
      <c r="D116580" s="14" t="s">
        <v>193</v>
      </c>
      <c r="E116580" s="15">
        <v>45521</v>
      </c>
      <c r="F116580" s="14" t="s">
        <v>15</v>
      </c>
      <c r="G116580" s="16">
        <v>0.81317242365905884</v>
      </c>
    </row>
    <row r="116581" spans="1:7" x14ac:dyDescent="0.3">
      <c r="A116581" s="13" t="s">
        <v>553</v>
      </c>
      <c r="B116581" s="14" t="s">
        <v>1</v>
      </c>
      <c r="C116581" s="14" t="s">
        <v>546</v>
      </c>
      <c r="D116581" s="14" t="s">
        <v>193</v>
      </c>
      <c r="E116581" s="15">
        <v>45522</v>
      </c>
      <c r="F116581" s="14" t="s">
        <v>15</v>
      </c>
      <c r="G116581" s="16">
        <v>0.81317242365905884</v>
      </c>
    </row>
    <row r="116582" spans="1:7" x14ac:dyDescent="0.3">
      <c r="A116582" s="13" t="s">
        <v>553</v>
      </c>
      <c r="B116582" s="14" t="s">
        <v>1</v>
      </c>
      <c r="C116582" s="14" t="s">
        <v>546</v>
      </c>
      <c r="D116582" s="14" t="s">
        <v>193</v>
      </c>
      <c r="E116582" s="15">
        <v>45523</v>
      </c>
      <c r="F116582" s="14" t="s">
        <v>15</v>
      </c>
      <c r="G116582" s="16">
        <v>0.82316301883209497</v>
      </c>
    </row>
    <row r="116583" spans="1:7" x14ac:dyDescent="0.3">
      <c r="A116583" s="13" t="s">
        <v>553</v>
      </c>
      <c r="B116583" s="14" t="s">
        <v>1</v>
      </c>
      <c r="C116583" s="14" t="s">
        <v>546</v>
      </c>
      <c r="D116583" s="14" t="s">
        <v>193</v>
      </c>
      <c r="E116583" s="15">
        <v>45524</v>
      </c>
      <c r="F116583" s="14" t="s">
        <v>15</v>
      </c>
      <c r="G116583" s="16">
        <v>0.81794766100384741</v>
      </c>
    </row>
    <row r="116584" spans="1:7" x14ac:dyDescent="0.3">
      <c r="A116584" s="13" t="s">
        <v>553</v>
      </c>
      <c r="B116584" s="14" t="s">
        <v>1</v>
      </c>
      <c r="C116584" s="14" t="s">
        <v>546</v>
      </c>
      <c r="D116584" s="14" t="s">
        <v>193</v>
      </c>
      <c r="E116584" s="15">
        <v>45525</v>
      </c>
      <c r="F116584" s="14" t="s">
        <v>15</v>
      </c>
      <c r="G116584" s="16">
        <v>0.81618451013263005</v>
      </c>
    </row>
    <row r="116585" spans="1:7" x14ac:dyDescent="0.3">
      <c r="A116585" s="13" t="s">
        <v>553</v>
      </c>
      <c r="B116585" s="14" t="s">
        <v>1</v>
      </c>
      <c r="C116585" s="14" t="s">
        <v>546</v>
      </c>
      <c r="D116585" s="14" t="s">
        <v>193</v>
      </c>
      <c r="E116585" s="15">
        <v>45526</v>
      </c>
      <c r="F116585" s="14" t="s">
        <v>15</v>
      </c>
      <c r="G116585" s="16">
        <v>0.8144402960075966</v>
      </c>
    </row>
    <row r="116586" spans="1:7" x14ac:dyDescent="0.3">
      <c r="A116586" s="13" t="s">
        <v>553</v>
      </c>
      <c r="B116586" s="14" t="s">
        <v>1</v>
      </c>
      <c r="C116586" s="14" t="s">
        <v>546</v>
      </c>
      <c r="D116586" s="14" t="s">
        <v>193</v>
      </c>
      <c r="E116586" s="15">
        <v>45527</v>
      </c>
      <c r="F116586" s="14" t="s">
        <v>15</v>
      </c>
      <c r="G116586" s="16">
        <v>0.81270358032568313</v>
      </c>
    </row>
    <row r="116587" spans="1:7" x14ac:dyDescent="0.3">
      <c r="A116587" s="13" t="s">
        <v>553</v>
      </c>
      <c r="B116587" s="14" t="s">
        <v>1</v>
      </c>
      <c r="C116587" s="14" t="s">
        <v>546</v>
      </c>
      <c r="D116587" s="14" t="s">
        <v>193</v>
      </c>
      <c r="E116587" s="15">
        <v>45528</v>
      </c>
      <c r="F116587" s="14" t="s">
        <v>15</v>
      </c>
      <c r="G116587" s="16">
        <v>0.81270358032568313</v>
      </c>
    </row>
    <row r="116588" spans="1:7" x14ac:dyDescent="0.3">
      <c r="A116588" s="13" t="s">
        <v>553</v>
      </c>
      <c r="B116588" s="14" t="s">
        <v>1</v>
      </c>
      <c r="C116588" s="14" t="s">
        <v>546</v>
      </c>
      <c r="D116588" s="14" t="s">
        <v>193</v>
      </c>
      <c r="E116588" s="15">
        <v>45529</v>
      </c>
      <c r="F116588" s="14" t="s">
        <v>15</v>
      </c>
      <c r="G116588" s="16">
        <v>0.81270358032568313</v>
      </c>
    </row>
    <row r="116589" spans="1:7" x14ac:dyDescent="0.3">
      <c r="A116589" s="13" t="s">
        <v>553</v>
      </c>
      <c r="B116589" s="14" t="s">
        <v>1</v>
      </c>
      <c r="C116589" s="14" t="s">
        <v>546</v>
      </c>
      <c r="D116589" s="14" t="s">
        <v>193</v>
      </c>
      <c r="E116589" s="15">
        <v>45530</v>
      </c>
      <c r="F116589" s="14" t="s">
        <v>15</v>
      </c>
      <c r="G116589" s="16">
        <v>0.8109514864807611</v>
      </c>
    </row>
    <row r="116590" spans="1:7" x14ac:dyDescent="0.3">
      <c r="A116590" s="13" t="s">
        <v>553</v>
      </c>
      <c r="B116590" s="14" t="s">
        <v>1</v>
      </c>
      <c r="C116590" s="14" t="s">
        <v>546</v>
      </c>
      <c r="D116590" s="14" t="s">
        <v>193</v>
      </c>
      <c r="E116590" s="15">
        <v>45531</v>
      </c>
      <c r="F116590" s="14" t="s">
        <v>15</v>
      </c>
      <c r="G116590" s="16">
        <v>0.80570982055546603</v>
      </c>
    </row>
    <row r="116591" spans="1:7" x14ac:dyDescent="0.3">
      <c r="A116591" s="13" t="s">
        <v>553</v>
      </c>
      <c r="B116591" s="14" t="s">
        <v>1</v>
      </c>
      <c r="C116591" s="14" t="s">
        <v>546</v>
      </c>
      <c r="D116591" s="14" t="s">
        <v>193</v>
      </c>
      <c r="E116591" s="15">
        <v>45532</v>
      </c>
      <c r="F116591" s="14" t="s">
        <v>15</v>
      </c>
      <c r="G116591" s="16">
        <v>0.80469124755538934</v>
      </c>
    </row>
    <row r="116592" spans="1:7" x14ac:dyDescent="0.3">
      <c r="A116592" s="13" t="s">
        <v>553</v>
      </c>
      <c r="B116592" s="14" t="s">
        <v>1</v>
      </c>
      <c r="C116592" s="14" t="s">
        <v>546</v>
      </c>
      <c r="D116592" s="14" t="s">
        <v>193</v>
      </c>
      <c r="E116592" s="15">
        <v>45533</v>
      </c>
      <c r="F116592" s="14" t="s">
        <v>15</v>
      </c>
      <c r="G116592" s="16">
        <v>0.80296748895322501</v>
      </c>
    </row>
    <row r="116593" spans="1:7" x14ac:dyDescent="0.3">
      <c r="A116593" s="13" t="s">
        <v>553</v>
      </c>
      <c r="B116593" s="14" t="s">
        <v>1</v>
      </c>
      <c r="C116593" s="14" t="s">
        <v>546</v>
      </c>
      <c r="D116593" s="14" t="s">
        <v>193</v>
      </c>
      <c r="E116593" s="15">
        <v>45534</v>
      </c>
      <c r="F116593" s="14" t="s">
        <v>15</v>
      </c>
      <c r="G116593" s="16">
        <v>0.80125473088829624</v>
      </c>
    </row>
    <row r="116594" spans="1:7" x14ac:dyDescent="0.3">
      <c r="A116594" s="13" t="s">
        <v>553</v>
      </c>
      <c r="B116594" s="14" t="s">
        <v>1</v>
      </c>
      <c r="C116594" s="14" t="s">
        <v>546</v>
      </c>
      <c r="D116594" s="14" t="s">
        <v>193</v>
      </c>
      <c r="E116594" s="15">
        <v>45535</v>
      </c>
      <c r="F116594" s="14" t="s">
        <v>15</v>
      </c>
      <c r="G116594" s="16">
        <v>0.80125473088829624</v>
      </c>
    </row>
    <row r="116595" spans="1:7" x14ac:dyDescent="0.3">
      <c r="A116595" s="13" t="s">
        <v>553</v>
      </c>
      <c r="B116595" s="14" t="s">
        <v>1</v>
      </c>
      <c r="C116595" s="14" t="s">
        <v>546</v>
      </c>
      <c r="D116595" s="14" t="s">
        <v>193</v>
      </c>
      <c r="E116595" s="15">
        <v>45536</v>
      </c>
      <c r="F116595" s="14" t="s">
        <v>15</v>
      </c>
      <c r="G116595" s="16">
        <v>0.80125473088829624</v>
      </c>
    </row>
    <row r="116596" spans="1:7" x14ac:dyDescent="0.3">
      <c r="A116596" s="13" t="s">
        <v>553</v>
      </c>
      <c r="B116596" s="14" t="s">
        <v>1</v>
      </c>
      <c r="C116596" s="14" t="s">
        <v>546</v>
      </c>
      <c r="D116596" s="14" t="s">
        <v>193</v>
      </c>
      <c r="E116596" s="15">
        <v>45537</v>
      </c>
      <c r="F116596" s="14" t="s">
        <v>15</v>
      </c>
      <c r="G116596" s="16">
        <v>0.79953480968284207</v>
      </c>
    </row>
    <row r="116597" spans="1:7" x14ac:dyDescent="0.3">
      <c r="A116597" s="13" t="s">
        <v>553</v>
      </c>
      <c r="B116597" s="14" t="s">
        <v>1</v>
      </c>
      <c r="C116597" s="14" t="s">
        <v>546</v>
      </c>
      <c r="D116597" s="14" t="s">
        <v>193</v>
      </c>
      <c r="E116597" s="15">
        <v>45538</v>
      </c>
      <c r="F116597" s="14" t="s">
        <v>15</v>
      </c>
      <c r="G116597" s="16">
        <v>0.79716675217305677</v>
      </c>
    </row>
    <row r="116598" spans="1:7" x14ac:dyDescent="0.3">
      <c r="A116598" s="13" t="s">
        <v>553</v>
      </c>
      <c r="B116598" s="14" t="s">
        <v>1</v>
      </c>
      <c r="C116598" s="14" t="s">
        <v>546</v>
      </c>
      <c r="D116598" s="14" t="s">
        <v>193</v>
      </c>
      <c r="E116598" s="15">
        <v>45539</v>
      </c>
      <c r="F116598" s="14" t="s">
        <v>15</v>
      </c>
      <c r="G116598" s="16">
        <v>0.79545092419075991</v>
      </c>
    </row>
    <row r="116599" spans="1:7" x14ac:dyDescent="0.3">
      <c r="A116599" s="13" t="s">
        <v>553</v>
      </c>
      <c r="B116599" s="14" t="s">
        <v>1</v>
      </c>
      <c r="C116599" s="14" t="s">
        <v>546</v>
      </c>
      <c r="D116599" s="14" t="s">
        <v>193</v>
      </c>
      <c r="E116599" s="15">
        <v>45540</v>
      </c>
      <c r="F116599" s="14" t="s">
        <v>15</v>
      </c>
      <c r="G116599" s="16">
        <v>0.81701530291623248</v>
      </c>
    </row>
    <row r="116600" spans="1:7" x14ac:dyDescent="0.3">
      <c r="A116600" s="13" t="s">
        <v>553</v>
      </c>
      <c r="B116600" s="14" t="s">
        <v>1</v>
      </c>
      <c r="C116600" s="14" t="s">
        <v>546</v>
      </c>
      <c r="D116600" s="14" t="s">
        <v>193</v>
      </c>
      <c r="E116600" s="15">
        <v>45541</v>
      </c>
      <c r="F116600" s="14" t="s">
        <v>15</v>
      </c>
      <c r="G116600" s="16">
        <v>0.82562757235264672</v>
      </c>
    </row>
    <row r="116601" spans="1:7" x14ac:dyDescent="0.3">
      <c r="A116601" s="13" t="s">
        <v>553</v>
      </c>
      <c r="B116601" s="14" t="s">
        <v>1</v>
      </c>
      <c r="C116601" s="14" t="s">
        <v>546</v>
      </c>
      <c r="D116601" s="14" t="s">
        <v>193</v>
      </c>
      <c r="E116601" s="15">
        <v>45542</v>
      </c>
      <c r="F116601" s="14" t="s">
        <v>15</v>
      </c>
      <c r="G116601" s="16">
        <v>0.82562757235264672</v>
      </c>
    </row>
    <row r="116602" spans="1:7" x14ac:dyDescent="0.3">
      <c r="A116602" s="13" t="s">
        <v>553</v>
      </c>
      <c r="B116602" s="14" t="s">
        <v>1</v>
      </c>
      <c r="C116602" s="14" t="s">
        <v>546</v>
      </c>
      <c r="D116602" s="14" t="s">
        <v>193</v>
      </c>
      <c r="E116602" s="15">
        <v>45543</v>
      </c>
      <c r="F116602" s="14" t="s">
        <v>15</v>
      </c>
      <c r="G116602" s="16">
        <v>0.82562757235264672</v>
      </c>
    </row>
    <row r="116603" spans="1:7" x14ac:dyDescent="0.3">
      <c r="A116603" s="13" t="s">
        <v>553</v>
      </c>
      <c r="B116603" s="14" t="s">
        <v>1</v>
      </c>
      <c r="C116603" s="14" t="s">
        <v>546</v>
      </c>
      <c r="D116603" s="14" t="s">
        <v>193</v>
      </c>
      <c r="E116603" s="15">
        <v>45544</v>
      </c>
      <c r="F116603" s="14" t="s">
        <v>15</v>
      </c>
      <c r="G116603" s="16">
        <v>0.82392760561008493</v>
      </c>
    </row>
    <row r="116604" spans="1:7" x14ac:dyDescent="0.3">
      <c r="A116604" s="13" t="s">
        <v>553</v>
      </c>
      <c r="B116604" s="14" t="s">
        <v>1</v>
      </c>
      <c r="C116604" s="14" t="s">
        <v>546</v>
      </c>
      <c r="D116604" s="14" t="s">
        <v>193</v>
      </c>
      <c r="E116604" s="15">
        <v>45545</v>
      </c>
      <c r="F116604" s="14" t="s">
        <v>15</v>
      </c>
      <c r="G116604" s="16">
        <v>0.83157093237720603</v>
      </c>
    </row>
    <row r="116605" spans="1:7" x14ac:dyDescent="0.3">
      <c r="A116605" s="13" t="s">
        <v>553</v>
      </c>
      <c r="B116605" s="14" t="s">
        <v>1</v>
      </c>
      <c r="C116605" s="14" t="s">
        <v>546</v>
      </c>
      <c r="D116605" s="14" t="s">
        <v>193</v>
      </c>
      <c r="E116605" s="15">
        <v>45546</v>
      </c>
      <c r="F116605" s="14" t="s">
        <v>15</v>
      </c>
      <c r="G116605" s="16">
        <v>0.82989731575872006</v>
      </c>
    </row>
    <row r="116606" spans="1:7" x14ac:dyDescent="0.3">
      <c r="A116606" s="13" t="s">
        <v>553</v>
      </c>
      <c r="B116606" s="14" t="s">
        <v>1</v>
      </c>
      <c r="C116606" s="14" t="s">
        <v>546</v>
      </c>
      <c r="D116606" s="14" t="s">
        <v>193</v>
      </c>
      <c r="E116606" s="15">
        <v>45547</v>
      </c>
      <c r="F116606" s="14" t="s">
        <v>15</v>
      </c>
      <c r="G116606" s="16">
        <v>0.86243613742210368</v>
      </c>
    </row>
    <row r="116607" spans="1:7" x14ac:dyDescent="0.3">
      <c r="A116607" s="13" t="s">
        <v>553</v>
      </c>
      <c r="B116607" s="14" t="s">
        <v>1</v>
      </c>
      <c r="C116607" s="14" t="s">
        <v>546</v>
      </c>
      <c r="D116607" s="14" t="s">
        <v>193</v>
      </c>
      <c r="E116607" s="15">
        <v>45548</v>
      </c>
      <c r="F116607" s="14" t="s">
        <v>15</v>
      </c>
      <c r="G116607" s="16">
        <v>0.86075241565894778</v>
      </c>
    </row>
    <row r="116608" spans="1:7" x14ac:dyDescent="0.3">
      <c r="A116608" s="13" t="s">
        <v>553</v>
      </c>
      <c r="B116608" s="14" t="s">
        <v>1</v>
      </c>
      <c r="C116608" s="14" t="s">
        <v>546</v>
      </c>
      <c r="D116608" s="14" t="s">
        <v>193</v>
      </c>
      <c r="E116608" s="15">
        <v>45549</v>
      </c>
      <c r="F116608" s="14" t="s">
        <v>15</v>
      </c>
      <c r="G116608" s="16">
        <v>0.86075241565894778</v>
      </c>
    </row>
    <row r="116609" spans="1:7" x14ac:dyDescent="0.3">
      <c r="A116609" s="13" t="s">
        <v>553</v>
      </c>
      <c r="B116609" s="14" t="s">
        <v>1</v>
      </c>
      <c r="C116609" s="14" t="s">
        <v>546</v>
      </c>
      <c r="D116609" s="14" t="s">
        <v>193</v>
      </c>
      <c r="E116609" s="15">
        <v>45550</v>
      </c>
      <c r="F116609" s="14" t="s">
        <v>15</v>
      </c>
      <c r="G116609" s="16">
        <v>0.86075241565894778</v>
      </c>
    </row>
    <row r="116610" spans="1:7" x14ac:dyDescent="0.3">
      <c r="A116610" s="13" t="s">
        <v>553</v>
      </c>
      <c r="B116610" s="14" t="s">
        <v>1</v>
      </c>
      <c r="C116610" s="14" t="s">
        <v>546</v>
      </c>
      <c r="D116610" s="14" t="s">
        <v>193</v>
      </c>
      <c r="E116610" s="15">
        <v>45551</v>
      </c>
      <c r="F116610" s="14" t="s">
        <v>15</v>
      </c>
      <c r="G116610" s="16">
        <v>0.86075241565894778</v>
      </c>
    </row>
    <row r="116611" spans="1:7" x14ac:dyDescent="0.3">
      <c r="A116611" s="13" t="s">
        <v>553</v>
      </c>
      <c r="B116611" s="14" t="s">
        <v>1</v>
      </c>
      <c r="C116611" s="14" t="s">
        <v>546</v>
      </c>
      <c r="D116611" s="14" t="s">
        <v>193</v>
      </c>
      <c r="E116611" s="15">
        <v>45552</v>
      </c>
      <c r="F116611" s="14" t="s">
        <v>15</v>
      </c>
      <c r="G116611" s="16">
        <v>0.86075241565894778</v>
      </c>
    </row>
    <row r="116612" spans="1:7" x14ac:dyDescent="0.3">
      <c r="A116612" s="13" t="s">
        <v>553</v>
      </c>
      <c r="B116612" s="14" t="s">
        <v>1</v>
      </c>
      <c r="C116612" s="14" t="s">
        <v>546</v>
      </c>
      <c r="D116612" s="14" t="s">
        <v>193</v>
      </c>
      <c r="E116612" s="15">
        <v>45553</v>
      </c>
      <c r="F116612" s="14" t="s">
        <v>15</v>
      </c>
      <c r="G116612" s="16">
        <v>0.86075241565894778</v>
      </c>
    </row>
    <row r="116613" spans="1:7" x14ac:dyDescent="0.3">
      <c r="A116613" s="13" t="s">
        <v>553</v>
      </c>
      <c r="B116613" s="14" t="s">
        <v>1</v>
      </c>
      <c r="C116613" s="14" t="s">
        <v>546</v>
      </c>
      <c r="D116613" s="14" t="s">
        <v>193</v>
      </c>
      <c r="E116613" s="15">
        <v>45554</v>
      </c>
      <c r="F116613" s="14" t="s">
        <v>15</v>
      </c>
      <c r="G116613" s="16">
        <v>0.85906946137513396</v>
      </c>
    </row>
    <row r="116614" spans="1:7" x14ac:dyDescent="0.3">
      <c r="A116614" s="13" t="s">
        <v>553</v>
      </c>
      <c r="B116614" s="14" t="s">
        <v>1</v>
      </c>
      <c r="C116614" s="14" t="s">
        <v>546</v>
      </c>
      <c r="D116614" s="14" t="s">
        <v>193</v>
      </c>
      <c r="E116614" s="15">
        <v>45555</v>
      </c>
      <c r="F116614" s="14" t="s">
        <v>15</v>
      </c>
      <c r="G116614" s="16">
        <v>0.84885648585772511</v>
      </c>
    </row>
    <row r="116615" spans="1:7" x14ac:dyDescent="0.3">
      <c r="A116615" s="13" t="s">
        <v>553</v>
      </c>
      <c r="B116615" s="14" t="s">
        <v>1</v>
      </c>
      <c r="C116615" s="14" t="s">
        <v>546</v>
      </c>
      <c r="D116615" s="14" t="s">
        <v>193</v>
      </c>
      <c r="E116615" s="15">
        <v>45556</v>
      </c>
      <c r="F116615" s="14" t="s">
        <v>15</v>
      </c>
      <c r="G116615" s="16">
        <v>0.84885648585772511</v>
      </c>
    </row>
    <row r="116616" spans="1:7" x14ac:dyDescent="0.3">
      <c r="A116616" s="13" t="s">
        <v>553</v>
      </c>
      <c r="B116616" s="14" t="s">
        <v>1</v>
      </c>
      <c r="C116616" s="14" t="s">
        <v>546</v>
      </c>
      <c r="D116616" s="14" t="s">
        <v>193</v>
      </c>
      <c r="E116616" s="15">
        <v>45557</v>
      </c>
      <c r="F116616" s="14" t="s">
        <v>15</v>
      </c>
      <c r="G116616" s="16">
        <v>0.84885648585772511</v>
      </c>
    </row>
    <row r="116617" spans="1:7" x14ac:dyDescent="0.3">
      <c r="A116617" s="13" t="s">
        <v>553</v>
      </c>
      <c r="B116617" s="14" t="s">
        <v>1</v>
      </c>
      <c r="C116617" s="14" t="s">
        <v>546</v>
      </c>
      <c r="D116617" s="14" t="s">
        <v>193</v>
      </c>
      <c r="E116617" s="15">
        <v>45558</v>
      </c>
      <c r="F116617" s="14" t="s">
        <v>15</v>
      </c>
      <c r="G116617" s="16">
        <v>0.84712658742082458</v>
      </c>
    </row>
    <row r="116618" spans="1:7" x14ac:dyDescent="0.3">
      <c r="A116618" s="13" t="s">
        <v>553</v>
      </c>
      <c r="B116618" s="14" t="s">
        <v>1</v>
      </c>
      <c r="C116618" s="14" t="s">
        <v>546</v>
      </c>
      <c r="D116618" s="14" t="s">
        <v>193</v>
      </c>
      <c r="E116618" s="15">
        <v>45559</v>
      </c>
      <c r="F116618" s="14" t="s">
        <v>15</v>
      </c>
      <c r="G116618" s="16">
        <v>0.84189455283308889</v>
      </c>
    </row>
    <row r="116619" spans="1:7" x14ac:dyDescent="0.3">
      <c r="A116619" s="13" t="s">
        <v>553</v>
      </c>
      <c r="B116619" s="14" t="s">
        <v>1</v>
      </c>
      <c r="C116619" s="14" t="s">
        <v>546</v>
      </c>
      <c r="D116619" s="14" t="s">
        <v>193</v>
      </c>
      <c r="E116619" s="15">
        <v>45560</v>
      </c>
      <c r="F116619" s="14" t="s">
        <v>15</v>
      </c>
      <c r="G116619" s="16">
        <v>0.84015352594572934</v>
      </c>
    </row>
    <row r="116620" spans="1:7" x14ac:dyDescent="0.3">
      <c r="A116620" s="13" t="s">
        <v>553</v>
      </c>
      <c r="B116620" s="14" t="s">
        <v>1</v>
      </c>
      <c r="C116620" s="14" t="s">
        <v>546</v>
      </c>
      <c r="D116620" s="14" t="s">
        <v>193</v>
      </c>
      <c r="E116620" s="15">
        <v>45561</v>
      </c>
      <c r="F116620" s="14" t="s">
        <v>15</v>
      </c>
      <c r="G116620" s="16">
        <v>0.83833690234318126</v>
      </c>
    </row>
    <row r="116621" spans="1:7" x14ac:dyDescent="0.3">
      <c r="A116621" s="13" t="s">
        <v>553</v>
      </c>
      <c r="B116621" s="14" t="s">
        <v>1</v>
      </c>
      <c r="C116621" s="14" t="s">
        <v>546</v>
      </c>
      <c r="D116621" s="14" t="s">
        <v>193</v>
      </c>
      <c r="E116621" s="15">
        <v>45562</v>
      </c>
      <c r="F116621" s="14" t="s">
        <v>15</v>
      </c>
      <c r="G116621" s="16">
        <v>0.83837003186811143</v>
      </c>
    </row>
    <row r="116622" spans="1:7" x14ac:dyDescent="0.3">
      <c r="A116622" s="13" t="s">
        <v>553</v>
      </c>
      <c r="B116622" s="14" t="s">
        <v>1</v>
      </c>
      <c r="C116622" s="14" t="s">
        <v>546</v>
      </c>
      <c r="D116622" s="14" t="s">
        <v>193</v>
      </c>
      <c r="E116622" s="15">
        <v>45563</v>
      </c>
      <c r="F116622" s="14" t="s">
        <v>15</v>
      </c>
      <c r="G116622" s="16">
        <v>0.83837003186811143</v>
      </c>
    </row>
    <row r="116623" spans="1:7" x14ac:dyDescent="0.3">
      <c r="A116623" s="13" t="s">
        <v>553</v>
      </c>
      <c r="B116623" s="14" t="s">
        <v>1</v>
      </c>
      <c r="C116623" s="14" t="s">
        <v>546</v>
      </c>
      <c r="D116623" s="14" t="s">
        <v>193</v>
      </c>
      <c r="E116623" s="15">
        <v>45564</v>
      </c>
      <c r="F116623" s="14" t="s">
        <v>15</v>
      </c>
      <c r="G116623" s="16">
        <v>0.83837003186811143</v>
      </c>
    </row>
    <row r="116624" spans="1:7" x14ac:dyDescent="0.3">
      <c r="A116624" s="13" t="s">
        <v>553</v>
      </c>
      <c r="B116624" s="14" t="s">
        <v>1</v>
      </c>
      <c r="C116624" s="14" t="s">
        <v>546</v>
      </c>
      <c r="D116624" s="14" t="s">
        <v>193</v>
      </c>
      <c r="E116624" s="15">
        <v>45565</v>
      </c>
      <c r="F116624" s="14" t="s">
        <v>15</v>
      </c>
      <c r="G116624" s="16">
        <v>0.83980509032445472</v>
      </c>
    </row>
    <row r="116625" spans="1:7" x14ac:dyDescent="0.3">
      <c r="A116625" s="13" t="s">
        <v>553</v>
      </c>
      <c r="B116625" s="14" t="s">
        <v>1</v>
      </c>
      <c r="C116625" s="14" t="s">
        <v>546</v>
      </c>
      <c r="D116625" s="14" t="s">
        <v>193</v>
      </c>
      <c r="E116625" s="15">
        <v>45566</v>
      </c>
      <c r="F116625" s="14" t="s">
        <v>15</v>
      </c>
      <c r="G116625" s="16">
        <v>0.83980509032445472</v>
      </c>
    </row>
    <row r="116626" spans="1:7" x14ac:dyDescent="0.3">
      <c r="A116626" s="13" t="s">
        <v>553</v>
      </c>
      <c r="B116626" s="14" t="s">
        <v>1</v>
      </c>
      <c r="C116626" s="14" t="s">
        <v>546</v>
      </c>
      <c r="D116626" s="14" t="s">
        <v>193</v>
      </c>
      <c r="E116626" s="15">
        <v>45567</v>
      </c>
      <c r="F116626" s="14" t="s">
        <v>15</v>
      </c>
      <c r="G116626" s="16">
        <v>0.83980509032445472</v>
      </c>
    </row>
    <row r="116627" spans="1:7" x14ac:dyDescent="0.3">
      <c r="A116627" s="13" t="s">
        <v>553</v>
      </c>
      <c r="B116627" s="14" t="s">
        <v>1</v>
      </c>
      <c r="C116627" s="14" t="s">
        <v>546</v>
      </c>
      <c r="D116627" s="14" t="s">
        <v>193</v>
      </c>
      <c r="E116627" s="15">
        <v>45568</v>
      </c>
      <c r="F116627" s="14" t="s">
        <v>15</v>
      </c>
      <c r="G116627" s="16">
        <v>0.83980509032445472</v>
      </c>
    </row>
    <row r="116628" spans="1:7" x14ac:dyDescent="0.3">
      <c r="A116628" s="13" t="s">
        <v>553</v>
      </c>
      <c r="B116628" s="14" t="s">
        <v>1</v>
      </c>
      <c r="C116628" s="14" t="s">
        <v>546</v>
      </c>
      <c r="D116628" s="14" t="s">
        <v>193</v>
      </c>
      <c r="E116628" s="15">
        <v>45569</v>
      </c>
      <c r="F116628" s="14" t="s">
        <v>15</v>
      </c>
      <c r="G116628" s="16">
        <v>0.83980509032445472</v>
      </c>
    </row>
    <row r="116629" spans="1:7" x14ac:dyDescent="0.3">
      <c r="A116629" s="13" t="s">
        <v>553</v>
      </c>
      <c r="B116629" s="14" t="s">
        <v>1</v>
      </c>
      <c r="C116629" s="14" t="s">
        <v>546</v>
      </c>
      <c r="D116629" s="14" t="s">
        <v>193</v>
      </c>
      <c r="E116629" s="15">
        <v>45570</v>
      </c>
      <c r="F116629" s="14" t="s">
        <v>15</v>
      </c>
      <c r="G116629" s="16">
        <v>0.83980509032445472</v>
      </c>
    </row>
    <row r="116630" spans="1:7" x14ac:dyDescent="0.3">
      <c r="A116630" s="13" t="s">
        <v>553</v>
      </c>
      <c r="B116630" s="14" t="s">
        <v>1</v>
      </c>
      <c r="C116630" s="14" t="s">
        <v>546</v>
      </c>
      <c r="D116630" s="14" t="s">
        <v>193</v>
      </c>
      <c r="E116630" s="15">
        <v>45571</v>
      </c>
      <c r="F116630" s="14" t="s">
        <v>15</v>
      </c>
      <c r="G116630" s="16">
        <v>0.83980509032445472</v>
      </c>
    </row>
    <row r="116631" spans="1:7" x14ac:dyDescent="0.3">
      <c r="A116631" s="13" t="s">
        <v>553</v>
      </c>
      <c r="B116631" s="14" t="s">
        <v>1</v>
      </c>
      <c r="C116631" s="14" t="s">
        <v>546</v>
      </c>
      <c r="D116631" s="14" t="s">
        <v>193</v>
      </c>
      <c r="E116631" s="15">
        <v>45572</v>
      </c>
      <c r="F116631" s="14" t="s">
        <v>15</v>
      </c>
      <c r="G116631" s="16">
        <v>0.83980509032445472</v>
      </c>
    </row>
    <row r="116632" spans="1:7" x14ac:dyDescent="0.3">
      <c r="A116632" s="13" t="s">
        <v>553</v>
      </c>
      <c r="B116632" s="14" t="s">
        <v>1</v>
      </c>
      <c r="C116632" s="14" t="s">
        <v>546</v>
      </c>
      <c r="D116632" s="14" t="s">
        <v>193</v>
      </c>
      <c r="E116632" s="15">
        <v>45573</v>
      </c>
      <c r="F116632" s="14" t="s">
        <v>15</v>
      </c>
      <c r="G116632" s="16">
        <v>0.84063384010060649</v>
      </c>
    </row>
    <row r="116633" spans="1:7" x14ac:dyDescent="0.3">
      <c r="A116633" s="13" t="s">
        <v>553</v>
      </c>
      <c r="B116633" s="14" t="s">
        <v>1</v>
      </c>
      <c r="C116633" s="14" t="s">
        <v>546</v>
      </c>
      <c r="D116633" s="14" t="s">
        <v>193</v>
      </c>
      <c r="E116633" s="15">
        <v>45574</v>
      </c>
      <c r="F116633" s="14" t="s">
        <v>15</v>
      </c>
      <c r="G116633" s="16">
        <v>0.82734928434323241</v>
      </c>
    </row>
    <row r="116634" spans="1:7" x14ac:dyDescent="0.3">
      <c r="A116634" s="13" t="s">
        <v>553</v>
      </c>
      <c r="B116634" s="14" t="s">
        <v>1</v>
      </c>
      <c r="C116634" s="14" t="s">
        <v>546</v>
      </c>
      <c r="D116634" s="14" t="s">
        <v>193</v>
      </c>
      <c r="E116634" s="15">
        <v>45575</v>
      </c>
      <c r="F116634" s="14" t="s">
        <v>15</v>
      </c>
      <c r="G116634" s="16">
        <v>0.83102845239562573</v>
      </c>
    </row>
    <row r="116635" spans="1:7" x14ac:dyDescent="0.3">
      <c r="A116635" s="13" t="s">
        <v>553</v>
      </c>
      <c r="B116635" s="14" t="s">
        <v>1</v>
      </c>
      <c r="C116635" s="14" t="s">
        <v>546</v>
      </c>
      <c r="D116635" s="14" t="s">
        <v>193</v>
      </c>
      <c r="E116635" s="15">
        <v>45576</v>
      </c>
      <c r="F116635" s="14" t="s">
        <v>15</v>
      </c>
      <c r="G116635" s="16">
        <v>0.83102845239562573</v>
      </c>
    </row>
    <row r="116636" spans="1:7" x14ac:dyDescent="0.3">
      <c r="A116636" s="13" t="s">
        <v>553</v>
      </c>
      <c r="B116636" s="14" t="s">
        <v>1</v>
      </c>
      <c r="C116636" s="14" t="s">
        <v>546</v>
      </c>
      <c r="D116636" s="14" t="s">
        <v>193</v>
      </c>
      <c r="E116636" s="15">
        <v>45577</v>
      </c>
      <c r="F116636" s="14" t="s">
        <v>15</v>
      </c>
      <c r="G116636" s="16">
        <v>0.83102845239562573</v>
      </c>
    </row>
    <row r="116637" spans="1:7" x14ac:dyDescent="0.3">
      <c r="A116637" s="13" t="s">
        <v>553</v>
      </c>
      <c r="B116637" s="14" t="s">
        <v>1</v>
      </c>
      <c r="C116637" s="14" t="s">
        <v>546</v>
      </c>
      <c r="D116637" s="14" t="s">
        <v>193</v>
      </c>
      <c r="E116637" s="15">
        <v>45578</v>
      </c>
      <c r="F116637" s="14" t="s">
        <v>15</v>
      </c>
      <c r="G116637" s="16">
        <v>0.83102845239562573</v>
      </c>
    </row>
    <row r="116638" spans="1:7" x14ac:dyDescent="0.3">
      <c r="A116638" s="13" t="s">
        <v>553</v>
      </c>
      <c r="B116638" s="14" t="s">
        <v>1</v>
      </c>
      <c r="C116638" s="14" t="s">
        <v>546</v>
      </c>
      <c r="D116638" s="14" t="s">
        <v>193</v>
      </c>
      <c r="E116638" s="15">
        <v>45579</v>
      </c>
      <c r="F116638" s="14" t="s">
        <v>15</v>
      </c>
      <c r="G116638" s="16">
        <v>0.82893475739475253</v>
      </c>
    </row>
    <row r="116639" spans="1:7" x14ac:dyDescent="0.3">
      <c r="A116639" s="13" t="s">
        <v>553</v>
      </c>
      <c r="B116639" s="14" t="s">
        <v>1</v>
      </c>
      <c r="C116639" s="14" t="s">
        <v>546</v>
      </c>
      <c r="D116639" s="14" t="s">
        <v>193</v>
      </c>
      <c r="E116639" s="15">
        <v>45580</v>
      </c>
      <c r="F116639" s="14" t="s">
        <v>15</v>
      </c>
      <c r="G116639" s="16">
        <v>0.82045411036991134</v>
      </c>
    </row>
    <row r="116640" spans="1:7" x14ac:dyDescent="0.3">
      <c r="A116640" s="13" t="s">
        <v>553</v>
      </c>
      <c r="B116640" s="14" t="s">
        <v>1</v>
      </c>
      <c r="C116640" s="14" t="s">
        <v>546</v>
      </c>
      <c r="D116640" s="14" t="s">
        <v>193</v>
      </c>
      <c r="E116640" s="15">
        <v>45581</v>
      </c>
      <c r="F116640" s="14" t="s">
        <v>15</v>
      </c>
      <c r="G116640" s="16">
        <v>0.81834985150912598</v>
      </c>
    </row>
    <row r="116641" spans="1:7" x14ac:dyDescent="0.3">
      <c r="A116641" s="13" t="s">
        <v>553</v>
      </c>
      <c r="B116641" s="14" t="s">
        <v>1</v>
      </c>
      <c r="C116641" s="14" t="s">
        <v>546</v>
      </c>
      <c r="D116641" s="14" t="s">
        <v>193</v>
      </c>
      <c r="E116641" s="15">
        <v>45582</v>
      </c>
      <c r="F116641" s="14" t="s">
        <v>15</v>
      </c>
      <c r="G116641" s="16">
        <v>0.8163246258449901</v>
      </c>
    </row>
    <row r="116642" spans="1:7" x14ac:dyDescent="0.3">
      <c r="A116642" s="13" t="s">
        <v>553</v>
      </c>
      <c r="B116642" s="14" t="s">
        <v>1</v>
      </c>
      <c r="C116642" s="14" t="s">
        <v>546</v>
      </c>
      <c r="D116642" s="14" t="s">
        <v>193</v>
      </c>
      <c r="E116642" s="15">
        <v>45583</v>
      </c>
      <c r="F116642" s="14" t="s">
        <v>15</v>
      </c>
      <c r="G116642" s="16">
        <v>0.81432687233653878</v>
      </c>
    </row>
    <row r="116643" spans="1:7" x14ac:dyDescent="0.3">
      <c r="A116643" s="13" t="s">
        <v>553</v>
      </c>
      <c r="B116643" s="14" t="s">
        <v>1</v>
      </c>
      <c r="C116643" s="14" t="s">
        <v>546</v>
      </c>
      <c r="D116643" s="14" t="s">
        <v>193</v>
      </c>
      <c r="E116643" s="15">
        <v>45584</v>
      </c>
      <c r="F116643" s="14" t="s">
        <v>15</v>
      </c>
      <c r="G116643" s="16">
        <v>0.81432687233653878</v>
      </c>
    </row>
    <row r="116644" spans="1:7" x14ac:dyDescent="0.3">
      <c r="A116644" s="13" t="s">
        <v>553</v>
      </c>
      <c r="B116644" s="14" t="s">
        <v>1</v>
      </c>
      <c r="C116644" s="14" t="s">
        <v>546</v>
      </c>
      <c r="D116644" s="14" t="s">
        <v>193</v>
      </c>
      <c r="E116644" s="15">
        <v>45585</v>
      </c>
      <c r="F116644" s="14" t="s">
        <v>15</v>
      </c>
      <c r="G116644" s="16">
        <v>0.81432687233653878</v>
      </c>
    </row>
    <row r="116645" spans="1:7" x14ac:dyDescent="0.3">
      <c r="A116645" s="13" t="s">
        <v>553</v>
      </c>
      <c r="B116645" s="14" t="s">
        <v>1</v>
      </c>
      <c r="C116645" s="14" t="s">
        <v>546</v>
      </c>
      <c r="D116645" s="14" t="s">
        <v>193</v>
      </c>
      <c r="E116645" s="15">
        <v>45586</v>
      </c>
      <c r="F116645" s="14" t="s">
        <v>15</v>
      </c>
      <c r="G116645" s="16">
        <v>0.82849276085101231</v>
      </c>
    </row>
    <row r="116646" spans="1:7" x14ac:dyDescent="0.3">
      <c r="A116646" s="13" t="s">
        <v>553</v>
      </c>
      <c r="B116646" s="14" t="s">
        <v>1</v>
      </c>
      <c r="C116646" s="14" t="s">
        <v>546</v>
      </c>
      <c r="D116646" s="14" t="s">
        <v>193</v>
      </c>
      <c r="E116646" s="15">
        <v>45587</v>
      </c>
      <c r="F116646" s="14" t="s">
        <v>15</v>
      </c>
      <c r="G116646" s="16">
        <v>0.82231328512259427</v>
      </c>
    </row>
    <row r="116647" spans="1:7" x14ac:dyDescent="0.3">
      <c r="A116647" s="13" t="s">
        <v>553</v>
      </c>
      <c r="B116647" s="14" t="s">
        <v>1</v>
      </c>
      <c r="C116647" s="14" t="s">
        <v>546</v>
      </c>
      <c r="D116647" s="14" t="s">
        <v>193</v>
      </c>
      <c r="E116647" s="15">
        <v>45588</v>
      </c>
      <c r="F116647" s="14" t="s">
        <v>15</v>
      </c>
      <c r="G116647" s="16">
        <v>0.82026789516684739</v>
      </c>
    </row>
    <row r="116648" spans="1:7" x14ac:dyDescent="0.3">
      <c r="A116648" s="13" t="s">
        <v>553</v>
      </c>
      <c r="B116648" s="14" t="s">
        <v>1</v>
      </c>
      <c r="C116648" s="14" t="s">
        <v>546</v>
      </c>
      <c r="D116648" s="14" t="s">
        <v>193</v>
      </c>
      <c r="E116648" s="15">
        <v>45589</v>
      </c>
      <c r="F116648" s="14" t="s">
        <v>15</v>
      </c>
      <c r="G116648" s="16">
        <v>0.82020577832222075</v>
      </c>
    </row>
    <row r="116649" spans="1:7" x14ac:dyDescent="0.3">
      <c r="A116649" s="13" t="s">
        <v>553</v>
      </c>
      <c r="B116649" s="14" t="s">
        <v>1</v>
      </c>
      <c r="C116649" s="14" t="s">
        <v>546</v>
      </c>
      <c r="D116649" s="14" t="s">
        <v>193</v>
      </c>
      <c r="E116649" s="15">
        <v>45590</v>
      </c>
      <c r="F116649" s="14" t="s">
        <v>15</v>
      </c>
      <c r="G116649" s="16">
        <v>0.81814171271384106</v>
      </c>
    </row>
    <row r="116650" spans="1:7" x14ac:dyDescent="0.3">
      <c r="A116650" s="13" t="s">
        <v>553</v>
      </c>
      <c r="B116650" s="14" t="s">
        <v>1</v>
      </c>
      <c r="C116650" s="14" t="s">
        <v>546</v>
      </c>
      <c r="D116650" s="14" t="s">
        <v>193</v>
      </c>
      <c r="E116650" s="15">
        <v>45591</v>
      </c>
      <c r="F116650" s="14" t="s">
        <v>15</v>
      </c>
      <c r="G116650" s="16">
        <v>0.81814171271384106</v>
      </c>
    </row>
    <row r="116651" spans="1:7" x14ac:dyDescent="0.3">
      <c r="A116651" s="13" t="s">
        <v>553</v>
      </c>
      <c r="B116651" s="14" t="s">
        <v>1</v>
      </c>
      <c r="C116651" s="14" t="s">
        <v>546</v>
      </c>
      <c r="D116651" s="14" t="s">
        <v>193</v>
      </c>
      <c r="E116651" s="15">
        <v>45592</v>
      </c>
      <c r="F116651" s="14" t="s">
        <v>15</v>
      </c>
      <c r="G116651" s="16">
        <v>0.81814171271384106</v>
      </c>
    </row>
    <row r="116652" spans="1:7" x14ac:dyDescent="0.3">
      <c r="A116652" s="13" t="s">
        <v>553</v>
      </c>
      <c r="B116652" s="14" t="s">
        <v>1</v>
      </c>
      <c r="C116652" s="14" t="s">
        <v>546</v>
      </c>
      <c r="D116652" s="14" t="s">
        <v>193</v>
      </c>
      <c r="E116652" s="15">
        <v>45593</v>
      </c>
      <c r="F116652" s="14" t="s">
        <v>15</v>
      </c>
      <c r="G116652" s="16">
        <v>0.81814171271384106</v>
      </c>
    </row>
    <row r="116653" spans="1:7" x14ac:dyDescent="0.3">
      <c r="A116653" s="13" t="s">
        <v>553</v>
      </c>
      <c r="B116653" s="14" t="s">
        <v>1</v>
      </c>
      <c r="C116653" s="14" t="s">
        <v>546</v>
      </c>
      <c r="D116653" s="14" t="s">
        <v>193</v>
      </c>
      <c r="E116653" s="15">
        <v>45594</v>
      </c>
      <c r="F116653" s="14" t="s">
        <v>15</v>
      </c>
      <c r="G116653" s="16">
        <v>0.82128210463734974</v>
      </c>
    </row>
    <row r="116654" spans="1:7" x14ac:dyDescent="0.3">
      <c r="A116654" s="13" t="s">
        <v>553</v>
      </c>
      <c r="B116654" s="14" t="s">
        <v>1</v>
      </c>
      <c r="C116654" s="14" t="s">
        <v>546</v>
      </c>
      <c r="D116654" s="14" t="s">
        <v>193</v>
      </c>
      <c r="E116654" s="15">
        <v>45595</v>
      </c>
      <c r="F116654" s="14" t="s">
        <v>15</v>
      </c>
      <c r="G116654" s="16">
        <v>0.81310661811394658</v>
      </c>
    </row>
    <row r="116655" spans="1:7" x14ac:dyDescent="0.3">
      <c r="A116655" s="13" t="s">
        <v>553</v>
      </c>
      <c r="B116655" s="14" t="s">
        <v>1</v>
      </c>
      <c r="C116655" s="14" t="s">
        <v>546</v>
      </c>
      <c r="D116655" s="14" t="s">
        <v>193</v>
      </c>
      <c r="E116655" s="15">
        <v>45596</v>
      </c>
      <c r="F116655" s="14" t="s">
        <v>15</v>
      </c>
      <c r="G116655" s="16">
        <v>0.81106558650852079</v>
      </c>
    </row>
    <row r="116656" spans="1:7" x14ac:dyDescent="0.3">
      <c r="A116656" s="13" t="s">
        <v>553</v>
      </c>
      <c r="B116656" s="14" t="s">
        <v>1</v>
      </c>
      <c r="C116656" s="14" t="s">
        <v>546</v>
      </c>
      <c r="D116656" s="14" t="s">
        <v>193</v>
      </c>
      <c r="E116656" s="15">
        <v>45597</v>
      </c>
      <c r="F116656" s="14" t="s">
        <v>15</v>
      </c>
      <c r="G116656" s="16">
        <v>0.81404071600015626</v>
      </c>
    </row>
    <row r="116657" spans="1:7" x14ac:dyDescent="0.3">
      <c r="A116657" s="13" t="s">
        <v>553</v>
      </c>
      <c r="B116657" s="14" t="s">
        <v>1</v>
      </c>
      <c r="C116657" s="14" t="s">
        <v>546</v>
      </c>
      <c r="D116657" s="14" t="s">
        <v>193</v>
      </c>
      <c r="E116657" s="15">
        <v>45598</v>
      </c>
      <c r="F116657" s="14" t="s">
        <v>15</v>
      </c>
      <c r="G116657" s="16">
        <v>0.81404071600015626</v>
      </c>
    </row>
    <row r="116658" spans="1:7" x14ac:dyDescent="0.3">
      <c r="A116658" s="13" t="s">
        <v>553</v>
      </c>
      <c r="B116658" s="14" t="s">
        <v>1</v>
      </c>
      <c r="C116658" s="14" t="s">
        <v>546</v>
      </c>
      <c r="D116658" s="14" t="s">
        <v>193</v>
      </c>
      <c r="E116658" s="15">
        <v>45599</v>
      </c>
      <c r="F116658" s="14" t="s">
        <v>15</v>
      </c>
      <c r="G116658" s="16">
        <v>0.81404071600015626</v>
      </c>
    </row>
    <row r="116659" spans="1:7" x14ac:dyDescent="0.3">
      <c r="A116659" s="13" t="s">
        <v>553</v>
      </c>
      <c r="B116659" s="14" t="s">
        <v>1</v>
      </c>
      <c r="C116659" s="14" t="s">
        <v>546</v>
      </c>
      <c r="D116659" s="14" t="s">
        <v>193</v>
      </c>
      <c r="E116659" s="15">
        <v>45600</v>
      </c>
      <c r="F116659" s="14" t="s">
        <v>15</v>
      </c>
      <c r="G116659" s="16">
        <v>0.81489137123459354</v>
      </c>
    </row>
    <row r="116660" spans="1:7" x14ac:dyDescent="0.3">
      <c r="A116660" s="13" t="s">
        <v>553</v>
      </c>
      <c r="B116660" s="14" t="s">
        <v>1</v>
      </c>
      <c r="C116660" s="14" t="s">
        <v>546</v>
      </c>
      <c r="D116660" s="14" t="s">
        <v>193</v>
      </c>
      <c r="E116660" s="15">
        <v>45601</v>
      </c>
      <c r="F116660" s="14" t="s">
        <v>15</v>
      </c>
      <c r="G116660" s="16">
        <v>0.80883062173836007</v>
      </c>
    </row>
    <row r="116661" spans="1:7" x14ac:dyDescent="0.3">
      <c r="A116661" s="13" t="s">
        <v>553</v>
      </c>
      <c r="B116661" s="14" t="s">
        <v>1</v>
      </c>
      <c r="C116661" s="14" t="s">
        <v>546</v>
      </c>
      <c r="D116661" s="14" t="s">
        <v>193</v>
      </c>
      <c r="E116661" s="15">
        <v>45602</v>
      </c>
      <c r="F116661" s="14" t="s">
        <v>15</v>
      </c>
      <c r="G116661" s="16">
        <v>0.80678593867167347</v>
      </c>
    </row>
    <row r="116662" spans="1:7" x14ac:dyDescent="0.3">
      <c r="A116662" s="13" t="s">
        <v>553</v>
      </c>
      <c r="B116662" s="14" t="s">
        <v>1</v>
      </c>
      <c r="C116662" s="14" t="s">
        <v>546</v>
      </c>
      <c r="D116662" s="14" t="s">
        <v>193</v>
      </c>
      <c r="E116662" s="15">
        <v>45603</v>
      </c>
      <c r="F116662" s="14" t="s">
        <v>15</v>
      </c>
      <c r="G116662" s="16">
        <v>0.80469730283055263</v>
      </c>
    </row>
    <row r="116663" spans="1:7" x14ac:dyDescent="0.3">
      <c r="A116663" s="13" t="s">
        <v>553</v>
      </c>
      <c r="B116663" s="14" t="s">
        <v>1</v>
      </c>
      <c r="C116663" s="14" t="s">
        <v>546</v>
      </c>
      <c r="D116663" s="14" t="s">
        <v>193</v>
      </c>
      <c r="E116663" s="15">
        <v>45604</v>
      </c>
      <c r="F116663" s="14" t="s">
        <v>15</v>
      </c>
      <c r="G116663" s="16">
        <v>0.80621617547569813</v>
      </c>
    </row>
    <row r="116664" spans="1:7" x14ac:dyDescent="0.3">
      <c r="A116664" s="13" t="s">
        <v>553</v>
      </c>
      <c r="B116664" s="14" t="s">
        <v>1</v>
      </c>
      <c r="C116664" s="14" t="s">
        <v>546</v>
      </c>
      <c r="D116664" s="14" t="s">
        <v>193</v>
      </c>
      <c r="E116664" s="15">
        <v>45605</v>
      </c>
      <c r="F116664" s="14" t="s">
        <v>15</v>
      </c>
      <c r="G116664" s="16">
        <v>0.80621617547569813</v>
      </c>
    </row>
    <row r="116665" spans="1:7" x14ac:dyDescent="0.3">
      <c r="A116665" s="13" t="s">
        <v>553</v>
      </c>
      <c r="B116665" s="14" t="s">
        <v>1</v>
      </c>
      <c r="C116665" s="14" t="s">
        <v>546</v>
      </c>
      <c r="D116665" s="14" t="s">
        <v>193</v>
      </c>
      <c r="E116665" s="15">
        <v>45606</v>
      </c>
      <c r="F116665" s="14" t="s">
        <v>15</v>
      </c>
      <c r="G116665" s="16">
        <v>0.80621617547569813</v>
      </c>
    </row>
    <row r="116666" spans="1:7" x14ac:dyDescent="0.3">
      <c r="A116666" s="13" t="s">
        <v>553</v>
      </c>
      <c r="B116666" s="14" t="s">
        <v>1</v>
      </c>
      <c r="C116666" s="14" t="s">
        <v>546</v>
      </c>
      <c r="D116666" s="14" t="s">
        <v>193</v>
      </c>
      <c r="E116666" s="15">
        <v>45607</v>
      </c>
      <c r="F116666" s="14" t="s">
        <v>15</v>
      </c>
      <c r="G116666" s="16">
        <v>0.80412524056637613</v>
      </c>
    </row>
    <row r="116667" spans="1:7" x14ac:dyDescent="0.3">
      <c r="A116667" s="13" t="s">
        <v>553</v>
      </c>
      <c r="B116667" s="14" t="s">
        <v>1</v>
      </c>
      <c r="C116667" s="14" t="s">
        <v>546</v>
      </c>
      <c r="D116667" s="14" t="s">
        <v>193</v>
      </c>
      <c r="E116667" s="15">
        <v>45608</v>
      </c>
      <c r="F116667" s="14" t="s">
        <v>15</v>
      </c>
      <c r="G116667" s="16">
        <v>0.79788908569032291</v>
      </c>
    </row>
    <row r="116668" spans="1:7" x14ac:dyDescent="0.3">
      <c r="A116668" s="13" t="s">
        <v>553</v>
      </c>
      <c r="B116668" s="14" t="s">
        <v>1</v>
      </c>
      <c r="C116668" s="14" t="s">
        <v>546</v>
      </c>
      <c r="D116668" s="14" t="s">
        <v>193</v>
      </c>
      <c r="E116668" s="15">
        <v>45609</v>
      </c>
      <c r="F116668" s="14" t="s">
        <v>15</v>
      </c>
      <c r="G116668" s="16">
        <v>0.79582438720635551</v>
      </c>
    </row>
    <row r="116669" spans="1:7" x14ac:dyDescent="0.3">
      <c r="A116669" s="13" t="s">
        <v>553</v>
      </c>
      <c r="B116669" s="14" t="s">
        <v>1</v>
      </c>
      <c r="C116669" s="14" t="s">
        <v>546</v>
      </c>
      <c r="D116669" s="14" t="s">
        <v>193</v>
      </c>
      <c r="E116669" s="15">
        <v>45610</v>
      </c>
      <c r="F116669" s="14" t="s">
        <v>15</v>
      </c>
      <c r="G116669" s="16">
        <v>0.79379713784203809</v>
      </c>
    </row>
    <row r="116670" spans="1:7" x14ac:dyDescent="0.3">
      <c r="A116670" s="13" t="s">
        <v>553</v>
      </c>
      <c r="B116670" s="14" t="s">
        <v>1</v>
      </c>
      <c r="C116670" s="14" t="s">
        <v>546</v>
      </c>
      <c r="D116670" s="14" t="s">
        <v>193</v>
      </c>
      <c r="E116670" s="15">
        <v>45611</v>
      </c>
      <c r="F116670" s="14" t="s">
        <v>15</v>
      </c>
      <c r="G116670" s="16">
        <v>0.79187662875211795</v>
      </c>
    </row>
    <row r="116671" spans="1:7" x14ac:dyDescent="0.3">
      <c r="A116671" s="13" t="s">
        <v>553</v>
      </c>
      <c r="B116671" s="14" t="s">
        <v>1</v>
      </c>
      <c r="C116671" s="14" t="s">
        <v>546</v>
      </c>
      <c r="D116671" s="14" t="s">
        <v>193</v>
      </c>
      <c r="E116671" s="15">
        <v>45612</v>
      </c>
      <c r="F116671" s="14" t="s">
        <v>15</v>
      </c>
      <c r="G116671" s="16">
        <v>0.79187662875211795</v>
      </c>
    </row>
    <row r="116672" spans="1:7" x14ac:dyDescent="0.3">
      <c r="A116672" s="13" t="s">
        <v>553</v>
      </c>
      <c r="B116672" s="14" t="s">
        <v>1</v>
      </c>
      <c r="C116672" s="14" t="s">
        <v>546</v>
      </c>
      <c r="D116672" s="14" t="s">
        <v>193</v>
      </c>
      <c r="E116672" s="15">
        <v>45613</v>
      </c>
      <c r="F116672" s="14" t="s">
        <v>15</v>
      </c>
      <c r="G116672" s="16">
        <v>0.79187662875211795</v>
      </c>
    </row>
    <row r="116673" spans="1:7" x14ac:dyDescent="0.3">
      <c r="A116673" s="13" t="s">
        <v>553</v>
      </c>
      <c r="B116673" s="14" t="s">
        <v>1</v>
      </c>
      <c r="C116673" s="14" t="s">
        <v>546</v>
      </c>
      <c r="D116673" s="14" t="s">
        <v>193</v>
      </c>
      <c r="E116673" s="15">
        <v>45614</v>
      </c>
      <c r="F116673" s="14" t="s">
        <v>15</v>
      </c>
      <c r="G116673" s="16">
        <v>0.78989561084422732</v>
      </c>
    </row>
    <row r="116674" spans="1:7" x14ac:dyDescent="0.3">
      <c r="A116674" s="13" t="s">
        <v>553</v>
      </c>
      <c r="B116674" s="14" t="s">
        <v>1</v>
      </c>
      <c r="C116674" s="14" t="s">
        <v>546</v>
      </c>
      <c r="D116674" s="14" t="s">
        <v>193</v>
      </c>
      <c r="E116674" s="15">
        <v>45615</v>
      </c>
      <c r="F116674" s="14" t="s">
        <v>15</v>
      </c>
      <c r="G116674" s="16">
        <v>0.78397907222056495</v>
      </c>
    </row>
    <row r="116675" spans="1:7" x14ac:dyDescent="0.3">
      <c r="A116675" s="13" t="s">
        <v>553</v>
      </c>
      <c r="B116675" s="14" t="s">
        <v>1</v>
      </c>
      <c r="C116675" s="14" t="s">
        <v>546</v>
      </c>
      <c r="D116675" s="14" t="s">
        <v>193</v>
      </c>
      <c r="E116675" s="15">
        <v>45616</v>
      </c>
      <c r="F116675" s="14" t="s">
        <v>15</v>
      </c>
      <c r="G116675" s="16">
        <v>0.78202905658345467</v>
      </c>
    </row>
    <row r="116676" spans="1:7" x14ac:dyDescent="0.3">
      <c r="A116676" s="13" t="s">
        <v>553</v>
      </c>
      <c r="B116676" s="14" t="s">
        <v>1</v>
      </c>
      <c r="C116676" s="14" t="s">
        <v>546</v>
      </c>
      <c r="D116676" s="14" t="s">
        <v>193</v>
      </c>
      <c r="E116676" s="15">
        <v>45617</v>
      </c>
      <c r="F116676" s="14" t="s">
        <v>15</v>
      </c>
      <c r="G116676" s="16">
        <v>0.78006190811249221</v>
      </c>
    </row>
    <row r="116677" spans="1:7" x14ac:dyDescent="0.3">
      <c r="A116677" s="13" t="s">
        <v>553</v>
      </c>
      <c r="B116677" s="14" t="s">
        <v>1</v>
      </c>
      <c r="C116677" s="14" t="s">
        <v>546</v>
      </c>
      <c r="D116677" s="14" t="s">
        <v>193</v>
      </c>
      <c r="E116677" s="15">
        <v>45618</v>
      </c>
      <c r="F116677" s="14" t="s">
        <v>15</v>
      </c>
      <c r="G116677" s="16">
        <v>0.7780852414005005</v>
      </c>
    </row>
    <row r="116678" spans="1:7" x14ac:dyDescent="0.3">
      <c r="A116678" s="13" t="s">
        <v>553</v>
      </c>
      <c r="B116678" s="14" t="s">
        <v>1</v>
      </c>
      <c r="C116678" s="14" t="s">
        <v>546</v>
      </c>
      <c r="D116678" s="14" t="s">
        <v>193</v>
      </c>
      <c r="E116678" s="15">
        <v>45619</v>
      </c>
      <c r="F116678" s="14" t="s">
        <v>15</v>
      </c>
      <c r="G116678" s="16">
        <v>0.7780852414005005</v>
      </c>
    </row>
    <row r="116679" spans="1:7" x14ac:dyDescent="0.3">
      <c r="A116679" s="13" t="s">
        <v>553</v>
      </c>
      <c r="B116679" s="14" t="s">
        <v>1</v>
      </c>
      <c r="C116679" s="14" t="s">
        <v>546</v>
      </c>
      <c r="D116679" s="14" t="s">
        <v>193</v>
      </c>
      <c r="E116679" s="15">
        <v>45620</v>
      </c>
      <c r="F116679" s="14" t="s">
        <v>15</v>
      </c>
      <c r="G116679" s="16">
        <v>0.7780852414005005</v>
      </c>
    </row>
    <row r="116680" spans="1:7" x14ac:dyDescent="0.3">
      <c r="A116680" s="13" t="s">
        <v>553</v>
      </c>
      <c r="B116680" s="14" t="s">
        <v>1</v>
      </c>
      <c r="C116680" s="14" t="s">
        <v>546</v>
      </c>
      <c r="D116680" s="14" t="s">
        <v>193</v>
      </c>
      <c r="E116680" s="15">
        <v>45621</v>
      </c>
      <c r="F116680" s="14" t="s">
        <v>15</v>
      </c>
      <c r="G116680" s="16">
        <v>0.77611238198492061</v>
      </c>
    </row>
    <row r="116681" spans="1:7" x14ac:dyDescent="0.3">
      <c r="A116681" s="13" t="s">
        <v>553</v>
      </c>
      <c r="B116681" s="14" t="s">
        <v>1</v>
      </c>
      <c r="C116681" s="14" t="s">
        <v>546</v>
      </c>
      <c r="D116681" s="14" t="s">
        <v>193</v>
      </c>
      <c r="E116681" s="15">
        <v>45622</v>
      </c>
      <c r="F116681" s="14" t="s">
        <v>15</v>
      </c>
      <c r="G116681" s="16">
        <v>0.77035479798644346</v>
      </c>
    </row>
    <row r="116682" spans="1:7" x14ac:dyDescent="0.3">
      <c r="A116682" s="13" t="s">
        <v>553</v>
      </c>
      <c r="B116682" s="14" t="s">
        <v>1</v>
      </c>
      <c r="C116682" s="14" t="s">
        <v>546</v>
      </c>
      <c r="D116682" s="14" t="s">
        <v>193</v>
      </c>
      <c r="E116682" s="15">
        <v>45623</v>
      </c>
      <c r="F116682" s="14" t="s">
        <v>15</v>
      </c>
      <c r="G116682" s="16">
        <v>0.76844992600678541</v>
      </c>
    </row>
    <row r="116683" spans="1:7" x14ac:dyDescent="0.3">
      <c r="A116683" s="13" t="s">
        <v>553</v>
      </c>
      <c r="B116683" s="14" t="s">
        <v>1</v>
      </c>
      <c r="C116683" s="14" t="s">
        <v>546</v>
      </c>
      <c r="D116683" s="14" t="s">
        <v>193</v>
      </c>
      <c r="E116683" s="15">
        <v>45624</v>
      </c>
      <c r="F116683" s="14" t="s">
        <v>15</v>
      </c>
      <c r="G116683" s="16">
        <v>0.7673848348356338</v>
      </c>
    </row>
    <row r="116684" spans="1:7" x14ac:dyDescent="0.3">
      <c r="A116684" s="13" t="s">
        <v>553</v>
      </c>
      <c r="B116684" s="14" t="s">
        <v>1</v>
      </c>
      <c r="C116684" s="14" t="s">
        <v>546</v>
      </c>
      <c r="D116684" s="14" t="s">
        <v>193</v>
      </c>
      <c r="E116684" s="15">
        <v>45625</v>
      </c>
      <c r="F116684" s="14" t="s">
        <v>15</v>
      </c>
      <c r="G116684" s="16">
        <v>0.76852457621142756</v>
      </c>
    </row>
    <row r="116685" spans="1:7" x14ac:dyDescent="0.3">
      <c r="A116685" s="13" t="s">
        <v>553</v>
      </c>
      <c r="B116685" s="14" t="s">
        <v>1</v>
      </c>
      <c r="C116685" s="14" t="s">
        <v>546</v>
      </c>
      <c r="D116685" s="14" t="s">
        <v>193</v>
      </c>
      <c r="E116685" s="15">
        <v>45626</v>
      </c>
      <c r="F116685" s="14" t="s">
        <v>15</v>
      </c>
      <c r="G116685" s="16">
        <v>0.76852457621142756</v>
      </c>
    </row>
    <row r="116686" spans="1:7" x14ac:dyDescent="0.3">
      <c r="A116686" s="13" t="s">
        <v>553</v>
      </c>
      <c r="B116686" s="14" t="s">
        <v>1</v>
      </c>
      <c r="C116686" s="14" t="s">
        <v>546</v>
      </c>
      <c r="D116686" s="14" t="s">
        <v>193</v>
      </c>
      <c r="E116686" s="15">
        <v>45627</v>
      </c>
      <c r="F116686" s="14" t="s">
        <v>15</v>
      </c>
      <c r="G116686" s="16">
        <v>0.76852457621142756</v>
      </c>
    </row>
    <row r="116687" spans="1:7" x14ac:dyDescent="0.3">
      <c r="A116687" s="13" t="s">
        <v>553</v>
      </c>
      <c r="B116687" s="14" t="s">
        <v>1</v>
      </c>
      <c r="C116687" s="14" t="s">
        <v>546</v>
      </c>
      <c r="D116687" s="14" t="s">
        <v>193</v>
      </c>
      <c r="E116687" s="15">
        <v>45628</v>
      </c>
      <c r="F116687" s="14" t="s">
        <v>15</v>
      </c>
      <c r="G116687" s="16">
        <v>0.76804036969279221</v>
      </c>
    </row>
    <row r="116688" spans="1:7" x14ac:dyDescent="0.3">
      <c r="A116688" s="13" t="s">
        <v>553</v>
      </c>
      <c r="B116688" s="14" t="s">
        <v>1</v>
      </c>
      <c r="C116688" s="14" t="s">
        <v>546</v>
      </c>
      <c r="D116688" s="14" t="s">
        <v>193</v>
      </c>
      <c r="E116688" s="15">
        <v>45629</v>
      </c>
      <c r="F116688" s="14" t="s">
        <v>15</v>
      </c>
      <c r="G116688" s="16">
        <v>0.7622672845589249</v>
      </c>
    </row>
    <row r="116689" spans="1:7" x14ac:dyDescent="0.3">
      <c r="A116689" s="13" t="s">
        <v>553</v>
      </c>
      <c r="B116689" s="14" t="s">
        <v>1</v>
      </c>
      <c r="C116689" s="14" t="s">
        <v>546</v>
      </c>
      <c r="D116689" s="14" t="s">
        <v>193</v>
      </c>
      <c r="E116689" s="15">
        <v>45630</v>
      </c>
      <c r="F116689" s="14" t="s">
        <v>15</v>
      </c>
      <c r="G116689" s="16">
        <v>0.7623770162805027</v>
      </c>
    </row>
    <row r="116690" spans="1:7" x14ac:dyDescent="0.3">
      <c r="A116690" s="13" t="s">
        <v>553</v>
      </c>
      <c r="B116690" s="14" t="s">
        <v>1</v>
      </c>
      <c r="C116690" s="14" t="s">
        <v>546</v>
      </c>
      <c r="D116690" s="14" t="s">
        <v>193</v>
      </c>
      <c r="E116690" s="15">
        <v>45631</v>
      </c>
      <c r="F116690" s="14" t="s">
        <v>15</v>
      </c>
      <c r="G116690" s="16">
        <v>0.7604333914623691</v>
      </c>
    </row>
    <row r="116691" spans="1:7" x14ac:dyDescent="0.3">
      <c r="A116691" s="13" t="s">
        <v>553</v>
      </c>
      <c r="B116691" s="14" t="s">
        <v>1</v>
      </c>
      <c r="C116691" s="14" t="s">
        <v>546</v>
      </c>
      <c r="D116691" s="14" t="s">
        <v>193</v>
      </c>
      <c r="E116691" s="15">
        <v>45632</v>
      </c>
      <c r="F116691" s="14" t="s">
        <v>15</v>
      </c>
      <c r="G116691" s="16">
        <v>0.75848745507141413</v>
      </c>
    </row>
    <row r="116692" spans="1:7" x14ac:dyDescent="0.3">
      <c r="A116692" s="13" t="s">
        <v>553</v>
      </c>
      <c r="B116692" s="14" t="s">
        <v>1</v>
      </c>
      <c r="C116692" s="14" t="s">
        <v>546</v>
      </c>
      <c r="D116692" s="14" t="s">
        <v>193</v>
      </c>
      <c r="E116692" s="15">
        <v>45633</v>
      </c>
      <c r="F116692" s="14" t="s">
        <v>15</v>
      </c>
      <c r="G116692" s="16">
        <v>0.75848745507141413</v>
      </c>
    </row>
    <row r="116693" spans="1:7" x14ac:dyDescent="0.3">
      <c r="A116693" s="13" t="s">
        <v>553</v>
      </c>
      <c r="B116693" s="14" t="s">
        <v>1</v>
      </c>
      <c r="C116693" s="14" t="s">
        <v>546</v>
      </c>
      <c r="D116693" s="14" t="s">
        <v>193</v>
      </c>
      <c r="E116693" s="15">
        <v>45634</v>
      </c>
      <c r="F116693" s="14" t="s">
        <v>15</v>
      </c>
      <c r="G116693" s="16">
        <v>0.75848745507141413</v>
      </c>
    </row>
    <row r="116694" spans="1:7" x14ac:dyDescent="0.3">
      <c r="A116694" s="13" t="s">
        <v>553</v>
      </c>
      <c r="B116694" s="14" t="s">
        <v>1</v>
      </c>
      <c r="C116694" s="14" t="s">
        <v>546</v>
      </c>
      <c r="D116694" s="14" t="s">
        <v>193</v>
      </c>
      <c r="E116694" s="15">
        <v>45635</v>
      </c>
      <c r="F116694" s="14" t="s">
        <v>15</v>
      </c>
      <c r="G116694" s="16">
        <v>0.75655606799174646</v>
      </c>
    </row>
    <row r="116695" spans="1:7" x14ac:dyDescent="0.3">
      <c r="A116695" s="13" t="s">
        <v>553</v>
      </c>
      <c r="B116695" s="14" t="s">
        <v>1</v>
      </c>
      <c r="C116695" s="14" t="s">
        <v>546</v>
      </c>
      <c r="D116695" s="14" t="s">
        <v>193</v>
      </c>
      <c r="E116695" s="15">
        <v>45636</v>
      </c>
      <c r="F116695" s="14" t="s">
        <v>15</v>
      </c>
      <c r="G116695" s="16">
        <v>0.75771321415113624</v>
      </c>
    </row>
    <row r="116696" spans="1:7" x14ac:dyDescent="0.3">
      <c r="A116696" s="13" t="s">
        <v>553</v>
      </c>
      <c r="B116696" s="14" t="s">
        <v>1</v>
      </c>
      <c r="C116696" s="14" t="s">
        <v>546</v>
      </c>
      <c r="D116696" s="14" t="s">
        <v>193</v>
      </c>
      <c r="E116696" s="15">
        <v>45637</v>
      </c>
      <c r="F116696" s="14" t="s">
        <v>15</v>
      </c>
      <c r="G116696" s="16">
        <v>0.75572050240426691</v>
      </c>
    </row>
    <row r="116697" spans="1:7" x14ac:dyDescent="0.3">
      <c r="A116697" s="13" t="s">
        <v>553</v>
      </c>
      <c r="B116697" s="14" t="s">
        <v>1</v>
      </c>
      <c r="C116697" s="14" t="s">
        <v>546</v>
      </c>
      <c r="D116697" s="14" t="s">
        <v>193</v>
      </c>
      <c r="E116697" s="15">
        <v>45638</v>
      </c>
      <c r="F116697" s="14" t="s">
        <v>15</v>
      </c>
      <c r="G116697" s="16">
        <v>0.75371392122046976</v>
      </c>
    </row>
    <row r="116698" spans="1:7" x14ac:dyDescent="0.3">
      <c r="A116698" s="13" t="s">
        <v>553</v>
      </c>
      <c r="B116698" s="14" t="s">
        <v>1</v>
      </c>
      <c r="C116698" s="14" t="s">
        <v>546</v>
      </c>
      <c r="D116698" s="14" t="s">
        <v>193</v>
      </c>
      <c r="E116698" s="15">
        <v>45639</v>
      </c>
      <c r="F116698" s="14" t="s">
        <v>15</v>
      </c>
      <c r="G116698" s="16">
        <v>0.75172664846847426</v>
      </c>
    </row>
    <row r="116699" spans="1:7" x14ac:dyDescent="0.3">
      <c r="A116699" s="13" t="s">
        <v>553</v>
      </c>
      <c r="B116699" s="14" t="s">
        <v>1</v>
      </c>
      <c r="C116699" s="14" t="s">
        <v>546</v>
      </c>
      <c r="D116699" s="14" t="s">
        <v>193</v>
      </c>
      <c r="E116699" s="15">
        <v>45640</v>
      </c>
      <c r="F116699" s="14" t="s">
        <v>15</v>
      </c>
      <c r="G116699" s="16">
        <v>0.75172664846847426</v>
      </c>
    </row>
    <row r="116700" spans="1:7" x14ac:dyDescent="0.3">
      <c r="A116700" s="13" t="s">
        <v>553</v>
      </c>
      <c r="B116700" s="14" t="s">
        <v>1</v>
      </c>
      <c r="C116700" s="14" t="s">
        <v>546</v>
      </c>
      <c r="D116700" s="14" t="s">
        <v>193</v>
      </c>
      <c r="E116700" s="15">
        <v>45641</v>
      </c>
      <c r="F116700" s="14" t="s">
        <v>15</v>
      </c>
      <c r="G116700" s="16">
        <v>0.75172664846847426</v>
      </c>
    </row>
    <row r="116701" spans="1:7" x14ac:dyDescent="0.3">
      <c r="A116701" s="13" t="s">
        <v>553</v>
      </c>
      <c r="B116701" s="14" t="s">
        <v>1</v>
      </c>
      <c r="C116701" s="14" t="s">
        <v>546</v>
      </c>
      <c r="D116701" s="14" t="s">
        <v>193</v>
      </c>
      <c r="E116701" s="15">
        <v>45642</v>
      </c>
      <c r="F116701" s="14" t="s">
        <v>15</v>
      </c>
      <c r="G116701" s="16">
        <v>0.75006938673044354</v>
      </c>
    </row>
    <row r="116702" spans="1:7" x14ac:dyDescent="0.3">
      <c r="A116702" s="13" t="s">
        <v>553</v>
      </c>
      <c r="B116702" s="14" t="s">
        <v>1</v>
      </c>
      <c r="C116702" s="14" t="s">
        <v>546</v>
      </c>
      <c r="D116702" s="14" t="s">
        <v>193</v>
      </c>
      <c r="E116702" s="15">
        <v>45643</v>
      </c>
      <c r="F116702" s="14" t="s">
        <v>15</v>
      </c>
      <c r="G116702" s="16">
        <v>0.74416250232268211</v>
      </c>
    </row>
    <row r="116703" spans="1:7" x14ac:dyDescent="0.3">
      <c r="A116703" s="13" t="s">
        <v>553</v>
      </c>
      <c r="B116703" s="14" t="s">
        <v>1</v>
      </c>
      <c r="C116703" s="14" t="s">
        <v>546</v>
      </c>
      <c r="D116703" s="14" t="s">
        <v>193</v>
      </c>
      <c r="E116703" s="15">
        <v>45644</v>
      </c>
      <c r="F116703" s="14" t="s">
        <v>15</v>
      </c>
      <c r="G116703" s="16">
        <v>0.74214789862144614</v>
      </c>
    </row>
    <row r="116704" spans="1:7" x14ac:dyDescent="0.3">
      <c r="A116704" s="13" t="s">
        <v>553</v>
      </c>
      <c r="B116704" s="14" t="s">
        <v>1</v>
      </c>
      <c r="C116704" s="14" t="s">
        <v>546</v>
      </c>
      <c r="D116704" s="14" t="s">
        <v>193</v>
      </c>
      <c r="E116704" s="15">
        <v>45645</v>
      </c>
      <c r="F116704" s="14" t="s">
        <v>15</v>
      </c>
      <c r="G116704" s="16">
        <v>0.74077455241582491</v>
      </c>
    </row>
    <row r="116705" spans="1:7" x14ac:dyDescent="0.3">
      <c r="A116705" s="13" t="s">
        <v>553</v>
      </c>
      <c r="B116705" s="14" t="s">
        <v>1</v>
      </c>
      <c r="C116705" s="14" t="s">
        <v>546</v>
      </c>
      <c r="D116705" s="14" t="s">
        <v>193</v>
      </c>
      <c r="E116705" s="15">
        <v>45646</v>
      </c>
      <c r="F116705" s="14" t="s">
        <v>15</v>
      </c>
      <c r="G116705" s="16">
        <v>0.73881719413563518</v>
      </c>
    </row>
    <row r="116706" spans="1:7" x14ac:dyDescent="0.3">
      <c r="A116706" s="13" t="s">
        <v>553</v>
      </c>
      <c r="B116706" s="14" t="s">
        <v>1</v>
      </c>
      <c r="C116706" s="14" t="s">
        <v>546</v>
      </c>
      <c r="D116706" s="14" t="s">
        <v>193</v>
      </c>
      <c r="E116706" s="15">
        <v>45647</v>
      </c>
      <c r="F116706" s="14" t="s">
        <v>15</v>
      </c>
      <c r="G116706" s="16">
        <v>0.73881719413563518</v>
      </c>
    </row>
    <row r="116707" spans="1:7" x14ac:dyDescent="0.3">
      <c r="A116707" s="13" t="s">
        <v>553</v>
      </c>
      <c r="B116707" s="14" t="s">
        <v>1</v>
      </c>
      <c r="C116707" s="14" t="s">
        <v>546</v>
      </c>
      <c r="D116707" s="14" t="s">
        <v>193</v>
      </c>
      <c r="E116707" s="15">
        <v>45648</v>
      </c>
      <c r="F116707" s="14" t="s">
        <v>15</v>
      </c>
      <c r="G116707" s="16">
        <v>0.73881719413563518</v>
      </c>
    </row>
    <row r="116708" spans="1:7" x14ac:dyDescent="0.3">
      <c r="A116708" s="13" t="s">
        <v>553</v>
      </c>
      <c r="B116708" s="14" t="s">
        <v>1</v>
      </c>
      <c r="C116708" s="14" t="s">
        <v>546</v>
      </c>
      <c r="D116708" s="14" t="s">
        <v>193</v>
      </c>
      <c r="E116708" s="15">
        <v>45649</v>
      </c>
      <c r="F116708" s="14" t="s">
        <v>15</v>
      </c>
      <c r="G116708" s="16">
        <v>0.77399824467749501</v>
      </c>
    </row>
    <row r="116709" spans="1:7" x14ac:dyDescent="0.3">
      <c r="A116709" s="13" t="s">
        <v>553</v>
      </c>
      <c r="B116709" s="14" t="s">
        <v>1</v>
      </c>
      <c r="C116709" s="14" t="s">
        <v>546</v>
      </c>
      <c r="D116709" s="14" t="s">
        <v>193</v>
      </c>
      <c r="E116709" s="15">
        <v>45650</v>
      </c>
      <c r="F116709" s="14" t="s">
        <v>15</v>
      </c>
      <c r="G116709" s="16">
        <v>0.76813718380154494</v>
      </c>
    </row>
    <row r="116710" spans="1:7" x14ac:dyDescent="0.3">
      <c r="A116710" s="13" t="s">
        <v>553</v>
      </c>
      <c r="B116710" s="14" t="s">
        <v>1</v>
      </c>
      <c r="C116710" s="14" t="s">
        <v>546</v>
      </c>
      <c r="D116710" s="14" t="s">
        <v>193</v>
      </c>
      <c r="E116710" s="15">
        <v>45651</v>
      </c>
      <c r="F116710" s="14" t="s">
        <v>15</v>
      </c>
      <c r="G116710" s="16">
        <v>0.76813718380154494</v>
      </c>
    </row>
    <row r="116711" spans="1:7" x14ac:dyDescent="0.3">
      <c r="A116711" s="13" t="s">
        <v>553</v>
      </c>
      <c r="B116711" s="14" t="s">
        <v>1</v>
      </c>
      <c r="C116711" s="14" t="s">
        <v>546</v>
      </c>
      <c r="D116711" s="14" t="s">
        <v>193</v>
      </c>
      <c r="E116711" s="15">
        <v>45652</v>
      </c>
      <c r="F116711" s="14" t="s">
        <v>15</v>
      </c>
      <c r="G116711" s="16">
        <v>0.76813718380154494</v>
      </c>
    </row>
    <row r="116712" spans="1:7" x14ac:dyDescent="0.3">
      <c r="A116712" s="13" t="s">
        <v>553</v>
      </c>
      <c r="B116712" s="14" t="s">
        <v>1</v>
      </c>
      <c r="C116712" s="14" t="s">
        <v>546</v>
      </c>
      <c r="D116712" s="14" t="s">
        <v>193</v>
      </c>
      <c r="E116712" s="15">
        <v>45653</v>
      </c>
      <c r="F116712" s="14" t="s">
        <v>15</v>
      </c>
      <c r="G116712" s="16">
        <v>0.76813718380154494</v>
      </c>
    </row>
    <row r="116713" spans="1:7" x14ac:dyDescent="0.3">
      <c r="A116713" s="13" t="s">
        <v>553</v>
      </c>
      <c r="B116713" s="14" t="s">
        <v>1</v>
      </c>
      <c r="C116713" s="14" t="s">
        <v>546</v>
      </c>
      <c r="D116713" s="14" t="s">
        <v>193</v>
      </c>
      <c r="E116713" s="15">
        <v>45654</v>
      </c>
      <c r="F116713" s="14" t="s">
        <v>15</v>
      </c>
      <c r="G116713" s="16">
        <v>0.76813718380154494</v>
      </c>
    </row>
    <row r="116714" spans="1:7" x14ac:dyDescent="0.3">
      <c r="A116714" s="13" t="s">
        <v>553</v>
      </c>
      <c r="B116714" s="14" t="s">
        <v>1</v>
      </c>
      <c r="C116714" s="14" t="s">
        <v>546</v>
      </c>
      <c r="D116714" s="14" t="s">
        <v>193</v>
      </c>
      <c r="E116714" s="15">
        <v>45655</v>
      </c>
      <c r="F116714" s="14" t="s">
        <v>15</v>
      </c>
      <c r="G116714" s="16">
        <v>0.76813718380154494</v>
      </c>
    </row>
    <row r="116715" spans="1:7" x14ac:dyDescent="0.3">
      <c r="A116715" s="13" t="s">
        <v>553</v>
      </c>
      <c r="B116715" s="14" t="s">
        <v>1</v>
      </c>
      <c r="C116715" s="14" t="s">
        <v>546</v>
      </c>
      <c r="D116715" s="14" t="s">
        <v>193</v>
      </c>
      <c r="E116715" s="15">
        <v>45656</v>
      </c>
      <c r="F116715" s="14" t="s">
        <v>15</v>
      </c>
      <c r="G116715" s="16">
        <v>0.76618172916956095</v>
      </c>
    </row>
    <row r="116716" spans="1:7" x14ac:dyDescent="0.3">
      <c r="A116716" s="13" t="s">
        <v>553</v>
      </c>
      <c r="B116716" s="14" t="s">
        <v>1</v>
      </c>
      <c r="C116716" s="14" t="s">
        <v>546</v>
      </c>
      <c r="D116716" s="14" t="s">
        <v>193</v>
      </c>
      <c r="E116716" s="15">
        <v>45657</v>
      </c>
      <c r="F116716" s="14" t="s">
        <v>15</v>
      </c>
      <c r="G116716" s="16">
        <v>0.76224661637840474</v>
      </c>
    </row>
    <row r="116717" spans="1:7" x14ac:dyDescent="0.3">
      <c r="A116717" s="13" t="s">
        <v>553</v>
      </c>
      <c r="B116717" s="14" t="s">
        <v>1</v>
      </c>
      <c r="C116717" s="14" t="s">
        <v>546</v>
      </c>
      <c r="D116717" s="14" t="s">
        <v>193</v>
      </c>
      <c r="E116717" s="15">
        <v>45658</v>
      </c>
      <c r="F116717" s="14" t="s">
        <v>15</v>
      </c>
      <c r="G116717" s="16">
        <v>0.76224661637840474</v>
      </c>
    </row>
    <row r="116718" spans="1:7" x14ac:dyDescent="0.3">
      <c r="A116718" s="13" t="s">
        <v>553</v>
      </c>
      <c r="B116718" s="14" t="s">
        <v>1</v>
      </c>
      <c r="C116718" s="14" t="s">
        <v>546</v>
      </c>
      <c r="D116718" s="14" t="s">
        <v>193</v>
      </c>
      <c r="E116718" s="15">
        <v>45659</v>
      </c>
      <c r="F116718" s="14" t="s">
        <v>15</v>
      </c>
      <c r="G116718" s="16">
        <v>0.76026940576692581</v>
      </c>
    </row>
    <row r="116719" spans="1:7" x14ac:dyDescent="0.3">
      <c r="A116719" s="13" t="s">
        <v>553</v>
      </c>
      <c r="B116719" s="14" t="s">
        <v>1</v>
      </c>
      <c r="C116719" s="14" t="s">
        <v>546</v>
      </c>
      <c r="D116719" s="14" t="s">
        <v>193</v>
      </c>
      <c r="E116719" s="15">
        <v>45660</v>
      </c>
      <c r="F116719" s="14" t="s">
        <v>15</v>
      </c>
      <c r="G116719" s="16">
        <v>0.87940827690353973</v>
      </c>
    </row>
    <row r="116720" spans="1:7" x14ac:dyDescent="0.3">
      <c r="A116720" s="13" t="s">
        <v>553</v>
      </c>
      <c r="B116720" s="14" t="s">
        <v>1</v>
      </c>
      <c r="C116720" s="14" t="s">
        <v>546</v>
      </c>
      <c r="D116720" s="14" t="s">
        <v>193</v>
      </c>
      <c r="E116720" s="15">
        <v>45661</v>
      </c>
      <c r="F116720" s="14" t="s">
        <v>15</v>
      </c>
      <c r="G116720" s="16">
        <v>0.87940827690353973</v>
      </c>
    </row>
    <row r="116721" spans="1:7" x14ac:dyDescent="0.3">
      <c r="A116721" s="13" t="s">
        <v>553</v>
      </c>
      <c r="B116721" s="14" t="s">
        <v>1</v>
      </c>
      <c r="C116721" s="14" t="s">
        <v>546</v>
      </c>
      <c r="D116721" s="14" t="s">
        <v>193</v>
      </c>
      <c r="E116721" s="15">
        <v>45662</v>
      </c>
      <c r="F116721" s="14" t="s">
        <v>15</v>
      </c>
      <c r="G116721" s="16">
        <v>0.87940827690353973</v>
      </c>
    </row>
    <row r="116722" spans="1:7" x14ac:dyDescent="0.3">
      <c r="A116722" s="13" t="s">
        <v>553</v>
      </c>
      <c r="B116722" s="14" t="s">
        <v>1</v>
      </c>
      <c r="C116722" s="14" t="s">
        <v>546</v>
      </c>
      <c r="D116722" s="14" t="s">
        <v>193</v>
      </c>
      <c r="E116722" s="15">
        <v>45663</v>
      </c>
      <c r="F116722" s="14" t="s">
        <v>15</v>
      </c>
      <c r="G116722" s="16">
        <v>0.87748994341156905</v>
      </c>
    </row>
    <row r="116723" spans="1:7" x14ac:dyDescent="0.3">
      <c r="A116723" s="13" t="s">
        <v>553</v>
      </c>
      <c r="B116723" s="14" t="s">
        <v>1</v>
      </c>
      <c r="C116723" s="14" t="s">
        <v>546</v>
      </c>
      <c r="D116723" s="14" t="s">
        <v>193</v>
      </c>
      <c r="E116723" s="15">
        <v>45664</v>
      </c>
      <c r="F116723" s="14" t="s">
        <v>15</v>
      </c>
      <c r="G116723" s="16">
        <v>0.87366034712096352</v>
      </c>
    </row>
    <row r="116724" spans="1:7" x14ac:dyDescent="0.3">
      <c r="A116724" s="13" t="s">
        <v>553</v>
      </c>
      <c r="B116724" s="14" t="s">
        <v>1</v>
      </c>
      <c r="C116724" s="14" t="s">
        <v>546</v>
      </c>
      <c r="D116724" s="14" t="s">
        <v>193</v>
      </c>
      <c r="E116724" s="15">
        <v>45665</v>
      </c>
      <c r="F116724" s="14" t="s">
        <v>15</v>
      </c>
      <c r="G116724" s="16">
        <v>0.87315764801975737</v>
      </c>
    </row>
    <row r="116725" spans="1:7" x14ac:dyDescent="0.3">
      <c r="A116725" s="13" t="s">
        <v>553</v>
      </c>
      <c r="B116725" s="14" t="s">
        <v>1</v>
      </c>
      <c r="C116725" s="14" t="s">
        <v>546</v>
      </c>
      <c r="D116725" s="14" t="s">
        <v>193</v>
      </c>
      <c r="E116725" s="15">
        <v>45666</v>
      </c>
      <c r="F116725" s="14" t="s">
        <v>15</v>
      </c>
      <c r="G116725" s="16">
        <v>0.87126025465805079</v>
      </c>
    </row>
    <row r="116726" spans="1:7" x14ac:dyDescent="0.3">
      <c r="A116726" s="13" t="s">
        <v>553</v>
      </c>
      <c r="B116726" s="14" t="s">
        <v>1</v>
      </c>
      <c r="C116726" s="14" t="s">
        <v>546</v>
      </c>
      <c r="D116726" s="14" t="s">
        <v>193</v>
      </c>
      <c r="E116726" s="15">
        <v>45667</v>
      </c>
      <c r="F116726" s="14" t="s">
        <v>15</v>
      </c>
      <c r="G116726" s="16">
        <v>0.8693761868337847</v>
      </c>
    </row>
    <row r="116727" spans="1:7" x14ac:dyDescent="0.3">
      <c r="A116727" s="13" t="s">
        <v>553</v>
      </c>
      <c r="B116727" s="14" t="s">
        <v>1</v>
      </c>
      <c r="C116727" s="14" t="s">
        <v>546</v>
      </c>
      <c r="D116727" s="14" t="s">
        <v>193</v>
      </c>
      <c r="E116727" s="15">
        <v>45668</v>
      </c>
      <c r="F116727" s="14" t="s">
        <v>15</v>
      </c>
      <c r="G116727" s="16">
        <v>0.8693761868337847</v>
      </c>
    </row>
    <row r="116728" spans="1:7" x14ac:dyDescent="0.3">
      <c r="A116728" s="13" t="s">
        <v>553</v>
      </c>
      <c r="B116728" s="14" t="s">
        <v>1</v>
      </c>
      <c r="C116728" s="14" t="s">
        <v>546</v>
      </c>
      <c r="D116728" s="14" t="s">
        <v>193</v>
      </c>
      <c r="E116728" s="15">
        <v>45669</v>
      </c>
      <c r="F116728" s="14" t="s">
        <v>15</v>
      </c>
      <c r="G116728" s="16">
        <v>0.8693761868337847</v>
      </c>
    </row>
    <row r="116729" spans="1:7" x14ac:dyDescent="0.3">
      <c r="A116729" s="13" t="s">
        <v>553</v>
      </c>
      <c r="B116729" s="14" t="s">
        <v>1</v>
      </c>
      <c r="C116729" s="14" t="s">
        <v>546</v>
      </c>
      <c r="D116729" s="14" t="s">
        <v>193</v>
      </c>
      <c r="E116729" s="15">
        <v>45670</v>
      </c>
      <c r="F116729" s="14" t="s">
        <v>15</v>
      </c>
      <c r="G116729" s="16">
        <v>0.88611809292953825</v>
      </c>
    </row>
    <row r="116730" spans="1:7" x14ac:dyDescent="0.3">
      <c r="A116730" s="13" t="s">
        <v>553</v>
      </c>
      <c r="B116730" s="14" t="s">
        <v>1</v>
      </c>
      <c r="C116730" s="14" t="s">
        <v>546</v>
      </c>
      <c r="D116730" s="14" t="s">
        <v>193</v>
      </c>
      <c r="E116730" s="15">
        <v>45671</v>
      </c>
      <c r="F116730" s="14" t="s">
        <v>15</v>
      </c>
      <c r="G116730" s="16">
        <v>0.88050219474752234</v>
      </c>
    </row>
    <row r="116731" spans="1:7" x14ac:dyDescent="0.3">
      <c r="A116731" s="13" t="s">
        <v>553</v>
      </c>
      <c r="B116731" s="14" t="s">
        <v>1</v>
      </c>
      <c r="C116731" s="14" t="s">
        <v>546</v>
      </c>
      <c r="D116731" s="14" t="s">
        <v>193</v>
      </c>
      <c r="E116731" s="15">
        <v>45672</v>
      </c>
      <c r="F116731" s="14" t="s">
        <v>15</v>
      </c>
      <c r="G116731" s="16">
        <v>0.87846923443858749</v>
      </c>
    </row>
    <row r="116732" spans="1:7" x14ac:dyDescent="0.3">
      <c r="A116732" s="13" t="s">
        <v>553</v>
      </c>
      <c r="B116732" s="14" t="s">
        <v>1</v>
      </c>
      <c r="C116732" s="14" t="s">
        <v>546</v>
      </c>
      <c r="D116732" s="14" t="s">
        <v>193</v>
      </c>
      <c r="E116732" s="15">
        <v>45673</v>
      </c>
      <c r="F116732" s="14" t="s">
        <v>15</v>
      </c>
      <c r="G116732" s="16">
        <v>0.87657102522764963</v>
      </c>
    </row>
    <row r="116733" spans="1:7" x14ac:dyDescent="0.3">
      <c r="A116733" s="13" t="s">
        <v>553</v>
      </c>
      <c r="B116733" s="14" t="s">
        <v>1</v>
      </c>
      <c r="C116733" s="14" t="s">
        <v>546</v>
      </c>
      <c r="D116733" s="14" t="s">
        <v>193</v>
      </c>
      <c r="E116733" s="15">
        <v>45674</v>
      </c>
      <c r="F116733" s="14" t="s">
        <v>15</v>
      </c>
      <c r="G116733" s="16">
        <v>0.87467879891107281</v>
      </c>
    </row>
    <row r="116734" spans="1:7" x14ac:dyDescent="0.3">
      <c r="A116734" s="13" t="s">
        <v>553</v>
      </c>
      <c r="B116734" s="14" t="s">
        <v>1</v>
      </c>
      <c r="C116734" s="14" t="s">
        <v>546</v>
      </c>
      <c r="D116734" s="14" t="s">
        <v>193</v>
      </c>
      <c r="E116734" s="15">
        <v>45675</v>
      </c>
      <c r="F116734" s="14" t="s">
        <v>15</v>
      </c>
      <c r="G116734" s="16">
        <v>0.87467879891107281</v>
      </c>
    </row>
    <row r="116735" spans="1:7" x14ac:dyDescent="0.3">
      <c r="A116735" s="13" t="s">
        <v>553</v>
      </c>
      <c r="B116735" s="14" t="s">
        <v>1</v>
      </c>
      <c r="C116735" s="14" t="s">
        <v>546</v>
      </c>
      <c r="D116735" s="14" t="s">
        <v>193</v>
      </c>
      <c r="E116735" s="15">
        <v>45676</v>
      </c>
      <c r="F116735" s="14" t="s">
        <v>15</v>
      </c>
      <c r="G116735" s="16">
        <v>0.87467879891107281</v>
      </c>
    </row>
    <row r="116736" spans="1:7" x14ac:dyDescent="0.3">
      <c r="A116736" s="13" t="s">
        <v>553</v>
      </c>
      <c r="B116736" s="14" t="s">
        <v>1</v>
      </c>
      <c r="C116736" s="14" t="s">
        <v>546</v>
      </c>
      <c r="D116736" s="14" t="s">
        <v>193</v>
      </c>
      <c r="E116736" s="15">
        <v>45677</v>
      </c>
      <c r="F116736" s="14" t="s">
        <v>15</v>
      </c>
      <c r="G116736" s="16">
        <v>0.87276998366013114</v>
      </c>
    </row>
    <row r="116737" spans="1:7" x14ac:dyDescent="0.3">
      <c r="A116737" s="13" t="s">
        <v>553</v>
      </c>
      <c r="B116737" s="14" t="s">
        <v>1</v>
      </c>
      <c r="C116737" s="14" t="s">
        <v>546</v>
      </c>
      <c r="D116737" s="14" t="s">
        <v>193</v>
      </c>
      <c r="E116737" s="15">
        <v>45678</v>
      </c>
      <c r="F116737" s="14" t="s">
        <v>15</v>
      </c>
      <c r="G116737" s="16">
        <v>0.86696372065753413</v>
      </c>
    </row>
    <row r="116738" spans="1:7" x14ac:dyDescent="0.3">
      <c r="A116738" s="13" t="s">
        <v>553</v>
      </c>
      <c r="B116738" s="14" t="s">
        <v>1</v>
      </c>
      <c r="C116738" s="14" t="s">
        <v>546</v>
      </c>
      <c r="D116738" s="14" t="s">
        <v>193</v>
      </c>
      <c r="E116738" s="15">
        <v>45679</v>
      </c>
      <c r="F116738" s="14" t="s">
        <v>15</v>
      </c>
      <c r="G116738" s="16">
        <v>0.86501275319632098</v>
      </c>
    </row>
    <row r="116739" spans="1:7" x14ac:dyDescent="0.3">
      <c r="A116739" s="13" t="s">
        <v>553</v>
      </c>
      <c r="B116739" s="14" t="s">
        <v>1</v>
      </c>
      <c r="C116739" s="14" t="s">
        <v>546</v>
      </c>
      <c r="D116739" s="14" t="s">
        <v>193</v>
      </c>
      <c r="E116739" s="15">
        <v>45680</v>
      </c>
      <c r="F116739" s="14" t="s">
        <v>15</v>
      </c>
      <c r="G116739" s="16">
        <v>0.8630441090017682</v>
      </c>
    </row>
    <row r="116740" spans="1:7" x14ac:dyDescent="0.3">
      <c r="A116740" s="13" t="s">
        <v>553</v>
      </c>
      <c r="B116740" s="14" t="s">
        <v>1</v>
      </c>
      <c r="C116740" s="14" t="s">
        <v>546</v>
      </c>
      <c r="D116740" s="14" t="s">
        <v>193</v>
      </c>
      <c r="E116740" s="15">
        <v>45681</v>
      </c>
      <c r="F116740" s="14" t="s">
        <v>15</v>
      </c>
      <c r="G116740" s="16">
        <v>0.86109273361593952</v>
      </c>
    </row>
    <row r="116741" spans="1:7" x14ac:dyDescent="0.3">
      <c r="A116741" s="13" t="s">
        <v>553</v>
      </c>
      <c r="B116741" s="14" t="s">
        <v>1</v>
      </c>
      <c r="C116741" s="14" t="s">
        <v>546</v>
      </c>
      <c r="D116741" s="14" t="s">
        <v>193</v>
      </c>
      <c r="E116741" s="15">
        <v>45682</v>
      </c>
      <c r="F116741" s="14" t="s">
        <v>15</v>
      </c>
      <c r="G116741" s="16">
        <v>0.86109273361593952</v>
      </c>
    </row>
    <row r="116742" spans="1:7" x14ac:dyDescent="0.3">
      <c r="A116742" s="13" t="s">
        <v>553</v>
      </c>
      <c r="B116742" s="14" t="s">
        <v>1</v>
      </c>
      <c r="C116742" s="14" t="s">
        <v>546</v>
      </c>
      <c r="D116742" s="14" t="s">
        <v>193</v>
      </c>
      <c r="E116742" s="15">
        <v>45683</v>
      </c>
      <c r="F116742" s="14" t="s">
        <v>15</v>
      </c>
      <c r="G116742" s="16">
        <v>0.86109273361593952</v>
      </c>
    </row>
    <row r="116743" spans="1:7" x14ac:dyDescent="0.3">
      <c r="A116743" s="13" t="s">
        <v>553</v>
      </c>
      <c r="B116743" s="14" t="s">
        <v>1</v>
      </c>
      <c r="C116743" s="14" t="s">
        <v>546</v>
      </c>
      <c r="D116743" s="14" t="s">
        <v>193</v>
      </c>
      <c r="E116743" s="15">
        <v>45684</v>
      </c>
      <c r="F116743" s="14" t="s">
        <v>15</v>
      </c>
      <c r="G116743" s="16">
        <v>0.88544651303750244</v>
      </c>
    </row>
    <row r="116744" spans="1:7" x14ac:dyDescent="0.3">
      <c r="A116744" s="13" t="s">
        <v>553</v>
      </c>
      <c r="B116744" s="14" t="s">
        <v>1</v>
      </c>
      <c r="C116744" s="14" t="s">
        <v>546</v>
      </c>
      <c r="D116744" s="14" t="s">
        <v>193</v>
      </c>
      <c r="E116744" s="15">
        <v>45685</v>
      </c>
      <c r="F116744" s="14" t="s">
        <v>15</v>
      </c>
      <c r="G116744" s="16">
        <v>0.88544651303750244</v>
      </c>
    </row>
    <row r="116745" spans="1:7" x14ac:dyDescent="0.3">
      <c r="A116745" s="13" t="s">
        <v>553</v>
      </c>
      <c r="B116745" s="14" t="s">
        <v>1</v>
      </c>
      <c r="C116745" s="14" t="s">
        <v>546</v>
      </c>
      <c r="D116745" s="14" t="s">
        <v>193</v>
      </c>
      <c r="E116745" s="15">
        <v>45686</v>
      </c>
      <c r="F116745" s="14" t="s">
        <v>15</v>
      </c>
      <c r="G116745" s="16">
        <v>0.88544651303750244</v>
      </c>
    </row>
    <row r="116746" spans="1:7" x14ac:dyDescent="0.3">
      <c r="A116746" s="13" t="s">
        <v>553</v>
      </c>
      <c r="B116746" s="14" t="s">
        <v>1</v>
      </c>
      <c r="C116746" s="14" t="s">
        <v>546</v>
      </c>
      <c r="D116746" s="14" t="s">
        <v>193</v>
      </c>
      <c r="E116746" s="15">
        <v>45687</v>
      </c>
      <c r="F116746" s="14" t="s">
        <v>15</v>
      </c>
      <c r="G116746" s="16">
        <v>0.88544651303750244</v>
      </c>
    </row>
    <row r="116747" spans="1:7" x14ac:dyDescent="0.3">
      <c r="A116747" s="13" t="s">
        <v>553</v>
      </c>
      <c r="B116747" s="14" t="s">
        <v>1</v>
      </c>
      <c r="C116747" s="14" t="s">
        <v>546</v>
      </c>
      <c r="D116747" s="14" t="s">
        <v>193</v>
      </c>
      <c r="E116747" s="15">
        <v>45688</v>
      </c>
      <c r="F116747" s="14" t="s">
        <v>15</v>
      </c>
      <c r="G116747" s="16">
        <v>0.88544651303750244</v>
      </c>
    </row>
    <row r="116748" spans="1:7" x14ac:dyDescent="0.3">
      <c r="A116748" s="13" t="s">
        <v>553</v>
      </c>
      <c r="B116748" s="14" t="s">
        <v>1</v>
      </c>
      <c r="C116748" s="14" t="s">
        <v>546</v>
      </c>
      <c r="D116748" s="14" t="s">
        <v>193</v>
      </c>
      <c r="E116748" s="15">
        <v>45689</v>
      </c>
      <c r="F116748" s="14" t="s">
        <v>15</v>
      </c>
      <c r="G116748" s="16">
        <v>0.88544651303750244</v>
      </c>
    </row>
    <row r="116749" spans="1:7" x14ac:dyDescent="0.3">
      <c r="A116749" s="13" t="s">
        <v>553</v>
      </c>
      <c r="B116749" s="14" t="s">
        <v>1</v>
      </c>
      <c r="C116749" s="14" t="s">
        <v>546</v>
      </c>
      <c r="D116749" s="14" t="s">
        <v>193</v>
      </c>
      <c r="E116749" s="15">
        <v>45690</v>
      </c>
      <c r="F116749" s="14" t="s">
        <v>15</v>
      </c>
      <c r="G116749" s="16">
        <v>0.88544651303750244</v>
      </c>
    </row>
    <row r="116750" spans="1:7" x14ac:dyDescent="0.3">
      <c r="A116750" s="13" t="s">
        <v>553</v>
      </c>
      <c r="B116750" s="14" t="s">
        <v>1</v>
      </c>
      <c r="C116750" s="14" t="s">
        <v>546</v>
      </c>
      <c r="D116750" s="14" t="s">
        <v>193</v>
      </c>
      <c r="E116750" s="15">
        <v>45691</v>
      </c>
      <c r="F116750" s="14" t="s">
        <v>15</v>
      </c>
      <c r="G116750" s="16">
        <v>0.88544651303750244</v>
      </c>
    </row>
    <row r="116751" spans="1:7" x14ac:dyDescent="0.3">
      <c r="A116751" s="13" t="s">
        <v>553</v>
      </c>
      <c r="B116751" s="14" t="s">
        <v>1</v>
      </c>
      <c r="C116751" s="14" t="s">
        <v>546</v>
      </c>
      <c r="D116751" s="14" t="s">
        <v>193</v>
      </c>
      <c r="E116751" s="15">
        <v>45692</v>
      </c>
      <c r="F116751" s="14" t="s">
        <v>15</v>
      </c>
      <c r="G116751" s="16">
        <v>0.88544651303750244</v>
      </c>
    </row>
    <row r="116752" spans="1:7" x14ac:dyDescent="0.3">
      <c r="A116752" s="13" t="s">
        <v>553</v>
      </c>
      <c r="B116752" s="14" t="s">
        <v>1</v>
      </c>
      <c r="C116752" s="14" t="s">
        <v>546</v>
      </c>
      <c r="D116752" s="14" t="s">
        <v>193</v>
      </c>
      <c r="E116752" s="15">
        <v>45693</v>
      </c>
      <c r="F116752" s="14" t="s">
        <v>15</v>
      </c>
      <c r="G116752" s="16">
        <v>0.87950604283639555</v>
      </c>
    </row>
    <row r="116753" spans="1:7" x14ac:dyDescent="0.3">
      <c r="A116753" s="13" t="s">
        <v>553</v>
      </c>
      <c r="B116753" s="14" t="s">
        <v>1</v>
      </c>
      <c r="C116753" s="14" t="s">
        <v>546</v>
      </c>
      <c r="D116753" s="14" t="s">
        <v>193</v>
      </c>
      <c r="E116753" s="15">
        <v>45694</v>
      </c>
      <c r="F116753" s="14" t="s">
        <v>15</v>
      </c>
      <c r="G116753" s="16">
        <v>0.863584473142475</v>
      </c>
    </row>
    <row r="116754" spans="1:7" x14ac:dyDescent="0.3">
      <c r="A116754" s="13" t="s">
        <v>553</v>
      </c>
      <c r="B116754" s="14" t="s">
        <v>1</v>
      </c>
      <c r="C116754" s="14" t="s">
        <v>546</v>
      </c>
      <c r="D116754" s="14" t="s">
        <v>193</v>
      </c>
      <c r="E116754" s="15">
        <v>45695</v>
      </c>
      <c r="F116754" s="14" t="s">
        <v>15</v>
      </c>
      <c r="G116754" s="16">
        <v>0.86158917787304079</v>
      </c>
    </row>
    <row r="116755" spans="1:7" x14ac:dyDescent="0.3">
      <c r="A116755" s="13" t="s">
        <v>553</v>
      </c>
      <c r="B116755" s="14" t="s">
        <v>1</v>
      </c>
      <c r="C116755" s="14" t="s">
        <v>546</v>
      </c>
      <c r="D116755" s="14" t="s">
        <v>193</v>
      </c>
      <c r="E116755" s="15">
        <v>45696</v>
      </c>
      <c r="F116755" s="14" t="s">
        <v>15</v>
      </c>
      <c r="G116755" s="16">
        <v>0.86158917787304079</v>
      </c>
    </row>
    <row r="116756" spans="1:7" x14ac:dyDescent="0.3">
      <c r="A116756" s="13" t="s">
        <v>553</v>
      </c>
      <c r="B116756" s="14" t="s">
        <v>1</v>
      </c>
      <c r="C116756" s="14" t="s">
        <v>546</v>
      </c>
      <c r="D116756" s="14" t="s">
        <v>193</v>
      </c>
      <c r="E116756" s="15">
        <v>45697</v>
      </c>
      <c r="F116756" s="14" t="s">
        <v>15</v>
      </c>
      <c r="G116756" s="16">
        <v>0.86158917787304079</v>
      </c>
    </row>
    <row r="116757" spans="1:7" x14ac:dyDescent="0.3">
      <c r="A116757" s="13" t="s">
        <v>553</v>
      </c>
      <c r="B116757" s="14" t="s">
        <v>1</v>
      </c>
      <c r="C116757" s="14" t="s">
        <v>546</v>
      </c>
      <c r="D116757" s="14" t="s">
        <v>193</v>
      </c>
      <c r="E116757" s="15">
        <v>45698</v>
      </c>
      <c r="F116757" s="14" t="s">
        <v>15</v>
      </c>
      <c r="G116757" s="16">
        <v>0.85956837589861612</v>
      </c>
    </row>
    <row r="116758" spans="1:7" x14ac:dyDescent="0.3">
      <c r="A116758" s="13" t="s">
        <v>553</v>
      </c>
      <c r="B116758" s="14" t="s">
        <v>1</v>
      </c>
      <c r="C116758" s="14" t="s">
        <v>546</v>
      </c>
      <c r="D116758" s="14" t="s">
        <v>193</v>
      </c>
      <c r="E116758" s="15">
        <v>45699</v>
      </c>
      <c r="F116758" s="14" t="s">
        <v>15</v>
      </c>
      <c r="G116758" s="16">
        <v>0.85342636919967529</v>
      </c>
    </row>
    <row r="116759" spans="1:7" x14ac:dyDescent="0.3">
      <c r="A116759" s="13" t="s">
        <v>553</v>
      </c>
      <c r="B116759" s="14" t="s">
        <v>1</v>
      </c>
      <c r="C116759" s="14" t="s">
        <v>546</v>
      </c>
      <c r="D116759" s="14" t="s">
        <v>193</v>
      </c>
      <c r="E116759" s="15">
        <v>45700</v>
      </c>
      <c r="F116759" s="14" t="s">
        <v>15</v>
      </c>
      <c r="G116759" s="16">
        <v>0.85135986797244012</v>
      </c>
    </row>
    <row r="116760" spans="1:7" x14ac:dyDescent="0.3">
      <c r="A116760" s="13" t="s">
        <v>553</v>
      </c>
      <c r="B116760" s="14" t="s">
        <v>1</v>
      </c>
      <c r="C116760" s="14" t="s">
        <v>546</v>
      </c>
      <c r="D116760" s="14" t="s">
        <v>193</v>
      </c>
      <c r="E116760" s="15">
        <v>45701</v>
      </c>
      <c r="F116760" s="14" t="s">
        <v>15</v>
      </c>
      <c r="G116760" s="16">
        <v>0.84930882583962752</v>
      </c>
    </row>
    <row r="116761" spans="1:7" x14ac:dyDescent="0.3">
      <c r="A116761" s="13" t="s">
        <v>553</v>
      </c>
      <c r="B116761" s="14" t="s">
        <v>1</v>
      </c>
      <c r="C116761" s="14" t="s">
        <v>546</v>
      </c>
      <c r="D116761" s="14" t="s">
        <v>193</v>
      </c>
      <c r="E116761" s="15">
        <v>45702</v>
      </c>
      <c r="F116761" s="14" t="s">
        <v>15</v>
      </c>
      <c r="G116761" s="16">
        <v>0.84721859354639295</v>
      </c>
    </row>
    <row r="116762" spans="1:7" x14ac:dyDescent="0.3">
      <c r="A116762" s="13" t="s">
        <v>553</v>
      </c>
      <c r="B116762" s="14" t="s">
        <v>1</v>
      </c>
      <c r="C116762" s="14" t="s">
        <v>546</v>
      </c>
      <c r="D116762" s="14" t="s">
        <v>193</v>
      </c>
      <c r="E116762" s="15">
        <v>45703</v>
      </c>
      <c r="F116762" s="14" t="s">
        <v>15</v>
      </c>
      <c r="G116762" s="16">
        <v>0.84721859354639295</v>
      </c>
    </row>
    <row r="116763" spans="1:7" x14ac:dyDescent="0.3">
      <c r="A116763" s="13" t="s">
        <v>553</v>
      </c>
      <c r="B116763" s="14" t="s">
        <v>1</v>
      </c>
      <c r="C116763" s="14" t="s">
        <v>546</v>
      </c>
      <c r="D116763" s="14" t="s">
        <v>193</v>
      </c>
      <c r="E116763" s="15">
        <v>45704</v>
      </c>
      <c r="F116763" s="14" t="s">
        <v>15</v>
      </c>
      <c r="G116763" s="16">
        <v>0.84721859354639295</v>
      </c>
    </row>
    <row r="116764" spans="1:7" x14ac:dyDescent="0.3">
      <c r="A116764" s="13" t="s">
        <v>553</v>
      </c>
      <c r="B116764" s="14" t="s">
        <v>1</v>
      </c>
      <c r="C116764" s="14" t="s">
        <v>546</v>
      </c>
      <c r="D116764" s="14" t="s">
        <v>193</v>
      </c>
      <c r="E116764" s="15">
        <v>45705</v>
      </c>
      <c r="F116764" s="14" t="s">
        <v>15</v>
      </c>
      <c r="G116764" s="16">
        <v>0.84513402976973717</v>
      </c>
    </row>
    <row r="116765" spans="1:7" x14ac:dyDescent="0.3">
      <c r="A116765" s="13" t="s">
        <v>553</v>
      </c>
      <c r="B116765" s="14" t="s">
        <v>1</v>
      </c>
      <c r="C116765" s="14" t="s">
        <v>546</v>
      </c>
      <c r="D116765" s="14" t="s">
        <v>193</v>
      </c>
      <c r="E116765" s="15">
        <v>45706</v>
      </c>
      <c r="F116765" s="14" t="s">
        <v>15</v>
      </c>
      <c r="G116765" s="16">
        <v>0.83867539307825734</v>
      </c>
    </row>
    <row r="116766" spans="1:7" x14ac:dyDescent="0.3">
      <c r="A116766" s="13" t="s">
        <v>553</v>
      </c>
      <c r="B116766" s="14" t="s">
        <v>1</v>
      </c>
      <c r="C116766" s="14" t="s">
        <v>546</v>
      </c>
      <c r="D116766" s="14" t="s">
        <v>193</v>
      </c>
      <c r="E116766" s="15">
        <v>45707</v>
      </c>
      <c r="F116766" s="14" t="s">
        <v>15</v>
      </c>
      <c r="G116766" s="16">
        <v>0.83644902779649144</v>
      </c>
    </row>
    <row r="116767" spans="1:7" x14ac:dyDescent="0.3">
      <c r="A116767" s="13" t="s">
        <v>553</v>
      </c>
      <c r="B116767" s="14" t="s">
        <v>1</v>
      </c>
      <c r="C116767" s="14" t="s">
        <v>546</v>
      </c>
      <c r="D116767" s="14" t="s">
        <v>193</v>
      </c>
      <c r="E116767" s="15">
        <v>45708</v>
      </c>
      <c r="F116767" s="14" t="s">
        <v>15</v>
      </c>
      <c r="G116767" s="16">
        <v>0.83426716260318146</v>
      </c>
    </row>
    <row r="116768" spans="1:7" x14ac:dyDescent="0.3">
      <c r="A116768" s="13" t="s">
        <v>553</v>
      </c>
      <c r="B116768" s="14" t="s">
        <v>1</v>
      </c>
      <c r="C116768" s="14" t="s">
        <v>546</v>
      </c>
      <c r="D116768" s="14" t="s">
        <v>193</v>
      </c>
      <c r="E116768" s="15">
        <v>45709</v>
      </c>
      <c r="F116768" s="14" t="s">
        <v>15</v>
      </c>
      <c r="G116768" s="16">
        <v>0.83208368164600333</v>
      </c>
    </row>
    <row r="116769" spans="1:7" x14ac:dyDescent="0.3">
      <c r="A116769" s="13" t="s">
        <v>553</v>
      </c>
      <c r="B116769" s="14" t="s">
        <v>1</v>
      </c>
      <c r="C116769" s="14" t="s">
        <v>546</v>
      </c>
      <c r="D116769" s="14" t="s">
        <v>193</v>
      </c>
      <c r="E116769" s="15">
        <v>45710</v>
      </c>
      <c r="F116769" s="14" t="s">
        <v>15</v>
      </c>
      <c r="G116769" s="16">
        <v>0.83208368164600333</v>
      </c>
    </row>
    <row r="116770" spans="1:7" x14ac:dyDescent="0.3">
      <c r="A116770" s="13" t="s">
        <v>553</v>
      </c>
      <c r="B116770" s="14" t="s">
        <v>1</v>
      </c>
      <c r="C116770" s="14" t="s">
        <v>546</v>
      </c>
      <c r="D116770" s="14" t="s">
        <v>193</v>
      </c>
      <c r="E116770" s="15">
        <v>45711</v>
      </c>
      <c r="F116770" s="14" t="s">
        <v>15</v>
      </c>
      <c r="G116770" s="16">
        <v>0.83208368164600333</v>
      </c>
    </row>
    <row r="116771" spans="1:7" x14ac:dyDescent="0.3">
      <c r="A116771" s="13" t="s">
        <v>553</v>
      </c>
      <c r="B116771" s="14" t="s">
        <v>1</v>
      </c>
      <c r="C116771" s="14" t="s">
        <v>546</v>
      </c>
      <c r="D116771" s="14" t="s">
        <v>193</v>
      </c>
      <c r="E116771" s="15">
        <v>45712</v>
      </c>
      <c r="F116771" s="14" t="s">
        <v>15</v>
      </c>
      <c r="G116771" s="16">
        <v>0.82991485404535958</v>
      </c>
    </row>
    <row r="116772" spans="1:7" x14ac:dyDescent="0.3">
      <c r="A116772" s="13" t="s">
        <v>553</v>
      </c>
      <c r="B116772" s="14" t="s">
        <v>1</v>
      </c>
      <c r="C116772" s="14" t="s">
        <v>546</v>
      </c>
      <c r="D116772" s="14" t="s">
        <v>193</v>
      </c>
      <c r="E116772" s="15">
        <v>45713</v>
      </c>
      <c r="F116772" s="14" t="s">
        <v>15</v>
      </c>
      <c r="G116772" s="16">
        <v>0.82319367340349014</v>
      </c>
    </row>
    <row r="116773" spans="1:7" x14ac:dyDescent="0.3">
      <c r="A116773" s="13" t="s">
        <v>553</v>
      </c>
      <c r="B116773" s="14" t="s">
        <v>1</v>
      </c>
      <c r="C116773" s="14" t="s">
        <v>546</v>
      </c>
      <c r="D116773" s="14" t="s">
        <v>193</v>
      </c>
      <c r="E116773" s="15">
        <v>45714</v>
      </c>
      <c r="F116773" s="14" t="s">
        <v>15</v>
      </c>
      <c r="G116773" s="16">
        <v>0.82096924154813966</v>
      </c>
    </row>
    <row r="116774" spans="1:7" x14ac:dyDescent="0.3">
      <c r="A116774" s="13" t="s">
        <v>553</v>
      </c>
      <c r="B116774" s="14" t="s">
        <v>1</v>
      </c>
      <c r="C116774" s="14" t="s">
        <v>546</v>
      </c>
      <c r="D116774" s="14" t="s">
        <v>193</v>
      </c>
      <c r="E116774" s="15">
        <v>45715</v>
      </c>
      <c r="F116774" s="14" t="s">
        <v>15</v>
      </c>
      <c r="G116774" s="16">
        <v>0.82142676643922075</v>
      </c>
    </row>
    <row r="116775" spans="1:7" x14ac:dyDescent="0.3">
      <c r="A116775" s="13" t="s">
        <v>553</v>
      </c>
      <c r="B116775" s="14" t="s">
        <v>1</v>
      </c>
      <c r="C116775" s="14" t="s">
        <v>546</v>
      </c>
      <c r="D116775" s="14" t="s">
        <v>193</v>
      </c>
      <c r="E116775" s="15">
        <v>45716</v>
      </c>
      <c r="F116775" s="14" t="s">
        <v>15</v>
      </c>
      <c r="G116775" s="16">
        <v>0.81919919457889867</v>
      </c>
    </row>
    <row r="116776" spans="1:7" x14ac:dyDescent="0.3">
      <c r="A116776" s="13" t="s">
        <v>553</v>
      </c>
      <c r="B116776" s="14" t="s">
        <v>1</v>
      </c>
      <c r="C116776" s="14" t="s">
        <v>546</v>
      </c>
      <c r="D116776" s="14" t="s">
        <v>193</v>
      </c>
      <c r="E116776" s="15">
        <v>45717</v>
      </c>
      <c r="F116776" s="14" t="s">
        <v>15</v>
      </c>
      <c r="G116776" s="16">
        <v>0.81919919457889867</v>
      </c>
    </row>
    <row r="116777" spans="1:7" x14ac:dyDescent="0.3">
      <c r="A116777" s="13" t="s">
        <v>553</v>
      </c>
      <c r="B116777" s="14" t="s">
        <v>1</v>
      </c>
      <c r="C116777" s="14" t="s">
        <v>546</v>
      </c>
      <c r="D116777" s="14" t="s">
        <v>193</v>
      </c>
      <c r="E116777" s="15">
        <v>45718</v>
      </c>
      <c r="F116777" s="14" t="s">
        <v>15</v>
      </c>
      <c r="G116777" s="16">
        <v>0.81919919457889867</v>
      </c>
    </row>
    <row r="116778" spans="1:7" x14ac:dyDescent="0.3">
      <c r="A116778" s="13" t="s">
        <v>553</v>
      </c>
      <c r="B116778" s="14" t="s">
        <v>1</v>
      </c>
      <c r="C116778" s="14" t="s">
        <v>546</v>
      </c>
      <c r="D116778" s="14" t="s">
        <v>193</v>
      </c>
      <c r="E116778" s="15">
        <v>45719</v>
      </c>
      <c r="F116778" s="14" t="s">
        <v>15</v>
      </c>
      <c r="G116778" s="16">
        <v>0.8169844444055443</v>
      </c>
    </row>
    <row r="116779" spans="1:7" x14ac:dyDescent="0.3">
      <c r="A116779" s="13" t="s">
        <v>553</v>
      </c>
      <c r="B116779" s="14" t="s">
        <v>1</v>
      </c>
      <c r="C116779" s="14" t="s">
        <v>546</v>
      </c>
      <c r="D116779" s="14" t="s">
        <v>193</v>
      </c>
      <c r="E116779" s="15">
        <v>45720</v>
      </c>
      <c r="F116779" s="14" t="s">
        <v>15</v>
      </c>
      <c r="G116779" s="16">
        <v>0.81226651620094537</v>
      </c>
    </row>
    <row r="116780" spans="1:7" x14ac:dyDescent="0.3">
      <c r="A116780" s="13" t="s">
        <v>553</v>
      </c>
      <c r="B116780" s="14" t="s">
        <v>1</v>
      </c>
      <c r="C116780" s="14" t="s">
        <v>546</v>
      </c>
      <c r="D116780" s="14" t="s">
        <v>193</v>
      </c>
      <c r="E116780" s="15">
        <v>45721</v>
      </c>
      <c r="F116780" s="14" t="s">
        <v>15</v>
      </c>
      <c r="G116780" s="16">
        <v>0.81012723518724183</v>
      </c>
    </row>
    <row r="116781" spans="1:7" x14ac:dyDescent="0.3">
      <c r="A116781" s="13" t="s">
        <v>553</v>
      </c>
      <c r="B116781" s="14" t="s">
        <v>1</v>
      </c>
      <c r="C116781" s="14" t="s">
        <v>546</v>
      </c>
      <c r="D116781" s="14" t="s">
        <v>193</v>
      </c>
      <c r="E116781" s="15">
        <v>45722</v>
      </c>
      <c r="F116781" s="14" t="s">
        <v>15</v>
      </c>
      <c r="G116781" s="16">
        <v>0.81796163091358309</v>
      </c>
    </row>
    <row r="116782" spans="1:7" x14ac:dyDescent="0.3">
      <c r="A116782" s="13" t="s">
        <v>553</v>
      </c>
      <c r="B116782" s="14" t="s">
        <v>1</v>
      </c>
      <c r="C116782" s="14" t="s">
        <v>546</v>
      </c>
      <c r="D116782" s="14" t="s">
        <v>193</v>
      </c>
      <c r="E116782" s="15">
        <v>45723</v>
      </c>
      <c r="F116782" s="14" t="s">
        <v>15</v>
      </c>
      <c r="G116782" s="16">
        <v>0.81578389972961629</v>
      </c>
    </row>
    <row r="116783" spans="1:7" x14ac:dyDescent="0.3">
      <c r="A116783" s="13" t="s">
        <v>553</v>
      </c>
      <c r="B116783" s="14" t="s">
        <v>1</v>
      </c>
      <c r="C116783" s="14" t="s">
        <v>546</v>
      </c>
      <c r="D116783" s="14" t="s">
        <v>193</v>
      </c>
      <c r="E116783" s="15">
        <v>45724</v>
      </c>
      <c r="F116783" s="14" t="s">
        <v>15</v>
      </c>
      <c r="G116783" s="16">
        <v>0.81578389972961629</v>
      </c>
    </row>
    <row r="116784" spans="1:7" x14ac:dyDescent="0.3">
      <c r="A116784" s="13" t="s">
        <v>553</v>
      </c>
      <c r="B116784" s="14" t="s">
        <v>1</v>
      </c>
      <c r="C116784" s="14" t="s">
        <v>546</v>
      </c>
      <c r="D116784" s="14" t="s">
        <v>193</v>
      </c>
      <c r="E116784" s="15">
        <v>45725</v>
      </c>
      <c r="F116784" s="14" t="s">
        <v>15</v>
      </c>
      <c r="G116784" s="16">
        <v>0.81578389972961629</v>
      </c>
    </row>
    <row r="116785" spans="1:7" x14ac:dyDescent="0.3">
      <c r="A116785" s="13" t="s">
        <v>553</v>
      </c>
      <c r="B116785" s="14" t="s">
        <v>1</v>
      </c>
      <c r="C116785" s="14" t="s">
        <v>546</v>
      </c>
      <c r="D116785" s="14" t="s">
        <v>193</v>
      </c>
      <c r="E116785" s="15">
        <v>45726</v>
      </c>
      <c r="F116785" s="14" t="s">
        <v>15</v>
      </c>
      <c r="G116785" s="16">
        <v>0.81352951567559162</v>
      </c>
    </row>
    <row r="116786" spans="1:7" x14ac:dyDescent="0.3">
      <c r="A116786" s="13" t="s">
        <v>553</v>
      </c>
      <c r="B116786" s="14" t="s">
        <v>1</v>
      </c>
      <c r="C116786" s="14" t="s">
        <v>546</v>
      </c>
      <c r="D116786" s="14" t="s">
        <v>193</v>
      </c>
      <c r="E116786" s="15">
        <v>45727</v>
      </c>
      <c r="F116786" s="14" t="s">
        <v>15</v>
      </c>
      <c r="G116786" s="16">
        <v>0.80678896453737137</v>
      </c>
    </row>
    <row r="116787" spans="1:7" x14ac:dyDescent="0.3">
      <c r="A116787" s="13" t="s">
        <v>553</v>
      </c>
      <c r="B116787" s="14" t="s">
        <v>1</v>
      </c>
      <c r="C116787" s="14" t="s">
        <v>546</v>
      </c>
      <c r="D116787" s="14" t="s">
        <v>193</v>
      </c>
      <c r="E116787" s="15">
        <v>45728</v>
      </c>
      <c r="F116787" s="14" t="s">
        <v>15</v>
      </c>
      <c r="G116787" s="16">
        <v>0.80457406419971766</v>
      </c>
    </row>
    <row r="116788" spans="1:7" x14ac:dyDescent="0.3">
      <c r="A116788" s="13" t="s">
        <v>553</v>
      </c>
      <c r="B116788" s="14" t="s">
        <v>1</v>
      </c>
      <c r="C116788" s="14" t="s">
        <v>546</v>
      </c>
      <c r="D116788" s="14" t="s">
        <v>193</v>
      </c>
      <c r="E116788" s="15">
        <v>45729</v>
      </c>
      <c r="F116788" s="14" t="s">
        <v>15</v>
      </c>
      <c r="G116788" s="16">
        <v>0.82162803435547416</v>
      </c>
    </row>
    <row r="116789" spans="1:7" x14ac:dyDescent="0.3">
      <c r="A116789" s="13" t="s">
        <v>553</v>
      </c>
      <c r="B116789" s="14" t="s">
        <v>1</v>
      </c>
      <c r="C116789" s="14" t="s">
        <v>546</v>
      </c>
      <c r="D116789" s="14" t="s">
        <v>193</v>
      </c>
      <c r="E116789" s="15">
        <v>45730</v>
      </c>
      <c r="F116789" s="14" t="s">
        <v>15</v>
      </c>
      <c r="G116789" s="16">
        <v>0.81942021385661779</v>
      </c>
    </row>
    <row r="116790" spans="1:7" x14ac:dyDescent="0.3">
      <c r="A116790" s="13" t="s">
        <v>553</v>
      </c>
      <c r="B116790" s="14" t="s">
        <v>1</v>
      </c>
      <c r="C116790" s="14" t="s">
        <v>546</v>
      </c>
      <c r="D116790" s="14" t="s">
        <v>193</v>
      </c>
      <c r="E116790" s="15">
        <v>45731</v>
      </c>
      <c r="F116790" s="14" t="s">
        <v>15</v>
      </c>
      <c r="G116790" s="16">
        <v>0.81942021385661779</v>
      </c>
    </row>
    <row r="116791" spans="1:7" x14ac:dyDescent="0.3">
      <c r="A116791" s="13" t="s">
        <v>553</v>
      </c>
      <c r="B116791" s="14" t="s">
        <v>1</v>
      </c>
      <c r="C116791" s="14" t="s">
        <v>546</v>
      </c>
      <c r="D116791" s="14" t="s">
        <v>193</v>
      </c>
      <c r="E116791" s="15">
        <v>45732</v>
      </c>
      <c r="F116791" s="14" t="s">
        <v>15</v>
      </c>
      <c r="G116791" s="16">
        <v>0.81942021385661779</v>
      </c>
    </row>
    <row r="116792" spans="1:7" x14ac:dyDescent="0.3">
      <c r="A116792" s="13" t="s">
        <v>553</v>
      </c>
      <c r="B116792" s="14" t="s">
        <v>1</v>
      </c>
      <c r="C116792" s="14" t="s">
        <v>546</v>
      </c>
      <c r="D116792" s="14" t="s">
        <v>193</v>
      </c>
      <c r="E116792" s="15">
        <v>45733</v>
      </c>
      <c r="F116792" s="14" t="s">
        <v>15</v>
      </c>
      <c r="G116792" s="16">
        <v>0.81942021385661779</v>
      </c>
    </row>
    <row r="116793" spans="1:7" x14ac:dyDescent="0.3">
      <c r="A116793" s="13" t="s">
        <v>553</v>
      </c>
      <c r="B116793" s="14" t="s">
        <v>1</v>
      </c>
      <c r="C116793" s="14" t="s">
        <v>546</v>
      </c>
      <c r="D116793" s="14" t="s">
        <v>193</v>
      </c>
      <c r="E116793" s="15">
        <v>45734</v>
      </c>
      <c r="F116793" s="14" t="s">
        <v>15</v>
      </c>
      <c r="G116793" s="16">
        <v>0.81722655303535652</v>
      </c>
    </row>
    <row r="116794" spans="1:7" x14ac:dyDescent="0.3">
      <c r="A116794" s="13" t="s">
        <v>553</v>
      </c>
      <c r="B116794" s="14" t="s">
        <v>1</v>
      </c>
      <c r="C116794" s="14" t="s">
        <v>546</v>
      </c>
      <c r="D116794" s="14" t="s">
        <v>193</v>
      </c>
      <c r="E116794" s="15">
        <v>45735</v>
      </c>
      <c r="F116794" s="14" t="s">
        <v>15</v>
      </c>
      <c r="G116794" s="16">
        <v>0.81599221037115865</v>
      </c>
    </row>
    <row r="116795" spans="1:7" x14ac:dyDescent="0.3">
      <c r="A116795" s="13" t="s">
        <v>553</v>
      </c>
      <c r="B116795" s="14" t="s">
        <v>1</v>
      </c>
      <c r="C116795" s="14" t="s">
        <v>546</v>
      </c>
      <c r="D116795" s="14" t="s">
        <v>193</v>
      </c>
      <c r="E116795" s="15">
        <v>45736</v>
      </c>
      <c r="F116795" s="14" t="s">
        <v>15</v>
      </c>
      <c r="G116795" s="16">
        <v>0.81367233780825698</v>
      </c>
    </row>
    <row r="116796" spans="1:7" x14ac:dyDescent="0.3">
      <c r="A116796" s="13" t="s">
        <v>553</v>
      </c>
      <c r="B116796" s="14" t="s">
        <v>1</v>
      </c>
      <c r="C116796" s="14" t="s">
        <v>546</v>
      </c>
      <c r="D116796" s="14" t="s">
        <v>193</v>
      </c>
      <c r="E116796" s="15">
        <v>45737</v>
      </c>
      <c r="F116796" s="14" t="s">
        <v>15</v>
      </c>
      <c r="G116796" s="16">
        <v>0.81136185964683671</v>
      </c>
    </row>
    <row r="116797" spans="1:7" x14ac:dyDescent="0.3">
      <c r="A116797" s="13" t="s">
        <v>553</v>
      </c>
      <c r="B116797" s="14" t="s">
        <v>1</v>
      </c>
      <c r="C116797" s="14" t="s">
        <v>546</v>
      </c>
      <c r="D116797" s="14" t="s">
        <v>193</v>
      </c>
      <c r="E116797" s="15">
        <v>45738</v>
      </c>
      <c r="F116797" s="14" t="s">
        <v>15</v>
      </c>
      <c r="G116797" s="16">
        <v>0.81136185964683671</v>
      </c>
    </row>
    <row r="116798" spans="1:7" x14ac:dyDescent="0.3">
      <c r="A116798" s="13" t="s">
        <v>553</v>
      </c>
      <c r="B116798" s="14" t="s">
        <v>1</v>
      </c>
      <c r="C116798" s="14" t="s">
        <v>546</v>
      </c>
      <c r="D116798" s="14" t="s">
        <v>193</v>
      </c>
      <c r="E116798" s="15">
        <v>45739</v>
      </c>
      <c r="F116798" s="14" t="s">
        <v>15</v>
      </c>
      <c r="G116798" s="16">
        <v>0.81136185964683671</v>
      </c>
    </row>
    <row r="116799" spans="1:7" x14ac:dyDescent="0.3">
      <c r="A116799" s="13" t="s">
        <v>553</v>
      </c>
      <c r="B116799" s="14" t="s">
        <v>1</v>
      </c>
      <c r="C116799" s="14" t="s">
        <v>546</v>
      </c>
      <c r="D116799" s="14" t="s">
        <v>193</v>
      </c>
      <c r="E116799" s="15">
        <v>45740</v>
      </c>
      <c r="F116799" s="14" t="s">
        <v>15</v>
      </c>
      <c r="G116799" s="16">
        <v>0.80909154595551769</v>
      </c>
    </row>
    <row r="116800" spans="1:7" x14ac:dyDescent="0.3">
      <c r="A116800" s="13" t="s">
        <v>553</v>
      </c>
      <c r="B116800" s="14" t="s">
        <v>1</v>
      </c>
      <c r="C116800" s="14" t="s">
        <v>546</v>
      </c>
      <c r="D116800" s="14" t="s">
        <v>193</v>
      </c>
      <c r="E116800" s="15">
        <v>45741</v>
      </c>
      <c r="F116800" s="14" t="s">
        <v>15</v>
      </c>
      <c r="G116800" s="16">
        <v>0.80242723923511683</v>
      </c>
    </row>
    <row r="116801" spans="1:7" x14ac:dyDescent="0.3">
      <c r="A116801" s="13" t="s">
        <v>553</v>
      </c>
      <c r="B116801" s="14" t="s">
        <v>1</v>
      </c>
      <c r="C116801" s="14" t="s">
        <v>546</v>
      </c>
      <c r="D116801" s="14" t="s">
        <v>193</v>
      </c>
      <c r="E116801" s="15">
        <v>45742</v>
      </c>
      <c r="F116801" s="14" t="s">
        <v>15</v>
      </c>
      <c r="G116801" s="16">
        <v>0.80018973787360947</v>
      </c>
    </row>
    <row r="116802" spans="1:7" x14ac:dyDescent="0.3">
      <c r="A116802" s="13" t="s">
        <v>553</v>
      </c>
      <c r="B116802" s="14" t="s">
        <v>1</v>
      </c>
      <c r="C116802" s="14" t="s">
        <v>546</v>
      </c>
      <c r="D116802" s="14" t="s">
        <v>193</v>
      </c>
      <c r="E116802" s="15">
        <v>45743</v>
      </c>
      <c r="F116802" s="14" t="s">
        <v>15</v>
      </c>
      <c r="G116802" s="16">
        <v>0.79909740043760025</v>
      </c>
    </row>
    <row r="116803" spans="1:7" x14ac:dyDescent="0.3">
      <c r="A116803" s="13" t="s">
        <v>553</v>
      </c>
      <c r="B116803" s="14" t="s">
        <v>1</v>
      </c>
      <c r="C116803" s="14" t="s">
        <v>546</v>
      </c>
      <c r="D116803" s="14" t="s">
        <v>193</v>
      </c>
      <c r="E116803" s="15">
        <v>45744</v>
      </c>
      <c r="F116803" s="14" t="s">
        <v>15</v>
      </c>
      <c r="G116803" s="16">
        <v>0.79690019969694026</v>
      </c>
    </row>
    <row r="116804" spans="1:7" x14ac:dyDescent="0.3">
      <c r="A116804" s="13" t="s">
        <v>553</v>
      </c>
      <c r="B116804" s="14" t="s">
        <v>1</v>
      </c>
      <c r="C116804" s="14" t="s">
        <v>546</v>
      </c>
      <c r="D116804" s="14" t="s">
        <v>193</v>
      </c>
      <c r="E116804" s="15">
        <v>45745</v>
      </c>
      <c r="F116804" s="14" t="s">
        <v>15</v>
      </c>
      <c r="G116804" s="16">
        <v>0.79690019969694026</v>
      </c>
    </row>
    <row r="116805" spans="1:7" x14ac:dyDescent="0.3">
      <c r="A116805" s="13" t="s">
        <v>553</v>
      </c>
      <c r="B116805" s="14" t="s">
        <v>1</v>
      </c>
      <c r="C116805" s="14" t="s">
        <v>546</v>
      </c>
      <c r="D116805" s="14" t="s">
        <v>193</v>
      </c>
      <c r="E116805" s="15">
        <v>45746</v>
      </c>
      <c r="F116805" s="14" t="s">
        <v>15</v>
      </c>
      <c r="G116805" s="16">
        <v>0.79690019969694026</v>
      </c>
    </row>
    <row r="116806" spans="1:7" x14ac:dyDescent="0.3">
      <c r="A116806" s="13" t="s">
        <v>553</v>
      </c>
      <c r="B116806" s="14" t="s">
        <v>1</v>
      </c>
      <c r="C116806" s="14" t="s">
        <v>546</v>
      </c>
      <c r="D116806" s="14" t="s">
        <v>193</v>
      </c>
      <c r="E116806" s="15">
        <v>45747</v>
      </c>
      <c r="F116806" s="14" t="s">
        <v>15</v>
      </c>
      <c r="G116806" s="16">
        <v>0.79690019969694026</v>
      </c>
    </row>
    <row r="116807" spans="1:7" x14ac:dyDescent="0.3">
      <c r="A116807" s="13" t="s">
        <v>554</v>
      </c>
      <c r="B116807" s="14" t="s">
        <v>1</v>
      </c>
      <c r="C116807" s="14" t="s">
        <v>546</v>
      </c>
      <c r="D116807" s="14" t="s">
        <v>406</v>
      </c>
      <c r="E116807" s="15">
        <v>45383</v>
      </c>
      <c r="F116807" s="14" t="s">
        <v>15</v>
      </c>
      <c r="G116807" s="16">
        <v>0</v>
      </c>
    </row>
    <row r="116808" spans="1:7" x14ac:dyDescent="0.3">
      <c r="A116808" s="13" t="s">
        <v>554</v>
      </c>
      <c r="B116808" s="14" t="s">
        <v>1</v>
      </c>
      <c r="C116808" s="14" t="s">
        <v>546</v>
      </c>
      <c r="D116808" s="14" t="s">
        <v>406</v>
      </c>
      <c r="E116808" s="15">
        <v>45384</v>
      </c>
      <c r="F116808" s="14" t="s">
        <v>15</v>
      </c>
      <c r="G116808" s="16">
        <v>0</v>
      </c>
    </row>
    <row r="116809" spans="1:7" x14ac:dyDescent="0.3">
      <c r="A116809" s="13" t="s">
        <v>554</v>
      </c>
      <c r="B116809" s="14" t="s">
        <v>1</v>
      </c>
      <c r="C116809" s="14" t="s">
        <v>546</v>
      </c>
      <c r="D116809" s="14" t="s">
        <v>406</v>
      </c>
      <c r="E116809" s="15">
        <v>45385</v>
      </c>
      <c r="F116809" s="14" t="s">
        <v>15</v>
      </c>
      <c r="G116809" s="16">
        <v>0</v>
      </c>
    </row>
    <row r="116810" spans="1:7" x14ac:dyDescent="0.3">
      <c r="A116810" s="13" t="s">
        <v>554</v>
      </c>
      <c r="B116810" s="14" t="s">
        <v>1</v>
      </c>
      <c r="C116810" s="14" t="s">
        <v>546</v>
      </c>
      <c r="D116810" s="14" t="s">
        <v>406</v>
      </c>
      <c r="E116810" s="15">
        <v>45386</v>
      </c>
      <c r="F116810" s="14" t="s">
        <v>15</v>
      </c>
      <c r="G116810" s="16">
        <v>0</v>
      </c>
    </row>
    <row r="116811" spans="1:7" x14ac:dyDescent="0.3">
      <c r="A116811" s="13" t="s">
        <v>554</v>
      </c>
      <c r="B116811" s="14" t="s">
        <v>1</v>
      </c>
      <c r="C116811" s="14" t="s">
        <v>546</v>
      </c>
      <c r="D116811" s="14" t="s">
        <v>406</v>
      </c>
      <c r="E116811" s="15">
        <v>45387</v>
      </c>
      <c r="F116811" s="14" t="s">
        <v>15</v>
      </c>
      <c r="G116811" s="16">
        <v>0</v>
      </c>
    </row>
    <row r="116812" spans="1:7" x14ac:dyDescent="0.3">
      <c r="A116812" s="13" t="s">
        <v>554</v>
      </c>
      <c r="B116812" s="14" t="s">
        <v>1</v>
      </c>
      <c r="C116812" s="14" t="s">
        <v>546</v>
      </c>
      <c r="D116812" s="14" t="s">
        <v>406</v>
      </c>
      <c r="E116812" s="15">
        <v>45388</v>
      </c>
      <c r="F116812" s="14" t="s">
        <v>15</v>
      </c>
      <c r="G116812" s="16">
        <v>0</v>
      </c>
    </row>
    <row r="116813" spans="1:7" x14ac:dyDescent="0.3">
      <c r="A116813" s="13" t="s">
        <v>554</v>
      </c>
      <c r="B116813" s="14" t="s">
        <v>1</v>
      </c>
      <c r="C116813" s="14" t="s">
        <v>546</v>
      </c>
      <c r="D116813" s="14" t="s">
        <v>406</v>
      </c>
      <c r="E116813" s="15">
        <v>45389</v>
      </c>
      <c r="F116813" s="14" t="s">
        <v>15</v>
      </c>
      <c r="G116813" s="16">
        <v>0</v>
      </c>
    </row>
    <row r="116814" spans="1:7" x14ac:dyDescent="0.3">
      <c r="A116814" s="13" t="s">
        <v>554</v>
      </c>
      <c r="B116814" s="14" t="s">
        <v>1</v>
      </c>
      <c r="C116814" s="14" t="s">
        <v>546</v>
      </c>
      <c r="D116814" s="14" t="s">
        <v>406</v>
      </c>
      <c r="E116814" s="15">
        <v>45390</v>
      </c>
      <c r="F116814" s="14" t="s">
        <v>15</v>
      </c>
      <c r="G116814" s="16">
        <v>0</v>
      </c>
    </row>
    <row r="116815" spans="1:7" x14ac:dyDescent="0.3">
      <c r="A116815" s="13" t="s">
        <v>554</v>
      </c>
      <c r="B116815" s="14" t="s">
        <v>1</v>
      </c>
      <c r="C116815" s="14" t="s">
        <v>546</v>
      </c>
      <c r="D116815" s="14" t="s">
        <v>406</v>
      </c>
      <c r="E116815" s="15">
        <v>45391</v>
      </c>
      <c r="F116815" s="14" t="s">
        <v>15</v>
      </c>
      <c r="G116815" s="16">
        <v>4.1897131041612988E-3</v>
      </c>
    </row>
    <row r="116816" spans="1:7" x14ac:dyDescent="0.3">
      <c r="A116816" s="13" t="s">
        <v>554</v>
      </c>
      <c r="B116816" s="14" t="s">
        <v>1</v>
      </c>
      <c r="C116816" s="14" t="s">
        <v>546</v>
      </c>
      <c r="D116816" s="14" t="s">
        <v>406</v>
      </c>
      <c r="E116816" s="15">
        <v>45392</v>
      </c>
      <c r="F116816" s="14" t="s">
        <v>15</v>
      </c>
      <c r="G116816" s="16">
        <v>2.5717239596795257E-3</v>
      </c>
    </row>
    <row r="116817" spans="1:7" x14ac:dyDescent="0.3">
      <c r="A116817" s="13" t="s">
        <v>554</v>
      </c>
      <c r="B116817" s="14" t="s">
        <v>1</v>
      </c>
      <c r="C116817" s="14" t="s">
        <v>546</v>
      </c>
      <c r="D116817" s="14" t="s">
        <v>406</v>
      </c>
      <c r="E116817" s="15">
        <v>45393</v>
      </c>
      <c r="F116817" s="14" t="s">
        <v>15</v>
      </c>
      <c r="G116817" s="16">
        <v>9.5115016800209498E-4</v>
      </c>
    </row>
    <row r="116818" spans="1:7" x14ac:dyDescent="0.3">
      <c r="A116818" s="13" t="s">
        <v>554</v>
      </c>
      <c r="B116818" s="14" t="s">
        <v>1</v>
      </c>
      <c r="C116818" s="14" t="s">
        <v>546</v>
      </c>
      <c r="D116818" s="14" t="s">
        <v>406</v>
      </c>
      <c r="E116818" s="15">
        <v>45394</v>
      </c>
      <c r="F116818" s="14" t="s">
        <v>15</v>
      </c>
      <c r="G116818" s="16">
        <v>0</v>
      </c>
    </row>
    <row r="116819" spans="1:7" x14ac:dyDescent="0.3">
      <c r="A116819" s="13" t="s">
        <v>554</v>
      </c>
      <c r="B116819" s="14" t="s">
        <v>1</v>
      </c>
      <c r="C116819" s="14" t="s">
        <v>546</v>
      </c>
      <c r="D116819" s="14" t="s">
        <v>406</v>
      </c>
      <c r="E116819" s="15">
        <v>45395</v>
      </c>
      <c r="F116819" s="14" t="s">
        <v>15</v>
      </c>
      <c r="G116819" s="16">
        <v>0</v>
      </c>
    </row>
    <row r="116820" spans="1:7" x14ac:dyDescent="0.3">
      <c r="A116820" s="13" t="s">
        <v>554</v>
      </c>
      <c r="B116820" s="14" t="s">
        <v>1</v>
      </c>
      <c r="C116820" s="14" t="s">
        <v>546</v>
      </c>
      <c r="D116820" s="14" t="s">
        <v>406</v>
      </c>
      <c r="E116820" s="15">
        <v>45396</v>
      </c>
      <c r="F116820" s="14" t="s">
        <v>15</v>
      </c>
      <c r="G116820" s="16">
        <v>0</v>
      </c>
    </row>
    <row r="116821" spans="1:7" x14ac:dyDescent="0.3">
      <c r="A116821" s="13" t="s">
        <v>554</v>
      </c>
      <c r="B116821" s="14" t="s">
        <v>1</v>
      </c>
      <c r="C116821" s="14" t="s">
        <v>546</v>
      </c>
      <c r="D116821" s="14" t="s">
        <v>406</v>
      </c>
      <c r="E116821" s="15">
        <v>45397</v>
      </c>
      <c r="F116821" s="14" t="s">
        <v>15</v>
      </c>
      <c r="G116821" s="16">
        <v>0</v>
      </c>
    </row>
    <row r="116822" spans="1:7" x14ac:dyDescent="0.3">
      <c r="A116822" s="13" t="s">
        <v>554</v>
      </c>
      <c r="B116822" s="14" t="s">
        <v>1</v>
      </c>
      <c r="C116822" s="14" t="s">
        <v>546</v>
      </c>
      <c r="D116822" s="14" t="s">
        <v>406</v>
      </c>
      <c r="E116822" s="15">
        <v>45398</v>
      </c>
      <c r="F116822" s="14" t="s">
        <v>15</v>
      </c>
      <c r="G116822" s="16">
        <v>0</v>
      </c>
    </row>
    <row r="116823" spans="1:7" x14ac:dyDescent="0.3">
      <c r="A116823" s="13" t="s">
        <v>554</v>
      </c>
      <c r="B116823" s="14" t="s">
        <v>1</v>
      </c>
      <c r="C116823" s="14" t="s">
        <v>546</v>
      </c>
      <c r="D116823" s="14" t="s">
        <v>406</v>
      </c>
      <c r="E116823" s="15">
        <v>45399</v>
      </c>
      <c r="F116823" s="14" t="s">
        <v>15</v>
      </c>
      <c r="G116823" s="16">
        <v>0</v>
      </c>
    </row>
    <row r="116824" spans="1:7" x14ac:dyDescent="0.3">
      <c r="A116824" s="13" t="s">
        <v>554</v>
      </c>
      <c r="B116824" s="14" t="s">
        <v>1</v>
      </c>
      <c r="C116824" s="14" t="s">
        <v>546</v>
      </c>
      <c r="D116824" s="14" t="s">
        <v>406</v>
      </c>
      <c r="E116824" s="15">
        <v>45400</v>
      </c>
      <c r="F116824" s="14" t="s">
        <v>15</v>
      </c>
      <c r="G116824" s="16">
        <v>0</v>
      </c>
    </row>
    <row r="116825" spans="1:7" x14ac:dyDescent="0.3">
      <c r="A116825" s="13" t="s">
        <v>554</v>
      </c>
      <c r="B116825" s="14" t="s">
        <v>1</v>
      </c>
      <c r="C116825" s="14" t="s">
        <v>546</v>
      </c>
      <c r="D116825" s="14" t="s">
        <v>406</v>
      </c>
      <c r="E116825" s="15">
        <v>45401</v>
      </c>
      <c r="F116825" s="14" t="s">
        <v>15</v>
      </c>
      <c r="G116825" s="16">
        <v>0</v>
      </c>
    </row>
    <row r="116826" spans="1:7" x14ac:dyDescent="0.3">
      <c r="A116826" s="13" t="s">
        <v>554</v>
      </c>
      <c r="B116826" s="14" t="s">
        <v>1</v>
      </c>
      <c r="C116826" s="14" t="s">
        <v>546</v>
      </c>
      <c r="D116826" s="14" t="s">
        <v>406</v>
      </c>
      <c r="E116826" s="15">
        <v>45402</v>
      </c>
      <c r="F116826" s="14" t="s">
        <v>15</v>
      </c>
      <c r="G116826" s="16">
        <v>0</v>
      </c>
    </row>
    <row r="116827" spans="1:7" x14ac:dyDescent="0.3">
      <c r="A116827" s="13" t="s">
        <v>554</v>
      </c>
      <c r="B116827" s="14" t="s">
        <v>1</v>
      </c>
      <c r="C116827" s="14" t="s">
        <v>546</v>
      </c>
      <c r="D116827" s="14" t="s">
        <v>406</v>
      </c>
      <c r="E116827" s="15">
        <v>45403</v>
      </c>
      <c r="F116827" s="14" t="s">
        <v>15</v>
      </c>
      <c r="G116827" s="16">
        <v>0</v>
      </c>
    </row>
    <row r="116828" spans="1:7" x14ac:dyDescent="0.3">
      <c r="A116828" s="13" t="s">
        <v>554</v>
      </c>
      <c r="B116828" s="14" t="s">
        <v>1</v>
      </c>
      <c r="C116828" s="14" t="s">
        <v>546</v>
      </c>
      <c r="D116828" s="14" t="s">
        <v>406</v>
      </c>
      <c r="E116828" s="15">
        <v>45404</v>
      </c>
      <c r="F116828" s="14" t="s">
        <v>15</v>
      </c>
      <c r="G116828" s="16">
        <v>0</v>
      </c>
    </row>
    <row r="116829" spans="1:7" x14ac:dyDescent="0.3">
      <c r="A116829" s="13" t="s">
        <v>554</v>
      </c>
      <c r="B116829" s="14" t="s">
        <v>1</v>
      </c>
      <c r="C116829" s="14" t="s">
        <v>546</v>
      </c>
      <c r="D116829" s="14" t="s">
        <v>406</v>
      </c>
      <c r="E116829" s="15">
        <v>45405</v>
      </c>
      <c r="F116829" s="14" t="s">
        <v>15</v>
      </c>
      <c r="G116829" s="16">
        <v>0</v>
      </c>
    </row>
    <row r="116830" spans="1:7" x14ac:dyDescent="0.3">
      <c r="A116830" s="13" t="s">
        <v>554</v>
      </c>
      <c r="B116830" s="14" t="s">
        <v>1</v>
      </c>
      <c r="C116830" s="14" t="s">
        <v>546</v>
      </c>
      <c r="D116830" s="14" t="s">
        <v>406</v>
      </c>
      <c r="E116830" s="15">
        <v>45406</v>
      </c>
      <c r="F116830" s="14" t="s">
        <v>15</v>
      </c>
      <c r="G116830" s="16">
        <v>0</v>
      </c>
    </row>
    <row r="116831" spans="1:7" x14ac:dyDescent="0.3">
      <c r="A116831" s="13" t="s">
        <v>554</v>
      </c>
      <c r="B116831" s="14" t="s">
        <v>1</v>
      </c>
      <c r="C116831" s="14" t="s">
        <v>546</v>
      </c>
      <c r="D116831" s="14" t="s">
        <v>406</v>
      </c>
      <c r="E116831" s="15">
        <v>45407</v>
      </c>
      <c r="F116831" s="14" t="s">
        <v>15</v>
      </c>
      <c r="G116831" s="16">
        <v>0</v>
      </c>
    </row>
    <row r="116832" spans="1:7" x14ac:dyDescent="0.3">
      <c r="A116832" s="13" t="s">
        <v>554</v>
      </c>
      <c r="B116832" s="14" t="s">
        <v>1</v>
      </c>
      <c r="C116832" s="14" t="s">
        <v>546</v>
      </c>
      <c r="D116832" s="14" t="s">
        <v>406</v>
      </c>
      <c r="E116832" s="15">
        <v>45408</v>
      </c>
      <c r="F116832" s="14" t="s">
        <v>15</v>
      </c>
      <c r="G116832" s="16">
        <v>0</v>
      </c>
    </row>
    <row r="116833" spans="1:7" x14ac:dyDescent="0.3">
      <c r="A116833" s="13" t="s">
        <v>554</v>
      </c>
      <c r="B116833" s="14" t="s">
        <v>1</v>
      </c>
      <c r="C116833" s="14" t="s">
        <v>546</v>
      </c>
      <c r="D116833" s="14" t="s">
        <v>406</v>
      </c>
      <c r="E116833" s="15">
        <v>45409</v>
      </c>
      <c r="F116833" s="14" t="s">
        <v>15</v>
      </c>
      <c r="G116833" s="16">
        <v>0</v>
      </c>
    </row>
    <row r="116834" spans="1:7" x14ac:dyDescent="0.3">
      <c r="A116834" s="13" t="s">
        <v>554</v>
      </c>
      <c r="B116834" s="14" t="s">
        <v>1</v>
      </c>
      <c r="C116834" s="14" t="s">
        <v>546</v>
      </c>
      <c r="D116834" s="14" t="s">
        <v>406</v>
      </c>
      <c r="E116834" s="15">
        <v>45410</v>
      </c>
      <c r="F116834" s="14" t="s">
        <v>15</v>
      </c>
      <c r="G116834" s="16">
        <v>0</v>
      </c>
    </row>
    <row r="116835" spans="1:7" x14ac:dyDescent="0.3">
      <c r="A116835" s="13" t="s">
        <v>554</v>
      </c>
      <c r="B116835" s="14" t="s">
        <v>1</v>
      </c>
      <c r="C116835" s="14" t="s">
        <v>546</v>
      </c>
      <c r="D116835" s="14" t="s">
        <v>406</v>
      </c>
      <c r="E116835" s="15">
        <v>45411</v>
      </c>
      <c r="F116835" s="14" t="s">
        <v>15</v>
      </c>
      <c r="G116835" s="16">
        <v>0</v>
      </c>
    </row>
    <row r="116836" spans="1:7" x14ac:dyDescent="0.3">
      <c r="A116836" s="13" t="s">
        <v>554</v>
      </c>
      <c r="B116836" s="14" t="s">
        <v>1</v>
      </c>
      <c r="C116836" s="14" t="s">
        <v>546</v>
      </c>
      <c r="D116836" s="14" t="s">
        <v>406</v>
      </c>
      <c r="E116836" s="15">
        <v>45412</v>
      </c>
      <c r="F116836" s="14" t="s">
        <v>15</v>
      </c>
      <c r="G116836" s="16">
        <v>0</v>
      </c>
    </row>
    <row r="116837" spans="1:7" x14ac:dyDescent="0.3">
      <c r="A116837" s="13" t="s">
        <v>554</v>
      </c>
      <c r="B116837" s="14" t="s">
        <v>1</v>
      </c>
      <c r="C116837" s="14" t="s">
        <v>546</v>
      </c>
      <c r="D116837" s="14" t="s">
        <v>406</v>
      </c>
      <c r="E116837" s="15">
        <v>45413</v>
      </c>
      <c r="F116837" s="14" t="s">
        <v>15</v>
      </c>
      <c r="G116837" s="16">
        <v>0</v>
      </c>
    </row>
    <row r="116838" spans="1:7" x14ac:dyDescent="0.3">
      <c r="A116838" s="13" t="s">
        <v>554</v>
      </c>
      <c r="B116838" s="14" t="s">
        <v>1</v>
      </c>
      <c r="C116838" s="14" t="s">
        <v>546</v>
      </c>
      <c r="D116838" s="14" t="s">
        <v>406</v>
      </c>
      <c r="E116838" s="15">
        <v>45414</v>
      </c>
      <c r="F116838" s="14" t="s">
        <v>15</v>
      </c>
      <c r="G116838" s="16">
        <v>0</v>
      </c>
    </row>
    <row r="116839" spans="1:7" x14ac:dyDescent="0.3">
      <c r="A116839" s="13" t="s">
        <v>554</v>
      </c>
      <c r="B116839" s="14" t="s">
        <v>1</v>
      </c>
      <c r="C116839" s="14" t="s">
        <v>546</v>
      </c>
      <c r="D116839" s="14" t="s">
        <v>406</v>
      </c>
      <c r="E116839" s="15">
        <v>45415</v>
      </c>
      <c r="F116839" s="14" t="s">
        <v>15</v>
      </c>
      <c r="G116839" s="16">
        <v>0</v>
      </c>
    </row>
    <row r="116840" spans="1:7" x14ac:dyDescent="0.3">
      <c r="A116840" s="13" t="s">
        <v>554</v>
      </c>
      <c r="B116840" s="14" t="s">
        <v>1</v>
      </c>
      <c r="C116840" s="14" t="s">
        <v>546</v>
      </c>
      <c r="D116840" s="14" t="s">
        <v>406</v>
      </c>
      <c r="E116840" s="15">
        <v>45416</v>
      </c>
      <c r="F116840" s="14" t="s">
        <v>15</v>
      </c>
      <c r="G116840" s="16">
        <v>0</v>
      </c>
    </row>
    <row r="116841" spans="1:7" x14ac:dyDescent="0.3">
      <c r="A116841" s="13" t="s">
        <v>554</v>
      </c>
      <c r="B116841" s="14" t="s">
        <v>1</v>
      </c>
      <c r="C116841" s="14" t="s">
        <v>546</v>
      </c>
      <c r="D116841" s="14" t="s">
        <v>406</v>
      </c>
      <c r="E116841" s="15">
        <v>45417</v>
      </c>
      <c r="F116841" s="14" t="s">
        <v>15</v>
      </c>
      <c r="G116841" s="16">
        <v>0</v>
      </c>
    </row>
    <row r="116842" spans="1:7" x14ac:dyDescent="0.3">
      <c r="A116842" s="13" t="s">
        <v>554</v>
      </c>
      <c r="B116842" s="14" t="s">
        <v>1</v>
      </c>
      <c r="C116842" s="14" t="s">
        <v>546</v>
      </c>
      <c r="D116842" s="14" t="s">
        <v>406</v>
      </c>
      <c r="E116842" s="15">
        <v>45418</v>
      </c>
      <c r="F116842" s="14" t="s">
        <v>15</v>
      </c>
      <c r="G116842" s="16">
        <v>0</v>
      </c>
    </row>
    <row r="116843" spans="1:7" x14ac:dyDescent="0.3">
      <c r="A116843" s="13" t="s">
        <v>554</v>
      </c>
      <c r="B116843" s="14" t="s">
        <v>1</v>
      </c>
      <c r="C116843" s="14" t="s">
        <v>546</v>
      </c>
      <c r="D116843" s="14" t="s">
        <v>406</v>
      </c>
      <c r="E116843" s="15">
        <v>45419</v>
      </c>
      <c r="F116843" s="14" t="s">
        <v>15</v>
      </c>
      <c r="G116843" s="16">
        <v>7.7410183509951857E-3</v>
      </c>
    </row>
    <row r="116844" spans="1:7" x14ac:dyDescent="0.3">
      <c r="A116844" s="13" t="s">
        <v>554</v>
      </c>
      <c r="B116844" s="14" t="s">
        <v>1</v>
      </c>
      <c r="C116844" s="14" t="s">
        <v>546</v>
      </c>
      <c r="D116844" s="14" t="s">
        <v>406</v>
      </c>
      <c r="E116844" s="15">
        <v>45420</v>
      </c>
      <c r="F116844" s="14" t="s">
        <v>15</v>
      </c>
      <c r="G116844" s="16">
        <v>3.411734298269297E-4</v>
      </c>
    </row>
    <row r="116845" spans="1:7" x14ac:dyDescent="0.3">
      <c r="A116845" s="13" t="s">
        <v>554</v>
      </c>
      <c r="B116845" s="14" t="s">
        <v>1</v>
      </c>
      <c r="C116845" s="14" t="s">
        <v>546</v>
      </c>
      <c r="D116845" s="14" t="s">
        <v>406</v>
      </c>
      <c r="E116845" s="15">
        <v>45421</v>
      </c>
      <c r="F116845" s="14" t="s">
        <v>15</v>
      </c>
      <c r="G116845" s="16">
        <v>0</v>
      </c>
    </row>
    <row r="116846" spans="1:7" x14ac:dyDescent="0.3">
      <c r="A116846" s="13" t="s">
        <v>554</v>
      </c>
      <c r="B116846" s="14" t="s">
        <v>1</v>
      </c>
      <c r="C116846" s="14" t="s">
        <v>546</v>
      </c>
      <c r="D116846" s="14" t="s">
        <v>406</v>
      </c>
      <c r="E116846" s="15">
        <v>45422</v>
      </c>
      <c r="F116846" s="14" t="s">
        <v>15</v>
      </c>
      <c r="G116846" s="16">
        <v>0</v>
      </c>
    </row>
    <row r="116847" spans="1:7" x14ac:dyDescent="0.3">
      <c r="A116847" s="13" t="s">
        <v>554</v>
      </c>
      <c r="B116847" s="14" t="s">
        <v>1</v>
      </c>
      <c r="C116847" s="14" t="s">
        <v>546</v>
      </c>
      <c r="D116847" s="14" t="s">
        <v>406</v>
      </c>
      <c r="E116847" s="15">
        <v>45423</v>
      </c>
      <c r="F116847" s="14" t="s">
        <v>15</v>
      </c>
      <c r="G116847" s="16">
        <v>0</v>
      </c>
    </row>
    <row r="116848" spans="1:7" x14ac:dyDescent="0.3">
      <c r="A116848" s="13" t="s">
        <v>554</v>
      </c>
      <c r="B116848" s="14" t="s">
        <v>1</v>
      </c>
      <c r="C116848" s="14" t="s">
        <v>546</v>
      </c>
      <c r="D116848" s="14" t="s">
        <v>406</v>
      </c>
      <c r="E116848" s="15">
        <v>45424</v>
      </c>
      <c r="F116848" s="14" t="s">
        <v>15</v>
      </c>
      <c r="G116848" s="16">
        <v>0</v>
      </c>
    </row>
    <row r="116849" spans="1:7" x14ac:dyDescent="0.3">
      <c r="A116849" s="13" t="s">
        <v>554</v>
      </c>
      <c r="B116849" s="14" t="s">
        <v>1</v>
      </c>
      <c r="C116849" s="14" t="s">
        <v>546</v>
      </c>
      <c r="D116849" s="14" t="s">
        <v>406</v>
      </c>
      <c r="E116849" s="15">
        <v>45425</v>
      </c>
      <c r="F116849" s="14" t="s">
        <v>15</v>
      </c>
      <c r="G116849" s="16">
        <v>0</v>
      </c>
    </row>
    <row r="116850" spans="1:7" x14ac:dyDescent="0.3">
      <c r="A116850" s="13" t="s">
        <v>554</v>
      </c>
      <c r="B116850" s="14" t="s">
        <v>1</v>
      </c>
      <c r="C116850" s="14" t="s">
        <v>546</v>
      </c>
      <c r="D116850" s="14" t="s">
        <v>406</v>
      </c>
      <c r="E116850" s="15">
        <v>45426</v>
      </c>
      <c r="F116850" s="14" t="s">
        <v>15</v>
      </c>
      <c r="G116850" s="16">
        <v>0</v>
      </c>
    </row>
    <row r="116851" spans="1:7" x14ac:dyDescent="0.3">
      <c r="A116851" s="13" t="s">
        <v>554</v>
      </c>
      <c r="B116851" s="14" t="s">
        <v>1</v>
      </c>
      <c r="C116851" s="14" t="s">
        <v>546</v>
      </c>
      <c r="D116851" s="14" t="s">
        <v>406</v>
      </c>
      <c r="E116851" s="15">
        <v>45427</v>
      </c>
      <c r="F116851" s="14" t="s">
        <v>15</v>
      </c>
      <c r="G116851" s="16">
        <v>0</v>
      </c>
    </row>
    <row r="116852" spans="1:7" x14ac:dyDescent="0.3">
      <c r="A116852" s="13" t="s">
        <v>554</v>
      </c>
      <c r="B116852" s="14" t="s">
        <v>1</v>
      </c>
      <c r="C116852" s="14" t="s">
        <v>546</v>
      </c>
      <c r="D116852" s="14" t="s">
        <v>406</v>
      </c>
      <c r="E116852" s="15">
        <v>45428</v>
      </c>
      <c r="F116852" s="14" t="s">
        <v>15</v>
      </c>
      <c r="G116852" s="16">
        <v>0</v>
      </c>
    </row>
    <row r="116853" spans="1:7" x14ac:dyDescent="0.3">
      <c r="A116853" s="13" t="s">
        <v>554</v>
      </c>
      <c r="B116853" s="14" t="s">
        <v>1</v>
      </c>
      <c r="C116853" s="14" t="s">
        <v>546</v>
      </c>
      <c r="D116853" s="14" t="s">
        <v>406</v>
      </c>
      <c r="E116853" s="15">
        <v>45429</v>
      </c>
      <c r="F116853" s="14" t="s">
        <v>15</v>
      </c>
      <c r="G116853" s="16">
        <v>2.4563699825480047E-2</v>
      </c>
    </row>
    <row r="116854" spans="1:7" x14ac:dyDescent="0.3">
      <c r="A116854" s="13" t="s">
        <v>554</v>
      </c>
      <c r="B116854" s="14" t="s">
        <v>1</v>
      </c>
      <c r="C116854" s="14" t="s">
        <v>546</v>
      </c>
      <c r="D116854" s="14" t="s">
        <v>406</v>
      </c>
      <c r="E116854" s="15">
        <v>45430</v>
      </c>
      <c r="F116854" s="14" t="s">
        <v>15</v>
      </c>
      <c r="G116854" s="16">
        <v>2.4563699825480047E-2</v>
      </c>
    </row>
    <row r="116855" spans="1:7" x14ac:dyDescent="0.3">
      <c r="A116855" s="13" t="s">
        <v>554</v>
      </c>
      <c r="B116855" s="14" t="s">
        <v>1</v>
      </c>
      <c r="C116855" s="14" t="s">
        <v>546</v>
      </c>
      <c r="D116855" s="14" t="s">
        <v>406</v>
      </c>
      <c r="E116855" s="15">
        <v>45431</v>
      </c>
      <c r="F116855" s="14" t="s">
        <v>15</v>
      </c>
      <c r="G116855" s="16">
        <v>2.4563699825480047E-2</v>
      </c>
    </row>
    <row r="116856" spans="1:7" x14ac:dyDescent="0.3">
      <c r="A116856" s="13" t="s">
        <v>554</v>
      </c>
      <c r="B116856" s="14" t="s">
        <v>1</v>
      </c>
      <c r="C116856" s="14" t="s">
        <v>546</v>
      </c>
      <c r="D116856" s="14" t="s">
        <v>406</v>
      </c>
      <c r="E116856" s="15">
        <v>45432</v>
      </c>
      <c r="F116856" s="14" t="s">
        <v>15</v>
      </c>
      <c r="G116856" s="16">
        <v>7.2116055846422472E-2</v>
      </c>
    </row>
    <row r="116857" spans="1:7" x14ac:dyDescent="0.3">
      <c r="A116857" s="13" t="s">
        <v>554</v>
      </c>
      <c r="B116857" s="14" t="s">
        <v>1</v>
      </c>
      <c r="C116857" s="14" t="s">
        <v>546</v>
      </c>
      <c r="D116857" s="14" t="s">
        <v>406</v>
      </c>
      <c r="E116857" s="15">
        <v>45433</v>
      </c>
      <c r="F116857" s="14" t="s">
        <v>15</v>
      </c>
      <c r="G116857" s="16">
        <v>6.6671029668411999E-2</v>
      </c>
    </row>
    <row r="116858" spans="1:7" x14ac:dyDescent="0.3">
      <c r="A116858" s="13" t="s">
        <v>554</v>
      </c>
      <c r="B116858" s="14" t="s">
        <v>1</v>
      </c>
      <c r="C116858" s="14" t="s">
        <v>546</v>
      </c>
      <c r="D116858" s="14" t="s">
        <v>406</v>
      </c>
      <c r="E116858" s="15">
        <v>45434</v>
      </c>
      <c r="F116858" s="14" t="s">
        <v>15</v>
      </c>
      <c r="G116858" s="16">
        <v>7.7617801047120558E-2</v>
      </c>
    </row>
    <row r="116859" spans="1:7" x14ac:dyDescent="0.3">
      <c r="A116859" s="13" t="s">
        <v>554</v>
      </c>
      <c r="B116859" s="14" t="s">
        <v>1</v>
      </c>
      <c r="C116859" s="14" t="s">
        <v>546</v>
      </c>
      <c r="D116859" s="14" t="s">
        <v>406</v>
      </c>
      <c r="E116859" s="15">
        <v>45435</v>
      </c>
      <c r="F116859" s="14" t="s">
        <v>15</v>
      </c>
      <c r="G116859" s="16">
        <v>7.5822425828970474E-2</v>
      </c>
    </row>
    <row r="116860" spans="1:7" x14ac:dyDescent="0.3">
      <c r="A116860" s="13" t="s">
        <v>554</v>
      </c>
      <c r="B116860" s="14" t="s">
        <v>1</v>
      </c>
      <c r="C116860" s="14" t="s">
        <v>546</v>
      </c>
      <c r="D116860" s="14" t="s">
        <v>406</v>
      </c>
      <c r="E116860" s="15">
        <v>45436</v>
      </c>
      <c r="F116860" s="14" t="s">
        <v>15</v>
      </c>
      <c r="G116860" s="16">
        <v>7.40314136125656E-2</v>
      </c>
    </row>
    <row r="116861" spans="1:7" x14ac:dyDescent="0.3">
      <c r="A116861" s="13" t="s">
        <v>554</v>
      </c>
      <c r="B116861" s="14" t="s">
        <v>1</v>
      </c>
      <c r="C116861" s="14" t="s">
        <v>546</v>
      </c>
      <c r="D116861" s="14" t="s">
        <v>406</v>
      </c>
      <c r="E116861" s="15">
        <v>45437</v>
      </c>
      <c r="F116861" s="14" t="s">
        <v>15</v>
      </c>
      <c r="G116861" s="16">
        <v>7.40314136125656E-2</v>
      </c>
    </row>
    <row r="116862" spans="1:7" x14ac:dyDescent="0.3">
      <c r="A116862" s="13" t="s">
        <v>554</v>
      </c>
      <c r="B116862" s="14" t="s">
        <v>1</v>
      </c>
      <c r="C116862" s="14" t="s">
        <v>546</v>
      </c>
      <c r="D116862" s="14" t="s">
        <v>406</v>
      </c>
      <c r="E116862" s="15">
        <v>45438</v>
      </c>
      <c r="F116862" s="14" t="s">
        <v>15</v>
      </c>
      <c r="G116862" s="16">
        <v>7.40314136125656E-2</v>
      </c>
    </row>
    <row r="116863" spans="1:7" x14ac:dyDescent="0.3">
      <c r="A116863" s="13" t="s">
        <v>554</v>
      </c>
      <c r="B116863" s="14" t="s">
        <v>1</v>
      </c>
      <c r="C116863" s="14" t="s">
        <v>546</v>
      </c>
      <c r="D116863" s="14" t="s">
        <v>406</v>
      </c>
      <c r="E116863" s="15">
        <v>45439</v>
      </c>
      <c r="F116863" s="14" t="s">
        <v>15</v>
      </c>
      <c r="G116863" s="16">
        <v>7.2262216404886725E-2</v>
      </c>
    </row>
    <row r="116864" spans="1:7" x14ac:dyDescent="0.3">
      <c r="A116864" s="13" t="s">
        <v>554</v>
      </c>
      <c r="B116864" s="14" t="s">
        <v>1</v>
      </c>
      <c r="C116864" s="14" t="s">
        <v>546</v>
      </c>
      <c r="D116864" s="14" t="s">
        <v>406</v>
      </c>
      <c r="E116864" s="15">
        <v>45440</v>
      </c>
      <c r="F116864" s="14" t="s">
        <v>15</v>
      </c>
      <c r="G116864" s="16">
        <v>8.3863438045375382E-2</v>
      </c>
    </row>
    <row r="116865" spans="1:7" x14ac:dyDescent="0.3">
      <c r="A116865" s="13" t="s">
        <v>554</v>
      </c>
      <c r="B116865" s="14" t="s">
        <v>1</v>
      </c>
      <c r="C116865" s="14" t="s">
        <v>546</v>
      </c>
      <c r="D116865" s="14" t="s">
        <v>406</v>
      </c>
      <c r="E116865" s="15">
        <v>45441</v>
      </c>
      <c r="F116865" s="14" t="s">
        <v>15</v>
      </c>
      <c r="G116865" s="16">
        <v>8.2748691099476607E-2</v>
      </c>
    </row>
    <row r="116866" spans="1:7" x14ac:dyDescent="0.3">
      <c r="A116866" s="13" t="s">
        <v>554</v>
      </c>
      <c r="B116866" s="14" t="s">
        <v>1</v>
      </c>
      <c r="C116866" s="14" t="s">
        <v>546</v>
      </c>
      <c r="D116866" s="14" t="s">
        <v>406</v>
      </c>
      <c r="E116866" s="15">
        <v>45442</v>
      </c>
      <c r="F116866" s="14" t="s">
        <v>15</v>
      </c>
      <c r="G116866" s="16">
        <v>8.0992582897033344E-2</v>
      </c>
    </row>
    <row r="116867" spans="1:7" x14ac:dyDescent="0.3">
      <c r="A116867" s="13" t="s">
        <v>554</v>
      </c>
      <c r="B116867" s="14" t="s">
        <v>1</v>
      </c>
      <c r="C116867" s="14" t="s">
        <v>546</v>
      </c>
      <c r="D116867" s="14" t="s">
        <v>406</v>
      </c>
      <c r="E116867" s="15">
        <v>45443</v>
      </c>
      <c r="F116867" s="14" t="s">
        <v>15</v>
      </c>
      <c r="G116867" s="16">
        <v>8.339441535776633E-2</v>
      </c>
    </row>
    <row r="116868" spans="1:7" x14ac:dyDescent="0.3">
      <c r="A116868" s="13" t="s">
        <v>554</v>
      </c>
      <c r="B116868" s="14" t="s">
        <v>1</v>
      </c>
      <c r="C116868" s="14" t="s">
        <v>546</v>
      </c>
      <c r="D116868" s="14" t="s">
        <v>406</v>
      </c>
      <c r="E116868" s="15">
        <v>45444</v>
      </c>
      <c r="F116868" s="14" t="s">
        <v>15</v>
      </c>
      <c r="G116868" s="16">
        <v>8.339441535776633E-2</v>
      </c>
    </row>
    <row r="116869" spans="1:7" x14ac:dyDescent="0.3">
      <c r="A116869" s="13" t="s">
        <v>554</v>
      </c>
      <c r="B116869" s="14" t="s">
        <v>1</v>
      </c>
      <c r="C116869" s="14" t="s">
        <v>546</v>
      </c>
      <c r="D116869" s="14" t="s">
        <v>406</v>
      </c>
      <c r="E116869" s="15">
        <v>45445</v>
      </c>
      <c r="F116869" s="14" t="s">
        <v>15</v>
      </c>
      <c r="G116869" s="16">
        <v>8.339441535776633E-2</v>
      </c>
    </row>
    <row r="116870" spans="1:7" x14ac:dyDescent="0.3">
      <c r="A116870" s="13" t="s">
        <v>554</v>
      </c>
      <c r="B116870" s="14" t="s">
        <v>1</v>
      </c>
      <c r="C116870" s="14" t="s">
        <v>546</v>
      </c>
      <c r="D116870" s="14" t="s">
        <v>406</v>
      </c>
      <c r="E116870" s="15">
        <v>45446</v>
      </c>
      <c r="F116870" s="14" t="s">
        <v>15</v>
      </c>
      <c r="G116870" s="16">
        <v>8.339441535776633E-2</v>
      </c>
    </row>
    <row r="116871" spans="1:7" x14ac:dyDescent="0.3">
      <c r="A116871" s="13" t="s">
        <v>554</v>
      </c>
      <c r="B116871" s="14" t="s">
        <v>1</v>
      </c>
      <c r="C116871" s="14" t="s">
        <v>546</v>
      </c>
      <c r="D116871" s="14" t="s">
        <v>406</v>
      </c>
      <c r="E116871" s="15">
        <v>45447</v>
      </c>
      <c r="F116871" s="14" t="s">
        <v>15</v>
      </c>
      <c r="G116871" s="16">
        <v>8.5455933682373669E-2</v>
      </c>
    </row>
    <row r="116872" spans="1:7" x14ac:dyDescent="0.3">
      <c r="A116872" s="13" t="s">
        <v>554</v>
      </c>
      <c r="B116872" s="14" t="s">
        <v>1</v>
      </c>
      <c r="C116872" s="14" t="s">
        <v>546</v>
      </c>
      <c r="D116872" s="14" t="s">
        <v>406</v>
      </c>
      <c r="E116872" s="15">
        <v>45448</v>
      </c>
      <c r="F116872" s="14" t="s">
        <v>15</v>
      </c>
      <c r="G116872" s="16">
        <v>8.2209860383944358E-2</v>
      </c>
    </row>
    <row r="116873" spans="1:7" x14ac:dyDescent="0.3">
      <c r="A116873" s="13" t="s">
        <v>554</v>
      </c>
      <c r="B116873" s="14" t="s">
        <v>1</v>
      </c>
      <c r="C116873" s="14" t="s">
        <v>546</v>
      </c>
      <c r="D116873" s="14" t="s">
        <v>406</v>
      </c>
      <c r="E116873" s="15">
        <v>45449</v>
      </c>
      <c r="F116873" s="14" t="s">
        <v>15</v>
      </c>
      <c r="G116873" s="16">
        <v>9.0870418848167753E-2</v>
      </c>
    </row>
    <row r="116874" spans="1:7" x14ac:dyDescent="0.3">
      <c r="A116874" s="13" t="s">
        <v>554</v>
      </c>
      <c r="B116874" s="14" t="s">
        <v>1</v>
      </c>
      <c r="C116874" s="14" t="s">
        <v>546</v>
      </c>
      <c r="D116874" s="14" t="s">
        <v>406</v>
      </c>
      <c r="E116874" s="15">
        <v>45450</v>
      </c>
      <c r="F116874" s="14" t="s">
        <v>15</v>
      </c>
      <c r="G116874" s="16">
        <v>9.0789703315881556E-2</v>
      </c>
    </row>
    <row r="116875" spans="1:7" x14ac:dyDescent="0.3">
      <c r="A116875" s="13" t="s">
        <v>554</v>
      </c>
      <c r="B116875" s="14" t="s">
        <v>1</v>
      </c>
      <c r="C116875" s="14" t="s">
        <v>546</v>
      </c>
      <c r="D116875" s="14" t="s">
        <v>406</v>
      </c>
      <c r="E116875" s="15">
        <v>45451</v>
      </c>
      <c r="F116875" s="14" t="s">
        <v>15</v>
      </c>
      <c r="G116875" s="16">
        <v>9.0789703315881556E-2</v>
      </c>
    </row>
    <row r="116876" spans="1:7" x14ac:dyDescent="0.3">
      <c r="A116876" s="13" t="s">
        <v>554</v>
      </c>
      <c r="B116876" s="14" t="s">
        <v>1</v>
      </c>
      <c r="C116876" s="14" t="s">
        <v>546</v>
      </c>
      <c r="D116876" s="14" t="s">
        <v>406</v>
      </c>
      <c r="E116876" s="15">
        <v>45452</v>
      </c>
      <c r="F116876" s="14" t="s">
        <v>15</v>
      </c>
      <c r="G116876" s="16">
        <v>9.0789703315881556E-2</v>
      </c>
    </row>
    <row r="116877" spans="1:7" x14ac:dyDescent="0.3">
      <c r="A116877" s="13" t="s">
        <v>554</v>
      </c>
      <c r="B116877" s="14" t="s">
        <v>1</v>
      </c>
      <c r="C116877" s="14" t="s">
        <v>546</v>
      </c>
      <c r="D116877" s="14" t="s">
        <v>406</v>
      </c>
      <c r="E116877" s="15">
        <v>45453</v>
      </c>
      <c r="F116877" s="14" t="s">
        <v>15</v>
      </c>
      <c r="G116877" s="16">
        <v>9.0789703315881556E-2</v>
      </c>
    </row>
    <row r="116878" spans="1:7" x14ac:dyDescent="0.3">
      <c r="A116878" s="13" t="s">
        <v>554</v>
      </c>
      <c r="B116878" s="14" t="s">
        <v>1</v>
      </c>
      <c r="C116878" s="14" t="s">
        <v>546</v>
      </c>
      <c r="D116878" s="14" t="s">
        <v>406</v>
      </c>
      <c r="E116878" s="15">
        <v>45454</v>
      </c>
      <c r="F116878" s="14" t="s">
        <v>15</v>
      </c>
      <c r="G116878" s="16">
        <v>0.14398342059336849</v>
      </c>
    </row>
    <row r="116879" spans="1:7" x14ac:dyDescent="0.3">
      <c r="A116879" s="13" t="s">
        <v>554</v>
      </c>
      <c r="B116879" s="14" t="s">
        <v>1</v>
      </c>
      <c r="C116879" s="14" t="s">
        <v>546</v>
      </c>
      <c r="D116879" s="14" t="s">
        <v>406</v>
      </c>
      <c r="E116879" s="15">
        <v>45455</v>
      </c>
      <c r="F116879" s="14" t="s">
        <v>15</v>
      </c>
      <c r="G116879" s="16">
        <v>0.1370746073298432</v>
      </c>
    </row>
    <row r="116880" spans="1:7" x14ac:dyDescent="0.3">
      <c r="A116880" s="13" t="s">
        <v>554</v>
      </c>
      <c r="B116880" s="14" t="s">
        <v>1</v>
      </c>
      <c r="C116880" s="14" t="s">
        <v>546</v>
      </c>
      <c r="D116880" s="14" t="s">
        <v>406</v>
      </c>
      <c r="E116880" s="15">
        <v>45456</v>
      </c>
      <c r="F116880" s="14" t="s">
        <v>15</v>
      </c>
      <c r="G116880" s="16">
        <v>0.19046029668411893</v>
      </c>
    </row>
    <row r="116881" spans="1:7" x14ac:dyDescent="0.3">
      <c r="A116881" s="13" t="s">
        <v>554</v>
      </c>
      <c r="B116881" s="14" t="s">
        <v>1</v>
      </c>
      <c r="C116881" s="14" t="s">
        <v>546</v>
      </c>
      <c r="D116881" s="14" t="s">
        <v>406</v>
      </c>
      <c r="E116881" s="15">
        <v>45457</v>
      </c>
      <c r="F116881" s="14" t="s">
        <v>15</v>
      </c>
      <c r="G116881" s="16">
        <v>0.22294066317626551</v>
      </c>
    </row>
    <row r="116882" spans="1:7" x14ac:dyDescent="0.3">
      <c r="A116882" s="13" t="s">
        <v>554</v>
      </c>
      <c r="B116882" s="14" t="s">
        <v>1</v>
      </c>
      <c r="C116882" s="14" t="s">
        <v>546</v>
      </c>
      <c r="D116882" s="14" t="s">
        <v>406</v>
      </c>
      <c r="E116882" s="15">
        <v>45458</v>
      </c>
      <c r="F116882" s="14" t="s">
        <v>15</v>
      </c>
      <c r="G116882" s="16">
        <v>0.22294066317626551</v>
      </c>
    </row>
    <row r="116883" spans="1:7" x14ac:dyDescent="0.3">
      <c r="A116883" s="13" t="s">
        <v>554</v>
      </c>
      <c r="B116883" s="14" t="s">
        <v>1</v>
      </c>
      <c r="C116883" s="14" t="s">
        <v>546</v>
      </c>
      <c r="D116883" s="14" t="s">
        <v>406</v>
      </c>
      <c r="E116883" s="15">
        <v>45459</v>
      </c>
      <c r="F116883" s="14" t="s">
        <v>15</v>
      </c>
      <c r="G116883" s="16">
        <v>0.22294066317626551</v>
      </c>
    </row>
    <row r="116884" spans="1:7" x14ac:dyDescent="0.3">
      <c r="A116884" s="13" t="s">
        <v>554</v>
      </c>
      <c r="B116884" s="14" t="s">
        <v>1</v>
      </c>
      <c r="C116884" s="14" t="s">
        <v>546</v>
      </c>
      <c r="D116884" s="14" t="s">
        <v>406</v>
      </c>
      <c r="E116884" s="15">
        <v>45460</v>
      </c>
      <c r="F116884" s="14" t="s">
        <v>15</v>
      </c>
      <c r="G116884" s="16">
        <v>0.23502617801047149</v>
      </c>
    </row>
    <row r="116885" spans="1:7" x14ac:dyDescent="0.3">
      <c r="A116885" s="13" t="s">
        <v>554</v>
      </c>
      <c r="B116885" s="14" t="s">
        <v>1</v>
      </c>
      <c r="C116885" s="14" t="s">
        <v>546</v>
      </c>
      <c r="D116885" s="14" t="s">
        <v>406</v>
      </c>
      <c r="E116885" s="15">
        <v>45461</v>
      </c>
      <c r="F116885" s="14" t="s">
        <v>15</v>
      </c>
      <c r="G116885" s="16">
        <v>0.22989965095986065</v>
      </c>
    </row>
    <row r="116886" spans="1:7" x14ac:dyDescent="0.3">
      <c r="A116886" s="13" t="s">
        <v>554</v>
      </c>
      <c r="B116886" s="14" t="s">
        <v>1</v>
      </c>
      <c r="C116886" s="14" t="s">
        <v>546</v>
      </c>
      <c r="D116886" s="14" t="s">
        <v>406</v>
      </c>
      <c r="E116886" s="15">
        <v>45462</v>
      </c>
      <c r="F116886" s="14" t="s">
        <v>15</v>
      </c>
      <c r="G116886" s="16">
        <v>0.28418193717277518</v>
      </c>
    </row>
    <row r="116887" spans="1:7" x14ac:dyDescent="0.3">
      <c r="A116887" s="13" t="s">
        <v>554</v>
      </c>
      <c r="B116887" s="14" t="s">
        <v>1</v>
      </c>
      <c r="C116887" s="14" t="s">
        <v>546</v>
      </c>
      <c r="D116887" s="14" t="s">
        <v>406</v>
      </c>
      <c r="E116887" s="15">
        <v>45463</v>
      </c>
      <c r="F116887" s="14" t="s">
        <v>15</v>
      </c>
      <c r="G116887" s="16">
        <v>0.31833551483420625</v>
      </c>
    </row>
    <row r="116888" spans="1:7" x14ac:dyDescent="0.3">
      <c r="A116888" s="13" t="s">
        <v>554</v>
      </c>
      <c r="B116888" s="14" t="s">
        <v>1</v>
      </c>
      <c r="C116888" s="14" t="s">
        <v>546</v>
      </c>
      <c r="D116888" s="14" t="s">
        <v>406</v>
      </c>
      <c r="E116888" s="15">
        <v>45464</v>
      </c>
      <c r="F116888" s="14" t="s">
        <v>15</v>
      </c>
      <c r="G116888" s="16">
        <v>0.31659904013961637</v>
      </c>
    </row>
    <row r="116889" spans="1:7" x14ac:dyDescent="0.3">
      <c r="A116889" s="13" t="s">
        <v>554</v>
      </c>
      <c r="B116889" s="14" t="s">
        <v>1</v>
      </c>
      <c r="C116889" s="14" t="s">
        <v>546</v>
      </c>
      <c r="D116889" s="14" t="s">
        <v>406</v>
      </c>
      <c r="E116889" s="15">
        <v>45465</v>
      </c>
      <c r="F116889" s="14" t="s">
        <v>15</v>
      </c>
      <c r="G116889" s="16">
        <v>0.31659904013961637</v>
      </c>
    </row>
    <row r="116890" spans="1:7" x14ac:dyDescent="0.3">
      <c r="A116890" s="13" t="s">
        <v>554</v>
      </c>
      <c r="B116890" s="14" t="s">
        <v>1</v>
      </c>
      <c r="C116890" s="14" t="s">
        <v>546</v>
      </c>
      <c r="D116890" s="14" t="s">
        <v>406</v>
      </c>
      <c r="E116890" s="15">
        <v>45466</v>
      </c>
      <c r="F116890" s="14" t="s">
        <v>15</v>
      </c>
      <c r="G116890" s="16">
        <v>0.31659904013961637</v>
      </c>
    </row>
    <row r="116891" spans="1:7" x14ac:dyDescent="0.3">
      <c r="A116891" s="13" t="s">
        <v>554</v>
      </c>
      <c r="B116891" s="14" t="s">
        <v>1</v>
      </c>
      <c r="C116891" s="14" t="s">
        <v>546</v>
      </c>
      <c r="D116891" s="14" t="s">
        <v>406</v>
      </c>
      <c r="E116891" s="15">
        <v>45467</v>
      </c>
      <c r="F116891" s="14" t="s">
        <v>15</v>
      </c>
      <c r="G116891" s="16">
        <v>0.31487565445026211</v>
      </c>
    </row>
    <row r="116892" spans="1:7" x14ac:dyDescent="0.3">
      <c r="A116892" s="13" t="s">
        <v>554</v>
      </c>
      <c r="B116892" s="14" t="s">
        <v>1</v>
      </c>
      <c r="C116892" s="14" t="s">
        <v>546</v>
      </c>
      <c r="D116892" s="14" t="s">
        <v>406</v>
      </c>
      <c r="E116892" s="15">
        <v>45468</v>
      </c>
      <c r="F116892" s="14" t="s">
        <v>15</v>
      </c>
      <c r="G116892" s="16">
        <v>0.31960732984293228</v>
      </c>
    </row>
    <row r="116893" spans="1:7" x14ac:dyDescent="0.3">
      <c r="A116893" s="13" t="s">
        <v>554</v>
      </c>
      <c r="B116893" s="14" t="s">
        <v>1</v>
      </c>
      <c r="C116893" s="14" t="s">
        <v>546</v>
      </c>
      <c r="D116893" s="14" t="s">
        <v>406</v>
      </c>
      <c r="E116893" s="15">
        <v>45469</v>
      </c>
      <c r="F116893" s="14" t="s">
        <v>15</v>
      </c>
      <c r="G116893" s="16">
        <v>0.3221116928446775</v>
      </c>
    </row>
    <row r="116894" spans="1:7" x14ac:dyDescent="0.3">
      <c r="A116894" s="13" t="s">
        <v>554</v>
      </c>
      <c r="B116894" s="14" t="s">
        <v>1</v>
      </c>
      <c r="C116894" s="14" t="s">
        <v>546</v>
      </c>
      <c r="D116894" s="14" t="s">
        <v>406</v>
      </c>
      <c r="E116894" s="15">
        <v>45470</v>
      </c>
      <c r="F116894" s="14" t="s">
        <v>15</v>
      </c>
      <c r="G116894" s="16">
        <v>0.32481239092495673</v>
      </c>
    </row>
    <row r="116895" spans="1:7" x14ac:dyDescent="0.3">
      <c r="A116895" s="13" t="s">
        <v>554</v>
      </c>
      <c r="B116895" s="14" t="s">
        <v>1</v>
      </c>
      <c r="C116895" s="14" t="s">
        <v>546</v>
      </c>
      <c r="D116895" s="14" t="s">
        <v>406</v>
      </c>
      <c r="E116895" s="15">
        <v>45471</v>
      </c>
      <c r="F116895" s="14" t="s">
        <v>15</v>
      </c>
      <c r="G116895" s="16">
        <v>0.32531195462478218</v>
      </c>
    </row>
    <row r="116896" spans="1:7" x14ac:dyDescent="0.3">
      <c r="A116896" s="13" t="s">
        <v>554</v>
      </c>
      <c r="B116896" s="14" t="s">
        <v>1</v>
      </c>
      <c r="C116896" s="14" t="s">
        <v>546</v>
      </c>
      <c r="D116896" s="14" t="s">
        <v>406</v>
      </c>
      <c r="E116896" s="15">
        <v>45472</v>
      </c>
      <c r="F116896" s="14" t="s">
        <v>15</v>
      </c>
      <c r="G116896" s="16">
        <v>0.32531195462478218</v>
      </c>
    </row>
    <row r="116897" spans="1:7" x14ac:dyDescent="0.3">
      <c r="A116897" s="13" t="s">
        <v>554</v>
      </c>
      <c r="B116897" s="14" t="s">
        <v>1</v>
      </c>
      <c r="C116897" s="14" t="s">
        <v>546</v>
      </c>
      <c r="D116897" s="14" t="s">
        <v>406</v>
      </c>
      <c r="E116897" s="15">
        <v>45473</v>
      </c>
      <c r="F116897" s="14" t="s">
        <v>15</v>
      </c>
      <c r="G116897" s="16">
        <v>0.32531195462478218</v>
      </c>
    </row>
    <row r="116898" spans="1:7" x14ac:dyDescent="0.3">
      <c r="A116898" s="13" t="s">
        <v>554</v>
      </c>
      <c r="B116898" s="14" t="s">
        <v>1</v>
      </c>
      <c r="C116898" s="14" t="s">
        <v>546</v>
      </c>
      <c r="D116898" s="14" t="s">
        <v>406</v>
      </c>
      <c r="E116898" s="15">
        <v>45474</v>
      </c>
      <c r="F116898" s="14" t="s">
        <v>15</v>
      </c>
      <c r="G116898" s="16">
        <v>0.32531195462478218</v>
      </c>
    </row>
    <row r="116899" spans="1:7" x14ac:dyDescent="0.3">
      <c r="A116899" s="13" t="s">
        <v>554</v>
      </c>
      <c r="B116899" s="14" t="s">
        <v>1</v>
      </c>
      <c r="C116899" s="14" t="s">
        <v>546</v>
      </c>
      <c r="D116899" s="14" t="s">
        <v>406</v>
      </c>
      <c r="E116899" s="15">
        <v>45475</v>
      </c>
      <c r="F116899" s="14" t="s">
        <v>15</v>
      </c>
      <c r="G116899" s="16">
        <v>0.32465095986038428</v>
      </c>
    </row>
    <row r="116900" spans="1:7" x14ac:dyDescent="0.3">
      <c r="A116900" s="13" t="s">
        <v>554</v>
      </c>
      <c r="B116900" s="14" t="s">
        <v>1</v>
      </c>
      <c r="C116900" s="14" t="s">
        <v>546</v>
      </c>
      <c r="D116900" s="14" t="s">
        <v>406</v>
      </c>
      <c r="E116900" s="15">
        <v>45476</v>
      </c>
      <c r="F116900" s="14" t="s">
        <v>15</v>
      </c>
      <c r="G116900" s="16">
        <v>0.32148123909249599</v>
      </c>
    </row>
    <row r="116901" spans="1:7" x14ac:dyDescent="0.3">
      <c r="A116901" s="13" t="s">
        <v>554</v>
      </c>
      <c r="B116901" s="14" t="s">
        <v>1</v>
      </c>
      <c r="C116901" s="14" t="s">
        <v>546</v>
      </c>
      <c r="D116901" s="14" t="s">
        <v>406</v>
      </c>
      <c r="E116901" s="15">
        <v>45477</v>
      </c>
      <c r="F116901" s="14" t="s">
        <v>15</v>
      </c>
      <c r="G116901" s="16">
        <v>0.46364310645724294</v>
      </c>
    </row>
    <row r="116902" spans="1:7" x14ac:dyDescent="0.3">
      <c r="A116902" s="13" t="s">
        <v>554</v>
      </c>
      <c r="B116902" s="14" t="s">
        <v>1</v>
      </c>
      <c r="C116902" s="14" t="s">
        <v>546</v>
      </c>
      <c r="D116902" s="14" t="s">
        <v>406</v>
      </c>
      <c r="E116902" s="15">
        <v>45478</v>
      </c>
      <c r="F116902" s="14" t="s">
        <v>15</v>
      </c>
      <c r="G116902" s="16">
        <v>0.6724301919720771</v>
      </c>
    </row>
    <row r="116903" spans="1:7" x14ac:dyDescent="0.3">
      <c r="A116903" s="13" t="s">
        <v>554</v>
      </c>
      <c r="B116903" s="14" t="s">
        <v>1</v>
      </c>
      <c r="C116903" s="14" t="s">
        <v>546</v>
      </c>
      <c r="D116903" s="14" t="s">
        <v>406</v>
      </c>
      <c r="E116903" s="15">
        <v>45479</v>
      </c>
      <c r="F116903" s="14" t="s">
        <v>15</v>
      </c>
      <c r="G116903" s="16">
        <v>0.6724301919720771</v>
      </c>
    </row>
    <row r="116904" spans="1:7" x14ac:dyDescent="0.3">
      <c r="A116904" s="13" t="s">
        <v>554</v>
      </c>
      <c r="B116904" s="14" t="s">
        <v>1</v>
      </c>
      <c r="C116904" s="14" t="s">
        <v>546</v>
      </c>
      <c r="D116904" s="14" t="s">
        <v>406</v>
      </c>
      <c r="E116904" s="15">
        <v>45480</v>
      </c>
      <c r="F116904" s="14" t="s">
        <v>15</v>
      </c>
      <c r="G116904" s="16">
        <v>0.6724301919720771</v>
      </c>
    </row>
    <row r="116905" spans="1:7" x14ac:dyDescent="0.3">
      <c r="A116905" s="13" t="s">
        <v>554</v>
      </c>
      <c r="B116905" s="14" t="s">
        <v>1</v>
      </c>
      <c r="C116905" s="14" t="s">
        <v>546</v>
      </c>
      <c r="D116905" s="14" t="s">
        <v>406</v>
      </c>
      <c r="E116905" s="15">
        <v>45481</v>
      </c>
      <c r="F116905" s="14" t="s">
        <v>15</v>
      </c>
      <c r="G116905" s="16">
        <v>0.69793848167539296</v>
      </c>
    </row>
    <row r="116906" spans="1:7" x14ac:dyDescent="0.3">
      <c r="A116906" s="13" t="s">
        <v>554</v>
      </c>
      <c r="B116906" s="14" t="s">
        <v>1</v>
      </c>
      <c r="C116906" s="14" t="s">
        <v>546</v>
      </c>
      <c r="D116906" s="14" t="s">
        <v>406</v>
      </c>
      <c r="E116906" s="15">
        <v>45482</v>
      </c>
      <c r="F116906" s="14" t="s">
        <v>15</v>
      </c>
      <c r="G116906" s="16">
        <v>0.73840750436300207</v>
      </c>
    </row>
    <row r="116907" spans="1:7" x14ac:dyDescent="0.3">
      <c r="A116907" s="13" t="s">
        <v>554</v>
      </c>
      <c r="B116907" s="14" t="s">
        <v>1</v>
      </c>
      <c r="C116907" s="14" t="s">
        <v>546</v>
      </c>
      <c r="D116907" s="14" t="s">
        <v>406</v>
      </c>
      <c r="E116907" s="15">
        <v>45483</v>
      </c>
      <c r="F116907" s="14" t="s">
        <v>15</v>
      </c>
      <c r="G116907" s="16">
        <v>0.73672556719022719</v>
      </c>
    </row>
    <row r="116908" spans="1:7" x14ac:dyDescent="0.3">
      <c r="A116908" s="13" t="s">
        <v>554</v>
      </c>
      <c r="B116908" s="14" t="s">
        <v>1</v>
      </c>
      <c r="C116908" s="14" t="s">
        <v>546</v>
      </c>
      <c r="D116908" s="14" t="s">
        <v>406</v>
      </c>
      <c r="E116908" s="15">
        <v>45484</v>
      </c>
      <c r="F116908" s="14" t="s">
        <v>15</v>
      </c>
      <c r="G116908" s="16">
        <v>0.74563045375218184</v>
      </c>
    </row>
    <row r="116909" spans="1:7" x14ac:dyDescent="0.3">
      <c r="A116909" s="13" t="s">
        <v>554</v>
      </c>
      <c r="B116909" s="14" t="s">
        <v>1</v>
      </c>
      <c r="C116909" s="14" t="s">
        <v>546</v>
      </c>
      <c r="D116909" s="14" t="s">
        <v>406</v>
      </c>
      <c r="E116909" s="15">
        <v>45485</v>
      </c>
      <c r="F116909" s="14" t="s">
        <v>15</v>
      </c>
      <c r="G116909" s="16">
        <v>0.74991055846422372</v>
      </c>
    </row>
    <row r="116910" spans="1:7" x14ac:dyDescent="0.3">
      <c r="A116910" s="13" t="s">
        <v>554</v>
      </c>
      <c r="B116910" s="14" t="s">
        <v>1</v>
      </c>
      <c r="C116910" s="14" t="s">
        <v>546</v>
      </c>
      <c r="D116910" s="14" t="s">
        <v>406</v>
      </c>
      <c r="E116910" s="15">
        <v>45486</v>
      </c>
      <c r="F116910" s="14" t="s">
        <v>15</v>
      </c>
      <c r="G116910" s="16">
        <v>0.74991055846422372</v>
      </c>
    </row>
    <row r="116911" spans="1:7" x14ac:dyDescent="0.3">
      <c r="A116911" s="13" t="s">
        <v>554</v>
      </c>
      <c r="B116911" s="14" t="s">
        <v>1</v>
      </c>
      <c r="C116911" s="14" t="s">
        <v>546</v>
      </c>
      <c r="D116911" s="14" t="s">
        <v>406</v>
      </c>
      <c r="E116911" s="15">
        <v>45487</v>
      </c>
      <c r="F116911" s="14" t="s">
        <v>15</v>
      </c>
      <c r="G116911" s="16">
        <v>0.74991055846422372</v>
      </c>
    </row>
    <row r="116912" spans="1:7" x14ac:dyDescent="0.3">
      <c r="A116912" s="13" t="s">
        <v>554</v>
      </c>
      <c r="B116912" s="14" t="s">
        <v>1</v>
      </c>
      <c r="C116912" s="14" t="s">
        <v>546</v>
      </c>
      <c r="D116912" s="14" t="s">
        <v>406</v>
      </c>
      <c r="E116912" s="15">
        <v>45488</v>
      </c>
      <c r="F116912" s="14" t="s">
        <v>15</v>
      </c>
      <c r="G116912" s="16">
        <v>0.76824825479930225</v>
      </c>
    </row>
    <row r="116913" spans="1:7" x14ac:dyDescent="0.3">
      <c r="A116913" s="13" t="s">
        <v>554</v>
      </c>
      <c r="B116913" s="14" t="s">
        <v>1</v>
      </c>
      <c r="C116913" s="14" t="s">
        <v>546</v>
      </c>
      <c r="D116913" s="14" t="s">
        <v>406</v>
      </c>
      <c r="E116913" s="15">
        <v>45489</v>
      </c>
      <c r="F116913" s="14" t="s">
        <v>15</v>
      </c>
      <c r="G116913" s="16">
        <v>0.76301701570680658</v>
      </c>
    </row>
    <row r="116914" spans="1:7" x14ac:dyDescent="0.3">
      <c r="A116914" s="13" t="s">
        <v>554</v>
      </c>
      <c r="B116914" s="14" t="s">
        <v>1</v>
      </c>
      <c r="C116914" s="14" t="s">
        <v>546</v>
      </c>
      <c r="D116914" s="14" t="s">
        <v>406</v>
      </c>
      <c r="E116914" s="15">
        <v>45490</v>
      </c>
      <c r="F116914" s="14" t="s">
        <v>15</v>
      </c>
      <c r="G116914" s="16">
        <v>0.76128490401396187</v>
      </c>
    </row>
    <row r="116915" spans="1:7" x14ac:dyDescent="0.3">
      <c r="A116915" s="13" t="s">
        <v>554</v>
      </c>
      <c r="B116915" s="14" t="s">
        <v>1</v>
      </c>
      <c r="C116915" s="14" t="s">
        <v>546</v>
      </c>
      <c r="D116915" s="14" t="s">
        <v>406</v>
      </c>
      <c r="E116915" s="15">
        <v>45491</v>
      </c>
      <c r="F116915" s="14" t="s">
        <v>15</v>
      </c>
      <c r="G116915" s="16">
        <v>0.7631522687609078</v>
      </c>
    </row>
    <row r="116916" spans="1:7" x14ac:dyDescent="0.3">
      <c r="A116916" s="13" t="s">
        <v>554</v>
      </c>
      <c r="B116916" s="14" t="s">
        <v>1</v>
      </c>
      <c r="C116916" s="14" t="s">
        <v>546</v>
      </c>
      <c r="D116916" s="14" t="s">
        <v>406</v>
      </c>
      <c r="E116916" s="15">
        <v>45492</v>
      </c>
      <c r="F116916" s="14" t="s">
        <v>15</v>
      </c>
      <c r="G116916" s="16">
        <v>0.76144415357766171</v>
      </c>
    </row>
    <row r="116917" spans="1:7" x14ac:dyDescent="0.3">
      <c r="A116917" s="13" t="s">
        <v>554</v>
      </c>
      <c r="B116917" s="14" t="s">
        <v>1</v>
      </c>
      <c r="C116917" s="14" t="s">
        <v>546</v>
      </c>
      <c r="D116917" s="14" t="s">
        <v>406</v>
      </c>
      <c r="E116917" s="15">
        <v>45493</v>
      </c>
      <c r="F116917" s="14" t="s">
        <v>15</v>
      </c>
      <c r="G116917" s="16">
        <v>0.76144415357766171</v>
      </c>
    </row>
    <row r="116918" spans="1:7" x14ac:dyDescent="0.3">
      <c r="A116918" s="13" t="s">
        <v>554</v>
      </c>
      <c r="B116918" s="14" t="s">
        <v>1</v>
      </c>
      <c r="C116918" s="14" t="s">
        <v>546</v>
      </c>
      <c r="D116918" s="14" t="s">
        <v>406</v>
      </c>
      <c r="E116918" s="15">
        <v>45494</v>
      </c>
      <c r="F116918" s="14" t="s">
        <v>15</v>
      </c>
      <c r="G116918" s="16">
        <v>0.76144415357766171</v>
      </c>
    </row>
    <row r="116919" spans="1:7" x14ac:dyDescent="0.3">
      <c r="A116919" s="13" t="s">
        <v>554</v>
      </c>
      <c r="B116919" s="14" t="s">
        <v>1</v>
      </c>
      <c r="C116919" s="14" t="s">
        <v>546</v>
      </c>
      <c r="D116919" s="14" t="s">
        <v>406</v>
      </c>
      <c r="E116919" s="15">
        <v>45495</v>
      </c>
      <c r="F116919" s="14" t="s">
        <v>15</v>
      </c>
      <c r="G116919" s="16">
        <v>0.79410994764397946</v>
      </c>
    </row>
    <row r="116920" spans="1:7" x14ac:dyDescent="0.3">
      <c r="A116920" s="13" t="s">
        <v>554</v>
      </c>
      <c r="B116920" s="14" t="s">
        <v>1</v>
      </c>
      <c r="C116920" s="14" t="s">
        <v>546</v>
      </c>
      <c r="D116920" s="14" t="s">
        <v>406</v>
      </c>
      <c r="E116920" s="15">
        <v>45496</v>
      </c>
      <c r="F116920" s="14" t="s">
        <v>15</v>
      </c>
      <c r="G116920" s="16">
        <v>0.78904450261780146</v>
      </c>
    </row>
    <row r="116921" spans="1:7" x14ac:dyDescent="0.3">
      <c r="A116921" s="13" t="s">
        <v>554</v>
      </c>
      <c r="B116921" s="14" t="s">
        <v>1</v>
      </c>
      <c r="C116921" s="14" t="s">
        <v>546</v>
      </c>
      <c r="D116921" s="14" t="s">
        <v>406</v>
      </c>
      <c r="E116921" s="15">
        <v>45497</v>
      </c>
      <c r="F116921" s="14" t="s">
        <v>15</v>
      </c>
      <c r="G116921" s="16">
        <v>0.78734511343804581</v>
      </c>
    </row>
    <row r="116922" spans="1:7" x14ac:dyDescent="0.3">
      <c r="A116922" s="13" t="s">
        <v>554</v>
      </c>
      <c r="B116922" s="14" t="s">
        <v>1</v>
      </c>
      <c r="C116922" s="14" t="s">
        <v>546</v>
      </c>
      <c r="D116922" s="14" t="s">
        <v>406</v>
      </c>
      <c r="E116922" s="15">
        <v>45498</v>
      </c>
      <c r="F116922" s="14" t="s">
        <v>15</v>
      </c>
      <c r="G116922" s="16">
        <v>0.78567190226876127</v>
      </c>
    </row>
    <row r="116923" spans="1:7" x14ac:dyDescent="0.3">
      <c r="A116923" s="13" t="s">
        <v>554</v>
      </c>
      <c r="B116923" s="14" t="s">
        <v>1</v>
      </c>
      <c r="C116923" s="14" t="s">
        <v>546</v>
      </c>
      <c r="D116923" s="14" t="s">
        <v>406</v>
      </c>
      <c r="E116923" s="15">
        <v>45499</v>
      </c>
      <c r="F116923" s="14" t="s">
        <v>15</v>
      </c>
      <c r="G116923" s="16">
        <v>0.7840117801047124</v>
      </c>
    </row>
    <row r="116924" spans="1:7" x14ac:dyDescent="0.3">
      <c r="A116924" s="13" t="s">
        <v>554</v>
      </c>
      <c r="B116924" s="14" t="s">
        <v>1</v>
      </c>
      <c r="C116924" s="14" t="s">
        <v>546</v>
      </c>
      <c r="D116924" s="14" t="s">
        <v>406</v>
      </c>
      <c r="E116924" s="15">
        <v>45500</v>
      </c>
      <c r="F116924" s="14" t="s">
        <v>15</v>
      </c>
      <c r="G116924" s="16">
        <v>0.7840117801047124</v>
      </c>
    </row>
    <row r="116925" spans="1:7" x14ac:dyDescent="0.3">
      <c r="A116925" s="13" t="s">
        <v>554</v>
      </c>
      <c r="B116925" s="14" t="s">
        <v>1</v>
      </c>
      <c r="C116925" s="14" t="s">
        <v>546</v>
      </c>
      <c r="D116925" s="14" t="s">
        <v>406</v>
      </c>
      <c r="E116925" s="15">
        <v>45501</v>
      </c>
      <c r="F116925" s="14" t="s">
        <v>15</v>
      </c>
      <c r="G116925" s="16">
        <v>0.7840117801047124</v>
      </c>
    </row>
    <row r="116926" spans="1:7" x14ac:dyDescent="0.3">
      <c r="A116926" s="13" t="s">
        <v>554</v>
      </c>
      <c r="B116926" s="14" t="s">
        <v>1</v>
      </c>
      <c r="C116926" s="14" t="s">
        <v>546</v>
      </c>
      <c r="D116926" s="14" t="s">
        <v>406</v>
      </c>
      <c r="E116926" s="15">
        <v>45502</v>
      </c>
      <c r="F116926" s="14" t="s">
        <v>15</v>
      </c>
      <c r="G116926" s="16">
        <v>0.78237565445026214</v>
      </c>
    </row>
    <row r="116927" spans="1:7" x14ac:dyDescent="0.3">
      <c r="A116927" s="13" t="s">
        <v>554</v>
      </c>
      <c r="B116927" s="14" t="s">
        <v>1</v>
      </c>
      <c r="C116927" s="14" t="s">
        <v>546</v>
      </c>
      <c r="D116927" s="14" t="s">
        <v>406</v>
      </c>
      <c r="E116927" s="15">
        <v>45503</v>
      </c>
      <c r="F116927" s="14" t="s">
        <v>15</v>
      </c>
      <c r="G116927" s="16">
        <v>0.77747164048865658</v>
      </c>
    </row>
    <row r="116928" spans="1:7" x14ac:dyDescent="0.3">
      <c r="A116928" s="13" t="s">
        <v>554</v>
      </c>
      <c r="B116928" s="14" t="s">
        <v>1</v>
      </c>
      <c r="C116928" s="14" t="s">
        <v>546</v>
      </c>
      <c r="D116928" s="14" t="s">
        <v>406</v>
      </c>
      <c r="E116928" s="15">
        <v>45504</v>
      </c>
      <c r="F116928" s="14" t="s">
        <v>15</v>
      </c>
      <c r="G116928" s="16">
        <v>0.77606675392670188</v>
      </c>
    </row>
    <row r="116929" spans="1:7" x14ac:dyDescent="0.3">
      <c r="A116929" s="13" t="s">
        <v>554</v>
      </c>
      <c r="B116929" s="14" t="s">
        <v>1</v>
      </c>
      <c r="C116929" s="14" t="s">
        <v>546</v>
      </c>
      <c r="D116929" s="14" t="s">
        <v>406</v>
      </c>
      <c r="E116929" s="15">
        <v>45505</v>
      </c>
      <c r="F116929" s="14" t="s">
        <v>15</v>
      </c>
      <c r="G116929" s="16">
        <v>0.77444371727748729</v>
      </c>
    </row>
    <row r="116930" spans="1:7" x14ac:dyDescent="0.3">
      <c r="A116930" s="13" t="s">
        <v>554</v>
      </c>
      <c r="B116930" s="14" t="s">
        <v>1</v>
      </c>
      <c r="C116930" s="14" t="s">
        <v>546</v>
      </c>
      <c r="D116930" s="14" t="s">
        <v>406</v>
      </c>
      <c r="E116930" s="15">
        <v>45506</v>
      </c>
      <c r="F116930" s="14" t="s">
        <v>15</v>
      </c>
      <c r="G116930" s="16">
        <v>0.78199825479930229</v>
      </c>
    </row>
    <row r="116931" spans="1:7" x14ac:dyDescent="0.3">
      <c r="A116931" s="13" t="s">
        <v>554</v>
      </c>
      <c r="B116931" s="14" t="s">
        <v>1</v>
      </c>
      <c r="C116931" s="14" t="s">
        <v>546</v>
      </c>
      <c r="D116931" s="14" t="s">
        <v>406</v>
      </c>
      <c r="E116931" s="15">
        <v>45507</v>
      </c>
      <c r="F116931" s="14" t="s">
        <v>15</v>
      </c>
      <c r="G116931" s="16">
        <v>0.78199825479930229</v>
      </c>
    </row>
    <row r="116932" spans="1:7" x14ac:dyDescent="0.3">
      <c r="A116932" s="13" t="s">
        <v>554</v>
      </c>
      <c r="B116932" s="14" t="s">
        <v>1</v>
      </c>
      <c r="C116932" s="14" t="s">
        <v>546</v>
      </c>
      <c r="D116932" s="14" t="s">
        <v>406</v>
      </c>
      <c r="E116932" s="15">
        <v>45508</v>
      </c>
      <c r="F116932" s="14" t="s">
        <v>15</v>
      </c>
      <c r="G116932" s="16">
        <v>0.78199825479930229</v>
      </c>
    </row>
    <row r="116933" spans="1:7" x14ac:dyDescent="0.3">
      <c r="A116933" s="13" t="s">
        <v>554</v>
      </c>
      <c r="B116933" s="14" t="s">
        <v>1</v>
      </c>
      <c r="C116933" s="14" t="s">
        <v>546</v>
      </c>
      <c r="D116933" s="14" t="s">
        <v>406</v>
      </c>
      <c r="E116933" s="15">
        <v>45509</v>
      </c>
      <c r="F116933" s="14" t="s">
        <v>15</v>
      </c>
      <c r="G116933" s="16">
        <v>0.78199825479930229</v>
      </c>
    </row>
    <row r="116934" spans="1:7" x14ac:dyDescent="0.3">
      <c r="A116934" s="13" t="s">
        <v>554</v>
      </c>
      <c r="B116934" s="14" t="s">
        <v>1</v>
      </c>
      <c r="C116934" s="14" t="s">
        <v>546</v>
      </c>
      <c r="D116934" s="14" t="s">
        <v>406</v>
      </c>
      <c r="E116934" s="15">
        <v>45510</v>
      </c>
      <c r="F116934" s="14" t="s">
        <v>15</v>
      </c>
      <c r="G116934" s="16">
        <v>0.78034904013961648</v>
      </c>
    </row>
    <row r="116935" spans="1:7" x14ac:dyDescent="0.3">
      <c r="A116935" s="13" t="s">
        <v>554</v>
      </c>
      <c r="B116935" s="14" t="s">
        <v>1</v>
      </c>
      <c r="C116935" s="14" t="s">
        <v>546</v>
      </c>
      <c r="D116935" s="14" t="s">
        <v>406</v>
      </c>
      <c r="E116935" s="15">
        <v>45511</v>
      </c>
      <c r="F116935" s="14" t="s">
        <v>15</v>
      </c>
      <c r="G116935" s="16">
        <v>0.77385689354275788</v>
      </c>
    </row>
    <row r="116936" spans="1:7" x14ac:dyDescent="0.3">
      <c r="A116936" s="13" t="s">
        <v>554</v>
      </c>
      <c r="B116936" s="14" t="s">
        <v>1</v>
      </c>
      <c r="C116936" s="14" t="s">
        <v>546</v>
      </c>
      <c r="D116936" s="14" t="s">
        <v>406</v>
      </c>
      <c r="E116936" s="15">
        <v>45512</v>
      </c>
      <c r="F116936" s="14" t="s">
        <v>15</v>
      </c>
      <c r="G116936" s="16">
        <v>0.77224912739965146</v>
      </c>
    </row>
    <row r="116937" spans="1:7" x14ac:dyDescent="0.3">
      <c r="A116937" s="13" t="s">
        <v>554</v>
      </c>
      <c r="B116937" s="14" t="s">
        <v>1</v>
      </c>
      <c r="C116937" s="14" t="s">
        <v>546</v>
      </c>
      <c r="D116937" s="14" t="s">
        <v>406</v>
      </c>
      <c r="E116937" s="15">
        <v>45513</v>
      </c>
      <c r="F116937" s="14" t="s">
        <v>15</v>
      </c>
      <c r="G116937" s="16">
        <v>0.77062390924956414</v>
      </c>
    </row>
    <row r="116938" spans="1:7" x14ac:dyDescent="0.3">
      <c r="A116938" s="13" t="s">
        <v>554</v>
      </c>
      <c r="B116938" s="14" t="s">
        <v>1</v>
      </c>
      <c r="C116938" s="14" t="s">
        <v>546</v>
      </c>
      <c r="D116938" s="14" t="s">
        <v>406</v>
      </c>
      <c r="E116938" s="15">
        <v>45514</v>
      </c>
      <c r="F116938" s="14" t="s">
        <v>15</v>
      </c>
      <c r="G116938" s="16">
        <v>0.77062390924956414</v>
      </c>
    </row>
    <row r="116939" spans="1:7" x14ac:dyDescent="0.3">
      <c r="A116939" s="13" t="s">
        <v>554</v>
      </c>
      <c r="B116939" s="14" t="s">
        <v>1</v>
      </c>
      <c r="C116939" s="14" t="s">
        <v>546</v>
      </c>
      <c r="D116939" s="14" t="s">
        <v>406</v>
      </c>
      <c r="E116939" s="15">
        <v>45515</v>
      </c>
      <c r="F116939" s="14" t="s">
        <v>15</v>
      </c>
      <c r="G116939" s="16">
        <v>0.77062390924956414</v>
      </c>
    </row>
    <row r="116940" spans="1:7" x14ac:dyDescent="0.3">
      <c r="A116940" s="13" t="s">
        <v>554</v>
      </c>
      <c r="B116940" s="14" t="s">
        <v>1</v>
      </c>
      <c r="C116940" s="14" t="s">
        <v>546</v>
      </c>
      <c r="D116940" s="14" t="s">
        <v>406</v>
      </c>
      <c r="E116940" s="15">
        <v>45516</v>
      </c>
      <c r="F116940" s="14" t="s">
        <v>15</v>
      </c>
      <c r="G116940" s="16">
        <v>0.76899650959860433</v>
      </c>
    </row>
    <row r="116941" spans="1:7" x14ac:dyDescent="0.3">
      <c r="A116941" s="13" t="s">
        <v>554</v>
      </c>
      <c r="B116941" s="14" t="s">
        <v>1</v>
      </c>
      <c r="C116941" s="14" t="s">
        <v>546</v>
      </c>
      <c r="D116941" s="14" t="s">
        <v>406</v>
      </c>
      <c r="E116941" s="15">
        <v>45517</v>
      </c>
      <c r="F116941" s="14" t="s">
        <v>15</v>
      </c>
      <c r="G116941" s="16">
        <v>0.76407068062827277</v>
      </c>
    </row>
    <row r="116942" spans="1:7" x14ac:dyDescent="0.3">
      <c r="A116942" s="13" t="s">
        <v>554</v>
      </c>
      <c r="B116942" s="14" t="s">
        <v>1</v>
      </c>
      <c r="C116942" s="14" t="s">
        <v>546</v>
      </c>
      <c r="D116942" s="14" t="s">
        <v>406</v>
      </c>
      <c r="E116942" s="15">
        <v>45518</v>
      </c>
      <c r="F116942" s="14" t="s">
        <v>15</v>
      </c>
      <c r="G116942" s="16">
        <v>0.76294066317626585</v>
      </c>
    </row>
    <row r="116943" spans="1:7" x14ac:dyDescent="0.3">
      <c r="A116943" s="13" t="s">
        <v>554</v>
      </c>
      <c r="B116943" s="14" t="s">
        <v>1</v>
      </c>
      <c r="C116943" s="14" t="s">
        <v>546</v>
      </c>
      <c r="D116943" s="14" t="s">
        <v>406</v>
      </c>
      <c r="E116943" s="15">
        <v>45519</v>
      </c>
      <c r="F116943" s="14" t="s">
        <v>15</v>
      </c>
      <c r="G116943" s="16">
        <v>0.7612870855148347</v>
      </c>
    </row>
    <row r="116944" spans="1:7" x14ac:dyDescent="0.3">
      <c r="A116944" s="13" t="s">
        <v>554</v>
      </c>
      <c r="B116944" s="14" t="s">
        <v>1</v>
      </c>
      <c r="C116944" s="14" t="s">
        <v>546</v>
      </c>
      <c r="D116944" s="14" t="s">
        <v>406</v>
      </c>
      <c r="E116944" s="15">
        <v>45520</v>
      </c>
      <c r="F116944" s="14" t="s">
        <v>15</v>
      </c>
      <c r="G116944" s="16">
        <v>0.77559991273996565</v>
      </c>
    </row>
    <row r="116945" spans="1:7" x14ac:dyDescent="0.3">
      <c r="A116945" s="13" t="s">
        <v>554</v>
      </c>
      <c r="B116945" s="14" t="s">
        <v>1</v>
      </c>
      <c r="C116945" s="14" t="s">
        <v>546</v>
      </c>
      <c r="D116945" s="14" t="s">
        <v>406</v>
      </c>
      <c r="E116945" s="15">
        <v>45521</v>
      </c>
      <c r="F116945" s="14" t="s">
        <v>15</v>
      </c>
      <c r="G116945" s="16">
        <v>0.77559991273996565</v>
      </c>
    </row>
    <row r="116946" spans="1:7" x14ac:dyDescent="0.3">
      <c r="A116946" s="13" t="s">
        <v>554</v>
      </c>
      <c r="B116946" s="14" t="s">
        <v>1</v>
      </c>
      <c r="C116946" s="14" t="s">
        <v>546</v>
      </c>
      <c r="D116946" s="14" t="s">
        <v>406</v>
      </c>
      <c r="E116946" s="15">
        <v>45522</v>
      </c>
      <c r="F116946" s="14" t="s">
        <v>15</v>
      </c>
      <c r="G116946" s="16">
        <v>0.77559991273996565</v>
      </c>
    </row>
    <row r="116947" spans="1:7" x14ac:dyDescent="0.3">
      <c r="A116947" s="13" t="s">
        <v>554</v>
      </c>
      <c r="B116947" s="14" t="s">
        <v>1</v>
      </c>
      <c r="C116947" s="14" t="s">
        <v>546</v>
      </c>
      <c r="D116947" s="14" t="s">
        <v>406</v>
      </c>
      <c r="E116947" s="15">
        <v>45523</v>
      </c>
      <c r="F116947" s="14" t="s">
        <v>15</v>
      </c>
      <c r="G116947" s="16">
        <v>0.78511561954624842</v>
      </c>
    </row>
    <row r="116948" spans="1:7" x14ac:dyDescent="0.3">
      <c r="A116948" s="13" t="s">
        <v>554</v>
      </c>
      <c r="B116948" s="14" t="s">
        <v>1</v>
      </c>
      <c r="C116948" s="14" t="s">
        <v>546</v>
      </c>
      <c r="D116948" s="14" t="s">
        <v>406</v>
      </c>
      <c r="E116948" s="15">
        <v>45524</v>
      </c>
      <c r="F116948" s="14" t="s">
        <v>15</v>
      </c>
      <c r="G116948" s="16">
        <v>0.78015052356020997</v>
      </c>
    </row>
    <row r="116949" spans="1:7" x14ac:dyDescent="0.3">
      <c r="A116949" s="13" t="s">
        <v>554</v>
      </c>
      <c r="B116949" s="14" t="s">
        <v>1</v>
      </c>
      <c r="C116949" s="14" t="s">
        <v>546</v>
      </c>
      <c r="D116949" s="14" t="s">
        <v>406</v>
      </c>
      <c r="E116949" s="15">
        <v>45525</v>
      </c>
      <c r="F116949" s="14" t="s">
        <v>15</v>
      </c>
      <c r="G116949" s="16">
        <v>0.77847076788830782</v>
      </c>
    </row>
    <row r="116950" spans="1:7" x14ac:dyDescent="0.3">
      <c r="A116950" s="13" t="s">
        <v>554</v>
      </c>
      <c r="B116950" s="14" t="s">
        <v>1</v>
      </c>
      <c r="C116950" s="14" t="s">
        <v>546</v>
      </c>
      <c r="D116950" s="14" t="s">
        <v>406</v>
      </c>
      <c r="E116950" s="15">
        <v>45526</v>
      </c>
      <c r="F116950" s="14" t="s">
        <v>15</v>
      </c>
      <c r="G116950" s="16">
        <v>0.77681064572425895</v>
      </c>
    </row>
    <row r="116951" spans="1:7" x14ac:dyDescent="0.3">
      <c r="A116951" s="13" t="s">
        <v>554</v>
      </c>
      <c r="B116951" s="14" t="s">
        <v>1</v>
      </c>
      <c r="C116951" s="14" t="s">
        <v>546</v>
      </c>
      <c r="D116951" s="14" t="s">
        <v>406</v>
      </c>
      <c r="E116951" s="15">
        <v>45527</v>
      </c>
      <c r="F116951" s="14" t="s">
        <v>15</v>
      </c>
      <c r="G116951" s="16">
        <v>0.77515488656195519</v>
      </c>
    </row>
    <row r="116952" spans="1:7" x14ac:dyDescent="0.3">
      <c r="A116952" s="13" t="s">
        <v>554</v>
      </c>
      <c r="B116952" s="14" t="s">
        <v>1</v>
      </c>
      <c r="C116952" s="14" t="s">
        <v>546</v>
      </c>
      <c r="D116952" s="14" t="s">
        <v>406</v>
      </c>
      <c r="E116952" s="15">
        <v>45528</v>
      </c>
      <c r="F116952" s="14" t="s">
        <v>15</v>
      </c>
      <c r="G116952" s="16">
        <v>0.77515488656195519</v>
      </c>
    </row>
    <row r="116953" spans="1:7" x14ac:dyDescent="0.3">
      <c r="A116953" s="13" t="s">
        <v>554</v>
      </c>
      <c r="B116953" s="14" t="s">
        <v>1</v>
      </c>
      <c r="C116953" s="14" t="s">
        <v>546</v>
      </c>
      <c r="D116953" s="14" t="s">
        <v>406</v>
      </c>
      <c r="E116953" s="15">
        <v>45529</v>
      </c>
      <c r="F116953" s="14" t="s">
        <v>15</v>
      </c>
      <c r="G116953" s="16">
        <v>0.77515488656195519</v>
      </c>
    </row>
    <row r="116954" spans="1:7" x14ac:dyDescent="0.3">
      <c r="A116954" s="13" t="s">
        <v>554</v>
      </c>
      <c r="B116954" s="14" t="s">
        <v>1</v>
      </c>
      <c r="C116954" s="14" t="s">
        <v>546</v>
      </c>
      <c r="D116954" s="14" t="s">
        <v>406</v>
      </c>
      <c r="E116954" s="15">
        <v>45530</v>
      </c>
      <c r="F116954" s="14" t="s">
        <v>15</v>
      </c>
      <c r="G116954" s="16">
        <v>0.77348603839441588</v>
      </c>
    </row>
    <row r="116955" spans="1:7" x14ac:dyDescent="0.3">
      <c r="A116955" s="13" t="s">
        <v>554</v>
      </c>
      <c r="B116955" s="14" t="s">
        <v>1</v>
      </c>
      <c r="C116955" s="14" t="s">
        <v>546</v>
      </c>
      <c r="D116955" s="14" t="s">
        <v>406</v>
      </c>
      <c r="E116955" s="15">
        <v>45531</v>
      </c>
      <c r="F116955" s="14" t="s">
        <v>15</v>
      </c>
      <c r="G116955" s="16">
        <v>0.76849476439790632</v>
      </c>
    </row>
    <row r="116956" spans="1:7" x14ac:dyDescent="0.3">
      <c r="A116956" s="13" t="s">
        <v>554</v>
      </c>
      <c r="B116956" s="14" t="s">
        <v>1</v>
      </c>
      <c r="C116956" s="14" t="s">
        <v>546</v>
      </c>
      <c r="D116956" s="14" t="s">
        <v>406</v>
      </c>
      <c r="E116956" s="15">
        <v>45532</v>
      </c>
      <c r="F116956" s="14" t="s">
        <v>15</v>
      </c>
      <c r="G116956" s="16">
        <v>0.76752399650959924</v>
      </c>
    </row>
    <row r="116957" spans="1:7" x14ac:dyDescent="0.3">
      <c r="A116957" s="13" t="s">
        <v>554</v>
      </c>
      <c r="B116957" s="14" t="s">
        <v>1</v>
      </c>
      <c r="C116957" s="14" t="s">
        <v>546</v>
      </c>
      <c r="D116957" s="14" t="s">
        <v>406</v>
      </c>
      <c r="E116957" s="15">
        <v>45533</v>
      </c>
      <c r="F116957" s="14" t="s">
        <v>15</v>
      </c>
      <c r="G116957" s="16">
        <v>0.76588132635253103</v>
      </c>
    </row>
    <row r="116958" spans="1:7" x14ac:dyDescent="0.3">
      <c r="A116958" s="13" t="s">
        <v>554</v>
      </c>
      <c r="B116958" s="14" t="s">
        <v>1</v>
      </c>
      <c r="C116958" s="14" t="s">
        <v>546</v>
      </c>
      <c r="D116958" s="14" t="s">
        <v>406</v>
      </c>
      <c r="E116958" s="15">
        <v>45534</v>
      </c>
      <c r="F116958" s="14" t="s">
        <v>15</v>
      </c>
      <c r="G116958" s="16">
        <v>0.764249563699826</v>
      </c>
    </row>
    <row r="116959" spans="1:7" x14ac:dyDescent="0.3">
      <c r="A116959" s="13" t="s">
        <v>554</v>
      </c>
      <c r="B116959" s="14" t="s">
        <v>1</v>
      </c>
      <c r="C116959" s="14" t="s">
        <v>546</v>
      </c>
      <c r="D116959" s="14" t="s">
        <v>406</v>
      </c>
      <c r="E116959" s="15">
        <v>45535</v>
      </c>
      <c r="F116959" s="14" t="s">
        <v>15</v>
      </c>
      <c r="G116959" s="16">
        <v>0.764249563699826</v>
      </c>
    </row>
    <row r="116960" spans="1:7" x14ac:dyDescent="0.3">
      <c r="A116960" s="13" t="s">
        <v>554</v>
      </c>
      <c r="B116960" s="14" t="s">
        <v>1</v>
      </c>
      <c r="C116960" s="14" t="s">
        <v>546</v>
      </c>
      <c r="D116960" s="14" t="s">
        <v>406</v>
      </c>
      <c r="E116960" s="15">
        <v>45536</v>
      </c>
      <c r="F116960" s="14" t="s">
        <v>15</v>
      </c>
      <c r="G116960" s="16">
        <v>0.764249563699826</v>
      </c>
    </row>
    <row r="116961" spans="1:7" x14ac:dyDescent="0.3">
      <c r="A116961" s="13" t="s">
        <v>554</v>
      </c>
      <c r="B116961" s="14" t="s">
        <v>1</v>
      </c>
      <c r="C116961" s="14" t="s">
        <v>546</v>
      </c>
      <c r="D116961" s="14" t="s">
        <v>406</v>
      </c>
      <c r="E116961" s="15">
        <v>45537</v>
      </c>
      <c r="F116961" s="14" t="s">
        <v>15</v>
      </c>
      <c r="G116961" s="16">
        <v>0.76261125654450324</v>
      </c>
    </row>
    <row r="116962" spans="1:7" x14ac:dyDescent="0.3">
      <c r="A116962" s="13" t="s">
        <v>554</v>
      </c>
      <c r="B116962" s="14" t="s">
        <v>1</v>
      </c>
      <c r="C116962" s="14" t="s">
        <v>546</v>
      </c>
      <c r="D116962" s="14" t="s">
        <v>406</v>
      </c>
      <c r="E116962" s="15">
        <v>45538</v>
      </c>
      <c r="F116962" s="14" t="s">
        <v>15</v>
      </c>
      <c r="G116962" s="16">
        <v>0.76035776614310702</v>
      </c>
    </row>
    <row r="116963" spans="1:7" x14ac:dyDescent="0.3">
      <c r="A116963" s="13" t="s">
        <v>554</v>
      </c>
      <c r="B116963" s="14" t="s">
        <v>1</v>
      </c>
      <c r="C116963" s="14" t="s">
        <v>546</v>
      </c>
      <c r="D116963" s="14" t="s">
        <v>406</v>
      </c>
      <c r="E116963" s="15">
        <v>45539</v>
      </c>
      <c r="F116963" s="14" t="s">
        <v>15</v>
      </c>
      <c r="G116963" s="16">
        <v>0.75872382198952948</v>
      </c>
    </row>
    <row r="116964" spans="1:7" x14ac:dyDescent="0.3">
      <c r="A116964" s="13" t="s">
        <v>554</v>
      </c>
      <c r="B116964" s="14" t="s">
        <v>1</v>
      </c>
      <c r="C116964" s="14" t="s">
        <v>546</v>
      </c>
      <c r="D116964" s="14" t="s">
        <v>406</v>
      </c>
      <c r="E116964" s="15">
        <v>45540</v>
      </c>
      <c r="F116964" s="14" t="s">
        <v>15</v>
      </c>
      <c r="G116964" s="16">
        <v>0.77925828970331656</v>
      </c>
    </row>
    <row r="116965" spans="1:7" x14ac:dyDescent="0.3">
      <c r="A116965" s="13" t="s">
        <v>554</v>
      </c>
      <c r="B116965" s="14" t="s">
        <v>1</v>
      </c>
      <c r="C116965" s="14" t="s">
        <v>546</v>
      </c>
      <c r="D116965" s="14" t="s">
        <v>406</v>
      </c>
      <c r="E116965" s="15">
        <v>45541</v>
      </c>
      <c r="F116965" s="14" t="s">
        <v>15</v>
      </c>
      <c r="G116965" s="16">
        <v>0.78746073298429387</v>
      </c>
    </row>
    <row r="116966" spans="1:7" x14ac:dyDescent="0.3">
      <c r="A116966" s="13" t="s">
        <v>554</v>
      </c>
      <c r="B116966" s="14" t="s">
        <v>1</v>
      </c>
      <c r="C116966" s="14" t="s">
        <v>546</v>
      </c>
      <c r="D116966" s="14" t="s">
        <v>406</v>
      </c>
      <c r="E116966" s="15">
        <v>45542</v>
      </c>
      <c r="F116966" s="14" t="s">
        <v>15</v>
      </c>
      <c r="G116966" s="16">
        <v>0.78746073298429387</v>
      </c>
    </row>
    <row r="116967" spans="1:7" x14ac:dyDescent="0.3">
      <c r="A116967" s="13" t="s">
        <v>554</v>
      </c>
      <c r="B116967" s="14" t="s">
        <v>1</v>
      </c>
      <c r="C116967" s="14" t="s">
        <v>546</v>
      </c>
      <c r="D116967" s="14" t="s">
        <v>406</v>
      </c>
      <c r="E116967" s="15">
        <v>45543</v>
      </c>
      <c r="F116967" s="14" t="s">
        <v>15</v>
      </c>
      <c r="G116967" s="16">
        <v>0.78746073298429387</v>
      </c>
    </row>
    <row r="116968" spans="1:7" x14ac:dyDescent="0.3">
      <c r="A116968" s="13" t="s">
        <v>554</v>
      </c>
      <c r="B116968" s="14" t="s">
        <v>1</v>
      </c>
      <c r="C116968" s="14" t="s">
        <v>546</v>
      </c>
      <c r="D116968" s="14" t="s">
        <v>406</v>
      </c>
      <c r="E116968" s="15">
        <v>45544</v>
      </c>
      <c r="F116968" s="14" t="s">
        <v>15</v>
      </c>
      <c r="G116968" s="16">
        <v>0.78584205933682438</v>
      </c>
    </row>
    <row r="116969" spans="1:7" x14ac:dyDescent="0.3">
      <c r="A116969" s="13" t="s">
        <v>554</v>
      </c>
      <c r="B116969" s="14" t="s">
        <v>1</v>
      </c>
      <c r="C116969" s="14" t="s">
        <v>546</v>
      </c>
      <c r="D116969" s="14" t="s">
        <v>406</v>
      </c>
      <c r="E116969" s="15">
        <v>45545</v>
      </c>
      <c r="F116969" s="14" t="s">
        <v>15</v>
      </c>
      <c r="G116969" s="16">
        <v>0.79311954624781911</v>
      </c>
    </row>
    <row r="116970" spans="1:7" x14ac:dyDescent="0.3">
      <c r="A116970" s="13" t="s">
        <v>554</v>
      </c>
      <c r="B116970" s="14" t="s">
        <v>1</v>
      </c>
      <c r="C116970" s="14" t="s">
        <v>546</v>
      </c>
      <c r="D116970" s="14" t="s">
        <v>406</v>
      </c>
      <c r="E116970" s="15">
        <v>45546</v>
      </c>
      <c r="F116970" s="14" t="s">
        <v>15</v>
      </c>
      <c r="G116970" s="16">
        <v>0.79152486910994835</v>
      </c>
    </row>
    <row r="116971" spans="1:7" x14ac:dyDescent="0.3">
      <c r="A116971" s="13" t="s">
        <v>554</v>
      </c>
      <c r="B116971" s="14" t="s">
        <v>1</v>
      </c>
      <c r="C116971" s="14" t="s">
        <v>546</v>
      </c>
      <c r="D116971" s="14" t="s">
        <v>406</v>
      </c>
      <c r="E116971" s="15">
        <v>45547</v>
      </c>
      <c r="F116971" s="14" t="s">
        <v>15</v>
      </c>
      <c r="G116971" s="16">
        <v>0.82251090750436362</v>
      </c>
    </row>
    <row r="116972" spans="1:7" x14ac:dyDescent="0.3">
      <c r="A116972" s="13" t="s">
        <v>554</v>
      </c>
      <c r="B116972" s="14" t="s">
        <v>1</v>
      </c>
      <c r="C116972" s="14" t="s">
        <v>546</v>
      </c>
      <c r="D116972" s="14" t="s">
        <v>406</v>
      </c>
      <c r="E116972" s="15">
        <v>45548</v>
      </c>
      <c r="F116972" s="14" t="s">
        <v>15</v>
      </c>
      <c r="G116972" s="16">
        <v>0.82090750436300242</v>
      </c>
    </row>
    <row r="116973" spans="1:7" x14ac:dyDescent="0.3">
      <c r="A116973" s="13" t="s">
        <v>554</v>
      </c>
      <c r="B116973" s="14" t="s">
        <v>1</v>
      </c>
      <c r="C116973" s="14" t="s">
        <v>546</v>
      </c>
      <c r="D116973" s="14" t="s">
        <v>406</v>
      </c>
      <c r="E116973" s="15">
        <v>45549</v>
      </c>
      <c r="F116973" s="14" t="s">
        <v>15</v>
      </c>
      <c r="G116973" s="16">
        <v>0.82090750436300242</v>
      </c>
    </row>
    <row r="116974" spans="1:7" x14ac:dyDescent="0.3">
      <c r="A116974" s="13" t="s">
        <v>554</v>
      </c>
      <c r="B116974" s="14" t="s">
        <v>1</v>
      </c>
      <c r="C116974" s="14" t="s">
        <v>546</v>
      </c>
      <c r="D116974" s="14" t="s">
        <v>406</v>
      </c>
      <c r="E116974" s="15">
        <v>45550</v>
      </c>
      <c r="F116974" s="14" t="s">
        <v>15</v>
      </c>
      <c r="G116974" s="16">
        <v>0.82090750436300242</v>
      </c>
    </row>
    <row r="116975" spans="1:7" x14ac:dyDescent="0.3">
      <c r="A116975" s="13" t="s">
        <v>554</v>
      </c>
      <c r="B116975" s="14" t="s">
        <v>1</v>
      </c>
      <c r="C116975" s="14" t="s">
        <v>546</v>
      </c>
      <c r="D116975" s="14" t="s">
        <v>406</v>
      </c>
      <c r="E116975" s="15">
        <v>45551</v>
      </c>
      <c r="F116975" s="14" t="s">
        <v>15</v>
      </c>
      <c r="G116975" s="16">
        <v>0.82090750436300242</v>
      </c>
    </row>
    <row r="116976" spans="1:7" x14ac:dyDescent="0.3">
      <c r="A116976" s="13" t="s">
        <v>554</v>
      </c>
      <c r="B116976" s="14" t="s">
        <v>1</v>
      </c>
      <c r="C116976" s="14" t="s">
        <v>546</v>
      </c>
      <c r="D116976" s="14" t="s">
        <v>406</v>
      </c>
      <c r="E116976" s="15">
        <v>45552</v>
      </c>
      <c r="F116976" s="14" t="s">
        <v>15</v>
      </c>
      <c r="G116976" s="16">
        <v>0.82090750436300242</v>
      </c>
    </row>
    <row r="116977" spans="1:7" x14ac:dyDescent="0.3">
      <c r="A116977" s="13" t="s">
        <v>554</v>
      </c>
      <c r="B116977" s="14" t="s">
        <v>1</v>
      </c>
      <c r="C116977" s="14" t="s">
        <v>546</v>
      </c>
      <c r="D116977" s="14" t="s">
        <v>406</v>
      </c>
      <c r="E116977" s="15">
        <v>45553</v>
      </c>
      <c r="F116977" s="14" t="s">
        <v>15</v>
      </c>
      <c r="G116977" s="16">
        <v>0.82090750436300242</v>
      </c>
    </row>
    <row r="116978" spans="1:7" x14ac:dyDescent="0.3">
      <c r="A116978" s="13" t="s">
        <v>554</v>
      </c>
      <c r="B116978" s="14" t="s">
        <v>1</v>
      </c>
      <c r="C116978" s="14" t="s">
        <v>546</v>
      </c>
      <c r="D116978" s="14" t="s">
        <v>406</v>
      </c>
      <c r="E116978" s="15">
        <v>45554</v>
      </c>
      <c r="F116978" s="14" t="s">
        <v>15</v>
      </c>
      <c r="G116978" s="16">
        <v>0.81930410122164121</v>
      </c>
    </row>
    <row r="116979" spans="1:7" x14ac:dyDescent="0.3">
      <c r="A116979" s="13" t="s">
        <v>554</v>
      </c>
      <c r="B116979" s="14" t="s">
        <v>1</v>
      </c>
      <c r="C116979" s="14" t="s">
        <v>546</v>
      </c>
      <c r="D116979" s="14" t="s">
        <v>406</v>
      </c>
      <c r="E116979" s="15">
        <v>45555</v>
      </c>
      <c r="F116979" s="14" t="s">
        <v>15</v>
      </c>
      <c r="G116979" s="16">
        <v>0.80957897033158888</v>
      </c>
    </row>
    <row r="116980" spans="1:7" x14ac:dyDescent="0.3">
      <c r="A116980" s="13" t="s">
        <v>554</v>
      </c>
      <c r="B116980" s="14" t="s">
        <v>1</v>
      </c>
      <c r="C116980" s="14" t="s">
        <v>546</v>
      </c>
      <c r="D116980" s="14" t="s">
        <v>406</v>
      </c>
      <c r="E116980" s="15">
        <v>45556</v>
      </c>
      <c r="F116980" s="14" t="s">
        <v>15</v>
      </c>
      <c r="G116980" s="16">
        <v>0.80957897033158888</v>
      </c>
    </row>
    <row r="116981" spans="1:7" x14ac:dyDescent="0.3">
      <c r="A116981" s="13" t="s">
        <v>554</v>
      </c>
      <c r="B116981" s="14" t="s">
        <v>1</v>
      </c>
      <c r="C116981" s="14" t="s">
        <v>546</v>
      </c>
      <c r="D116981" s="14" t="s">
        <v>406</v>
      </c>
      <c r="E116981" s="15">
        <v>45557</v>
      </c>
      <c r="F116981" s="14" t="s">
        <v>15</v>
      </c>
      <c r="G116981" s="16">
        <v>0.80957897033158888</v>
      </c>
    </row>
    <row r="116982" spans="1:7" x14ac:dyDescent="0.3">
      <c r="A116982" s="13" t="s">
        <v>554</v>
      </c>
      <c r="B116982" s="14" t="s">
        <v>1</v>
      </c>
      <c r="C116982" s="14" t="s">
        <v>546</v>
      </c>
      <c r="D116982" s="14" t="s">
        <v>406</v>
      </c>
      <c r="E116982" s="15">
        <v>45558</v>
      </c>
      <c r="F116982" s="14" t="s">
        <v>15</v>
      </c>
      <c r="G116982" s="16">
        <v>0.80793193717277556</v>
      </c>
    </row>
    <row r="116983" spans="1:7" x14ac:dyDescent="0.3">
      <c r="A116983" s="13" t="s">
        <v>554</v>
      </c>
      <c r="B116983" s="14" t="s">
        <v>1</v>
      </c>
      <c r="C116983" s="14" t="s">
        <v>546</v>
      </c>
      <c r="D116983" s="14" t="s">
        <v>406</v>
      </c>
      <c r="E116983" s="15">
        <v>45559</v>
      </c>
      <c r="F116983" s="14" t="s">
        <v>15</v>
      </c>
      <c r="G116983" s="16">
        <v>0.80294938917975633</v>
      </c>
    </row>
    <row r="116984" spans="1:7" x14ac:dyDescent="0.3">
      <c r="A116984" s="13" t="s">
        <v>554</v>
      </c>
      <c r="B116984" s="14" t="s">
        <v>1</v>
      </c>
      <c r="C116984" s="14" t="s">
        <v>546</v>
      </c>
      <c r="D116984" s="14" t="s">
        <v>406</v>
      </c>
      <c r="E116984" s="15">
        <v>45560</v>
      </c>
      <c r="F116984" s="14" t="s">
        <v>15</v>
      </c>
      <c r="G116984" s="16">
        <v>0.80129144851658007</v>
      </c>
    </row>
    <row r="116985" spans="1:7" x14ac:dyDescent="0.3">
      <c r="A116985" s="13" t="s">
        <v>554</v>
      </c>
      <c r="B116985" s="14" t="s">
        <v>1</v>
      </c>
      <c r="C116985" s="14" t="s">
        <v>546</v>
      </c>
      <c r="D116985" s="14" t="s">
        <v>406</v>
      </c>
      <c r="E116985" s="15">
        <v>45561</v>
      </c>
      <c r="F116985" s="14" t="s">
        <v>15</v>
      </c>
      <c r="G116985" s="16">
        <v>0.79956151832460809</v>
      </c>
    </row>
    <row r="116986" spans="1:7" x14ac:dyDescent="0.3">
      <c r="A116986" s="13" t="s">
        <v>554</v>
      </c>
      <c r="B116986" s="14" t="s">
        <v>1</v>
      </c>
      <c r="C116986" s="14" t="s">
        <v>546</v>
      </c>
      <c r="D116986" s="14" t="s">
        <v>406</v>
      </c>
      <c r="E116986" s="15">
        <v>45562</v>
      </c>
      <c r="F116986" s="14" t="s">
        <v>15</v>
      </c>
      <c r="G116986" s="16">
        <v>0.79959205933682442</v>
      </c>
    </row>
    <row r="116987" spans="1:7" x14ac:dyDescent="0.3">
      <c r="A116987" s="13" t="s">
        <v>554</v>
      </c>
      <c r="B116987" s="14" t="s">
        <v>1</v>
      </c>
      <c r="C116987" s="14" t="s">
        <v>546</v>
      </c>
      <c r="D116987" s="14" t="s">
        <v>406</v>
      </c>
      <c r="E116987" s="15">
        <v>45563</v>
      </c>
      <c r="F116987" s="14" t="s">
        <v>15</v>
      </c>
      <c r="G116987" s="16">
        <v>0.79959205933682442</v>
      </c>
    </row>
    <row r="116988" spans="1:7" x14ac:dyDescent="0.3">
      <c r="A116988" s="13" t="s">
        <v>554</v>
      </c>
      <c r="B116988" s="14" t="s">
        <v>1</v>
      </c>
      <c r="C116988" s="14" t="s">
        <v>546</v>
      </c>
      <c r="D116988" s="14" t="s">
        <v>406</v>
      </c>
      <c r="E116988" s="15">
        <v>45564</v>
      </c>
      <c r="F116988" s="14" t="s">
        <v>15</v>
      </c>
      <c r="G116988" s="16">
        <v>0.79959205933682442</v>
      </c>
    </row>
    <row r="116989" spans="1:7" x14ac:dyDescent="0.3">
      <c r="A116989" s="13" t="s">
        <v>554</v>
      </c>
      <c r="B116989" s="14" t="s">
        <v>1</v>
      </c>
      <c r="C116989" s="14" t="s">
        <v>546</v>
      </c>
      <c r="D116989" s="14" t="s">
        <v>406</v>
      </c>
      <c r="E116989" s="15">
        <v>45565</v>
      </c>
      <c r="F116989" s="14" t="s">
        <v>15</v>
      </c>
      <c r="G116989" s="16">
        <v>0.80095986038394484</v>
      </c>
    </row>
    <row r="116990" spans="1:7" x14ac:dyDescent="0.3">
      <c r="A116990" s="13" t="s">
        <v>554</v>
      </c>
      <c r="B116990" s="14" t="s">
        <v>1</v>
      </c>
      <c r="C116990" s="14" t="s">
        <v>546</v>
      </c>
      <c r="D116990" s="14" t="s">
        <v>406</v>
      </c>
      <c r="E116990" s="15">
        <v>45566</v>
      </c>
      <c r="F116990" s="14" t="s">
        <v>15</v>
      </c>
      <c r="G116990" s="16">
        <v>0.80095986038394484</v>
      </c>
    </row>
    <row r="116991" spans="1:7" x14ac:dyDescent="0.3">
      <c r="A116991" s="13" t="s">
        <v>554</v>
      </c>
      <c r="B116991" s="14" t="s">
        <v>1</v>
      </c>
      <c r="C116991" s="14" t="s">
        <v>546</v>
      </c>
      <c r="D116991" s="14" t="s">
        <v>406</v>
      </c>
      <c r="E116991" s="15">
        <v>45567</v>
      </c>
      <c r="F116991" s="14" t="s">
        <v>15</v>
      </c>
      <c r="G116991" s="16">
        <v>0.80095986038394484</v>
      </c>
    </row>
    <row r="116992" spans="1:7" x14ac:dyDescent="0.3">
      <c r="A116992" s="13" t="s">
        <v>554</v>
      </c>
      <c r="B116992" s="14" t="s">
        <v>1</v>
      </c>
      <c r="C116992" s="14" t="s">
        <v>546</v>
      </c>
      <c r="D116992" s="14" t="s">
        <v>406</v>
      </c>
      <c r="E116992" s="15">
        <v>45568</v>
      </c>
      <c r="F116992" s="14" t="s">
        <v>15</v>
      </c>
      <c r="G116992" s="16">
        <v>0.80095986038394484</v>
      </c>
    </row>
    <row r="116993" spans="1:7" x14ac:dyDescent="0.3">
      <c r="A116993" s="13" t="s">
        <v>554</v>
      </c>
      <c r="B116993" s="14" t="s">
        <v>1</v>
      </c>
      <c r="C116993" s="14" t="s">
        <v>546</v>
      </c>
      <c r="D116993" s="14" t="s">
        <v>406</v>
      </c>
      <c r="E116993" s="15">
        <v>45569</v>
      </c>
      <c r="F116993" s="14" t="s">
        <v>15</v>
      </c>
      <c r="G116993" s="16">
        <v>0.80095986038394484</v>
      </c>
    </row>
    <row r="116994" spans="1:7" x14ac:dyDescent="0.3">
      <c r="A116994" s="13" t="s">
        <v>554</v>
      </c>
      <c r="B116994" s="14" t="s">
        <v>1</v>
      </c>
      <c r="C116994" s="14" t="s">
        <v>546</v>
      </c>
      <c r="D116994" s="14" t="s">
        <v>406</v>
      </c>
      <c r="E116994" s="15">
        <v>45570</v>
      </c>
      <c r="F116994" s="14" t="s">
        <v>15</v>
      </c>
      <c r="G116994" s="16">
        <v>0.80095986038394484</v>
      </c>
    </row>
    <row r="116995" spans="1:7" x14ac:dyDescent="0.3">
      <c r="A116995" s="13" t="s">
        <v>554</v>
      </c>
      <c r="B116995" s="14" t="s">
        <v>1</v>
      </c>
      <c r="C116995" s="14" t="s">
        <v>546</v>
      </c>
      <c r="D116995" s="14" t="s">
        <v>406</v>
      </c>
      <c r="E116995" s="15">
        <v>45571</v>
      </c>
      <c r="F116995" s="14" t="s">
        <v>15</v>
      </c>
      <c r="G116995" s="16">
        <v>0.80095986038394484</v>
      </c>
    </row>
    <row r="116996" spans="1:7" x14ac:dyDescent="0.3">
      <c r="A116996" s="13" t="s">
        <v>554</v>
      </c>
      <c r="B116996" s="14" t="s">
        <v>1</v>
      </c>
      <c r="C116996" s="14" t="s">
        <v>546</v>
      </c>
      <c r="D116996" s="14" t="s">
        <v>406</v>
      </c>
      <c r="E116996" s="15">
        <v>45572</v>
      </c>
      <c r="F116996" s="14" t="s">
        <v>15</v>
      </c>
      <c r="G116996" s="16">
        <v>0.80095986038394484</v>
      </c>
    </row>
    <row r="116997" spans="1:7" x14ac:dyDescent="0.3">
      <c r="A116997" s="13" t="s">
        <v>554</v>
      </c>
      <c r="B116997" s="14" t="s">
        <v>1</v>
      </c>
      <c r="C116997" s="14" t="s">
        <v>546</v>
      </c>
      <c r="D116997" s="14" t="s">
        <v>406</v>
      </c>
      <c r="E116997" s="15">
        <v>45573</v>
      </c>
      <c r="F116997" s="14" t="s">
        <v>15</v>
      </c>
      <c r="G116997" s="16">
        <v>0.80174956369982608</v>
      </c>
    </row>
    <row r="116998" spans="1:7" x14ac:dyDescent="0.3">
      <c r="A116998" s="13" t="s">
        <v>554</v>
      </c>
      <c r="B116998" s="14" t="s">
        <v>1</v>
      </c>
      <c r="C116998" s="14" t="s">
        <v>546</v>
      </c>
      <c r="D116998" s="14" t="s">
        <v>406</v>
      </c>
      <c r="E116998" s="15">
        <v>45574</v>
      </c>
      <c r="F116998" s="14" t="s">
        <v>15</v>
      </c>
      <c r="G116998" s="16">
        <v>0.78909904013961674</v>
      </c>
    </row>
    <row r="116999" spans="1:7" x14ac:dyDescent="0.3">
      <c r="A116999" s="13" t="s">
        <v>554</v>
      </c>
      <c r="B116999" s="14" t="s">
        <v>1</v>
      </c>
      <c r="C116999" s="14" t="s">
        <v>546</v>
      </c>
      <c r="D116999" s="14" t="s">
        <v>406</v>
      </c>
      <c r="E116999" s="15">
        <v>45575</v>
      </c>
      <c r="F116999" s="14" t="s">
        <v>15</v>
      </c>
      <c r="G116999" s="16">
        <v>0.79260253054101293</v>
      </c>
    </row>
    <row r="117000" spans="1:7" x14ac:dyDescent="0.3">
      <c r="A117000" s="13" t="s">
        <v>554</v>
      </c>
      <c r="B117000" s="14" t="s">
        <v>1</v>
      </c>
      <c r="C117000" s="14" t="s">
        <v>546</v>
      </c>
      <c r="D117000" s="14" t="s">
        <v>406</v>
      </c>
      <c r="E117000" s="15">
        <v>45576</v>
      </c>
      <c r="F117000" s="14" t="s">
        <v>15</v>
      </c>
      <c r="G117000" s="16">
        <v>0.79260253054101293</v>
      </c>
    </row>
    <row r="117001" spans="1:7" x14ac:dyDescent="0.3">
      <c r="A117001" s="13" t="s">
        <v>554</v>
      </c>
      <c r="B117001" s="14" t="s">
        <v>1</v>
      </c>
      <c r="C117001" s="14" t="s">
        <v>546</v>
      </c>
      <c r="D117001" s="14" t="s">
        <v>406</v>
      </c>
      <c r="E117001" s="15">
        <v>45577</v>
      </c>
      <c r="F117001" s="14" t="s">
        <v>15</v>
      </c>
      <c r="G117001" s="16">
        <v>0.79260253054101293</v>
      </c>
    </row>
    <row r="117002" spans="1:7" x14ac:dyDescent="0.3">
      <c r="A117002" s="13" t="s">
        <v>554</v>
      </c>
      <c r="B117002" s="14" t="s">
        <v>1</v>
      </c>
      <c r="C117002" s="14" t="s">
        <v>546</v>
      </c>
      <c r="D117002" s="14" t="s">
        <v>406</v>
      </c>
      <c r="E117002" s="15">
        <v>45578</v>
      </c>
      <c r="F117002" s="14" t="s">
        <v>15</v>
      </c>
      <c r="G117002" s="16">
        <v>0.79260253054101293</v>
      </c>
    </row>
    <row r="117003" spans="1:7" x14ac:dyDescent="0.3">
      <c r="A117003" s="13" t="s">
        <v>554</v>
      </c>
      <c r="B117003" s="14" t="s">
        <v>1</v>
      </c>
      <c r="C117003" s="14" t="s">
        <v>546</v>
      </c>
      <c r="D117003" s="14" t="s">
        <v>406</v>
      </c>
      <c r="E117003" s="15">
        <v>45579</v>
      </c>
      <c r="F117003" s="14" t="s">
        <v>15</v>
      </c>
      <c r="G117003" s="16">
        <v>0.79060863874345622</v>
      </c>
    </row>
    <row r="117004" spans="1:7" x14ac:dyDescent="0.3">
      <c r="A117004" s="13" t="s">
        <v>554</v>
      </c>
      <c r="B117004" s="14" t="s">
        <v>1</v>
      </c>
      <c r="C117004" s="14" t="s">
        <v>546</v>
      </c>
      <c r="D117004" s="14" t="s">
        <v>406</v>
      </c>
      <c r="E117004" s="15">
        <v>45580</v>
      </c>
      <c r="F117004" s="14" t="s">
        <v>15</v>
      </c>
      <c r="G117004" s="16">
        <v>0.7825327225130897</v>
      </c>
    </row>
    <row r="117005" spans="1:7" x14ac:dyDescent="0.3">
      <c r="A117005" s="13" t="s">
        <v>554</v>
      </c>
      <c r="B117005" s="14" t="s">
        <v>1</v>
      </c>
      <c r="C117005" s="14" t="s">
        <v>546</v>
      </c>
      <c r="D117005" s="14" t="s">
        <v>406</v>
      </c>
      <c r="E117005" s="15">
        <v>45581</v>
      </c>
      <c r="F117005" s="14" t="s">
        <v>15</v>
      </c>
      <c r="G117005" s="16">
        <v>0.78052792321117004</v>
      </c>
    </row>
    <row r="117006" spans="1:7" x14ac:dyDescent="0.3">
      <c r="A117006" s="13" t="s">
        <v>554</v>
      </c>
      <c r="B117006" s="14" t="s">
        <v>1</v>
      </c>
      <c r="C117006" s="14" t="s">
        <v>546</v>
      </c>
      <c r="D117006" s="14" t="s">
        <v>406</v>
      </c>
      <c r="E117006" s="15">
        <v>45582</v>
      </c>
      <c r="F117006" s="14" t="s">
        <v>15</v>
      </c>
      <c r="G117006" s="16">
        <v>0.77859947643979122</v>
      </c>
    </row>
    <row r="117007" spans="1:7" x14ac:dyDescent="0.3">
      <c r="A117007" s="13" t="s">
        <v>554</v>
      </c>
      <c r="B117007" s="14" t="s">
        <v>1</v>
      </c>
      <c r="C117007" s="14" t="s">
        <v>546</v>
      </c>
      <c r="D117007" s="14" t="s">
        <v>406</v>
      </c>
      <c r="E117007" s="15">
        <v>45583</v>
      </c>
      <c r="F117007" s="14" t="s">
        <v>15</v>
      </c>
      <c r="G117007" s="16">
        <v>0.77669720767888384</v>
      </c>
    </row>
    <row r="117008" spans="1:7" x14ac:dyDescent="0.3">
      <c r="A117008" s="13" t="s">
        <v>554</v>
      </c>
      <c r="B117008" s="14" t="s">
        <v>1</v>
      </c>
      <c r="C117008" s="14" t="s">
        <v>546</v>
      </c>
      <c r="D117008" s="14" t="s">
        <v>406</v>
      </c>
      <c r="E117008" s="15">
        <v>45584</v>
      </c>
      <c r="F117008" s="14" t="s">
        <v>15</v>
      </c>
      <c r="G117008" s="16">
        <v>0.77669720767888384</v>
      </c>
    </row>
    <row r="117009" spans="1:7" x14ac:dyDescent="0.3">
      <c r="A117009" s="13" t="s">
        <v>554</v>
      </c>
      <c r="B117009" s="14" t="s">
        <v>1</v>
      </c>
      <c r="C117009" s="14" t="s">
        <v>546</v>
      </c>
      <c r="D117009" s="14" t="s">
        <v>406</v>
      </c>
      <c r="E117009" s="15">
        <v>45585</v>
      </c>
      <c r="F117009" s="14" t="s">
        <v>15</v>
      </c>
      <c r="G117009" s="16">
        <v>0.77669720767888384</v>
      </c>
    </row>
    <row r="117010" spans="1:7" x14ac:dyDescent="0.3">
      <c r="A117010" s="13" t="s">
        <v>554</v>
      </c>
      <c r="B117010" s="14" t="s">
        <v>1</v>
      </c>
      <c r="C117010" s="14" t="s">
        <v>546</v>
      </c>
      <c r="D117010" s="14" t="s">
        <v>406</v>
      </c>
      <c r="E117010" s="15">
        <v>45586</v>
      </c>
      <c r="F117010" s="14" t="s">
        <v>15</v>
      </c>
      <c r="G117010" s="16">
        <v>0.79018760907504437</v>
      </c>
    </row>
    <row r="117011" spans="1:7" x14ac:dyDescent="0.3">
      <c r="A117011" s="13" t="s">
        <v>554</v>
      </c>
      <c r="B117011" s="14" t="s">
        <v>1</v>
      </c>
      <c r="C117011" s="14" t="s">
        <v>546</v>
      </c>
      <c r="D117011" s="14" t="s">
        <v>406</v>
      </c>
      <c r="E117011" s="15">
        <v>45587</v>
      </c>
      <c r="F117011" s="14" t="s">
        <v>15</v>
      </c>
      <c r="G117011" s="16">
        <v>0.78430410122164129</v>
      </c>
    </row>
    <row r="117012" spans="1:7" x14ac:dyDescent="0.3">
      <c r="A117012" s="13" t="s">
        <v>554</v>
      </c>
      <c r="B117012" s="14" t="s">
        <v>1</v>
      </c>
      <c r="C117012" s="14" t="s">
        <v>546</v>
      </c>
      <c r="D117012" s="14" t="s">
        <v>406</v>
      </c>
      <c r="E117012" s="15">
        <v>45588</v>
      </c>
      <c r="F117012" s="14" t="s">
        <v>15</v>
      </c>
      <c r="G117012" s="16">
        <v>0.78235602094240919</v>
      </c>
    </row>
    <row r="117013" spans="1:7" x14ac:dyDescent="0.3">
      <c r="A117013" s="13" t="s">
        <v>554</v>
      </c>
      <c r="B117013" s="14" t="s">
        <v>1</v>
      </c>
      <c r="C117013" s="14" t="s">
        <v>546</v>
      </c>
      <c r="D117013" s="14" t="s">
        <v>406</v>
      </c>
      <c r="E117013" s="15">
        <v>45589</v>
      </c>
      <c r="F117013" s="14" t="s">
        <v>15</v>
      </c>
      <c r="G117013" s="16">
        <v>0.78229712041884902</v>
      </c>
    </row>
    <row r="117014" spans="1:7" x14ac:dyDescent="0.3">
      <c r="A117014" s="13" t="s">
        <v>554</v>
      </c>
      <c r="B117014" s="14" t="s">
        <v>1</v>
      </c>
      <c r="C117014" s="14" t="s">
        <v>546</v>
      </c>
      <c r="D117014" s="14" t="s">
        <v>406</v>
      </c>
      <c r="E117014" s="15">
        <v>45590</v>
      </c>
      <c r="F117014" s="14" t="s">
        <v>15</v>
      </c>
      <c r="G117014" s="16">
        <v>0.78033158813263614</v>
      </c>
    </row>
    <row r="117015" spans="1:7" x14ac:dyDescent="0.3">
      <c r="A117015" s="13" t="s">
        <v>554</v>
      </c>
      <c r="B117015" s="14" t="s">
        <v>1</v>
      </c>
      <c r="C117015" s="14" t="s">
        <v>546</v>
      </c>
      <c r="D117015" s="14" t="s">
        <v>406</v>
      </c>
      <c r="E117015" s="15">
        <v>45591</v>
      </c>
      <c r="F117015" s="14" t="s">
        <v>15</v>
      </c>
      <c r="G117015" s="16">
        <v>0.78033158813263614</v>
      </c>
    </row>
    <row r="117016" spans="1:7" x14ac:dyDescent="0.3">
      <c r="A117016" s="13" t="s">
        <v>554</v>
      </c>
      <c r="B117016" s="14" t="s">
        <v>1</v>
      </c>
      <c r="C117016" s="14" t="s">
        <v>546</v>
      </c>
      <c r="D117016" s="14" t="s">
        <v>406</v>
      </c>
      <c r="E117016" s="15">
        <v>45592</v>
      </c>
      <c r="F117016" s="14" t="s">
        <v>15</v>
      </c>
      <c r="G117016" s="16">
        <v>0.78033158813263614</v>
      </c>
    </row>
    <row r="117017" spans="1:7" x14ac:dyDescent="0.3">
      <c r="A117017" s="13" t="s">
        <v>554</v>
      </c>
      <c r="B117017" s="14" t="s">
        <v>1</v>
      </c>
      <c r="C117017" s="14" t="s">
        <v>546</v>
      </c>
      <c r="D117017" s="14" t="s">
        <v>406</v>
      </c>
      <c r="E117017" s="15">
        <v>45593</v>
      </c>
      <c r="F117017" s="14" t="s">
        <v>15</v>
      </c>
      <c r="G117017" s="16">
        <v>0.78033158813263614</v>
      </c>
    </row>
    <row r="117018" spans="1:7" x14ac:dyDescent="0.3">
      <c r="A117018" s="13" t="s">
        <v>554</v>
      </c>
      <c r="B117018" s="14" t="s">
        <v>1</v>
      </c>
      <c r="C117018" s="14" t="s">
        <v>546</v>
      </c>
      <c r="D117018" s="14" t="s">
        <v>406</v>
      </c>
      <c r="E117018" s="15">
        <v>45594</v>
      </c>
      <c r="F117018" s="14" t="s">
        <v>15</v>
      </c>
      <c r="G117018" s="16">
        <v>0.78332024432809855</v>
      </c>
    </row>
    <row r="117019" spans="1:7" x14ac:dyDescent="0.3">
      <c r="A117019" s="13" t="s">
        <v>554</v>
      </c>
      <c r="B117019" s="14" t="s">
        <v>1</v>
      </c>
      <c r="C117019" s="14" t="s">
        <v>546</v>
      </c>
      <c r="D117019" s="14" t="s">
        <v>406</v>
      </c>
      <c r="E117019" s="15">
        <v>45595</v>
      </c>
      <c r="F117019" s="14" t="s">
        <v>15</v>
      </c>
      <c r="G117019" s="16">
        <v>0.77553664921466059</v>
      </c>
    </row>
    <row r="117020" spans="1:7" x14ac:dyDescent="0.3">
      <c r="A117020" s="13" t="s">
        <v>554</v>
      </c>
      <c r="B117020" s="14" t="s">
        <v>1</v>
      </c>
      <c r="C117020" s="14" t="s">
        <v>546</v>
      </c>
      <c r="D117020" s="14" t="s">
        <v>406</v>
      </c>
      <c r="E117020" s="15">
        <v>45596</v>
      </c>
      <c r="F117020" s="14" t="s">
        <v>15</v>
      </c>
      <c r="G117020" s="16">
        <v>0.77359293193717371</v>
      </c>
    </row>
    <row r="117021" spans="1:7" x14ac:dyDescent="0.3">
      <c r="A117021" s="13" t="s">
        <v>554</v>
      </c>
      <c r="B117021" s="14" t="s">
        <v>1</v>
      </c>
      <c r="C117021" s="14" t="s">
        <v>546</v>
      </c>
      <c r="D117021" s="14" t="s">
        <v>406</v>
      </c>
      <c r="E117021" s="15">
        <v>45597</v>
      </c>
      <c r="F117021" s="14" t="s">
        <v>15</v>
      </c>
      <c r="G117021" s="16">
        <v>0.77642670157068161</v>
      </c>
    </row>
    <row r="117022" spans="1:7" x14ac:dyDescent="0.3">
      <c r="A117022" s="13" t="s">
        <v>554</v>
      </c>
      <c r="B117022" s="14" t="s">
        <v>1</v>
      </c>
      <c r="C117022" s="14" t="s">
        <v>546</v>
      </c>
      <c r="D117022" s="14" t="s">
        <v>406</v>
      </c>
      <c r="E117022" s="15">
        <v>45598</v>
      </c>
      <c r="F117022" s="14" t="s">
        <v>15</v>
      </c>
      <c r="G117022" s="16">
        <v>0.77642670157068161</v>
      </c>
    </row>
    <row r="117023" spans="1:7" x14ac:dyDescent="0.3">
      <c r="A117023" s="13" t="s">
        <v>554</v>
      </c>
      <c r="B117023" s="14" t="s">
        <v>1</v>
      </c>
      <c r="C117023" s="14" t="s">
        <v>546</v>
      </c>
      <c r="D117023" s="14" t="s">
        <v>406</v>
      </c>
      <c r="E117023" s="15">
        <v>45599</v>
      </c>
      <c r="F117023" s="14" t="s">
        <v>15</v>
      </c>
      <c r="G117023" s="16">
        <v>0.77642670157068161</v>
      </c>
    </row>
    <row r="117024" spans="1:7" x14ac:dyDescent="0.3">
      <c r="A117024" s="13" t="s">
        <v>554</v>
      </c>
      <c r="B117024" s="14" t="s">
        <v>1</v>
      </c>
      <c r="C117024" s="14" t="s">
        <v>546</v>
      </c>
      <c r="D117024" s="14" t="s">
        <v>406</v>
      </c>
      <c r="E117024" s="15">
        <v>45600</v>
      </c>
      <c r="F117024" s="14" t="s">
        <v>15</v>
      </c>
      <c r="G117024" s="16">
        <v>0.77723603839441635</v>
      </c>
    </row>
    <row r="117025" spans="1:7" x14ac:dyDescent="0.3">
      <c r="A117025" s="13" t="s">
        <v>554</v>
      </c>
      <c r="B117025" s="14" t="s">
        <v>1</v>
      </c>
      <c r="C117025" s="14" t="s">
        <v>546</v>
      </c>
      <c r="D117025" s="14" t="s">
        <v>406</v>
      </c>
      <c r="E117025" s="15">
        <v>45601</v>
      </c>
      <c r="F117025" s="14" t="s">
        <v>15</v>
      </c>
      <c r="G117025" s="16">
        <v>0.7714659685863885</v>
      </c>
    </row>
    <row r="117026" spans="1:7" x14ac:dyDescent="0.3">
      <c r="A117026" s="13" t="s">
        <v>554</v>
      </c>
      <c r="B117026" s="14" t="s">
        <v>1</v>
      </c>
      <c r="C117026" s="14" t="s">
        <v>546</v>
      </c>
      <c r="D117026" s="14" t="s">
        <v>406</v>
      </c>
      <c r="E117026" s="15">
        <v>45602</v>
      </c>
      <c r="F117026" s="14" t="s">
        <v>15</v>
      </c>
      <c r="G117026" s="16">
        <v>0.76951788830715639</v>
      </c>
    </row>
    <row r="117027" spans="1:7" x14ac:dyDescent="0.3">
      <c r="A117027" s="13" t="s">
        <v>554</v>
      </c>
      <c r="B117027" s="14" t="s">
        <v>1</v>
      </c>
      <c r="C117027" s="14" t="s">
        <v>546</v>
      </c>
      <c r="D117027" s="14" t="s">
        <v>406</v>
      </c>
      <c r="E117027" s="15">
        <v>45603</v>
      </c>
      <c r="F117027" s="14" t="s">
        <v>15</v>
      </c>
      <c r="G117027" s="16">
        <v>0.7675283595113449</v>
      </c>
    </row>
    <row r="117028" spans="1:7" x14ac:dyDescent="0.3">
      <c r="A117028" s="13" t="s">
        <v>554</v>
      </c>
      <c r="B117028" s="14" t="s">
        <v>1</v>
      </c>
      <c r="C117028" s="14" t="s">
        <v>546</v>
      </c>
      <c r="D117028" s="14" t="s">
        <v>406</v>
      </c>
      <c r="E117028" s="15">
        <v>45604</v>
      </c>
      <c r="F117028" s="14" t="s">
        <v>15</v>
      </c>
      <c r="G117028" s="16">
        <v>0.76897469458987888</v>
      </c>
    </row>
    <row r="117029" spans="1:7" x14ac:dyDescent="0.3">
      <c r="A117029" s="13" t="s">
        <v>554</v>
      </c>
      <c r="B117029" s="14" t="s">
        <v>1</v>
      </c>
      <c r="C117029" s="14" t="s">
        <v>546</v>
      </c>
      <c r="D117029" s="14" t="s">
        <v>406</v>
      </c>
      <c r="E117029" s="15">
        <v>45605</v>
      </c>
      <c r="F117029" s="14" t="s">
        <v>15</v>
      </c>
      <c r="G117029" s="16">
        <v>0.76897469458987888</v>
      </c>
    </row>
    <row r="117030" spans="1:7" x14ac:dyDescent="0.3">
      <c r="A117030" s="13" t="s">
        <v>554</v>
      </c>
      <c r="B117030" s="14" t="s">
        <v>1</v>
      </c>
      <c r="C117030" s="14" t="s">
        <v>546</v>
      </c>
      <c r="D117030" s="14" t="s">
        <v>406</v>
      </c>
      <c r="E117030" s="15">
        <v>45606</v>
      </c>
      <c r="F117030" s="14" t="s">
        <v>15</v>
      </c>
      <c r="G117030" s="16">
        <v>0.76897469458987888</v>
      </c>
    </row>
    <row r="117031" spans="1:7" x14ac:dyDescent="0.3">
      <c r="A117031" s="13" t="s">
        <v>554</v>
      </c>
      <c r="B117031" s="14" t="s">
        <v>1</v>
      </c>
      <c r="C117031" s="14" t="s">
        <v>546</v>
      </c>
      <c r="D117031" s="14" t="s">
        <v>406</v>
      </c>
      <c r="E117031" s="15">
        <v>45607</v>
      </c>
      <c r="F117031" s="14" t="s">
        <v>15</v>
      </c>
      <c r="G117031" s="16">
        <v>0.76698298429319478</v>
      </c>
    </row>
    <row r="117032" spans="1:7" x14ac:dyDescent="0.3">
      <c r="A117032" s="13" t="s">
        <v>554</v>
      </c>
      <c r="B117032" s="14" t="s">
        <v>1</v>
      </c>
      <c r="C117032" s="14" t="s">
        <v>546</v>
      </c>
      <c r="D117032" s="14" t="s">
        <v>406</v>
      </c>
      <c r="E117032" s="15">
        <v>45608</v>
      </c>
      <c r="F117032" s="14" t="s">
        <v>15</v>
      </c>
      <c r="G117032" s="16">
        <v>0.76104493891797664</v>
      </c>
    </row>
    <row r="117033" spans="1:7" x14ac:dyDescent="0.3">
      <c r="A117033" s="13" t="s">
        <v>554</v>
      </c>
      <c r="B117033" s="14" t="s">
        <v>1</v>
      </c>
      <c r="C117033" s="14" t="s">
        <v>546</v>
      </c>
      <c r="D117033" s="14" t="s">
        <v>406</v>
      </c>
      <c r="E117033" s="15">
        <v>45609</v>
      </c>
      <c r="F117033" s="14" t="s">
        <v>15</v>
      </c>
      <c r="G117033" s="16">
        <v>0.75907940663176376</v>
      </c>
    </row>
    <row r="117034" spans="1:7" x14ac:dyDescent="0.3">
      <c r="A117034" s="13" t="s">
        <v>554</v>
      </c>
      <c r="B117034" s="14" t="s">
        <v>1</v>
      </c>
      <c r="C117034" s="14" t="s">
        <v>546</v>
      </c>
      <c r="D117034" s="14" t="s">
        <v>406</v>
      </c>
      <c r="E117034" s="15">
        <v>45610</v>
      </c>
      <c r="F117034" s="14" t="s">
        <v>15</v>
      </c>
      <c r="G117034" s="16">
        <v>0.75714877835951255</v>
      </c>
    </row>
    <row r="117035" spans="1:7" x14ac:dyDescent="0.3">
      <c r="A117035" s="13" t="s">
        <v>554</v>
      </c>
      <c r="B117035" s="14" t="s">
        <v>1</v>
      </c>
      <c r="C117035" s="14" t="s">
        <v>546</v>
      </c>
      <c r="D117035" s="14" t="s">
        <v>406</v>
      </c>
      <c r="E117035" s="15">
        <v>45611</v>
      </c>
      <c r="F117035" s="14" t="s">
        <v>15</v>
      </c>
      <c r="G117035" s="16">
        <v>0.7553206806282734</v>
      </c>
    </row>
    <row r="117036" spans="1:7" x14ac:dyDescent="0.3">
      <c r="A117036" s="13" t="s">
        <v>554</v>
      </c>
      <c r="B117036" s="14" t="s">
        <v>1</v>
      </c>
      <c r="C117036" s="14" t="s">
        <v>546</v>
      </c>
      <c r="D117036" s="14" t="s">
        <v>406</v>
      </c>
      <c r="E117036" s="15">
        <v>45612</v>
      </c>
      <c r="F117036" s="14" t="s">
        <v>15</v>
      </c>
      <c r="G117036" s="16">
        <v>0.7553206806282734</v>
      </c>
    </row>
    <row r="117037" spans="1:7" x14ac:dyDescent="0.3">
      <c r="A117037" s="13" t="s">
        <v>554</v>
      </c>
      <c r="B117037" s="14" t="s">
        <v>1</v>
      </c>
      <c r="C117037" s="14" t="s">
        <v>546</v>
      </c>
      <c r="D117037" s="14" t="s">
        <v>406</v>
      </c>
      <c r="E117037" s="15">
        <v>45613</v>
      </c>
      <c r="F117037" s="14" t="s">
        <v>15</v>
      </c>
      <c r="G117037" s="16">
        <v>0.7553206806282734</v>
      </c>
    </row>
    <row r="117038" spans="1:7" x14ac:dyDescent="0.3">
      <c r="A117038" s="13" t="s">
        <v>554</v>
      </c>
      <c r="B117038" s="14" t="s">
        <v>1</v>
      </c>
      <c r="C117038" s="14" t="s">
        <v>546</v>
      </c>
      <c r="D117038" s="14" t="s">
        <v>406</v>
      </c>
      <c r="E117038" s="15">
        <v>45614</v>
      </c>
      <c r="F117038" s="14" t="s">
        <v>15</v>
      </c>
      <c r="G117038" s="16">
        <v>0.75343586387434669</v>
      </c>
    </row>
    <row r="117039" spans="1:7" x14ac:dyDescent="0.3">
      <c r="A117039" s="13" t="s">
        <v>554</v>
      </c>
      <c r="B117039" s="14" t="s">
        <v>1</v>
      </c>
      <c r="C117039" s="14" t="s">
        <v>546</v>
      </c>
      <c r="D117039" s="14" t="s">
        <v>406</v>
      </c>
      <c r="E117039" s="15">
        <v>45615</v>
      </c>
      <c r="F117039" s="14" t="s">
        <v>15</v>
      </c>
      <c r="G117039" s="16">
        <v>0.74780104712042006</v>
      </c>
    </row>
    <row r="117040" spans="1:7" x14ac:dyDescent="0.3">
      <c r="A117040" s="13" t="s">
        <v>554</v>
      </c>
      <c r="B117040" s="14" t="s">
        <v>1</v>
      </c>
      <c r="C117040" s="14" t="s">
        <v>546</v>
      </c>
      <c r="D117040" s="14" t="s">
        <v>406</v>
      </c>
      <c r="E117040" s="15">
        <v>45616</v>
      </c>
      <c r="F117040" s="14" t="s">
        <v>15</v>
      </c>
      <c r="G117040" s="16">
        <v>0.74594240837696457</v>
      </c>
    </row>
    <row r="117041" spans="1:7" x14ac:dyDescent="0.3">
      <c r="A117041" s="13" t="s">
        <v>554</v>
      </c>
      <c r="B117041" s="14" t="s">
        <v>1</v>
      </c>
      <c r="C117041" s="14" t="s">
        <v>546</v>
      </c>
      <c r="D117041" s="14" t="s">
        <v>406</v>
      </c>
      <c r="E117041" s="15">
        <v>45617</v>
      </c>
      <c r="F117041" s="14" t="s">
        <v>15</v>
      </c>
      <c r="G117041" s="16">
        <v>0.74406849912740081</v>
      </c>
    </row>
    <row r="117042" spans="1:7" x14ac:dyDescent="0.3">
      <c r="A117042" s="13" t="s">
        <v>554</v>
      </c>
      <c r="B117042" s="14" t="s">
        <v>1</v>
      </c>
      <c r="C117042" s="14" t="s">
        <v>546</v>
      </c>
      <c r="D117042" s="14" t="s">
        <v>406</v>
      </c>
      <c r="E117042" s="15">
        <v>45618</v>
      </c>
      <c r="F117042" s="14" t="s">
        <v>15</v>
      </c>
      <c r="G117042" s="16">
        <v>0.74218586387434671</v>
      </c>
    </row>
    <row r="117043" spans="1:7" x14ac:dyDescent="0.3">
      <c r="A117043" s="13" t="s">
        <v>554</v>
      </c>
      <c r="B117043" s="14" t="s">
        <v>1</v>
      </c>
      <c r="C117043" s="14" t="s">
        <v>546</v>
      </c>
      <c r="D117043" s="14" t="s">
        <v>406</v>
      </c>
      <c r="E117043" s="15">
        <v>45619</v>
      </c>
      <c r="F117043" s="14" t="s">
        <v>15</v>
      </c>
      <c r="G117043" s="16">
        <v>0.74218586387434671</v>
      </c>
    </row>
    <row r="117044" spans="1:7" x14ac:dyDescent="0.3">
      <c r="A117044" s="13" t="s">
        <v>554</v>
      </c>
      <c r="B117044" s="14" t="s">
        <v>1</v>
      </c>
      <c r="C117044" s="14" t="s">
        <v>546</v>
      </c>
      <c r="D117044" s="14" t="s">
        <v>406</v>
      </c>
      <c r="E117044" s="15">
        <v>45620</v>
      </c>
      <c r="F117044" s="14" t="s">
        <v>15</v>
      </c>
      <c r="G117044" s="16">
        <v>0.74218586387434671</v>
      </c>
    </row>
    <row r="117045" spans="1:7" x14ac:dyDescent="0.3">
      <c r="A117045" s="13" t="s">
        <v>554</v>
      </c>
      <c r="B117045" s="14" t="s">
        <v>1</v>
      </c>
      <c r="C117045" s="14" t="s">
        <v>546</v>
      </c>
      <c r="D117045" s="14" t="s">
        <v>406</v>
      </c>
      <c r="E117045" s="15">
        <v>45621</v>
      </c>
      <c r="F117045" s="14" t="s">
        <v>15</v>
      </c>
      <c r="G117045" s="16">
        <v>0.74030759162303783</v>
      </c>
    </row>
    <row r="117046" spans="1:7" x14ac:dyDescent="0.3">
      <c r="A117046" s="13" t="s">
        <v>554</v>
      </c>
      <c r="B117046" s="14" t="s">
        <v>1</v>
      </c>
      <c r="C117046" s="14" t="s">
        <v>546</v>
      </c>
      <c r="D117046" s="14" t="s">
        <v>406</v>
      </c>
      <c r="E117046" s="15">
        <v>45622</v>
      </c>
      <c r="F117046" s="14" t="s">
        <v>15</v>
      </c>
      <c r="G117046" s="16">
        <v>0.73482547993019309</v>
      </c>
    </row>
    <row r="117047" spans="1:7" x14ac:dyDescent="0.3">
      <c r="A117047" s="13" t="s">
        <v>554</v>
      </c>
      <c r="B117047" s="14" t="s">
        <v>1</v>
      </c>
      <c r="C117047" s="14" t="s">
        <v>546</v>
      </c>
      <c r="D117047" s="14" t="s">
        <v>406</v>
      </c>
      <c r="E117047" s="15">
        <v>45623</v>
      </c>
      <c r="F117047" s="14" t="s">
        <v>15</v>
      </c>
      <c r="G117047" s="16">
        <v>0.7330104712041895</v>
      </c>
    </row>
    <row r="117048" spans="1:7" x14ac:dyDescent="0.3">
      <c r="A117048" s="13" t="s">
        <v>554</v>
      </c>
      <c r="B117048" s="14" t="s">
        <v>1</v>
      </c>
      <c r="C117048" s="14" t="s">
        <v>546</v>
      </c>
      <c r="D117048" s="14" t="s">
        <v>406</v>
      </c>
      <c r="E117048" s="15">
        <v>45624</v>
      </c>
      <c r="F117048" s="14" t="s">
        <v>15</v>
      </c>
      <c r="G117048" s="16">
        <v>0.73199389179755781</v>
      </c>
    </row>
    <row r="117049" spans="1:7" x14ac:dyDescent="0.3">
      <c r="A117049" s="13" t="s">
        <v>554</v>
      </c>
      <c r="B117049" s="14" t="s">
        <v>1</v>
      </c>
      <c r="C117049" s="14" t="s">
        <v>546</v>
      </c>
      <c r="D117049" s="14" t="s">
        <v>406</v>
      </c>
      <c r="E117049" s="15">
        <v>45625</v>
      </c>
      <c r="F117049" s="14" t="s">
        <v>15</v>
      </c>
      <c r="G117049" s="16">
        <v>0.73308027923211283</v>
      </c>
    </row>
    <row r="117050" spans="1:7" x14ac:dyDescent="0.3">
      <c r="A117050" s="13" t="s">
        <v>554</v>
      </c>
      <c r="B117050" s="14" t="s">
        <v>1</v>
      </c>
      <c r="C117050" s="14" t="s">
        <v>546</v>
      </c>
      <c r="D117050" s="14" t="s">
        <v>406</v>
      </c>
      <c r="E117050" s="15">
        <v>45626</v>
      </c>
      <c r="F117050" s="14" t="s">
        <v>15</v>
      </c>
      <c r="G117050" s="16">
        <v>0.73308027923211283</v>
      </c>
    </row>
    <row r="117051" spans="1:7" x14ac:dyDescent="0.3">
      <c r="A117051" s="13" t="s">
        <v>554</v>
      </c>
      <c r="B117051" s="14" t="s">
        <v>1</v>
      </c>
      <c r="C117051" s="14" t="s">
        <v>546</v>
      </c>
      <c r="D117051" s="14" t="s">
        <v>406</v>
      </c>
      <c r="E117051" s="15">
        <v>45627</v>
      </c>
      <c r="F117051" s="14" t="s">
        <v>15</v>
      </c>
      <c r="G117051" s="16">
        <v>0.73308027923211283</v>
      </c>
    </row>
    <row r="117052" spans="1:7" x14ac:dyDescent="0.3">
      <c r="A117052" s="13" t="s">
        <v>554</v>
      </c>
      <c r="B117052" s="14" t="s">
        <v>1</v>
      </c>
      <c r="C117052" s="14" t="s">
        <v>546</v>
      </c>
      <c r="D117052" s="14" t="s">
        <v>406</v>
      </c>
      <c r="E117052" s="15">
        <v>45628</v>
      </c>
      <c r="F117052" s="14" t="s">
        <v>15</v>
      </c>
      <c r="G117052" s="16">
        <v>0.7326199825479941</v>
      </c>
    </row>
    <row r="117053" spans="1:7" x14ac:dyDescent="0.3">
      <c r="A117053" s="13" t="s">
        <v>554</v>
      </c>
      <c r="B117053" s="14" t="s">
        <v>1</v>
      </c>
      <c r="C117053" s="14" t="s">
        <v>546</v>
      </c>
      <c r="D117053" s="14" t="s">
        <v>406</v>
      </c>
      <c r="E117053" s="15">
        <v>45629</v>
      </c>
      <c r="F117053" s="14" t="s">
        <v>15</v>
      </c>
      <c r="G117053" s="16">
        <v>0.7271226003490413</v>
      </c>
    </row>
    <row r="117054" spans="1:7" x14ac:dyDescent="0.3">
      <c r="A117054" s="13" t="s">
        <v>554</v>
      </c>
      <c r="B117054" s="14" t="s">
        <v>1</v>
      </c>
      <c r="C117054" s="14" t="s">
        <v>546</v>
      </c>
      <c r="D117054" s="14" t="s">
        <v>406</v>
      </c>
      <c r="E117054" s="15">
        <v>45630</v>
      </c>
      <c r="F117054" s="14" t="s">
        <v>15</v>
      </c>
      <c r="G117054" s="16">
        <v>0.72722731239092608</v>
      </c>
    </row>
    <row r="117055" spans="1:7" x14ac:dyDescent="0.3">
      <c r="A117055" s="13" t="s">
        <v>554</v>
      </c>
      <c r="B117055" s="14" t="s">
        <v>1</v>
      </c>
      <c r="C117055" s="14" t="s">
        <v>546</v>
      </c>
      <c r="D117055" s="14" t="s">
        <v>406</v>
      </c>
      <c r="E117055" s="15">
        <v>45631</v>
      </c>
      <c r="F117055" s="14" t="s">
        <v>15</v>
      </c>
      <c r="G117055" s="16">
        <v>0.72537521815008843</v>
      </c>
    </row>
    <row r="117056" spans="1:7" x14ac:dyDescent="0.3">
      <c r="A117056" s="13" t="s">
        <v>554</v>
      </c>
      <c r="B117056" s="14" t="s">
        <v>1</v>
      </c>
      <c r="C117056" s="14" t="s">
        <v>546</v>
      </c>
      <c r="D117056" s="14" t="s">
        <v>406</v>
      </c>
      <c r="E117056" s="15">
        <v>45632</v>
      </c>
      <c r="F117056" s="14" t="s">
        <v>15</v>
      </c>
      <c r="G117056" s="16">
        <v>0.72352312390925078</v>
      </c>
    </row>
    <row r="117057" spans="1:7" x14ac:dyDescent="0.3">
      <c r="A117057" s="13" t="s">
        <v>554</v>
      </c>
      <c r="B117057" s="14" t="s">
        <v>1</v>
      </c>
      <c r="C117057" s="14" t="s">
        <v>546</v>
      </c>
      <c r="D117057" s="14" t="s">
        <v>406</v>
      </c>
      <c r="E117057" s="15">
        <v>45633</v>
      </c>
      <c r="F117057" s="14" t="s">
        <v>15</v>
      </c>
      <c r="G117057" s="16">
        <v>0.72352312390925078</v>
      </c>
    </row>
    <row r="117058" spans="1:7" x14ac:dyDescent="0.3">
      <c r="A117058" s="13" t="s">
        <v>554</v>
      </c>
      <c r="B117058" s="14" t="s">
        <v>1</v>
      </c>
      <c r="C117058" s="14" t="s">
        <v>546</v>
      </c>
      <c r="D117058" s="14" t="s">
        <v>406</v>
      </c>
      <c r="E117058" s="15">
        <v>45634</v>
      </c>
      <c r="F117058" s="14" t="s">
        <v>15</v>
      </c>
      <c r="G117058" s="16">
        <v>0.72352312390925078</v>
      </c>
    </row>
    <row r="117059" spans="1:7" x14ac:dyDescent="0.3">
      <c r="A117059" s="13" t="s">
        <v>554</v>
      </c>
      <c r="B117059" s="14" t="s">
        <v>1</v>
      </c>
      <c r="C117059" s="14" t="s">
        <v>546</v>
      </c>
      <c r="D117059" s="14" t="s">
        <v>406</v>
      </c>
      <c r="E117059" s="15">
        <v>45635</v>
      </c>
      <c r="F117059" s="14" t="s">
        <v>15</v>
      </c>
      <c r="G117059" s="16">
        <v>0.72168411867364868</v>
      </c>
    </row>
    <row r="117060" spans="1:7" x14ac:dyDescent="0.3">
      <c r="A117060" s="13" t="s">
        <v>554</v>
      </c>
      <c r="B117060" s="14" t="s">
        <v>1</v>
      </c>
      <c r="C117060" s="14" t="s">
        <v>546</v>
      </c>
      <c r="D117060" s="14" t="s">
        <v>406</v>
      </c>
      <c r="E117060" s="15">
        <v>45636</v>
      </c>
      <c r="F117060" s="14" t="s">
        <v>15</v>
      </c>
      <c r="G117060" s="16">
        <v>0.72278577661431198</v>
      </c>
    </row>
    <row r="117061" spans="1:7" x14ac:dyDescent="0.3">
      <c r="A117061" s="13" t="s">
        <v>554</v>
      </c>
      <c r="B117061" s="14" t="s">
        <v>1</v>
      </c>
      <c r="C117061" s="14" t="s">
        <v>546</v>
      </c>
      <c r="D117061" s="14" t="s">
        <v>406</v>
      </c>
      <c r="E117061" s="15">
        <v>45637</v>
      </c>
      <c r="F117061" s="14" t="s">
        <v>15</v>
      </c>
      <c r="G117061" s="16">
        <v>0.72088787085514971</v>
      </c>
    </row>
    <row r="117062" spans="1:7" x14ac:dyDescent="0.3">
      <c r="A117062" s="13" t="s">
        <v>554</v>
      </c>
      <c r="B117062" s="14" t="s">
        <v>1</v>
      </c>
      <c r="C117062" s="14" t="s">
        <v>546</v>
      </c>
      <c r="D117062" s="14" t="s">
        <v>406</v>
      </c>
      <c r="E117062" s="15">
        <v>45638</v>
      </c>
      <c r="F117062" s="14" t="s">
        <v>15</v>
      </c>
      <c r="G117062" s="16">
        <v>0.71897687609075178</v>
      </c>
    </row>
    <row r="117063" spans="1:7" x14ac:dyDescent="0.3">
      <c r="A117063" s="13" t="s">
        <v>554</v>
      </c>
      <c r="B117063" s="14" t="s">
        <v>1</v>
      </c>
      <c r="C117063" s="14" t="s">
        <v>546</v>
      </c>
      <c r="D117063" s="14" t="s">
        <v>406</v>
      </c>
      <c r="E117063" s="15">
        <v>45639</v>
      </c>
      <c r="F117063" s="14" t="s">
        <v>15</v>
      </c>
      <c r="G117063" s="16">
        <v>0.71708551483420735</v>
      </c>
    </row>
    <row r="117064" spans="1:7" x14ac:dyDescent="0.3">
      <c r="A117064" s="13" t="s">
        <v>554</v>
      </c>
      <c r="B117064" s="14" t="s">
        <v>1</v>
      </c>
      <c r="C117064" s="14" t="s">
        <v>546</v>
      </c>
      <c r="D117064" s="14" t="s">
        <v>406</v>
      </c>
      <c r="E117064" s="15">
        <v>45640</v>
      </c>
      <c r="F117064" s="14" t="s">
        <v>15</v>
      </c>
      <c r="G117064" s="16">
        <v>0.71708551483420735</v>
      </c>
    </row>
    <row r="117065" spans="1:7" x14ac:dyDescent="0.3">
      <c r="A117065" s="13" t="s">
        <v>554</v>
      </c>
      <c r="B117065" s="14" t="s">
        <v>1</v>
      </c>
      <c r="C117065" s="14" t="s">
        <v>546</v>
      </c>
      <c r="D117065" s="14" t="s">
        <v>406</v>
      </c>
      <c r="E117065" s="15">
        <v>45641</v>
      </c>
      <c r="F117065" s="14" t="s">
        <v>15</v>
      </c>
      <c r="G117065" s="16">
        <v>0.71708551483420735</v>
      </c>
    </row>
    <row r="117066" spans="1:7" x14ac:dyDescent="0.3">
      <c r="A117066" s="13" t="s">
        <v>554</v>
      </c>
      <c r="B117066" s="14" t="s">
        <v>1</v>
      </c>
      <c r="C117066" s="14" t="s">
        <v>546</v>
      </c>
      <c r="D117066" s="14" t="s">
        <v>406</v>
      </c>
      <c r="E117066" s="15">
        <v>45642</v>
      </c>
      <c r="F117066" s="14" t="s">
        <v>15</v>
      </c>
      <c r="G117066" s="16">
        <v>0.71550828970331726</v>
      </c>
    </row>
    <row r="117067" spans="1:7" x14ac:dyDescent="0.3">
      <c r="A117067" s="13" t="s">
        <v>554</v>
      </c>
      <c r="B117067" s="14" t="s">
        <v>1</v>
      </c>
      <c r="C117067" s="14" t="s">
        <v>546</v>
      </c>
      <c r="D117067" s="14" t="s">
        <v>406</v>
      </c>
      <c r="E117067" s="15">
        <v>45643</v>
      </c>
      <c r="F117067" s="14" t="s">
        <v>15</v>
      </c>
      <c r="G117067" s="16">
        <v>0.70988438045375346</v>
      </c>
    </row>
    <row r="117068" spans="1:7" x14ac:dyDescent="0.3">
      <c r="A117068" s="13" t="s">
        <v>554</v>
      </c>
      <c r="B117068" s="14" t="s">
        <v>1</v>
      </c>
      <c r="C117068" s="14" t="s">
        <v>546</v>
      </c>
      <c r="D117068" s="14" t="s">
        <v>406</v>
      </c>
      <c r="E117068" s="15">
        <v>45644</v>
      </c>
      <c r="F117068" s="14" t="s">
        <v>15</v>
      </c>
      <c r="G117068" s="16">
        <v>0.70796465968586519</v>
      </c>
    </row>
    <row r="117069" spans="1:7" x14ac:dyDescent="0.3">
      <c r="A117069" s="13" t="s">
        <v>554</v>
      </c>
      <c r="B117069" s="14" t="s">
        <v>1</v>
      </c>
      <c r="C117069" s="14" t="s">
        <v>546</v>
      </c>
      <c r="D117069" s="14" t="s">
        <v>406</v>
      </c>
      <c r="E117069" s="15">
        <v>45645</v>
      </c>
      <c r="F117069" s="14" t="s">
        <v>15</v>
      </c>
      <c r="G117069" s="16">
        <v>0.70665575916230494</v>
      </c>
    </row>
    <row r="117070" spans="1:7" x14ac:dyDescent="0.3">
      <c r="A117070" s="13" t="s">
        <v>554</v>
      </c>
      <c r="B117070" s="14" t="s">
        <v>1</v>
      </c>
      <c r="C117070" s="14" t="s">
        <v>546</v>
      </c>
      <c r="D117070" s="14" t="s">
        <v>406</v>
      </c>
      <c r="E117070" s="15">
        <v>45646</v>
      </c>
      <c r="F117070" s="14" t="s">
        <v>15</v>
      </c>
      <c r="G117070" s="16">
        <v>0.70479275741710423</v>
      </c>
    </row>
    <row r="117071" spans="1:7" x14ac:dyDescent="0.3">
      <c r="A117071" s="13" t="s">
        <v>554</v>
      </c>
      <c r="B117071" s="14" t="s">
        <v>1</v>
      </c>
      <c r="C117071" s="14" t="s">
        <v>546</v>
      </c>
      <c r="D117071" s="14" t="s">
        <v>406</v>
      </c>
      <c r="E117071" s="15">
        <v>45647</v>
      </c>
      <c r="F117071" s="14" t="s">
        <v>15</v>
      </c>
      <c r="G117071" s="16">
        <v>0.70479275741710423</v>
      </c>
    </row>
    <row r="117072" spans="1:7" x14ac:dyDescent="0.3">
      <c r="A117072" s="13" t="s">
        <v>554</v>
      </c>
      <c r="B117072" s="14" t="s">
        <v>1</v>
      </c>
      <c r="C117072" s="14" t="s">
        <v>546</v>
      </c>
      <c r="D117072" s="14" t="s">
        <v>406</v>
      </c>
      <c r="E117072" s="15">
        <v>45648</v>
      </c>
      <c r="F117072" s="14" t="s">
        <v>15</v>
      </c>
      <c r="G117072" s="16">
        <v>0.70479275741710423</v>
      </c>
    </row>
    <row r="117073" spans="1:7" x14ac:dyDescent="0.3">
      <c r="A117073" s="13" t="s">
        <v>554</v>
      </c>
      <c r="B117073" s="14" t="s">
        <v>1</v>
      </c>
      <c r="C117073" s="14" t="s">
        <v>546</v>
      </c>
      <c r="D117073" s="14" t="s">
        <v>406</v>
      </c>
      <c r="E117073" s="15">
        <v>45649</v>
      </c>
      <c r="F117073" s="14" t="s">
        <v>15</v>
      </c>
      <c r="G117073" s="16">
        <v>0.73829624781850045</v>
      </c>
    </row>
    <row r="117074" spans="1:7" x14ac:dyDescent="0.3">
      <c r="A117074" s="13" t="s">
        <v>554</v>
      </c>
      <c r="B117074" s="14" t="s">
        <v>1</v>
      </c>
      <c r="C117074" s="14" t="s">
        <v>546</v>
      </c>
      <c r="D117074" s="14" t="s">
        <v>406</v>
      </c>
      <c r="E117074" s="15">
        <v>45650</v>
      </c>
      <c r="F117074" s="14" t="s">
        <v>15</v>
      </c>
      <c r="G117074" s="16">
        <v>0.73271378708551604</v>
      </c>
    </row>
    <row r="117075" spans="1:7" x14ac:dyDescent="0.3">
      <c r="A117075" s="13" t="s">
        <v>554</v>
      </c>
      <c r="B117075" s="14" t="s">
        <v>1</v>
      </c>
      <c r="C117075" s="14" t="s">
        <v>546</v>
      </c>
      <c r="D117075" s="14" t="s">
        <v>406</v>
      </c>
      <c r="E117075" s="15">
        <v>45651</v>
      </c>
      <c r="F117075" s="14" t="s">
        <v>15</v>
      </c>
      <c r="G117075" s="16">
        <v>0.73271378708551604</v>
      </c>
    </row>
    <row r="117076" spans="1:7" x14ac:dyDescent="0.3">
      <c r="A117076" s="13" t="s">
        <v>554</v>
      </c>
      <c r="B117076" s="14" t="s">
        <v>1</v>
      </c>
      <c r="C117076" s="14" t="s">
        <v>546</v>
      </c>
      <c r="D117076" s="14" t="s">
        <v>406</v>
      </c>
      <c r="E117076" s="15">
        <v>45652</v>
      </c>
      <c r="F117076" s="14" t="s">
        <v>15</v>
      </c>
      <c r="G117076" s="16">
        <v>0.73271378708551604</v>
      </c>
    </row>
    <row r="117077" spans="1:7" x14ac:dyDescent="0.3">
      <c r="A117077" s="13" t="s">
        <v>554</v>
      </c>
      <c r="B117077" s="14" t="s">
        <v>1</v>
      </c>
      <c r="C117077" s="14" t="s">
        <v>546</v>
      </c>
      <c r="D117077" s="14" t="s">
        <v>406</v>
      </c>
      <c r="E117077" s="15">
        <v>45653</v>
      </c>
      <c r="F117077" s="14" t="s">
        <v>15</v>
      </c>
      <c r="G117077" s="16">
        <v>0.73271378708551604</v>
      </c>
    </row>
    <row r="117078" spans="1:7" x14ac:dyDescent="0.3">
      <c r="A117078" s="13" t="s">
        <v>554</v>
      </c>
      <c r="B117078" s="14" t="s">
        <v>1</v>
      </c>
      <c r="C117078" s="14" t="s">
        <v>546</v>
      </c>
      <c r="D117078" s="14" t="s">
        <v>406</v>
      </c>
      <c r="E117078" s="15">
        <v>45654</v>
      </c>
      <c r="F117078" s="14" t="s">
        <v>15</v>
      </c>
      <c r="G117078" s="16">
        <v>0.73271378708551604</v>
      </c>
    </row>
    <row r="117079" spans="1:7" x14ac:dyDescent="0.3">
      <c r="A117079" s="13" t="s">
        <v>554</v>
      </c>
      <c r="B117079" s="14" t="s">
        <v>1</v>
      </c>
      <c r="C117079" s="14" t="s">
        <v>546</v>
      </c>
      <c r="D117079" s="14" t="s">
        <v>406</v>
      </c>
      <c r="E117079" s="15">
        <v>45655</v>
      </c>
      <c r="F117079" s="14" t="s">
        <v>15</v>
      </c>
      <c r="G117079" s="16">
        <v>0.73271378708551604</v>
      </c>
    </row>
    <row r="117080" spans="1:7" x14ac:dyDescent="0.3">
      <c r="A117080" s="13" t="s">
        <v>554</v>
      </c>
      <c r="B117080" s="14" t="s">
        <v>1</v>
      </c>
      <c r="C117080" s="14" t="s">
        <v>546</v>
      </c>
      <c r="D117080" s="14" t="s">
        <v>406</v>
      </c>
      <c r="E117080" s="15">
        <v>45656</v>
      </c>
      <c r="F117080" s="14" t="s">
        <v>15</v>
      </c>
      <c r="G117080" s="16">
        <v>0.73084860383944272</v>
      </c>
    </row>
    <row r="117081" spans="1:7" x14ac:dyDescent="0.3">
      <c r="A117081" s="13" t="s">
        <v>554</v>
      </c>
      <c r="B117081" s="14" t="s">
        <v>1</v>
      </c>
      <c r="C117081" s="14" t="s">
        <v>546</v>
      </c>
      <c r="D117081" s="14" t="s">
        <v>406</v>
      </c>
      <c r="E117081" s="15">
        <v>45657</v>
      </c>
      <c r="F117081" s="14" t="s">
        <v>15</v>
      </c>
      <c r="G117081" s="16">
        <v>0.72709860383944269</v>
      </c>
    </row>
    <row r="117082" spans="1:7" x14ac:dyDescent="0.3">
      <c r="A117082" s="13" t="s">
        <v>554</v>
      </c>
      <c r="B117082" s="14" t="s">
        <v>1</v>
      </c>
      <c r="C117082" s="14" t="s">
        <v>546</v>
      </c>
      <c r="D117082" s="14" t="s">
        <v>406</v>
      </c>
      <c r="E117082" s="15">
        <v>45658</v>
      </c>
      <c r="F117082" s="14" t="s">
        <v>15</v>
      </c>
      <c r="G117082" s="16">
        <v>0.72709860383944269</v>
      </c>
    </row>
    <row r="117083" spans="1:7" x14ac:dyDescent="0.3">
      <c r="A117083" s="13" t="s">
        <v>554</v>
      </c>
      <c r="B117083" s="14" t="s">
        <v>1</v>
      </c>
      <c r="C117083" s="14" t="s">
        <v>546</v>
      </c>
      <c r="D117083" s="14" t="s">
        <v>406</v>
      </c>
      <c r="E117083" s="15">
        <v>45659</v>
      </c>
      <c r="F117083" s="14" t="s">
        <v>15</v>
      </c>
      <c r="G117083" s="16">
        <v>0.72521378708551609</v>
      </c>
    </row>
    <row r="117084" spans="1:7" x14ac:dyDescent="0.3">
      <c r="A117084" s="13" t="s">
        <v>554</v>
      </c>
      <c r="B117084" s="14" t="s">
        <v>1</v>
      </c>
      <c r="C117084" s="14" t="s">
        <v>546</v>
      </c>
      <c r="D117084" s="14" t="s">
        <v>406</v>
      </c>
      <c r="E117084" s="15">
        <v>45660</v>
      </c>
      <c r="F117084" s="14" t="s">
        <v>15</v>
      </c>
      <c r="G117084" s="16">
        <v>0.83866492146596983</v>
      </c>
    </row>
    <row r="117085" spans="1:7" x14ac:dyDescent="0.3">
      <c r="A117085" s="13" t="s">
        <v>554</v>
      </c>
      <c r="B117085" s="14" t="s">
        <v>1</v>
      </c>
      <c r="C117085" s="14" t="s">
        <v>546</v>
      </c>
      <c r="D117085" s="14" t="s">
        <v>406</v>
      </c>
      <c r="E117085" s="15">
        <v>45661</v>
      </c>
      <c r="F117085" s="14" t="s">
        <v>15</v>
      </c>
      <c r="G117085" s="16">
        <v>0.83866492146596983</v>
      </c>
    </row>
    <row r="117086" spans="1:7" x14ac:dyDescent="0.3">
      <c r="A117086" s="13" t="s">
        <v>554</v>
      </c>
      <c r="B117086" s="14" t="s">
        <v>1</v>
      </c>
      <c r="C117086" s="14" t="s">
        <v>546</v>
      </c>
      <c r="D117086" s="14" t="s">
        <v>406</v>
      </c>
      <c r="E117086" s="15">
        <v>45662</v>
      </c>
      <c r="F117086" s="14" t="s">
        <v>15</v>
      </c>
      <c r="G117086" s="16">
        <v>0.83866492146596983</v>
      </c>
    </row>
    <row r="117087" spans="1:7" x14ac:dyDescent="0.3">
      <c r="A117087" s="13" t="s">
        <v>554</v>
      </c>
      <c r="B117087" s="14" t="s">
        <v>1</v>
      </c>
      <c r="C117087" s="14" t="s">
        <v>546</v>
      </c>
      <c r="D117087" s="14" t="s">
        <v>406</v>
      </c>
      <c r="E117087" s="15">
        <v>45663</v>
      </c>
      <c r="F117087" s="14" t="s">
        <v>15</v>
      </c>
      <c r="G117087" s="16">
        <v>0.83683464223385817</v>
      </c>
    </row>
    <row r="117088" spans="1:7" x14ac:dyDescent="0.3">
      <c r="A117088" s="13" t="s">
        <v>554</v>
      </c>
      <c r="B117088" s="14" t="s">
        <v>1</v>
      </c>
      <c r="C117088" s="14" t="s">
        <v>546</v>
      </c>
      <c r="D117088" s="14" t="s">
        <v>406</v>
      </c>
      <c r="E117088" s="15">
        <v>45664</v>
      </c>
      <c r="F117088" s="14" t="s">
        <v>15</v>
      </c>
      <c r="G117088" s="16">
        <v>0.83318717277487042</v>
      </c>
    </row>
    <row r="117089" spans="1:7" x14ac:dyDescent="0.3">
      <c r="A117089" s="13" t="s">
        <v>554</v>
      </c>
      <c r="B117089" s="14" t="s">
        <v>1</v>
      </c>
      <c r="C117089" s="14" t="s">
        <v>546</v>
      </c>
      <c r="D117089" s="14" t="s">
        <v>406</v>
      </c>
      <c r="E117089" s="15">
        <v>45665</v>
      </c>
      <c r="F117089" s="14" t="s">
        <v>15</v>
      </c>
      <c r="G117089" s="16">
        <v>0.83270506108202569</v>
      </c>
    </row>
    <row r="117090" spans="1:7" x14ac:dyDescent="0.3">
      <c r="A117090" s="13" t="s">
        <v>554</v>
      </c>
      <c r="B117090" s="14" t="s">
        <v>1</v>
      </c>
      <c r="C117090" s="14" t="s">
        <v>546</v>
      </c>
      <c r="D117090" s="14" t="s">
        <v>406</v>
      </c>
      <c r="E117090" s="15">
        <v>45666</v>
      </c>
      <c r="F117090" s="14" t="s">
        <v>15</v>
      </c>
      <c r="G117090" s="16">
        <v>0.83089441535776742</v>
      </c>
    </row>
    <row r="117091" spans="1:7" x14ac:dyDescent="0.3">
      <c r="A117091" s="13" t="s">
        <v>554</v>
      </c>
      <c r="B117091" s="14" t="s">
        <v>1</v>
      </c>
      <c r="C117091" s="14" t="s">
        <v>546</v>
      </c>
      <c r="D117091" s="14" t="s">
        <v>406</v>
      </c>
      <c r="E117091" s="15">
        <v>45667</v>
      </c>
      <c r="F117091" s="14" t="s">
        <v>15</v>
      </c>
      <c r="G117091" s="16">
        <v>0.8290946771378721</v>
      </c>
    </row>
    <row r="117092" spans="1:7" x14ac:dyDescent="0.3">
      <c r="A117092" s="13" t="s">
        <v>554</v>
      </c>
      <c r="B117092" s="14" t="s">
        <v>1</v>
      </c>
      <c r="C117092" s="14" t="s">
        <v>546</v>
      </c>
      <c r="D117092" s="14" t="s">
        <v>406</v>
      </c>
      <c r="E117092" s="15">
        <v>45668</v>
      </c>
      <c r="F117092" s="14" t="s">
        <v>15</v>
      </c>
      <c r="G117092" s="16">
        <v>0.8290946771378721</v>
      </c>
    </row>
    <row r="117093" spans="1:7" x14ac:dyDescent="0.3">
      <c r="A117093" s="13" t="s">
        <v>554</v>
      </c>
      <c r="B117093" s="14" t="s">
        <v>1</v>
      </c>
      <c r="C117093" s="14" t="s">
        <v>546</v>
      </c>
      <c r="D117093" s="14" t="s">
        <v>406</v>
      </c>
      <c r="E117093" s="15">
        <v>45669</v>
      </c>
      <c r="F117093" s="14" t="s">
        <v>15</v>
      </c>
      <c r="G117093" s="16">
        <v>0.8290946771378721</v>
      </c>
    </row>
    <row r="117094" spans="1:7" x14ac:dyDescent="0.3">
      <c r="A117094" s="13" t="s">
        <v>554</v>
      </c>
      <c r="B117094" s="14" t="s">
        <v>1</v>
      </c>
      <c r="C117094" s="14" t="s">
        <v>546</v>
      </c>
      <c r="D117094" s="14" t="s">
        <v>406</v>
      </c>
      <c r="E117094" s="15">
        <v>45670</v>
      </c>
      <c r="F117094" s="14" t="s">
        <v>15</v>
      </c>
      <c r="G117094" s="16">
        <v>0.84503272251309025</v>
      </c>
    </row>
    <row r="117095" spans="1:7" x14ac:dyDescent="0.3">
      <c r="A117095" s="13" t="s">
        <v>554</v>
      </c>
      <c r="B117095" s="14" t="s">
        <v>1</v>
      </c>
      <c r="C117095" s="14" t="s">
        <v>546</v>
      </c>
      <c r="D117095" s="14" t="s">
        <v>406</v>
      </c>
      <c r="E117095" s="15">
        <v>45671</v>
      </c>
      <c r="F117095" s="14" t="s">
        <v>15</v>
      </c>
      <c r="G117095" s="16">
        <v>0.83968368237347413</v>
      </c>
    </row>
    <row r="117096" spans="1:7" x14ac:dyDescent="0.3">
      <c r="A117096" s="13" t="s">
        <v>554</v>
      </c>
      <c r="B117096" s="14" t="s">
        <v>1</v>
      </c>
      <c r="C117096" s="14" t="s">
        <v>546</v>
      </c>
      <c r="D117096" s="14" t="s">
        <v>406</v>
      </c>
      <c r="E117096" s="15">
        <v>45672</v>
      </c>
      <c r="F117096" s="14" t="s">
        <v>15</v>
      </c>
      <c r="G117096" s="16">
        <v>0.83774432809773247</v>
      </c>
    </row>
    <row r="117097" spans="1:7" x14ac:dyDescent="0.3">
      <c r="A117097" s="13" t="s">
        <v>554</v>
      </c>
      <c r="B117097" s="14" t="s">
        <v>1</v>
      </c>
      <c r="C117097" s="14" t="s">
        <v>546</v>
      </c>
      <c r="D117097" s="14" t="s">
        <v>406</v>
      </c>
      <c r="E117097" s="15">
        <v>45673</v>
      </c>
      <c r="F117097" s="14" t="s">
        <v>15</v>
      </c>
      <c r="G117097" s="16">
        <v>0.8359315008726016</v>
      </c>
    </row>
    <row r="117098" spans="1:7" x14ac:dyDescent="0.3">
      <c r="A117098" s="13" t="s">
        <v>554</v>
      </c>
      <c r="B117098" s="14" t="s">
        <v>1</v>
      </c>
      <c r="C117098" s="14" t="s">
        <v>546</v>
      </c>
      <c r="D117098" s="14" t="s">
        <v>406</v>
      </c>
      <c r="E117098" s="15">
        <v>45674</v>
      </c>
      <c r="F117098" s="14" t="s">
        <v>15</v>
      </c>
      <c r="G117098" s="16">
        <v>0.83412521815008844</v>
      </c>
    </row>
    <row r="117099" spans="1:7" x14ac:dyDescent="0.3">
      <c r="A117099" s="13" t="s">
        <v>554</v>
      </c>
      <c r="B117099" s="14" t="s">
        <v>1</v>
      </c>
      <c r="C117099" s="14" t="s">
        <v>546</v>
      </c>
      <c r="D117099" s="14" t="s">
        <v>406</v>
      </c>
      <c r="E117099" s="15">
        <v>45675</v>
      </c>
      <c r="F117099" s="14" t="s">
        <v>15</v>
      </c>
      <c r="G117099" s="16">
        <v>0.83412521815008844</v>
      </c>
    </row>
    <row r="117100" spans="1:7" x14ac:dyDescent="0.3">
      <c r="A117100" s="13" t="s">
        <v>554</v>
      </c>
      <c r="B117100" s="14" t="s">
        <v>1</v>
      </c>
      <c r="C117100" s="14" t="s">
        <v>546</v>
      </c>
      <c r="D117100" s="14" t="s">
        <v>406</v>
      </c>
      <c r="E117100" s="15">
        <v>45676</v>
      </c>
      <c r="F117100" s="14" t="s">
        <v>15</v>
      </c>
      <c r="G117100" s="16">
        <v>0.83412521815008844</v>
      </c>
    </row>
    <row r="117101" spans="1:7" x14ac:dyDescent="0.3">
      <c r="A117101" s="13" t="s">
        <v>554</v>
      </c>
      <c r="B117101" s="14" t="s">
        <v>1</v>
      </c>
      <c r="C117101" s="14" t="s">
        <v>546</v>
      </c>
      <c r="D117101" s="14" t="s">
        <v>406</v>
      </c>
      <c r="E117101" s="15">
        <v>45677</v>
      </c>
      <c r="F117101" s="14" t="s">
        <v>15</v>
      </c>
      <c r="G117101" s="16">
        <v>0.83230366492146723</v>
      </c>
    </row>
    <row r="117102" spans="1:7" x14ac:dyDescent="0.3">
      <c r="A117102" s="13" t="s">
        <v>554</v>
      </c>
      <c r="B117102" s="14" t="s">
        <v>1</v>
      </c>
      <c r="C117102" s="14" t="s">
        <v>546</v>
      </c>
      <c r="D117102" s="14" t="s">
        <v>406</v>
      </c>
      <c r="E117102" s="15">
        <v>45678</v>
      </c>
      <c r="F117102" s="14" t="s">
        <v>15</v>
      </c>
      <c r="G117102" s="16">
        <v>0.82677574171029788</v>
      </c>
    </row>
    <row r="117103" spans="1:7" x14ac:dyDescent="0.3">
      <c r="A117103" s="13" t="s">
        <v>554</v>
      </c>
      <c r="B117103" s="14" t="s">
        <v>1</v>
      </c>
      <c r="C117103" s="14" t="s">
        <v>546</v>
      </c>
      <c r="D117103" s="14" t="s">
        <v>406</v>
      </c>
      <c r="E117103" s="15">
        <v>45679</v>
      </c>
      <c r="F117103" s="14" t="s">
        <v>15</v>
      </c>
      <c r="G117103" s="16">
        <v>0.82491273996509717</v>
      </c>
    </row>
    <row r="117104" spans="1:7" x14ac:dyDescent="0.3">
      <c r="A117104" s="13" t="s">
        <v>554</v>
      </c>
      <c r="B117104" s="14" t="s">
        <v>1</v>
      </c>
      <c r="C117104" s="14" t="s">
        <v>546</v>
      </c>
      <c r="D117104" s="14" t="s">
        <v>406</v>
      </c>
      <c r="E117104" s="15">
        <v>45680</v>
      </c>
      <c r="F117104" s="14" t="s">
        <v>15</v>
      </c>
      <c r="G117104" s="16">
        <v>0.8230344677137883</v>
      </c>
    </row>
    <row r="117105" spans="1:7" x14ac:dyDescent="0.3">
      <c r="A117105" s="13" t="s">
        <v>554</v>
      </c>
      <c r="B117105" s="14" t="s">
        <v>1</v>
      </c>
      <c r="C117105" s="14" t="s">
        <v>546</v>
      </c>
      <c r="D117105" s="14" t="s">
        <v>406</v>
      </c>
      <c r="E117105" s="15">
        <v>45681</v>
      </c>
      <c r="F117105" s="14" t="s">
        <v>15</v>
      </c>
      <c r="G117105" s="16">
        <v>0.82117364746946009</v>
      </c>
    </row>
    <row r="117106" spans="1:7" x14ac:dyDescent="0.3">
      <c r="A117106" s="13" t="s">
        <v>554</v>
      </c>
      <c r="B117106" s="14" t="s">
        <v>1</v>
      </c>
      <c r="C117106" s="14" t="s">
        <v>546</v>
      </c>
      <c r="D117106" s="14" t="s">
        <v>406</v>
      </c>
      <c r="E117106" s="15">
        <v>45682</v>
      </c>
      <c r="F117106" s="14" t="s">
        <v>15</v>
      </c>
      <c r="G117106" s="16">
        <v>0.82117364746946009</v>
      </c>
    </row>
    <row r="117107" spans="1:7" x14ac:dyDescent="0.3">
      <c r="A117107" s="13" t="s">
        <v>554</v>
      </c>
      <c r="B117107" s="14" t="s">
        <v>1</v>
      </c>
      <c r="C117107" s="14" t="s">
        <v>546</v>
      </c>
      <c r="D117107" s="14" t="s">
        <v>406</v>
      </c>
      <c r="E117107" s="15">
        <v>45683</v>
      </c>
      <c r="F117107" s="14" t="s">
        <v>15</v>
      </c>
      <c r="G117107" s="16">
        <v>0.82117364746946009</v>
      </c>
    </row>
    <row r="117108" spans="1:7" x14ac:dyDescent="0.3">
      <c r="A117108" s="13" t="s">
        <v>554</v>
      </c>
      <c r="B117108" s="14" t="s">
        <v>1</v>
      </c>
      <c r="C117108" s="14" t="s">
        <v>546</v>
      </c>
      <c r="D117108" s="14" t="s">
        <v>406</v>
      </c>
      <c r="E117108" s="15">
        <v>45684</v>
      </c>
      <c r="F117108" s="14" t="s">
        <v>15</v>
      </c>
      <c r="G117108" s="16">
        <v>0.84436082024432924</v>
      </c>
    </row>
    <row r="117109" spans="1:7" x14ac:dyDescent="0.3">
      <c r="A117109" s="13" t="s">
        <v>554</v>
      </c>
      <c r="B117109" s="14" t="s">
        <v>1</v>
      </c>
      <c r="C117109" s="14" t="s">
        <v>546</v>
      </c>
      <c r="D117109" s="14" t="s">
        <v>406</v>
      </c>
      <c r="E117109" s="15">
        <v>45685</v>
      </c>
      <c r="F117109" s="14" t="s">
        <v>15</v>
      </c>
      <c r="G117109" s="16">
        <v>0.84436082024432924</v>
      </c>
    </row>
    <row r="117110" spans="1:7" x14ac:dyDescent="0.3">
      <c r="A117110" s="13" t="s">
        <v>554</v>
      </c>
      <c r="B117110" s="14" t="s">
        <v>1</v>
      </c>
      <c r="C117110" s="14" t="s">
        <v>546</v>
      </c>
      <c r="D117110" s="14" t="s">
        <v>406</v>
      </c>
      <c r="E117110" s="15">
        <v>45686</v>
      </c>
      <c r="F117110" s="14" t="s">
        <v>15</v>
      </c>
      <c r="G117110" s="16">
        <v>0.84436082024432924</v>
      </c>
    </row>
    <row r="117111" spans="1:7" x14ac:dyDescent="0.3">
      <c r="A117111" s="13" t="s">
        <v>554</v>
      </c>
      <c r="B117111" s="14" t="s">
        <v>1</v>
      </c>
      <c r="C117111" s="14" t="s">
        <v>546</v>
      </c>
      <c r="D117111" s="14" t="s">
        <v>406</v>
      </c>
      <c r="E117111" s="15">
        <v>45687</v>
      </c>
      <c r="F117111" s="14" t="s">
        <v>15</v>
      </c>
      <c r="G117111" s="16">
        <v>0.84436082024432924</v>
      </c>
    </row>
    <row r="117112" spans="1:7" x14ac:dyDescent="0.3">
      <c r="A117112" s="13" t="s">
        <v>554</v>
      </c>
      <c r="B117112" s="14" t="s">
        <v>1</v>
      </c>
      <c r="C117112" s="14" t="s">
        <v>546</v>
      </c>
      <c r="D117112" s="14" t="s">
        <v>406</v>
      </c>
      <c r="E117112" s="15">
        <v>45688</v>
      </c>
      <c r="F117112" s="14" t="s">
        <v>15</v>
      </c>
      <c r="G117112" s="16">
        <v>0.84436082024432924</v>
      </c>
    </row>
    <row r="117113" spans="1:7" x14ac:dyDescent="0.3">
      <c r="A117113" s="13" t="s">
        <v>554</v>
      </c>
      <c r="B117113" s="14" t="s">
        <v>1</v>
      </c>
      <c r="C117113" s="14" t="s">
        <v>546</v>
      </c>
      <c r="D117113" s="14" t="s">
        <v>406</v>
      </c>
      <c r="E117113" s="15">
        <v>45689</v>
      </c>
      <c r="F117113" s="14" t="s">
        <v>15</v>
      </c>
      <c r="G117113" s="16">
        <v>0.84436082024432924</v>
      </c>
    </row>
    <row r="117114" spans="1:7" x14ac:dyDescent="0.3">
      <c r="A117114" s="13" t="s">
        <v>554</v>
      </c>
      <c r="B117114" s="14" t="s">
        <v>1</v>
      </c>
      <c r="C117114" s="14" t="s">
        <v>546</v>
      </c>
      <c r="D117114" s="14" t="s">
        <v>406</v>
      </c>
      <c r="E117114" s="15">
        <v>45690</v>
      </c>
      <c r="F117114" s="14" t="s">
        <v>15</v>
      </c>
      <c r="G117114" s="16">
        <v>0.84436082024432924</v>
      </c>
    </row>
    <row r="117115" spans="1:7" x14ac:dyDescent="0.3">
      <c r="A117115" s="13" t="s">
        <v>554</v>
      </c>
      <c r="B117115" s="14" t="s">
        <v>1</v>
      </c>
      <c r="C117115" s="14" t="s">
        <v>546</v>
      </c>
      <c r="D117115" s="14" t="s">
        <v>406</v>
      </c>
      <c r="E117115" s="15">
        <v>45691</v>
      </c>
      <c r="F117115" s="14" t="s">
        <v>15</v>
      </c>
      <c r="G117115" s="16">
        <v>0.84436082024432924</v>
      </c>
    </row>
    <row r="117116" spans="1:7" x14ac:dyDescent="0.3">
      <c r="A117116" s="13" t="s">
        <v>554</v>
      </c>
      <c r="B117116" s="14" t="s">
        <v>1</v>
      </c>
      <c r="C117116" s="14" t="s">
        <v>546</v>
      </c>
      <c r="D117116" s="14" t="s">
        <v>406</v>
      </c>
      <c r="E117116" s="15">
        <v>45692</v>
      </c>
      <c r="F117116" s="14" t="s">
        <v>15</v>
      </c>
      <c r="G117116" s="16">
        <v>0.84436082024432924</v>
      </c>
    </row>
    <row r="117117" spans="1:7" x14ac:dyDescent="0.3">
      <c r="A117117" s="13" t="s">
        <v>554</v>
      </c>
      <c r="B117117" s="14" t="s">
        <v>1</v>
      </c>
      <c r="C117117" s="14" t="s">
        <v>546</v>
      </c>
      <c r="D117117" s="14" t="s">
        <v>406</v>
      </c>
      <c r="E117117" s="15">
        <v>45693</v>
      </c>
      <c r="F117117" s="14" t="s">
        <v>15</v>
      </c>
      <c r="G117117" s="16">
        <v>0.8387041884816766</v>
      </c>
    </row>
    <row r="117118" spans="1:7" x14ac:dyDescent="0.3">
      <c r="A117118" s="13" t="s">
        <v>554</v>
      </c>
      <c r="B117118" s="14" t="s">
        <v>1</v>
      </c>
      <c r="C117118" s="14" t="s">
        <v>546</v>
      </c>
      <c r="D117118" s="14" t="s">
        <v>406</v>
      </c>
      <c r="E117118" s="15">
        <v>45694</v>
      </c>
      <c r="F117118" s="14" t="s">
        <v>15</v>
      </c>
      <c r="G117118" s="16">
        <v>0.82354275741710414</v>
      </c>
    </row>
    <row r="117119" spans="1:7" x14ac:dyDescent="0.3">
      <c r="A117119" s="13" t="s">
        <v>554</v>
      </c>
      <c r="B117119" s="14" t="s">
        <v>1</v>
      </c>
      <c r="C117119" s="14" t="s">
        <v>546</v>
      </c>
      <c r="D117119" s="14" t="s">
        <v>406</v>
      </c>
      <c r="E117119" s="15">
        <v>45695</v>
      </c>
      <c r="F117119" s="14" t="s">
        <v>15</v>
      </c>
      <c r="G117119" s="16">
        <v>0.82164267015706927</v>
      </c>
    </row>
    <row r="117120" spans="1:7" x14ac:dyDescent="0.3">
      <c r="A117120" s="13" t="s">
        <v>554</v>
      </c>
      <c r="B117120" s="14" t="s">
        <v>1</v>
      </c>
      <c r="C117120" s="14" t="s">
        <v>546</v>
      </c>
      <c r="D117120" s="14" t="s">
        <v>406</v>
      </c>
      <c r="E117120" s="15">
        <v>45696</v>
      </c>
      <c r="F117120" s="14" t="s">
        <v>15</v>
      </c>
      <c r="G117120" s="16">
        <v>0.82164267015706927</v>
      </c>
    </row>
    <row r="117121" spans="1:7" x14ac:dyDescent="0.3">
      <c r="A117121" s="13" t="s">
        <v>554</v>
      </c>
      <c r="B117121" s="14" t="s">
        <v>1</v>
      </c>
      <c r="C117121" s="14" t="s">
        <v>546</v>
      </c>
      <c r="D117121" s="14" t="s">
        <v>406</v>
      </c>
      <c r="E117121" s="15">
        <v>45697</v>
      </c>
      <c r="F117121" s="14" t="s">
        <v>15</v>
      </c>
      <c r="G117121" s="16">
        <v>0.82164267015706927</v>
      </c>
    </row>
    <row r="117122" spans="1:7" x14ac:dyDescent="0.3">
      <c r="A117122" s="13" t="s">
        <v>554</v>
      </c>
      <c r="B117122" s="14" t="s">
        <v>1</v>
      </c>
      <c r="C117122" s="14" t="s">
        <v>546</v>
      </c>
      <c r="D117122" s="14" t="s">
        <v>406</v>
      </c>
      <c r="E117122" s="15">
        <v>45698</v>
      </c>
      <c r="F117122" s="14" t="s">
        <v>15</v>
      </c>
      <c r="G117122" s="16">
        <v>0.81971640488656317</v>
      </c>
    </row>
    <row r="117123" spans="1:7" x14ac:dyDescent="0.3">
      <c r="A117123" s="13" t="s">
        <v>554</v>
      </c>
      <c r="B117123" s="14" t="s">
        <v>1</v>
      </c>
      <c r="C117123" s="14" t="s">
        <v>546</v>
      </c>
      <c r="D117123" s="14" t="s">
        <v>406</v>
      </c>
      <c r="E117123" s="15">
        <v>45699</v>
      </c>
      <c r="F117123" s="14" t="s">
        <v>15</v>
      </c>
      <c r="G117123" s="16">
        <v>0.81386343804537642</v>
      </c>
    </row>
    <row r="117124" spans="1:7" x14ac:dyDescent="0.3">
      <c r="A117124" s="13" t="s">
        <v>554</v>
      </c>
      <c r="B117124" s="14" t="s">
        <v>1</v>
      </c>
      <c r="C117124" s="14" t="s">
        <v>546</v>
      </c>
      <c r="D117124" s="14" t="s">
        <v>406</v>
      </c>
      <c r="E117124" s="15">
        <v>45700</v>
      </c>
      <c r="F117124" s="14" t="s">
        <v>15</v>
      </c>
      <c r="G117124" s="16">
        <v>0.81189354275741821</v>
      </c>
    </row>
    <row r="117125" spans="1:7" x14ac:dyDescent="0.3">
      <c r="A117125" s="13" t="s">
        <v>554</v>
      </c>
      <c r="B117125" s="14" t="s">
        <v>1</v>
      </c>
      <c r="C117125" s="14" t="s">
        <v>546</v>
      </c>
      <c r="D117125" s="14" t="s">
        <v>406</v>
      </c>
      <c r="E117125" s="15">
        <v>45701</v>
      </c>
      <c r="F117125" s="14" t="s">
        <v>15</v>
      </c>
      <c r="G117125" s="16">
        <v>0.80993891797556838</v>
      </c>
    </row>
    <row r="117126" spans="1:7" x14ac:dyDescent="0.3">
      <c r="A117126" s="13" t="s">
        <v>554</v>
      </c>
      <c r="B117126" s="14" t="s">
        <v>1</v>
      </c>
      <c r="C117126" s="14" t="s">
        <v>546</v>
      </c>
      <c r="D117126" s="14" t="s">
        <v>406</v>
      </c>
      <c r="E117126" s="15">
        <v>45702</v>
      </c>
      <c r="F117126" s="14" t="s">
        <v>15</v>
      </c>
      <c r="G117126" s="16">
        <v>0.80794720767888417</v>
      </c>
    </row>
    <row r="117127" spans="1:7" x14ac:dyDescent="0.3">
      <c r="A117127" s="13" t="s">
        <v>554</v>
      </c>
      <c r="B117127" s="14" t="s">
        <v>1</v>
      </c>
      <c r="C117127" s="14" t="s">
        <v>546</v>
      </c>
      <c r="D117127" s="14" t="s">
        <v>406</v>
      </c>
      <c r="E117127" s="15">
        <v>45703</v>
      </c>
      <c r="F117127" s="14" t="s">
        <v>15</v>
      </c>
      <c r="G117127" s="16">
        <v>0.80794720767888417</v>
      </c>
    </row>
    <row r="117128" spans="1:7" x14ac:dyDescent="0.3">
      <c r="A117128" s="13" t="s">
        <v>554</v>
      </c>
      <c r="B117128" s="14" t="s">
        <v>1</v>
      </c>
      <c r="C117128" s="14" t="s">
        <v>546</v>
      </c>
      <c r="D117128" s="14" t="s">
        <v>406</v>
      </c>
      <c r="E117128" s="15">
        <v>45704</v>
      </c>
      <c r="F117128" s="14" t="s">
        <v>15</v>
      </c>
      <c r="G117128" s="16">
        <v>0.80794720767888417</v>
      </c>
    </row>
    <row r="117129" spans="1:7" x14ac:dyDescent="0.3">
      <c r="A117129" s="13" t="s">
        <v>554</v>
      </c>
      <c r="B117129" s="14" t="s">
        <v>1</v>
      </c>
      <c r="C117129" s="14" t="s">
        <v>546</v>
      </c>
      <c r="D117129" s="14" t="s">
        <v>406</v>
      </c>
      <c r="E117129" s="15">
        <v>45705</v>
      </c>
      <c r="F117129" s="14" t="s">
        <v>15</v>
      </c>
      <c r="G117129" s="16">
        <v>0.80595986038394529</v>
      </c>
    </row>
    <row r="117130" spans="1:7" x14ac:dyDescent="0.3">
      <c r="A117130" s="13" t="s">
        <v>554</v>
      </c>
      <c r="B117130" s="14" t="s">
        <v>1</v>
      </c>
      <c r="C117130" s="14" t="s">
        <v>546</v>
      </c>
      <c r="D117130" s="14" t="s">
        <v>406</v>
      </c>
      <c r="E117130" s="15">
        <v>45706</v>
      </c>
      <c r="F117130" s="14" t="s">
        <v>15</v>
      </c>
      <c r="G117130" s="16">
        <v>0.79980584642233965</v>
      </c>
    </row>
    <row r="117131" spans="1:7" x14ac:dyDescent="0.3">
      <c r="A117131" s="13" t="s">
        <v>554</v>
      </c>
      <c r="B117131" s="14" t="s">
        <v>1</v>
      </c>
      <c r="C117131" s="14" t="s">
        <v>546</v>
      </c>
      <c r="D117131" s="14" t="s">
        <v>406</v>
      </c>
      <c r="E117131" s="15">
        <v>45707</v>
      </c>
      <c r="F117131" s="14" t="s">
        <v>15</v>
      </c>
      <c r="G117131" s="16">
        <v>0.79768542757417216</v>
      </c>
    </row>
    <row r="117132" spans="1:7" x14ac:dyDescent="0.3">
      <c r="A117132" s="13" t="s">
        <v>554</v>
      </c>
      <c r="B117132" s="14" t="s">
        <v>1</v>
      </c>
      <c r="C117132" s="14" t="s">
        <v>546</v>
      </c>
      <c r="D117132" s="14" t="s">
        <v>406</v>
      </c>
      <c r="E117132" s="15">
        <v>45708</v>
      </c>
      <c r="F117132" s="14" t="s">
        <v>15</v>
      </c>
      <c r="G117132" s="16">
        <v>0.79560645724258394</v>
      </c>
    </row>
    <row r="117133" spans="1:7" x14ac:dyDescent="0.3">
      <c r="A117133" s="13" t="s">
        <v>554</v>
      </c>
      <c r="B117133" s="14" t="s">
        <v>1</v>
      </c>
      <c r="C117133" s="14" t="s">
        <v>546</v>
      </c>
      <c r="D117133" s="14" t="s">
        <v>406</v>
      </c>
      <c r="E117133" s="15">
        <v>45709</v>
      </c>
      <c r="F117133" s="14" t="s">
        <v>15</v>
      </c>
      <c r="G117133" s="16">
        <v>0.79352530541012323</v>
      </c>
    </row>
    <row r="117134" spans="1:7" x14ac:dyDescent="0.3">
      <c r="A117134" s="13" t="s">
        <v>554</v>
      </c>
      <c r="B117134" s="14" t="s">
        <v>1</v>
      </c>
      <c r="C117134" s="14" t="s">
        <v>546</v>
      </c>
      <c r="D117134" s="14" t="s">
        <v>406</v>
      </c>
      <c r="E117134" s="15">
        <v>45710</v>
      </c>
      <c r="F117134" s="14" t="s">
        <v>15</v>
      </c>
      <c r="G117134" s="16">
        <v>0.79352530541012323</v>
      </c>
    </row>
    <row r="117135" spans="1:7" x14ac:dyDescent="0.3">
      <c r="A117135" s="13" t="s">
        <v>554</v>
      </c>
      <c r="B117135" s="14" t="s">
        <v>1</v>
      </c>
      <c r="C117135" s="14" t="s">
        <v>546</v>
      </c>
      <c r="D117135" s="14" t="s">
        <v>406</v>
      </c>
      <c r="E117135" s="15">
        <v>45711</v>
      </c>
      <c r="F117135" s="14" t="s">
        <v>15</v>
      </c>
      <c r="G117135" s="16">
        <v>0.79352530541012323</v>
      </c>
    </row>
    <row r="117136" spans="1:7" x14ac:dyDescent="0.3">
      <c r="A117136" s="13" t="s">
        <v>554</v>
      </c>
      <c r="B117136" s="14" t="s">
        <v>1</v>
      </c>
      <c r="C117136" s="14" t="s">
        <v>546</v>
      </c>
      <c r="D117136" s="14" t="s">
        <v>406</v>
      </c>
      <c r="E117136" s="15">
        <v>45712</v>
      </c>
      <c r="F117136" s="14" t="s">
        <v>15</v>
      </c>
      <c r="G117136" s="16">
        <v>0.79145724258289807</v>
      </c>
    </row>
    <row r="117137" spans="1:7" x14ac:dyDescent="0.3">
      <c r="A117137" s="13" t="s">
        <v>554</v>
      </c>
      <c r="B117137" s="14" t="s">
        <v>1</v>
      </c>
      <c r="C117137" s="14" t="s">
        <v>546</v>
      </c>
      <c r="D117137" s="14" t="s">
        <v>406</v>
      </c>
      <c r="E117137" s="15">
        <v>45713</v>
      </c>
      <c r="F117137" s="14" t="s">
        <v>15</v>
      </c>
      <c r="G117137" s="16">
        <v>0.78505453752181609</v>
      </c>
    </row>
    <row r="117138" spans="1:7" x14ac:dyDescent="0.3">
      <c r="A117138" s="13" t="s">
        <v>554</v>
      </c>
      <c r="B117138" s="14" t="s">
        <v>1</v>
      </c>
      <c r="C117138" s="14" t="s">
        <v>546</v>
      </c>
      <c r="D117138" s="14" t="s">
        <v>406</v>
      </c>
      <c r="E117138" s="15">
        <v>45714</v>
      </c>
      <c r="F117138" s="14" t="s">
        <v>15</v>
      </c>
      <c r="G117138" s="16">
        <v>0.78293411867364859</v>
      </c>
    </row>
    <row r="117139" spans="1:7" x14ac:dyDescent="0.3">
      <c r="A117139" s="13" t="s">
        <v>554</v>
      </c>
      <c r="B117139" s="14" t="s">
        <v>1</v>
      </c>
      <c r="C117139" s="14" t="s">
        <v>546</v>
      </c>
      <c r="D117139" s="14" t="s">
        <v>406</v>
      </c>
      <c r="E117139" s="15">
        <v>45715</v>
      </c>
      <c r="F117139" s="14" t="s">
        <v>15</v>
      </c>
      <c r="G117139" s="16">
        <v>0.7833682373472961</v>
      </c>
    </row>
    <row r="117140" spans="1:7" x14ac:dyDescent="0.3">
      <c r="A117140" s="13" t="s">
        <v>554</v>
      </c>
      <c r="B117140" s="14" t="s">
        <v>1</v>
      </c>
      <c r="C117140" s="14" t="s">
        <v>546</v>
      </c>
      <c r="D117140" s="14" t="s">
        <v>406</v>
      </c>
      <c r="E117140" s="15">
        <v>45716</v>
      </c>
      <c r="F117140" s="14" t="s">
        <v>15</v>
      </c>
      <c r="G117140" s="16">
        <v>0.781245636998256</v>
      </c>
    </row>
    <row r="117141" spans="1:7" x14ac:dyDescent="0.3">
      <c r="A117141" s="13" t="s">
        <v>554</v>
      </c>
      <c r="B117141" s="14" t="s">
        <v>1</v>
      </c>
      <c r="C117141" s="14" t="s">
        <v>546</v>
      </c>
      <c r="D117141" s="14" t="s">
        <v>406</v>
      </c>
      <c r="E117141" s="15">
        <v>45717</v>
      </c>
      <c r="F117141" s="14" t="s">
        <v>15</v>
      </c>
      <c r="G117141" s="16">
        <v>0.781245636998256</v>
      </c>
    </row>
    <row r="117142" spans="1:7" x14ac:dyDescent="0.3">
      <c r="A117142" s="13" t="s">
        <v>554</v>
      </c>
      <c r="B117142" s="14" t="s">
        <v>1</v>
      </c>
      <c r="C117142" s="14" t="s">
        <v>546</v>
      </c>
      <c r="D117142" s="14" t="s">
        <v>406</v>
      </c>
      <c r="E117142" s="15">
        <v>45718</v>
      </c>
      <c r="F117142" s="14" t="s">
        <v>15</v>
      </c>
      <c r="G117142" s="16">
        <v>0.781245636998256</v>
      </c>
    </row>
    <row r="117143" spans="1:7" x14ac:dyDescent="0.3">
      <c r="A117143" s="13" t="s">
        <v>554</v>
      </c>
      <c r="B117143" s="14" t="s">
        <v>1</v>
      </c>
      <c r="C117143" s="14" t="s">
        <v>546</v>
      </c>
      <c r="D117143" s="14" t="s">
        <v>406</v>
      </c>
      <c r="E117143" s="15">
        <v>45719</v>
      </c>
      <c r="F117143" s="14" t="s">
        <v>15</v>
      </c>
      <c r="G117143" s="16">
        <v>0.77913394415357884</v>
      </c>
    </row>
    <row r="117144" spans="1:7" x14ac:dyDescent="0.3">
      <c r="A117144" s="13" t="s">
        <v>554</v>
      </c>
      <c r="B117144" s="14" t="s">
        <v>1</v>
      </c>
      <c r="C117144" s="14" t="s">
        <v>546</v>
      </c>
      <c r="D117144" s="14" t="s">
        <v>406</v>
      </c>
      <c r="E117144" s="15">
        <v>45720</v>
      </c>
      <c r="F117144" s="14" t="s">
        <v>15</v>
      </c>
      <c r="G117144" s="16">
        <v>0.77463787085514957</v>
      </c>
    </row>
    <row r="117145" spans="1:7" x14ac:dyDescent="0.3">
      <c r="A117145" s="13" t="s">
        <v>554</v>
      </c>
      <c r="B117145" s="14" t="s">
        <v>1</v>
      </c>
      <c r="C117145" s="14" t="s">
        <v>546</v>
      </c>
      <c r="D117145" s="14" t="s">
        <v>406</v>
      </c>
      <c r="E117145" s="15">
        <v>45721</v>
      </c>
      <c r="F117145" s="14" t="s">
        <v>15</v>
      </c>
      <c r="G117145" s="16">
        <v>0.77260034904014074</v>
      </c>
    </row>
    <row r="117146" spans="1:7" x14ac:dyDescent="0.3">
      <c r="A117146" s="13" t="s">
        <v>554</v>
      </c>
      <c r="B117146" s="14" t="s">
        <v>1</v>
      </c>
      <c r="C117146" s="14" t="s">
        <v>546</v>
      </c>
      <c r="D117146" s="14" t="s">
        <v>406</v>
      </c>
      <c r="E117146" s="15">
        <v>45722</v>
      </c>
      <c r="F117146" s="14" t="s">
        <v>15</v>
      </c>
      <c r="G117146" s="16">
        <v>0.78006108202443392</v>
      </c>
    </row>
    <row r="117147" spans="1:7" x14ac:dyDescent="0.3">
      <c r="A117147" s="13" t="s">
        <v>554</v>
      </c>
      <c r="B117147" s="14" t="s">
        <v>1</v>
      </c>
      <c r="C117147" s="14" t="s">
        <v>546</v>
      </c>
      <c r="D117147" s="14" t="s">
        <v>406</v>
      </c>
      <c r="E117147" s="15">
        <v>45723</v>
      </c>
      <c r="F117147" s="14" t="s">
        <v>15</v>
      </c>
      <c r="G117147" s="16">
        <v>0.77798647469459103</v>
      </c>
    </row>
    <row r="117148" spans="1:7" x14ac:dyDescent="0.3">
      <c r="A117148" s="13" t="s">
        <v>554</v>
      </c>
      <c r="B117148" s="14" t="s">
        <v>1</v>
      </c>
      <c r="C117148" s="14" t="s">
        <v>546</v>
      </c>
      <c r="D117148" s="14" t="s">
        <v>406</v>
      </c>
      <c r="E117148" s="15">
        <v>45724</v>
      </c>
      <c r="F117148" s="14" t="s">
        <v>15</v>
      </c>
      <c r="G117148" s="16">
        <v>0.77798647469459103</v>
      </c>
    </row>
    <row r="117149" spans="1:7" x14ac:dyDescent="0.3">
      <c r="A117149" s="13" t="s">
        <v>554</v>
      </c>
      <c r="B117149" s="14" t="s">
        <v>1</v>
      </c>
      <c r="C117149" s="14" t="s">
        <v>546</v>
      </c>
      <c r="D117149" s="14" t="s">
        <v>406</v>
      </c>
      <c r="E117149" s="15">
        <v>45725</v>
      </c>
      <c r="F117149" s="14" t="s">
        <v>15</v>
      </c>
      <c r="G117149" s="16">
        <v>0.77798647469459103</v>
      </c>
    </row>
    <row r="117150" spans="1:7" x14ac:dyDescent="0.3">
      <c r="A117150" s="13" t="s">
        <v>554</v>
      </c>
      <c r="B117150" s="14" t="s">
        <v>1</v>
      </c>
      <c r="C117150" s="14" t="s">
        <v>546</v>
      </c>
      <c r="D117150" s="14" t="s">
        <v>406</v>
      </c>
      <c r="E117150" s="15">
        <v>45726</v>
      </c>
      <c r="F117150" s="14" t="s">
        <v>15</v>
      </c>
      <c r="G117150" s="16">
        <v>0.77583987783595232</v>
      </c>
    </row>
    <row r="117151" spans="1:7" x14ac:dyDescent="0.3">
      <c r="A117151" s="13" t="s">
        <v>554</v>
      </c>
      <c r="B117151" s="14" t="s">
        <v>1</v>
      </c>
      <c r="C117151" s="14" t="s">
        <v>546</v>
      </c>
      <c r="D117151" s="14" t="s">
        <v>406</v>
      </c>
      <c r="E117151" s="15">
        <v>45727</v>
      </c>
      <c r="F117151" s="14" t="s">
        <v>15</v>
      </c>
      <c r="G117151" s="16">
        <v>0.76941972076788945</v>
      </c>
    </row>
    <row r="117152" spans="1:7" x14ac:dyDescent="0.3">
      <c r="A117152" s="13" t="s">
        <v>554</v>
      </c>
      <c r="B117152" s="14" t="s">
        <v>1</v>
      </c>
      <c r="C117152" s="14" t="s">
        <v>546</v>
      </c>
      <c r="D117152" s="14" t="s">
        <v>406</v>
      </c>
      <c r="E117152" s="15">
        <v>45728</v>
      </c>
      <c r="F117152" s="14" t="s">
        <v>15</v>
      </c>
      <c r="G117152" s="16">
        <v>0.7673102094240849</v>
      </c>
    </row>
    <row r="117153" spans="1:7" x14ac:dyDescent="0.3">
      <c r="A117153" s="13" t="s">
        <v>554</v>
      </c>
      <c r="B117153" s="14" t="s">
        <v>1</v>
      </c>
      <c r="C117153" s="14" t="s">
        <v>546</v>
      </c>
      <c r="D117153" s="14" t="s">
        <v>406</v>
      </c>
      <c r="E117153" s="15">
        <v>45729</v>
      </c>
      <c r="F117153" s="14" t="s">
        <v>15</v>
      </c>
      <c r="G117153" s="16">
        <v>0.78354930191972194</v>
      </c>
    </row>
    <row r="117154" spans="1:7" x14ac:dyDescent="0.3">
      <c r="A117154" s="13" t="s">
        <v>554</v>
      </c>
      <c r="B117154" s="14" t="s">
        <v>1</v>
      </c>
      <c r="C117154" s="14" t="s">
        <v>546</v>
      </c>
      <c r="D117154" s="14" t="s">
        <v>406</v>
      </c>
      <c r="E117154" s="15">
        <v>45730</v>
      </c>
      <c r="F117154" s="14" t="s">
        <v>15</v>
      </c>
      <c r="G117154" s="16">
        <v>0.78144633507853523</v>
      </c>
    </row>
    <row r="117155" spans="1:7" x14ac:dyDescent="0.3">
      <c r="A117155" s="13" t="s">
        <v>554</v>
      </c>
      <c r="B117155" s="14" t="s">
        <v>1</v>
      </c>
      <c r="C117155" s="14" t="s">
        <v>546</v>
      </c>
      <c r="D117155" s="14" t="s">
        <v>406</v>
      </c>
      <c r="E117155" s="15">
        <v>45731</v>
      </c>
      <c r="F117155" s="14" t="s">
        <v>15</v>
      </c>
      <c r="G117155" s="16">
        <v>0.78144633507853523</v>
      </c>
    </row>
    <row r="117156" spans="1:7" x14ac:dyDescent="0.3">
      <c r="A117156" s="13" t="s">
        <v>554</v>
      </c>
      <c r="B117156" s="14" t="s">
        <v>1</v>
      </c>
      <c r="C117156" s="14" t="s">
        <v>546</v>
      </c>
      <c r="D117156" s="14" t="s">
        <v>406</v>
      </c>
      <c r="E117156" s="15">
        <v>45732</v>
      </c>
      <c r="F117156" s="14" t="s">
        <v>15</v>
      </c>
      <c r="G117156" s="16">
        <v>0.78144633507853523</v>
      </c>
    </row>
    <row r="117157" spans="1:7" x14ac:dyDescent="0.3">
      <c r="A117157" s="13" t="s">
        <v>554</v>
      </c>
      <c r="B117157" s="14" t="s">
        <v>1</v>
      </c>
      <c r="C117157" s="14" t="s">
        <v>546</v>
      </c>
      <c r="D117157" s="14" t="s">
        <v>406</v>
      </c>
      <c r="E117157" s="15">
        <v>45733</v>
      </c>
      <c r="F117157" s="14" t="s">
        <v>15</v>
      </c>
      <c r="G117157" s="16">
        <v>0.78144633507853523</v>
      </c>
    </row>
    <row r="117158" spans="1:7" x14ac:dyDescent="0.3">
      <c r="A117158" s="13" t="s">
        <v>554</v>
      </c>
      <c r="B117158" s="14" t="s">
        <v>1</v>
      </c>
      <c r="C117158" s="14" t="s">
        <v>546</v>
      </c>
      <c r="D117158" s="14" t="s">
        <v>406</v>
      </c>
      <c r="E117158" s="15">
        <v>45734</v>
      </c>
      <c r="F117158" s="14" t="s">
        <v>15</v>
      </c>
      <c r="G117158" s="16">
        <v>0.77935645724258418</v>
      </c>
    </row>
    <row r="117159" spans="1:7" x14ac:dyDescent="0.3">
      <c r="A117159" s="13" t="s">
        <v>554</v>
      </c>
      <c r="B117159" s="14" t="s">
        <v>1</v>
      </c>
      <c r="C117159" s="14" t="s">
        <v>546</v>
      </c>
      <c r="D117159" s="14" t="s">
        <v>406</v>
      </c>
      <c r="E117159" s="15">
        <v>45735</v>
      </c>
      <c r="F117159" s="14" t="s">
        <v>15</v>
      </c>
      <c r="G117159" s="16">
        <v>0.77818062827225254</v>
      </c>
    </row>
    <row r="117160" spans="1:7" x14ac:dyDescent="0.3">
      <c r="A117160" s="13" t="s">
        <v>554</v>
      </c>
      <c r="B117160" s="14" t="s">
        <v>1</v>
      </c>
      <c r="C117160" s="14" t="s">
        <v>546</v>
      </c>
      <c r="D117160" s="14" t="s">
        <v>406</v>
      </c>
      <c r="E117160" s="15">
        <v>45736</v>
      </c>
      <c r="F117160" s="14" t="s">
        <v>15</v>
      </c>
      <c r="G117160" s="16">
        <v>0.77597294938918104</v>
      </c>
    </row>
    <row r="117161" spans="1:7" x14ac:dyDescent="0.3">
      <c r="A117161" s="13" t="s">
        <v>554</v>
      </c>
      <c r="B117161" s="14" t="s">
        <v>1</v>
      </c>
      <c r="C117161" s="14" t="s">
        <v>546</v>
      </c>
      <c r="D117161" s="14" t="s">
        <v>406</v>
      </c>
      <c r="E117161" s="15">
        <v>45737</v>
      </c>
      <c r="F117161" s="14" t="s">
        <v>15</v>
      </c>
      <c r="G117161" s="16">
        <v>0.77377181500872727</v>
      </c>
    </row>
    <row r="117162" spans="1:7" x14ac:dyDescent="0.3">
      <c r="A117162" s="13" t="s">
        <v>554</v>
      </c>
      <c r="B117162" s="14" t="s">
        <v>1</v>
      </c>
      <c r="C117162" s="14" t="s">
        <v>546</v>
      </c>
      <c r="D117162" s="14" t="s">
        <v>406</v>
      </c>
      <c r="E117162" s="15">
        <v>45738</v>
      </c>
      <c r="F117162" s="14" t="s">
        <v>15</v>
      </c>
      <c r="G117162" s="16">
        <v>0.77377181500872727</v>
      </c>
    </row>
    <row r="117163" spans="1:7" x14ac:dyDescent="0.3">
      <c r="A117163" s="13" t="s">
        <v>554</v>
      </c>
      <c r="B117163" s="14" t="s">
        <v>1</v>
      </c>
      <c r="C117163" s="14" t="s">
        <v>546</v>
      </c>
      <c r="D117163" s="14" t="s">
        <v>406</v>
      </c>
      <c r="E117163" s="15">
        <v>45739</v>
      </c>
      <c r="F117163" s="14" t="s">
        <v>15</v>
      </c>
      <c r="G117163" s="16">
        <v>0.77377181500872727</v>
      </c>
    </row>
    <row r="117164" spans="1:7" x14ac:dyDescent="0.3">
      <c r="A117164" s="13" t="s">
        <v>554</v>
      </c>
      <c r="B117164" s="14" t="s">
        <v>1</v>
      </c>
      <c r="C117164" s="14" t="s">
        <v>546</v>
      </c>
      <c r="D117164" s="14" t="s">
        <v>406</v>
      </c>
      <c r="E117164" s="15">
        <v>45740</v>
      </c>
      <c r="F117164" s="14" t="s">
        <v>15</v>
      </c>
      <c r="G117164" s="16">
        <v>0.77160776614310767</v>
      </c>
    </row>
    <row r="117165" spans="1:7" x14ac:dyDescent="0.3">
      <c r="A117165" s="13" t="s">
        <v>554</v>
      </c>
      <c r="B117165" s="14" t="s">
        <v>1</v>
      </c>
      <c r="C117165" s="14" t="s">
        <v>546</v>
      </c>
      <c r="D117165" s="14" t="s">
        <v>406</v>
      </c>
      <c r="E117165" s="15">
        <v>45741</v>
      </c>
      <c r="F117165" s="14" t="s">
        <v>15</v>
      </c>
      <c r="G117165" s="16">
        <v>0.76525741710296802</v>
      </c>
    </row>
    <row r="117166" spans="1:7" x14ac:dyDescent="0.3">
      <c r="A117166" s="13" t="s">
        <v>554</v>
      </c>
      <c r="B117166" s="14" t="s">
        <v>1</v>
      </c>
      <c r="C117166" s="14" t="s">
        <v>546</v>
      </c>
      <c r="D117166" s="14" t="s">
        <v>406</v>
      </c>
      <c r="E117166" s="15">
        <v>45742</v>
      </c>
      <c r="F117166" s="14" t="s">
        <v>15</v>
      </c>
      <c r="G117166" s="16">
        <v>0.76312609075043747</v>
      </c>
    </row>
    <row r="117167" spans="1:7" x14ac:dyDescent="0.3">
      <c r="A117167" s="13" t="s">
        <v>554</v>
      </c>
      <c r="B117167" s="14" t="s">
        <v>1</v>
      </c>
      <c r="C117167" s="14" t="s">
        <v>546</v>
      </c>
      <c r="D117167" s="14" t="s">
        <v>406</v>
      </c>
      <c r="E117167" s="15">
        <v>45743</v>
      </c>
      <c r="F117167" s="14" t="s">
        <v>15</v>
      </c>
      <c r="G117167" s="16">
        <v>0.76208551483420717</v>
      </c>
    </row>
    <row r="117168" spans="1:7" x14ac:dyDescent="0.3">
      <c r="A117168" s="13" t="s">
        <v>554</v>
      </c>
      <c r="B117168" s="14" t="s">
        <v>1</v>
      </c>
      <c r="C117168" s="14" t="s">
        <v>546</v>
      </c>
      <c r="D117168" s="14" t="s">
        <v>406</v>
      </c>
      <c r="E117168" s="15">
        <v>45744</v>
      </c>
      <c r="F117168" s="14" t="s">
        <v>15</v>
      </c>
      <c r="G117168" s="16">
        <v>0.7599934554973834</v>
      </c>
    </row>
    <row r="117169" spans="1:7" x14ac:dyDescent="0.3">
      <c r="A117169" s="13" t="s">
        <v>554</v>
      </c>
      <c r="B117169" s="14" t="s">
        <v>1</v>
      </c>
      <c r="C117169" s="14" t="s">
        <v>546</v>
      </c>
      <c r="D117169" s="14" t="s">
        <v>406</v>
      </c>
      <c r="E117169" s="15">
        <v>45745</v>
      </c>
      <c r="F117169" s="14" t="s">
        <v>15</v>
      </c>
      <c r="G117169" s="16">
        <v>0.7599934554973834</v>
      </c>
    </row>
    <row r="117170" spans="1:7" x14ac:dyDescent="0.3">
      <c r="A117170" s="13" t="s">
        <v>554</v>
      </c>
      <c r="B117170" s="14" t="s">
        <v>1</v>
      </c>
      <c r="C117170" s="14" t="s">
        <v>546</v>
      </c>
      <c r="D117170" s="14" t="s">
        <v>406</v>
      </c>
      <c r="E117170" s="15">
        <v>45746</v>
      </c>
      <c r="F117170" s="14" t="s">
        <v>15</v>
      </c>
      <c r="G117170" s="16">
        <v>0.7599934554973834</v>
      </c>
    </row>
    <row r="117171" spans="1:7" x14ac:dyDescent="0.3">
      <c r="A117171" s="13" t="s">
        <v>554</v>
      </c>
      <c r="B117171" s="14" t="s">
        <v>1</v>
      </c>
      <c r="C117171" s="14" t="s">
        <v>546</v>
      </c>
      <c r="D117171" s="14" t="s">
        <v>406</v>
      </c>
      <c r="E117171" s="15">
        <v>45747</v>
      </c>
      <c r="F117171" s="14" t="s">
        <v>15</v>
      </c>
      <c r="G117171" s="16">
        <v>0.7599934554973834</v>
      </c>
    </row>
    <row r="117172" spans="1:7" x14ac:dyDescent="0.3">
      <c r="A117172" s="13" t="s">
        <v>555</v>
      </c>
      <c r="B117172" s="14" t="s">
        <v>1</v>
      </c>
      <c r="C117172" s="14" t="s">
        <v>546</v>
      </c>
      <c r="D117172" s="14" t="s">
        <v>18</v>
      </c>
      <c r="E117172" s="15">
        <v>45383</v>
      </c>
      <c r="F117172" s="14" t="s">
        <v>15</v>
      </c>
      <c r="G117172" s="16">
        <v>0</v>
      </c>
    </row>
    <row r="117173" spans="1:7" x14ac:dyDescent="0.3">
      <c r="A117173" s="13" t="s">
        <v>555</v>
      </c>
      <c r="B117173" s="14" t="s">
        <v>1</v>
      </c>
      <c r="C117173" s="14" t="s">
        <v>546</v>
      </c>
      <c r="D117173" s="14" t="s">
        <v>18</v>
      </c>
      <c r="E117173" s="15">
        <v>45384</v>
      </c>
      <c r="F117173" s="14" t="s">
        <v>15</v>
      </c>
      <c r="G117173" s="16">
        <v>0</v>
      </c>
    </row>
    <row r="117174" spans="1:7" x14ac:dyDescent="0.3">
      <c r="A117174" s="13" t="s">
        <v>555</v>
      </c>
      <c r="B117174" s="14" t="s">
        <v>1</v>
      </c>
      <c r="C117174" s="14" t="s">
        <v>546</v>
      </c>
      <c r="D117174" s="14" t="s">
        <v>18</v>
      </c>
      <c r="E117174" s="15">
        <v>45385</v>
      </c>
      <c r="F117174" s="14" t="s">
        <v>15</v>
      </c>
      <c r="G117174" s="16">
        <v>0</v>
      </c>
    </row>
    <row r="117175" spans="1:7" x14ac:dyDescent="0.3">
      <c r="A117175" s="13" t="s">
        <v>555</v>
      </c>
      <c r="B117175" s="14" t="s">
        <v>1</v>
      </c>
      <c r="C117175" s="14" t="s">
        <v>546</v>
      </c>
      <c r="D117175" s="14" t="s">
        <v>18</v>
      </c>
      <c r="E117175" s="15">
        <v>45386</v>
      </c>
      <c r="F117175" s="14" t="s">
        <v>15</v>
      </c>
      <c r="G117175" s="16">
        <v>0</v>
      </c>
    </row>
    <row r="117176" spans="1:7" x14ac:dyDescent="0.3">
      <c r="A117176" s="13" t="s">
        <v>555</v>
      </c>
      <c r="B117176" s="14" t="s">
        <v>1</v>
      </c>
      <c r="C117176" s="14" t="s">
        <v>546</v>
      </c>
      <c r="D117176" s="14" t="s">
        <v>18</v>
      </c>
      <c r="E117176" s="15">
        <v>45387</v>
      </c>
      <c r="F117176" s="14" t="s">
        <v>15</v>
      </c>
      <c r="G117176" s="16">
        <v>0</v>
      </c>
    </row>
    <row r="117177" spans="1:7" x14ac:dyDescent="0.3">
      <c r="A117177" s="13" t="s">
        <v>555</v>
      </c>
      <c r="B117177" s="14" t="s">
        <v>1</v>
      </c>
      <c r="C117177" s="14" t="s">
        <v>546</v>
      </c>
      <c r="D117177" s="14" t="s">
        <v>18</v>
      </c>
      <c r="E117177" s="15">
        <v>45388</v>
      </c>
      <c r="F117177" s="14" t="s">
        <v>15</v>
      </c>
      <c r="G117177" s="16">
        <v>0</v>
      </c>
    </row>
    <row r="117178" spans="1:7" x14ac:dyDescent="0.3">
      <c r="A117178" s="13" t="s">
        <v>555</v>
      </c>
      <c r="B117178" s="14" t="s">
        <v>1</v>
      </c>
      <c r="C117178" s="14" t="s">
        <v>546</v>
      </c>
      <c r="D117178" s="14" t="s">
        <v>18</v>
      </c>
      <c r="E117178" s="15">
        <v>45389</v>
      </c>
      <c r="F117178" s="14" t="s">
        <v>15</v>
      </c>
      <c r="G117178" s="16">
        <v>0</v>
      </c>
    </row>
    <row r="117179" spans="1:7" x14ac:dyDescent="0.3">
      <c r="A117179" s="13" t="s">
        <v>555</v>
      </c>
      <c r="B117179" s="14" t="s">
        <v>1</v>
      </c>
      <c r="C117179" s="14" t="s">
        <v>546</v>
      </c>
      <c r="D117179" s="14" t="s">
        <v>18</v>
      </c>
      <c r="E117179" s="15">
        <v>45390</v>
      </c>
      <c r="F117179" s="14" t="s">
        <v>15</v>
      </c>
      <c r="G117179" s="16">
        <v>0</v>
      </c>
    </row>
    <row r="117180" spans="1:7" x14ac:dyDescent="0.3">
      <c r="A117180" s="13" t="s">
        <v>555</v>
      </c>
      <c r="B117180" s="14" t="s">
        <v>1</v>
      </c>
      <c r="C117180" s="14" t="s">
        <v>546</v>
      </c>
      <c r="D117180" s="14" t="s">
        <v>18</v>
      </c>
      <c r="E117180" s="15">
        <v>45391</v>
      </c>
      <c r="F117180" s="14" t="s">
        <v>15</v>
      </c>
      <c r="G117180" s="16">
        <v>9.3462796731818929E-3</v>
      </c>
    </row>
    <row r="117181" spans="1:7" x14ac:dyDescent="0.3">
      <c r="A117181" s="13" t="s">
        <v>555</v>
      </c>
      <c r="B117181" s="14" t="s">
        <v>1</v>
      </c>
      <c r="C117181" s="14" t="s">
        <v>546</v>
      </c>
      <c r="D117181" s="14" t="s">
        <v>18</v>
      </c>
      <c r="E117181" s="15">
        <v>45392</v>
      </c>
      <c r="F117181" s="14" t="s">
        <v>15</v>
      </c>
      <c r="G117181" s="16">
        <v>8.0967030812159526E-3</v>
      </c>
    </row>
    <row r="117182" spans="1:7" x14ac:dyDescent="0.3">
      <c r="A117182" s="13" t="s">
        <v>555</v>
      </c>
      <c r="B117182" s="14" t="s">
        <v>1</v>
      </c>
      <c r="C117182" s="14" t="s">
        <v>546</v>
      </c>
      <c r="D117182" s="14" t="s">
        <v>18</v>
      </c>
      <c r="E117182" s="15">
        <v>45393</v>
      </c>
      <c r="F117182" s="14" t="s">
        <v>15</v>
      </c>
      <c r="G117182" s="16">
        <v>6.8440216004965384E-3</v>
      </c>
    </row>
    <row r="117183" spans="1:7" x14ac:dyDescent="0.3">
      <c r="A117183" s="13" t="s">
        <v>555</v>
      </c>
      <c r="B117183" s="14" t="s">
        <v>1</v>
      </c>
      <c r="C117183" s="14" t="s">
        <v>546</v>
      </c>
      <c r="D117183" s="14" t="s">
        <v>18</v>
      </c>
      <c r="E117183" s="15">
        <v>45394</v>
      </c>
      <c r="F117183" s="14" t="s">
        <v>15</v>
      </c>
      <c r="G117183" s="16">
        <v>5.5800410955157134E-3</v>
      </c>
    </row>
    <row r="117184" spans="1:7" x14ac:dyDescent="0.3">
      <c r="A117184" s="13" t="s">
        <v>555</v>
      </c>
      <c r="B117184" s="14" t="s">
        <v>1</v>
      </c>
      <c r="C117184" s="14" t="s">
        <v>546</v>
      </c>
      <c r="D117184" s="14" t="s">
        <v>18</v>
      </c>
      <c r="E117184" s="15">
        <v>45395</v>
      </c>
      <c r="F117184" s="14" t="s">
        <v>15</v>
      </c>
      <c r="G117184" s="16">
        <v>5.5800410955157134E-3</v>
      </c>
    </row>
    <row r="117185" spans="1:7" x14ac:dyDescent="0.3">
      <c r="A117185" s="13" t="s">
        <v>555</v>
      </c>
      <c r="B117185" s="14" t="s">
        <v>1</v>
      </c>
      <c r="C117185" s="14" t="s">
        <v>546</v>
      </c>
      <c r="D117185" s="14" t="s">
        <v>18</v>
      </c>
      <c r="E117185" s="15">
        <v>45396</v>
      </c>
      <c r="F117185" s="14" t="s">
        <v>15</v>
      </c>
      <c r="G117185" s="16">
        <v>5.5800410955157134E-3</v>
      </c>
    </row>
    <row r="117186" spans="1:7" x14ac:dyDescent="0.3">
      <c r="A117186" s="13" t="s">
        <v>555</v>
      </c>
      <c r="B117186" s="14" t="s">
        <v>1</v>
      </c>
      <c r="C117186" s="14" t="s">
        <v>546</v>
      </c>
      <c r="D117186" s="14" t="s">
        <v>18</v>
      </c>
      <c r="E117186" s="15">
        <v>45397</v>
      </c>
      <c r="F117186" s="14" t="s">
        <v>15</v>
      </c>
      <c r="G117186" s="16">
        <v>4.3171931895536883E-3</v>
      </c>
    </row>
    <row r="117187" spans="1:7" x14ac:dyDescent="0.3">
      <c r="A117187" s="13" t="s">
        <v>555</v>
      </c>
      <c r="B117187" s="14" t="s">
        <v>1</v>
      </c>
      <c r="C117187" s="14" t="s">
        <v>546</v>
      </c>
      <c r="D117187" s="14" t="s">
        <v>18</v>
      </c>
      <c r="E117187" s="15">
        <v>45398</v>
      </c>
      <c r="F117187" s="14" t="s">
        <v>15</v>
      </c>
      <c r="G117187" s="16">
        <v>5.6489264026921341E-4</v>
      </c>
    </row>
    <row r="117188" spans="1:7" x14ac:dyDescent="0.3">
      <c r="A117188" s="13" t="s">
        <v>555</v>
      </c>
      <c r="B117188" s="14" t="s">
        <v>1</v>
      </c>
      <c r="C117188" s="14" t="s">
        <v>546</v>
      </c>
      <c r="D117188" s="14" t="s">
        <v>18</v>
      </c>
      <c r="E117188" s="15">
        <v>45399</v>
      </c>
      <c r="F117188" s="14" t="s">
        <v>15</v>
      </c>
      <c r="G117188" s="16">
        <v>0</v>
      </c>
    </row>
    <row r="117189" spans="1:7" x14ac:dyDescent="0.3">
      <c r="A117189" s="13" t="s">
        <v>555</v>
      </c>
      <c r="B117189" s="14" t="s">
        <v>1</v>
      </c>
      <c r="C117189" s="14" t="s">
        <v>546</v>
      </c>
      <c r="D117189" s="14" t="s">
        <v>18</v>
      </c>
      <c r="E117189" s="15">
        <v>45400</v>
      </c>
      <c r="F117189" s="14" t="s">
        <v>15</v>
      </c>
      <c r="G117189" s="16">
        <v>0</v>
      </c>
    </row>
    <row r="117190" spans="1:7" x14ac:dyDescent="0.3">
      <c r="A117190" s="13" t="s">
        <v>555</v>
      </c>
      <c r="B117190" s="14" t="s">
        <v>1</v>
      </c>
      <c r="C117190" s="14" t="s">
        <v>546</v>
      </c>
      <c r="D117190" s="14" t="s">
        <v>18</v>
      </c>
      <c r="E117190" s="15">
        <v>45401</v>
      </c>
      <c r="F117190" s="14" t="s">
        <v>15</v>
      </c>
      <c r="G117190" s="16">
        <v>0</v>
      </c>
    </row>
    <row r="117191" spans="1:7" x14ac:dyDescent="0.3">
      <c r="A117191" s="13" t="s">
        <v>555</v>
      </c>
      <c r="B117191" s="14" t="s">
        <v>1</v>
      </c>
      <c r="C117191" s="14" t="s">
        <v>546</v>
      </c>
      <c r="D117191" s="14" t="s">
        <v>18</v>
      </c>
      <c r="E117191" s="15">
        <v>45402</v>
      </c>
      <c r="F117191" s="14" t="s">
        <v>15</v>
      </c>
      <c r="G117191" s="16">
        <v>0</v>
      </c>
    </row>
    <row r="117192" spans="1:7" x14ac:dyDescent="0.3">
      <c r="A117192" s="13" t="s">
        <v>555</v>
      </c>
      <c r="B117192" s="14" t="s">
        <v>1</v>
      </c>
      <c r="C117192" s="14" t="s">
        <v>546</v>
      </c>
      <c r="D117192" s="14" t="s">
        <v>18</v>
      </c>
      <c r="E117192" s="15">
        <v>45403</v>
      </c>
      <c r="F117192" s="14" t="s">
        <v>15</v>
      </c>
      <c r="G117192" s="16">
        <v>0</v>
      </c>
    </row>
    <row r="117193" spans="1:7" x14ac:dyDescent="0.3">
      <c r="A117193" s="13" t="s">
        <v>555</v>
      </c>
      <c r="B117193" s="14" t="s">
        <v>1</v>
      </c>
      <c r="C117193" s="14" t="s">
        <v>546</v>
      </c>
      <c r="D117193" s="14" t="s">
        <v>18</v>
      </c>
      <c r="E117193" s="15">
        <v>45404</v>
      </c>
      <c r="F117193" s="14" t="s">
        <v>15</v>
      </c>
      <c r="G117193" s="16">
        <v>0</v>
      </c>
    </row>
    <row r="117194" spans="1:7" x14ac:dyDescent="0.3">
      <c r="A117194" s="13" t="s">
        <v>555</v>
      </c>
      <c r="B117194" s="14" t="s">
        <v>1</v>
      </c>
      <c r="C117194" s="14" t="s">
        <v>546</v>
      </c>
      <c r="D117194" s="14" t="s">
        <v>18</v>
      </c>
      <c r="E117194" s="15">
        <v>45405</v>
      </c>
      <c r="F117194" s="14" t="s">
        <v>15</v>
      </c>
      <c r="G117194" s="16">
        <v>4.2430079538222877E-3</v>
      </c>
    </row>
    <row r="117195" spans="1:7" x14ac:dyDescent="0.3">
      <c r="A117195" s="13" t="s">
        <v>555</v>
      </c>
      <c r="B117195" s="14" t="s">
        <v>1</v>
      </c>
      <c r="C117195" s="14" t="s">
        <v>546</v>
      </c>
      <c r="D117195" s="14" t="s">
        <v>18</v>
      </c>
      <c r="E117195" s="15">
        <v>45406</v>
      </c>
      <c r="F117195" s="14" t="s">
        <v>15</v>
      </c>
      <c r="G117195" s="16">
        <v>3.0005468301986631E-3</v>
      </c>
    </row>
    <row r="117196" spans="1:7" x14ac:dyDescent="0.3">
      <c r="A117196" s="13" t="s">
        <v>555</v>
      </c>
      <c r="B117196" s="14" t="s">
        <v>1</v>
      </c>
      <c r="C117196" s="14" t="s">
        <v>546</v>
      </c>
      <c r="D117196" s="14" t="s">
        <v>18</v>
      </c>
      <c r="E117196" s="15">
        <v>45407</v>
      </c>
      <c r="F117196" s="14" t="s">
        <v>15</v>
      </c>
      <c r="G117196" s="16">
        <v>1.741096721293038E-3</v>
      </c>
    </row>
    <row r="117197" spans="1:7" x14ac:dyDescent="0.3">
      <c r="A117197" s="13" t="s">
        <v>555</v>
      </c>
      <c r="B117197" s="14" t="s">
        <v>1</v>
      </c>
      <c r="C117197" s="14" t="s">
        <v>546</v>
      </c>
      <c r="D117197" s="14" t="s">
        <v>18</v>
      </c>
      <c r="E117197" s="15">
        <v>45408</v>
      </c>
      <c r="F117197" s="14" t="s">
        <v>15</v>
      </c>
      <c r="G117197" s="16">
        <v>8.0273843421721947E-4</v>
      </c>
    </row>
    <row r="117198" spans="1:7" x14ac:dyDescent="0.3">
      <c r="A117198" s="13" t="s">
        <v>555</v>
      </c>
      <c r="B117198" s="14" t="s">
        <v>1</v>
      </c>
      <c r="C117198" s="14" t="s">
        <v>546</v>
      </c>
      <c r="D117198" s="14" t="s">
        <v>18</v>
      </c>
      <c r="E117198" s="15">
        <v>45409</v>
      </c>
      <c r="F117198" s="14" t="s">
        <v>15</v>
      </c>
      <c r="G117198" s="16">
        <v>8.0273843421721947E-4</v>
      </c>
    </row>
    <row r="117199" spans="1:7" x14ac:dyDescent="0.3">
      <c r="A117199" s="13" t="s">
        <v>555</v>
      </c>
      <c r="B117199" s="14" t="s">
        <v>1</v>
      </c>
      <c r="C117199" s="14" t="s">
        <v>546</v>
      </c>
      <c r="D117199" s="14" t="s">
        <v>18</v>
      </c>
      <c r="E117199" s="15">
        <v>45410</v>
      </c>
      <c r="F117199" s="14" t="s">
        <v>15</v>
      </c>
      <c r="G117199" s="16">
        <v>8.0273843421721947E-4</v>
      </c>
    </row>
    <row r="117200" spans="1:7" x14ac:dyDescent="0.3">
      <c r="A117200" s="13" t="s">
        <v>555</v>
      </c>
      <c r="B117200" s="14" t="s">
        <v>1</v>
      </c>
      <c r="C117200" s="14" t="s">
        <v>546</v>
      </c>
      <c r="D117200" s="14" t="s">
        <v>18</v>
      </c>
      <c r="E117200" s="15">
        <v>45411</v>
      </c>
      <c r="F117200" s="14" t="s">
        <v>15</v>
      </c>
      <c r="G117200" s="16">
        <v>0</v>
      </c>
    </row>
    <row r="117201" spans="1:7" x14ac:dyDescent="0.3">
      <c r="A117201" s="13" t="s">
        <v>555</v>
      </c>
      <c r="B117201" s="14" t="s">
        <v>1</v>
      </c>
      <c r="C117201" s="14" t="s">
        <v>546</v>
      </c>
      <c r="D117201" s="14" t="s">
        <v>18</v>
      </c>
      <c r="E117201" s="15">
        <v>45412</v>
      </c>
      <c r="F117201" s="14" t="s">
        <v>15</v>
      </c>
      <c r="G117201" s="16">
        <v>0</v>
      </c>
    </row>
    <row r="117202" spans="1:7" x14ac:dyDescent="0.3">
      <c r="A117202" s="13" t="s">
        <v>555</v>
      </c>
      <c r="B117202" s="14" t="s">
        <v>1</v>
      </c>
      <c r="C117202" s="14" t="s">
        <v>546</v>
      </c>
      <c r="D117202" s="14" t="s">
        <v>18</v>
      </c>
      <c r="E117202" s="15">
        <v>45413</v>
      </c>
      <c r="F117202" s="14" t="s">
        <v>15</v>
      </c>
      <c r="G117202" s="16">
        <v>0</v>
      </c>
    </row>
    <row r="117203" spans="1:7" x14ac:dyDescent="0.3">
      <c r="A117203" s="13" t="s">
        <v>555</v>
      </c>
      <c r="B117203" s="14" t="s">
        <v>1</v>
      </c>
      <c r="C117203" s="14" t="s">
        <v>546</v>
      </c>
      <c r="D117203" s="14" t="s">
        <v>18</v>
      </c>
      <c r="E117203" s="15">
        <v>45414</v>
      </c>
      <c r="F117203" s="14" t="s">
        <v>15</v>
      </c>
      <c r="G117203" s="16">
        <v>0</v>
      </c>
    </row>
    <row r="117204" spans="1:7" x14ac:dyDescent="0.3">
      <c r="A117204" s="13" t="s">
        <v>555</v>
      </c>
      <c r="B117204" s="14" t="s">
        <v>1</v>
      </c>
      <c r="C117204" s="14" t="s">
        <v>546</v>
      </c>
      <c r="D117204" s="14" t="s">
        <v>18</v>
      </c>
      <c r="E117204" s="15">
        <v>45415</v>
      </c>
      <c r="F117204" s="14" t="s">
        <v>15</v>
      </c>
      <c r="G117204" s="16">
        <v>0</v>
      </c>
    </row>
    <row r="117205" spans="1:7" x14ac:dyDescent="0.3">
      <c r="A117205" s="13" t="s">
        <v>555</v>
      </c>
      <c r="B117205" s="14" t="s">
        <v>1</v>
      </c>
      <c r="C117205" s="14" t="s">
        <v>546</v>
      </c>
      <c r="D117205" s="14" t="s">
        <v>18</v>
      </c>
      <c r="E117205" s="15">
        <v>45416</v>
      </c>
      <c r="F117205" s="14" t="s">
        <v>15</v>
      </c>
      <c r="G117205" s="16">
        <v>0</v>
      </c>
    </row>
    <row r="117206" spans="1:7" x14ac:dyDescent="0.3">
      <c r="A117206" s="13" t="s">
        <v>555</v>
      </c>
      <c r="B117206" s="14" t="s">
        <v>1</v>
      </c>
      <c r="C117206" s="14" t="s">
        <v>546</v>
      </c>
      <c r="D117206" s="14" t="s">
        <v>18</v>
      </c>
      <c r="E117206" s="15">
        <v>45417</v>
      </c>
      <c r="F117206" s="14" t="s">
        <v>15</v>
      </c>
      <c r="G117206" s="16">
        <v>0</v>
      </c>
    </row>
    <row r="117207" spans="1:7" x14ac:dyDescent="0.3">
      <c r="A117207" s="13" t="s">
        <v>555</v>
      </c>
      <c r="B117207" s="14" t="s">
        <v>1</v>
      </c>
      <c r="C117207" s="14" t="s">
        <v>546</v>
      </c>
      <c r="D117207" s="14" t="s">
        <v>18</v>
      </c>
      <c r="E117207" s="15">
        <v>45418</v>
      </c>
      <c r="F117207" s="14" t="s">
        <v>15</v>
      </c>
      <c r="G117207" s="16">
        <v>0</v>
      </c>
    </row>
    <row r="117208" spans="1:7" x14ac:dyDescent="0.3">
      <c r="A117208" s="13" t="s">
        <v>555</v>
      </c>
      <c r="B117208" s="14" t="s">
        <v>1</v>
      </c>
      <c r="C117208" s="14" t="s">
        <v>546</v>
      </c>
      <c r="D117208" s="14" t="s">
        <v>18</v>
      </c>
      <c r="E117208" s="15">
        <v>45419</v>
      </c>
      <c r="F117208" s="14" t="s">
        <v>15</v>
      </c>
      <c r="G117208" s="16">
        <v>2.2866333619951058E-2</v>
      </c>
    </row>
    <row r="117209" spans="1:7" x14ac:dyDescent="0.3">
      <c r="A117209" s="13" t="s">
        <v>555</v>
      </c>
      <c r="B117209" s="14" t="s">
        <v>1</v>
      </c>
      <c r="C117209" s="14" t="s">
        <v>546</v>
      </c>
      <c r="D117209" s="14" t="s">
        <v>18</v>
      </c>
      <c r="E117209" s="15">
        <v>45420</v>
      </c>
      <c r="F117209" s="14" t="s">
        <v>15</v>
      </c>
      <c r="G117209" s="16">
        <v>1.8380108906484168E-2</v>
      </c>
    </row>
    <row r="117210" spans="1:7" x14ac:dyDescent="0.3">
      <c r="A117210" s="13" t="s">
        <v>555</v>
      </c>
      <c r="B117210" s="14" t="s">
        <v>1</v>
      </c>
      <c r="C117210" s="14" t="s">
        <v>546</v>
      </c>
      <c r="D117210" s="14" t="s">
        <v>18</v>
      </c>
      <c r="E117210" s="15">
        <v>45421</v>
      </c>
      <c r="F117210" s="14" t="s">
        <v>15</v>
      </c>
      <c r="G117210" s="16">
        <v>1.7020990083924142E-2</v>
      </c>
    </row>
    <row r="117211" spans="1:7" x14ac:dyDescent="0.3">
      <c r="A117211" s="13" t="s">
        <v>555</v>
      </c>
      <c r="B117211" s="14" t="s">
        <v>1</v>
      </c>
      <c r="C117211" s="14" t="s">
        <v>546</v>
      </c>
      <c r="D117211" s="14" t="s">
        <v>18</v>
      </c>
      <c r="E117211" s="15">
        <v>45422</v>
      </c>
      <c r="F117211" s="14" t="s">
        <v>15</v>
      </c>
      <c r="G117211" s="16">
        <v>1.5678577096891418E-2</v>
      </c>
    </row>
    <row r="117212" spans="1:7" x14ac:dyDescent="0.3">
      <c r="A117212" s="13" t="s">
        <v>555</v>
      </c>
      <c r="B117212" s="14" t="s">
        <v>1</v>
      </c>
      <c r="C117212" s="14" t="s">
        <v>546</v>
      </c>
      <c r="D117212" s="14" t="s">
        <v>18</v>
      </c>
      <c r="E117212" s="15">
        <v>45423</v>
      </c>
      <c r="F117212" s="14" t="s">
        <v>15</v>
      </c>
      <c r="G117212" s="16">
        <v>1.5678577096891418E-2</v>
      </c>
    </row>
    <row r="117213" spans="1:7" x14ac:dyDescent="0.3">
      <c r="A117213" s="13" t="s">
        <v>555</v>
      </c>
      <c r="B117213" s="14" t="s">
        <v>1</v>
      </c>
      <c r="C117213" s="14" t="s">
        <v>546</v>
      </c>
      <c r="D117213" s="14" t="s">
        <v>18</v>
      </c>
      <c r="E117213" s="15">
        <v>45424</v>
      </c>
      <c r="F117213" s="14" t="s">
        <v>15</v>
      </c>
      <c r="G117213" s="16">
        <v>1.5678577096891418E-2</v>
      </c>
    </row>
    <row r="117214" spans="1:7" x14ac:dyDescent="0.3">
      <c r="A117214" s="13" t="s">
        <v>555</v>
      </c>
      <c r="B117214" s="14" t="s">
        <v>1</v>
      </c>
      <c r="C117214" s="14" t="s">
        <v>546</v>
      </c>
      <c r="D117214" s="14" t="s">
        <v>18</v>
      </c>
      <c r="E117214" s="15">
        <v>45425</v>
      </c>
      <c r="F117214" s="14" t="s">
        <v>15</v>
      </c>
      <c r="G117214" s="16">
        <v>1.4318891974821989E-2</v>
      </c>
    </row>
    <row r="117215" spans="1:7" x14ac:dyDescent="0.3">
      <c r="A117215" s="13" t="s">
        <v>555</v>
      </c>
      <c r="B117215" s="14" t="s">
        <v>1</v>
      </c>
      <c r="C117215" s="14" t="s">
        <v>546</v>
      </c>
      <c r="D117215" s="14" t="s">
        <v>18</v>
      </c>
      <c r="E117215" s="15">
        <v>45426</v>
      </c>
      <c r="F117215" s="14" t="s">
        <v>15</v>
      </c>
      <c r="G117215" s="16">
        <v>1.6657708948644039E-2</v>
      </c>
    </row>
    <row r="117216" spans="1:7" x14ac:dyDescent="0.3">
      <c r="A117216" s="13" t="s">
        <v>555</v>
      </c>
      <c r="B117216" s="14" t="s">
        <v>1</v>
      </c>
      <c r="C117216" s="14" t="s">
        <v>546</v>
      </c>
      <c r="D117216" s="14" t="s">
        <v>18</v>
      </c>
      <c r="E117216" s="15">
        <v>45427</v>
      </c>
      <c r="F117216" s="14" t="s">
        <v>15</v>
      </c>
      <c r="G117216" s="16">
        <v>1.6657708948644039E-2</v>
      </c>
    </row>
    <row r="117217" spans="1:7" x14ac:dyDescent="0.3">
      <c r="A117217" s="13" t="s">
        <v>555</v>
      </c>
      <c r="B117217" s="14" t="s">
        <v>1</v>
      </c>
      <c r="C117217" s="14" t="s">
        <v>546</v>
      </c>
      <c r="D117217" s="14" t="s">
        <v>18</v>
      </c>
      <c r="E117217" s="15">
        <v>45428</v>
      </c>
      <c r="F117217" s="14" t="s">
        <v>15</v>
      </c>
      <c r="G117217" s="16">
        <v>1.528471578810371E-2</v>
      </c>
    </row>
    <row r="117218" spans="1:7" x14ac:dyDescent="0.3">
      <c r="A117218" s="13" t="s">
        <v>555</v>
      </c>
      <c r="B117218" s="14" t="s">
        <v>1</v>
      </c>
      <c r="C117218" s="14" t="s">
        <v>546</v>
      </c>
      <c r="D117218" s="14" t="s">
        <v>18</v>
      </c>
      <c r="E117218" s="15">
        <v>45429</v>
      </c>
      <c r="F117218" s="14" t="s">
        <v>15</v>
      </c>
      <c r="G117218" s="16">
        <v>4.7801916767607054E-2</v>
      </c>
    </row>
    <row r="117219" spans="1:7" x14ac:dyDescent="0.3">
      <c r="A117219" s="13" t="s">
        <v>555</v>
      </c>
      <c r="B117219" s="14" t="s">
        <v>1</v>
      </c>
      <c r="C117219" s="14" t="s">
        <v>546</v>
      </c>
      <c r="D117219" s="14" t="s">
        <v>18</v>
      </c>
      <c r="E117219" s="15">
        <v>45430</v>
      </c>
      <c r="F117219" s="14" t="s">
        <v>15</v>
      </c>
      <c r="G117219" s="16">
        <v>4.7801916767607054E-2</v>
      </c>
    </row>
    <row r="117220" spans="1:7" x14ac:dyDescent="0.3">
      <c r="A117220" s="13" t="s">
        <v>555</v>
      </c>
      <c r="B117220" s="14" t="s">
        <v>1</v>
      </c>
      <c r="C117220" s="14" t="s">
        <v>546</v>
      </c>
      <c r="D117220" s="14" t="s">
        <v>18</v>
      </c>
      <c r="E117220" s="15">
        <v>45431</v>
      </c>
      <c r="F117220" s="14" t="s">
        <v>15</v>
      </c>
      <c r="G117220" s="16">
        <v>4.7801916767607054E-2</v>
      </c>
    </row>
    <row r="117221" spans="1:7" x14ac:dyDescent="0.3">
      <c r="A117221" s="13" t="s">
        <v>555</v>
      </c>
      <c r="B117221" s="14" t="s">
        <v>1</v>
      </c>
      <c r="C117221" s="14" t="s">
        <v>546</v>
      </c>
      <c r="D117221" s="14" t="s">
        <v>18</v>
      </c>
      <c r="E117221" s="15">
        <v>45432</v>
      </c>
      <c r="F117221" s="14" t="s">
        <v>15</v>
      </c>
      <c r="G117221" s="16">
        <v>9.7976902749712158E-2</v>
      </c>
    </row>
    <row r="117222" spans="1:7" x14ac:dyDescent="0.3">
      <c r="A117222" s="13" t="s">
        <v>555</v>
      </c>
      <c r="B117222" s="14" t="s">
        <v>1</v>
      </c>
      <c r="C117222" s="14" t="s">
        <v>546</v>
      </c>
      <c r="D117222" s="14" t="s">
        <v>18</v>
      </c>
      <c r="E117222" s="15">
        <v>45433</v>
      </c>
      <c r="F117222" s="14" t="s">
        <v>15</v>
      </c>
      <c r="G117222" s="16">
        <v>9.3770996293398273E-2</v>
      </c>
    </row>
    <row r="117223" spans="1:7" x14ac:dyDescent="0.3">
      <c r="A117223" s="13" t="s">
        <v>555</v>
      </c>
      <c r="B117223" s="14" t="s">
        <v>1</v>
      </c>
      <c r="C117223" s="14" t="s">
        <v>546</v>
      </c>
      <c r="D117223" s="14" t="s">
        <v>18</v>
      </c>
      <c r="E117223" s="15">
        <v>45434</v>
      </c>
      <c r="F117223" s="14" t="s">
        <v>15</v>
      </c>
      <c r="G117223" s="16">
        <v>0.1057049090047394</v>
      </c>
    </row>
    <row r="117224" spans="1:7" x14ac:dyDescent="0.3">
      <c r="A117224" s="13" t="s">
        <v>555</v>
      </c>
      <c r="B117224" s="14" t="s">
        <v>1</v>
      </c>
      <c r="C117224" s="14" t="s">
        <v>546</v>
      </c>
      <c r="D117224" s="14" t="s">
        <v>18</v>
      </c>
      <c r="E117224" s="15">
        <v>45435</v>
      </c>
      <c r="F117224" s="14" t="s">
        <v>15</v>
      </c>
      <c r="G117224" s="16">
        <v>0.10431775835646409</v>
      </c>
    </row>
    <row r="117225" spans="1:7" x14ac:dyDescent="0.3">
      <c r="A117225" s="13" t="s">
        <v>555</v>
      </c>
      <c r="B117225" s="14" t="s">
        <v>1</v>
      </c>
      <c r="C117225" s="14" t="s">
        <v>546</v>
      </c>
      <c r="D117225" s="14" t="s">
        <v>18</v>
      </c>
      <c r="E117225" s="15">
        <v>45436</v>
      </c>
      <c r="F117225" s="14" t="s">
        <v>15</v>
      </c>
      <c r="G117225" s="16">
        <v>0.10293542125401865</v>
      </c>
    </row>
    <row r="117226" spans="1:7" x14ac:dyDescent="0.3">
      <c r="A117226" s="13" t="s">
        <v>555</v>
      </c>
      <c r="B117226" s="14" t="s">
        <v>1</v>
      </c>
      <c r="C117226" s="14" t="s">
        <v>546</v>
      </c>
      <c r="D117226" s="14" t="s">
        <v>18</v>
      </c>
      <c r="E117226" s="15">
        <v>45437</v>
      </c>
      <c r="F117226" s="14" t="s">
        <v>15</v>
      </c>
      <c r="G117226" s="16">
        <v>0.10293542125401865</v>
      </c>
    </row>
    <row r="117227" spans="1:7" x14ac:dyDescent="0.3">
      <c r="A117227" s="13" t="s">
        <v>555</v>
      </c>
      <c r="B117227" s="14" t="s">
        <v>1</v>
      </c>
      <c r="C117227" s="14" t="s">
        <v>546</v>
      </c>
      <c r="D117227" s="14" t="s">
        <v>18</v>
      </c>
      <c r="E117227" s="15">
        <v>45438</v>
      </c>
      <c r="F117227" s="14" t="s">
        <v>15</v>
      </c>
      <c r="G117227" s="16">
        <v>0.10293542125401865</v>
      </c>
    </row>
    <row r="117228" spans="1:7" x14ac:dyDescent="0.3">
      <c r="A117228" s="13" t="s">
        <v>555</v>
      </c>
      <c r="B117228" s="14" t="s">
        <v>1</v>
      </c>
      <c r="C117228" s="14" t="s">
        <v>546</v>
      </c>
      <c r="D117228" s="14" t="s">
        <v>18</v>
      </c>
      <c r="E117228" s="15">
        <v>45439</v>
      </c>
      <c r="F117228" s="14" t="s">
        <v>15</v>
      </c>
      <c r="G117228" s="16">
        <v>0.10157035628660993</v>
      </c>
    </row>
    <row r="117229" spans="1:7" x14ac:dyDescent="0.3">
      <c r="A117229" s="13" t="s">
        <v>555</v>
      </c>
      <c r="B117229" s="14" t="s">
        <v>1</v>
      </c>
      <c r="C117229" s="14" t="s">
        <v>546</v>
      </c>
      <c r="D117229" s="14" t="s">
        <v>18</v>
      </c>
      <c r="E117229" s="15">
        <v>45440</v>
      </c>
      <c r="F117229" s="14" t="s">
        <v>15</v>
      </c>
      <c r="G117229" s="16">
        <v>0.1151170900007223</v>
      </c>
    </row>
    <row r="117230" spans="1:7" x14ac:dyDescent="0.3">
      <c r="A117230" s="13" t="s">
        <v>555</v>
      </c>
      <c r="B117230" s="14" t="s">
        <v>1</v>
      </c>
      <c r="C117230" s="14" t="s">
        <v>546</v>
      </c>
      <c r="D117230" s="14" t="s">
        <v>18</v>
      </c>
      <c r="E117230" s="15">
        <v>45441</v>
      </c>
      <c r="F117230" s="14" t="s">
        <v>15</v>
      </c>
      <c r="G117230" s="16">
        <v>0.11443073499532949</v>
      </c>
    </row>
    <row r="117231" spans="1:7" x14ac:dyDescent="0.3">
      <c r="A117231" s="13" t="s">
        <v>555</v>
      </c>
      <c r="B117231" s="14" t="s">
        <v>1</v>
      </c>
      <c r="C117231" s="14" t="s">
        <v>546</v>
      </c>
      <c r="D117231" s="14" t="s">
        <v>18</v>
      </c>
      <c r="E117231" s="15">
        <v>45442</v>
      </c>
      <c r="F117231" s="14" t="s">
        <v>15</v>
      </c>
      <c r="G117231" s="16">
        <v>0.11307529711958057</v>
      </c>
    </row>
    <row r="117232" spans="1:7" x14ac:dyDescent="0.3">
      <c r="A117232" s="13" t="s">
        <v>555</v>
      </c>
      <c r="B117232" s="14" t="s">
        <v>1</v>
      </c>
      <c r="C117232" s="14" t="s">
        <v>546</v>
      </c>
      <c r="D117232" s="14" t="s">
        <v>18</v>
      </c>
      <c r="E117232" s="15">
        <v>45443</v>
      </c>
      <c r="F117232" s="14" t="s">
        <v>15</v>
      </c>
      <c r="G117232" s="16">
        <v>0.11605431568877933</v>
      </c>
    </row>
    <row r="117233" spans="1:7" x14ac:dyDescent="0.3">
      <c r="A117233" s="13" t="s">
        <v>555</v>
      </c>
      <c r="B117233" s="14" t="s">
        <v>1</v>
      </c>
      <c r="C117233" s="14" t="s">
        <v>546</v>
      </c>
      <c r="D117233" s="14" t="s">
        <v>18</v>
      </c>
      <c r="E117233" s="15">
        <v>45444</v>
      </c>
      <c r="F117233" s="14" t="s">
        <v>15</v>
      </c>
      <c r="G117233" s="16">
        <v>0.11605431568877933</v>
      </c>
    </row>
    <row r="117234" spans="1:7" x14ac:dyDescent="0.3">
      <c r="A117234" s="13" t="s">
        <v>555</v>
      </c>
      <c r="B117234" s="14" t="s">
        <v>1</v>
      </c>
      <c r="C117234" s="14" t="s">
        <v>546</v>
      </c>
      <c r="D117234" s="14" t="s">
        <v>18</v>
      </c>
      <c r="E117234" s="15">
        <v>45445</v>
      </c>
      <c r="F117234" s="14" t="s">
        <v>15</v>
      </c>
      <c r="G117234" s="16">
        <v>0.11605431568877933</v>
      </c>
    </row>
    <row r="117235" spans="1:7" x14ac:dyDescent="0.3">
      <c r="A117235" s="13" t="s">
        <v>555</v>
      </c>
      <c r="B117235" s="14" t="s">
        <v>1</v>
      </c>
      <c r="C117235" s="14" t="s">
        <v>546</v>
      </c>
      <c r="D117235" s="14" t="s">
        <v>18</v>
      </c>
      <c r="E117235" s="15">
        <v>45446</v>
      </c>
      <c r="F117235" s="14" t="s">
        <v>15</v>
      </c>
      <c r="G117235" s="16">
        <v>0.11605431568877933</v>
      </c>
    </row>
    <row r="117236" spans="1:7" x14ac:dyDescent="0.3">
      <c r="A117236" s="13" t="s">
        <v>555</v>
      </c>
      <c r="B117236" s="14" t="s">
        <v>1</v>
      </c>
      <c r="C117236" s="14" t="s">
        <v>546</v>
      </c>
      <c r="D117236" s="14" t="s">
        <v>18</v>
      </c>
      <c r="E117236" s="15">
        <v>45447</v>
      </c>
      <c r="F117236" s="14" t="s">
        <v>15</v>
      </c>
      <c r="G117236" s="16">
        <v>0.11867599926754668</v>
      </c>
    </row>
    <row r="117237" spans="1:7" x14ac:dyDescent="0.3">
      <c r="A117237" s="13" t="s">
        <v>555</v>
      </c>
      <c r="B117237" s="14" t="s">
        <v>1</v>
      </c>
      <c r="C117237" s="14" t="s">
        <v>546</v>
      </c>
      <c r="D117237" s="14" t="s">
        <v>18</v>
      </c>
      <c r="E117237" s="15">
        <v>45448</v>
      </c>
      <c r="F117237" s="14" t="s">
        <v>15</v>
      </c>
      <c r="G117237" s="16">
        <v>0.11714217704633675</v>
      </c>
    </row>
    <row r="117238" spans="1:7" x14ac:dyDescent="0.3">
      <c r="A117238" s="13" t="s">
        <v>555</v>
      </c>
      <c r="B117238" s="14" t="s">
        <v>1</v>
      </c>
      <c r="C117238" s="14" t="s">
        <v>546</v>
      </c>
      <c r="D117238" s="14" t="s">
        <v>18</v>
      </c>
      <c r="E117238" s="15">
        <v>45449</v>
      </c>
      <c r="F117238" s="14" t="s">
        <v>15</v>
      </c>
      <c r="G117238" s="16">
        <v>0.12666563589591676</v>
      </c>
    </row>
    <row r="117239" spans="1:7" x14ac:dyDescent="0.3">
      <c r="A117239" s="13" t="s">
        <v>555</v>
      </c>
      <c r="B117239" s="14" t="s">
        <v>1</v>
      </c>
      <c r="C117239" s="14" t="s">
        <v>546</v>
      </c>
      <c r="D117239" s="14" t="s">
        <v>18</v>
      </c>
      <c r="E117239" s="15">
        <v>45450</v>
      </c>
      <c r="F117239" s="14" t="s">
        <v>15</v>
      </c>
      <c r="G117239" s="16">
        <v>0.12705468365887454</v>
      </c>
    </row>
    <row r="117240" spans="1:7" x14ac:dyDescent="0.3">
      <c r="A117240" s="13" t="s">
        <v>555</v>
      </c>
      <c r="B117240" s="14" t="s">
        <v>1</v>
      </c>
      <c r="C117240" s="14" t="s">
        <v>546</v>
      </c>
      <c r="D117240" s="14" t="s">
        <v>18</v>
      </c>
      <c r="E117240" s="15">
        <v>45451</v>
      </c>
      <c r="F117240" s="14" t="s">
        <v>15</v>
      </c>
      <c r="G117240" s="16">
        <v>0.12705468365887454</v>
      </c>
    </row>
    <row r="117241" spans="1:7" x14ac:dyDescent="0.3">
      <c r="A117241" s="13" t="s">
        <v>555</v>
      </c>
      <c r="B117241" s="14" t="s">
        <v>1</v>
      </c>
      <c r="C117241" s="14" t="s">
        <v>546</v>
      </c>
      <c r="D117241" s="14" t="s">
        <v>18</v>
      </c>
      <c r="E117241" s="15">
        <v>45452</v>
      </c>
      <c r="F117241" s="14" t="s">
        <v>15</v>
      </c>
      <c r="G117241" s="16">
        <v>0.12705468365887454</v>
      </c>
    </row>
    <row r="117242" spans="1:7" x14ac:dyDescent="0.3">
      <c r="A117242" s="13" t="s">
        <v>555</v>
      </c>
      <c r="B117242" s="14" t="s">
        <v>1</v>
      </c>
      <c r="C117242" s="14" t="s">
        <v>546</v>
      </c>
      <c r="D117242" s="14" t="s">
        <v>18</v>
      </c>
      <c r="E117242" s="15">
        <v>45453</v>
      </c>
      <c r="F117242" s="14" t="s">
        <v>15</v>
      </c>
      <c r="G117242" s="16">
        <v>0.12705468365887454</v>
      </c>
    </row>
    <row r="117243" spans="1:7" x14ac:dyDescent="0.3">
      <c r="A117243" s="13" t="s">
        <v>555</v>
      </c>
      <c r="B117243" s="14" t="s">
        <v>1</v>
      </c>
      <c r="C117243" s="14" t="s">
        <v>546</v>
      </c>
      <c r="D117243" s="14" t="s">
        <v>18</v>
      </c>
      <c r="E117243" s="15">
        <v>45454</v>
      </c>
      <c r="F117243" s="14" t="s">
        <v>15</v>
      </c>
      <c r="G117243" s="16">
        <v>0.18312173288653205</v>
      </c>
    </row>
    <row r="117244" spans="1:7" x14ac:dyDescent="0.3">
      <c r="A117244" s="13" t="s">
        <v>555</v>
      </c>
      <c r="B117244" s="14" t="s">
        <v>1</v>
      </c>
      <c r="C117244" s="14" t="s">
        <v>546</v>
      </c>
      <c r="D117244" s="14" t="s">
        <v>18</v>
      </c>
      <c r="E117244" s="15">
        <v>45455</v>
      </c>
      <c r="F117244" s="14" t="s">
        <v>15</v>
      </c>
      <c r="G117244" s="16">
        <v>0.17778520945970105</v>
      </c>
    </row>
    <row r="117245" spans="1:7" x14ac:dyDescent="0.3">
      <c r="A117245" s="13" t="s">
        <v>555</v>
      </c>
      <c r="B117245" s="14" t="s">
        <v>1</v>
      </c>
      <c r="C117245" s="14" t="s">
        <v>546</v>
      </c>
      <c r="D117245" s="14" t="s">
        <v>18</v>
      </c>
      <c r="E117245" s="15">
        <v>45456</v>
      </c>
      <c r="F117245" s="14" t="s">
        <v>15</v>
      </c>
      <c r="G117245" s="16">
        <v>0.23404819831761092</v>
      </c>
    </row>
    <row r="117246" spans="1:7" x14ac:dyDescent="0.3">
      <c r="A117246" s="13" t="s">
        <v>555</v>
      </c>
      <c r="B117246" s="14" t="s">
        <v>1</v>
      </c>
      <c r="C117246" s="14" t="s">
        <v>546</v>
      </c>
      <c r="D117246" s="14" t="s">
        <v>18</v>
      </c>
      <c r="E117246" s="15">
        <v>45457</v>
      </c>
      <c r="F117246" s="14" t="s">
        <v>15</v>
      </c>
      <c r="G117246" s="16">
        <v>0.26845882170679319</v>
      </c>
    </row>
    <row r="117247" spans="1:7" x14ac:dyDescent="0.3">
      <c r="A117247" s="13" t="s">
        <v>555</v>
      </c>
      <c r="B117247" s="14" t="s">
        <v>1</v>
      </c>
      <c r="C117247" s="14" t="s">
        <v>546</v>
      </c>
      <c r="D117247" s="14" t="s">
        <v>18</v>
      </c>
      <c r="E117247" s="15">
        <v>45458</v>
      </c>
      <c r="F117247" s="14" t="s">
        <v>15</v>
      </c>
      <c r="G117247" s="16">
        <v>0.26845882170679319</v>
      </c>
    </row>
    <row r="117248" spans="1:7" x14ac:dyDescent="0.3">
      <c r="A117248" s="13" t="s">
        <v>555</v>
      </c>
      <c r="B117248" s="14" t="s">
        <v>1</v>
      </c>
      <c r="C117248" s="14" t="s">
        <v>546</v>
      </c>
      <c r="D117248" s="14" t="s">
        <v>18</v>
      </c>
      <c r="E117248" s="15">
        <v>45459</v>
      </c>
      <c r="F117248" s="14" t="s">
        <v>15</v>
      </c>
      <c r="G117248" s="16">
        <v>0.26845882170679319</v>
      </c>
    </row>
    <row r="117249" spans="1:7" x14ac:dyDescent="0.3">
      <c r="A117249" s="13" t="s">
        <v>555</v>
      </c>
      <c r="B117249" s="14" t="s">
        <v>1</v>
      </c>
      <c r="C117249" s="14" t="s">
        <v>546</v>
      </c>
      <c r="D117249" s="14" t="s">
        <v>18</v>
      </c>
      <c r="E117249" s="15">
        <v>45460</v>
      </c>
      <c r="F117249" s="14" t="s">
        <v>15</v>
      </c>
      <c r="G117249" s="16">
        <v>0.2815595945572531</v>
      </c>
    </row>
    <row r="117250" spans="1:7" x14ac:dyDescent="0.3">
      <c r="A117250" s="13" t="s">
        <v>555</v>
      </c>
      <c r="B117250" s="14" t="s">
        <v>1</v>
      </c>
      <c r="C117250" s="14" t="s">
        <v>546</v>
      </c>
      <c r="D117250" s="14" t="s">
        <v>18</v>
      </c>
      <c r="E117250" s="15">
        <v>45461</v>
      </c>
      <c r="F117250" s="14" t="s">
        <v>15</v>
      </c>
      <c r="G117250" s="16">
        <v>0.27759946208801878</v>
      </c>
    </row>
    <row r="117251" spans="1:7" x14ac:dyDescent="0.3">
      <c r="A117251" s="13" t="s">
        <v>555</v>
      </c>
      <c r="B117251" s="14" t="s">
        <v>1</v>
      </c>
      <c r="C117251" s="14" t="s">
        <v>546</v>
      </c>
      <c r="D117251" s="14" t="s">
        <v>18</v>
      </c>
      <c r="E117251" s="15">
        <v>45462</v>
      </c>
      <c r="F117251" s="14" t="s">
        <v>15</v>
      </c>
      <c r="G117251" s="16">
        <v>0.33480007512662308</v>
      </c>
    </row>
    <row r="117252" spans="1:7" x14ac:dyDescent="0.3">
      <c r="A117252" s="13" t="s">
        <v>555</v>
      </c>
      <c r="B117252" s="14" t="s">
        <v>1</v>
      </c>
      <c r="C117252" s="14" t="s">
        <v>546</v>
      </c>
      <c r="D117252" s="14" t="s">
        <v>18</v>
      </c>
      <c r="E117252" s="15">
        <v>45463</v>
      </c>
      <c r="F117252" s="14" t="s">
        <v>15</v>
      </c>
      <c r="G117252" s="16">
        <v>0.3709633840885993</v>
      </c>
    </row>
    <row r="117253" spans="1:7" x14ac:dyDescent="0.3">
      <c r="A117253" s="13" t="s">
        <v>555</v>
      </c>
      <c r="B117253" s="14" t="s">
        <v>1</v>
      </c>
      <c r="C117253" s="14" t="s">
        <v>546</v>
      </c>
      <c r="D117253" s="14" t="s">
        <v>18</v>
      </c>
      <c r="E117253" s="15">
        <v>45464</v>
      </c>
      <c r="F117253" s="14" t="s">
        <v>15</v>
      </c>
      <c r="G117253" s="16">
        <v>0.36962207660604463</v>
      </c>
    </row>
    <row r="117254" spans="1:7" x14ac:dyDescent="0.3">
      <c r="A117254" s="13" t="s">
        <v>555</v>
      </c>
      <c r="B117254" s="14" t="s">
        <v>1</v>
      </c>
      <c r="C117254" s="14" t="s">
        <v>546</v>
      </c>
      <c r="D117254" s="14" t="s">
        <v>18</v>
      </c>
      <c r="E117254" s="15">
        <v>45465</v>
      </c>
      <c r="F117254" s="14" t="s">
        <v>15</v>
      </c>
      <c r="G117254" s="16">
        <v>0.36962207660604463</v>
      </c>
    </row>
    <row r="117255" spans="1:7" x14ac:dyDescent="0.3">
      <c r="A117255" s="13" t="s">
        <v>555</v>
      </c>
      <c r="B117255" s="14" t="s">
        <v>1</v>
      </c>
      <c r="C117255" s="14" t="s">
        <v>546</v>
      </c>
      <c r="D117255" s="14" t="s">
        <v>18</v>
      </c>
      <c r="E117255" s="15">
        <v>45466</v>
      </c>
      <c r="F117255" s="14" t="s">
        <v>15</v>
      </c>
      <c r="G117255" s="16">
        <v>0.36962207660604463</v>
      </c>
    </row>
    <row r="117256" spans="1:7" x14ac:dyDescent="0.3">
      <c r="A117256" s="13" t="s">
        <v>555</v>
      </c>
      <c r="B117256" s="14" t="s">
        <v>1</v>
      </c>
      <c r="C117256" s="14" t="s">
        <v>546</v>
      </c>
      <c r="D117256" s="14" t="s">
        <v>18</v>
      </c>
      <c r="E117256" s="15">
        <v>45467</v>
      </c>
      <c r="F117256" s="14" t="s">
        <v>15</v>
      </c>
      <c r="G117256" s="16">
        <v>0.36828929257709653</v>
      </c>
    </row>
    <row r="117257" spans="1:7" x14ac:dyDescent="0.3">
      <c r="A117257" s="13" t="s">
        <v>555</v>
      </c>
      <c r="B117257" s="14" t="s">
        <v>1</v>
      </c>
      <c r="C117257" s="14" t="s">
        <v>546</v>
      </c>
      <c r="D117257" s="14" t="s">
        <v>18</v>
      </c>
      <c r="E117257" s="15">
        <v>45468</v>
      </c>
      <c r="F117257" s="14" t="s">
        <v>15</v>
      </c>
      <c r="G117257" s="16">
        <v>0.37463386732671067</v>
      </c>
    </row>
    <row r="117258" spans="1:7" x14ac:dyDescent="0.3">
      <c r="A117258" s="13" t="s">
        <v>555</v>
      </c>
      <c r="B117258" s="14" t="s">
        <v>1</v>
      </c>
      <c r="C117258" s="14" t="s">
        <v>546</v>
      </c>
      <c r="D117258" s="14" t="s">
        <v>18</v>
      </c>
      <c r="E117258" s="15">
        <v>45469</v>
      </c>
      <c r="F117258" s="14" t="s">
        <v>15</v>
      </c>
      <c r="G117258" s="16">
        <v>0.3777162322659684</v>
      </c>
    </row>
    <row r="117259" spans="1:7" x14ac:dyDescent="0.3">
      <c r="A117259" s="13" t="s">
        <v>555</v>
      </c>
      <c r="B117259" s="14" t="s">
        <v>1</v>
      </c>
      <c r="C117259" s="14" t="s">
        <v>546</v>
      </c>
      <c r="D117259" s="14" t="s">
        <v>18</v>
      </c>
      <c r="E117259" s="15">
        <v>45470</v>
      </c>
      <c r="F117259" s="14" t="s">
        <v>15</v>
      </c>
      <c r="G117259" s="16">
        <v>0.38100429655226481</v>
      </c>
    </row>
    <row r="117260" spans="1:7" x14ac:dyDescent="0.3">
      <c r="A117260" s="13" t="s">
        <v>555</v>
      </c>
      <c r="B117260" s="14" t="s">
        <v>1</v>
      </c>
      <c r="C117260" s="14" t="s">
        <v>546</v>
      </c>
      <c r="D117260" s="14" t="s">
        <v>18</v>
      </c>
      <c r="E117260" s="15">
        <v>45471</v>
      </c>
      <c r="F117260" s="14" t="s">
        <v>15</v>
      </c>
      <c r="G117260" s="16">
        <v>0.38199557420670943</v>
      </c>
    </row>
    <row r="117261" spans="1:7" x14ac:dyDescent="0.3">
      <c r="A117261" s="13" t="s">
        <v>555</v>
      </c>
      <c r="B117261" s="14" t="s">
        <v>1</v>
      </c>
      <c r="C117261" s="14" t="s">
        <v>546</v>
      </c>
      <c r="D117261" s="14" t="s">
        <v>18</v>
      </c>
      <c r="E117261" s="15">
        <v>45472</v>
      </c>
      <c r="F117261" s="14" t="s">
        <v>15</v>
      </c>
      <c r="G117261" s="16">
        <v>0.38199557420670943</v>
      </c>
    </row>
    <row r="117262" spans="1:7" x14ac:dyDescent="0.3">
      <c r="A117262" s="13" t="s">
        <v>555</v>
      </c>
      <c r="B117262" s="14" t="s">
        <v>1</v>
      </c>
      <c r="C117262" s="14" t="s">
        <v>546</v>
      </c>
      <c r="D117262" s="14" t="s">
        <v>18</v>
      </c>
      <c r="E117262" s="15">
        <v>45473</v>
      </c>
      <c r="F117262" s="14" t="s">
        <v>15</v>
      </c>
      <c r="G117262" s="16">
        <v>0.38199557420670943</v>
      </c>
    </row>
    <row r="117263" spans="1:7" x14ac:dyDescent="0.3">
      <c r="A117263" s="13" t="s">
        <v>555</v>
      </c>
      <c r="B117263" s="14" t="s">
        <v>1</v>
      </c>
      <c r="C117263" s="14" t="s">
        <v>546</v>
      </c>
      <c r="D117263" s="14" t="s">
        <v>18</v>
      </c>
      <c r="E117263" s="15">
        <v>45474</v>
      </c>
      <c r="F117263" s="14" t="s">
        <v>15</v>
      </c>
      <c r="G117263" s="16">
        <v>0.38199557420670943</v>
      </c>
    </row>
    <row r="117264" spans="1:7" x14ac:dyDescent="0.3">
      <c r="A117264" s="13" t="s">
        <v>555</v>
      </c>
      <c r="B117264" s="14" t="s">
        <v>1</v>
      </c>
      <c r="C117264" s="14" t="s">
        <v>546</v>
      </c>
      <c r="D117264" s="14" t="s">
        <v>18</v>
      </c>
      <c r="E117264" s="15">
        <v>45475</v>
      </c>
      <c r="F117264" s="14" t="s">
        <v>15</v>
      </c>
      <c r="G117264" s="16">
        <v>0.3817654409593319</v>
      </c>
    </row>
    <row r="117265" spans="1:7" x14ac:dyDescent="0.3">
      <c r="A117265" s="13" t="s">
        <v>555</v>
      </c>
      <c r="B117265" s="14" t="s">
        <v>1</v>
      </c>
      <c r="C117265" s="14" t="s">
        <v>546</v>
      </c>
      <c r="D117265" s="14" t="s">
        <v>18</v>
      </c>
      <c r="E117265" s="15">
        <v>45476</v>
      </c>
      <c r="F117265" s="14" t="s">
        <v>15</v>
      </c>
      <c r="G117265" s="16">
        <v>0.38028946290979332</v>
      </c>
    </row>
    <row r="117266" spans="1:7" x14ac:dyDescent="0.3">
      <c r="A117266" s="13" t="s">
        <v>555</v>
      </c>
      <c r="B117266" s="14" t="s">
        <v>1</v>
      </c>
      <c r="C117266" s="14" t="s">
        <v>546</v>
      </c>
      <c r="D117266" s="14" t="s">
        <v>18</v>
      </c>
      <c r="E117266" s="15">
        <v>45477</v>
      </c>
      <c r="F117266" s="14" t="s">
        <v>15</v>
      </c>
      <c r="G117266" s="16">
        <v>0.52934904015717721</v>
      </c>
    </row>
    <row r="117267" spans="1:7" x14ac:dyDescent="0.3">
      <c r="A117267" s="13" t="s">
        <v>555</v>
      </c>
      <c r="B117267" s="14" t="s">
        <v>1</v>
      </c>
      <c r="C117267" s="14" t="s">
        <v>546</v>
      </c>
      <c r="D117267" s="14" t="s">
        <v>18</v>
      </c>
      <c r="E117267" s="15">
        <v>45478</v>
      </c>
      <c r="F117267" s="14" t="s">
        <v>15</v>
      </c>
      <c r="G117267" s="16">
        <v>0.74805180732779397</v>
      </c>
    </row>
    <row r="117268" spans="1:7" x14ac:dyDescent="0.3">
      <c r="A117268" s="13" t="s">
        <v>555</v>
      </c>
      <c r="B117268" s="14" t="s">
        <v>1</v>
      </c>
      <c r="C117268" s="14" t="s">
        <v>546</v>
      </c>
      <c r="D117268" s="14" t="s">
        <v>18</v>
      </c>
      <c r="E117268" s="15">
        <v>45479</v>
      </c>
      <c r="F117268" s="14" t="s">
        <v>15</v>
      </c>
      <c r="G117268" s="16">
        <v>0.74805180732779397</v>
      </c>
    </row>
    <row r="117269" spans="1:7" x14ac:dyDescent="0.3">
      <c r="A117269" s="13" t="s">
        <v>555</v>
      </c>
      <c r="B117269" s="14" t="s">
        <v>1</v>
      </c>
      <c r="C117269" s="14" t="s">
        <v>546</v>
      </c>
      <c r="D117269" s="14" t="s">
        <v>18</v>
      </c>
      <c r="E117269" s="15">
        <v>45480</v>
      </c>
      <c r="F117269" s="14" t="s">
        <v>15</v>
      </c>
      <c r="G117269" s="16">
        <v>0.74805180732779397</v>
      </c>
    </row>
    <row r="117270" spans="1:7" x14ac:dyDescent="0.3">
      <c r="A117270" s="13" t="s">
        <v>555</v>
      </c>
      <c r="B117270" s="14" t="s">
        <v>1</v>
      </c>
      <c r="C117270" s="14" t="s">
        <v>546</v>
      </c>
      <c r="D117270" s="14" t="s">
        <v>18</v>
      </c>
      <c r="E117270" s="15">
        <v>45481</v>
      </c>
      <c r="F117270" s="14" t="s">
        <v>15</v>
      </c>
      <c r="G117270" s="16">
        <v>0.7751800889990822</v>
      </c>
    </row>
    <row r="117271" spans="1:7" x14ac:dyDescent="0.3">
      <c r="A117271" s="13" t="s">
        <v>555</v>
      </c>
      <c r="B117271" s="14" t="s">
        <v>1</v>
      </c>
      <c r="C117271" s="14" t="s">
        <v>546</v>
      </c>
      <c r="D117271" s="14" t="s">
        <v>18</v>
      </c>
      <c r="E117271" s="15">
        <v>45482</v>
      </c>
      <c r="F117271" s="14" t="s">
        <v>15</v>
      </c>
      <c r="G117271" s="16">
        <v>0.81887176212711432</v>
      </c>
    </row>
    <row r="117272" spans="1:7" x14ac:dyDescent="0.3">
      <c r="A117272" s="13" t="s">
        <v>555</v>
      </c>
      <c r="B117272" s="14" t="s">
        <v>1</v>
      </c>
      <c r="C117272" s="14" t="s">
        <v>546</v>
      </c>
      <c r="D117272" s="14" t="s">
        <v>18</v>
      </c>
      <c r="E117272" s="15">
        <v>45483</v>
      </c>
      <c r="F117272" s="14" t="s">
        <v>15</v>
      </c>
      <c r="G117272" s="16">
        <v>0.81757136153110199</v>
      </c>
    </row>
    <row r="117273" spans="1:7" x14ac:dyDescent="0.3">
      <c r="A117273" s="13" t="s">
        <v>555</v>
      </c>
      <c r="B117273" s="14" t="s">
        <v>1</v>
      </c>
      <c r="C117273" s="14" t="s">
        <v>546</v>
      </c>
      <c r="D117273" s="14" t="s">
        <v>18</v>
      </c>
      <c r="E117273" s="15">
        <v>45484</v>
      </c>
      <c r="F117273" s="14" t="s">
        <v>15</v>
      </c>
      <c r="G117273" s="16">
        <v>0.82734079393425586</v>
      </c>
    </row>
    <row r="117274" spans="1:7" x14ac:dyDescent="0.3">
      <c r="A117274" s="13" t="s">
        <v>555</v>
      </c>
      <c r="B117274" s="14" t="s">
        <v>1</v>
      </c>
      <c r="C117274" s="14" t="s">
        <v>546</v>
      </c>
      <c r="D117274" s="14" t="s">
        <v>18</v>
      </c>
      <c r="E117274" s="15">
        <v>45485</v>
      </c>
      <c r="F117274" s="14" t="s">
        <v>15</v>
      </c>
      <c r="G117274" s="16">
        <v>0.83227493803969277</v>
      </c>
    </row>
    <row r="117275" spans="1:7" x14ac:dyDescent="0.3">
      <c r="A117275" s="13" t="s">
        <v>555</v>
      </c>
      <c r="B117275" s="14" t="s">
        <v>1</v>
      </c>
      <c r="C117275" s="14" t="s">
        <v>546</v>
      </c>
      <c r="D117275" s="14" t="s">
        <v>18</v>
      </c>
      <c r="E117275" s="15">
        <v>45486</v>
      </c>
      <c r="F117275" s="14" t="s">
        <v>15</v>
      </c>
      <c r="G117275" s="16">
        <v>0.83227493803969277</v>
      </c>
    </row>
    <row r="117276" spans="1:7" x14ac:dyDescent="0.3">
      <c r="A117276" s="13" t="s">
        <v>555</v>
      </c>
      <c r="B117276" s="14" t="s">
        <v>1</v>
      </c>
      <c r="C117276" s="14" t="s">
        <v>546</v>
      </c>
      <c r="D117276" s="14" t="s">
        <v>18</v>
      </c>
      <c r="E117276" s="15">
        <v>45487</v>
      </c>
      <c r="F117276" s="14" t="s">
        <v>15</v>
      </c>
      <c r="G117276" s="16">
        <v>0.83227493803969277</v>
      </c>
    </row>
    <row r="117277" spans="1:7" x14ac:dyDescent="0.3">
      <c r="A117277" s="13" t="s">
        <v>555</v>
      </c>
      <c r="B117277" s="14" t="s">
        <v>1</v>
      </c>
      <c r="C117277" s="14" t="s">
        <v>546</v>
      </c>
      <c r="D117277" s="14" t="s">
        <v>18</v>
      </c>
      <c r="E117277" s="15">
        <v>45488</v>
      </c>
      <c r="F117277" s="14" t="s">
        <v>15</v>
      </c>
      <c r="G117277" s="16">
        <v>0.85191265865372023</v>
      </c>
    </row>
    <row r="117278" spans="1:7" x14ac:dyDescent="0.3">
      <c r="A117278" s="13" t="s">
        <v>555</v>
      </c>
      <c r="B117278" s="14" t="s">
        <v>1</v>
      </c>
      <c r="C117278" s="14" t="s">
        <v>546</v>
      </c>
      <c r="D117278" s="14" t="s">
        <v>18</v>
      </c>
      <c r="E117278" s="15">
        <v>45489</v>
      </c>
      <c r="F117278" s="14" t="s">
        <v>15</v>
      </c>
      <c r="G117278" s="16">
        <v>0.84787023428322628</v>
      </c>
    </row>
    <row r="117279" spans="1:7" x14ac:dyDescent="0.3">
      <c r="A117279" s="13" t="s">
        <v>555</v>
      </c>
      <c r="B117279" s="14" t="s">
        <v>1</v>
      </c>
      <c r="C117279" s="14" t="s">
        <v>546</v>
      </c>
      <c r="D117279" s="14" t="s">
        <v>18</v>
      </c>
      <c r="E117279" s="15">
        <v>45490</v>
      </c>
      <c r="F117279" s="14" t="s">
        <v>15</v>
      </c>
      <c r="G117279" s="16">
        <v>0.84653152037661128</v>
      </c>
    </row>
    <row r="117280" spans="1:7" x14ac:dyDescent="0.3">
      <c r="A117280" s="13" t="s">
        <v>555</v>
      </c>
      <c r="B117280" s="14" t="s">
        <v>1</v>
      </c>
      <c r="C117280" s="14" t="s">
        <v>546</v>
      </c>
      <c r="D117280" s="14" t="s">
        <v>18</v>
      </c>
      <c r="E117280" s="15">
        <v>45491</v>
      </c>
      <c r="F117280" s="14" t="s">
        <v>15</v>
      </c>
      <c r="G117280" s="16">
        <v>0.84894839902190911</v>
      </c>
    </row>
    <row r="117281" spans="1:7" x14ac:dyDescent="0.3">
      <c r="A117281" s="13" t="s">
        <v>555</v>
      </c>
      <c r="B117281" s="14" t="s">
        <v>1</v>
      </c>
      <c r="C117281" s="14" t="s">
        <v>546</v>
      </c>
      <c r="D117281" s="14" t="s">
        <v>18</v>
      </c>
      <c r="E117281" s="15">
        <v>45492</v>
      </c>
      <c r="F117281" s="14" t="s">
        <v>15</v>
      </c>
      <c r="G117281" s="16">
        <v>0.84762723051380795</v>
      </c>
    </row>
    <row r="117282" spans="1:7" x14ac:dyDescent="0.3">
      <c r="A117282" s="13" t="s">
        <v>555</v>
      </c>
      <c r="B117282" s="14" t="s">
        <v>1</v>
      </c>
      <c r="C117282" s="14" t="s">
        <v>546</v>
      </c>
      <c r="D117282" s="14" t="s">
        <v>18</v>
      </c>
      <c r="E117282" s="15">
        <v>45493</v>
      </c>
      <c r="F117282" s="14" t="s">
        <v>15</v>
      </c>
      <c r="G117282" s="16">
        <v>0.84762723051380795</v>
      </c>
    </row>
    <row r="117283" spans="1:7" x14ac:dyDescent="0.3">
      <c r="A117283" s="13" t="s">
        <v>555</v>
      </c>
      <c r="B117283" s="14" t="s">
        <v>1</v>
      </c>
      <c r="C117283" s="14" t="s">
        <v>546</v>
      </c>
      <c r="D117283" s="14" t="s">
        <v>18</v>
      </c>
      <c r="E117283" s="15">
        <v>45494</v>
      </c>
      <c r="F117283" s="14" t="s">
        <v>15</v>
      </c>
      <c r="G117283" s="16">
        <v>0.84762723051380795</v>
      </c>
    </row>
    <row r="117284" spans="1:7" x14ac:dyDescent="0.3">
      <c r="A117284" s="13" t="s">
        <v>555</v>
      </c>
      <c r="B117284" s="14" t="s">
        <v>1</v>
      </c>
      <c r="C117284" s="14" t="s">
        <v>546</v>
      </c>
      <c r="D117284" s="14" t="s">
        <v>18</v>
      </c>
      <c r="E117284" s="15">
        <v>45495</v>
      </c>
      <c r="F117284" s="14" t="s">
        <v>15</v>
      </c>
      <c r="G117284" s="16">
        <v>0.88224488710219895</v>
      </c>
    </row>
    <row r="117285" spans="1:7" x14ac:dyDescent="0.3">
      <c r="A117285" s="13" t="s">
        <v>555</v>
      </c>
      <c r="B117285" s="14" t="s">
        <v>1</v>
      </c>
      <c r="C117285" s="14" t="s">
        <v>546</v>
      </c>
      <c r="D117285" s="14" t="s">
        <v>18</v>
      </c>
      <c r="E117285" s="15">
        <v>45496</v>
      </c>
      <c r="F117285" s="14" t="s">
        <v>15</v>
      </c>
      <c r="G117285" s="16">
        <v>0.87833098740578264</v>
      </c>
    </row>
    <row r="117286" spans="1:7" x14ac:dyDescent="0.3">
      <c r="A117286" s="13" t="s">
        <v>555</v>
      </c>
      <c r="B117286" s="14" t="s">
        <v>1</v>
      </c>
      <c r="C117286" s="14" t="s">
        <v>546</v>
      </c>
      <c r="D117286" s="14" t="s">
        <v>18</v>
      </c>
      <c r="E117286" s="15">
        <v>45497</v>
      </c>
      <c r="F117286" s="14" t="s">
        <v>15</v>
      </c>
      <c r="G117286" s="16">
        <v>0.87701794314093418</v>
      </c>
    </row>
    <row r="117287" spans="1:7" x14ac:dyDescent="0.3">
      <c r="A117287" s="13" t="s">
        <v>555</v>
      </c>
      <c r="B117287" s="14" t="s">
        <v>1</v>
      </c>
      <c r="C117287" s="14" t="s">
        <v>546</v>
      </c>
      <c r="D117287" s="14" t="s">
        <v>18</v>
      </c>
      <c r="E117287" s="15">
        <v>45498</v>
      </c>
      <c r="F117287" s="14" t="s">
        <v>15</v>
      </c>
      <c r="G117287" s="16">
        <v>0.87572459300145489</v>
      </c>
    </row>
    <row r="117288" spans="1:7" x14ac:dyDescent="0.3">
      <c r="A117288" s="13" t="s">
        <v>555</v>
      </c>
      <c r="B117288" s="14" t="s">
        <v>1</v>
      </c>
      <c r="C117288" s="14" t="s">
        <v>546</v>
      </c>
      <c r="D117288" s="14" t="s">
        <v>18</v>
      </c>
      <c r="E117288" s="15">
        <v>45499</v>
      </c>
      <c r="F117288" s="14" t="s">
        <v>15</v>
      </c>
      <c r="G117288" s="16">
        <v>0.87444139764536899</v>
      </c>
    </row>
    <row r="117289" spans="1:7" x14ac:dyDescent="0.3">
      <c r="A117289" s="13" t="s">
        <v>555</v>
      </c>
      <c r="B117289" s="14" t="s">
        <v>1</v>
      </c>
      <c r="C117289" s="14" t="s">
        <v>546</v>
      </c>
      <c r="D117289" s="14" t="s">
        <v>18</v>
      </c>
      <c r="E117289" s="15">
        <v>45500</v>
      </c>
      <c r="F117289" s="14" t="s">
        <v>15</v>
      </c>
      <c r="G117289" s="16">
        <v>0.87444139764536899</v>
      </c>
    </row>
    <row r="117290" spans="1:7" x14ac:dyDescent="0.3">
      <c r="A117290" s="13" t="s">
        <v>555</v>
      </c>
      <c r="B117290" s="14" t="s">
        <v>1</v>
      </c>
      <c r="C117290" s="14" t="s">
        <v>546</v>
      </c>
      <c r="D117290" s="14" t="s">
        <v>18</v>
      </c>
      <c r="E117290" s="15">
        <v>45501</v>
      </c>
      <c r="F117290" s="14" t="s">
        <v>15</v>
      </c>
      <c r="G117290" s="16">
        <v>0.87444139764536899</v>
      </c>
    </row>
    <row r="117291" spans="1:7" x14ac:dyDescent="0.3">
      <c r="A117291" s="13" t="s">
        <v>555</v>
      </c>
      <c r="B117291" s="14" t="s">
        <v>1</v>
      </c>
      <c r="C117291" s="14" t="s">
        <v>546</v>
      </c>
      <c r="D117291" s="14" t="s">
        <v>18</v>
      </c>
      <c r="E117291" s="15">
        <v>45502</v>
      </c>
      <c r="F117291" s="14" t="s">
        <v>15</v>
      </c>
      <c r="G117291" s="16">
        <v>0.87317789641465238</v>
      </c>
    </row>
    <row r="117292" spans="1:7" x14ac:dyDescent="0.3">
      <c r="A117292" s="13" t="s">
        <v>555</v>
      </c>
      <c r="B117292" s="14" t="s">
        <v>1</v>
      </c>
      <c r="C117292" s="14" t="s">
        <v>546</v>
      </c>
      <c r="D117292" s="14" t="s">
        <v>18</v>
      </c>
      <c r="E117292" s="15">
        <v>45503</v>
      </c>
      <c r="F117292" s="14" t="s">
        <v>15</v>
      </c>
      <c r="G117292" s="16">
        <v>0.86938923904675569</v>
      </c>
    </row>
    <row r="117293" spans="1:7" x14ac:dyDescent="0.3">
      <c r="A117293" s="13" t="s">
        <v>555</v>
      </c>
      <c r="B117293" s="14" t="s">
        <v>1</v>
      </c>
      <c r="C117293" s="14" t="s">
        <v>546</v>
      </c>
      <c r="D117293" s="14" t="s">
        <v>18</v>
      </c>
      <c r="E117293" s="15">
        <v>45504</v>
      </c>
      <c r="F117293" s="14" t="s">
        <v>15</v>
      </c>
      <c r="G117293" s="16">
        <v>0.86836867546488927</v>
      </c>
    </row>
    <row r="117294" spans="1:7" x14ac:dyDescent="0.3">
      <c r="A117294" s="13" t="s">
        <v>555</v>
      </c>
      <c r="B117294" s="14" t="s">
        <v>1</v>
      </c>
      <c r="C117294" s="14" t="s">
        <v>546</v>
      </c>
      <c r="D117294" s="14" t="s">
        <v>18</v>
      </c>
      <c r="E117294" s="15">
        <v>45505</v>
      </c>
      <c r="F117294" s="14" t="s">
        <v>15</v>
      </c>
      <c r="G117294" s="16">
        <v>0.86711423272884525</v>
      </c>
    </row>
    <row r="117295" spans="1:7" x14ac:dyDescent="0.3">
      <c r="A117295" s="13" t="s">
        <v>555</v>
      </c>
      <c r="B117295" s="14" t="s">
        <v>1</v>
      </c>
      <c r="C117295" s="14" t="s">
        <v>546</v>
      </c>
      <c r="D117295" s="14" t="s">
        <v>18</v>
      </c>
      <c r="E117295" s="15">
        <v>45506</v>
      </c>
      <c r="F117295" s="14" t="s">
        <v>15</v>
      </c>
      <c r="G117295" s="16">
        <v>0.87546248090924317</v>
      </c>
    </row>
    <row r="117296" spans="1:7" x14ac:dyDescent="0.3">
      <c r="A117296" s="13" t="s">
        <v>555</v>
      </c>
      <c r="B117296" s="14" t="s">
        <v>1</v>
      </c>
      <c r="C117296" s="14" t="s">
        <v>546</v>
      </c>
      <c r="D117296" s="14" t="s">
        <v>18</v>
      </c>
      <c r="E117296" s="15">
        <v>45507</v>
      </c>
      <c r="F117296" s="14" t="s">
        <v>15</v>
      </c>
      <c r="G117296" s="16">
        <v>0.87546248090924317</v>
      </c>
    </row>
    <row r="117297" spans="1:7" x14ac:dyDescent="0.3">
      <c r="A117297" s="13" t="s">
        <v>555</v>
      </c>
      <c r="B117297" s="14" t="s">
        <v>1</v>
      </c>
      <c r="C117297" s="14" t="s">
        <v>546</v>
      </c>
      <c r="D117297" s="14" t="s">
        <v>18</v>
      </c>
      <c r="E117297" s="15">
        <v>45508</v>
      </c>
      <c r="F117297" s="14" t="s">
        <v>15</v>
      </c>
      <c r="G117297" s="16">
        <v>0.87546248090924317</v>
      </c>
    </row>
    <row r="117298" spans="1:7" x14ac:dyDescent="0.3">
      <c r="A117298" s="13" t="s">
        <v>555</v>
      </c>
      <c r="B117298" s="14" t="s">
        <v>1</v>
      </c>
      <c r="C117298" s="14" t="s">
        <v>546</v>
      </c>
      <c r="D117298" s="14" t="s">
        <v>18</v>
      </c>
      <c r="E117298" s="15">
        <v>45509</v>
      </c>
      <c r="F117298" s="14" t="s">
        <v>15</v>
      </c>
      <c r="G117298" s="16">
        <v>0.87546248090924317</v>
      </c>
    </row>
    <row r="117299" spans="1:7" x14ac:dyDescent="0.3">
      <c r="A117299" s="13" t="s">
        <v>555</v>
      </c>
      <c r="B117299" s="14" t="s">
        <v>1</v>
      </c>
      <c r="C117299" s="14" t="s">
        <v>546</v>
      </c>
      <c r="D117299" s="14" t="s">
        <v>18</v>
      </c>
      <c r="E117299" s="15">
        <v>45510</v>
      </c>
      <c r="F117299" s="14" t="s">
        <v>15</v>
      </c>
      <c r="G117299" s="16">
        <v>0.87418836312902115</v>
      </c>
    </row>
    <row r="117300" spans="1:7" x14ac:dyDescent="0.3">
      <c r="A117300" s="13" t="s">
        <v>555</v>
      </c>
      <c r="B117300" s="14" t="s">
        <v>1</v>
      </c>
      <c r="C117300" s="14" t="s">
        <v>546</v>
      </c>
      <c r="D117300" s="14" t="s">
        <v>18</v>
      </c>
      <c r="E117300" s="15">
        <v>45511</v>
      </c>
      <c r="F117300" s="14" t="s">
        <v>15</v>
      </c>
      <c r="G117300" s="16">
        <v>0.86917122686368919</v>
      </c>
    </row>
    <row r="117301" spans="1:7" x14ac:dyDescent="0.3">
      <c r="A117301" s="13" t="s">
        <v>555</v>
      </c>
      <c r="B117301" s="14" t="s">
        <v>1</v>
      </c>
      <c r="C117301" s="14" t="s">
        <v>546</v>
      </c>
      <c r="D117301" s="14" t="s">
        <v>18</v>
      </c>
      <c r="E117301" s="15">
        <v>45512</v>
      </c>
      <c r="F117301" s="14" t="s">
        <v>15</v>
      </c>
      <c r="G117301" s="16">
        <v>0.86792789100742274</v>
      </c>
    </row>
    <row r="117302" spans="1:7" x14ac:dyDescent="0.3">
      <c r="A117302" s="13" t="s">
        <v>555</v>
      </c>
      <c r="B117302" s="14" t="s">
        <v>1</v>
      </c>
      <c r="C117302" s="14" t="s">
        <v>546</v>
      </c>
      <c r="D117302" s="14" t="s">
        <v>18</v>
      </c>
      <c r="E117302" s="15">
        <v>45513</v>
      </c>
      <c r="F117302" s="14" t="s">
        <v>15</v>
      </c>
      <c r="G117302" s="16">
        <v>0.86667217891368975</v>
      </c>
    </row>
    <row r="117303" spans="1:7" x14ac:dyDescent="0.3">
      <c r="A117303" s="13" t="s">
        <v>555</v>
      </c>
      <c r="B117303" s="14" t="s">
        <v>1</v>
      </c>
      <c r="C117303" s="14" t="s">
        <v>546</v>
      </c>
      <c r="D117303" s="14" t="s">
        <v>18</v>
      </c>
      <c r="E117303" s="15">
        <v>45514</v>
      </c>
      <c r="F117303" s="14" t="s">
        <v>15</v>
      </c>
      <c r="G117303" s="16">
        <v>0.86667217891368975</v>
      </c>
    </row>
    <row r="117304" spans="1:7" x14ac:dyDescent="0.3">
      <c r="A117304" s="13" t="s">
        <v>555</v>
      </c>
      <c r="B117304" s="14" t="s">
        <v>1</v>
      </c>
      <c r="C117304" s="14" t="s">
        <v>546</v>
      </c>
      <c r="D117304" s="14" t="s">
        <v>18</v>
      </c>
      <c r="E117304" s="15">
        <v>45515</v>
      </c>
      <c r="F117304" s="14" t="s">
        <v>15</v>
      </c>
      <c r="G117304" s="16">
        <v>0.86667217891368975</v>
      </c>
    </row>
    <row r="117305" spans="1:7" x14ac:dyDescent="0.3">
      <c r="A117305" s="13" t="s">
        <v>555</v>
      </c>
      <c r="B117305" s="14" t="s">
        <v>1</v>
      </c>
      <c r="C117305" s="14" t="s">
        <v>546</v>
      </c>
      <c r="D117305" s="14" t="s">
        <v>18</v>
      </c>
      <c r="E117305" s="15">
        <v>45516</v>
      </c>
      <c r="F117305" s="14" t="s">
        <v>15</v>
      </c>
      <c r="G117305" s="16">
        <v>0.86541361076515677</v>
      </c>
    </row>
    <row r="117306" spans="1:7" x14ac:dyDescent="0.3">
      <c r="A117306" s="13" t="s">
        <v>555</v>
      </c>
      <c r="B117306" s="14" t="s">
        <v>1</v>
      </c>
      <c r="C117306" s="14" t="s">
        <v>546</v>
      </c>
      <c r="D117306" s="14" t="s">
        <v>18</v>
      </c>
      <c r="E117306" s="15">
        <v>45517</v>
      </c>
      <c r="F117306" s="14" t="s">
        <v>15</v>
      </c>
      <c r="G117306" s="16">
        <v>0.86160712439560205</v>
      </c>
    </row>
    <row r="117307" spans="1:7" x14ac:dyDescent="0.3">
      <c r="A117307" s="13" t="s">
        <v>555</v>
      </c>
      <c r="B117307" s="14" t="s">
        <v>1</v>
      </c>
      <c r="C117307" s="14" t="s">
        <v>546</v>
      </c>
      <c r="D117307" s="14" t="s">
        <v>18</v>
      </c>
      <c r="E117307" s="15">
        <v>45518</v>
      </c>
      <c r="F117307" s="14" t="s">
        <v>15</v>
      </c>
      <c r="G117307" s="16">
        <v>0.86087543264683575</v>
      </c>
    </row>
    <row r="117308" spans="1:7" x14ac:dyDescent="0.3">
      <c r="A117308" s="13" t="s">
        <v>555</v>
      </c>
      <c r="B117308" s="14" t="s">
        <v>1</v>
      </c>
      <c r="C117308" s="14" t="s">
        <v>546</v>
      </c>
      <c r="D117308" s="14" t="s">
        <v>18</v>
      </c>
      <c r="E117308" s="15">
        <v>45519</v>
      </c>
      <c r="F117308" s="14" t="s">
        <v>15</v>
      </c>
      <c r="G117308" s="16">
        <v>0.85959640740160781</v>
      </c>
    </row>
    <row r="117309" spans="1:7" x14ac:dyDescent="0.3">
      <c r="A117309" s="13" t="s">
        <v>555</v>
      </c>
      <c r="B117309" s="14" t="s">
        <v>1</v>
      </c>
      <c r="C117309" s="14" t="s">
        <v>546</v>
      </c>
      <c r="D117309" s="14" t="s">
        <v>18</v>
      </c>
      <c r="E117309" s="15">
        <v>45520</v>
      </c>
      <c r="F117309" s="14" t="s">
        <v>15</v>
      </c>
      <c r="G117309" s="16">
        <v>0.87500945900389071</v>
      </c>
    </row>
    <row r="117310" spans="1:7" x14ac:dyDescent="0.3">
      <c r="A117310" s="13" t="s">
        <v>555</v>
      </c>
      <c r="B117310" s="14" t="s">
        <v>1</v>
      </c>
      <c r="C117310" s="14" t="s">
        <v>546</v>
      </c>
      <c r="D117310" s="14" t="s">
        <v>18</v>
      </c>
      <c r="E117310" s="15">
        <v>45521</v>
      </c>
      <c r="F117310" s="14" t="s">
        <v>15</v>
      </c>
      <c r="G117310" s="16">
        <v>0.87500945900389071</v>
      </c>
    </row>
    <row r="117311" spans="1:7" x14ac:dyDescent="0.3">
      <c r="A117311" s="13" t="s">
        <v>555</v>
      </c>
      <c r="B117311" s="14" t="s">
        <v>1</v>
      </c>
      <c r="C117311" s="14" t="s">
        <v>546</v>
      </c>
      <c r="D117311" s="14" t="s">
        <v>18</v>
      </c>
      <c r="E117311" s="15">
        <v>45522</v>
      </c>
      <c r="F117311" s="14" t="s">
        <v>15</v>
      </c>
      <c r="G117311" s="16">
        <v>0.87500945900389071</v>
      </c>
    </row>
    <row r="117312" spans="1:7" x14ac:dyDescent="0.3">
      <c r="A117312" s="13" t="s">
        <v>555</v>
      </c>
      <c r="B117312" s="14" t="s">
        <v>1</v>
      </c>
      <c r="C117312" s="14" t="s">
        <v>546</v>
      </c>
      <c r="D117312" s="14" t="s">
        <v>18</v>
      </c>
      <c r="E117312" s="15">
        <v>45523</v>
      </c>
      <c r="F117312" s="14" t="s">
        <v>15</v>
      </c>
      <c r="G117312" s="16">
        <v>0.88540528688860842</v>
      </c>
    </row>
    <row r="117313" spans="1:7" x14ac:dyDescent="0.3">
      <c r="A117313" s="13" t="s">
        <v>555</v>
      </c>
      <c r="B117313" s="14" t="s">
        <v>1</v>
      </c>
      <c r="C117313" s="14" t="s">
        <v>546</v>
      </c>
      <c r="D117313" s="14" t="s">
        <v>18</v>
      </c>
      <c r="E117313" s="15">
        <v>45524</v>
      </c>
      <c r="F117313" s="14" t="s">
        <v>15</v>
      </c>
      <c r="G117313" s="16">
        <v>0.8815666163583542</v>
      </c>
    </row>
    <row r="117314" spans="1:7" x14ac:dyDescent="0.3">
      <c r="A117314" s="13" t="s">
        <v>555</v>
      </c>
      <c r="B117314" s="14" t="s">
        <v>1</v>
      </c>
      <c r="C117314" s="14" t="s">
        <v>546</v>
      </c>
      <c r="D117314" s="14" t="s">
        <v>18</v>
      </c>
      <c r="E117314" s="15">
        <v>45525</v>
      </c>
      <c r="F117314" s="14" t="s">
        <v>15</v>
      </c>
      <c r="G117314" s="16">
        <v>0.88026558294805857</v>
      </c>
    </row>
    <row r="117315" spans="1:7" x14ac:dyDescent="0.3">
      <c r="A117315" s="13" t="s">
        <v>555</v>
      </c>
      <c r="B117315" s="14" t="s">
        <v>1</v>
      </c>
      <c r="C117315" s="14" t="s">
        <v>546</v>
      </c>
      <c r="D117315" s="14" t="s">
        <v>18</v>
      </c>
      <c r="E117315" s="15">
        <v>45526</v>
      </c>
      <c r="F117315" s="14" t="s">
        <v>15</v>
      </c>
      <c r="G117315" s="16">
        <v>0.8789817733191202</v>
      </c>
    </row>
    <row r="117316" spans="1:7" x14ac:dyDescent="0.3">
      <c r="A117316" s="13" t="s">
        <v>555</v>
      </c>
      <c r="B117316" s="14" t="s">
        <v>1</v>
      </c>
      <c r="C117316" s="14" t="s">
        <v>546</v>
      </c>
      <c r="D117316" s="14" t="s">
        <v>18</v>
      </c>
      <c r="E117316" s="15">
        <v>45527</v>
      </c>
      <c r="F117316" s="14" t="s">
        <v>15</v>
      </c>
      <c r="G117316" s="16">
        <v>0.87770338599172015</v>
      </c>
    </row>
    <row r="117317" spans="1:7" x14ac:dyDescent="0.3">
      <c r="A117317" s="13" t="s">
        <v>555</v>
      </c>
      <c r="B117317" s="14" t="s">
        <v>1</v>
      </c>
      <c r="C117317" s="14" t="s">
        <v>546</v>
      </c>
      <c r="D117317" s="14" t="s">
        <v>18</v>
      </c>
      <c r="E117317" s="15">
        <v>45528</v>
      </c>
      <c r="F117317" s="14" t="s">
        <v>15</v>
      </c>
      <c r="G117317" s="16">
        <v>0.87770338599172015</v>
      </c>
    </row>
    <row r="117318" spans="1:7" x14ac:dyDescent="0.3">
      <c r="A117318" s="13" t="s">
        <v>555</v>
      </c>
      <c r="B117318" s="14" t="s">
        <v>1</v>
      </c>
      <c r="C117318" s="14" t="s">
        <v>546</v>
      </c>
      <c r="D117318" s="14" t="s">
        <v>18</v>
      </c>
      <c r="E117318" s="15">
        <v>45529</v>
      </c>
      <c r="F117318" s="14" t="s">
        <v>15</v>
      </c>
      <c r="G117318" s="16">
        <v>0.87770338599172015</v>
      </c>
    </row>
    <row r="117319" spans="1:7" x14ac:dyDescent="0.3">
      <c r="A117319" s="13" t="s">
        <v>555</v>
      </c>
      <c r="B117319" s="14" t="s">
        <v>1</v>
      </c>
      <c r="C117319" s="14" t="s">
        <v>546</v>
      </c>
      <c r="D117319" s="14" t="s">
        <v>18</v>
      </c>
      <c r="E117319" s="15">
        <v>45530</v>
      </c>
      <c r="F117319" s="14" t="s">
        <v>15</v>
      </c>
      <c r="G117319" s="16">
        <v>0.8764138351023294</v>
      </c>
    </row>
    <row r="117320" spans="1:7" x14ac:dyDescent="0.3">
      <c r="A117320" s="13" t="s">
        <v>555</v>
      </c>
      <c r="B117320" s="14" t="s">
        <v>1</v>
      </c>
      <c r="C117320" s="14" t="s">
        <v>546</v>
      </c>
      <c r="D117320" s="14" t="s">
        <v>18</v>
      </c>
      <c r="E117320" s="15">
        <v>45531</v>
      </c>
      <c r="F117320" s="14" t="s">
        <v>15</v>
      </c>
      <c r="G117320" s="16">
        <v>0.87255570807831984</v>
      </c>
    </row>
    <row r="117321" spans="1:7" x14ac:dyDescent="0.3">
      <c r="A117321" s="13" t="s">
        <v>555</v>
      </c>
      <c r="B117321" s="14" t="s">
        <v>1</v>
      </c>
      <c r="C117321" s="14" t="s">
        <v>546</v>
      </c>
      <c r="D117321" s="14" t="s">
        <v>18</v>
      </c>
      <c r="E117321" s="15">
        <v>45532</v>
      </c>
      <c r="F117321" s="14" t="s">
        <v>15</v>
      </c>
      <c r="G117321" s="16">
        <v>0.87199593518421137</v>
      </c>
    </row>
    <row r="117322" spans="1:7" x14ac:dyDescent="0.3">
      <c r="A117322" s="13" t="s">
        <v>555</v>
      </c>
      <c r="B117322" s="14" t="s">
        <v>1</v>
      </c>
      <c r="C117322" s="14" t="s">
        <v>546</v>
      </c>
      <c r="D117322" s="14" t="s">
        <v>18</v>
      </c>
      <c r="E117322" s="15">
        <v>45533</v>
      </c>
      <c r="F117322" s="14" t="s">
        <v>15</v>
      </c>
      <c r="G117322" s="16">
        <v>0.87072711662423208</v>
      </c>
    </row>
    <row r="117323" spans="1:7" x14ac:dyDescent="0.3">
      <c r="A117323" s="13" t="s">
        <v>555</v>
      </c>
      <c r="B117323" s="14" t="s">
        <v>1</v>
      </c>
      <c r="C117323" s="14" t="s">
        <v>546</v>
      </c>
      <c r="D117323" s="14" t="s">
        <v>18</v>
      </c>
      <c r="E117323" s="15">
        <v>45534</v>
      </c>
      <c r="F117323" s="14" t="s">
        <v>15</v>
      </c>
      <c r="G117323" s="16">
        <v>0.8694665909960172</v>
      </c>
    </row>
    <row r="117324" spans="1:7" x14ac:dyDescent="0.3">
      <c r="A117324" s="13" t="s">
        <v>555</v>
      </c>
      <c r="B117324" s="14" t="s">
        <v>1</v>
      </c>
      <c r="C117324" s="14" t="s">
        <v>546</v>
      </c>
      <c r="D117324" s="14" t="s">
        <v>18</v>
      </c>
      <c r="E117324" s="15">
        <v>45535</v>
      </c>
      <c r="F117324" s="14" t="s">
        <v>15</v>
      </c>
      <c r="G117324" s="16">
        <v>0.8694665909960172</v>
      </c>
    </row>
    <row r="117325" spans="1:7" x14ac:dyDescent="0.3">
      <c r="A117325" s="13" t="s">
        <v>555</v>
      </c>
      <c r="B117325" s="14" t="s">
        <v>1</v>
      </c>
      <c r="C117325" s="14" t="s">
        <v>546</v>
      </c>
      <c r="D117325" s="14" t="s">
        <v>18</v>
      </c>
      <c r="E117325" s="15">
        <v>45536</v>
      </c>
      <c r="F117325" s="14" t="s">
        <v>15</v>
      </c>
      <c r="G117325" s="16">
        <v>0.8694665909960172</v>
      </c>
    </row>
    <row r="117326" spans="1:7" x14ac:dyDescent="0.3">
      <c r="A117326" s="13" t="s">
        <v>555</v>
      </c>
      <c r="B117326" s="14" t="s">
        <v>1</v>
      </c>
      <c r="C117326" s="14" t="s">
        <v>546</v>
      </c>
      <c r="D117326" s="14" t="s">
        <v>18</v>
      </c>
      <c r="E117326" s="15">
        <v>45537</v>
      </c>
      <c r="F117326" s="14" t="s">
        <v>15</v>
      </c>
      <c r="G117326" s="16">
        <v>0.86820032410735004</v>
      </c>
    </row>
    <row r="117327" spans="1:7" x14ac:dyDescent="0.3">
      <c r="A117327" s="13" t="s">
        <v>555</v>
      </c>
      <c r="B117327" s="14" t="s">
        <v>1</v>
      </c>
      <c r="C117327" s="14" t="s">
        <v>546</v>
      </c>
      <c r="D117327" s="14" t="s">
        <v>18</v>
      </c>
      <c r="E117327" s="15">
        <v>45538</v>
      </c>
      <c r="F117327" s="14" t="s">
        <v>15</v>
      </c>
      <c r="G117327" s="16">
        <v>0.86720006895297719</v>
      </c>
    </row>
    <row r="117328" spans="1:7" x14ac:dyDescent="0.3">
      <c r="A117328" s="13" t="s">
        <v>555</v>
      </c>
      <c r="B117328" s="14" t="s">
        <v>1</v>
      </c>
      <c r="C117328" s="14" t="s">
        <v>546</v>
      </c>
      <c r="D117328" s="14" t="s">
        <v>18</v>
      </c>
      <c r="E117328" s="15">
        <v>45539</v>
      </c>
      <c r="F117328" s="14" t="s">
        <v>15</v>
      </c>
      <c r="G117328" s="16">
        <v>0.86593699165345028</v>
      </c>
    </row>
    <row r="117329" spans="1:7" x14ac:dyDescent="0.3">
      <c r="A117329" s="13" t="s">
        <v>555</v>
      </c>
      <c r="B117329" s="14" t="s">
        <v>1</v>
      </c>
      <c r="C117329" s="14" t="s">
        <v>546</v>
      </c>
      <c r="D117329" s="14" t="s">
        <v>18</v>
      </c>
      <c r="E117329" s="15">
        <v>45540</v>
      </c>
      <c r="F117329" s="14" t="s">
        <v>15</v>
      </c>
      <c r="G117329" s="16">
        <v>0.88785903781417941</v>
      </c>
    </row>
    <row r="117330" spans="1:7" x14ac:dyDescent="0.3">
      <c r="A117330" s="13" t="s">
        <v>555</v>
      </c>
      <c r="B117330" s="14" t="s">
        <v>1</v>
      </c>
      <c r="C117330" s="14" t="s">
        <v>546</v>
      </c>
      <c r="D117330" s="14" t="s">
        <v>18</v>
      </c>
      <c r="E117330" s="15">
        <v>45541</v>
      </c>
      <c r="F117330" s="14" t="s">
        <v>15</v>
      </c>
      <c r="G117330" s="16">
        <v>0.89687823902597841</v>
      </c>
    </row>
    <row r="117331" spans="1:7" x14ac:dyDescent="0.3">
      <c r="A117331" s="13" t="s">
        <v>555</v>
      </c>
      <c r="B117331" s="14" t="s">
        <v>1</v>
      </c>
      <c r="C117331" s="14" t="s">
        <v>546</v>
      </c>
      <c r="D117331" s="14" t="s">
        <v>18</v>
      </c>
      <c r="E117331" s="15">
        <v>45542</v>
      </c>
      <c r="F117331" s="14" t="s">
        <v>15</v>
      </c>
      <c r="G117331" s="16">
        <v>0.89687823902597841</v>
      </c>
    </row>
    <row r="117332" spans="1:7" x14ac:dyDescent="0.3">
      <c r="A117332" s="13" t="s">
        <v>555</v>
      </c>
      <c r="B117332" s="14" t="s">
        <v>1</v>
      </c>
      <c r="C117332" s="14" t="s">
        <v>546</v>
      </c>
      <c r="D117332" s="14" t="s">
        <v>18</v>
      </c>
      <c r="E117332" s="15">
        <v>45543</v>
      </c>
      <c r="F117332" s="14" t="s">
        <v>15</v>
      </c>
      <c r="G117332" s="16">
        <v>0.89687823902597841</v>
      </c>
    </row>
    <row r="117333" spans="1:7" x14ac:dyDescent="0.3">
      <c r="A117333" s="13" t="s">
        <v>555</v>
      </c>
      <c r="B117333" s="14" t="s">
        <v>1</v>
      </c>
      <c r="C117333" s="14" t="s">
        <v>546</v>
      </c>
      <c r="D117333" s="14" t="s">
        <v>18</v>
      </c>
      <c r="E117333" s="15">
        <v>45544</v>
      </c>
      <c r="F117333" s="14" t="s">
        <v>15</v>
      </c>
      <c r="G117333" s="16">
        <v>0.89562696320627011</v>
      </c>
    </row>
    <row r="117334" spans="1:7" x14ac:dyDescent="0.3">
      <c r="A117334" s="13" t="s">
        <v>555</v>
      </c>
      <c r="B117334" s="14" t="s">
        <v>1</v>
      </c>
      <c r="C117334" s="14" t="s">
        <v>546</v>
      </c>
      <c r="D117334" s="14" t="s">
        <v>18</v>
      </c>
      <c r="E117334" s="15">
        <v>45545</v>
      </c>
      <c r="F117334" s="14" t="s">
        <v>15</v>
      </c>
      <c r="G117334" s="16">
        <v>0.90455813175779909</v>
      </c>
    </row>
    <row r="117335" spans="1:7" x14ac:dyDescent="0.3">
      <c r="A117335" s="13" t="s">
        <v>555</v>
      </c>
      <c r="B117335" s="14" t="s">
        <v>1</v>
      </c>
      <c r="C117335" s="14" t="s">
        <v>546</v>
      </c>
      <c r="D117335" s="14" t="s">
        <v>18</v>
      </c>
      <c r="E117335" s="15">
        <v>45546</v>
      </c>
      <c r="F117335" s="14" t="s">
        <v>15</v>
      </c>
      <c r="G117335" s="16">
        <v>0.90332631243184613</v>
      </c>
    </row>
    <row r="117336" spans="1:7" x14ac:dyDescent="0.3">
      <c r="A117336" s="13" t="s">
        <v>555</v>
      </c>
      <c r="B117336" s="14" t="s">
        <v>1</v>
      </c>
      <c r="C117336" s="14" t="s">
        <v>546</v>
      </c>
      <c r="D117336" s="14" t="s">
        <v>18</v>
      </c>
      <c r="E117336" s="15">
        <v>45547</v>
      </c>
      <c r="F117336" s="14" t="s">
        <v>15</v>
      </c>
      <c r="G117336" s="16">
        <v>0.93617046868542941</v>
      </c>
    </row>
    <row r="117337" spans="1:7" x14ac:dyDescent="0.3">
      <c r="A117337" s="13" t="s">
        <v>555</v>
      </c>
      <c r="B117337" s="14" t="s">
        <v>1</v>
      </c>
      <c r="C117337" s="14" t="s">
        <v>546</v>
      </c>
      <c r="D117337" s="14" t="s">
        <v>18</v>
      </c>
      <c r="E117337" s="15">
        <v>45548</v>
      </c>
      <c r="F117337" s="14" t="s">
        <v>15</v>
      </c>
      <c r="G117337" s="16">
        <v>0.93493099434554006</v>
      </c>
    </row>
    <row r="117338" spans="1:7" x14ac:dyDescent="0.3">
      <c r="A117338" s="13" t="s">
        <v>555</v>
      </c>
      <c r="B117338" s="14" t="s">
        <v>1</v>
      </c>
      <c r="C117338" s="14" t="s">
        <v>546</v>
      </c>
      <c r="D117338" s="14" t="s">
        <v>18</v>
      </c>
      <c r="E117338" s="15">
        <v>45549</v>
      </c>
      <c r="F117338" s="14" t="s">
        <v>15</v>
      </c>
      <c r="G117338" s="16">
        <v>0.93493099434554006</v>
      </c>
    </row>
    <row r="117339" spans="1:7" x14ac:dyDescent="0.3">
      <c r="A117339" s="13" t="s">
        <v>555</v>
      </c>
      <c r="B117339" s="14" t="s">
        <v>1</v>
      </c>
      <c r="C117339" s="14" t="s">
        <v>546</v>
      </c>
      <c r="D117339" s="14" t="s">
        <v>18</v>
      </c>
      <c r="E117339" s="15">
        <v>45550</v>
      </c>
      <c r="F117339" s="14" t="s">
        <v>15</v>
      </c>
      <c r="G117339" s="16">
        <v>0.93493099434554006</v>
      </c>
    </row>
    <row r="117340" spans="1:7" x14ac:dyDescent="0.3">
      <c r="A117340" s="13" t="s">
        <v>555</v>
      </c>
      <c r="B117340" s="14" t="s">
        <v>1</v>
      </c>
      <c r="C117340" s="14" t="s">
        <v>546</v>
      </c>
      <c r="D117340" s="14" t="s">
        <v>18</v>
      </c>
      <c r="E117340" s="15">
        <v>45551</v>
      </c>
      <c r="F117340" s="14" t="s">
        <v>15</v>
      </c>
      <c r="G117340" s="16">
        <v>0.93493099434554006</v>
      </c>
    </row>
    <row r="117341" spans="1:7" x14ac:dyDescent="0.3">
      <c r="A117341" s="13" t="s">
        <v>555</v>
      </c>
      <c r="B117341" s="14" t="s">
        <v>1</v>
      </c>
      <c r="C117341" s="14" t="s">
        <v>546</v>
      </c>
      <c r="D117341" s="14" t="s">
        <v>18</v>
      </c>
      <c r="E117341" s="15">
        <v>45552</v>
      </c>
      <c r="F117341" s="14" t="s">
        <v>15</v>
      </c>
      <c r="G117341" s="16">
        <v>0.93493099434554006</v>
      </c>
    </row>
    <row r="117342" spans="1:7" x14ac:dyDescent="0.3">
      <c r="A117342" s="13" t="s">
        <v>555</v>
      </c>
      <c r="B117342" s="14" t="s">
        <v>1</v>
      </c>
      <c r="C117342" s="14" t="s">
        <v>546</v>
      </c>
      <c r="D117342" s="14" t="s">
        <v>18</v>
      </c>
      <c r="E117342" s="15">
        <v>45553</v>
      </c>
      <c r="F117342" s="14" t="s">
        <v>15</v>
      </c>
      <c r="G117342" s="16">
        <v>0.93493099434554006</v>
      </c>
    </row>
    <row r="117343" spans="1:7" x14ac:dyDescent="0.3">
      <c r="A117343" s="13" t="s">
        <v>555</v>
      </c>
      <c r="B117343" s="14" t="s">
        <v>1</v>
      </c>
      <c r="C117343" s="14" t="s">
        <v>546</v>
      </c>
      <c r="D117343" s="14" t="s">
        <v>18</v>
      </c>
      <c r="E117343" s="15">
        <v>45554</v>
      </c>
      <c r="F117343" s="14" t="s">
        <v>15</v>
      </c>
      <c r="G117343" s="16">
        <v>0.93369183896456476</v>
      </c>
    </row>
    <row r="117344" spans="1:7" x14ac:dyDescent="0.3">
      <c r="A117344" s="13" t="s">
        <v>555</v>
      </c>
      <c r="B117344" s="14" t="s">
        <v>1</v>
      </c>
      <c r="C117344" s="14" t="s">
        <v>546</v>
      </c>
      <c r="D117344" s="14" t="s">
        <v>18</v>
      </c>
      <c r="E117344" s="15">
        <v>45555</v>
      </c>
      <c r="F117344" s="14" t="s">
        <v>15</v>
      </c>
      <c r="G117344" s="16">
        <v>0.92616121900450643</v>
      </c>
    </row>
    <row r="117345" spans="1:7" x14ac:dyDescent="0.3">
      <c r="A117345" s="13" t="s">
        <v>555</v>
      </c>
      <c r="B117345" s="14" t="s">
        <v>1</v>
      </c>
      <c r="C117345" s="14" t="s">
        <v>546</v>
      </c>
      <c r="D117345" s="14" t="s">
        <v>18</v>
      </c>
      <c r="E117345" s="15">
        <v>45556</v>
      </c>
      <c r="F117345" s="14" t="s">
        <v>15</v>
      </c>
      <c r="G117345" s="16">
        <v>0.92616121900450643</v>
      </c>
    </row>
    <row r="117346" spans="1:7" x14ac:dyDescent="0.3">
      <c r="A117346" s="13" t="s">
        <v>555</v>
      </c>
      <c r="B117346" s="14" t="s">
        <v>1</v>
      </c>
      <c r="C117346" s="14" t="s">
        <v>546</v>
      </c>
      <c r="D117346" s="14" t="s">
        <v>18</v>
      </c>
      <c r="E117346" s="15">
        <v>45557</v>
      </c>
      <c r="F117346" s="14" t="s">
        <v>15</v>
      </c>
      <c r="G117346" s="16">
        <v>0.92616121900450643</v>
      </c>
    </row>
    <row r="117347" spans="1:7" x14ac:dyDescent="0.3">
      <c r="A117347" s="13" t="s">
        <v>555</v>
      </c>
      <c r="B117347" s="14" t="s">
        <v>1</v>
      </c>
      <c r="C117347" s="14" t="s">
        <v>546</v>
      </c>
      <c r="D117347" s="14" t="s">
        <v>18</v>
      </c>
      <c r="E117347" s="15">
        <v>45558</v>
      </c>
      <c r="F117347" s="14" t="s">
        <v>15</v>
      </c>
      <c r="G117347" s="16">
        <v>0.92488761606081671</v>
      </c>
    </row>
    <row r="117348" spans="1:7" x14ac:dyDescent="0.3">
      <c r="A117348" s="13" t="s">
        <v>555</v>
      </c>
      <c r="B117348" s="14" t="s">
        <v>1</v>
      </c>
      <c r="C117348" s="14" t="s">
        <v>546</v>
      </c>
      <c r="D117348" s="14" t="s">
        <v>18</v>
      </c>
      <c r="E117348" s="15">
        <v>45559</v>
      </c>
      <c r="F117348" s="14" t="s">
        <v>15</v>
      </c>
      <c r="G117348" s="16">
        <v>0.92103586821508743</v>
      </c>
    </row>
    <row r="117349" spans="1:7" x14ac:dyDescent="0.3">
      <c r="A117349" s="13" t="s">
        <v>555</v>
      </c>
      <c r="B117349" s="14" t="s">
        <v>1</v>
      </c>
      <c r="C117349" s="14" t="s">
        <v>546</v>
      </c>
      <c r="D117349" s="14" t="s">
        <v>18</v>
      </c>
      <c r="E117349" s="15">
        <v>45560</v>
      </c>
      <c r="F117349" s="14" t="s">
        <v>15</v>
      </c>
      <c r="G117349" s="16">
        <v>0.91975397233963341</v>
      </c>
    </row>
    <row r="117350" spans="1:7" x14ac:dyDescent="0.3">
      <c r="A117350" s="13" t="s">
        <v>555</v>
      </c>
      <c r="B117350" s="14" t="s">
        <v>1</v>
      </c>
      <c r="C117350" s="14" t="s">
        <v>546</v>
      </c>
      <c r="D117350" s="14" t="s">
        <v>18</v>
      </c>
      <c r="E117350" s="15">
        <v>45561</v>
      </c>
      <c r="F117350" s="14" t="s">
        <v>15</v>
      </c>
      <c r="G117350" s="16">
        <v>0.91841657761313933</v>
      </c>
    </row>
    <row r="117351" spans="1:7" x14ac:dyDescent="0.3">
      <c r="A117351" s="13" t="s">
        <v>555</v>
      </c>
      <c r="B117351" s="14" t="s">
        <v>1</v>
      </c>
      <c r="C117351" s="14" t="s">
        <v>546</v>
      </c>
      <c r="D117351" s="14" t="s">
        <v>18</v>
      </c>
      <c r="E117351" s="15">
        <v>45562</v>
      </c>
      <c r="F117351" s="14" t="s">
        <v>15</v>
      </c>
      <c r="G117351" s="16">
        <v>0.91892946354688665</v>
      </c>
    </row>
    <row r="117352" spans="1:7" x14ac:dyDescent="0.3">
      <c r="A117352" s="13" t="s">
        <v>555</v>
      </c>
      <c r="B117352" s="14" t="s">
        <v>1</v>
      </c>
      <c r="C117352" s="14" t="s">
        <v>546</v>
      </c>
      <c r="D117352" s="14" t="s">
        <v>18</v>
      </c>
      <c r="E117352" s="15">
        <v>45563</v>
      </c>
      <c r="F117352" s="14" t="s">
        <v>15</v>
      </c>
      <c r="G117352" s="16">
        <v>0.91892946354688665</v>
      </c>
    </row>
    <row r="117353" spans="1:7" x14ac:dyDescent="0.3">
      <c r="A117353" s="13" t="s">
        <v>555</v>
      </c>
      <c r="B117353" s="14" t="s">
        <v>1</v>
      </c>
      <c r="C117353" s="14" t="s">
        <v>546</v>
      </c>
      <c r="D117353" s="14" t="s">
        <v>18</v>
      </c>
      <c r="E117353" s="15">
        <v>45564</v>
      </c>
      <c r="F117353" s="14" t="s">
        <v>15</v>
      </c>
      <c r="G117353" s="16">
        <v>0.91892946354688665</v>
      </c>
    </row>
    <row r="117354" spans="1:7" x14ac:dyDescent="0.3">
      <c r="A117354" s="13" t="s">
        <v>555</v>
      </c>
      <c r="B117354" s="14" t="s">
        <v>1</v>
      </c>
      <c r="C117354" s="14" t="s">
        <v>546</v>
      </c>
      <c r="D117354" s="14" t="s">
        <v>18</v>
      </c>
      <c r="E117354" s="15">
        <v>45565</v>
      </c>
      <c r="F117354" s="14" t="s">
        <v>15</v>
      </c>
      <c r="G117354" s="16">
        <v>0.92085788914106337</v>
      </c>
    </row>
    <row r="117355" spans="1:7" x14ac:dyDescent="0.3">
      <c r="A117355" s="13" t="s">
        <v>555</v>
      </c>
      <c r="B117355" s="14" t="s">
        <v>1</v>
      </c>
      <c r="C117355" s="14" t="s">
        <v>546</v>
      </c>
      <c r="D117355" s="14" t="s">
        <v>18</v>
      </c>
      <c r="E117355" s="15">
        <v>45566</v>
      </c>
      <c r="F117355" s="14" t="s">
        <v>15</v>
      </c>
      <c r="G117355" s="16">
        <v>0.92085788914106337</v>
      </c>
    </row>
    <row r="117356" spans="1:7" x14ac:dyDescent="0.3">
      <c r="A117356" s="13" t="s">
        <v>555</v>
      </c>
      <c r="B117356" s="14" t="s">
        <v>1</v>
      </c>
      <c r="C117356" s="14" t="s">
        <v>546</v>
      </c>
      <c r="D117356" s="14" t="s">
        <v>18</v>
      </c>
      <c r="E117356" s="15">
        <v>45567</v>
      </c>
      <c r="F117356" s="14" t="s">
        <v>15</v>
      </c>
      <c r="G117356" s="16">
        <v>0.92085788914106337</v>
      </c>
    </row>
    <row r="117357" spans="1:7" x14ac:dyDescent="0.3">
      <c r="A117357" s="13" t="s">
        <v>555</v>
      </c>
      <c r="B117357" s="14" t="s">
        <v>1</v>
      </c>
      <c r="C117357" s="14" t="s">
        <v>546</v>
      </c>
      <c r="D117357" s="14" t="s">
        <v>18</v>
      </c>
      <c r="E117357" s="15">
        <v>45568</v>
      </c>
      <c r="F117357" s="14" t="s">
        <v>15</v>
      </c>
      <c r="G117357" s="16">
        <v>0.92085788914106337</v>
      </c>
    </row>
    <row r="117358" spans="1:7" x14ac:dyDescent="0.3">
      <c r="A117358" s="13" t="s">
        <v>555</v>
      </c>
      <c r="B117358" s="14" t="s">
        <v>1</v>
      </c>
      <c r="C117358" s="14" t="s">
        <v>546</v>
      </c>
      <c r="D117358" s="14" t="s">
        <v>18</v>
      </c>
      <c r="E117358" s="15">
        <v>45569</v>
      </c>
      <c r="F117358" s="14" t="s">
        <v>15</v>
      </c>
      <c r="G117358" s="16">
        <v>0.92085788914106337</v>
      </c>
    </row>
    <row r="117359" spans="1:7" x14ac:dyDescent="0.3">
      <c r="A117359" s="13" t="s">
        <v>555</v>
      </c>
      <c r="B117359" s="14" t="s">
        <v>1</v>
      </c>
      <c r="C117359" s="14" t="s">
        <v>546</v>
      </c>
      <c r="D117359" s="14" t="s">
        <v>18</v>
      </c>
      <c r="E117359" s="15">
        <v>45570</v>
      </c>
      <c r="F117359" s="14" t="s">
        <v>15</v>
      </c>
      <c r="G117359" s="16">
        <v>0.92085788914106337</v>
      </c>
    </row>
    <row r="117360" spans="1:7" x14ac:dyDescent="0.3">
      <c r="A117360" s="13" t="s">
        <v>555</v>
      </c>
      <c r="B117360" s="14" t="s">
        <v>1</v>
      </c>
      <c r="C117360" s="14" t="s">
        <v>546</v>
      </c>
      <c r="D117360" s="14" t="s">
        <v>18</v>
      </c>
      <c r="E117360" s="15">
        <v>45571</v>
      </c>
      <c r="F117360" s="14" t="s">
        <v>15</v>
      </c>
      <c r="G117360" s="16">
        <v>0.92085788914106337</v>
      </c>
    </row>
    <row r="117361" spans="1:7" x14ac:dyDescent="0.3">
      <c r="A117361" s="13" t="s">
        <v>555</v>
      </c>
      <c r="B117361" s="14" t="s">
        <v>1</v>
      </c>
      <c r="C117361" s="14" t="s">
        <v>546</v>
      </c>
      <c r="D117361" s="14" t="s">
        <v>18</v>
      </c>
      <c r="E117361" s="15">
        <v>45572</v>
      </c>
      <c r="F117361" s="14" t="s">
        <v>15</v>
      </c>
      <c r="G117361" s="16">
        <v>0.92085788914106337</v>
      </c>
    </row>
    <row r="117362" spans="1:7" x14ac:dyDescent="0.3">
      <c r="A117362" s="13" t="s">
        <v>555</v>
      </c>
      <c r="B117362" s="14" t="s">
        <v>1</v>
      </c>
      <c r="C117362" s="14" t="s">
        <v>546</v>
      </c>
      <c r="D117362" s="14" t="s">
        <v>18</v>
      </c>
      <c r="E117362" s="15">
        <v>45573</v>
      </c>
      <c r="F117362" s="14" t="s">
        <v>15</v>
      </c>
      <c r="G117362" s="16">
        <v>0.92325008099622807</v>
      </c>
    </row>
    <row r="117363" spans="1:7" x14ac:dyDescent="0.3">
      <c r="A117363" s="13" t="s">
        <v>555</v>
      </c>
      <c r="B117363" s="14" t="s">
        <v>1</v>
      </c>
      <c r="C117363" s="14" t="s">
        <v>546</v>
      </c>
      <c r="D117363" s="14" t="s">
        <v>18</v>
      </c>
      <c r="E117363" s="15">
        <v>45574</v>
      </c>
      <c r="F117363" s="14" t="s">
        <v>15</v>
      </c>
      <c r="G117363" s="16">
        <v>0.91442870832840983</v>
      </c>
    </row>
    <row r="117364" spans="1:7" x14ac:dyDescent="0.3">
      <c r="A117364" s="13" t="s">
        <v>555</v>
      </c>
      <c r="B117364" s="14" t="s">
        <v>1</v>
      </c>
      <c r="C117364" s="14" t="s">
        <v>546</v>
      </c>
      <c r="D117364" s="14" t="s">
        <v>18</v>
      </c>
      <c r="E117364" s="15">
        <v>45575</v>
      </c>
      <c r="F117364" s="14" t="s">
        <v>15</v>
      </c>
      <c r="G117364" s="16">
        <v>0.91866436995705569</v>
      </c>
    </row>
    <row r="117365" spans="1:7" x14ac:dyDescent="0.3">
      <c r="A117365" s="13" t="s">
        <v>555</v>
      </c>
      <c r="B117365" s="14" t="s">
        <v>1</v>
      </c>
      <c r="C117365" s="14" t="s">
        <v>546</v>
      </c>
      <c r="D117365" s="14" t="s">
        <v>18</v>
      </c>
      <c r="E117365" s="15">
        <v>45576</v>
      </c>
      <c r="F117365" s="14" t="s">
        <v>15</v>
      </c>
      <c r="G117365" s="16">
        <v>0.91866436995705569</v>
      </c>
    </row>
    <row r="117366" spans="1:7" x14ac:dyDescent="0.3">
      <c r="A117366" s="13" t="s">
        <v>555</v>
      </c>
      <c r="B117366" s="14" t="s">
        <v>1</v>
      </c>
      <c r="C117366" s="14" t="s">
        <v>546</v>
      </c>
      <c r="D117366" s="14" t="s">
        <v>18</v>
      </c>
      <c r="E117366" s="15">
        <v>45577</v>
      </c>
      <c r="F117366" s="14" t="s">
        <v>15</v>
      </c>
      <c r="G117366" s="16">
        <v>0.91866436995705569</v>
      </c>
    </row>
    <row r="117367" spans="1:7" x14ac:dyDescent="0.3">
      <c r="A117367" s="13" t="s">
        <v>555</v>
      </c>
      <c r="B117367" s="14" t="s">
        <v>1</v>
      </c>
      <c r="C117367" s="14" t="s">
        <v>546</v>
      </c>
      <c r="D117367" s="14" t="s">
        <v>18</v>
      </c>
      <c r="E117367" s="15">
        <v>45578</v>
      </c>
      <c r="F117367" s="14" t="s">
        <v>15</v>
      </c>
      <c r="G117367" s="16">
        <v>0.91866436995705569</v>
      </c>
    </row>
    <row r="117368" spans="1:7" x14ac:dyDescent="0.3">
      <c r="A117368" s="13" t="s">
        <v>555</v>
      </c>
      <c r="B117368" s="14" t="s">
        <v>1</v>
      </c>
      <c r="C117368" s="14" t="s">
        <v>546</v>
      </c>
      <c r="D117368" s="14" t="s">
        <v>18</v>
      </c>
      <c r="E117368" s="15">
        <v>45579</v>
      </c>
      <c r="F117368" s="14" t="s">
        <v>15</v>
      </c>
      <c r="G117368" s="16">
        <v>0.91712262228009267</v>
      </c>
    </row>
    <row r="117369" spans="1:7" x14ac:dyDescent="0.3">
      <c r="A117369" s="13" t="s">
        <v>555</v>
      </c>
      <c r="B117369" s="14" t="s">
        <v>1</v>
      </c>
      <c r="C117369" s="14" t="s">
        <v>546</v>
      </c>
      <c r="D117369" s="14" t="s">
        <v>18</v>
      </c>
      <c r="E117369" s="15">
        <v>45580</v>
      </c>
      <c r="F117369" s="14" t="s">
        <v>15</v>
      </c>
      <c r="G117369" s="16">
        <v>0.91087816162073043</v>
      </c>
    </row>
    <row r="117370" spans="1:7" x14ac:dyDescent="0.3">
      <c r="A117370" s="13" t="s">
        <v>555</v>
      </c>
      <c r="B117370" s="14" t="s">
        <v>1</v>
      </c>
      <c r="C117370" s="14" t="s">
        <v>546</v>
      </c>
      <c r="D117370" s="14" t="s">
        <v>18</v>
      </c>
      <c r="E117370" s="15">
        <v>45581</v>
      </c>
      <c r="F117370" s="14" t="s">
        <v>15</v>
      </c>
      <c r="G117370" s="16">
        <v>0.90932876259053186</v>
      </c>
    </row>
    <row r="117371" spans="1:7" x14ac:dyDescent="0.3">
      <c r="A117371" s="13" t="s">
        <v>555</v>
      </c>
      <c r="B117371" s="14" t="s">
        <v>1</v>
      </c>
      <c r="C117371" s="14" t="s">
        <v>546</v>
      </c>
      <c r="D117371" s="14" t="s">
        <v>18</v>
      </c>
      <c r="E117371" s="15">
        <v>45582</v>
      </c>
      <c r="F117371" s="14" t="s">
        <v>15</v>
      </c>
      <c r="G117371" s="16">
        <v>0.90783770512875428</v>
      </c>
    </row>
    <row r="117372" spans="1:7" x14ac:dyDescent="0.3">
      <c r="A117372" s="13" t="s">
        <v>555</v>
      </c>
      <c r="B117372" s="14" t="s">
        <v>1</v>
      </c>
      <c r="C117372" s="14" t="s">
        <v>546</v>
      </c>
      <c r="D117372" s="14" t="s">
        <v>18</v>
      </c>
      <c r="E117372" s="15">
        <v>45583</v>
      </c>
      <c r="F117372" s="14" t="s">
        <v>15</v>
      </c>
      <c r="G117372" s="16">
        <v>0.90636673246922006</v>
      </c>
    </row>
    <row r="117373" spans="1:7" x14ac:dyDescent="0.3">
      <c r="A117373" s="13" t="s">
        <v>555</v>
      </c>
      <c r="B117373" s="14" t="s">
        <v>1</v>
      </c>
      <c r="C117373" s="14" t="s">
        <v>546</v>
      </c>
      <c r="D117373" s="14" t="s">
        <v>18</v>
      </c>
      <c r="E117373" s="15">
        <v>45584</v>
      </c>
      <c r="F117373" s="14" t="s">
        <v>15</v>
      </c>
      <c r="G117373" s="16">
        <v>0.90636673246922006</v>
      </c>
    </row>
    <row r="117374" spans="1:7" x14ac:dyDescent="0.3">
      <c r="A117374" s="13" t="s">
        <v>555</v>
      </c>
      <c r="B117374" s="14" t="s">
        <v>1</v>
      </c>
      <c r="C117374" s="14" t="s">
        <v>546</v>
      </c>
      <c r="D117374" s="14" t="s">
        <v>18</v>
      </c>
      <c r="E117374" s="15">
        <v>45585</v>
      </c>
      <c r="F117374" s="14" t="s">
        <v>15</v>
      </c>
      <c r="G117374" s="16">
        <v>0.90636673246922006</v>
      </c>
    </row>
    <row r="117375" spans="1:7" x14ac:dyDescent="0.3">
      <c r="A117375" s="13" t="s">
        <v>555</v>
      </c>
      <c r="B117375" s="14" t="s">
        <v>1</v>
      </c>
      <c r="C117375" s="14" t="s">
        <v>546</v>
      </c>
      <c r="D117375" s="14" t="s">
        <v>18</v>
      </c>
      <c r="E117375" s="15">
        <v>45586</v>
      </c>
      <c r="F117375" s="14" t="s">
        <v>15</v>
      </c>
      <c r="G117375" s="16">
        <v>0.92099420701728041</v>
      </c>
    </row>
    <row r="117376" spans="1:7" x14ac:dyDescent="0.3">
      <c r="A117376" s="13" t="s">
        <v>555</v>
      </c>
      <c r="B117376" s="14" t="s">
        <v>1</v>
      </c>
      <c r="C117376" s="14" t="s">
        <v>546</v>
      </c>
      <c r="D117376" s="14" t="s">
        <v>18</v>
      </c>
      <c r="E117376" s="15">
        <v>45587</v>
      </c>
      <c r="F117376" s="14" t="s">
        <v>15</v>
      </c>
      <c r="G117376" s="16">
        <v>0.9164438834868226</v>
      </c>
    </row>
    <row r="117377" spans="1:7" x14ac:dyDescent="0.3">
      <c r="A117377" s="13" t="s">
        <v>555</v>
      </c>
      <c r="B117377" s="14" t="s">
        <v>1</v>
      </c>
      <c r="C117377" s="14" t="s">
        <v>546</v>
      </c>
      <c r="D117377" s="14" t="s">
        <v>18</v>
      </c>
      <c r="E117377" s="15">
        <v>45588</v>
      </c>
      <c r="F117377" s="14" t="s">
        <v>15</v>
      </c>
      <c r="G117377" s="16">
        <v>0.91493752331857392</v>
      </c>
    </row>
    <row r="117378" spans="1:7" x14ac:dyDescent="0.3">
      <c r="A117378" s="13" t="s">
        <v>555</v>
      </c>
      <c r="B117378" s="14" t="s">
        <v>1</v>
      </c>
      <c r="C117378" s="14" t="s">
        <v>546</v>
      </c>
      <c r="D117378" s="14" t="s">
        <v>18</v>
      </c>
      <c r="E117378" s="15">
        <v>45589</v>
      </c>
      <c r="F117378" s="14" t="s">
        <v>15</v>
      </c>
      <c r="G117378" s="16">
        <v>0.91540935676809942</v>
      </c>
    </row>
    <row r="117379" spans="1:7" x14ac:dyDescent="0.3">
      <c r="A117379" s="13" t="s">
        <v>555</v>
      </c>
      <c r="B117379" s="14" t="s">
        <v>1</v>
      </c>
      <c r="C117379" s="14" t="s">
        <v>546</v>
      </c>
      <c r="D117379" s="14" t="s">
        <v>18</v>
      </c>
      <c r="E117379" s="15">
        <v>45590</v>
      </c>
      <c r="F117379" s="14" t="s">
        <v>15</v>
      </c>
      <c r="G117379" s="16">
        <v>0.91388960673168862</v>
      </c>
    </row>
    <row r="117380" spans="1:7" x14ac:dyDescent="0.3">
      <c r="A117380" s="13" t="s">
        <v>555</v>
      </c>
      <c r="B117380" s="14" t="s">
        <v>1</v>
      </c>
      <c r="C117380" s="14" t="s">
        <v>546</v>
      </c>
      <c r="D117380" s="14" t="s">
        <v>18</v>
      </c>
      <c r="E117380" s="15">
        <v>45591</v>
      </c>
      <c r="F117380" s="14" t="s">
        <v>15</v>
      </c>
      <c r="G117380" s="16">
        <v>0.91388960673168862</v>
      </c>
    </row>
    <row r="117381" spans="1:7" x14ac:dyDescent="0.3">
      <c r="A117381" s="13" t="s">
        <v>555</v>
      </c>
      <c r="B117381" s="14" t="s">
        <v>1</v>
      </c>
      <c r="C117381" s="14" t="s">
        <v>546</v>
      </c>
      <c r="D117381" s="14" t="s">
        <v>18</v>
      </c>
      <c r="E117381" s="15">
        <v>45592</v>
      </c>
      <c r="F117381" s="14" t="s">
        <v>15</v>
      </c>
      <c r="G117381" s="16">
        <v>0.91388960673168862</v>
      </c>
    </row>
    <row r="117382" spans="1:7" x14ac:dyDescent="0.3">
      <c r="A117382" s="13" t="s">
        <v>555</v>
      </c>
      <c r="B117382" s="14" t="s">
        <v>1</v>
      </c>
      <c r="C117382" s="14" t="s">
        <v>546</v>
      </c>
      <c r="D117382" s="14" t="s">
        <v>18</v>
      </c>
      <c r="E117382" s="15">
        <v>45593</v>
      </c>
      <c r="F117382" s="14" t="s">
        <v>15</v>
      </c>
      <c r="G117382" s="16">
        <v>0.91388960673168862</v>
      </c>
    </row>
    <row r="117383" spans="1:7" x14ac:dyDescent="0.3">
      <c r="A117383" s="13" t="s">
        <v>555</v>
      </c>
      <c r="B117383" s="14" t="s">
        <v>1</v>
      </c>
      <c r="C117383" s="14" t="s">
        <v>546</v>
      </c>
      <c r="D117383" s="14" t="s">
        <v>18</v>
      </c>
      <c r="E117383" s="15">
        <v>45594</v>
      </c>
      <c r="F117383" s="14" t="s">
        <v>15</v>
      </c>
      <c r="G117383" s="16">
        <v>0.91754822880382014</v>
      </c>
    </row>
    <row r="117384" spans="1:7" x14ac:dyDescent="0.3">
      <c r="A117384" s="13" t="s">
        <v>555</v>
      </c>
      <c r="B117384" s="14" t="s">
        <v>1</v>
      </c>
      <c r="C117384" s="14" t="s">
        <v>546</v>
      </c>
      <c r="D117384" s="14" t="s">
        <v>18</v>
      </c>
      <c r="E117384" s="15">
        <v>45595</v>
      </c>
      <c r="F117384" s="14" t="s">
        <v>15</v>
      </c>
      <c r="G117384" s="16">
        <v>0.91152757022659769</v>
      </c>
    </row>
    <row r="117385" spans="1:7" x14ac:dyDescent="0.3">
      <c r="A117385" s="13" t="s">
        <v>555</v>
      </c>
      <c r="B117385" s="14" t="s">
        <v>1</v>
      </c>
      <c r="C117385" s="14" t="s">
        <v>546</v>
      </c>
      <c r="D117385" s="14" t="s">
        <v>18</v>
      </c>
      <c r="E117385" s="15">
        <v>45596</v>
      </c>
      <c r="F117385" s="14" t="s">
        <v>15</v>
      </c>
      <c r="G117385" s="16">
        <v>0.91002439812219715</v>
      </c>
    </row>
    <row r="117386" spans="1:7" x14ac:dyDescent="0.3">
      <c r="A117386" s="13" t="s">
        <v>555</v>
      </c>
      <c r="B117386" s="14" t="s">
        <v>1</v>
      </c>
      <c r="C117386" s="14" t="s">
        <v>546</v>
      </c>
      <c r="D117386" s="14" t="s">
        <v>18</v>
      </c>
      <c r="E117386" s="15">
        <v>45597</v>
      </c>
      <c r="F117386" s="14" t="s">
        <v>15</v>
      </c>
      <c r="G117386" s="16">
        <v>0.91351405281037701</v>
      </c>
    </row>
    <row r="117387" spans="1:7" x14ac:dyDescent="0.3">
      <c r="A117387" s="13" t="s">
        <v>555</v>
      </c>
      <c r="B117387" s="14" t="s">
        <v>1</v>
      </c>
      <c r="C117387" s="14" t="s">
        <v>546</v>
      </c>
      <c r="D117387" s="14" t="s">
        <v>18</v>
      </c>
      <c r="E117387" s="15">
        <v>45598</v>
      </c>
      <c r="F117387" s="14" t="s">
        <v>15</v>
      </c>
      <c r="G117387" s="16">
        <v>0.91351405281037701</v>
      </c>
    </row>
    <row r="117388" spans="1:7" x14ac:dyDescent="0.3">
      <c r="A117388" s="13" t="s">
        <v>555</v>
      </c>
      <c r="B117388" s="14" t="s">
        <v>1</v>
      </c>
      <c r="C117388" s="14" t="s">
        <v>546</v>
      </c>
      <c r="D117388" s="14" t="s">
        <v>18</v>
      </c>
      <c r="E117388" s="15">
        <v>45599</v>
      </c>
      <c r="F117388" s="14" t="s">
        <v>15</v>
      </c>
      <c r="G117388" s="16">
        <v>0.91351405281037701</v>
      </c>
    </row>
    <row r="117389" spans="1:7" x14ac:dyDescent="0.3">
      <c r="A117389" s="13" t="s">
        <v>555</v>
      </c>
      <c r="B117389" s="14" t="s">
        <v>1</v>
      </c>
      <c r="C117389" s="14" t="s">
        <v>546</v>
      </c>
      <c r="D117389" s="14" t="s">
        <v>18</v>
      </c>
      <c r="E117389" s="15">
        <v>45600</v>
      </c>
      <c r="F117389" s="14" t="s">
        <v>15</v>
      </c>
      <c r="G117389" s="16">
        <v>0.91488332623315538</v>
      </c>
    </row>
    <row r="117390" spans="1:7" x14ac:dyDescent="0.3">
      <c r="A117390" s="13" t="s">
        <v>555</v>
      </c>
      <c r="B117390" s="14" t="s">
        <v>1</v>
      </c>
      <c r="C117390" s="14" t="s">
        <v>546</v>
      </c>
      <c r="D117390" s="14" t="s">
        <v>18</v>
      </c>
      <c r="E117390" s="15">
        <v>45601</v>
      </c>
      <c r="F117390" s="14" t="s">
        <v>15</v>
      </c>
      <c r="G117390" s="16">
        <v>0.91041971803936717</v>
      </c>
    </row>
    <row r="117391" spans="1:7" x14ac:dyDescent="0.3">
      <c r="A117391" s="13" t="s">
        <v>555</v>
      </c>
      <c r="B117391" s="14" t="s">
        <v>1</v>
      </c>
      <c r="C117391" s="14" t="s">
        <v>546</v>
      </c>
      <c r="D117391" s="14" t="s">
        <v>18</v>
      </c>
      <c r="E117391" s="15">
        <v>45602</v>
      </c>
      <c r="F117391" s="14" t="s">
        <v>15</v>
      </c>
      <c r="G117391" s="16">
        <v>0.90891367667750333</v>
      </c>
    </row>
    <row r="117392" spans="1:7" x14ac:dyDescent="0.3">
      <c r="A117392" s="13" t="s">
        <v>555</v>
      </c>
      <c r="B117392" s="14" t="s">
        <v>1</v>
      </c>
      <c r="C117392" s="14" t="s">
        <v>546</v>
      </c>
      <c r="D117392" s="14" t="s">
        <v>18</v>
      </c>
      <c r="E117392" s="15">
        <v>45603</v>
      </c>
      <c r="F117392" s="14" t="s">
        <v>15</v>
      </c>
      <c r="G117392" s="16">
        <v>0.90737543587077318</v>
      </c>
    </row>
    <row r="117393" spans="1:7" x14ac:dyDescent="0.3">
      <c r="A117393" s="13" t="s">
        <v>555</v>
      </c>
      <c r="B117393" s="14" t="s">
        <v>1</v>
      </c>
      <c r="C117393" s="14" t="s">
        <v>546</v>
      </c>
      <c r="D117393" s="14" t="s">
        <v>18</v>
      </c>
      <c r="E117393" s="15">
        <v>45604</v>
      </c>
      <c r="F117393" s="14" t="s">
        <v>15</v>
      </c>
      <c r="G117393" s="16">
        <v>0.9094202600229736</v>
      </c>
    </row>
    <row r="117394" spans="1:7" x14ac:dyDescent="0.3">
      <c r="A117394" s="13" t="s">
        <v>555</v>
      </c>
      <c r="B117394" s="14" t="s">
        <v>1</v>
      </c>
      <c r="C117394" s="14" t="s">
        <v>546</v>
      </c>
      <c r="D117394" s="14" t="s">
        <v>18</v>
      </c>
      <c r="E117394" s="15">
        <v>45605</v>
      </c>
      <c r="F117394" s="14" t="s">
        <v>15</v>
      </c>
      <c r="G117394" s="16">
        <v>0.9094202600229736</v>
      </c>
    </row>
    <row r="117395" spans="1:7" x14ac:dyDescent="0.3">
      <c r="A117395" s="13" t="s">
        <v>555</v>
      </c>
      <c r="B117395" s="14" t="s">
        <v>1</v>
      </c>
      <c r="C117395" s="14" t="s">
        <v>546</v>
      </c>
      <c r="D117395" s="14" t="s">
        <v>18</v>
      </c>
      <c r="E117395" s="15">
        <v>45606</v>
      </c>
      <c r="F117395" s="14" t="s">
        <v>15</v>
      </c>
      <c r="G117395" s="16">
        <v>0.9094202600229736</v>
      </c>
    </row>
    <row r="117396" spans="1:7" x14ac:dyDescent="0.3">
      <c r="A117396" s="13" t="s">
        <v>555</v>
      </c>
      <c r="B117396" s="14" t="s">
        <v>1</v>
      </c>
      <c r="C117396" s="14" t="s">
        <v>546</v>
      </c>
      <c r="D117396" s="14" t="s">
        <v>18</v>
      </c>
      <c r="E117396" s="15">
        <v>45607</v>
      </c>
      <c r="F117396" s="14" t="s">
        <v>15</v>
      </c>
      <c r="G117396" s="16">
        <v>0.90788042518431944</v>
      </c>
    </row>
    <row r="117397" spans="1:7" x14ac:dyDescent="0.3">
      <c r="A117397" s="13" t="s">
        <v>555</v>
      </c>
      <c r="B117397" s="14" t="s">
        <v>1</v>
      </c>
      <c r="C117397" s="14" t="s">
        <v>546</v>
      </c>
      <c r="D117397" s="14" t="s">
        <v>18</v>
      </c>
      <c r="E117397" s="15">
        <v>45608</v>
      </c>
      <c r="F117397" s="14" t="s">
        <v>15</v>
      </c>
      <c r="G117397" s="16">
        <v>0.90328738159829647</v>
      </c>
    </row>
    <row r="117398" spans="1:7" x14ac:dyDescent="0.3">
      <c r="A117398" s="13" t="s">
        <v>555</v>
      </c>
      <c r="B117398" s="14" t="s">
        <v>1</v>
      </c>
      <c r="C117398" s="14" t="s">
        <v>546</v>
      </c>
      <c r="D117398" s="14" t="s">
        <v>18</v>
      </c>
      <c r="E117398" s="15">
        <v>45609</v>
      </c>
      <c r="F117398" s="14" t="s">
        <v>15</v>
      </c>
      <c r="G117398" s="16">
        <v>0.90176667514273112</v>
      </c>
    </row>
    <row r="117399" spans="1:7" x14ac:dyDescent="0.3">
      <c r="A117399" s="13" t="s">
        <v>555</v>
      </c>
      <c r="B117399" s="14" t="s">
        <v>1</v>
      </c>
      <c r="C117399" s="14" t="s">
        <v>546</v>
      </c>
      <c r="D117399" s="14" t="s">
        <v>18</v>
      </c>
      <c r="E117399" s="15">
        <v>45610</v>
      </c>
      <c r="F117399" s="14" t="s">
        <v>15</v>
      </c>
      <c r="G117399" s="16">
        <v>0.90027338603625984</v>
      </c>
    </row>
    <row r="117400" spans="1:7" x14ac:dyDescent="0.3">
      <c r="A117400" s="13" t="s">
        <v>555</v>
      </c>
      <c r="B117400" s="14" t="s">
        <v>1</v>
      </c>
      <c r="C117400" s="14" t="s">
        <v>546</v>
      </c>
      <c r="D117400" s="14" t="s">
        <v>18</v>
      </c>
      <c r="E117400" s="15">
        <v>45611</v>
      </c>
      <c r="F117400" s="14" t="s">
        <v>15</v>
      </c>
      <c r="G117400" s="16">
        <v>0.89888625945593181</v>
      </c>
    </row>
    <row r="117401" spans="1:7" x14ac:dyDescent="0.3">
      <c r="A117401" s="13" t="s">
        <v>555</v>
      </c>
      <c r="B117401" s="14" t="s">
        <v>1</v>
      </c>
      <c r="C117401" s="14" t="s">
        <v>546</v>
      </c>
      <c r="D117401" s="14" t="s">
        <v>18</v>
      </c>
      <c r="E117401" s="15">
        <v>45612</v>
      </c>
      <c r="F117401" s="14" t="s">
        <v>15</v>
      </c>
      <c r="G117401" s="16">
        <v>0.89888625945593181</v>
      </c>
    </row>
    <row r="117402" spans="1:7" x14ac:dyDescent="0.3">
      <c r="A117402" s="13" t="s">
        <v>555</v>
      </c>
      <c r="B117402" s="14" t="s">
        <v>1</v>
      </c>
      <c r="C117402" s="14" t="s">
        <v>546</v>
      </c>
      <c r="D117402" s="14" t="s">
        <v>18</v>
      </c>
      <c r="E117402" s="15">
        <v>45613</v>
      </c>
      <c r="F117402" s="14" t="s">
        <v>15</v>
      </c>
      <c r="G117402" s="16">
        <v>0.89888625945593181</v>
      </c>
    </row>
    <row r="117403" spans="1:7" x14ac:dyDescent="0.3">
      <c r="A117403" s="13" t="s">
        <v>555</v>
      </c>
      <c r="B117403" s="14" t="s">
        <v>1</v>
      </c>
      <c r="C117403" s="14" t="s">
        <v>546</v>
      </c>
      <c r="D117403" s="14" t="s">
        <v>18</v>
      </c>
      <c r="E117403" s="15">
        <v>45614</v>
      </c>
      <c r="F117403" s="14" t="s">
        <v>15</v>
      </c>
      <c r="G117403" s="16">
        <v>0.89742708263263571</v>
      </c>
    </row>
    <row r="117404" spans="1:7" x14ac:dyDescent="0.3">
      <c r="A117404" s="13" t="s">
        <v>555</v>
      </c>
      <c r="B117404" s="14" t="s">
        <v>1</v>
      </c>
      <c r="C117404" s="14" t="s">
        <v>546</v>
      </c>
      <c r="D117404" s="14" t="s">
        <v>18</v>
      </c>
      <c r="E117404" s="15">
        <v>45615</v>
      </c>
      <c r="F117404" s="14" t="s">
        <v>15</v>
      </c>
      <c r="G117404" s="16">
        <v>0.89305560948405893</v>
      </c>
    </row>
    <row r="117405" spans="1:7" x14ac:dyDescent="0.3">
      <c r="A117405" s="13" t="s">
        <v>555</v>
      </c>
      <c r="B117405" s="14" t="s">
        <v>1</v>
      </c>
      <c r="C117405" s="14" t="s">
        <v>546</v>
      </c>
      <c r="D117405" s="14" t="s">
        <v>18</v>
      </c>
      <c r="E117405" s="15">
        <v>45616</v>
      </c>
      <c r="F117405" s="14" t="s">
        <v>15</v>
      </c>
      <c r="G117405" s="16">
        <v>0.89161938672046948</v>
      </c>
    </row>
    <row r="117406" spans="1:7" x14ac:dyDescent="0.3">
      <c r="A117406" s="13" t="s">
        <v>555</v>
      </c>
      <c r="B117406" s="14" t="s">
        <v>1</v>
      </c>
      <c r="C117406" s="14" t="s">
        <v>546</v>
      </c>
      <c r="D117406" s="14" t="s">
        <v>18</v>
      </c>
      <c r="E117406" s="15">
        <v>45617</v>
      </c>
      <c r="F117406" s="14" t="s">
        <v>15</v>
      </c>
      <c r="G117406" s="16">
        <v>0.89017041170148736</v>
      </c>
    </row>
    <row r="117407" spans="1:7" x14ac:dyDescent="0.3">
      <c r="A117407" s="13" t="s">
        <v>555</v>
      </c>
      <c r="B117407" s="14" t="s">
        <v>1</v>
      </c>
      <c r="C117407" s="14" t="s">
        <v>546</v>
      </c>
      <c r="D117407" s="14" t="s">
        <v>18</v>
      </c>
      <c r="E117407" s="15">
        <v>45618</v>
      </c>
      <c r="F117407" s="14" t="s">
        <v>15</v>
      </c>
      <c r="G117407" s="16">
        <v>0.88871474174842424</v>
      </c>
    </row>
    <row r="117408" spans="1:7" x14ac:dyDescent="0.3">
      <c r="A117408" s="13" t="s">
        <v>555</v>
      </c>
      <c r="B117408" s="14" t="s">
        <v>1</v>
      </c>
      <c r="C117408" s="14" t="s">
        <v>546</v>
      </c>
      <c r="D117408" s="14" t="s">
        <v>18</v>
      </c>
      <c r="E117408" s="15">
        <v>45619</v>
      </c>
      <c r="F117408" s="14" t="s">
        <v>15</v>
      </c>
      <c r="G117408" s="16">
        <v>0.88871474174842424</v>
      </c>
    </row>
    <row r="117409" spans="1:7" x14ac:dyDescent="0.3">
      <c r="A117409" s="13" t="s">
        <v>555</v>
      </c>
      <c r="B117409" s="14" t="s">
        <v>1</v>
      </c>
      <c r="C117409" s="14" t="s">
        <v>546</v>
      </c>
      <c r="D117409" s="14" t="s">
        <v>18</v>
      </c>
      <c r="E117409" s="15">
        <v>45620</v>
      </c>
      <c r="F117409" s="14" t="s">
        <v>15</v>
      </c>
      <c r="G117409" s="16">
        <v>0.88871474174842424</v>
      </c>
    </row>
    <row r="117410" spans="1:7" x14ac:dyDescent="0.3">
      <c r="A117410" s="13" t="s">
        <v>555</v>
      </c>
      <c r="B117410" s="14" t="s">
        <v>1</v>
      </c>
      <c r="C117410" s="14" t="s">
        <v>546</v>
      </c>
      <c r="D117410" s="14" t="s">
        <v>18</v>
      </c>
      <c r="E117410" s="15">
        <v>45621</v>
      </c>
      <c r="F117410" s="14" t="s">
        <v>15</v>
      </c>
      <c r="G117410" s="16">
        <v>0.88726162224643956</v>
      </c>
    </row>
    <row r="117411" spans="1:7" x14ac:dyDescent="0.3">
      <c r="A117411" s="13" t="s">
        <v>555</v>
      </c>
      <c r="B117411" s="14" t="s">
        <v>1</v>
      </c>
      <c r="C117411" s="14" t="s">
        <v>546</v>
      </c>
      <c r="D117411" s="14" t="s">
        <v>18</v>
      </c>
      <c r="E117411" s="15">
        <v>45622</v>
      </c>
      <c r="F117411" s="14" t="s">
        <v>15</v>
      </c>
      <c r="G117411" s="16">
        <v>0.8830208597156366</v>
      </c>
    </row>
    <row r="117412" spans="1:7" x14ac:dyDescent="0.3">
      <c r="A117412" s="13" t="s">
        <v>555</v>
      </c>
      <c r="B117412" s="14" t="s">
        <v>1</v>
      </c>
      <c r="C117412" s="14" t="s">
        <v>546</v>
      </c>
      <c r="D117412" s="14" t="s">
        <v>18</v>
      </c>
      <c r="E117412" s="15">
        <v>45623</v>
      </c>
      <c r="F117412" s="14" t="s">
        <v>15</v>
      </c>
      <c r="G117412" s="16">
        <v>0.88161779281606789</v>
      </c>
    </row>
    <row r="117413" spans="1:7" x14ac:dyDescent="0.3">
      <c r="A117413" s="13" t="s">
        <v>555</v>
      </c>
      <c r="B117413" s="14" t="s">
        <v>1</v>
      </c>
      <c r="C117413" s="14" t="s">
        <v>546</v>
      </c>
      <c r="D117413" s="14" t="s">
        <v>18</v>
      </c>
      <c r="E117413" s="15">
        <v>45624</v>
      </c>
      <c r="F117413" s="14" t="s">
        <v>15</v>
      </c>
      <c r="G117413" s="16">
        <v>0.88105031745109808</v>
      </c>
    </row>
    <row r="117414" spans="1:7" x14ac:dyDescent="0.3">
      <c r="A117414" s="13" t="s">
        <v>555</v>
      </c>
      <c r="B117414" s="14" t="s">
        <v>1</v>
      </c>
      <c r="C117414" s="14" t="s">
        <v>546</v>
      </c>
      <c r="D117414" s="14" t="s">
        <v>18</v>
      </c>
      <c r="E117414" s="15">
        <v>45625</v>
      </c>
      <c r="F117414" s="14" t="s">
        <v>15</v>
      </c>
      <c r="G117414" s="16">
        <v>0.88268961988181427</v>
      </c>
    </row>
    <row r="117415" spans="1:7" x14ac:dyDescent="0.3">
      <c r="A117415" s="13" t="s">
        <v>555</v>
      </c>
      <c r="B117415" s="14" t="s">
        <v>1</v>
      </c>
      <c r="C117415" s="14" t="s">
        <v>546</v>
      </c>
      <c r="D117415" s="14" t="s">
        <v>18</v>
      </c>
      <c r="E117415" s="15">
        <v>45626</v>
      </c>
      <c r="F117415" s="14" t="s">
        <v>15</v>
      </c>
      <c r="G117415" s="16">
        <v>0.88268961988181427</v>
      </c>
    </row>
    <row r="117416" spans="1:7" x14ac:dyDescent="0.3">
      <c r="A117416" s="13" t="s">
        <v>555</v>
      </c>
      <c r="B117416" s="14" t="s">
        <v>1</v>
      </c>
      <c r="C117416" s="14" t="s">
        <v>546</v>
      </c>
      <c r="D117416" s="14" t="s">
        <v>18</v>
      </c>
      <c r="E117416" s="15">
        <v>45627</v>
      </c>
      <c r="F117416" s="14" t="s">
        <v>15</v>
      </c>
      <c r="G117416" s="16">
        <v>0.88268961988181427</v>
      </c>
    </row>
    <row r="117417" spans="1:7" x14ac:dyDescent="0.3">
      <c r="A117417" s="13" t="s">
        <v>555</v>
      </c>
      <c r="B117417" s="14" t="s">
        <v>1</v>
      </c>
      <c r="C117417" s="14" t="s">
        <v>546</v>
      </c>
      <c r="D117417" s="14" t="s">
        <v>18</v>
      </c>
      <c r="E117417" s="15">
        <v>45628</v>
      </c>
      <c r="F117417" s="14" t="s">
        <v>15</v>
      </c>
      <c r="G117417" s="16">
        <v>0.88270428497551578</v>
      </c>
    </row>
    <row r="117418" spans="1:7" x14ac:dyDescent="0.3">
      <c r="A117418" s="13" t="s">
        <v>555</v>
      </c>
      <c r="B117418" s="14" t="s">
        <v>1</v>
      </c>
      <c r="C117418" s="14" t="s">
        <v>546</v>
      </c>
      <c r="D117418" s="14" t="s">
        <v>18</v>
      </c>
      <c r="E117418" s="15">
        <v>45629</v>
      </c>
      <c r="F117418" s="14" t="s">
        <v>15</v>
      </c>
      <c r="G117418" s="16">
        <v>0.8784517266084747</v>
      </c>
    </row>
    <row r="117419" spans="1:7" x14ac:dyDescent="0.3">
      <c r="A117419" s="13" t="s">
        <v>555</v>
      </c>
      <c r="B117419" s="14" t="s">
        <v>1</v>
      </c>
      <c r="C117419" s="14" t="s">
        <v>546</v>
      </c>
      <c r="D117419" s="14" t="s">
        <v>18</v>
      </c>
      <c r="E117419" s="15">
        <v>45630</v>
      </c>
      <c r="F117419" s="14" t="s">
        <v>15</v>
      </c>
      <c r="G117419" s="16">
        <v>0.87906415367370339</v>
      </c>
    </row>
    <row r="117420" spans="1:7" x14ac:dyDescent="0.3">
      <c r="A117420" s="13" t="s">
        <v>555</v>
      </c>
      <c r="B117420" s="14" t="s">
        <v>1</v>
      </c>
      <c r="C117420" s="14" t="s">
        <v>546</v>
      </c>
      <c r="D117420" s="14" t="s">
        <v>18</v>
      </c>
      <c r="E117420" s="15">
        <v>45631</v>
      </c>
      <c r="F117420" s="14" t="s">
        <v>15</v>
      </c>
      <c r="G117420" s="16">
        <v>0.87763239419950134</v>
      </c>
    </row>
    <row r="117421" spans="1:7" x14ac:dyDescent="0.3">
      <c r="A117421" s="13" t="s">
        <v>555</v>
      </c>
      <c r="B117421" s="14" t="s">
        <v>1</v>
      </c>
      <c r="C117421" s="14" t="s">
        <v>546</v>
      </c>
      <c r="D117421" s="14" t="s">
        <v>18</v>
      </c>
      <c r="E117421" s="15">
        <v>45632</v>
      </c>
      <c r="F117421" s="14" t="s">
        <v>15</v>
      </c>
      <c r="G117421" s="16">
        <v>0.87619904069337529</v>
      </c>
    </row>
    <row r="117422" spans="1:7" x14ac:dyDescent="0.3">
      <c r="A117422" s="13" t="s">
        <v>555</v>
      </c>
      <c r="B117422" s="14" t="s">
        <v>1</v>
      </c>
      <c r="C117422" s="14" t="s">
        <v>546</v>
      </c>
      <c r="D117422" s="14" t="s">
        <v>18</v>
      </c>
      <c r="E117422" s="15">
        <v>45633</v>
      </c>
      <c r="F117422" s="14" t="s">
        <v>15</v>
      </c>
      <c r="G117422" s="16">
        <v>0.87619904069337529</v>
      </c>
    </row>
    <row r="117423" spans="1:7" x14ac:dyDescent="0.3">
      <c r="A117423" s="13" t="s">
        <v>555</v>
      </c>
      <c r="B117423" s="14" t="s">
        <v>1</v>
      </c>
      <c r="C117423" s="14" t="s">
        <v>546</v>
      </c>
      <c r="D117423" s="14" t="s">
        <v>18</v>
      </c>
      <c r="E117423" s="15">
        <v>45634</v>
      </c>
      <c r="F117423" s="14" t="s">
        <v>15</v>
      </c>
      <c r="G117423" s="16">
        <v>0.87619904069337529</v>
      </c>
    </row>
    <row r="117424" spans="1:7" x14ac:dyDescent="0.3">
      <c r="A117424" s="13" t="s">
        <v>555</v>
      </c>
      <c r="B117424" s="14" t="s">
        <v>1</v>
      </c>
      <c r="C117424" s="14" t="s">
        <v>546</v>
      </c>
      <c r="D117424" s="14" t="s">
        <v>18</v>
      </c>
      <c r="E117424" s="15">
        <v>45635</v>
      </c>
      <c r="F117424" s="14" t="s">
        <v>15</v>
      </c>
      <c r="G117424" s="16">
        <v>0.87477638213044218</v>
      </c>
    </row>
    <row r="117425" spans="1:7" x14ac:dyDescent="0.3">
      <c r="A117425" s="13" t="s">
        <v>555</v>
      </c>
      <c r="B117425" s="14" t="s">
        <v>1</v>
      </c>
      <c r="C117425" s="14" t="s">
        <v>546</v>
      </c>
      <c r="D117425" s="14" t="s">
        <v>18</v>
      </c>
      <c r="E117425" s="15">
        <v>45636</v>
      </c>
      <c r="F117425" s="14" t="s">
        <v>15</v>
      </c>
      <c r="G117425" s="16">
        <v>0.87745998975795059</v>
      </c>
    </row>
    <row r="117426" spans="1:7" x14ac:dyDescent="0.3">
      <c r="A117426" s="13" t="s">
        <v>555</v>
      </c>
      <c r="B117426" s="14" t="s">
        <v>1</v>
      </c>
      <c r="C117426" s="14" t="s">
        <v>546</v>
      </c>
      <c r="D117426" s="14" t="s">
        <v>18</v>
      </c>
      <c r="E117426" s="15">
        <v>45637</v>
      </c>
      <c r="F117426" s="14" t="s">
        <v>15</v>
      </c>
      <c r="G117426" s="16">
        <v>0.87599177018555963</v>
      </c>
    </row>
    <row r="117427" spans="1:7" x14ac:dyDescent="0.3">
      <c r="A117427" s="13" t="s">
        <v>555</v>
      </c>
      <c r="B117427" s="14" t="s">
        <v>1</v>
      </c>
      <c r="C117427" s="14" t="s">
        <v>546</v>
      </c>
      <c r="D117427" s="14" t="s">
        <v>18</v>
      </c>
      <c r="E117427" s="15">
        <v>45638</v>
      </c>
      <c r="F117427" s="14" t="s">
        <v>15</v>
      </c>
      <c r="G117427" s="16">
        <v>0.87451360419561086</v>
      </c>
    </row>
    <row r="117428" spans="1:7" x14ac:dyDescent="0.3">
      <c r="A117428" s="13" t="s">
        <v>555</v>
      </c>
      <c r="B117428" s="14" t="s">
        <v>1</v>
      </c>
      <c r="C117428" s="14" t="s">
        <v>546</v>
      </c>
      <c r="D117428" s="14" t="s">
        <v>18</v>
      </c>
      <c r="E117428" s="15">
        <v>45639</v>
      </c>
      <c r="F117428" s="14" t="s">
        <v>15</v>
      </c>
      <c r="G117428" s="16">
        <v>0.87304945533770373</v>
      </c>
    </row>
    <row r="117429" spans="1:7" x14ac:dyDescent="0.3">
      <c r="A117429" s="13" t="s">
        <v>555</v>
      </c>
      <c r="B117429" s="14" t="s">
        <v>1</v>
      </c>
      <c r="C117429" s="14" t="s">
        <v>546</v>
      </c>
      <c r="D117429" s="14" t="s">
        <v>18</v>
      </c>
      <c r="E117429" s="15">
        <v>45640</v>
      </c>
      <c r="F117429" s="14" t="s">
        <v>15</v>
      </c>
      <c r="G117429" s="16">
        <v>0.87304945533770373</v>
      </c>
    </row>
    <row r="117430" spans="1:7" x14ac:dyDescent="0.3">
      <c r="A117430" s="13" t="s">
        <v>555</v>
      </c>
      <c r="B117430" s="14" t="s">
        <v>1</v>
      </c>
      <c r="C117430" s="14" t="s">
        <v>546</v>
      </c>
      <c r="D117430" s="14" t="s">
        <v>18</v>
      </c>
      <c r="E117430" s="15">
        <v>45641</v>
      </c>
      <c r="F117430" s="14" t="s">
        <v>15</v>
      </c>
      <c r="G117430" s="16">
        <v>0.87304945533770373</v>
      </c>
    </row>
    <row r="117431" spans="1:7" x14ac:dyDescent="0.3">
      <c r="A117431" s="13" t="s">
        <v>555</v>
      </c>
      <c r="B117431" s="14" t="s">
        <v>1</v>
      </c>
      <c r="C117431" s="14" t="s">
        <v>546</v>
      </c>
      <c r="D117431" s="14" t="s">
        <v>18</v>
      </c>
      <c r="E117431" s="15">
        <v>45642</v>
      </c>
      <c r="F117431" s="14" t="s">
        <v>15</v>
      </c>
      <c r="G117431" s="16">
        <v>0.87192089760820934</v>
      </c>
    </row>
    <row r="117432" spans="1:7" x14ac:dyDescent="0.3">
      <c r="A117432" s="13" t="s">
        <v>555</v>
      </c>
      <c r="B117432" s="14" t="s">
        <v>1</v>
      </c>
      <c r="C117432" s="14" t="s">
        <v>546</v>
      </c>
      <c r="D117432" s="14" t="s">
        <v>18</v>
      </c>
      <c r="E117432" s="15">
        <v>45643</v>
      </c>
      <c r="F117432" s="14" t="s">
        <v>15</v>
      </c>
      <c r="G117432" s="16">
        <v>0.86756950193704618</v>
      </c>
    </row>
    <row r="117433" spans="1:7" x14ac:dyDescent="0.3">
      <c r="A117433" s="13" t="s">
        <v>555</v>
      </c>
      <c r="B117433" s="14" t="s">
        <v>1</v>
      </c>
      <c r="C117433" s="14" t="s">
        <v>546</v>
      </c>
      <c r="D117433" s="14" t="s">
        <v>18</v>
      </c>
      <c r="E117433" s="15">
        <v>45644</v>
      </c>
      <c r="F117433" s="14" t="s">
        <v>15</v>
      </c>
      <c r="G117433" s="16">
        <v>0.86606669681256354</v>
      </c>
    </row>
    <row r="117434" spans="1:7" x14ac:dyDescent="0.3">
      <c r="A117434" s="13" t="s">
        <v>555</v>
      </c>
      <c r="B117434" s="14" t="s">
        <v>1</v>
      </c>
      <c r="C117434" s="14" t="s">
        <v>546</v>
      </c>
      <c r="D117434" s="14" t="s">
        <v>18</v>
      </c>
      <c r="E117434" s="15">
        <v>45645</v>
      </c>
      <c r="F117434" s="14" t="s">
        <v>15</v>
      </c>
      <c r="G117434" s="16">
        <v>0.86520237246305765</v>
      </c>
    </row>
    <row r="117435" spans="1:7" x14ac:dyDescent="0.3">
      <c r="A117435" s="13" t="s">
        <v>555</v>
      </c>
      <c r="B117435" s="14" t="s">
        <v>1</v>
      </c>
      <c r="C117435" s="14" t="s">
        <v>546</v>
      </c>
      <c r="D117435" s="14" t="s">
        <v>18</v>
      </c>
      <c r="E117435" s="15">
        <v>45646</v>
      </c>
      <c r="F117435" s="14" t="s">
        <v>15</v>
      </c>
      <c r="G117435" s="16">
        <v>0.86376034796394141</v>
      </c>
    </row>
    <row r="117436" spans="1:7" x14ac:dyDescent="0.3">
      <c r="A117436" s="13" t="s">
        <v>555</v>
      </c>
      <c r="B117436" s="14" t="s">
        <v>1</v>
      </c>
      <c r="C117436" s="14" t="s">
        <v>546</v>
      </c>
      <c r="D117436" s="14" t="s">
        <v>18</v>
      </c>
      <c r="E117436" s="15">
        <v>45647</v>
      </c>
      <c r="F117436" s="14" t="s">
        <v>15</v>
      </c>
      <c r="G117436" s="16">
        <v>0.86376034796394141</v>
      </c>
    </row>
    <row r="117437" spans="1:7" x14ac:dyDescent="0.3">
      <c r="A117437" s="13" t="s">
        <v>555</v>
      </c>
      <c r="B117437" s="14" t="s">
        <v>1</v>
      </c>
      <c r="C117437" s="14" t="s">
        <v>546</v>
      </c>
      <c r="D117437" s="14" t="s">
        <v>18</v>
      </c>
      <c r="E117437" s="15">
        <v>45648</v>
      </c>
      <c r="F117437" s="14" t="s">
        <v>15</v>
      </c>
      <c r="G117437" s="16">
        <v>0.86376034796394141</v>
      </c>
    </row>
    <row r="117438" spans="1:7" x14ac:dyDescent="0.3">
      <c r="A117438" s="13" t="s">
        <v>555</v>
      </c>
      <c r="B117438" s="14" t="s">
        <v>1</v>
      </c>
      <c r="C117438" s="14" t="s">
        <v>546</v>
      </c>
      <c r="D117438" s="14" t="s">
        <v>18</v>
      </c>
      <c r="E117438" s="15">
        <v>45649</v>
      </c>
      <c r="F117438" s="14" t="s">
        <v>15</v>
      </c>
      <c r="G117438" s="16">
        <v>0.89933702030725116</v>
      </c>
    </row>
    <row r="117439" spans="1:7" x14ac:dyDescent="0.3">
      <c r="A117439" s="13" t="s">
        <v>555</v>
      </c>
      <c r="B117439" s="14" t="s">
        <v>1</v>
      </c>
      <c r="C117439" s="14" t="s">
        <v>546</v>
      </c>
      <c r="D117439" s="14" t="s">
        <v>18</v>
      </c>
      <c r="E117439" s="15">
        <v>45650</v>
      </c>
      <c r="F117439" s="14" t="s">
        <v>15</v>
      </c>
      <c r="G117439" s="16">
        <v>0.89501928257724572</v>
      </c>
    </row>
    <row r="117440" spans="1:7" x14ac:dyDescent="0.3">
      <c r="A117440" s="13" t="s">
        <v>555</v>
      </c>
      <c r="B117440" s="14" t="s">
        <v>1</v>
      </c>
      <c r="C117440" s="14" t="s">
        <v>546</v>
      </c>
      <c r="D117440" s="14" t="s">
        <v>18</v>
      </c>
      <c r="E117440" s="15">
        <v>45651</v>
      </c>
      <c r="F117440" s="14" t="s">
        <v>15</v>
      </c>
      <c r="G117440" s="16">
        <v>0.89501928257724572</v>
      </c>
    </row>
    <row r="117441" spans="1:7" x14ac:dyDescent="0.3">
      <c r="A117441" s="13" t="s">
        <v>555</v>
      </c>
      <c r="B117441" s="14" t="s">
        <v>1</v>
      </c>
      <c r="C117441" s="14" t="s">
        <v>546</v>
      </c>
      <c r="D117441" s="14" t="s">
        <v>18</v>
      </c>
      <c r="E117441" s="15">
        <v>45652</v>
      </c>
      <c r="F117441" s="14" t="s">
        <v>15</v>
      </c>
      <c r="G117441" s="16">
        <v>0.89501928257724572</v>
      </c>
    </row>
    <row r="117442" spans="1:7" x14ac:dyDescent="0.3">
      <c r="A117442" s="13" t="s">
        <v>555</v>
      </c>
      <c r="B117442" s="14" t="s">
        <v>1</v>
      </c>
      <c r="C117442" s="14" t="s">
        <v>546</v>
      </c>
      <c r="D117442" s="14" t="s">
        <v>18</v>
      </c>
      <c r="E117442" s="15">
        <v>45653</v>
      </c>
      <c r="F117442" s="14" t="s">
        <v>15</v>
      </c>
      <c r="G117442" s="16">
        <v>0.89501928257724572</v>
      </c>
    </row>
    <row r="117443" spans="1:7" x14ac:dyDescent="0.3">
      <c r="A117443" s="13" t="s">
        <v>555</v>
      </c>
      <c r="B117443" s="14" t="s">
        <v>1</v>
      </c>
      <c r="C117443" s="14" t="s">
        <v>546</v>
      </c>
      <c r="D117443" s="14" t="s">
        <v>18</v>
      </c>
      <c r="E117443" s="15">
        <v>45654</v>
      </c>
      <c r="F117443" s="14" t="s">
        <v>15</v>
      </c>
      <c r="G117443" s="16">
        <v>0.89501928257724572</v>
      </c>
    </row>
    <row r="117444" spans="1:7" x14ac:dyDescent="0.3">
      <c r="A117444" s="13" t="s">
        <v>555</v>
      </c>
      <c r="B117444" s="14" t="s">
        <v>1</v>
      </c>
      <c r="C117444" s="14" t="s">
        <v>546</v>
      </c>
      <c r="D117444" s="14" t="s">
        <v>18</v>
      </c>
      <c r="E117444" s="15">
        <v>45655</v>
      </c>
      <c r="F117444" s="14" t="s">
        <v>15</v>
      </c>
      <c r="G117444" s="16">
        <v>0.89501928257724572</v>
      </c>
    </row>
    <row r="117445" spans="1:7" x14ac:dyDescent="0.3">
      <c r="A117445" s="13" t="s">
        <v>555</v>
      </c>
      <c r="B117445" s="14" t="s">
        <v>1</v>
      </c>
      <c r="C117445" s="14" t="s">
        <v>546</v>
      </c>
      <c r="D117445" s="14" t="s">
        <v>18</v>
      </c>
      <c r="E117445" s="15">
        <v>45656</v>
      </c>
      <c r="F117445" s="14" t="s">
        <v>15</v>
      </c>
      <c r="G117445" s="16">
        <v>0.89357900838962323</v>
      </c>
    </row>
    <row r="117446" spans="1:7" x14ac:dyDescent="0.3">
      <c r="A117446" s="13" t="s">
        <v>555</v>
      </c>
      <c r="B117446" s="14" t="s">
        <v>1</v>
      </c>
      <c r="C117446" s="14" t="s">
        <v>546</v>
      </c>
      <c r="D117446" s="14" t="s">
        <v>18</v>
      </c>
      <c r="E117446" s="15">
        <v>45657</v>
      </c>
      <c r="F117446" s="14" t="s">
        <v>15</v>
      </c>
      <c r="G117446" s="16">
        <v>0.89274678903513782</v>
      </c>
    </row>
    <row r="117447" spans="1:7" x14ac:dyDescent="0.3">
      <c r="A117447" s="13" t="s">
        <v>555</v>
      </c>
      <c r="B117447" s="14" t="s">
        <v>1</v>
      </c>
      <c r="C117447" s="14" t="s">
        <v>546</v>
      </c>
      <c r="D117447" s="14" t="s">
        <v>18</v>
      </c>
      <c r="E117447" s="15">
        <v>45658</v>
      </c>
      <c r="F117447" s="14" t="s">
        <v>15</v>
      </c>
      <c r="G117447" s="16">
        <v>0.89274678903513782</v>
      </c>
    </row>
    <row r="117448" spans="1:7" x14ac:dyDescent="0.3">
      <c r="A117448" s="13" t="s">
        <v>555</v>
      </c>
      <c r="B117448" s="14" t="s">
        <v>1</v>
      </c>
      <c r="C117448" s="14" t="s">
        <v>546</v>
      </c>
      <c r="D117448" s="14" t="s">
        <v>18</v>
      </c>
      <c r="E117448" s="15">
        <v>45659</v>
      </c>
      <c r="F117448" s="14" t="s">
        <v>15</v>
      </c>
      <c r="G117448" s="16">
        <v>0.8912900624055814</v>
      </c>
    </row>
    <row r="117449" spans="1:7" x14ac:dyDescent="0.3">
      <c r="A117449" s="13" t="s">
        <v>555</v>
      </c>
      <c r="B117449" s="14" t="s">
        <v>1</v>
      </c>
      <c r="C117449" s="14" t="s">
        <v>546</v>
      </c>
      <c r="D117449" s="14" t="s">
        <v>18</v>
      </c>
      <c r="E117449" s="15">
        <v>45660</v>
      </c>
      <c r="F117449" s="14" t="s">
        <v>15</v>
      </c>
      <c r="G117449" s="16">
        <v>1.0110782355704393</v>
      </c>
    </row>
    <row r="117450" spans="1:7" x14ac:dyDescent="0.3">
      <c r="A117450" s="13" t="s">
        <v>555</v>
      </c>
      <c r="B117450" s="14" t="s">
        <v>1</v>
      </c>
      <c r="C117450" s="14" t="s">
        <v>546</v>
      </c>
      <c r="D117450" s="14" t="s">
        <v>18</v>
      </c>
      <c r="E117450" s="15">
        <v>45661</v>
      </c>
      <c r="F117450" s="14" t="s">
        <v>15</v>
      </c>
      <c r="G117450" s="16">
        <v>1.0110782355704393</v>
      </c>
    </row>
    <row r="117451" spans="1:7" x14ac:dyDescent="0.3">
      <c r="A117451" s="13" t="s">
        <v>555</v>
      </c>
      <c r="B117451" s="14" t="s">
        <v>1</v>
      </c>
      <c r="C117451" s="14" t="s">
        <v>546</v>
      </c>
      <c r="D117451" s="14" t="s">
        <v>18</v>
      </c>
      <c r="E117451" s="15">
        <v>45662</v>
      </c>
      <c r="F117451" s="14" t="s">
        <v>15</v>
      </c>
      <c r="G117451" s="16">
        <v>1.0110782355704393</v>
      </c>
    </row>
    <row r="117452" spans="1:7" x14ac:dyDescent="0.3">
      <c r="A117452" s="13" t="s">
        <v>555</v>
      </c>
      <c r="B117452" s="14" t="s">
        <v>1</v>
      </c>
      <c r="C117452" s="14" t="s">
        <v>546</v>
      </c>
      <c r="D117452" s="14" t="s">
        <v>18</v>
      </c>
      <c r="E117452" s="15">
        <v>45663</v>
      </c>
      <c r="F117452" s="14" t="s">
        <v>15</v>
      </c>
      <c r="G117452" s="16">
        <v>1.0096650393601661</v>
      </c>
    </row>
    <row r="117453" spans="1:7" x14ac:dyDescent="0.3">
      <c r="A117453" s="13" t="s">
        <v>555</v>
      </c>
      <c r="B117453" s="14" t="s">
        <v>1</v>
      </c>
      <c r="C117453" s="14" t="s">
        <v>546</v>
      </c>
      <c r="D117453" s="14" t="s">
        <v>18</v>
      </c>
      <c r="E117453" s="15">
        <v>45664</v>
      </c>
      <c r="F117453" s="14" t="s">
        <v>15</v>
      </c>
      <c r="G117453" s="16">
        <v>1.0073373615857382</v>
      </c>
    </row>
    <row r="117454" spans="1:7" x14ac:dyDescent="0.3">
      <c r="A117454" s="13" t="s">
        <v>555</v>
      </c>
      <c r="B117454" s="14" t="s">
        <v>1</v>
      </c>
      <c r="C117454" s="14" t="s">
        <v>546</v>
      </c>
      <c r="D117454" s="14" t="s">
        <v>18</v>
      </c>
      <c r="E117454" s="15">
        <v>45665</v>
      </c>
      <c r="F117454" s="14" t="s">
        <v>15</v>
      </c>
      <c r="G117454" s="16">
        <v>1.0073325629568408</v>
      </c>
    </row>
    <row r="117455" spans="1:7" x14ac:dyDescent="0.3">
      <c r="A117455" s="13" t="s">
        <v>555</v>
      </c>
      <c r="B117455" s="14" t="s">
        <v>1</v>
      </c>
      <c r="C117455" s="14" t="s">
        <v>546</v>
      </c>
      <c r="D117455" s="14" t="s">
        <v>18</v>
      </c>
      <c r="E117455" s="15">
        <v>45666</v>
      </c>
      <c r="F117455" s="14" t="s">
        <v>15</v>
      </c>
      <c r="G117455" s="16">
        <v>1.0059344481516734</v>
      </c>
    </row>
    <row r="117456" spans="1:7" x14ac:dyDescent="0.3">
      <c r="A117456" s="13" t="s">
        <v>555</v>
      </c>
      <c r="B117456" s="14" t="s">
        <v>1</v>
      </c>
      <c r="C117456" s="14" t="s">
        <v>546</v>
      </c>
      <c r="D117456" s="14" t="s">
        <v>18</v>
      </c>
      <c r="E117456" s="15">
        <v>45667</v>
      </c>
      <c r="F117456" s="14" t="s">
        <v>15</v>
      </c>
      <c r="G117456" s="16">
        <v>1.004546273363508</v>
      </c>
    </row>
    <row r="117457" spans="1:7" x14ac:dyDescent="0.3">
      <c r="A117457" s="13" t="s">
        <v>555</v>
      </c>
      <c r="B117457" s="14" t="s">
        <v>1</v>
      </c>
      <c r="C117457" s="14" t="s">
        <v>546</v>
      </c>
      <c r="D117457" s="14" t="s">
        <v>18</v>
      </c>
      <c r="E117457" s="15">
        <v>45668</v>
      </c>
      <c r="F117457" s="14" t="s">
        <v>15</v>
      </c>
      <c r="G117457" s="16">
        <v>1.004546273363508</v>
      </c>
    </row>
    <row r="117458" spans="1:7" x14ac:dyDescent="0.3">
      <c r="A117458" s="13" t="s">
        <v>555</v>
      </c>
      <c r="B117458" s="14" t="s">
        <v>1</v>
      </c>
      <c r="C117458" s="14" t="s">
        <v>546</v>
      </c>
      <c r="D117458" s="14" t="s">
        <v>18</v>
      </c>
      <c r="E117458" s="15">
        <v>45669</v>
      </c>
      <c r="F117458" s="14" t="s">
        <v>15</v>
      </c>
      <c r="G117458" s="16">
        <v>1.004546273363508</v>
      </c>
    </row>
    <row r="117459" spans="1:7" x14ac:dyDescent="0.3">
      <c r="A117459" s="13" t="s">
        <v>555</v>
      </c>
      <c r="B117459" s="14" t="s">
        <v>1</v>
      </c>
      <c r="C117459" s="14" t="s">
        <v>546</v>
      </c>
      <c r="D117459" s="14" t="s">
        <v>18</v>
      </c>
      <c r="E117459" s="15">
        <v>45670</v>
      </c>
      <c r="F117459" s="14" t="s">
        <v>15</v>
      </c>
      <c r="G117459" s="16">
        <v>1.0217274213713072</v>
      </c>
    </row>
    <row r="117460" spans="1:7" x14ac:dyDescent="0.3">
      <c r="A117460" s="13" t="s">
        <v>555</v>
      </c>
      <c r="B117460" s="14" t="s">
        <v>1</v>
      </c>
      <c r="C117460" s="14" t="s">
        <v>546</v>
      </c>
      <c r="D117460" s="14" t="s">
        <v>18</v>
      </c>
      <c r="E117460" s="15">
        <v>45671</v>
      </c>
      <c r="F117460" s="14" t="s">
        <v>15</v>
      </c>
      <c r="G117460" s="16">
        <v>1.0175892894657459</v>
      </c>
    </row>
    <row r="117461" spans="1:7" x14ac:dyDescent="0.3">
      <c r="A117461" s="13" t="s">
        <v>555</v>
      </c>
      <c r="B117461" s="14" t="s">
        <v>1</v>
      </c>
      <c r="C117461" s="14" t="s">
        <v>546</v>
      </c>
      <c r="D117461" s="14" t="s">
        <v>18</v>
      </c>
      <c r="E117461" s="15">
        <v>45672</v>
      </c>
      <c r="F117461" s="14" t="s">
        <v>15</v>
      </c>
      <c r="G117461" s="16">
        <v>1.0160437882015885</v>
      </c>
    </row>
    <row r="117462" spans="1:7" x14ac:dyDescent="0.3">
      <c r="A117462" s="13" t="s">
        <v>555</v>
      </c>
      <c r="B117462" s="14" t="s">
        <v>1</v>
      </c>
      <c r="C117462" s="14" t="s">
        <v>546</v>
      </c>
      <c r="D117462" s="14" t="s">
        <v>18</v>
      </c>
      <c r="E117462" s="15">
        <v>45673</v>
      </c>
      <c r="F117462" s="14" t="s">
        <v>15</v>
      </c>
      <c r="G117462" s="16">
        <v>1.0146449878780073</v>
      </c>
    </row>
    <row r="117463" spans="1:7" x14ac:dyDescent="0.3">
      <c r="A117463" s="13" t="s">
        <v>555</v>
      </c>
      <c r="B117463" s="14" t="s">
        <v>1</v>
      </c>
      <c r="C117463" s="14" t="s">
        <v>546</v>
      </c>
      <c r="D117463" s="14" t="s">
        <v>18</v>
      </c>
      <c r="E117463" s="15">
        <v>45674</v>
      </c>
      <c r="F117463" s="14" t="s">
        <v>15</v>
      </c>
      <c r="G117463" s="16">
        <v>1.0132503006649096</v>
      </c>
    </row>
    <row r="117464" spans="1:7" x14ac:dyDescent="0.3">
      <c r="A117464" s="13" t="s">
        <v>555</v>
      </c>
      <c r="B117464" s="14" t="s">
        <v>1</v>
      </c>
      <c r="C117464" s="14" t="s">
        <v>546</v>
      </c>
      <c r="D117464" s="14" t="s">
        <v>18</v>
      </c>
      <c r="E117464" s="15">
        <v>45675</v>
      </c>
      <c r="F117464" s="14" t="s">
        <v>15</v>
      </c>
      <c r="G117464" s="16">
        <v>1.0132503006649096</v>
      </c>
    </row>
    <row r="117465" spans="1:7" x14ac:dyDescent="0.3">
      <c r="A117465" s="13" t="s">
        <v>555</v>
      </c>
      <c r="B117465" s="14" t="s">
        <v>1</v>
      </c>
      <c r="C117465" s="14" t="s">
        <v>546</v>
      </c>
      <c r="D117465" s="14" t="s">
        <v>18</v>
      </c>
      <c r="E117465" s="15">
        <v>45676</v>
      </c>
      <c r="F117465" s="14" t="s">
        <v>15</v>
      </c>
      <c r="G117465" s="16">
        <v>1.0132503006649096</v>
      </c>
    </row>
    <row r="117466" spans="1:7" x14ac:dyDescent="0.3">
      <c r="A117466" s="13" t="s">
        <v>555</v>
      </c>
      <c r="B117466" s="14" t="s">
        <v>1</v>
      </c>
      <c r="C117466" s="14" t="s">
        <v>546</v>
      </c>
      <c r="D117466" s="14" t="s">
        <v>18</v>
      </c>
      <c r="E117466" s="15">
        <v>45677</v>
      </c>
      <c r="F117466" s="14" t="s">
        <v>15</v>
      </c>
      <c r="G117466" s="16">
        <v>1.0118439596387754</v>
      </c>
    </row>
    <row r="117467" spans="1:7" x14ac:dyDescent="0.3">
      <c r="A117467" s="13" t="s">
        <v>555</v>
      </c>
      <c r="B117467" s="14" t="s">
        <v>1</v>
      </c>
      <c r="C117467" s="14" t="s">
        <v>546</v>
      </c>
      <c r="D117467" s="14" t="s">
        <v>18</v>
      </c>
      <c r="E117467" s="15">
        <v>45678</v>
      </c>
      <c r="F117467" s="14" t="s">
        <v>15</v>
      </c>
      <c r="G117467" s="16">
        <v>1.0075461313748306</v>
      </c>
    </row>
    <row r="117468" spans="1:7" x14ac:dyDescent="0.3">
      <c r="A117468" s="13" t="s">
        <v>555</v>
      </c>
      <c r="B117468" s="14" t="s">
        <v>1</v>
      </c>
      <c r="C117468" s="14" t="s">
        <v>546</v>
      </c>
      <c r="D117468" s="14" t="s">
        <v>18</v>
      </c>
      <c r="E117468" s="15">
        <v>45679</v>
      </c>
      <c r="F117468" s="14" t="s">
        <v>15</v>
      </c>
      <c r="G117468" s="16">
        <v>1.0061095233324167</v>
      </c>
    </row>
    <row r="117469" spans="1:7" x14ac:dyDescent="0.3">
      <c r="A117469" s="13" t="s">
        <v>555</v>
      </c>
      <c r="B117469" s="14" t="s">
        <v>1</v>
      </c>
      <c r="C117469" s="14" t="s">
        <v>546</v>
      </c>
      <c r="D117469" s="14" t="s">
        <v>18</v>
      </c>
      <c r="E117469" s="15">
        <v>45680</v>
      </c>
      <c r="F117469" s="14" t="s">
        <v>15</v>
      </c>
      <c r="G117469" s="16">
        <v>1.0046600921257887</v>
      </c>
    </row>
    <row r="117470" spans="1:7" x14ac:dyDescent="0.3">
      <c r="A117470" s="13" t="s">
        <v>555</v>
      </c>
      <c r="B117470" s="14" t="s">
        <v>1</v>
      </c>
      <c r="C117470" s="14" t="s">
        <v>546</v>
      </c>
      <c r="D117470" s="14" t="s">
        <v>18</v>
      </c>
      <c r="E117470" s="15">
        <v>45681</v>
      </c>
      <c r="F117470" s="14" t="s">
        <v>15</v>
      </c>
      <c r="G117470" s="16">
        <v>1.0032212213581686</v>
      </c>
    </row>
    <row r="117471" spans="1:7" x14ac:dyDescent="0.3">
      <c r="A117471" s="13" t="s">
        <v>555</v>
      </c>
      <c r="B117471" s="14" t="s">
        <v>1</v>
      </c>
      <c r="C117471" s="14" t="s">
        <v>546</v>
      </c>
      <c r="D117471" s="14" t="s">
        <v>18</v>
      </c>
      <c r="E117471" s="15">
        <v>45682</v>
      </c>
      <c r="F117471" s="14" t="s">
        <v>15</v>
      </c>
      <c r="G117471" s="16">
        <v>1.0032212213581686</v>
      </c>
    </row>
    <row r="117472" spans="1:7" x14ac:dyDescent="0.3">
      <c r="A117472" s="13" t="s">
        <v>555</v>
      </c>
      <c r="B117472" s="14" t="s">
        <v>1</v>
      </c>
      <c r="C117472" s="14" t="s">
        <v>546</v>
      </c>
      <c r="D117472" s="14" t="s">
        <v>18</v>
      </c>
      <c r="E117472" s="15">
        <v>45683</v>
      </c>
      <c r="F117472" s="14" t="s">
        <v>15</v>
      </c>
      <c r="G117472" s="16">
        <v>1.0032212213581686</v>
      </c>
    </row>
    <row r="117473" spans="1:7" x14ac:dyDescent="0.3">
      <c r="A117473" s="13" t="s">
        <v>555</v>
      </c>
      <c r="B117473" s="14" t="s">
        <v>1</v>
      </c>
      <c r="C117473" s="14" t="s">
        <v>546</v>
      </c>
      <c r="D117473" s="14" t="s">
        <v>18</v>
      </c>
      <c r="E117473" s="15">
        <v>45684</v>
      </c>
      <c r="F117473" s="14" t="s">
        <v>15</v>
      </c>
      <c r="G117473" s="16">
        <v>1.0280072078215277</v>
      </c>
    </row>
    <row r="117474" spans="1:7" x14ac:dyDescent="0.3">
      <c r="A117474" s="13" t="s">
        <v>555</v>
      </c>
      <c r="B117474" s="14" t="s">
        <v>1</v>
      </c>
      <c r="C117474" s="14" t="s">
        <v>546</v>
      </c>
      <c r="D117474" s="14" t="s">
        <v>18</v>
      </c>
      <c r="E117474" s="15">
        <v>45685</v>
      </c>
      <c r="F117474" s="14" t="s">
        <v>15</v>
      </c>
      <c r="G117474" s="16">
        <v>1.0280072078215277</v>
      </c>
    </row>
    <row r="117475" spans="1:7" x14ac:dyDescent="0.3">
      <c r="A117475" s="13" t="s">
        <v>555</v>
      </c>
      <c r="B117475" s="14" t="s">
        <v>1</v>
      </c>
      <c r="C117475" s="14" t="s">
        <v>546</v>
      </c>
      <c r="D117475" s="14" t="s">
        <v>18</v>
      </c>
      <c r="E117475" s="15">
        <v>45686</v>
      </c>
      <c r="F117475" s="14" t="s">
        <v>15</v>
      </c>
      <c r="G117475" s="16">
        <v>1.0280072078215277</v>
      </c>
    </row>
    <row r="117476" spans="1:7" x14ac:dyDescent="0.3">
      <c r="A117476" s="13" t="s">
        <v>555</v>
      </c>
      <c r="B117476" s="14" t="s">
        <v>1</v>
      </c>
      <c r="C117476" s="14" t="s">
        <v>546</v>
      </c>
      <c r="D117476" s="14" t="s">
        <v>18</v>
      </c>
      <c r="E117476" s="15">
        <v>45687</v>
      </c>
      <c r="F117476" s="14" t="s">
        <v>15</v>
      </c>
      <c r="G117476" s="16">
        <v>1.0280072078215277</v>
      </c>
    </row>
    <row r="117477" spans="1:7" x14ac:dyDescent="0.3">
      <c r="A117477" s="13" t="s">
        <v>555</v>
      </c>
      <c r="B117477" s="14" t="s">
        <v>1</v>
      </c>
      <c r="C117477" s="14" t="s">
        <v>546</v>
      </c>
      <c r="D117477" s="14" t="s">
        <v>18</v>
      </c>
      <c r="E117477" s="15">
        <v>45688</v>
      </c>
      <c r="F117477" s="14" t="s">
        <v>15</v>
      </c>
      <c r="G117477" s="16">
        <v>1.0280072078215277</v>
      </c>
    </row>
    <row r="117478" spans="1:7" x14ac:dyDescent="0.3">
      <c r="A117478" s="13" t="s">
        <v>555</v>
      </c>
      <c r="B117478" s="14" t="s">
        <v>1</v>
      </c>
      <c r="C117478" s="14" t="s">
        <v>546</v>
      </c>
      <c r="D117478" s="14" t="s">
        <v>18</v>
      </c>
      <c r="E117478" s="15">
        <v>45689</v>
      </c>
      <c r="F117478" s="14" t="s">
        <v>15</v>
      </c>
      <c r="G117478" s="16">
        <v>1.0280072078215277</v>
      </c>
    </row>
    <row r="117479" spans="1:7" x14ac:dyDescent="0.3">
      <c r="A117479" s="13" t="s">
        <v>555</v>
      </c>
      <c r="B117479" s="14" t="s">
        <v>1</v>
      </c>
      <c r="C117479" s="14" t="s">
        <v>546</v>
      </c>
      <c r="D117479" s="14" t="s">
        <v>18</v>
      </c>
      <c r="E117479" s="15">
        <v>45690</v>
      </c>
      <c r="F117479" s="14" t="s">
        <v>15</v>
      </c>
      <c r="G117479" s="16">
        <v>1.0280072078215277</v>
      </c>
    </row>
    <row r="117480" spans="1:7" x14ac:dyDescent="0.3">
      <c r="A117480" s="13" t="s">
        <v>555</v>
      </c>
      <c r="B117480" s="14" t="s">
        <v>1</v>
      </c>
      <c r="C117480" s="14" t="s">
        <v>546</v>
      </c>
      <c r="D117480" s="14" t="s">
        <v>18</v>
      </c>
      <c r="E117480" s="15">
        <v>45691</v>
      </c>
      <c r="F117480" s="14" t="s">
        <v>15</v>
      </c>
      <c r="G117480" s="16">
        <v>1.0280072078215277</v>
      </c>
    </row>
    <row r="117481" spans="1:7" x14ac:dyDescent="0.3">
      <c r="A117481" s="13" t="s">
        <v>555</v>
      </c>
      <c r="B117481" s="14" t="s">
        <v>1</v>
      </c>
      <c r="C117481" s="14" t="s">
        <v>546</v>
      </c>
      <c r="D117481" s="14" t="s">
        <v>18</v>
      </c>
      <c r="E117481" s="15">
        <v>45692</v>
      </c>
      <c r="F117481" s="14" t="s">
        <v>15</v>
      </c>
      <c r="G117481" s="16">
        <v>1.0280072078215277</v>
      </c>
    </row>
    <row r="117482" spans="1:7" x14ac:dyDescent="0.3">
      <c r="A117482" s="13" t="s">
        <v>555</v>
      </c>
      <c r="B117482" s="14" t="s">
        <v>1</v>
      </c>
      <c r="C117482" s="14" t="s">
        <v>546</v>
      </c>
      <c r="D117482" s="14" t="s">
        <v>18</v>
      </c>
      <c r="E117482" s="15">
        <v>45693</v>
      </c>
      <c r="F117482" s="14" t="s">
        <v>15</v>
      </c>
      <c r="G117482" s="16">
        <v>1.0236283456691986</v>
      </c>
    </row>
    <row r="117483" spans="1:7" x14ac:dyDescent="0.3">
      <c r="A117483" s="13" t="s">
        <v>555</v>
      </c>
      <c r="B117483" s="14" t="s">
        <v>1</v>
      </c>
      <c r="C117483" s="14" t="s">
        <v>546</v>
      </c>
      <c r="D117483" s="14" t="s">
        <v>18</v>
      </c>
      <c r="E117483" s="15">
        <v>45694</v>
      </c>
      <c r="F117483" s="14" t="s">
        <v>15</v>
      </c>
      <c r="G117483" s="16">
        <v>1.01239561232192</v>
      </c>
    </row>
    <row r="117484" spans="1:7" x14ac:dyDescent="0.3">
      <c r="A117484" s="13" t="s">
        <v>555</v>
      </c>
      <c r="B117484" s="14" t="s">
        <v>1</v>
      </c>
      <c r="C117484" s="14" t="s">
        <v>546</v>
      </c>
      <c r="D117484" s="14" t="s">
        <v>18</v>
      </c>
      <c r="E117484" s="15">
        <v>45695</v>
      </c>
      <c r="F117484" s="14" t="s">
        <v>15</v>
      </c>
      <c r="G117484" s="16">
        <v>1.0109257779660414</v>
      </c>
    </row>
    <row r="117485" spans="1:7" x14ac:dyDescent="0.3">
      <c r="A117485" s="13" t="s">
        <v>555</v>
      </c>
      <c r="B117485" s="14" t="s">
        <v>1</v>
      </c>
      <c r="C117485" s="14" t="s">
        <v>546</v>
      </c>
      <c r="D117485" s="14" t="s">
        <v>18</v>
      </c>
      <c r="E117485" s="15">
        <v>45696</v>
      </c>
      <c r="F117485" s="14" t="s">
        <v>15</v>
      </c>
      <c r="G117485" s="16">
        <v>1.0109257779660414</v>
      </c>
    </row>
    <row r="117486" spans="1:7" x14ac:dyDescent="0.3">
      <c r="A117486" s="13" t="s">
        <v>555</v>
      </c>
      <c r="B117486" s="14" t="s">
        <v>1</v>
      </c>
      <c r="C117486" s="14" t="s">
        <v>546</v>
      </c>
      <c r="D117486" s="14" t="s">
        <v>18</v>
      </c>
      <c r="E117486" s="15">
        <v>45697</v>
      </c>
      <c r="F117486" s="14" t="s">
        <v>15</v>
      </c>
      <c r="G117486" s="16">
        <v>1.0109257779660414</v>
      </c>
    </row>
    <row r="117487" spans="1:7" x14ac:dyDescent="0.3">
      <c r="A117487" s="13" t="s">
        <v>555</v>
      </c>
      <c r="B117487" s="14" t="s">
        <v>1</v>
      </c>
      <c r="C117487" s="14" t="s">
        <v>546</v>
      </c>
      <c r="D117487" s="14" t="s">
        <v>18</v>
      </c>
      <c r="E117487" s="15">
        <v>45698</v>
      </c>
      <c r="F117487" s="14" t="s">
        <v>15</v>
      </c>
      <c r="G117487" s="16">
        <v>1.0094372133266207</v>
      </c>
    </row>
    <row r="117488" spans="1:7" x14ac:dyDescent="0.3">
      <c r="A117488" s="13" t="s">
        <v>555</v>
      </c>
      <c r="B117488" s="14" t="s">
        <v>1</v>
      </c>
      <c r="C117488" s="14" t="s">
        <v>546</v>
      </c>
      <c r="D117488" s="14" t="s">
        <v>18</v>
      </c>
      <c r="E117488" s="15">
        <v>45699</v>
      </c>
      <c r="F117488" s="14" t="s">
        <v>15</v>
      </c>
      <c r="G117488" s="16">
        <v>1.004910892437944</v>
      </c>
    </row>
    <row r="117489" spans="1:7" x14ac:dyDescent="0.3">
      <c r="A117489" s="13" t="s">
        <v>555</v>
      </c>
      <c r="B117489" s="14" t="s">
        <v>1</v>
      </c>
      <c r="C117489" s="14" t="s">
        <v>546</v>
      </c>
      <c r="D117489" s="14" t="s">
        <v>18</v>
      </c>
      <c r="E117489" s="15">
        <v>45700</v>
      </c>
      <c r="F117489" s="14" t="s">
        <v>15</v>
      </c>
      <c r="G117489" s="16">
        <v>1.0033883175468274</v>
      </c>
    </row>
    <row r="117490" spans="1:7" x14ac:dyDescent="0.3">
      <c r="A117490" s="13" t="s">
        <v>555</v>
      </c>
      <c r="B117490" s="14" t="s">
        <v>1</v>
      </c>
      <c r="C117490" s="14" t="s">
        <v>546</v>
      </c>
      <c r="D117490" s="14" t="s">
        <v>18</v>
      </c>
      <c r="E117490" s="15">
        <v>45701</v>
      </c>
      <c r="F117490" s="14" t="s">
        <v>15</v>
      </c>
      <c r="G117490" s="16">
        <v>1.0018770794062761</v>
      </c>
    </row>
    <row r="117491" spans="1:7" x14ac:dyDescent="0.3">
      <c r="A117491" s="13" t="s">
        <v>555</v>
      </c>
      <c r="B117491" s="14" t="s">
        <v>1</v>
      </c>
      <c r="C117491" s="14" t="s">
        <v>546</v>
      </c>
      <c r="D117491" s="14" t="s">
        <v>18</v>
      </c>
      <c r="E117491" s="15">
        <v>45702</v>
      </c>
      <c r="F117491" s="14" t="s">
        <v>15</v>
      </c>
      <c r="G117491" s="16">
        <v>1.0003367600360142</v>
      </c>
    </row>
    <row r="117492" spans="1:7" x14ac:dyDescent="0.3">
      <c r="A117492" s="13" t="s">
        <v>555</v>
      </c>
      <c r="B117492" s="14" t="s">
        <v>1</v>
      </c>
      <c r="C117492" s="14" t="s">
        <v>546</v>
      </c>
      <c r="D117492" s="14" t="s">
        <v>18</v>
      </c>
      <c r="E117492" s="15">
        <v>45703</v>
      </c>
      <c r="F117492" s="14" t="s">
        <v>15</v>
      </c>
      <c r="G117492" s="16">
        <v>1.0003367600360142</v>
      </c>
    </row>
    <row r="117493" spans="1:7" x14ac:dyDescent="0.3">
      <c r="A117493" s="13" t="s">
        <v>555</v>
      </c>
      <c r="B117493" s="14" t="s">
        <v>1</v>
      </c>
      <c r="C117493" s="14" t="s">
        <v>546</v>
      </c>
      <c r="D117493" s="14" t="s">
        <v>18</v>
      </c>
      <c r="E117493" s="15">
        <v>45704</v>
      </c>
      <c r="F117493" s="14" t="s">
        <v>15</v>
      </c>
      <c r="G117493" s="16">
        <v>1.0003367600360142</v>
      </c>
    </row>
    <row r="117494" spans="1:7" x14ac:dyDescent="0.3">
      <c r="A117494" s="13" t="s">
        <v>555</v>
      </c>
      <c r="B117494" s="14" t="s">
        <v>1</v>
      </c>
      <c r="C117494" s="14" t="s">
        <v>546</v>
      </c>
      <c r="D117494" s="14" t="s">
        <v>18</v>
      </c>
      <c r="E117494" s="15">
        <v>45705</v>
      </c>
      <c r="F117494" s="14" t="s">
        <v>15</v>
      </c>
      <c r="G117494" s="16">
        <v>0.99880087678553853</v>
      </c>
    </row>
    <row r="117495" spans="1:7" x14ac:dyDescent="0.3">
      <c r="A117495" s="13" t="s">
        <v>555</v>
      </c>
      <c r="B117495" s="14" t="s">
        <v>1</v>
      </c>
      <c r="C117495" s="14" t="s">
        <v>546</v>
      </c>
      <c r="D117495" s="14" t="s">
        <v>18</v>
      </c>
      <c r="E117495" s="15">
        <v>45706</v>
      </c>
      <c r="F117495" s="14" t="s">
        <v>15</v>
      </c>
      <c r="G117495" s="16">
        <v>0.99403894864598663</v>
      </c>
    </row>
    <row r="117496" spans="1:7" x14ac:dyDescent="0.3">
      <c r="A117496" s="13" t="s">
        <v>555</v>
      </c>
      <c r="B117496" s="14" t="s">
        <v>1</v>
      </c>
      <c r="C117496" s="14" t="s">
        <v>546</v>
      </c>
      <c r="D117496" s="14" t="s">
        <v>18</v>
      </c>
      <c r="E117496" s="15">
        <v>45707</v>
      </c>
      <c r="F117496" s="14" t="s">
        <v>15</v>
      </c>
      <c r="G117496" s="16">
        <v>0.99238131855248579</v>
      </c>
    </row>
    <row r="117497" spans="1:7" x14ac:dyDescent="0.3">
      <c r="A117497" s="13" t="s">
        <v>555</v>
      </c>
      <c r="B117497" s="14" t="s">
        <v>1</v>
      </c>
      <c r="C117497" s="14" t="s">
        <v>546</v>
      </c>
      <c r="D117497" s="14" t="s">
        <v>18</v>
      </c>
      <c r="E117497" s="15">
        <v>45708</v>
      </c>
      <c r="F117497" s="14" t="s">
        <v>15</v>
      </c>
      <c r="G117497" s="16">
        <v>0.99077396448323007</v>
      </c>
    </row>
    <row r="117498" spans="1:7" x14ac:dyDescent="0.3">
      <c r="A117498" s="13" t="s">
        <v>555</v>
      </c>
      <c r="B117498" s="14" t="s">
        <v>1</v>
      </c>
      <c r="C117498" s="14" t="s">
        <v>546</v>
      </c>
      <c r="D117498" s="14" t="s">
        <v>18</v>
      </c>
      <c r="E117498" s="15">
        <v>45709</v>
      </c>
      <c r="F117498" s="14" t="s">
        <v>15</v>
      </c>
      <c r="G117498" s="16">
        <v>0.98916463880518046</v>
      </c>
    </row>
    <row r="117499" spans="1:7" x14ac:dyDescent="0.3">
      <c r="A117499" s="13" t="s">
        <v>555</v>
      </c>
      <c r="B117499" s="14" t="s">
        <v>1</v>
      </c>
      <c r="C117499" s="14" t="s">
        <v>546</v>
      </c>
      <c r="D117499" s="14" t="s">
        <v>18</v>
      </c>
      <c r="E117499" s="15">
        <v>45710</v>
      </c>
      <c r="F117499" s="14" t="s">
        <v>15</v>
      </c>
      <c r="G117499" s="16">
        <v>0.98916463880518046</v>
      </c>
    </row>
    <row r="117500" spans="1:7" x14ac:dyDescent="0.3">
      <c r="A117500" s="13" t="s">
        <v>555</v>
      </c>
      <c r="B117500" s="14" t="s">
        <v>1</v>
      </c>
      <c r="C117500" s="14" t="s">
        <v>546</v>
      </c>
      <c r="D117500" s="14" t="s">
        <v>18</v>
      </c>
      <c r="E117500" s="15">
        <v>45711</v>
      </c>
      <c r="F117500" s="14" t="s">
        <v>15</v>
      </c>
      <c r="G117500" s="16">
        <v>0.98916463880518046</v>
      </c>
    </row>
    <row r="117501" spans="1:7" x14ac:dyDescent="0.3">
      <c r="A117501" s="13" t="s">
        <v>555</v>
      </c>
      <c r="B117501" s="14" t="s">
        <v>1</v>
      </c>
      <c r="C117501" s="14" t="s">
        <v>546</v>
      </c>
      <c r="D117501" s="14" t="s">
        <v>18</v>
      </c>
      <c r="E117501" s="15">
        <v>45712</v>
      </c>
      <c r="F117501" s="14" t="s">
        <v>15</v>
      </c>
      <c r="G117501" s="16">
        <v>0.98756566407329893</v>
      </c>
    </row>
    <row r="117502" spans="1:7" x14ac:dyDescent="0.3">
      <c r="A117502" s="13" t="s">
        <v>555</v>
      </c>
      <c r="B117502" s="14" t="s">
        <v>1</v>
      </c>
      <c r="C117502" s="14" t="s">
        <v>546</v>
      </c>
      <c r="D117502" s="14" t="s">
        <v>18</v>
      </c>
      <c r="E117502" s="15">
        <v>45713</v>
      </c>
      <c r="F117502" s="14" t="s">
        <v>15</v>
      </c>
      <c r="G117502" s="16">
        <v>0.98261199697853685</v>
      </c>
    </row>
    <row r="117503" spans="1:7" x14ac:dyDescent="0.3">
      <c r="A117503" s="13" t="s">
        <v>555</v>
      </c>
      <c r="B117503" s="14" t="s">
        <v>1</v>
      </c>
      <c r="C117503" s="14" t="s">
        <v>546</v>
      </c>
      <c r="D117503" s="14" t="s">
        <v>18</v>
      </c>
      <c r="E117503" s="15">
        <v>45714</v>
      </c>
      <c r="F117503" s="14" t="s">
        <v>15</v>
      </c>
      <c r="G117503" s="16">
        <v>0.98097260426637967</v>
      </c>
    </row>
    <row r="117504" spans="1:7" x14ac:dyDescent="0.3">
      <c r="A117504" s="13" t="s">
        <v>555</v>
      </c>
      <c r="B117504" s="14" t="s">
        <v>1</v>
      </c>
      <c r="C117504" s="14" t="s">
        <v>546</v>
      </c>
      <c r="D117504" s="14" t="s">
        <v>18</v>
      </c>
      <c r="E117504" s="15">
        <v>45715</v>
      </c>
      <c r="F117504" s="14" t="s">
        <v>15</v>
      </c>
      <c r="G117504" s="16">
        <v>0.98199685503482892</v>
      </c>
    </row>
    <row r="117505" spans="1:7" x14ac:dyDescent="0.3">
      <c r="A117505" s="13" t="s">
        <v>555</v>
      </c>
      <c r="B117505" s="14" t="s">
        <v>1</v>
      </c>
      <c r="C117505" s="14" t="s">
        <v>546</v>
      </c>
      <c r="D117505" s="14" t="s">
        <v>18</v>
      </c>
      <c r="E117505" s="15">
        <v>45716</v>
      </c>
      <c r="F117505" s="14" t="s">
        <v>15</v>
      </c>
      <c r="G117505" s="16">
        <v>0.98035499781167956</v>
      </c>
    </row>
    <row r="117506" spans="1:7" x14ac:dyDescent="0.3">
      <c r="A117506" s="13" t="s">
        <v>555</v>
      </c>
      <c r="B117506" s="14" t="s">
        <v>1</v>
      </c>
      <c r="C117506" s="14" t="s">
        <v>546</v>
      </c>
      <c r="D117506" s="14" t="s">
        <v>18</v>
      </c>
      <c r="E117506" s="15">
        <v>45717</v>
      </c>
      <c r="F117506" s="14" t="s">
        <v>15</v>
      </c>
      <c r="G117506" s="16">
        <v>0.98035499781167956</v>
      </c>
    </row>
    <row r="117507" spans="1:7" x14ac:dyDescent="0.3">
      <c r="A117507" s="13" t="s">
        <v>555</v>
      </c>
      <c r="B117507" s="14" t="s">
        <v>1</v>
      </c>
      <c r="C117507" s="14" t="s">
        <v>546</v>
      </c>
      <c r="D117507" s="14" t="s">
        <v>18</v>
      </c>
      <c r="E117507" s="15">
        <v>45718</v>
      </c>
      <c r="F117507" s="14" t="s">
        <v>15</v>
      </c>
      <c r="G117507" s="16">
        <v>0.98035499781167956</v>
      </c>
    </row>
    <row r="117508" spans="1:7" x14ac:dyDescent="0.3">
      <c r="A117508" s="13" t="s">
        <v>555</v>
      </c>
      <c r="B117508" s="14" t="s">
        <v>1</v>
      </c>
      <c r="C117508" s="14" t="s">
        <v>546</v>
      </c>
      <c r="D117508" s="14" t="s">
        <v>18</v>
      </c>
      <c r="E117508" s="15">
        <v>45719</v>
      </c>
      <c r="F117508" s="14" t="s">
        <v>15</v>
      </c>
      <c r="G117508" s="16">
        <v>0.97872250573030106</v>
      </c>
    </row>
    <row r="117509" spans="1:7" x14ac:dyDescent="0.3">
      <c r="A117509" s="13" t="s">
        <v>555</v>
      </c>
      <c r="B117509" s="14" t="s">
        <v>1</v>
      </c>
      <c r="C117509" s="14" t="s">
        <v>546</v>
      </c>
      <c r="D117509" s="14" t="s">
        <v>18</v>
      </c>
      <c r="E117509" s="15">
        <v>45720</v>
      </c>
      <c r="F117509" s="14" t="s">
        <v>15</v>
      </c>
      <c r="G117509" s="16">
        <v>0.9756922335448126</v>
      </c>
    </row>
    <row r="117510" spans="1:7" x14ac:dyDescent="0.3">
      <c r="A117510" s="13" t="s">
        <v>555</v>
      </c>
      <c r="B117510" s="14" t="s">
        <v>1</v>
      </c>
      <c r="C117510" s="14" t="s">
        <v>546</v>
      </c>
      <c r="D117510" s="14" t="s">
        <v>18</v>
      </c>
      <c r="E117510" s="15">
        <v>45721</v>
      </c>
      <c r="F117510" s="14" t="s">
        <v>15</v>
      </c>
      <c r="G117510" s="16">
        <v>0.97411563869671414</v>
      </c>
    </row>
    <row r="117511" spans="1:7" x14ac:dyDescent="0.3">
      <c r="A117511" s="13" t="s">
        <v>555</v>
      </c>
      <c r="B117511" s="14" t="s">
        <v>1</v>
      </c>
      <c r="C117511" s="14" t="s">
        <v>546</v>
      </c>
      <c r="D117511" s="14" t="s">
        <v>18</v>
      </c>
      <c r="E117511" s="15">
        <v>45722</v>
      </c>
      <c r="F117511" s="14" t="s">
        <v>15</v>
      </c>
      <c r="G117511" s="16">
        <v>0.98248520374406134</v>
      </c>
    </row>
    <row r="117512" spans="1:7" x14ac:dyDescent="0.3">
      <c r="A117512" s="13" t="s">
        <v>555</v>
      </c>
      <c r="B117512" s="14" t="s">
        <v>1</v>
      </c>
      <c r="C117512" s="14" t="s">
        <v>546</v>
      </c>
      <c r="D117512" s="14" t="s">
        <v>18</v>
      </c>
      <c r="E117512" s="15">
        <v>45723</v>
      </c>
      <c r="F117512" s="14" t="s">
        <v>15</v>
      </c>
      <c r="G117512" s="16">
        <v>0.98087965725087867</v>
      </c>
    </row>
    <row r="117513" spans="1:7" x14ac:dyDescent="0.3">
      <c r="A117513" s="13" t="s">
        <v>555</v>
      </c>
      <c r="B117513" s="14" t="s">
        <v>1</v>
      </c>
      <c r="C117513" s="14" t="s">
        <v>546</v>
      </c>
      <c r="D117513" s="14" t="s">
        <v>18</v>
      </c>
      <c r="E117513" s="15">
        <v>45724</v>
      </c>
      <c r="F117513" s="14" t="s">
        <v>15</v>
      </c>
      <c r="G117513" s="16">
        <v>0.98087965725087867</v>
      </c>
    </row>
    <row r="117514" spans="1:7" x14ac:dyDescent="0.3">
      <c r="A117514" s="13" t="s">
        <v>555</v>
      </c>
      <c r="B117514" s="14" t="s">
        <v>1</v>
      </c>
      <c r="C117514" s="14" t="s">
        <v>546</v>
      </c>
      <c r="D117514" s="14" t="s">
        <v>18</v>
      </c>
      <c r="E117514" s="15">
        <v>45725</v>
      </c>
      <c r="F117514" s="14" t="s">
        <v>15</v>
      </c>
      <c r="G117514" s="16">
        <v>0.98087965725087867</v>
      </c>
    </row>
    <row r="117515" spans="1:7" x14ac:dyDescent="0.3">
      <c r="A117515" s="13" t="s">
        <v>555</v>
      </c>
      <c r="B117515" s="14" t="s">
        <v>1</v>
      </c>
      <c r="C117515" s="14" t="s">
        <v>546</v>
      </c>
      <c r="D117515" s="14" t="s">
        <v>18</v>
      </c>
      <c r="E117515" s="15">
        <v>45726</v>
      </c>
      <c r="F117515" s="14" t="s">
        <v>15</v>
      </c>
      <c r="G117515" s="16">
        <v>0.9792182391619193</v>
      </c>
    </row>
    <row r="117516" spans="1:7" x14ac:dyDescent="0.3">
      <c r="A117516" s="13" t="s">
        <v>555</v>
      </c>
      <c r="B117516" s="14" t="s">
        <v>1</v>
      </c>
      <c r="C117516" s="14" t="s">
        <v>546</v>
      </c>
      <c r="D117516" s="14" t="s">
        <v>18</v>
      </c>
      <c r="E117516" s="15">
        <v>45727</v>
      </c>
      <c r="F117516" s="14" t="s">
        <v>15</v>
      </c>
      <c r="G117516" s="16">
        <v>0.97424902744125463</v>
      </c>
    </row>
    <row r="117517" spans="1:7" x14ac:dyDescent="0.3">
      <c r="A117517" s="13" t="s">
        <v>555</v>
      </c>
      <c r="B117517" s="14" t="s">
        <v>1</v>
      </c>
      <c r="C117517" s="14" t="s">
        <v>546</v>
      </c>
      <c r="D117517" s="14" t="s">
        <v>18</v>
      </c>
      <c r="E117517" s="15">
        <v>45728</v>
      </c>
      <c r="F117517" s="14" t="s">
        <v>15</v>
      </c>
      <c r="G117517" s="16">
        <v>0.97261602561057314</v>
      </c>
    </row>
    <row r="117518" spans="1:7" x14ac:dyDescent="0.3">
      <c r="A117518" s="13" t="s">
        <v>555</v>
      </c>
      <c r="B117518" s="14" t="s">
        <v>1</v>
      </c>
      <c r="C117518" s="14" t="s">
        <v>546</v>
      </c>
      <c r="D117518" s="14" t="s">
        <v>18</v>
      </c>
      <c r="E117518" s="15">
        <v>45729</v>
      </c>
      <c r="F117518" s="14" t="s">
        <v>15</v>
      </c>
      <c r="G117518" s="16">
        <v>0.99020096413170555</v>
      </c>
    </row>
    <row r="117519" spans="1:7" x14ac:dyDescent="0.3">
      <c r="A117519" s="13" t="s">
        <v>555</v>
      </c>
      <c r="B117519" s="14" t="s">
        <v>1</v>
      </c>
      <c r="C117519" s="14" t="s">
        <v>546</v>
      </c>
      <c r="D117519" s="14" t="s">
        <v>18</v>
      </c>
      <c r="E117519" s="15">
        <v>45730</v>
      </c>
      <c r="F117519" s="14" t="s">
        <v>15</v>
      </c>
      <c r="G117519" s="16">
        <v>0.98857314150124809</v>
      </c>
    </row>
    <row r="117520" spans="1:7" x14ac:dyDescent="0.3">
      <c r="A117520" s="13" t="s">
        <v>555</v>
      </c>
      <c r="B117520" s="14" t="s">
        <v>1</v>
      </c>
      <c r="C117520" s="14" t="s">
        <v>546</v>
      </c>
      <c r="D117520" s="14" t="s">
        <v>18</v>
      </c>
      <c r="E117520" s="15">
        <v>45731</v>
      </c>
      <c r="F117520" s="14" t="s">
        <v>15</v>
      </c>
      <c r="G117520" s="16">
        <v>0.98857314150124809</v>
      </c>
    </row>
    <row r="117521" spans="1:7" x14ac:dyDescent="0.3">
      <c r="A117521" s="13" t="s">
        <v>555</v>
      </c>
      <c r="B117521" s="14" t="s">
        <v>1</v>
      </c>
      <c r="C117521" s="14" t="s">
        <v>546</v>
      </c>
      <c r="D117521" s="14" t="s">
        <v>18</v>
      </c>
      <c r="E117521" s="15">
        <v>45732</v>
      </c>
      <c r="F117521" s="14" t="s">
        <v>15</v>
      </c>
      <c r="G117521" s="16">
        <v>0.98857314150124809</v>
      </c>
    </row>
    <row r="117522" spans="1:7" x14ac:dyDescent="0.3">
      <c r="A117522" s="13" t="s">
        <v>555</v>
      </c>
      <c r="B117522" s="14" t="s">
        <v>1</v>
      </c>
      <c r="C117522" s="14" t="s">
        <v>546</v>
      </c>
      <c r="D117522" s="14" t="s">
        <v>18</v>
      </c>
      <c r="E117522" s="15">
        <v>45733</v>
      </c>
      <c r="F117522" s="14" t="s">
        <v>15</v>
      </c>
      <c r="G117522" s="16">
        <v>0.98857314150124809</v>
      </c>
    </row>
    <row r="117523" spans="1:7" x14ac:dyDescent="0.3">
      <c r="A117523" s="13" t="s">
        <v>555</v>
      </c>
      <c r="B117523" s="14" t="s">
        <v>1</v>
      </c>
      <c r="C117523" s="14" t="s">
        <v>546</v>
      </c>
      <c r="D117523" s="14" t="s">
        <v>18</v>
      </c>
      <c r="E117523" s="15">
        <v>45734</v>
      </c>
      <c r="F117523" s="14" t="s">
        <v>15</v>
      </c>
      <c r="G117523" s="16">
        <v>0.98695464143119427</v>
      </c>
    </row>
    <row r="117524" spans="1:7" x14ac:dyDescent="0.3">
      <c r="A117524" s="13" t="s">
        <v>555</v>
      </c>
      <c r="B117524" s="14" t="s">
        <v>1</v>
      </c>
      <c r="C117524" s="14" t="s">
        <v>546</v>
      </c>
      <c r="D117524" s="14" t="s">
        <v>18</v>
      </c>
      <c r="E117524" s="15">
        <v>45735</v>
      </c>
      <c r="F117524" s="14" t="s">
        <v>15</v>
      </c>
      <c r="G117524" s="16">
        <v>0.98807231283957075</v>
      </c>
    </row>
    <row r="117525" spans="1:7" x14ac:dyDescent="0.3">
      <c r="A117525" s="13" t="s">
        <v>555</v>
      </c>
      <c r="B117525" s="14" t="s">
        <v>1</v>
      </c>
      <c r="C117525" s="14" t="s">
        <v>546</v>
      </c>
      <c r="D117525" s="14" t="s">
        <v>18</v>
      </c>
      <c r="E117525" s="15">
        <v>45736</v>
      </c>
      <c r="F117525" s="14" t="s">
        <v>15</v>
      </c>
      <c r="G117525" s="16">
        <v>0.98636058716548158</v>
      </c>
    </row>
    <row r="117526" spans="1:7" x14ac:dyDescent="0.3">
      <c r="A117526" s="13" t="s">
        <v>555</v>
      </c>
      <c r="B117526" s="14" t="s">
        <v>1</v>
      </c>
      <c r="C117526" s="14" t="s">
        <v>546</v>
      </c>
      <c r="D117526" s="14" t="s">
        <v>18</v>
      </c>
      <c r="E117526" s="15">
        <v>45737</v>
      </c>
      <c r="F117526" s="14" t="s">
        <v>15</v>
      </c>
      <c r="G117526" s="16">
        <v>0.98465714821175132</v>
      </c>
    </row>
    <row r="117527" spans="1:7" x14ac:dyDescent="0.3">
      <c r="A117527" s="13" t="s">
        <v>555</v>
      </c>
      <c r="B117527" s="14" t="s">
        <v>1</v>
      </c>
      <c r="C117527" s="14" t="s">
        <v>546</v>
      </c>
      <c r="D117527" s="14" t="s">
        <v>18</v>
      </c>
      <c r="E117527" s="15">
        <v>45738</v>
      </c>
      <c r="F117527" s="14" t="s">
        <v>15</v>
      </c>
      <c r="G117527" s="16">
        <v>0.98465714821175132</v>
      </c>
    </row>
    <row r="117528" spans="1:7" x14ac:dyDescent="0.3">
      <c r="A117528" s="13" t="s">
        <v>555</v>
      </c>
      <c r="B117528" s="14" t="s">
        <v>1</v>
      </c>
      <c r="C117528" s="14" t="s">
        <v>546</v>
      </c>
      <c r="D117528" s="14" t="s">
        <v>18</v>
      </c>
      <c r="E117528" s="15">
        <v>45739</v>
      </c>
      <c r="F117528" s="14" t="s">
        <v>15</v>
      </c>
      <c r="G117528" s="16">
        <v>0.98465714821175132</v>
      </c>
    </row>
    <row r="117529" spans="1:7" x14ac:dyDescent="0.3">
      <c r="A117529" s="13" t="s">
        <v>555</v>
      </c>
      <c r="B117529" s="14" t="s">
        <v>1</v>
      </c>
      <c r="C117529" s="14" t="s">
        <v>546</v>
      </c>
      <c r="D117529" s="14" t="s">
        <v>18</v>
      </c>
      <c r="E117529" s="15">
        <v>45740</v>
      </c>
      <c r="F117529" s="14" t="s">
        <v>15</v>
      </c>
      <c r="G117529" s="16">
        <v>0.98298323069929883</v>
      </c>
    </row>
    <row r="117530" spans="1:7" x14ac:dyDescent="0.3">
      <c r="A117530" s="13" t="s">
        <v>555</v>
      </c>
      <c r="B117530" s="14" t="s">
        <v>1</v>
      </c>
      <c r="C117530" s="14" t="s">
        <v>546</v>
      </c>
      <c r="D117530" s="14" t="s">
        <v>18</v>
      </c>
      <c r="E117530" s="15">
        <v>45741</v>
      </c>
      <c r="F117530" s="14" t="s">
        <v>15</v>
      </c>
      <c r="G117530" s="16">
        <v>0.97807075928667142</v>
      </c>
    </row>
    <row r="117531" spans="1:7" x14ac:dyDescent="0.3">
      <c r="A117531" s="13" t="s">
        <v>555</v>
      </c>
      <c r="B117531" s="14" t="s">
        <v>1</v>
      </c>
      <c r="C117531" s="14" t="s">
        <v>546</v>
      </c>
      <c r="D117531" s="14" t="s">
        <v>18</v>
      </c>
      <c r="E117531" s="15">
        <v>45742</v>
      </c>
      <c r="F117531" s="14" t="s">
        <v>15</v>
      </c>
      <c r="G117531" s="16">
        <v>0.97642118401527267</v>
      </c>
    </row>
    <row r="117532" spans="1:7" x14ac:dyDescent="0.3">
      <c r="A117532" s="13" t="s">
        <v>555</v>
      </c>
      <c r="B117532" s="14" t="s">
        <v>1</v>
      </c>
      <c r="C117532" s="14" t="s">
        <v>546</v>
      </c>
      <c r="D117532" s="14" t="s">
        <v>18</v>
      </c>
      <c r="E117532" s="15">
        <v>45743</v>
      </c>
      <c r="F117532" s="14" t="s">
        <v>15</v>
      </c>
      <c r="G117532" s="16">
        <v>0.97590533567294513</v>
      </c>
    </row>
    <row r="117533" spans="1:7" x14ac:dyDescent="0.3">
      <c r="A117533" s="13" t="s">
        <v>555</v>
      </c>
      <c r="B117533" s="14" t="s">
        <v>1</v>
      </c>
      <c r="C117533" s="14" t="s">
        <v>546</v>
      </c>
      <c r="D117533" s="14" t="s">
        <v>18</v>
      </c>
      <c r="E117533" s="15">
        <v>45744</v>
      </c>
      <c r="F117533" s="14" t="s">
        <v>15</v>
      </c>
      <c r="G117533" s="16">
        <v>0.97428631768286877</v>
      </c>
    </row>
    <row r="117534" spans="1:7" x14ac:dyDescent="0.3">
      <c r="A117534" s="13" t="s">
        <v>555</v>
      </c>
      <c r="B117534" s="14" t="s">
        <v>1</v>
      </c>
      <c r="C117534" s="14" t="s">
        <v>546</v>
      </c>
      <c r="D117534" s="14" t="s">
        <v>18</v>
      </c>
      <c r="E117534" s="15">
        <v>45745</v>
      </c>
      <c r="F117534" s="14" t="s">
        <v>15</v>
      </c>
      <c r="G117534" s="16">
        <v>0.97428631768286877</v>
      </c>
    </row>
    <row r="117535" spans="1:7" x14ac:dyDescent="0.3">
      <c r="A117535" s="13" t="s">
        <v>555</v>
      </c>
      <c r="B117535" s="14" t="s">
        <v>1</v>
      </c>
      <c r="C117535" s="14" t="s">
        <v>546</v>
      </c>
      <c r="D117535" s="14" t="s">
        <v>18</v>
      </c>
      <c r="E117535" s="15">
        <v>45746</v>
      </c>
      <c r="F117535" s="14" t="s">
        <v>15</v>
      </c>
      <c r="G117535" s="16">
        <v>0.97428631768286877</v>
      </c>
    </row>
    <row r="117536" spans="1:7" x14ac:dyDescent="0.3">
      <c r="A117536" s="13" t="s">
        <v>555</v>
      </c>
      <c r="B117536" s="14" t="s">
        <v>1</v>
      </c>
      <c r="C117536" s="14" t="s">
        <v>546</v>
      </c>
      <c r="D117536" s="14" t="s">
        <v>18</v>
      </c>
      <c r="E117536" s="15">
        <v>45747</v>
      </c>
      <c r="F117536" s="14" t="s">
        <v>15</v>
      </c>
      <c r="G117536" s="16">
        <v>0.97428631768286877</v>
      </c>
    </row>
    <row r="117537" spans="1:7" x14ac:dyDescent="0.3">
      <c r="A117537" s="13" t="s">
        <v>556</v>
      </c>
      <c r="B117537" s="14" t="s">
        <v>1</v>
      </c>
      <c r="C117537" s="14" t="s">
        <v>546</v>
      </c>
      <c r="D117537" s="14" t="s">
        <v>39</v>
      </c>
      <c r="E117537" s="15">
        <v>45383</v>
      </c>
      <c r="F117537" s="14" t="s">
        <v>15</v>
      </c>
      <c r="G117537" s="16">
        <v>0</v>
      </c>
    </row>
    <row r="117538" spans="1:7" x14ac:dyDescent="0.3">
      <c r="A117538" s="13" t="s">
        <v>556</v>
      </c>
      <c r="B117538" s="14" t="s">
        <v>1</v>
      </c>
      <c r="C117538" s="14" t="s">
        <v>546</v>
      </c>
      <c r="D117538" s="14" t="s">
        <v>39</v>
      </c>
      <c r="E117538" s="15">
        <v>45384</v>
      </c>
      <c r="F117538" s="14" t="s">
        <v>15</v>
      </c>
      <c r="G117538" s="16">
        <v>0</v>
      </c>
    </row>
    <row r="117539" spans="1:7" x14ac:dyDescent="0.3">
      <c r="A117539" s="13" t="s">
        <v>556</v>
      </c>
      <c r="B117539" s="14" t="s">
        <v>1</v>
      </c>
      <c r="C117539" s="14" t="s">
        <v>546</v>
      </c>
      <c r="D117539" s="14" t="s">
        <v>39</v>
      </c>
      <c r="E117539" s="15">
        <v>45385</v>
      </c>
      <c r="F117539" s="14" t="s">
        <v>15</v>
      </c>
      <c r="G117539" s="16">
        <v>0</v>
      </c>
    </row>
    <row r="117540" spans="1:7" x14ac:dyDescent="0.3">
      <c r="A117540" s="13" t="s">
        <v>556</v>
      </c>
      <c r="B117540" s="14" t="s">
        <v>1</v>
      </c>
      <c r="C117540" s="14" t="s">
        <v>546</v>
      </c>
      <c r="D117540" s="14" t="s">
        <v>39</v>
      </c>
      <c r="E117540" s="15">
        <v>45386</v>
      </c>
      <c r="F117540" s="14" t="s">
        <v>15</v>
      </c>
      <c r="G117540" s="16">
        <v>0</v>
      </c>
    </row>
    <row r="117541" spans="1:7" x14ac:dyDescent="0.3">
      <c r="A117541" s="13" t="s">
        <v>556</v>
      </c>
      <c r="B117541" s="14" t="s">
        <v>1</v>
      </c>
      <c r="C117541" s="14" t="s">
        <v>546</v>
      </c>
      <c r="D117541" s="14" t="s">
        <v>39</v>
      </c>
      <c r="E117541" s="15">
        <v>45387</v>
      </c>
      <c r="F117541" s="14" t="s">
        <v>15</v>
      </c>
      <c r="G117541" s="16">
        <v>0</v>
      </c>
    </row>
    <row r="117542" spans="1:7" x14ac:dyDescent="0.3">
      <c r="A117542" s="13" t="s">
        <v>556</v>
      </c>
      <c r="B117542" s="14" t="s">
        <v>1</v>
      </c>
      <c r="C117542" s="14" t="s">
        <v>546</v>
      </c>
      <c r="D117542" s="14" t="s">
        <v>39</v>
      </c>
      <c r="E117542" s="15">
        <v>45388</v>
      </c>
      <c r="F117542" s="14" t="s">
        <v>15</v>
      </c>
      <c r="G117542" s="16">
        <v>0</v>
      </c>
    </row>
    <row r="117543" spans="1:7" x14ac:dyDescent="0.3">
      <c r="A117543" s="13" t="s">
        <v>556</v>
      </c>
      <c r="B117543" s="14" t="s">
        <v>1</v>
      </c>
      <c r="C117543" s="14" t="s">
        <v>546</v>
      </c>
      <c r="D117543" s="14" t="s">
        <v>39</v>
      </c>
      <c r="E117543" s="15">
        <v>45389</v>
      </c>
      <c r="F117543" s="14" t="s">
        <v>15</v>
      </c>
      <c r="G117543" s="16">
        <v>0</v>
      </c>
    </row>
    <row r="117544" spans="1:7" x14ac:dyDescent="0.3">
      <c r="A117544" s="13" t="s">
        <v>556</v>
      </c>
      <c r="B117544" s="14" t="s">
        <v>1</v>
      </c>
      <c r="C117544" s="14" t="s">
        <v>546</v>
      </c>
      <c r="D117544" s="14" t="s">
        <v>39</v>
      </c>
      <c r="E117544" s="15">
        <v>45390</v>
      </c>
      <c r="F117544" s="14" t="s">
        <v>15</v>
      </c>
      <c r="G117544" s="16">
        <v>0</v>
      </c>
    </row>
    <row r="117545" spans="1:7" x14ac:dyDescent="0.3">
      <c r="A117545" s="13" t="s">
        <v>556</v>
      </c>
      <c r="B117545" s="14" t="s">
        <v>1</v>
      </c>
      <c r="C117545" s="14" t="s">
        <v>546</v>
      </c>
      <c r="D117545" s="14" t="s">
        <v>39</v>
      </c>
      <c r="E117545" s="15">
        <v>45391</v>
      </c>
      <c r="F117545" s="14" t="s">
        <v>15</v>
      </c>
      <c r="G117545" s="16">
        <v>8.8195581014729983E-3</v>
      </c>
    </row>
    <row r="117546" spans="1:7" x14ac:dyDescent="0.3">
      <c r="A117546" s="13" t="s">
        <v>556</v>
      </c>
      <c r="B117546" s="14" t="s">
        <v>1</v>
      </c>
      <c r="C117546" s="14" t="s">
        <v>546</v>
      </c>
      <c r="D117546" s="14" t="s">
        <v>39</v>
      </c>
      <c r="E117546" s="15">
        <v>45392</v>
      </c>
      <c r="F117546" s="14" t="s">
        <v>15</v>
      </c>
      <c r="G117546" s="16">
        <v>7.6309328968903458E-3</v>
      </c>
    </row>
    <row r="117547" spans="1:7" x14ac:dyDescent="0.3">
      <c r="A117547" s="13" t="s">
        <v>556</v>
      </c>
      <c r="B117547" s="14" t="s">
        <v>1</v>
      </c>
      <c r="C117547" s="14" t="s">
        <v>546</v>
      </c>
      <c r="D117547" s="14" t="s">
        <v>39</v>
      </c>
      <c r="E117547" s="15">
        <v>45393</v>
      </c>
      <c r="F117547" s="14" t="s">
        <v>15</v>
      </c>
      <c r="G117547" s="16">
        <v>6.438216039279872E-3</v>
      </c>
    </row>
    <row r="117548" spans="1:7" x14ac:dyDescent="0.3">
      <c r="A117548" s="13" t="s">
        <v>556</v>
      </c>
      <c r="B117548" s="14" t="s">
        <v>1</v>
      </c>
      <c r="C117548" s="14" t="s">
        <v>546</v>
      </c>
      <c r="D117548" s="14" t="s">
        <v>39</v>
      </c>
      <c r="E117548" s="15">
        <v>45394</v>
      </c>
      <c r="F117548" s="14" t="s">
        <v>15</v>
      </c>
      <c r="G117548" s="16">
        <v>5.235270049099839E-3</v>
      </c>
    </row>
    <row r="117549" spans="1:7" x14ac:dyDescent="0.3">
      <c r="A117549" s="13" t="s">
        <v>556</v>
      </c>
      <c r="B117549" s="14" t="s">
        <v>1</v>
      </c>
      <c r="C117549" s="14" t="s">
        <v>546</v>
      </c>
      <c r="D117549" s="14" t="s">
        <v>39</v>
      </c>
      <c r="E117549" s="15">
        <v>45395</v>
      </c>
      <c r="F117549" s="14" t="s">
        <v>15</v>
      </c>
      <c r="G117549" s="16">
        <v>5.235270049099839E-3</v>
      </c>
    </row>
    <row r="117550" spans="1:7" x14ac:dyDescent="0.3">
      <c r="A117550" s="13" t="s">
        <v>556</v>
      </c>
      <c r="B117550" s="14" t="s">
        <v>1</v>
      </c>
      <c r="C117550" s="14" t="s">
        <v>546</v>
      </c>
      <c r="D117550" s="14" t="s">
        <v>39</v>
      </c>
      <c r="E117550" s="15">
        <v>45396</v>
      </c>
      <c r="F117550" s="14" t="s">
        <v>15</v>
      </c>
      <c r="G117550" s="16">
        <v>5.235270049099839E-3</v>
      </c>
    </row>
    <row r="117551" spans="1:7" x14ac:dyDescent="0.3">
      <c r="A117551" s="13" t="s">
        <v>556</v>
      </c>
      <c r="B117551" s="14" t="s">
        <v>1</v>
      </c>
      <c r="C117551" s="14" t="s">
        <v>546</v>
      </c>
      <c r="D117551" s="14" t="s">
        <v>39</v>
      </c>
      <c r="E117551" s="15">
        <v>45397</v>
      </c>
      <c r="F117551" s="14" t="s">
        <v>15</v>
      </c>
      <c r="G117551" s="16">
        <v>4.0323240589198069E-3</v>
      </c>
    </row>
    <row r="117552" spans="1:7" x14ac:dyDescent="0.3">
      <c r="A117552" s="13" t="s">
        <v>556</v>
      </c>
      <c r="B117552" s="14" t="s">
        <v>1</v>
      </c>
      <c r="C117552" s="14" t="s">
        <v>546</v>
      </c>
      <c r="D117552" s="14" t="s">
        <v>39</v>
      </c>
      <c r="E117552" s="15">
        <v>45398</v>
      </c>
      <c r="F117552" s="14" t="s">
        <v>15</v>
      </c>
      <c r="G117552" s="16">
        <v>4.6031096563011749E-4</v>
      </c>
    </row>
    <row r="117553" spans="1:7" x14ac:dyDescent="0.3">
      <c r="A117553" s="13" t="s">
        <v>556</v>
      </c>
      <c r="B117553" s="14" t="s">
        <v>1</v>
      </c>
      <c r="C117553" s="14" t="s">
        <v>546</v>
      </c>
      <c r="D117553" s="14" t="s">
        <v>39</v>
      </c>
      <c r="E117553" s="15">
        <v>45399</v>
      </c>
      <c r="F117553" s="14" t="s">
        <v>15</v>
      </c>
      <c r="G117553" s="16">
        <v>0</v>
      </c>
    </row>
    <row r="117554" spans="1:7" x14ac:dyDescent="0.3">
      <c r="A117554" s="13" t="s">
        <v>556</v>
      </c>
      <c r="B117554" s="14" t="s">
        <v>1</v>
      </c>
      <c r="C117554" s="14" t="s">
        <v>546</v>
      </c>
      <c r="D117554" s="14" t="s">
        <v>39</v>
      </c>
      <c r="E117554" s="15">
        <v>45400</v>
      </c>
      <c r="F117554" s="14" t="s">
        <v>15</v>
      </c>
      <c r="G117554" s="16">
        <v>0</v>
      </c>
    </row>
    <row r="117555" spans="1:7" x14ac:dyDescent="0.3">
      <c r="A117555" s="13" t="s">
        <v>556</v>
      </c>
      <c r="B117555" s="14" t="s">
        <v>1</v>
      </c>
      <c r="C117555" s="14" t="s">
        <v>546</v>
      </c>
      <c r="D117555" s="14" t="s">
        <v>39</v>
      </c>
      <c r="E117555" s="15">
        <v>45401</v>
      </c>
      <c r="F117555" s="14" t="s">
        <v>15</v>
      </c>
      <c r="G117555" s="16">
        <v>0</v>
      </c>
    </row>
    <row r="117556" spans="1:7" x14ac:dyDescent="0.3">
      <c r="A117556" s="13" t="s">
        <v>556</v>
      </c>
      <c r="B117556" s="14" t="s">
        <v>1</v>
      </c>
      <c r="C117556" s="14" t="s">
        <v>546</v>
      </c>
      <c r="D117556" s="14" t="s">
        <v>39</v>
      </c>
      <c r="E117556" s="15">
        <v>45402</v>
      </c>
      <c r="F117556" s="14" t="s">
        <v>15</v>
      </c>
      <c r="G117556" s="16">
        <v>0</v>
      </c>
    </row>
    <row r="117557" spans="1:7" x14ac:dyDescent="0.3">
      <c r="A117557" s="13" t="s">
        <v>556</v>
      </c>
      <c r="B117557" s="14" t="s">
        <v>1</v>
      </c>
      <c r="C117557" s="14" t="s">
        <v>546</v>
      </c>
      <c r="D117557" s="14" t="s">
        <v>39</v>
      </c>
      <c r="E117557" s="15">
        <v>45403</v>
      </c>
      <c r="F117557" s="14" t="s">
        <v>15</v>
      </c>
      <c r="G117557" s="16">
        <v>0</v>
      </c>
    </row>
    <row r="117558" spans="1:7" x14ac:dyDescent="0.3">
      <c r="A117558" s="13" t="s">
        <v>556</v>
      </c>
      <c r="B117558" s="14" t="s">
        <v>1</v>
      </c>
      <c r="C117558" s="14" t="s">
        <v>546</v>
      </c>
      <c r="D117558" s="14" t="s">
        <v>39</v>
      </c>
      <c r="E117558" s="15">
        <v>45404</v>
      </c>
      <c r="F117558" s="14" t="s">
        <v>15</v>
      </c>
      <c r="G117558" s="16">
        <v>0</v>
      </c>
    </row>
    <row r="117559" spans="1:7" x14ac:dyDescent="0.3">
      <c r="A117559" s="13" t="s">
        <v>556</v>
      </c>
      <c r="B117559" s="14" t="s">
        <v>1</v>
      </c>
      <c r="C117559" s="14" t="s">
        <v>546</v>
      </c>
      <c r="D117559" s="14" t="s">
        <v>39</v>
      </c>
      <c r="E117559" s="15">
        <v>45405</v>
      </c>
      <c r="F117559" s="14" t="s">
        <v>15</v>
      </c>
      <c r="G117559" s="16">
        <v>3.9607201309329E-3</v>
      </c>
    </row>
    <row r="117560" spans="1:7" x14ac:dyDescent="0.3">
      <c r="A117560" s="13" t="s">
        <v>556</v>
      </c>
      <c r="B117560" s="14" t="s">
        <v>1</v>
      </c>
      <c r="C117560" s="14" t="s">
        <v>546</v>
      </c>
      <c r="D117560" s="14" t="s">
        <v>39</v>
      </c>
      <c r="E117560" s="15">
        <v>45406</v>
      </c>
      <c r="F117560" s="14" t="s">
        <v>15</v>
      </c>
      <c r="G117560" s="16">
        <v>2.7782324058919831E-3</v>
      </c>
    </row>
    <row r="117561" spans="1:7" x14ac:dyDescent="0.3">
      <c r="A117561" s="13" t="s">
        <v>556</v>
      </c>
      <c r="B117561" s="14" t="s">
        <v>1</v>
      </c>
      <c r="C117561" s="14" t="s">
        <v>546</v>
      </c>
      <c r="D117561" s="14" t="s">
        <v>39</v>
      </c>
      <c r="E117561" s="15">
        <v>45407</v>
      </c>
      <c r="F117561" s="14" t="s">
        <v>15</v>
      </c>
      <c r="G117561" s="16">
        <v>1.5793780687397734E-3</v>
      </c>
    </row>
    <row r="117562" spans="1:7" x14ac:dyDescent="0.3">
      <c r="A117562" s="13" t="s">
        <v>556</v>
      </c>
      <c r="B117562" s="14" t="s">
        <v>1</v>
      </c>
      <c r="C117562" s="14" t="s">
        <v>546</v>
      </c>
      <c r="D117562" s="14" t="s">
        <v>39</v>
      </c>
      <c r="E117562" s="15">
        <v>45408</v>
      </c>
      <c r="F117562" s="14" t="s">
        <v>15</v>
      </c>
      <c r="G117562" s="16">
        <v>6.8535188216039525E-4</v>
      </c>
    </row>
    <row r="117563" spans="1:7" x14ac:dyDescent="0.3">
      <c r="A117563" s="13" t="s">
        <v>556</v>
      </c>
      <c r="B117563" s="14" t="s">
        <v>1</v>
      </c>
      <c r="C117563" s="14" t="s">
        <v>546</v>
      </c>
      <c r="D117563" s="14" t="s">
        <v>39</v>
      </c>
      <c r="E117563" s="15">
        <v>45409</v>
      </c>
      <c r="F117563" s="14" t="s">
        <v>15</v>
      </c>
      <c r="G117563" s="16">
        <v>6.8535188216039525E-4</v>
      </c>
    </row>
    <row r="117564" spans="1:7" x14ac:dyDescent="0.3">
      <c r="A117564" s="13" t="s">
        <v>556</v>
      </c>
      <c r="B117564" s="14" t="s">
        <v>1</v>
      </c>
      <c r="C117564" s="14" t="s">
        <v>546</v>
      </c>
      <c r="D117564" s="14" t="s">
        <v>39</v>
      </c>
      <c r="E117564" s="15">
        <v>45410</v>
      </c>
      <c r="F117564" s="14" t="s">
        <v>15</v>
      </c>
      <c r="G117564" s="16">
        <v>6.8535188216039525E-4</v>
      </c>
    </row>
    <row r="117565" spans="1:7" x14ac:dyDescent="0.3">
      <c r="A117565" s="13" t="s">
        <v>556</v>
      </c>
      <c r="B117565" s="14" t="s">
        <v>1</v>
      </c>
      <c r="C117565" s="14" t="s">
        <v>546</v>
      </c>
      <c r="D117565" s="14" t="s">
        <v>39</v>
      </c>
      <c r="E117565" s="15">
        <v>45411</v>
      </c>
      <c r="F117565" s="14" t="s">
        <v>15</v>
      </c>
      <c r="G117565" s="16">
        <v>0</v>
      </c>
    </row>
    <row r="117566" spans="1:7" x14ac:dyDescent="0.3">
      <c r="A117566" s="13" t="s">
        <v>556</v>
      </c>
      <c r="B117566" s="14" t="s">
        <v>1</v>
      </c>
      <c r="C117566" s="14" t="s">
        <v>546</v>
      </c>
      <c r="D117566" s="14" t="s">
        <v>39</v>
      </c>
      <c r="E117566" s="15">
        <v>45412</v>
      </c>
      <c r="F117566" s="14" t="s">
        <v>15</v>
      </c>
      <c r="G117566" s="16">
        <v>0</v>
      </c>
    </row>
    <row r="117567" spans="1:7" x14ac:dyDescent="0.3">
      <c r="A117567" s="13" t="s">
        <v>556</v>
      </c>
      <c r="B117567" s="14" t="s">
        <v>1</v>
      </c>
      <c r="C117567" s="14" t="s">
        <v>546</v>
      </c>
      <c r="D117567" s="14" t="s">
        <v>39</v>
      </c>
      <c r="E117567" s="15">
        <v>45413</v>
      </c>
      <c r="F117567" s="14" t="s">
        <v>15</v>
      </c>
      <c r="G117567" s="16">
        <v>0</v>
      </c>
    </row>
    <row r="117568" spans="1:7" x14ac:dyDescent="0.3">
      <c r="A117568" s="13" t="s">
        <v>556</v>
      </c>
      <c r="B117568" s="14" t="s">
        <v>1</v>
      </c>
      <c r="C117568" s="14" t="s">
        <v>546</v>
      </c>
      <c r="D117568" s="14" t="s">
        <v>39</v>
      </c>
      <c r="E117568" s="15">
        <v>45414</v>
      </c>
      <c r="F117568" s="14" t="s">
        <v>15</v>
      </c>
      <c r="G117568" s="16">
        <v>0</v>
      </c>
    </row>
    <row r="117569" spans="1:7" x14ac:dyDescent="0.3">
      <c r="A117569" s="13" t="s">
        <v>556</v>
      </c>
      <c r="B117569" s="14" t="s">
        <v>1</v>
      </c>
      <c r="C117569" s="14" t="s">
        <v>546</v>
      </c>
      <c r="D117569" s="14" t="s">
        <v>39</v>
      </c>
      <c r="E117569" s="15">
        <v>45415</v>
      </c>
      <c r="F117569" s="14" t="s">
        <v>15</v>
      </c>
      <c r="G117569" s="16">
        <v>0</v>
      </c>
    </row>
    <row r="117570" spans="1:7" x14ac:dyDescent="0.3">
      <c r="A117570" s="13" t="s">
        <v>556</v>
      </c>
      <c r="B117570" s="14" t="s">
        <v>1</v>
      </c>
      <c r="C117570" s="14" t="s">
        <v>546</v>
      </c>
      <c r="D117570" s="14" t="s">
        <v>39</v>
      </c>
      <c r="E117570" s="15">
        <v>45416</v>
      </c>
      <c r="F117570" s="14" t="s">
        <v>15</v>
      </c>
      <c r="G117570" s="16">
        <v>0</v>
      </c>
    </row>
    <row r="117571" spans="1:7" x14ac:dyDescent="0.3">
      <c r="A117571" s="13" t="s">
        <v>556</v>
      </c>
      <c r="B117571" s="14" t="s">
        <v>1</v>
      </c>
      <c r="C117571" s="14" t="s">
        <v>546</v>
      </c>
      <c r="D117571" s="14" t="s">
        <v>39</v>
      </c>
      <c r="E117571" s="15">
        <v>45417</v>
      </c>
      <c r="F117571" s="14" t="s">
        <v>15</v>
      </c>
      <c r="G117571" s="16">
        <v>0</v>
      </c>
    </row>
    <row r="117572" spans="1:7" x14ac:dyDescent="0.3">
      <c r="A117572" s="13" t="s">
        <v>556</v>
      </c>
      <c r="B117572" s="14" t="s">
        <v>1</v>
      </c>
      <c r="C117572" s="14" t="s">
        <v>546</v>
      </c>
      <c r="D117572" s="14" t="s">
        <v>39</v>
      </c>
      <c r="E117572" s="15">
        <v>45418</v>
      </c>
      <c r="F117572" s="14" t="s">
        <v>15</v>
      </c>
      <c r="G117572" s="16">
        <v>0</v>
      </c>
    </row>
    <row r="117573" spans="1:7" x14ac:dyDescent="0.3">
      <c r="A117573" s="13" t="s">
        <v>556</v>
      </c>
      <c r="B117573" s="14" t="s">
        <v>1</v>
      </c>
      <c r="C117573" s="14" t="s">
        <v>546</v>
      </c>
      <c r="D117573" s="14" t="s">
        <v>39</v>
      </c>
      <c r="E117573" s="15">
        <v>45419</v>
      </c>
      <c r="F117573" s="14" t="s">
        <v>15</v>
      </c>
      <c r="G117573" s="16">
        <v>2.1683715220949265E-2</v>
      </c>
    </row>
    <row r="117574" spans="1:7" x14ac:dyDescent="0.3">
      <c r="A117574" s="13" t="s">
        <v>556</v>
      </c>
      <c r="B117574" s="14" t="s">
        <v>1</v>
      </c>
      <c r="C117574" s="14" t="s">
        <v>546</v>
      </c>
      <c r="D117574" s="14" t="s">
        <v>39</v>
      </c>
      <c r="E117574" s="15">
        <v>45420</v>
      </c>
      <c r="F117574" s="14" t="s">
        <v>15</v>
      </c>
      <c r="G117574" s="16">
        <v>1.7414075286415712E-2</v>
      </c>
    </row>
    <row r="117575" spans="1:7" x14ac:dyDescent="0.3">
      <c r="A117575" s="13" t="s">
        <v>556</v>
      </c>
      <c r="B117575" s="14" t="s">
        <v>1</v>
      </c>
      <c r="C117575" s="14" t="s">
        <v>546</v>
      </c>
      <c r="D117575" s="14" t="s">
        <v>39</v>
      </c>
      <c r="E117575" s="15">
        <v>45421</v>
      </c>
      <c r="F117575" s="14" t="s">
        <v>15</v>
      </c>
      <c r="G117575" s="16">
        <v>1.6119067103109657E-2</v>
      </c>
    </row>
    <row r="117576" spans="1:7" x14ac:dyDescent="0.3">
      <c r="A117576" s="13" t="s">
        <v>556</v>
      </c>
      <c r="B117576" s="14" t="s">
        <v>1</v>
      </c>
      <c r="C117576" s="14" t="s">
        <v>546</v>
      </c>
      <c r="D117576" s="14" t="s">
        <v>39</v>
      </c>
      <c r="E117576" s="15">
        <v>45422</v>
      </c>
      <c r="F117576" s="14" t="s">
        <v>15</v>
      </c>
      <c r="G117576" s="16">
        <v>1.4840425531914895E-2</v>
      </c>
    </row>
    <row r="117577" spans="1:7" x14ac:dyDescent="0.3">
      <c r="A117577" s="13" t="s">
        <v>556</v>
      </c>
      <c r="B117577" s="14" t="s">
        <v>1</v>
      </c>
      <c r="C117577" s="14" t="s">
        <v>546</v>
      </c>
      <c r="D117577" s="14" t="s">
        <v>39</v>
      </c>
      <c r="E117577" s="15">
        <v>45423</v>
      </c>
      <c r="F117577" s="14" t="s">
        <v>15</v>
      </c>
      <c r="G117577" s="16">
        <v>1.4840425531914895E-2</v>
      </c>
    </row>
    <row r="117578" spans="1:7" x14ac:dyDescent="0.3">
      <c r="A117578" s="13" t="s">
        <v>556</v>
      </c>
      <c r="B117578" s="14" t="s">
        <v>1</v>
      </c>
      <c r="C117578" s="14" t="s">
        <v>546</v>
      </c>
      <c r="D117578" s="14" t="s">
        <v>39</v>
      </c>
      <c r="E117578" s="15">
        <v>45424</v>
      </c>
      <c r="F117578" s="14" t="s">
        <v>15</v>
      </c>
      <c r="G117578" s="16">
        <v>1.4840425531914895E-2</v>
      </c>
    </row>
    <row r="117579" spans="1:7" x14ac:dyDescent="0.3">
      <c r="A117579" s="13" t="s">
        <v>556</v>
      </c>
      <c r="B117579" s="14" t="s">
        <v>1</v>
      </c>
      <c r="C117579" s="14" t="s">
        <v>546</v>
      </c>
      <c r="D117579" s="14" t="s">
        <v>39</v>
      </c>
      <c r="E117579" s="15">
        <v>45425</v>
      </c>
      <c r="F117579" s="14" t="s">
        <v>15</v>
      </c>
      <c r="G117579" s="16">
        <v>1.354541734860884E-2</v>
      </c>
    </row>
    <row r="117580" spans="1:7" x14ac:dyDescent="0.3">
      <c r="A117580" s="13" t="s">
        <v>556</v>
      </c>
      <c r="B117580" s="14" t="s">
        <v>1</v>
      </c>
      <c r="C117580" s="14" t="s">
        <v>546</v>
      </c>
      <c r="D117580" s="14" t="s">
        <v>39</v>
      </c>
      <c r="E117580" s="15">
        <v>45426</v>
      </c>
      <c r="F117580" s="14" t="s">
        <v>15</v>
      </c>
      <c r="G117580" s="16">
        <v>1.5773322422258595E-2</v>
      </c>
    </row>
    <row r="117581" spans="1:7" x14ac:dyDescent="0.3">
      <c r="A117581" s="13" t="s">
        <v>556</v>
      </c>
      <c r="B117581" s="14" t="s">
        <v>1</v>
      </c>
      <c r="C117581" s="14" t="s">
        <v>546</v>
      </c>
      <c r="D117581" s="14" t="s">
        <v>39</v>
      </c>
      <c r="E117581" s="15">
        <v>45427</v>
      </c>
      <c r="F117581" s="14" t="s">
        <v>15</v>
      </c>
      <c r="G117581" s="16">
        <v>1.5773322422258595E-2</v>
      </c>
    </row>
    <row r="117582" spans="1:7" x14ac:dyDescent="0.3">
      <c r="A117582" s="13" t="s">
        <v>556</v>
      </c>
      <c r="B117582" s="14" t="s">
        <v>1</v>
      </c>
      <c r="C117582" s="14" t="s">
        <v>546</v>
      </c>
      <c r="D117582" s="14" t="s">
        <v>39</v>
      </c>
      <c r="E117582" s="15">
        <v>45428</v>
      </c>
      <c r="F117582" s="14" t="s">
        <v>15</v>
      </c>
      <c r="G117582" s="16">
        <v>1.4466039279869069E-2</v>
      </c>
    </row>
    <row r="117583" spans="1:7" x14ac:dyDescent="0.3">
      <c r="A117583" s="13" t="s">
        <v>556</v>
      </c>
      <c r="B117583" s="14" t="s">
        <v>1</v>
      </c>
      <c r="C117583" s="14" t="s">
        <v>546</v>
      </c>
      <c r="D117583" s="14" t="s">
        <v>39</v>
      </c>
      <c r="E117583" s="15">
        <v>45429</v>
      </c>
      <c r="F117583" s="14" t="s">
        <v>15</v>
      </c>
      <c r="G117583" s="16">
        <v>4.5417348608837976E-2</v>
      </c>
    </row>
    <row r="117584" spans="1:7" x14ac:dyDescent="0.3">
      <c r="A117584" s="13" t="s">
        <v>556</v>
      </c>
      <c r="B117584" s="14" t="s">
        <v>1</v>
      </c>
      <c r="C117584" s="14" t="s">
        <v>546</v>
      </c>
      <c r="D117584" s="14" t="s">
        <v>39</v>
      </c>
      <c r="E117584" s="15">
        <v>45430</v>
      </c>
      <c r="F117584" s="14" t="s">
        <v>15</v>
      </c>
      <c r="G117584" s="16">
        <v>4.5417348608837976E-2</v>
      </c>
    </row>
    <row r="117585" spans="1:7" x14ac:dyDescent="0.3">
      <c r="A117585" s="13" t="s">
        <v>556</v>
      </c>
      <c r="B117585" s="14" t="s">
        <v>1</v>
      </c>
      <c r="C117585" s="14" t="s">
        <v>546</v>
      </c>
      <c r="D117585" s="14" t="s">
        <v>39</v>
      </c>
      <c r="E117585" s="15">
        <v>45431</v>
      </c>
      <c r="F117585" s="14" t="s">
        <v>15</v>
      </c>
      <c r="G117585" s="16">
        <v>4.5417348608837976E-2</v>
      </c>
    </row>
    <row r="117586" spans="1:7" x14ac:dyDescent="0.3">
      <c r="A117586" s="13" t="s">
        <v>556</v>
      </c>
      <c r="B117586" s="14" t="s">
        <v>1</v>
      </c>
      <c r="C117586" s="14" t="s">
        <v>546</v>
      </c>
      <c r="D117586" s="14" t="s">
        <v>39</v>
      </c>
      <c r="E117586" s="15">
        <v>45432</v>
      </c>
      <c r="F117586" s="14" t="s">
        <v>15</v>
      </c>
      <c r="G117586" s="16">
        <v>9.3175122749590847E-2</v>
      </c>
    </row>
    <row r="117587" spans="1:7" x14ac:dyDescent="0.3">
      <c r="A117587" s="13" t="s">
        <v>556</v>
      </c>
      <c r="B117587" s="14" t="s">
        <v>1</v>
      </c>
      <c r="C117587" s="14" t="s">
        <v>546</v>
      </c>
      <c r="D117587" s="14" t="s">
        <v>39</v>
      </c>
      <c r="E117587" s="15">
        <v>45433</v>
      </c>
      <c r="F117587" s="14" t="s">
        <v>15</v>
      </c>
      <c r="G117587" s="16">
        <v>8.9171440261865811E-2</v>
      </c>
    </row>
    <row r="117588" spans="1:7" x14ac:dyDescent="0.3">
      <c r="A117588" s="13" t="s">
        <v>556</v>
      </c>
      <c r="B117588" s="14" t="s">
        <v>1</v>
      </c>
      <c r="C117588" s="14" t="s">
        <v>546</v>
      </c>
      <c r="D117588" s="14" t="s">
        <v>39</v>
      </c>
      <c r="E117588" s="15">
        <v>45434</v>
      </c>
      <c r="F117588" s="14" t="s">
        <v>15</v>
      </c>
      <c r="G117588" s="16">
        <v>0.10052986906710312</v>
      </c>
    </row>
    <row r="117589" spans="1:7" x14ac:dyDescent="0.3">
      <c r="A117589" s="13" t="s">
        <v>556</v>
      </c>
      <c r="B117589" s="14" t="s">
        <v>1</v>
      </c>
      <c r="C117589" s="14" t="s">
        <v>546</v>
      </c>
      <c r="D117589" s="14" t="s">
        <v>39</v>
      </c>
      <c r="E117589" s="15">
        <v>45435</v>
      </c>
      <c r="F117589" s="14" t="s">
        <v>15</v>
      </c>
      <c r="G117589" s="16">
        <v>9.9210310965630127E-2</v>
      </c>
    </row>
    <row r="117590" spans="1:7" x14ac:dyDescent="0.3">
      <c r="A117590" s="13" t="s">
        <v>556</v>
      </c>
      <c r="B117590" s="14" t="s">
        <v>1</v>
      </c>
      <c r="C117590" s="14" t="s">
        <v>546</v>
      </c>
      <c r="D117590" s="14" t="s">
        <v>39</v>
      </c>
      <c r="E117590" s="15">
        <v>45436</v>
      </c>
      <c r="F117590" s="14" t="s">
        <v>15</v>
      </c>
      <c r="G117590" s="16">
        <v>9.7894844517184956E-2</v>
      </c>
    </row>
    <row r="117591" spans="1:7" x14ac:dyDescent="0.3">
      <c r="A117591" s="13" t="s">
        <v>556</v>
      </c>
      <c r="B117591" s="14" t="s">
        <v>1</v>
      </c>
      <c r="C117591" s="14" t="s">
        <v>546</v>
      </c>
      <c r="D117591" s="14" t="s">
        <v>39</v>
      </c>
      <c r="E117591" s="15">
        <v>45437</v>
      </c>
      <c r="F117591" s="14" t="s">
        <v>15</v>
      </c>
      <c r="G117591" s="16">
        <v>9.7894844517184956E-2</v>
      </c>
    </row>
    <row r="117592" spans="1:7" x14ac:dyDescent="0.3">
      <c r="A117592" s="13" t="s">
        <v>556</v>
      </c>
      <c r="B117592" s="14" t="s">
        <v>1</v>
      </c>
      <c r="C117592" s="14" t="s">
        <v>546</v>
      </c>
      <c r="D117592" s="14" t="s">
        <v>39</v>
      </c>
      <c r="E117592" s="15">
        <v>45438</v>
      </c>
      <c r="F117592" s="14" t="s">
        <v>15</v>
      </c>
      <c r="G117592" s="16">
        <v>9.7894844517184956E-2</v>
      </c>
    </row>
    <row r="117593" spans="1:7" x14ac:dyDescent="0.3">
      <c r="A117593" s="13" t="s">
        <v>556</v>
      </c>
      <c r="B117593" s="14" t="s">
        <v>1</v>
      </c>
      <c r="C117593" s="14" t="s">
        <v>546</v>
      </c>
      <c r="D117593" s="14" t="s">
        <v>39</v>
      </c>
      <c r="E117593" s="15">
        <v>45439</v>
      </c>
      <c r="F117593" s="14" t="s">
        <v>15</v>
      </c>
      <c r="G117593" s="16">
        <v>9.6595744680851067E-2</v>
      </c>
    </row>
    <row r="117594" spans="1:7" x14ac:dyDescent="0.3">
      <c r="A117594" s="13" t="s">
        <v>556</v>
      </c>
      <c r="B117594" s="14" t="s">
        <v>1</v>
      </c>
      <c r="C117594" s="14" t="s">
        <v>546</v>
      </c>
      <c r="D117594" s="14" t="s">
        <v>39</v>
      </c>
      <c r="E117594" s="15">
        <v>45440</v>
      </c>
      <c r="F117594" s="14" t="s">
        <v>15</v>
      </c>
      <c r="G117594" s="16">
        <v>0.10948854337152211</v>
      </c>
    </row>
    <row r="117595" spans="1:7" x14ac:dyDescent="0.3">
      <c r="A117595" s="13" t="s">
        <v>556</v>
      </c>
      <c r="B117595" s="14" t="s">
        <v>1</v>
      </c>
      <c r="C117595" s="14" t="s">
        <v>546</v>
      </c>
      <c r="D117595" s="14" t="s">
        <v>39</v>
      </c>
      <c r="E117595" s="15">
        <v>45441</v>
      </c>
      <c r="F117595" s="14" t="s">
        <v>15</v>
      </c>
      <c r="G117595" s="16">
        <v>0.10883592471358429</v>
      </c>
    </row>
    <row r="117596" spans="1:7" x14ac:dyDescent="0.3">
      <c r="A117596" s="13" t="s">
        <v>556</v>
      </c>
      <c r="B117596" s="14" t="s">
        <v>1</v>
      </c>
      <c r="C117596" s="14" t="s">
        <v>546</v>
      </c>
      <c r="D117596" s="14" t="s">
        <v>39</v>
      </c>
      <c r="E117596" s="15">
        <v>45442</v>
      </c>
      <c r="F117596" s="14" t="s">
        <v>15</v>
      </c>
      <c r="G117596" s="16">
        <v>0.10754500818330606</v>
      </c>
    </row>
    <row r="117597" spans="1:7" x14ac:dyDescent="0.3">
      <c r="A117597" s="13" t="s">
        <v>556</v>
      </c>
      <c r="B117597" s="14" t="s">
        <v>1</v>
      </c>
      <c r="C117597" s="14" t="s">
        <v>546</v>
      </c>
      <c r="D117597" s="14" t="s">
        <v>39</v>
      </c>
      <c r="E117597" s="15">
        <v>45443</v>
      </c>
      <c r="F117597" s="14" t="s">
        <v>15</v>
      </c>
      <c r="G117597" s="16">
        <v>0.11038256955810148</v>
      </c>
    </row>
    <row r="117598" spans="1:7" x14ac:dyDescent="0.3">
      <c r="A117598" s="13" t="s">
        <v>556</v>
      </c>
      <c r="B117598" s="14" t="s">
        <v>1</v>
      </c>
      <c r="C117598" s="14" t="s">
        <v>546</v>
      </c>
      <c r="D117598" s="14" t="s">
        <v>39</v>
      </c>
      <c r="E117598" s="15">
        <v>45444</v>
      </c>
      <c r="F117598" s="14" t="s">
        <v>15</v>
      </c>
      <c r="G117598" s="16">
        <v>0.11038256955810148</v>
      </c>
    </row>
    <row r="117599" spans="1:7" x14ac:dyDescent="0.3">
      <c r="A117599" s="13" t="s">
        <v>556</v>
      </c>
      <c r="B117599" s="14" t="s">
        <v>1</v>
      </c>
      <c r="C117599" s="14" t="s">
        <v>546</v>
      </c>
      <c r="D117599" s="14" t="s">
        <v>39</v>
      </c>
      <c r="E117599" s="15">
        <v>45445</v>
      </c>
      <c r="F117599" s="14" t="s">
        <v>15</v>
      </c>
      <c r="G117599" s="16">
        <v>0.11038256955810148</v>
      </c>
    </row>
    <row r="117600" spans="1:7" x14ac:dyDescent="0.3">
      <c r="A117600" s="13" t="s">
        <v>556</v>
      </c>
      <c r="B117600" s="14" t="s">
        <v>1</v>
      </c>
      <c r="C117600" s="14" t="s">
        <v>546</v>
      </c>
      <c r="D117600" s="14" t="s">
        <v>39</v>
      </c>
      <c r="E117600" s="15">
        <v>45446</v>
      </c>
      <c r="F117600" s="14" t="s">
        <v>15</v>
      </c>
      <c r="G117600" s="16">
        <v>0.11038256955810148</v>
      </c>
    </row>
    <row r="117601" spans="1:7" x14ac:dyDescent="0.3">
      <c r="A117601" s="13" t="s">
        <v>556</v>
      </c>
      <c r="B117601" s="14" t="s">
        <v>1</v>
      </c>
      <c r="C117601" s="14" t="s">
        <v>546</v>
      </c>
      <c r="D117601" s="14" t="s">
        <v>39</v>
      </c>
      <c r="E117601" s="15">
        <v>45447</v>
      </c>
      <c r="F117601" s="14" t="s">
        <v>15</v>
      </c>
      <c r="G117601" s="16">
        <v>0.11287643207855977</v>
      </c>
    </row>
    <row r="117602" spans="1:7" x14ac:dyDescent="0.3">
      <c r="A117602" s="13" t="s">
        <v>556</v>
      </c>
      <c r="B117602" s="14" t="s">
        <v>1</v>
      </c>
      <c r="C117602" s="14" t="s">
        <v>546</v>
      </c>
      <c r="D117602" s="14" t="s">
        <v>39</v>
      </c>
      <c r="E117602" s="15">
        <v>45448</v>
      </c>
      <c r="F117602" s="14" t="s">
        <v>15</v>
      </c>
      <c r="G117602" s="16">
        <v>0.11141571194762687</v>
      </c>
    </row>
    <row r="117603" spans="1:7" x14ac:dyDescent="0.3">
      <c r="A117603" s="13" t="s">
        <v>556</v>
      </c>
      <c r="B117603" s="14" t="s">
        <v>1</v>
      </c>
      <c r="C117603" s="14" t="s">
        <v>546</v>
      </c>
      <c r="D117603" s="14" t="s">
        <v>39</v>
      </c>
      <c r="E117603" s="15">
        <v>45449</v>
      </c>
      <c r="F117603" s="14" t="s">
        <v>15</v>
      </c>
      <c r="G117603" s="16">
        <v>0.12048076923076925</v>
      </c>
    </row>
    <row r="117604" spans="1:7" x14ac:dyDescent="0.3">
      <c r="A117604" s="13" t="s">
        <v>556</v>
      </c>
      <c r="B117604" s="14" t="s">
        <v>1</v>
      </c>
      <c r="C117604" s="14" t="s">
        <v>546</v>
      </c>
      <c r="D117604" s="14" t="s">
        <v>39</v>
      </c>
      <c r="E117604" s="15">
        <v>45450</v>
      </c>
      <c r="F117604" s="14" t="s">
        <v>15</v>
      </c>
      <c r="G117604" s="16">
        <v>0.12084901800327333</v>
      </c>
    </row>
    <row r="117605" spans="1:7" x14ac:dyDescent="0.3">
      <c r="A117605" s="13" t="s">
        <v>556</v>
      </c>
      <c r="B117605" s="14" t="s">
        <v>1</v>
      </c>
      <c r="C117605" s="14" t="s">
        <v>546</v>
      </c>
      <c r="D117605" s="14" t="s">
        <v>39</v>
      </c>
      <c r="E117605" s="15">
        <v>45451</v>
      </c>
      <c r="F117605" s="14" t="s">
        <v>15</v>
      </c>
      <c r="G117605" s="16">
        <v>0.12084901800327333</v>
      </c>
    </row>
    <row r="117606" spans="1:7" x14ac:dyDescent="0.3">
      <c r="A117606" s="13" t="s">
        <v>556</v>
      </c>
      <c r="B117606" s="14" t="s">
        <v>1</v>
      </c>
      <c r="C117606" s="14" t="s">
        <v>546</v>
      </c>
      <c r="D117606" s="14" t="s">
        <v>39</v>
      </c>
      <c r="E117606" s="15">
        <v>45452</v>
      </c>
      <c r="F117606" s="14" t="s">
        <v>15</v>
      </c>
      <c r="G117606" s="16">
        <v>0.12084901800327333</v>
      </c>
    </row>
    <row r="117607" spans="1:7" x14ac:dyDescent="0.3">
      <c r="A117607" s="13" t="s">
        <v>556</v>
      </c>
      <c r="B117607" s="14" t="s">
        <v>1</v>
      </c>
      <c r="C117607" s="14" t="s">
        <v>546</v>
      </c>
      <c r="D117607" s="14" t="s">
        <v>39</v>
      </c>
      <c r="E117607" s="15">
        <v>45453</v>
      </c>
      <c r="F117607" s="14" t="s">
        <v>15</v>
      </c>
      <c r="G117607" s="16">
        <v>0.12084901800327333</v>
      </c>
    </row>
    <row r="117608" spans="1:7" x14ac:dyDescent="0.3">
      <c r="A117608" s="13" t="s">
        <v>556</v>
      </c>
      <c r="B117608" s="14" t="s">
        <v>1</v>
      </c>
      <c r="C117608" s="14" t="s">
        <v>546</v>
      </c>
      <c r="D117608" s="14" t="s">
        <v>39</v>
      </c>
      <c r="E117608" s="15">
        <v>45454</v>
      </c>
      <c r="F117608" s="14" t="s">
        <v>15</v>
      </c>
      <c r="G117608" s="16">
        <v>0.17421235679214403</v>
      </c>
    </row>
    <row r="117609" spans="1:7" x14ac:dyDescent="0.3">
      <c r="A117609" s="13" t="s">
        <v>556</v>
      </c>
      <c r="B117609" s="14" t="s">
        <v>1</v>
      </c>
      <c r="C117609" s="14" t="s">
        <v>546</v>
      </c>
      <c r="D117609" s="14" t="s">
        <v>39</v>
      </c>
      <c r="E117609" s="15">
        <v>45455</v>
      </c>
      <c r="F117609" s="14" t="s">
        <v>15</v>
      </c>
      <c r="G117609" s="16">
        <v>0.16913256955810149</v>
      </c>
    </row>
    <row r="117610" spans="1:7" x14ac:dyDescent="0.3">
      <c r="A117610" s="13" t="s">
        <v>556</v>
      </c>
      <c r="B117610" s="14" t="s">
        <v>1</v>
      </c>
      <c r="C117610" s="14" t="s">
        <v>546</v>
      </c>
      <c r="D117610" s="14" t="s">
        <v>39</v>
      </c>
      <c r="E117610" s="15">
        <v>45456</v>
      </c>
      <c r="F117610" s="14" t="s">
        <v>15</v>
      </c>
      <c r="G117610" s="16">
        <v>0.22268412438625204</v>
      </c>
    </row>
    <row r="117611" spans="1:7" x14ac:dyDescent="0.3">
      <c r="A117611" s="13" t="s">
        <v>556</v>
      </c>
      <c r="B117611" s="14" t="s">
        <v>1</v>
      </c>
      <c r="C117611" s="14" t="s">
        <v>546</v>
      </c>
      <c r="D117611" s="14" t="s">
        <v>39</v>
      </c>
      <c r="E117611" s="15">
        <v>45457</v>
      </c>
      <c r="F117611" s="14" t="s">
        <v>15</v>
      </c>
      <c r="G117611" s="16">
        <v>0.25543576104746318</v>
      </c>
    </row>
    <row r="117612" spans="1:7" x14ac:dyDescent="0.3">
      <c r="A117612" s="13" t="s">
        <v>556</v>
      </c>
      <c r="B117612" s="14" t="s">
        <v>1</v>
      </c>
      <c r="C117612" s="14" t="s">
        <v>546</v>
      </c>
      <c r="D117612" s="14" t="s">
        <v>39</v>
      </c>
      <c r="E117612" s="15">
        <v>45458</v>
      </c>
      <c r="F117612" s="14" t="s">
        <v>15</v>
      </c>
      <c r="G117612" s="16">
        <v>0.25543576104746318</v>
      </c>
    </row>
    <row r="117613" spans="1:7" x14ac:dyDescent="0.3">
      <c r="A117613" s="13" t="s">
        <v>556</v>
      </c>
      <c r="B117613" s="14" t="s">
        <v>1</v>
      </c>
      <c r="C117613" s="14" t="s">
        <v>546</v>
      </c>
      <c r="D117613" s="14" t="s">
        <v>39</v>
      </c>
      <c r="E117613" s="15">
        <v>45459</v>
      </c>
      <c r="F117613" s="14" t="s">
        <v>15</v>
      </c>
      <c r="G117613" s="16">
        <v>0.25543576104746318</v>
      </c>
    </row>
    <row r="117614" spans="1:7" x14ac:dyDescent="0.3">
      <c r="A117614" s="13" t="s">
        <v>556</v>
      </c>
      <c r="B117614" s="14" t="s">
        <v>1</v>
      </c>
      <c r="C117614" s="14" t="s">
        <v>546</v>
      </c>
      <c r="D117614" s="14" t="s">
        <v>39</v>
      </c>
      <c r="E117614" s="15">
        <v>45460</v>
      </c>
      <c r="F117614" s="14" t="s">
        <v>15</v>
      </c>
      <c r="G117614" s="16">
        <v>0.26790507364975452</v>
      </c>
    </row>
    <row r="117615" spans="1:7" x14ac:dyDescent="0.3">
      <c r="A117615" s="13" t="s">
        <v>556</v>
      </c>
      <c r="B117615" s="14" t="s">
        <v>1</v>
      </c>
      <c r="C117615" s="14" t="s">
        <v>546</v>
      </c>
      <c r="D117615" s="14" t="s">
        <v>39</v>
      </c>
      <c r="E117615" s="15">
        <v>45461</v>
      </c>
      <c r="F117615" s="14" t="s">
        <v>15</v>
      </c>
      <c r="G117615" s="16">
        <v>0.26413666121112928</v>
      </c>
    </row>
    <row r="117616" spans="1:7" x14ac:dyDescent="0.3">
      <c r="A117616" s="13" t="s">
        <v>556</v>
      </c>
      <c r="B117616" s="14" t="s">
        <v>1</v>
      </c>
      <c r="C117616" s="14" t="s">
        <v>546</v>
      </c>
      <c r="D117616" s="14" t="s">
        <v>39</v>
      </c>
      <c r="E117616" s="15">
        <v>45462</v>
      </c>
      <c r="F117616" s="14" t="s">
        <v>15</v>
      </c>
      <c r="G117616" s="16">
        <v>0.31858019639934532</v>
      </c>
    </row>
    <row r="117617" spans="1:7" x14ac:dyDescent="0.3">
      <c r="A117617" s="13" t="s">
        <v>556</v>
      </c>
      <c r="B117617" s="14" t="s">
        <v>1</v>
      </c>
      <c r="C117617" s="14" t="s">
        <v>546</v>
      </c>
      <c r="D117617" s="14" t="s">
        <v>39</v>
      </c>
      <c r="E117617" s="15">
        <v>45463</v>
      </c>
      <c r="F117617" s="14" t="s">
        <v>15</v>
      </c>
      <c r="G117617" s="16">
        <v>0.35300122749590829</v>
      </c>
    </row>
    <row r="117618" spans="1:7" x14ac:dyDescent="0.3">
      <c r="A117618" s="13" t="s">
        <v>556</v>
      </c>
      <c r="B117618" s="14" t="s">
        <v>1</v>
      </c>
      <c r="C117618" s="14" t="s">
        <v>546</v>
      </c>
      <c r="D117618" s="14" t="s">
        <v>39</v>
      </c>
      <c r="E117618" s="15">
        <v>45464</v>
      </c>
      <c r="F117618" s="14" t="s">
        <v>15</v>
      </c>
      <c r="G117618" s="16">
        <v>0.35172463175122748</v>
      </c>
    </row>
    <row r="117619" spans="1:7" x14ac:dyDescent="0.3">
      <c r="A117619" s="13" t="s">
        <v>556</v>
      </c>
      <c r="B117619" s="14" t="s">
        <v>1</v>
      </c>
      <c r="C117619" s="14" t="s">
        <v>546</v>
      </c>
      <c r="D117619" s="14" t="s">
        <v>39</v>
      </c>
      <c r="E117619" s="15">
        <v>45465</v>
      </c>
      <c r="F117619" s="14" t="s">
        <v>15</v>
      </c>
      <c r="G117619" s="16">
        <v>0.35172463175122748</v>
      </c>
    </row>
    <row r="117620" spans="1:7" x14ac:dyDescent="0.3">
      <c r="A117620" s="13" t="s">
        <v>556</v>
      </c>
      <c r="B117620" s="14" t="s">
        <v>1</v>
      </c>
      <c r="C117620" s="14" t="s">
        <v>546</v>
      </c>
      <c r="D117620" s="14" t="s">
        <v>39</v>
      </c>
      <c r="E117620" s="15">
        <v>45466</v>
      </c>
      <c r="F117620" s="14" t="s">
        <v>15</v>
      </c>
      <c r="G117620" s="16">
        <v>0.35172463175122748</v>
      </c>
    </row>
    <row r="117621" spans="1:7" x14ac:dyDescent="0.3">
      <c r="A117621" s="13" t="s">
        <v>556</v>
      </c>
      <c r="B117621" s="14" t="s">
        <v>1</v>
      </c>
      <c r="C117621" s="14" t="s">
        <v>546</v>
      </c>
      <c r="D117621" s="14" t="s">
        <v>39</v>
      </c>
      <c r="E117621" s="15">
        <v>45467</v>
      </c>
      <c r="F117621" s="14" t="s">
        <v>15</v>
      </c>
      <c r="G117621" s="16">
        <v>0.35045621931260224</v>
      </c>
    </row>
    <row r="117622" spans="1:7" x14ac:dyDescent="0.3">
      <c r="A117622" s="13" t="s">
        <v>556</v>
      </c>
      <c r="B117622" s="14" t="s">
        <v>1</v>
      </c>
      <c r="C117622" s="14" t="s">
        <v>546</v>
      </c>
      <c r="D117622" s="14" t="s">
        <v>39</v>
      </c>
      <c r="E117622" s="15">
        <v>45468</v>
      </c>
      <c r="F117622" s="14" t="s">
        <v>15</v>
      </c>
      <c r="G117622" s="16">
        <v>0.35649345335515542</v>
      </c>
    </row>
    <row r="117623" spans="1:7" x14ac:dyDescent="0.3">
      <c r="A117623" s="13" t="s">
        <v>556</v>
      </c>
      <c r="B117623" s="14" t="s">
        <v>1</v>
      </c>
      <c r="C117623" s="14" t="s">
        <v>546</v>
      </c>
      <c r="D117623" s="14" t="s">
        <v>39</v>
      </c>
      <c r="E117623" s="15">
        <v>45469</v>
      </c>
      <c r="F117623" s="14" t="s">
        <v>15</v>
      </c>
      <c r="G117623" s="16">
        <v>0.35942512274959076</v>
      </c>
    </row>
    <row r="117624" spans="1:7" x14ac:dyDescent="0.3">
      <c r="A117624" s="13" t="s">
        <v>556</v>
      </c>
      <c r="B117624" s="14" t="s">
        <v>1</v>
      </c>
      <c r="C117624" s="14" t="s">
        <v>546</v>
      </c>
      <c r="D117624" s="14" t="s">
        <v>39</v>
      </c>
      <c r="E117624" s="15">
        <v>45470</v>
      </c>
      <c r="F117624" s="14" t="s">
        <v>15</v>
      </c>
      <c r="G117624" s="16">
        <v>0.3625531914893616</v>
      </c>
    </row>
    <row r="117625" spans="1:7" x14ac:dyDescent="0.3">
      <c r="A117625" s="13" t="s">
        <v>556</v>
      </c>
      <c r="B117625" s="14" t="s">
        <v>1</v>
      </c>
      <c r="C117625" s="14" t="s">
        <v>546</v>
      </c>
      <c r="D117625" s="14" t="s">
        <v>39</v>
      </c>
      <c r="E117625" s="15">
        <v>45471</v>
      </c>
      <c r="F117625" s="14" t="s">
        <v>15</v>
      </c>
      <c r="G117625" s="16">
        <v>0.36349631751227485</v>
      </c>
    </row>
    <row r="117626" spans="1:7" x14ac:dyDescent="0.3">
      <c r="A117626" s="13" t="s">
        <v>556</v>
      </c>
      <c r="B117626" s="14" t="s">
        <v>1</v>
      </c>
      <c r="C117626" s="14" t="s">
        <v>546</v>
      </c>
      <c r="D117626" s="14" t="s">
        <v>39</v>
      </c>
      <c r="E117626" s="15">
        <v>45472</v>
      </c>
      <c r="F117626" s="14" t="s">
        <v>15</v>
      </c>
      <c r="G117626" s="16">
        <v>0.36349631751227485</v>
      </c>
    </row>
    <row r="117627" spans="1:7" x14ac:dyDescent="0.3">
      <c r="A117627" s="13" t="s">
        <v>556</v>
      </c>
      <c r="B117627" s="14" t="s">
        <v>1</v>
      </c>
      <c r="C117627" s="14" t="s">
        <v>546</v>
      </c>
      <c r="D117627" s="14" t="s">
        <v>39</v>
      </c>
      <c r="E117627" s="15">
        <v>45473</v>
      </c>
      <c r="F117627" s="14" t="s">
        <v>15</v>
      </c>
      <c r="G117627" s="16">
        <v>0.36349631751227485</v>
      </c>
    </row>
    <row r="117628" spans="1:7" x14ac:dyDescent="0.3">
      <c r="A117628" s="13" t="s">
        <v>556</v>
      </c>
      <c r="B117628" s="14" t="s">
        <v>1</v>
      </c>
      <c r="C117628" s="14" t="s">
        <v>546</v>
      </c>
      <c r="D117628" s="14" t="s">
        <v>39</v>
      </c>
      <c r="E117628" s="15">
        <v>45474</v>
      </c>
      <c r="F117628" s="14" t="s">
        <v>15</v>
      </c>
      <c r="G117628" s="16">
        <v>0.36349631751227485</v>
      </c>
    </row>
    <row r="117629" spans="1:7" x14ac:dyDescent="0.3">
      <c r="A117629" s="13" t="s">
        <v>556</v>
      </c>
      <c r="B117629" s="14" t="s">
        <v>1</v>
      </c>
      <c r="C117629" s="14" t="s">
        <v>546</v>
      </c>
      <c r="D117629" s="14" t="s">
        <v>39</v>
      </c>
      <c r="E117629" s="15">
        <v>45475</v>
      </c>
      <c r="F117629" s="14" t="s">
        <v>15</v>
      </c>
      <c r="G117629" s="16">
        <v>0.36327536824877243</v>
      </c>
    </row>
    <row r="117630" spans="1:7" x14ac:dyDescent="0.3">
      <c r="A117630" s="13" t="s">
        <v>556</v>
      </c>
      <c r="B117630" s="14" t="s">
        <v>1</v>
      </c>
      <c r="C117630" s="14" t="s">
        <v>546</v>
      </c>
      <c r="D117630" s="14" t="s">
        <v>39</v>
      </c>
      <c r="E117630" s="15">
        <v>45476</v>
      </c>
      <c r="F117630" s="14" t="s">
        <v>15</v>
      </c>
      <c r="G117630" s="16">
        <v>0.36186988543371518</v>
      </c>
    </row>
    <row r="117631" spans="1:7" x14ac:dyDescent="0.3">
      <c r="A117631" s="13" t="s">
        <v>556</v>
      </c>
      <c r="B117631" s="14" t="s">
        <v>1</v>
      </c>
      <c r="C117631" s="14" t="s">
        <v>546</v>
      </c>
      <c r="D117631" s="14" t="s">
        <v>39</v>
      </c>
      <c r="E117631" s="15">
        <v>45477</v>
      </c>
      <c r="F117631" s="14" t="s">
        <v>15</v>
      </c>
      <c r="G117631" s="16">
        <v>0.50374590834697208</v>
      </c>
    </row>
    <row r="117632" spans="1:7" x14ac:dyDescent="0.3">
      <c r="A117632" s="13" t="s">
        <v>556</v>
      </c>
      <c r="B117632" s="14" t="s">
        <v>1</v>
      </c>
      <c r="C117632" s="14" t="s">
        <v>546</v>
      </c>
      <c r="D117632" s="14" t="s">
        <v>39</v>
      </c>
      <c r="E117632" s="15">
        <v>45478</v>
      </c>
      <c r="F117632" s="14" t="s">
        <v>15</v>
      </c>
      <c r="G117632" s="16">
        <v>0.71191080196399326</v>
      </c>
    </row>
    <row r="117633" spans="1:7" x14ac:dyDescent="0.3">
      <c r="A117633" s="13" t="s">
        <v>556</v>
      </c>
      <c r="B117633" s="14" t="s">
        <v>1</v>
      </c>
      <c r="C117633" s="14" t="s">
        <v>546</v>
      </c>
      <c r="D117633" s="14" t="s">
        <v>39</v>
      </c>
      <c r="E117633" s="15">
        <v>45479</v>
      </c>
      <c r="F117633" s="14" t="s">
        <v>15</v>
      </c>
      <c r="G117633" s="16">
        <v>0.71191080196399326</v>
      </c>
    </row>
    <row r="117634" spans="1:7" x14ac:dyDescent="0.3">
      <c r="A117634" s="13" t="s">
        <v>556</v>
      </c>
      <c r="B117634" s="14" t="s">
        <v>1</v>
      </c>
      <c r="C117634" s="14" t="s">
        <v>546</v>
      </c>
      <c r="D117634" s="14" t="s">
        <v>39</v>
      </c>
      <c r="E117634" s="15">
        <v>45480</v>
      </c>
      <c r="F117634" s="14" t="s">
        <v>15</v>
      </c>
      <c r="G117634" s="16">
        <v>0.71191080196399326</v>
      </c>
    </row>
    <row r="117635" spans="1:7" x14ac:dyDescent="0.3">
      <c r="A117635" s="13" t="s">
        <v>556</v>
      </c>
      <c r="B117635" s="14" t="s">
        <v>1</v>
      </c>
      <c r="C117635" s="14" t="s">
        <v>546</v>
      </c>
      <c r="D117635" s="14" t="s">
        <v>39</v>
      </c>
      <c r="E117635" s="15">
        <v>45481</v>
      </c>
      <c r="F117635" s="14" t="s">
        <v>15</v>
      </c>
      <c r="G117635" s="16">
        <v>0.73773322422258569</v>
      </c>
    </row>
    <row r="117636" spans="1:7" x14ac:dyDescent="0.3">
      <c r="A117636" s="13" t="s">
        <v>556</v>
      </c>
      <c r="B117636" s="14" t="s">
        <v>1</v>
      </c>
      <c r="C117636" s="14" t="s">
        <v>546</v>
      </c>
      <c r="D117636" s="14" t="s">
        <v>39</v>
      </c>
      <c r="E117636" s="15">
        <v>45482</v>
      </c>
      <c r="F117636" s="14" t="s">
        <v>15</v>
      </c>
      <c r="G117636" s="16">
        <v>0.77931873977086719</v>
      </c>
    </row>
    <row r="117637" spans="1:7" x14ac:dyDescent="0.3">
      <c r="A117637" s="13" t="s">
        <v>556</v>
      </c>
      <c r="B117637" s="14" t="s">
        <v>1</v>
      </c>
      <c r="C117637" s="14" t="s">
        <v>546</v>
      </c>
      <c r="D117637" s="14" t="s">
        <v>39</v>
      </c>
      <c r="E117637" s="15">
        <v>45483</v>
      </c>
      <c r="F117637" s="14" t="s">
        <v>15</v>
      </c>
      <c r="G117637" s="16">
        <v>0.77808101472995062</v>
      </c>
    </row>
    <row r="117638" spans="1:7" x14ac:dyDescent="0.3">
      <c r="A117638" s="13" t="s">
        <v>556</v>
      </c>
      <c r="B117638" s="14" t="s">
        <v>1</v>
      </c>
      <c r="C117638" s="14" t="s">
        <v>546</v>
      </c>
      <c r="D117638" s="14" t="s">
        <v>39</v>
      </c>
      <c r="E117638" s="15">
        <v>45484</v>
      </c>
      <c r="F117638" s="14" t="s">
        <v>15</v>
      </c>
      <c r="G117638" s="16">
        <v>0.7873813420621929</v>
      </c>
    </row>
    <row r="117639" spans="1:7" x14ac:dyDescent="0.3">
      <c r="A117639" s="13" t="s">
        <v>556</v>
      </c>
      <c r="B117639" s="14" t="s">
        <v>1</v>
      </c>
      <c r="C117639" s="14" t="s">
        <v>546</v>
      </c>
      <c r="D117639" s="14" t="s">
        <v>39</v>
      </c>
      <c r="E117639" s="15">
        <v>45485</v>
      </c>
      <c r="F117639" s="14" t="s">
        <v>15</v>
      </c>
      <c r="G117639" s="16">
        <v>0.79207855973813401</v>
      </c>
    </row>
    <row r="117640" spans="1:7" x14ac:dyDescent="0.3">
      <c r="A117640" s="13" t="s">
        <v>556</v>
      </c>
      <c r="B117640" s="14" t="s">
        <v>1</v>
      </c>
      <c r="C117640" s="14" t="s">
        <v>546</v>
      </c>
      <c r="D117640" s="14" t="s">
        <v>39</v>
      </c>
      <c r="E117640" s="15">
        <v>45486</v>
      </c>
      <c r="F117640" s="14" t="s">
        <v>15</v>
      </c>
      <c r="G117640" s="16">
        <v>0.79207855973813401</v>
      </c>
    </row>
    <row r="117641" spans="1:7" x14ac:dyDescent="0.3">
      <c r="A117641" s="13" t="s">
        <v>556</v>
      </c>
      <c r="B117641" s="14" t="s">
        <v>1</v>
      </c>
      <c r="C117641" s="14" t="s">
        <v>546</v>
      </c>
      <c r="D117641" s="14" t="s">
        <v>39</v>
      </c>
      <c r="E117641" s="15">
        <v>45487</v>
      </c>
      <c r="F117641" s="14" t="s">
        <v>15</v>
      </c>
      <c r="G117641" s="16">
        <v>0.79207855973813401</v>
      </c>
    </row>
    <row r="117642" spans="1:7" x14ac:dyDescent="0.3">
      <c r="A117642" s="13" t="s">
        <v>556</v>
      </c>
      <c r="B117642" s="14" t="s">
        <v>1</v>
      </c>
      <c r="C117642" s="14" t="s">
        <v>546</v>
      </c>
      <c r="D117642" s="14" t="s">
        <v>39</v>
      </c>
      <c r="E117642" s="15">
        <v>45488</v>
      </c>
      <c r="F117642" s="14" t="s">
        <v>15</v>
      </c>
      <c r="G117642" s="16">
        <v>0.81077127659574444</v>
      </c>
    </row>
    <row r="117643" spans="1:7" x14ac:dyDescent="0.3">
      <c r="A117643" s="13" t="s">
        <v>556</v>
      </c>
      <c r="B117643" s="14" t="s">
        <v>1</v>
      </c>
      <c r="C117643" s="14" t="s">
        <v>546</v>
      </c>
      <c r="D117643" s="14" t="s">
        <v>39</v>
      </c>
      <c r="E117643" s="15">
        <v>45489</v>
      </c>
      <c r="F117643" s="14" t="s">
        <v>15</v>
      </c>
      <c r="G117643" s="16">
        <v>0.80692307692307674</v>
      </c>
    </row>
    <row r="117644" spans="1:7" x14ac:dyDescent="0.3">
      <c r="A117644" s="13" t="s">
        <v>556</v>
      </c>
      <c r="B117644" s="14" t="s">
        <v>1</v>
      </c>
      <c r="C117644" s="14" t="s">
        <v>546</v>
      </c>
      <c r="D117644" s="14" t="s">
        <v>39</v>
      </c>
      <c r="E117644" s="15">
        <v>45490</v>
      </c>
      <c r="F117644" s="14" t="s">
        <v>15</v>
      </c>
      <c r="G117644" s="16">
        <v>0.80565057283142372</v>
      </c>
    </row>
    <row r="117645" spans="1:7" x14ac:dyDescent="0.3">
      <c r="A117645" s="13" t="s">
        <v>556</v>
      </c>
      <c r="B117645" s="14" t="s">
        <v>1</v>
      </c>
      <c r="C117645" s="14" t="s">
        <v>546</v>
      </c>
      <c r="D117645" s="14" t="s">
        <v>39</v>
      </c>
      <c r="E117645" s="15">
        <v>45491</v>
      </c>
      <c r="F117645" s="14" t="s">
        <v>15</v>
      </c>
      <c r="G117645" s="16">
        <v>0.80795212765957425</v>
      </c>
    </row>
    <row r="117646" spans="1:7" x14ac:dyDescent="0.3">
      <c r="A117646" s="13" t="s">
        <v>556</v>
      </c>
      <c r="B117646" s="14" t="s">
        <v>1</v>
      </c>
      <c r="C117646" s="14" t="s">
        <v>546</v>
      </c>
      <c r="D117646" s="14" t="s">
        <v>39</v>
      </c>
      <c r="E117646" s="15">
        <v>45492</v>
      </c>
      <c r="F117646" s="14" t="s">
        <v>15</v>
      </c>
      <c r="G117646" s="16">
        <v>0.80669599018003257</v>
      </c>
    </row>
    <row r="117647" spans="1:7" x14ac:dyDescent="0.3">
      <c r="A117647" s="13" t="s">
        <v>556</v>
      </c>
      <c r="B117647" s="14" t="s">
        <v>1</v>
      </c>
      <c r="C117647" s="14" t="s">
        <v>546</v>
      </c>
      <c r="D117647" s="14" t="s">
        <v>39</v>
      </c>
      <c r="E117647" s="15">
        <v>45493</v>
      </c>
      <c r="F117647" s="14" t="s">
        <v>15</v>
      </c>
      <c r="G117647" s="16">
        <v>0.80669599018003257</v>
      </c>
    </row>
    <row r="117648" spans="1:7" x14ac:dyDescent="0.3">
      <c r="A117648" s="13" t="s">
        <v>556</v>
      </c>
      <c r="B117648" s="14" t="s">
        <v>1</v>
      </c>
      <c r="C117648" s="14" t="s">
        <v>546</v>
      </c>
      <c r="D117648" s="14" t="s">
        <v>39</v>
      </c>
      <c r="E117648" s="15">
        <v>45494</v>
      </c>
      <c r="F117648" s="14" t="s">
        <v>15</v>
      </c>
      <c r="G117648" s="16">
        <v>0.80669599018003257</v>
      </c>
    </row>
    <row r="117649" spans="1:7" x14ac:dyDescent="0.3">
      <c r="A117649" s="13" t="s">
        <v>556</v>
      </c>
      <c r="B117649" s="14" t="s">
        <v>1</v>
      </c>
      <c r="C117649" s="14" t="s">
        <v>546</v>
      </c>
      <c r="D117649" s="14" t="s">
        <v>39</v>
      </c>
      <c r="E117649" s="15">
        <v>45495</v>
      </c>
      <c r="F117649" s="14" t="s">
        <v>15</v>
      </c>
      <c r="G117649" s="16">
        <v>0.8396440261865793</v>
      </c>
    </row>
    <row r="117650" spans="1:7" x14ac:dyDescent="0.3">
      <c r="A117650" s="13" t="s">
        <v>556</v>
      </c>
      <c r="B117650" s="14" t="s">
        <v>1</v>
      </c>
      <c r="C117650" s="14" t="s">
        <v>546</v>
      </c>
      <c r="D117650" s="14" t="s">
        <v>39</v>
      </c>
      <c r="E117650" s="15">
        <v>45496</v>
      </c>
      <c r="F117650" s="14" t="s">
        <v>15</v>
      </c>
      <c r="G117650" s="16">
        <v>0.83591857610474618</v>
      </c>
    </row>
    <row r="117651" spans="1:7" x14ac:dyDescent="0.3">
      <c r="A117651" s="13" t="s">
        <v>556</v>
      </c>
      <c r="B117651" s="14" t="s">
        <v>1</v>
      </c>
      <c r="C117651" s="14" t="s">
        <v>546</v>
      </c>
      <c r="D117651" s="14" t="s">
        <v>39</v>
      </c>
      <c r="E117651" s="15">
        <v>45497</v>
      </c>
      <c r="F117651" s="14" t="s">
        <v>15</v>
      </c>
      <c r="G117651" s="16">
        <v>0.83466857610474621</v>
      </c>
    </row>
    <row r="117652" spans="1:7" x14ac:dyDescent="0.3">
      <c r="A117652" s="13" t="s">
        <v>556</v>
      </c>
      <c r="B117652" s="14" t="s">
        <v>1</v>
      </c>
      <c r="C117652" s="14" t="s">
        <v>546</v>
      </c>
      <c r="D117652" s="14" t="s">
        <v>39</v>
      </c>
      <c r="E117652" s="15">
        <v>45498</v>
      </c>
      <c r="F117652" s="14" t="s">
        <v>15</v>
      </c>
      <c r="G117652" s="16">
        <v>0.83343698854337134</v>
      </c>
    </row>
    <row r="117653" spans="1:7" x14ac:dyDescent="0.3">
      <c r="A117653" s="13" t="s">
        <v>556</v>
      </c>
      <c r="B117653" s="14" t="s">
        <v>1</v>
      </c>
      <c r="C117653" s="14" t="s">
        <v>546</v>
      </c>
      <c r="D117653" s="14" t="s">
        <v>39</v>
      </c>
      <c r="E117653" s="15">
        <v>45499</v>
      </c>
      <c r="F117653" s="14" t="s">
        <v>15</v>
      </c>
      <c r="G117653" s="16">
        <v>0.83221563011456612</v>
      </c>
    </row>
    <row r="117654" spans="1:7" x14ac:dyDescent="0.3">
      <c r="A117654" s="13" t="s">
        <v>556</v>
      </c>
      <c r="B117654" s="14" t="s">
        <v>1</v>
      </c>
      <c r="C117654" s="14" t="s">
        <v>546</v>
      </c>
      <c r="D117654" s="14" t="s">
        <v>39</v>
      </c>
      <c r="E117654" s="15">
        <v>45500</v>
      </c>
      <c r="F117654" s="14" t="s">
        <v>15</v>
      </c>
      <c r="G117654" s="16">
        <v>0.83221563011456612</v>
      </c>
    </row>
    <row r="117655" spans="1:7" x14ac:dyDescent="0.3">
      <c r="A117655" s="13" t="s">
        <v>556</v>
      </c>
      <c r="B117655" s="14" t="s">
        <v>1</v>
      </c>
      <c r="C117655" s="14" t="s">
        <v>546</v>
      </c>
      <c r="D117655" s="14" t="s">
        <v>39</v>
      </c>
      <c r="E117655" s="15">
        <v>45501</v>
      </c>
      <c r="F117655" s="14" t="s">
        <v>15</v>
      </c>
      <c r="G117655" s="16">
        <v>0.83221563011456612</v>
      </c>
    </row>
    <row r="117656" spans="1:7" x14ac:dyDescent="0.3">
      <c r="A117656" s="13" t="s">
        <v>556</v>
      </c>
      <c r="B117656" s="14" t="s">
        <v>1</v>
      </c>
      <c r="C117656" s="14" t="s">
        <v>546</v>
      </c>
      <c r="D117656" s="14" t="s">
        <v>39</v>
      </c>
      <c r="E117656" s="15">
        <v>45502</v>
      </c>
      <c r="F117656" s="14" t="s">
        <v>15</v>
      </c>
      <c r="G117656" s="16">
        <v>0.83101268412438611</v>
      </c>
    </row>
    <row r="117657" spans="1:7" x14ac:dyDescent="0.3">
      <c r="A117657" s="13" t="s">
        <v>556</v>
      </c>
      <c r="B117657" s="14" t="s">
        <v>1</v>
      </c>
      <c r="C117657" s="14" t="s">
        <v>546</v>
      </c>
      <c r="D117657" s="14" t="s">
        <v>39</v>
      </c>
      <c r="E117657" s="15">
        <v>45503</v>
      </c>
      <c r="F117657" s="14" t="s">
        <v>15</v>
      </c>
      <c r="G117657" s="16">
        <v>0.82740589198035985</v>
      </c>
    </row>
    <row r="117658" spans="1:7" x14ac:dyDescent="0.3">
      <c r="A117658" s="13" t="s">
        <v>556</v>
      </c>
      <c r="B117658" s="14" t="s">
        <v>1</v>
      </c>
      <c r="C117658" s="14" t="s">
        <v>546</v>
      </c>
      <c r="D117658" s="14" t="s">
        <v>39</v>
      </c>
      <c r="E117658" s="15">
        <v>45504</v>
      </c>
      <c r="F117658" s="14" t="s">
        <v>15</v>
      </c>
      <c r="G117658" s="16">
        <v>0.82643617021276583</v>
      </c>
    </row>
    <row r="117659" spans="1:7" x14ac:dyDescent="0.3">
      <c r="A117659" s="13" t="s">
        <v>556</v>
      </c>
      <c r="B117659" s="14" t="s">
        <v>1</v>
      </c>
      <c r="C117659" s="14" t="s">
        <v>546</v>
      </c>
      <c r="D117659" s="14" t="s">
        <v>39</v>
      </c>
      <c r="E117659" s="15">
        <v>45505</v>
      </c>
      <c r="F117659" s="14" t="s">
        <v>15</v>
      </c>
      <c r="G117659" s="16">
        <v>0.82524140752864139</v>
      </c>
    </row>
    <row r="117660" spans="1:7" x14ac:dyDescent="0.3">
      <c r="A117660" s="13" t="s">
        <v>556</v>
      </c>
      <c r="B117660" s="14" t="s">
        <v>1</v>
      </c>
      <c r="C117660" s="14" t="s">
        <v>546</v>
      </c>
      <c r="D117660" s="14" t="s">
        <v>39</v>
      </c>
      <c r="E117660" s="15">
        <v>45506</v>
      </c>
      <c r="F117660" s="14" t="s">
        <v>15</v>
      </c>
      <c r="G117660" s="16">
        <v>0.83318944353518809</v>
      </c>
    </row>
    <row r="117661" spans="1:7" x14ac:dyDescent="0.3">
      <c r="A117661" s="13" t="s">
        <v>556</v>
      </c>
      <c r="B117661" s="14" t="s">
        <v>1</v>
      </c>
      <c r="C117661" s="14" t="s">
        <v>546</v>
      </c>
      <c r="D117661" s="14" t="s">
        <v>39</v>
      </c>
      <c r="E117661" s="15">
        <v>45507</v>
      </c>
      <c r="F117661" s="14" t="s">
        <v>15</v>
      </c>
      <c r="G117661" s="16">
        <v>0.83318944353518809</v>
      </c>
    </row>
    <row r="117662" spans="1:7" x14ac:dyDescent="0.3">
      <c r="A117662" s="13" t="s">
        <v>556</v>
      </c>
      <c r="B117662" s="14" t="s">
        <v>1</v>
      </c>
      <c r="C117662" s="14" t="s">
        <v>546</v>
      </c>
      <c r="D117662" s="14" t="s">
        <v>39</v>
      </c>
      <c r="E117662" s="15">
        <v>45508</v>
      </c>
      <c r="F117662" s="14" t="s">
        <v>15</v>
      </c>
      <c r="G117662" s="16">
        <v>0.83318944353518809</v>
      </c>
    </row>
    <row r="117663" spans="1:7" x14ac:dyDescent="0.3">
      <c r="A117663" s="13" t="s">
        <v>556</v>
      </c>
      <c r="B117663" s="14" t="s">
        <v>1</v>
      </c>
      <c r="C117663" s="14" t="s">
        <v>546</v>
      </c>
      <c r="D117663" s="14" t="s">
        <v>39</v>
      </c>
      <c r="E117663" s="15">
        <v>45509</v>
      </c>
      <c r="F117663" s="14" t="s">
        <v>15</v>
      </c>
      <c r="G117663" s="16">
        <v>0.83318944353518809</v>
      </c>
    </row>
    <row r="117664" spans="1:7" x14ac:dyDescent="0.3">
      <c r="A117664" s="13" t="s">
        <v>556</v>
      </c>
      <c r="B117664" s="14" t="s">
        <v>1</v>
      </c>
      <c r="C117664" s="14" t="s">
        <v>546</v>
      </c>
      <c r="D117664" s="14" t="s">
        <v>39</v>
      </c>
      <c r="E117664" s="15">
        <v>45510</v>
      </c>
      <c r="F117664" s="14" t="s">
        <v>15</v>
      </c>
      <c r="G117664" s="16">
        <v>0.83197831423895241</v>
      </c>
    </row>
    <row r="117665" spans="1:7" x14ac:dyDescent="0.3">
      <c r="A117665" s="13" t="s">
        <v>556</v>
      </c>
      <c r="B117665" s="14" t="s">
        <v>1</v>
      </c>
      <c r="C117665" s="14" t="s">
        <v>546</v>
      </c>
      <c r="D117665" s="14" t="s">
        <v>39</v>
      </c>
      <c r="E117665" s="15">
        <v>45511</v>
      </c>
      <c r="F117665" s="14" t="s">
        <v>15</v>
      </c>
      <c r="G117665" s="16">
        <v>0.82720130932896874</v>
      </c>
    </row>
    <row r="117666" spans="1:7" x14ac:dyDescent="0.3">
      <c r="A117666" s="13" t="s">
        <v>556</v>
      </c>
      <c r="B117666" s="14" t="s">
        <v>1</v>
      </c>
      <c r="C117666" s="14" t="s">
        <v>546</v>
      </c>
      <c r="D117666" s="14" t="s">
        <v>39</v>
      </c>
      <c r="E117666" s="15">
        <v>45512</v>
      </c>
      <c r="F117666" s="14" t="s">
        <v>15</v>
      </c>
      <c r="G117666" s="16">
        <v>0.82601882160392781</v>
      </c>
    </row>
    <row r="117667" spans="1:7" x14ac:dyDescent="0.3">
      <c r="A117667" s="13" t="s">
        <v>556</v>
      </c>
      <c r="B117667" s="14" t="s">
        <v>1</v>
      </c>
      <c r="C117667" s="14" t="s">
        <v>546</v>
      </c>
      <c r="D117667" s="14" t="s">
        <v>39</v>
      </c>
      <c r="E117667" s="15">
        <v>45513</v>
      </c>
      <c r="F117667" s="14" t="s">
        <v>15</v>
      </c>
      <c r="G117667" s="16">
        <v>0.82482405891980337</v>
      </c>
    </row>
    <row r="117668" spans="1:7" x14ac:dyDescent="0.3">
      <c r="A117668" s="13" t="s">
        <v>556</v>
      </c>
      <c r="B117668" s="14" t="s">
        <v>1</v>
      </c>
      <c r="C117668" s="14" t="s">
        <v>546</v>
      </c>
      <c r="D117668" s="14" t="s">
        <v>39</v>
      </c>
      <c r="E117668" s="15">
        <v>45514</v>
      </c>
      <c r="F117668" s="14" t="s">
        <v>15</v>
      </c>
      <c r="G117668" s="16">
        <v>0.82482405891980337</v>
      </c>
    </row>
    <row r="117669" spans="1:7" x14ac:dyDescent="0.3">
      <c r="A117669" s="13" t="s">
        <v>556</v>
      </c>
      <c r="B117669" s="14" t="s">
        <v>1</v>
      </c>
      <c r="C117669" s="14" t="s">
        <v>546</v>
      </c>
      <c r="D117669" s="14" t="s">
        <v>39</v>
      </c>
      <c r="E117669" s="15">
        <v>45515</v>
      </c>
      <c r="F117669" s="14" t="s">
        <v>15</v>
      </c>
      <c r="G117669" s="16">
        <v>0.82482405891980337</v>
      </c>
    </row>
    <row r="117670" spans="1:7" x14ac:dyDescent="0.3">
      <c r="A117670" s="13" t="s">
        <v>556</v>
      </c>
      <c r="B117670" s="14" t="s">
        <v>1</v>
      </c>
      <c r="C117670" s="14" t="s">
        <v>546</v>
      </c>
      <c r="D117670" s="14" t="s">
        <v>39</v>
      </c>
      <c r="E117670" s="15">
        <v>45516</v>
      </c>
      <c r="F117670" s="14" t="s">
        <v>15</v>
      </c>
      <c r="G117670" s="16">
        <v>0.82362725040916507</v>
      </c>
    </row>
    <row r="117671" spans="1:7" x14ac:dyDescent="0.3">
      <c r="A117671" s="13" t="s">
        <v>556</v>
      </c>
      <c r="B117671" s="14" t="s">
        <v>1</v>
      </c>
      <c r="C117671" s="14" t="s">
        <v>546</v>
      </c>
      <c r="D117671" s="14" t="s">
        <v>39</v>
      </c>
      <c r="E117671" s="15">
        <v>45517</v>
      </c>
      <c r="F117671" s="14" t="s">
        <v>15</v>
      </c>
      <c r="G117671" s="16">
        <v>0.82000409165302757</v>
      </c>
    </row>
    <row r="117672" spans="1:7" x14ac:dyDescent="0.3">
      <c r="A117672" s="13" t="s">
        <v>556</v>
      </c>
      <c r="B117672" s="14" t="s">
        <v>1</v>
      </c>
      <c r="C117672" s="14" t="s">
        <v>546</v>
      </c>
      <c r="D117672" s="14" t="s">
        <v>39</v>
      </c>
      <c r="E117672" s="15">
        <v>45518</v>
      </c>
      <c r="F117672" s="14" t="s">
        <v>15</v>
      </c>
      <c r="G117672" s="16">
        <v>0.81930646481178382</v>
      </c>
    </row>
    <row r="117673" spans="1:7" x14ac:dyDescent="0.3">
      <c r="A117673" s="13" t="s">
        <v>556</v>
      </c>
      <c r="B117673" s="14" t="s">
        <v>1</v>
      </c>
      <c r="C117673" s="14" t="s">
        <v>546</v>
      </c>
      <c r="D117673" s="14" t="s">
        <v>39</v>
      </c>
      <c r="E117673" s="15">
        <v>45519</v>
      </c>
      <c r="F117673" s="14" t="s">
        <v>15</v>
      </c>
      <c r="G117673" s="16">
        <v>0.81808919803600644</v>
      </c>
    </row>
    <row r="117674" spans="1:7" x14ac:dyDescent="0.3">
      <c r="A117674" s="13" t="s">
        <v>556</v>
      </c>
      <c r="B117674" s="14" t="s">
        <v>1</v>
      </c>
      <c r="C117674" s="14" t="s">
        <v>546</v>
      </c>
      <c r="D117674" s="14" t="s">
        <v>39</v>
      </c>
      <c r="E117674" s="15">
        <v>45520</v>
      </c>
      <c r="F117674" s="14" t="s">
        <v>15</v>
      </c>
      <c r="G117674" s="16">
        <v>0.83276186579378053</v>
      </c>
    </row>
    <row r="117675" spans="1:7" x14ac:dyDescent="0.3">
      <c r="A117675" s="13" t="s">
        <v>556</v>
      </c>
      <c r="B117675" s="14" t="s">
        <v>1</v>
      </c>
      <c r="C117675" s="14" t="s">
        <v>546</v>
      </c>
      <c r="D117675" s="14" t="s">
        <v>39</v>
      </c>
      <c r="E117675" s="15">
        <v>45521</v>
      </c>
      <c r="F117675" s="14" t="s">
        <v>15</v>
      </c>
      <c r="G117675" s="16">
        <v>0.83276186579378053</v>
      </c>
    </row>
    <row r="117676" spans="1:7" x14ac:dyDescent="0.3">
      <c r="A117676" s="13" t="s">
        <v>556</v>
      </c>
      <c r="B117676" s="14" t="s">
        <v>1</v>
      </c>
      <c r="C117676" s="14" t="s">
        <v>546</v>
      </c>
      <c r="D117676" s="14" t="s">
        <v>39</v>
      </c>
      <c r="E117676" s="15">
        <v>45522</v>
      </c>
      <c r="F117676" s="14" t="s">
        <v>15</v>
      </c>
      <c r="G117676" s="16">
        <v>0.83276186579378053</v>
      </c>
    </row>
    <row r="117677" spans="1:7" x14ac:dyDescent="0.3">
      <c r="A117677" s="13" t="s">
        <v>556</v>
      </c>
      <c r="B117677" s="14" t="s">
        <v>1</v>
      </c>
      <c r="C117677" s="14" t="s">
        <v>546</v>
      </c>
      <c r="D117677" s="14" t="s">
        <v>39</v>
      </c>
      <c r="E117677" s="15">
        <v>45523</v>
      </c>
      <c r="F117677" s="14" t="s">
        <v>15</v>
      </c>
      <c r="G117677" s="16">
        <v>0.84265752864157095</v>
      </c>
    </row>
    <row r="117678" spans="1:7" x14ac:dyDescent="0.3">
      <c r="A117678" s="13" t="s">
        <v>556</v>
      </c>
      <c r="B117678" s="14" t="s">
        <v>1</v>
      </c>
      <c r="C117678" s="14" t="s">
        <v>546</v>
      </c>
      <c r="D117678" s="14" t="s">
        <v>39</v>
      </c>
      <c r="E117678" s="15">
        <v>45524</v>
      </c>
      <c r="F117678" s="14" t="s">
        <v>15</v>
      </c>
      <c r="G117678" s="16">
        <v>0.83900368248772494</v>
      </c>
    </row>
    <row r="117679" spans="1:7" x14ac:dyDescent="0.3">
      <c r="A117679" s="13" t="s">
        <v>556</v>
      </c>
      <c r="B117679" s="14" t="s">
        <v>1</v>
      </c>
      <c r="C117679" s="14" t="s">
        <v>546</v>
      </c>
      <c r="D117679" s="14" t="s">
        <v>39</v>
      </c>
      <c r="E117679" s="15">
        <v>45525</v>
      </c>
      <c r="F117679" s="14" t="s">
        <v>15</v>
      </c>
      <c r="G117679" s="16">
        <v>0.83776595744680837</v>
      </c>
    </row>
    <row r="117680" spans="1:7" x14ac:dyDescent="0.3">
      <c r="A117680" s="13" t="s">
        <v>556</v>
      </c>
      <c r="B117680" s="14" t="s">
        <v>1</v>
      </c>
      <c r="C117680" s="14" t="s">
        <v>546</v>
      </c>
      <c r="D117680" s="14" t="s">
        <v>39</v>
      </c>
      <c r="E117680" s="15">
        <v>45526</v>
      </c>
      <c r="F117680" s="14" t="s">
        <v>15</v>
      </c>
      <c r="G117680" s="16">
        <v>0.83654255319148918</v>
      </c>
    </row>
    <row r="117681" spans="1:7" x14ac:dyDescent="0.3">
      <c r="A117681" s="13" t="s">
        <v>556</v>
      </c>
      <c r="B117681" s="14" t="s">
        <v>1</v>
      </c>
      <c r="C117681" s="14" t="s">
        <v>546</v>
      </c>
      <c r="D117681" s="14" t="s">
        <v>39</v>
      </c>
      <c r="E117681" s="15">
        <v>45527</v>
      </c>
      <c r="F117681" s="14" t="s">
        <v>15</v>
      </c>
      <c r="G117681" s="16">
        <v>0.8353252864157118</v>
      </c>
    </row>
    <row r="117682" spans="1:7" x14ac:dyDescent="0.3">
      <c r="A117682" s="13" t="s">
        <v>556</v>
      </c>
      <c r="B117682" s="14" t="s">
        <v>1</v>
      </c>
      <c r="C117682" s="14" t="s">
        <v>546</v>
      </c>
      <c r="D117682" s="14" t="s">
        <v>39</v>
      </c>
      <c r="E117682" s="15">
        <v>45528</v>
      </c>
      <c r="F117682" s="14" t="s">
        <v>15</v>
      </c>
      <c r="G117682" s="16">
        <v>0.8353252864157118</v>
      </c>
    </row>
    <row r="117683" spans="1:7" x14ac:dyDescent="0.3">
      <c r="A117683" s="13" t="s">
        <v>556</v>
      </c>
      <c r="B117683" s="14" t="s">
        <v>1</v>
      </c>
      <c r="C117683" s="14" t="s">
        <v>546</v>
      </c>
      <c r="D117683" s="14" t="s">
        <v>39</v>
      </c>
      <c r="E117683" s="15">
        <v>45529</v>
      </c>
      <c r="F117683" s="14" t="s">
        <v>15</v>
      </c>
      <c r="G117683" s="16">
        <v>0.8353252864157118</v>
      </c>
    </row>
    <row r="117684" spans="1:7" x14ac:dyDescent="0.3">
      <c r="A117684" s="13" t="s">
        <v>556</v>
      </c>
      <c r="B117684" s="14" t="s">
        <v>1</v>
      </c>
      <c r="C117684" s="14" t="s">
        <v>546</v>
      </c>
      <c r="D117684" s="14" t="s">
        <v>39</v>
      </c>
      <c r="E117684" s="15">
        <v>45530</v>
      </c>
      <c r="F117684" s="14" t="s">
        <v>15</v>
      </c>
      <c r="G117684" s="16">
        <v>0.83409779050736488</v>
      </c>
    </row>
    <row r="117685" spans="1:7" x14ac:dyDescent="0.3">
      <c r="A117685" s="13" t="s">
        <v>556</v>
      </c>
      <c r="B117685" s="14" t="s">
        <v>1</v>
      </c>
      <c r="C117685" s="14" t="s">
        <v>546</v>
      </c>
      <c r="D117685" s="14" t="s">
        <v>39</v>
      </c>
      <c r="E117685" s="15">
        <v>45531</v>
      </c>
      <c r="F117685" s="14" t="s">
        <v>15</v>
      </c>
      <c r="G117685" s="16">
        <v>0.83042553191489354</v>
      </c>
    </row>
    <row r="117686" spans="1:7" x14ac:dyDescent="0.3">
      <c r="A117686" s="13" t="s">
        <v>556</v>
      </c>
      <c r="B117686" s="14" t="s">
        <v>1</v>
      </c>
      <c r="C117686" s="14" t="s">
        <v>546</v>
      </c>
      <c r="D117686" s="14" t="s">
        <v>39</v>
      </c>
      <c r="E117686" s="15">
        <v>45532</v>
      </c>
      <c r="F117686" s="14" t="s">
        <v>15</v>
      </c>
      <c r="G117686" s="16">
        <v>0.82989157119476253</v>
      </c>
    </row>
    <row r="117687" spans="1:7" x14ac:dyDescent="0.3">
      <c r="A117687" s="13" t="s">
        <v>556</v>
      </c>
      <c r="B117687" s="14" t="s">
        <v>1</v>
      </c>
      <c r="C117687" s="14" t="s">
        <v>546</v>
      </c>
      <c r="D117687" s="14" t="s">
        <v>39</v>
      </c>
      <c r="E117687" s="15">
        <v>45533</v>
      </c>
      <c r="F117687" s="14" t="s">
        <v>15</v>
      </c>
      <c r="G117687" s="16">
        <v>0.82868248772504083</v>
      </c>
    </row>
    <row r="117688" spans="1:7" x14ac:dyDescent="0.3">
      <c r="A117688" s="13" t="s">
        <v>556</v>
      </c>
      <c r="B117688" s="14" t="s">
        <v>1</v>
      </c>
      <c r="C117688" s="14" t="s">
        <v>546</v>
      </c>
      <c r="D117688" s="14" t="s">
        <v>39</v>
      </c>
      <c r="E117688" s="15">
        <v>45534</v>
      </c>
      <c r="F117688" s="14" t="s">
        <v>15</v>
      </c>
      <c r="G117688" s="16">
        <v>0.82748158756137469</v>
      </c>
    </row>
    <row r="117689" spans="1:7" x14ac:dyDescent="0.3">
      <c r="A117689" s="13" t="s">
        <v>556</v>
      </c>
      <c r="B117689" s="14" t="s">
        <v>1</v>
      </c>
      <c r="C117689" s="14" t="s">
        <v>546</v>
      </c>
      <c r="D117689" s="14" t="s">
        <v>39</v>
      </c>
      <c r="E117689" s="15">
        <v>45535</v>
      </c>
      <c r="F117689" s="14" t="s">
        <v>15</v>
      </c>
      <c r="G117689" s="16">
        <v>0.82748158756137469</v>
      </c>
    </row>
    <row r="117690" spans="1:7" x14ac:dyDescent="0.3">
      <c r="A117690" s="13" t="s">
        <v>556</v>
      </c>
      <c r="B117690" s="14" t="s">
        <v>1</v>
      </c>
      <c r="C117690" s="14" t="s">
        <v>546</v>
      </c>
      <c r="D117690" s="14" t="s">
        <v>39</v>
      </c>
      <c r="E117690" s="15">
        <v>45536</v>
      </c>
      <c r="F117690" s="14" t="s">
        <v>15</v>
      </c>
      <c r="G117690" s="16">
        <v>0.82748158756137469</v>
      </c>
    </row>
    <row r="117691" spans="1:7" x14ac:dyDescent="0.3">
      <c r="A117691" s="13" t="s">
        <v>556</v>
      </c>
      <c r="B117691" s="14" t="s">
        <v>1</v>
      </c>
      <c r="C117691" s="14" t="s">
        <v>546</v>
      </c>
      <c r="D117691" s="14" t="s">
        <v>39</v>
      </c>
      <c r="E117691" s="15">
        <v>45537</v>
      </c>
      <c r="F117691" s="14" t="s">
        <v>15</v>
      </c>
      <c r="G117691" s="16">
        <v>0.82627659574468082</v>
      </c>
    </row>
    <row r="117692" spans="1:7" x14ac:dyDescent="0.3">
      <c r="A117692" s="13" t="s">
        <v>556</v>
      </c>
      <c r="B117692" s="14" t="s">
        <v>1</v>
      </c>
      <c r="C117692" s="14" t="s">
        <v>546</v>
      </c>
      <c r="D117692" s="14" t="s">
        <v>39</v>
      </c>
      <c r="E117692" s="15">
        <v>45538</v>
      </c>
      <c r="F117692" s="14" t="s">
        <v>15</v>
      </c>
      <c r="G117692" s="16">
        <v>0.82532324058919804</v>
      </c>
    </row>
    <row r="117693" spans="1:7" x14ac:dyDescent="0.3">
      <c r="A117693" s="13" t="s">
        <v>556</v>
      </c>
      <c r="B117693" s="14" t="s">
        <v>1</v>
      </c>
      <c r="C117693" s="14" t="s">
        <v>546</v>
      </c>
      <c r="D117693" s="14" t="s">
        <v>39</v>
      </c>
      <c r="E117693" s="15">
        <v>45539</v>
      </c>
      <c r="F117693" s="14" t="s">
        <v>15</v>
      </c>
      <c r="G117693" s="16">
        <v>0.82412029459901792</v>
      </c>
    </row>
    <row r="117694" spans="1:7" x14ac:dyDescent="0.3">
      <c r="A117694" s="13" t="s">
        <v>556</v>
      </c>
      <c r="B117694" s="14" t="s">
        <v>1</v>
      </c>
      <c r="C117694" s="14" t="s">
        <v>546</v>
      </c>
      <c r="D117694" s="14" t="s">
        <v>39</v>
      </c>
      <c r="E117694" s="15">
        <v>45540</v>
      </c>
      <c r="F117694" s="14" t="s">
        <v>15</v>
      </c>
      <c r="G117694" s="16">
        <v>0.84498363338788862</v>
      </c>
    </row>
    <row r="117695" spans="1:7" x14ac:dyDescent="0.3">
      <c r="A117695" s="13" t="s">
        <v>556</v>
      </c>
      <c r="B117695" s="14" t="s">
        <v>1</v>
      </c>
      <c r="C117695" s="14" t="s">
        <v>546</v>
      </c>
      <c r="D117695" s="14" t="s">
        <v>39</v>
      </c>
      <c r="E117695" s="15">
        <v>45541</v>
      </c>
      <c r="F117695" s="14" t="s">
        <v>15</v>
      </c>
      <c r="G117695" s="16">
        <v>0.85356792144026183</v>
      </c>
    </row>
    <row r="117696" spans="1:7" x14ac:dyDescent="0.3">
      <c r="A117696" s="13" t="s">
        <v>556</v>
      </c>
      <c r="B117696" s="14" t="s">
        <v>1</v>
      </c>
      <c r="C117696" s="14" t="s">
        <v>546</v>
      </c>
      <c r="D117696" s="14" t="s">
        <v>39</v>
      </c>
      <c r="E117696" s="15">
        <v>45542</v>
      </c>
      <c r="F117696" s="14" t="s">
        <v>15</v>
      </c>
      <c r="G117696" s="16">
        <v>0.85356792144026183</v>
      </c>
    </row>
    <row r="117697" spans="1:7" x14ac:dyDescent="0.3">
      <c r="A117697" s="13" t="s">
        <v>556</v>
      </c>
      <c r="B117697" s="14" t="s">
        <v>1</v>
      </c>
      <c r="C117697" s="14" t="s">
        <v>546</v>
      </c>
      <c r="D117697" s="14" t="s">
        <v>39</v>
      </c>
      <c r="E117697" s="15">
        <v>45543</v>
      </c>
      <c r="F117697" s="14" t="s">
        <v>15</v>
      </c>
      <c r="G117697" s="16">
        <v>0.85356792144026183</v>
      </c>
    </row>
    <row r="117698" spans="1:7" x14ac:dyDescent="0.3">
      <c r="A117698" s="13" t="s">
        <v>556</v>
      </c>
      <c r="B117698" s="14" t="s">
        <v>1</v>
      </c>
      <c r="C117698" s="14" t="s">
        <v>546</v>
      </c>
      <c r="D117698" s="14" t="s">
        <v>39</v>
      </c>
      <c r="E117698" s="15">
        <v>45544</v>
      </c>
      <c r="F117698" s="14" t="s">
        <v>15</v>
      </c>
      <c r="G117698" s="16">
        <v>0.85237725040916534</v>
      </c>
    </row>
    <row r="117699" spans="1:7" x14ac:dyDescent="0.3">
      <c r="A117699" s="13" t="s">
        <v>556</v>
      </c>
      <c r="B117699" s="14" t="s">
        <v>1</v>
      </c>
      <c r="C117699" s="14" t="s">
        <v>546</v>
      </c>
      <c r="D117699" s="14" t="s">
        <v>39</v>
      </c>
      <c r="E117699" s="15">
        <v>45545</v>
      </c>
      <c r="F117699" s="14" t="s">
        <v>15</v>
      </c>
      <c r="G117699" s="16">
        <v>0.86087765957446816</v>
      </c>
    </row>
    <row r="117700" spans="1:7" x14ac:dyDescent="0.3">
      <c r="A117700" s="13" t="s">
        <v>556</v>
      </c>
      <c r="B117700" s="14" t="s">
        <v>1</v>
      </c>
      <c r="C117700" s="14" t="s">
        <v>546</v>
      </c>
      <c r="D117700" s="14" t="s">
        <v>39</v>
      </c>
      <c r="E117700" s="15">
        <v>45546</v>
      </c>
      <c r="F117700" s="14" t="s">
        <v>15</v>
      </c>
      <c r="G117700" s="16">
        <v>0.85970540098199688</v>
      </c>
    </row>
    <row r="117701" spans="1:7" x14ac:dyDescent="0.3">
      <c r="A117701" s="13" t="s">
        <v>556</v>
      </c>
      <c r="B117701" s="14" t="s">
        <v>1</v>
      </c>
      <c r="C117701" s="14" t="s">
        <v>546</v>
      </c>
      <c r="D117701" s="14" t="s">
        <v>39</v>
      </c>
      <c r="E117701" s="15">
        <v>45547</v>
      </c>
      <c r="F117701" s="14" t="s">
        <v>15</v>
      </c>
      <c r="G117701" s="16">
        <v>0.89096563011456642</v>
      </c>
    </row>
    <row r="117702" spans="1:7" x14ac:dyDescent="0.3">
      <c r="A117702" s="13" t="s">
        <v>556</v>
      </c>
      <c r="B117702" s="14" t="s">
        <v>1</v>
      </c>
      <c r="C117702" s="14" t="s">
        <v>546</v>
      </c>
      <c r="D117702" s="14" t="s">
        <v>39</v>
      </c>
      <c r="E117702" s="15">
        <v>45548</v>
      </c>
      <c r="F117702" s="14" t="s">
        <v>15</v>
      </c>
      <c r="G117702" s="16">
        <v>0.88978518821603936</v>
      </c>
    </row>
    <row r="117703" spans="1:7" x14ac:dyDescent="0.3">
      <c r="A117703" s="13" t="s">
        <v>556</v>
      </c>
      <c r="B117703" s="14" t="s">
        <v>1</v>
      </c>
      <c r="C117703" s="14" t="s">
        <v>546</v>
      </c>
      <c r="D117703" s="14" t="s">
        <v>39</v>
      </c>
      <c r="E117703" s="15">
        <v>45549</v>
      </c>
      <c r="F117703" s="14" t="s">
        <v>15</v>
      </c>
      <c r="G117703" s="16">
        <v>0.88978518821603936</v>
      </c>
    </row>
    <row r="117704" spans="1:7" x14ac:dyDescent="0.3">
      <c r="A117704" s="13" t="s">
        <v>556</v>
      </c>
      <c r="B117704" s="14" t="s">
        <v>1</v>
      </c>
      <c r="C117704" s="14" t="s">
        <v>546</v>
      </c>
      <c r="D117704" s="14" t="s">
        <v>39</v>
      </c>
      <c r="E117704" s="15">
        <v>45550</v>
      </c>
      <c r="F117704" s="14" t="s">
        <v>15</v>
      </c>
      <c r="G117704" s="16">
        <v>0.88978518821603936</v>
      </c>
    </row>
    <row r="117705" spans="1:7" x14ac:dyDescent="0.3">
      <c r="A117705" s="13" t="s">
        <v>556</v>
      </c>
      <c r="B117705" s="14" t="s">
        <v>1</v>
      </c>
      <c r="C117705" s="14" t="s">
        <v>546</v>
      </c>
      <c r="D117705" s="14" t="s">
        <v>39</v>
      </c>
      <c r="E117705" s="15">
        <v>45551</v>
      </c>
      <c r="F117705" s="14" t="s">
        <v>15</v>
      </c>
      <c r="G117705" s="16">
        <v>0.88978518821603936</v>
      </c>
    </row>
    <row r="117706" spans="1:7" x14ac:dyDescent="0.3">
      <c r="A117706" s="13" t="s">
        <v>556</v>
      </c>
      <c r="B117706" s="14" t="s">
        <v>1</v>
      </c>
      <c r="C117706" s="14" t="s">
        <v>546</v>
      </c>
      <c r="D117706" s="14" t="s">
        <v>39</v>
      </c>
      <c r="E117706" s="15">
        <v>45552</v>
      </c>
      <c r="F117706" s="14" t="s">
        <v>15</v>
      </c>
      <c r="G117706" s="16">
        <v>0.88978518821603936</v>
      </c>
    </row>
    <row r="117707" spans="1:7" x14ac:dyDescent="0.3">
      <c r="A117707" s="13" t="s">
        <v>556</v>
      </c>
      <c r="B117707" s="14" t="s">
        <v>1</v>
      </c>
      <c r="C117707" s="14" t="s">
        <v>546</v>
      </c>
      <c r="D117707" s="14" t="s">
        <v>39</v>
      </c>
      <c r="E117707" s="15">
        <v>45553</v>
      </c>
      <c r="F117707" s="14" t="s">
        <v>15</v>
      </c>
      <c r="G117707" s="16">
        <v>0.88978518821603936</v>
      </c>
    </row>
    <row r="117708" spans="1:7" x14ac:dyDescent="0.3">
      <c r="A117708" s="13" t="s">
        <v>556</v>
      </c>
      <c r="B117708" s="14" t="s">
        <v>1</v>
      </c>
      <c r="C117708" s="14" t="s">
        <v>546</v>
      </c>
      <c r="D117708" s="14" t="s">
        <v>39</v>
      </c>
      <c r="E117708" s="15">
        <v>45554</v>
      </c>
      <c r="F117708" s="14" t="s">
        <v>15</v>
      </c>
      <c r="G117708" s="16">
        <v>0.88860679214402627</v>
      </c>
    </row>
    <row r="117709" spans="1:7" x14ac:dyDescent="0.3">
      <c r="A117709" s="13" t="s">
        <v>556</v>
      </c>
      <c r="B117709" s="14" t="s">
        <v>1</v>
      </c>
      <c r="C117709" s="14" t="s">
        <v>546</v>
      </c>
      <c r="D117709" s="14" t="s">
        <v>39</v>
      </c>
      <c r="E117709" s="15">
        <v>45555</v>
      </c>
      <c r="F117709" s="14" t="s">
        <v>15</v>
      </c>
      <c r="G117709" s="16">
        <v>0.88144026186579383</v>
      </c>
    </row>
    <row r="117710" spans="1:7" x14ac:dyDescent="0.3">
      <c r="A117710" s="13" t="s">
        <v>556</v>
      </c>
      <c r="B117710" s="14" t="s">
        <v>1</v>
      </c>
      <c r="C117710" s="14" t="s">
        <v>546</v>
      </c>
      <c r="D117710" s="14" t="s">
        <v>39</v>
      </c>
      <c r="E117710" s="15">
        <v>45556</v>
      </c>
      <c r="F117710" s="14" t="s">
        <v>15</v>
      </c>
      <c r="G117710" s="16">
        <v>0.88144026186579383</v>
      </c>
    </row>
    <row r="117711" spans="1:7" x14ac:dyDescent="0.3">
      <c r="A117711" s="13" t="s">
        <v>556</v>
      </c>
      <c r="B117711" s="14" t="s">
        <v>1</v>
      </c>
      <c r="C117711" s="14" t="s">
        <v>546</v>
      </c>
      <c r="D117711" s="14" t="s">
        <v>39</v>
      </c>
      <c r="E117711" s="15">
        <v>45557</v>
      </c>
      <c r="F117711" s="14" t="s">
        <v>15</v>
      </c>
      <c r="G117711" s="16">
        <v>0.88144026186579383</v>
      </c>
    </row>
    <row r="117712" spans="1:7" x14ac:dyDescent="0.3">
      <c r="A117712" s="13" t="s">
        <v>556</v>
      </c>
      <c r="B117712" s="14" t="s">
        <v>1</v>
      </c>
      <c r="C117712" s="14" t="s">
        <v>546</v>
      </c>
      <c r="D117712" s="14" t="s">
        <v>39</v>
      </c>
      <c r="E117712" s="15">
        <v>45558</v>
      </c>
      <c r="F117712" s="14" t="s">
        <v>15</v>
      </c>
      <c r="G117712" s="16">
        <v>0.88022913256955815</v>
      </c>
    </row>
    <row r="117713" spans="1:7" x14ac:dyDescent="0.3">
      <c r="A117713" s="13" t="s">
        <v>556</v>
      </c>
      <c r="B117713" s="14" t="s">
        <v>1</v>
      </c>
      <c r="C117713" s="14" t="s">
        <v>546</v>
      </c>
      <c r="D117713" s="14" t="s">
        <v>39</v>
      </c>
      <c r="E117713" s="15">
        <v>45559</v>
      </c>
      <c r="F117713" s="14" t="s">
        <v>15</v>
      </c>
      <c r="G117713" s="16">
        <v>0.87656096563011454</v>
      </c>
    </row>
    <row r="117714" spans="1:7" x14ac:dyDescent="0.3">
      <c r="A117714" s="13" t="s">
        <v>556</v>
      </c>
      <c r="B117714" s="14" t="s">
        <v>1</v>
      </c>
      <c r="C117714" s="14" t="s">
        <v>546</v>
      </c>
      <c r="D117714" s="14" t="s">
        <v>39</v>
      </c>
      <c r="E117714" s="15">
        <v>45560</v>
      </c>
      <c r="F117714" s="14" t="s">
        <v>15</v>
      </c>
      <c r="G117714" s="16">
        <v>0.87533960720130932</v>
      </c>
    </row>
    <row r="117715" spans="1:7" x14ac:dyDescent="0.3">
      <c r="A117715" s="13" t="s">
        <v>556</v>
      </c>
      <c r="B117715" s="14" t="s">
        <v>1</v>
      </c>
      <c r="C117715" s="14" t="s">
        <v>546</v>
      </c>
      <c r="D117715" s="14" t="s">
        <v>39</v>
      </c>
      <c r="E117715" s="15">
        <v>45561</v>
      </c>
      <c r="F117715" s="14" t="s">
        <v>15</v>
      </c>
      <c r="G117715" s="16">
        <v>0.87406505728314243</v>
      </c>
    </row>
    <row r="117716" spans="1:7" x14ac:dyDescent="0.3">
      <c r="A117716" s="13" t="s">
        <v>556</v>
      </c>
      <c r="B117716" s="14" t="s">
        <v>1</v>
      </c>
      <c r="C117716" s="14" t="s">
        <v>546</v>
      </c>
      <c r="D117716" s="14" t="s">
        <v>39</v>
      </c>
      <c r="E117716" s="15">
        <v>45562</v>
      </c>
      <c r="F117716" s="14" t="s">
        <v>15</v>
      </c>
      <c r="G117716" s="16">
        <v>0.87455400981996745</v>
      </c>
    </row>
    <row r="117717" spans="1:7" x14ac:dyDescent="0.3">
      <c r="A117717" s="13" t="s">
        <v>556</v>
      </c>
      <c r="B117717" s="14" t="s">
        <v>1</v>
      </c>
      <c r="C117717" s="14" t="s">
        <v>546</v>
      </c>
      <c r="D117717" s="14" t="s">
        <v>39</v>
      </c>
      <c r="E117717" s="15">
        <v>45563</v>
      </c>
      <c r="F117717" s="14" t="s">
        <v>15</v>
      </c>
      <c r="G117717" s="16">
        <v>0.87455400981996745</v>
      </c>
    </row>
    <row r="117718" spans="1:7" x14ac:dyDescent="0.3">
      <c r="A117718" s="13" t="s">
        <v>556</v>
      </c>
      <c r="B117718" s="14" t="s">
        <v>1</v>
      </c>
      <c r="C117718" s="14" t="s">
        <v>546</v>
      </c>
      <c r="D117718" s="14" t="s">
        <v>39</v>
      </c>
      <c r="E117718" s="15">
        <v>45564</v>
      </c>
      <c r="F117718" s="14" t="s">
        <v>15</v>
      </c>
      <c r="G117718" s="16">
        <v>0.87455400981996745</v>
      </c>
    </row>
    <row r="117719" spans="1:7" x14ac:dyDescent="0.3">
      <c r="A117719" s="13" t="s">
        <v>556</v>
      </c>
      <c r="B117719" s="14" t="s">
        <v>1</v>
      </c>
      <c r="C117719" s="14" t="s">
        <v>546</v>
      </c>
      <c r="D117719" s="14" t="s">
        <v>39</v>
      </c>
      <c r="E117719" s="15">
        <v>45565</v>
      </c>
      <c r="F117719" s="14" t="s">
        <v>15</v>
      </c>
      <c r="G117719" s="16">
        <v>0.87638911620294613</v>
      </c>
    </row>
    <row r="117720" spans="1:7" x14ac:dyDescent="0.3">
      <c r="A117720" s="13" t="s">
        <v>556</v>
      </c>
      <c r="B117720" s="14" t="s">
        <v>1</v>
      </c>
      <c r="C117720" s="14" t="s">
        <v>546</v>
      </c>
      <c r="D117720" s="14" t="s">
        <v>39</v>
      </c>
      <c r="E117720" s="15">
        <v>45566</v>
      </c>
      <c r="F117720" s="14" t="s">
        <v>15</v>
      </c>
      <c r="G117720" s="16">
        <v>0.87638911620294613</v>
      </c>
    </row>
    <row r="117721" spans="1:7" x14ac:dyDescent="0.3">
      <c r="A117721" s="13" t="s">
        <v>556</v>
      </c>
      <c r="B117721" s="14" t="s">
        <v>1</v>
      </c>
      <c r="C117721" s="14" t="s">
        <v>546</v>
      </c>
      <c r="D117721" s="14" t="s">
        <v>39</v>
      </c>
      <c r="E117721" s="15">
        <v>45567</v>
      </c>
      <c r="F117721" s="14" t="s">
        <v>15</v>
      </c>
      <c r="G117721" s="16">
        <v>0.87638911620294613</v>
      </c>
    </row>
    <row r="117722" spans="1:7" x14ac:dyDescent="0.3">
      <c r="A117722" s="13" t="s">
        <v>556</v>
      </c>
      <c r="B117722" s="14" t="s">
        <v>1</v>
      </c>
      <c r="C117722" s="14" t="s">
        <v>546</v>
      </c>
      <c r="D117722" s="14" t="s">
        <v>39</v>
      </c>
      <c r="E117722" s="15">
        <v>45568</v>
      </c>
      <c r="F117722" s="14" t="s">
        <v>15</v>
      </c>
      <c r="G117722" s="16">
        <v>0.87638911620294613</v>
      </c>
    </row>
    <row r="117723" spans="1:7" x14ac:dyDescent="0.3">
      <c r="A117723" s="13" t="s">
        <v>556</v>
      </c>
      <c r="B117723" s="14" t="s">
        <v>1</v>
      </c>
      <c r="C117723" s="14" t="s">
        <v>546</v>
      </c>
      <c r="D117723" s="14" t="s">
        <v>39</v>
      </c>
      <c r="E117723" s="15">
        <v>45569</v>
      </c>
      <c r="F117723" s="14" t="s">
        <v>15</v>
      </c>
      <c r="G117723" s="16">
        <v>0.87638911620294613</v>
      </c>
    </row>
    <row r="117724" spans="1:7" x14ac:dyDescent="0.3">
      <c r="A117724" s="13" t="s">
        <v>556</v>
      </c>
      <c r="B117724" s="14" t="s">
        <v>1</v>
      </c>
      <c r="C117724" s="14" t="s">
        <v>546</v>
      </c>
      <c r="D117724" s="14" t="s">
        <v>39</v>
      </c>
      <c r="E117724" s="15">
        <v>45570</v>
      </c>
      <c r="F117724" s="14" t="s">
        <v>15</v>
      </c>
      <c r="G117724" s="16">
        <v>0.87638911620294613</v>
      </c>
    </row>
    <row r="117725" spans="1:7" x14ac:dyDescent="0.3">
      <c r="A117725" s="13" t="s">
        <v>556</v>
      </c>
      <c r="B117725" s="14" t="s">
        <v>1</v>
      </c>
      <c r="C117725" s="14" t="s">
        <v>546</v>
      </c>
      <c r="D117725" s="14" t="s">
        <v>39</v>
      </c>
      <c r="E117725" s="15">
        <v>45571</v>
      </c>
      <c r="F117725" s="14" t="s">
        <v>15</v>
      </c>
      <c r="G117725" s="16">
        <v>0.87638911620294613</v>
      </c>
    </row>
    <row r="117726" spans="1:7" x14ac:dyDescent="0.3">
      <c r="A117726" s="13" t="s">
        <v>556</v>
      </c>
      <c r="B117726" s="14" t="s">
        <v>1</v>
      </c>
      <c r="C117726" s="14" t="s">
        <v>546</v>
      </c>
      <c r="D117726" s="14" t="s">
        <v>39</v>
      </c>
      <c r="E117726" s="15">
        <v>45572</v>
      </c>
      <c r="F117726" s="14" t="s">
        <v>15</v>
      </c>
      <c r="G117726" s="16">
        <v>0.87638911620294613</v>
      </c>
    </row>
    <row r="117727" spans="1:7" x14ac:dyDescent="0.3">
      <c r="A117727" s="13" t="s">
        <v>556</v>
      </c>
      <c r="B117727" s="14" t="s">
        <v>1</v>
      </c>
      <c r="C117727" s="14" t="s">
        <v>546</v>
      </c>
      <c r="D117727" s="14" t="s">
        <v>39</v>
      </c>
      <c r="E117727" s="15">
        <v>45573</v>
      </c>
      <c r="F117727" s="14" t="s">
        <v>15</v>
      </c>
      <c r="G117727" s="16">
        <v>0.87866816693944383</v>
      </c>
    </row>
    <row r="117728" spans="1:7" x14ac:dyDescent="0.3">
      <c r="A117728" s="13" t="s">
        <v>556</v>
      </c>
      <c r="B117728" s="14" t="s">
        <v>1</v>
      </c>
      <c r="C117728" s="14" t="s">
        <v>546</v>
      </c>
      <c r="D117728" s="14" t="s">
        <v>39</v>
      </c>
      <c r="E117728" s="15">
        <v>45574</v>
      </c>
      <c r="F117728" s="14" t="s">
        <v>15</v>
      </c>
      <c r="G117728" s="16">
        <v>0.87027414075286447</v>
      </c>
    </row>
    <row r="117729" spans="1:7" x14ac:dyDescent="0.3">
      <c r="A117729" s="13" t="s">
        <v>556</v>
      </c>
      <c r="B117729" s="14" t="s">
        <v>1</v>
      </c>
      <c r="C117729" s="14" t="s">
        <v>546</v>
      </c>
      <c r="D117729" s="14" t="s">
        <v>39</v>
      </c>
      <c r="E117729" s="15">
        <v>45575</v>
      </c>
      <c r="F117729" s="14" t="s">
        <v>15</v>
      </c>
      <c r="G117729" s="16">
        <v>0.87430646481178431</v>
      </c>
    </row>
    <row r="117730" spans="1:7" x14ac:dyDescent="0.3">
      <c r="A117730" s="13" t="s">
        <v>556</v>
      </c>
      <c r="B117730" s="14" t="s">
        <v>1</v>
      </c>
      <c r="C117730" s="14" t="s">
        <v>546</v>
      </c>
      <c r="D117730" s="14" t="s">
        <v>39</v>
      </c>
      <c r="E117730" s="15">
        <v>45576</v>
      </c>
      <c r="F117730" s="14" t="s">
        <v>15</v>
      </c>
      <c r="G117730" s="16">
        <v>0.87430646481178431</v>
      </c>
    </row>
    <row r="117731" spans="1:7" x14ac:dyDescent="0.3">
      <c r="A117731" s="13" t="s">
        <v>556</v>
      </c>
      <c r="B117731" s="14" t="s">
        <v>1</v>
      </c>
      <c r="C117731" s="14" t="s">
        <v>546</v>
      </c>
      <c r="D117731" s="14" t="s">
        <v>39</v>
      </c>
      <c r="E117731" s="15">
        <v>45577</v>
      </c>
      <c r="F117731" s="14" t="s">
        <v>15</v>
      </c>
      <c r="G117731" s="16">
        <v>0.87430646481178431</v>
      </c>
    </row>
    <row r="117732" spans="1:7" x14ac:dyDescent="0.3">
      <c r="A117732" s="13" t="s">
        <v>556</v>
      </c>
      <c r="B117732" s="14" t="s">
        <v>1</v>
      </c>
      <c r="C117732" s="14" t="s">
        <v>546</v>
      </c>
      <c r="D117732" s="14" t="s">
        <v>39</v>
      </c>
      <c r="E117732" s="15">
        <v>45578</v>
      </c>
      <c r="F117732" s="14" t="s">
        <v>15</v>
      </c>
      <c r="G117732" s="16">
        <v>0.87430646481178431</v>
      </c>
    </row>
    <row r="117733" spans="1:7" x14ac:dyDescent="0.3">
      <c r="A117733" s="13" t="s">
        <v>556</v>
      </c>
      <c r="B117733" s="14" t="s">
        <v>1</v>
      </c>
      <c r="C117733" s="14" t="s">
        <v>546</v>
      </c>
      <c r="D117733" s="14" t="s">
        <v>39</v>
      </c>
      <c r="E117733" s="15">
        <v>45579</v>
      </c>
      <c r="F117733" s="14" t="s">
        <v>15</v>
      </c>
      <c r="G117733" s="16">
        <v>0.8728396072013096</v>
      </c>
    </row>
    <row r="117734" spans="1:7" x14ac:dyDescent="0.3">
      <c r="A117734" s="13" t="s">
        <v>556</v>
      </c>
      <c r="B117734" s="14" t="s">
        <v>1</v>
      </c>
      <c r="C117734" s="14" t="s">
        <v>546</v>
      </c>
      <c r="D117734" s="14" t="s">
        <v>39</v>
      </c>
      <c r="E117734" s="15">
        <v>45580</v>
      </c>
      <c r="F117734" s="14" t="s">
        <v>15</v>
      </c>
      <c r="G117734" s="16">
        <v>0.86689443535188238</v>
      </c>
    </row>
    <row r="117735" spans="1:7" x14ac:dyDescent="0.3">
      <c r="A117735" s="13" t="s">
        <v>556</v>
      </c>
      <c r="B117735" s="14" t="s">
        <v>1</v>
      </c>
      <c r="C117735" s="14" t="s">
        <v>546</v>
      </c>
      <c r="D117735" s="14" t="s">
        <v>39</v>
      </c>
      <c r="E117735" s="15">
        <v>45581</v>
      </c>
      <c r="F117735" s="14" t="s">
        <v>15</v>
      </c>
      <c r="G117735" s="16">
        <v>0.86542144026186607</v>
      </c>
    </row>
    <row r="117736" spans="1:7" x14ac:dyDescent="0.3">
      <c r="A117736" s="13" t="s">
        <v>556</v>
      </c>
      <c r="B117736" s="14" t="s">
        <v>1</v>
      </c>
      <c r="C117736" s="14" t="s">
        <v>546</v>
      </c>
      <c r="D117736" s="14" t="s">
        <v>39</v>
      </c>
      <c r="E117736" s="15">
        <v>45582</v>
      </c>
      <c r="F117736" s="14" t="s">
        <v>15</v>
      </c>
      <c r="G117736" s="16">
        <v>0.86400010927905424</v>
      </c>
    </row>
    <row r="117737" spans="1:7" x14ac:dyDescent="0.3">
      <c r="A117737" s="13" t="s">
        <v>556</v>
      </c>
      <c r="B117737" s="14" t="s">
        <v>1</v>
      </c>
      <c r="C117737" s="14" t="s">
        <v>546</v>
      </c>
      <c r="D117737" s="14" t="s">
        <v>39</v>
      </c>
      <c r="E117737" s="15">
        <v>45583</v>
      </c>
      <c r="F117737" s="14" t="s">
        <v>15</v>
      </c>
      <c r="G117737" s="16">
        <v>0.86259861082158407</v>
      </c>
    </row>
    <row r="117738" spans="1:7" x14ac:dyDescent="0.3">
      <c r="A117738" s="13" t="s">
        <v>556</v>
      </c>
      <c r="B117738" s="14" t="s">
        <v>1</v>
      </c>
      <c r="C117738" s="14" t="s">
        <v>546</v>
      </c>
      <c r="D117738" s="14" t="s">
        <v>39</v>
      </c>
      <c r="E117738" s="15">
        <v>45584</v>
      </c>
      <c r="F117738" s="14" t="s">
        <v>15</v>
      </c>
      <c r="G117738" s="16">
        <v>0.86259861082158407</v>
      </c>
    </row>
    <row r="117739" spans="1:7" x14ac:dyDescent="0.3">
      <c r="A117739" s="13" t="s">
        <v>556</v>
      </c>
      <c r="B117739" s="14" t="s">
        <v>1</v>
      </c>
      <c r="C117739" s="14" t="s">
        <v>546</v>
      </c>
      <c r="D117739" s="14" t="s">
        <v>39</v>
      </c>
      <c r="E117739" s="15">
        <v>45585</v>
      </c>
      <c r="F117739" s="14" t="s">
        <v>15</v>
      </c>
      <c r="G117739" s="16">
        <v>0.86259861082158407</v>
      </c>
    </row>
    <row r="117740" spans="1:7" x14ac:dyDescent="0.3">
      <c r="A117740" s="13" t="s">
        <v>556</v>
      </c>
      <c r="B117740" s="14" t="s">
        <v>1</v>
      </c>
      <c r="C117740" s="14" t="s">
        <v>546</v>
      </c>
      <c r="D117740" s="14" t="s">
        <v>39</v>
      </c>
      <c r="E117740" s="15">
        <v>45586</v>
      </c>
      <c r="F117740" s="14" t="s">
        <v>15</v>
      </c>
      <c r="G117740" s="16">
        <v>0.87652104361135941</v>
      </c>
    </row>
    <row r="117741" spans="1:7" x14ac:dyDescent="0.3">
      <c r="A117741" s="13" t="s">
        <v>556</v>
      </c>
      <c r="B117741" s="14" t="s">
        <v>1</v>
      </c>
      <c r="C117741" s="14" t="s">
        <v>546</v>
      </c>
      <c r="D117741" s="14" t="s">
        <v>39</v>
      </c>
      <c r="E117741" s="15">
        <v>45587</v>
      </c>
      <c r="F117741" s="14" t="s">
        <v>15</v>
      </c>
      <c r="G117741" s="16">
        <v>0.87218873863119195</v>
      </c>
    </row>
    <row r="117742" spans="1:7" x14ac:dyDescent="0.3">
      <c r="A117742" s="13" t="s">
        <v>556</v>
      </c>
      <c r="B117742" s="14" t="s">
        <v>1</v>
      </c>
      <c r="C117742" s="14" t="s">
        <v>546</v>
      </c>
      <c r="D117742" s="14" t="s">
        <v>39</v>
      </c>
      <c r="E117742" s="15">
        <v>45588</v>
      </c>
      <c r="F117742" s="14" t="s">
        <v>15</v>
      </c>
      <c r="G117742" s="16">
        <v>0.8707563895787459</v>
      </c>
    </row>
    <row r="117743" spans="1:7" x14ac:dyDescent="0.3">
      <c r="A117743" s="13" t="s">
        <v>556</v>
      </c>
      <c r="B117743" s="14" t="s">
        <v>1</v>
      </c>
      <c r="C117743" s="14" t="s">
        <v>546</v>
      </c>
      <c r="D117743" s="14" t="s">
        <v>39</v>
      </c>
      <c r="E117743" s="15">
        <v>45589</v>
      </c>
      <c r="F117743" s="14" t="s">
        <v>15</v>
      </c>
      <c r="G117743" s="16">
        <v>0.87120813043374823</v>
      </c>
    </row>
    <row r="117744" spans="1:7" x14ac:dyDescent="0.3">
      <c r="A117744" s="13" t="s">
        <v>556</v>
      </c>
      <c r="B117744" s="14" t="s">
        <v>1</v>
      </c>
      <c r="C117744" s="14" t="s">
        <v>546</v>
      </c>
      <c r="D117744" s="14" t="s">
        <v>39</v>
      </c>
      <c r="E117744" s="15">
        <v>45590</v>
      </c>
      <c r="F117744" s="14" t="s">
        <v>15</v>
      </c>
      <c r="G117744" s="16">
        <v>0.86976035608381441</v>
      </c>
    </row>
    <row r="117745" spans="1:7" x14ac:dyDescent="0.3">
      <c r="A117745" s="13" t="s">
        <v>556</v>
      </c>
      <c r="B117745" s="14" t="s">
        <v>1</v>
      </c>
      <c r="C117745" s="14" t="s">
        <v>546</v>
      </c>
      <c r="D117745" s="14" t="s">
        <v>39</v>
      </c>
      <c r="E117745" s="15">
        <v>45591</v>
      </c>
      <c r="F117745" s="14" t="s">
        <v>15</v>
      </c>
      <c r="G117745" s="16">
        <v>0.86976035608381441</v>
      </c>
    </row>
    <row r="117746" spans="1:7" x14ac:dyDescent="0.3">
      <c r="A117746" s="13" t="s">
        <v>556</v>
      </c>
      <c r="B117746" s="14" t="s">
        <v>1</v>
      </c>
      <c r="C117746" s="14" t="s">
        <v>546</v>
      </c>
      <c r="D117746" s="14" t="s">
        <v>39</v>
      </c>
      <c r="E117746" s="15">
        <v>45592</v>
      </c>
      <c r="F117746" s="14" t="s">
        <v>15</v>
      </c>
      <c r="G117746" s="16">
        <v>0.86976035608381441</v>
      </c>
    </row>
    <row r="117747" spans="1:7" x14ac:dyDescent="0.3">
      <c r="A117747" s="13" t="s">
        <v>556</v>
      </c>
      <c r="B117747" s="14" t="s">
        <v>1</v>
      </c>
      <c r="C117747" s="14" t="s">
        <v>546</v>
      </c>
      <c r="D117747" s="14" t="s">
        <v>39</v>
      </c>
      <c r="E117747" s="15">
        <v>45593</v>
      </c>
      <c r="F117747" s="14" t="s">
        <v>15</v>
      </c>
      <c r="G117747" s="16">
        <v>0.86976035608381441</v>
      </c>
    </row>
    <row r="117748" spans="1:7" x14ac:dyDescent="0.3">
      <c r="A117748" s="13" t="s">
        <v>556</v>
      </c>
      <c r="B117748" s="14" t="s">
        <v>1</v>
      </c>
      <c r="C117748" s="14" t="s">
        <v>546</v>
      </c>
      <c r="D117748" s="14" t="s">
        <v>39</v>
      </c>
      <c r="E117748" s="15">
        <v>45594</v>
      </c>
      <c r="F117748" s="14" t="s">
        <v>15</v>
      </c>
      <c r="G117748" s="16">
        <v>0.87323986247429475</v>
      </c>
    </row>
    <row r="117749" spans="1:7" x14ac:dyDescent="0.3">
      <c r="A117749" s="13" t="s">
        <v>556</v>
      </c>
      <c r="B117749" s="14" t="s">
        <v>1</v>
      </c>
      <c r="C117749" s="14" t="s">
        <v>546</v>
      </c>
      <c r="D117749" s="14" t="s">
        <v>39</v>
      </c>
      <c r="E117749" s="15">
        <v>45595</v>
      </c>
      <c r="F117749" s="14" t="s">
        <v>15</v>
      </c>
      <c r="G117749" s="16">
        <v>0.86750826265058378</v>
      </c>
    </row>
    <row r="117750" spans="1:7" x14ac:dyDescent="0.3">
      <c r="A117750" s="13" t="s">
        <v>556</v>
      </c>
      <c r="B117750" s="14" t="s">
        <v>1</v>
      </c>
      <c r="C117750" s="14" t="s">
        <v>546</v>
      </c>
      <c r="D117750" s="14" t="s">
        <v>39</v>
      </c>
      <c r="E117750" s="15">
        <v>45596</v>
      </c>
      <c r="F117750" s="14" t="s">
        <v>15</v>
      </c>
      <c r="G117750" s="16">
        <v>0.86607591359813785</v>
      </c>
    </row>
    <row r="117751" spans="1:7" x14ac:dyDescent="0.3">
      <c r="A117751" s="13" t="s">
        <v>556</v>
      </c>
      <c r="B117751" s="14" t="s">
        <v>1</v>
      </c>
      <c r="C117751" s="14" t="s">
        <v>546</v>
      </c>
      <c r="D117751" s="14" t="s">
        <v>39</v>
      </c>
      <c r="E117751" s="15">
        <v>45597</v>
      </c>
      <c r="F117751" s="14" t="s">
        <v>15</v>
      </c>
      <c r="G117751" s="16">
        <v>0.86939455617195893</v>
      </c>
    </row>
    <row r="117752" spans="1:7" x14ac:dyDescent="0.3">
      <c r="A117752" s="13" t="s">
        <v>556</v>
      </c>
      <c r="B117752" s="14" t="s">
        <v>1</v>
      </c>
      <c r="C117752" s="14" t="s">
        <v>546</v>
      </c>
      <c r="D117752" s="14" t="s">
        <v>39</v>
      </c>
      <c r="E117752" s="15">
        <v>45598</v>
      </c>
      <c r="F117752" s="14" t="s">
        <v>15</v>
      </c>
      <c r="G117752" s="16">
        <v>0.86939455617195893</v>
      </c>
    </row>
    <row r="117753" spans="1:7" x14ac:dyDescent="0.3">
      <c r="A117753" s="13" t="s">
        <v>556</v>
      </c>
      <c r="B117753" s="14" t="s">
        <v>1</v>
      </c>
      <c r="C117753" s="14" t="s">
        <v>546</v>
      </c>
      <c r="D117753" s="14" t="s">
        <v>39</v>
      </c>
      <c r="E117753" s="15">
        <v>45599</v>
      </c>
      <c r="F117753" s="14" t="s">
        <v>15</v>
      </c>
      <c r="G117753" s="16">
        <v>0.86939455617195893</v>
      </c>
    </row>
    <row r="117754" spans="1:7" x14ac:dyDescent="0.3">
      <c r="A117754" s="13" t="s">
        <v>556</v>
      </c>
      <c r="B117754" s="14" t="s">
        <v>1</v>
      </c>
      <c r="C117754" s="14" t="s">
        <v>546</v>
      </c>
      <c r="D117754" s="14" t="s">
        <v>39</v>
      </c>
      <c r="E117754" s="15">
        <v>45600</v>
      </c>
      <c r="F117754" s="14" t="s">
        <v>15</v>
      </c>
      <c r="G117754" s="16">
        <v>0.87069689200272138</v>
      </c>
    </row>
    <row r="117755" spans="1:7" x14ac:dyDescent="0.3">
      <c r="A117755" s="13" t="s">
        <v>556</v>
      </c>
      <c r="B117755" s="14" t="s">
        <v>1</v>
      </c>
      <c r="C117755" s="14" t="s">
        <v>546</v>
      </c>
      <c r="D117755" s="14" t="s">
        <v>39</v>
      </c>
      <c r="E117755" s="15">
        <v>45601</v>
      </c>
      <c r="F117755" s="14" t="s">
        <v>15</v>
      </c>
      <c r="G117755" s="16">
        <v>0.86644832435177388</v>
      </c>
    </row>
    <row r="117756" spans="1:7" x14ac:dyDescent="0.3">
      <c r="A117756" s="13" t="s">
        <v>556</v>
      </c>
      <c r="B117756" s="14" t="s">
        <v>1</v>
      </c>
      <c r="C117756" s="14" t="s">
        <v>546</v>
      </c>
      <c r="D117756" s="14" t="s">
        <v>39</v>
      </c>
      <c r="E117756" s="15">
        <v>45602</v>
      </c>
      <c r="F117756" s="14" t="s">
        <v>15</v>
      </c>
      <c r="G117756" s="16">
        <v>0.86501597529932783</v>
      </c>
    </row>
    <row r="117757" spans="1:7" x14ac:dyDescent="0.3">
      <c r="A117757" s="13" t="s">
        <v>556</v>
      </c>
      <c r="B117757" s="14" t="s">
        <v>1</v>
      </c>
      <c r="C117757" s="14" t="s">
        <v>546</v>
      </c>
      <c r="D117757" s="14" t="s">
        <v>39</v>
      </c>
      <c r="E117757" s="15">
        <v>45603</v>
      </c>
      <c r="F117757" s="14" t="s">
        <v>15</v>
      </c>
      <c r="G117757" s="16">
        <v>0.86355277565190602</v>
      </c>
    </row>
    <row r="117758" spans="1:7" x14ac:dyDescent="0.3">
      <c r="A117758" s="13" t="s">
        <v>556</v>
      </c>
      <c r="B117758" s="14" t="s">
        <v>1</v>
      </c>
      <c r="C117758" s="14" t="s">
        <v>546</v>
      </c>
      <c r="D117758" s="14" t="s">
        <v>39</v>
      </c>
      <c r="E117758" s="15">
        <v>45604</v>
      </c>
      <c r="F117758" s="14" t="s">
        <v>15</v>
      </c>
      <c r="G117758" s="16">
        <v>0.86550077036323259</v>
      </c>
    </row>
    <row r="117759" spans="1:7" x14ac:dyDescent="0.3">
      <c r="A117759" s="13" t="s">
        <v>556</v>
      </c>
      <c r="B117759" s="14" t="s">
        <v>1</v>
      </c>
      <c r="C117759" s="14" t="s">
        <v>546</v>
      </c>
      <c r="D117759" s="14" t="s">
        <v>39</v>
      </c>
      <c r="E117759" s="15">
        <v>45605</v>
      </c>
      <c r="F117759" s="14" t="s">
        <v>15</v>
      </c>
      <c r="G117759" s="16">
        <v>0.86550077036323259</v>
      </c>
    </row>
    <row r="117760" spans="1:7" x14ac:dyDescent="0.3">
      <c r="A117760" s="13" t="s">
        <v>556</v>
      </c>
      <c r="B117760" s="14" t="s">
        <v>1</v>
      </c>
      <c r="C117760" s="14" t="s">
        <v>546</v>
      </c>
      <c r="D117760" s="14" t="s">
        <v>39</v>
      </c>
      <c r="E117760" s="15">
        <v>45606</v>
      </c>
      <c r="F117760" s="14" t="s">
        <v>15</v>
      </c>
      <c r="G117760" s="16">
        <v>0.86550077036323259</v>
      </c>
    </row>
    <row r="117761" spans="1:7" x14ac:dyDescent="0.3">
      <c r="A117761" s="13" t="s">
        <v>556</v>
      </c>
      <c r="B117761" s="14" t="s">
        <v>1</v>
      </c>
      <c r="C117761" s="14" t="s">
        <v>546</v>
      </c>
      <c r="D117761" s="14" t="s">
        <v>39</v>
      </c>
      <c r="E117761" s="15">
        <v>45607</v>
      </c>
      <c r="F117761" s="14" t="s">
        <v>15</v>
      </c>
      <c r="G117761" s="16">
        <v>0.86403536710188411</v>
      </c>
    </row>
    <row r="117762" spans="1:7" x14ac:dyDescent="0.3">
      <c r="A117762" s="13" t="s">
        <v>556</v>
      </c>
      <c r="B117762" s="14" t="s">
        <v>1</v>
      </c>
      <c r="C117762" s="14" t="s">
        <v>546</v>
      </c>
      <c r="D117762" s="14" t="s">
        <v>39</v>
      </c>
      <c r="E117762" s="15">
        <v>45608</v>
      </c>
      <c r="F117762" s="14" t="s">
        <v>15</v>
      </c>
      <c r="G117762" s="16">
        <v>0.85966339707103345</v>
      </c>
    </row>
    <row r="117763" spans="1:7" x14ac:dyDescent="0.3">
      <c r="A117763" s="13" t="s">
        <v>556</v>
      </c>
      <c r="B117763" s="14" t="s">
        <v>1</v>
      </c>
      <c r="C117763" s="14" t="s">
        <v>546</v>
      </c>
      <c r="D117763" s="14" t="s">
        <v>39</v>
      </c>
      <c r="E117763" s="15">
        <v>45609</v>
      </c>
      <c r="F117763" s="14" t="s">
        <v>15</v>
      </c>
      <c r="G117763" s="16">
        <v>0.85821562272109964</v>
      </c>
    </row>
    <row r="117764" spans="1:7" x14ac:dyDescent="0.3">
      <c r="A117764" s="13" t="s">
        <v>556</v>
      </c>
      <c r="B117764" s="14" t="s">
        <v>1</v>
      </c>
      <c r="C117764" s="14" t="s">
        <v>546</v>
      </c>
      <c r="D117764" s="14" t="s">
        <v>39</v>
      </c>
      <c r="E117764" s="15">
        <v>45610</v>
      </c>
      <c r="F117764" s="14" t="s">
        <v>15</v>
      </c>
      <c r="G117764" s="16">
        <v>0.85679429173828792</v>
      </c>
    </row>
    <row r="117765" spans="1:7" x14ac:dyDescent="0.3">
      <c r="A117765" s="13" t="s">
        <v>556</v>
      </c>
      <c r="B117765" s="14" t="s">
        <v>1</v>
      </c>
      <c r="C117765" s="14" t="s">
        <v>546</v>
      </c>
      <c r="D117765" s="14" t="s">
        <v>39</v>
      </c>
      <c r="E117765" s="15">
        <v>45611</v>
      </c>
      <c r="F117765" s="14" t="s">
        <v>15</v>
      </c>
      <c r="G117765" s="16">
        <v>0.8554743269961107</v>
      </c>
    </row>
    <row r="117766" spans="1:7" x14ac:dyDescent="0.3">
      <c r="A117766" s="13" t="s">
        <v>556</v>
      </c>
      <c r="B117766" s="14" t="s">
        <v>1</v>
      </c>
      <c r="C117766" s="14" t="s">
        <v>546</v>
      </c>
      <c r="D117766" s="14" t="s">
        <v>39</v>
      </c>
      <c r="E117766" s="15">
        <v>45612</v>
      </c>
      <c r="F117766" s="14" t="s">
        <v>15</v>
      </c>
      <c r="G117766" s="16">
        <v>0.8554743269961107</v>
      </c>
    </row>
    <row r="117767" spans="1:7" x14ac:dyDescent="0.3">
      <c r="A117767" s="13" t="s">
        <v>556</v>
      </c>
      <c r="B117767" s="14" t="s">
        <v>1</v>
      </c>
      <c r="C117767" s="14" t="s">
        <v>546</v>
      </c>
      <c r="D117767" s="14" t="s">
        <v>39</v>
      </c>
      <c r="E117767" s="15">
        <v>45613</v>
      </c>
      <c r="F117767" s="14" t="s">
        <v>15</v>
      </c>
      <c r="G117767" s="16">
        <v>0.8554743269961107</v>
      </c>
    </row>
    <row r="117768" spans="1:7" x14ac:dyDescent="0.3">
      <c r="A117768" s="13" t="s">
        <v>556</v>
      </c>
      <c r="B117768" s="14" t="s">
        <v>1</v>
      </c>
      <c r="C117768" s="14" t="s">
        <v>546</v>
      </c>
      <c r="D117768" s="14" t="s">
        <v>39</v>
      </c>
      <c r="E117768" s="15">
        <v>45614</v>
      </c>
      <c r="F117768" s="14" t="s">
        <v>15</v>
      </c>
      <c r="G117768" s="16">
        <v>0.85408605022220152</v>
      </c>
    </row>
    <row r="117769" spans="1:7" x14ac:dyDescent="0.3">
      <c r="A117769" s="13" t="s">
        <v>556</v>
      </c>
      <c r="B117769" s="14" t="s">
        <v>1</v>
      </c>
      <c r="C117769" s="14" t="s">
        <v>546</v>
      </c>
      <c r="D117769" s="14" t="s">
        <v>39</v>
      </c>
      <c r="E117769" s="15">
        <v>45615</v>
      </c>
      <c r="F117769" s="14" t="s">
        <v>15</v>
      </c>
      <c r="G117769" s="16">
        <v>0.84992342351440064</v>
      </c>
    </row>
    <row r="117770" spans="1:7" x14ac:dyDescent="0.3">
      <c r="A117770" s="13" t="s">
        <v>556</v>
      </c>
      <c r="B117770" s="14" t="s">
        <v>1</v>
      </c>
      <c r="C117770" s="14" t="s">
        <v>546</v>
      </c>
      <c r="D117770" s="14" t="s">
        <v>39</v>
      </c>
      <c r="E117770" s="15">
        <v>45616</v>
      </c>
      <c r="F117770" s="14" t="s">
        <v>15</v>
      </c>
      <c r="G117770" s="16">
        <v>0.84855497926583301</v>
      </c>
    </row>
    <row r="117771" spans="1:7" x14ac:dyDescent="0.3">
      <c r="A117771" s="13" t="s">
        <v>556</v>
      </c>
      <c r="B117771" s="14" t="s">
        <v>1</v>
      </c>
      <c r="C117771" s="14" t="s">
        <v>546</v>
      </c>
      <c r="D117771" s="14" t="s">
        <v>39</v>
      </c>
      <c r="E117771" s="15">
        <v>45617</v>
      </c>
      <c r="F117771" s="14" t="s">
        <v>15</v>
      </c>
      <c r="G117771" s="16">
        <v>0.84717551694763105</v>
      </c>
    </row>
    <row r="117772" spans="1:7" x14ac:dyDescent="0.3">
      <c r="A117772" s="13" t="s">
        <v>556</v>
      </c>
      <c r="B117772" s="14" t="s">
        <v>1</v>
      </c>
      <c r="C117772" s="14" t="s">
        <v>546</v>
      </c>
      <c r="D117772" s="14" t="s">
        <v>39</v>
      </c>
      <c r="E117772" s="15">
        <v>45618</v>
      </c>
      <c r="F117772" s="14" t="s">
        <v>15</v>
      </c>
      <c r="G117772" s="16">
        <v>0.84578944378764875</v>
      </c>
    </row>
    <row r="117773" spans="1:7" x14ac:dyDescent="0.3">
      <c r="A117773" s="13" t="s">
        <v>556</v>
      </c>
      <c r="B117773" s="14" t="s">
        <v>1</v>
      </c>
      <c r="C117773" s="14" t="s">
        <v>546</v>
      </c>
      <c r="D117773" s="14" t="s">
        <v>39</v>
      </c>
      <c r="E117773" s="15">
        <v>45619</v>
      </c>
      <c r="F117773" s="14" t="s">
        <v>15</v>
      </c>
      <c r="G117773" s="16">
        <v>0.84578944378764875</v>
      </c>
    </row>
    <row r="117774" spans="1:7" x14ac:dyDescent="0.3">
      <c r="A117774" s="13" t="s">
        <v>556</v>
      </c>
      <c r="B117774" s="14" t="s">
        <v>1</v>
      </c>
      <c r="C117774" s="14" t="s">
        <v>546</v>
      </c>
      <c r="D117774" s="14" t="s">
        <v>39</v>
      </c>
      <c r="E117774" s="15">
        <v>45620</v>
      </c>
      <c r="F117774" s="14" t="s">
        <v>15</v>
      </c>
      <c r="G117774" s="16">
        <v>0.84578944378764875</v>
      </c>
    </row>
    <row r="117775" spans="1:7" x14ac:dyDescent="0.3">
      <c r="A117775" s="13" t="s">
        <v>556</v>
      </c>
      <c r="B117775" s="14" t="s">
        <v>1</v>
      </c>
      <c r="C117775" s="14" t="s">
        <v>546</v>
      </c>
      <c r="D117775" s="14" t="s">
        <v>39</v>
      </c>
      <c r="E117775" s="15">
        <v>45621</v>
      </c>
      <c r="F117775" s="14" t="s">
        <v>15</v>
      </c>
      <c r="G117775" s="16">
        <v>0.84440557424159324</v>
      </c>
    </row>
    <row r="117776" spans="1:7" x14ac:dyDescent="0.3">
      <c r="A117776" s="13" t="s">
        <v>556</v>
      </c>
      <c r="B117776" s="14" t="s">
        <v>1</v>
      </c>
      <c r="C117776" s="14" t="s">
        <v>546</v>
      </c>
      <c r="D117776" s="14" t="s">
        <v>39</v>
      </c>
      <c r="E117776" s="15">
        <v>45622</v>
      </c>
      <c r="F117776" s="14" t="s">
        <v>15</v>
      </c>
      <c r="G117776" s="16">
        <v>0.84036855352762241</v>
      </c>
    </row>
    <row r="117777" spans="1:7" x14ac:dyDescent="0.3">
      <c r="A117777" s="13" t="s">
        <v>556</v>
      </c>
      <c r="B117777" s="14" t="s">
        <v>1</v>
      </c>
      <c r="C117777" s="14" t="s">
        <v>546</v>
      </c>
      <c r="D117777" s="14" t="s">
        <v>39</v>
      </c>
      <c r="E117777" s="15">
        <v>45623</v>
      </c>
      <c r="F117777" s="14" t="s">
        <v>15</v>
      </c>
      <c r="G117777" s="16">
        <v>0.8390331634879572</v>
      </c>
    </row>
    <row r="117778" spans="1:7" x14ac:dyDescent="0.3">
      <c r="A117778" s="13" t="s">
        <v>556</v>
      </c>
      <c r="B117778" s="14" t="s">
        <v>1</v>
      </c>
      <c r="C117778" s="14" t="s">
        <v>546</v>
      </c>
      <c r="D117778" s="14" t="s">
        <v>39</v>
      </c>
      <c r="E117778" s="15">
        <v>45624</v>
      </c>
      <c r="F117778" s="14" t="s">
        <v>15</v>
      </c>
      <c r="G117778" s="16">
        <v>0.83849327807588148</v>
      </c>
    </row>
    <row r="117779" spans="1:7" x14ac:dyDescent="0.3">
      <c r="A117779" s="13" t="s">
        <v>556</v>
      </c>
      <c r="B117779" s="14" t="s">
        <v>1</v>
      </c>
      <c r="C117779" s="14" t="s">
        <v>546</v>
      </c>
      <c r="D117779" s="14" t="s">
        <v>39</v>
      </c>
      <c r="E117779" s="15">
        <v>45625</v>
      </c>
      <c r="F117779" s="14" t="s">
        <v>15</v>
      </c>
      <c r="G117779" s="16">
        <v>0.84005343673608424</v>
      </c>
    </row>
    <row r="117780" spans="1:7" x14ac:dyDescent="0.3">
      <c r="A117780" s="13" t="s">
        <v>556</v>
      </c>
      <c r="B117780" s="14" t="s">
        <v>1</v>
      </c>
      <c r="C117780" s="14" t="s">
        <v>546</v>
      </c>
      <c r="D117780" s="14" t="s">
        <v>39</v>
      </c>
      <c r="E117780" s="15">
        <v>45626</v>
      </c>
      <c r="F117780" s="14" t="s">
        <v>15</v>
      </c>
      <c r="G117780" s="16">
        <v>0.84005343673608424</v>
      </c>
    </row>
    <row r="117781" spans="1:7" x14ac:dyDescent="0.3">
      <c r="A117781" s="13" t="s">
        <v>556</v>
      </c>
      <c r="B117781" s="14" t="s">
        <v>1</v>
      </c>
      <c r="C117781" s="14" t="s">
        <v>546</v>
      </c>
      <c r="D117781" s="14" t="s">
        <v>39</v>
      </c>
      <c r="E117781" s="15">
        <v>45627</v>
      </c>
      <c r="F117781" s="14" t="s">
        <v>15</v>
      </c>
      <c r="G117781" s="16">
        <v>0.84005343673608424</v>
      </c>
    </row>
    <row r="117782" spans="1:7" x14ac:dyDescent="0.3">
      <c r="A117782" s="13" t="s">
        <v>556</v>
      </c>
      <c r="B117782" s="14" t="s">
        <v>1</v>
      </c>
      <c r="C117782" s="14" t="s">
        <v>546</v>
      </c>
      <c r="D117782" s="14" t="s">
        <v>39</v>
      </c>
      <c r="E117782" s="15">
        <v>45628</v>
      </c>
      <c r="F117782" s="14" t="s">
        <v>15</v>
      </c>
      <c r="G117782" s="16">
        <v>0.84006665841964534</v>
      </c>
    </row>
    <row r="117783" spans="1:7" x14ac:dyDescent="0.3">
      <c r="A117783" s="13" t="s">
        <v>556</v>
      </c>
      <c r="B117783" s="14" t="s">
        <v>1</v>
      </c>
      <c r="C117783" s="14" t="s">
        <v>546</v>
      </c>
      <c r="D117783" s="14" t="s">
        <v>39</v>
      </c>
      <c r="E117783" s="15">
        <v>45629</v>
      </c>
      <c r="F117783" s="14" t="s">
        <v>15</v>
      </c>
      <c r="G117783" s="16">
        <v>0.83601861963604029</v>
      </c>
    </row>
    <row r="117784" spans="1:7" x14ac:dyDescent="0.3">
      <c r="A117784" s="13" t="s">
        <v>556</v>
      </c>
      <c r="B117784" s="14" t="s">
        <v>1</v>
      </c>
      <c r="C117784" s="14" t="s">
        <v>546</v>
      </c>
      <c r="D117784" s="14" t="s">
        <v>39</v>
      </c>
      <c r="E117784" s="15">
        <v>45630</v>
      </c>
      <c r="F117784" s="14" t="s">
        <v>15</v>
      </c>
      <c r="G117784" s="16">
        <v>0.83660037371272611</v>
      </c>
    </row>
    <row r="117785" spans="1:7" x14ac:dyDescent="0.3">
      <c r="A117785" s="13" t="s">
        <v>556</v>
      </c>
      <c r="B117785" s="14" t="s">
        <v>1</v>
      </c>
      <c r="C117785" s="14" t="s">
        <v>546</v>
      </c>
      <c r="D117785" s="14" t="s">
        <v>39</v>
      </c>
      <c r="E117785" s="15">
        <v>45631</v>
      </c>
      <c r="F117785" s="14" t="s">
        <v>15</v>
      </c>
      <c r="G117785" s="16">
        <v>0.83523633669201214</v>
      </c>
    </row>
    <row r="117786" spans="1:7" x14ac:dyDescent="0.3">
      <c r="A117786" s="13" t="s">
        <v>556</v>
      </c>
      <c r="B117786" s="14" t="s">
        <v>1</v>
      </c>
      <c r="C117786" s="14" t="s">
        <v>546</v>
      </c>
      <c r="D117786" s="14" t="s">
        <v>39</v>
      </c>
      <c r="E117786" s="15">
        <v>45632</v>
      </c>
      <c r="F117786" s="14" t="s">
        <v>15</v>
      </c>
      <c r="G117786" s="16">
        <v>0.83387229967129817</v>
      </c>
    </row>
    <row r="117787" spans="1:7" x14ac:dyDescent="0.3">
      <c r="A117787" s="13" t="s">
        <v>556</v>
      </c>
      <c r="B117787" s="14" t="s">
        <v>1</v>
      </c>
      <c r="C117787" s="14" t="s">
        <v>546</v>
      </c>
      <c r="D117787" s="14" t="s">
        <v>39</v>
      </c>
      <c r="E117787" s="15">
        <v>45633</v>
      </c>
      <c r="F117787" s="14" t="s">
        <v>15</v>
      </c>
      <c r="G117787" s="16">
        <v>0.83387229967129817</v>
      </c>
    </row>
    <row r="117788" spans="1:7" x14ac:dyDescent="0.3">
      <c r="A117788" s="13" t="s">
        <v>556</v>
      </c>
      <c r="B117788" s="14" t="s">
        <v>1</v>
      </c>
      <c r="C117788" s="14" t="s">
        <v>546</v>
      </c>
      <c r="D117788" s="14" t="s">
        <v>39</v>
      </c>
      <c r="E117788" s="15">
        <v>45634</v>
      </c>
      <c r="F117788" s="14" t="s">
        <v>15</v>
      </c>
      <c r="G117788" s="16">
        <v>0.83387229967129817</v>
      </c>
    </row>
    <row r="117789" spans="1:7" x14ac:dyDescent="0.3">
      <c r="A117789" s="13" t="s">
        <v>556</v>
      </c>
      <c r="B117789" s="14" t="s">
        <v>1</v>
      </c>
      <c r="C117789" s="14" t="s">
        <v>546</v>
      </c>
      <c r="D117789" s="14" t="s">
        <v>39</v>
      </c>
      <c r="E117789" s="15">
        <v>45635</v>
      </c>
      <c r="F117789" s="14" t="s">
        <v>15</v>
      </c>
      <c r="G117789" s="16">
        <v>0.83251707710629153</v>
      </c>
    </row>
    <row r="117790" spans="1:7" x14ac:dyDescent="0.3">
      <c r="A117790" s="13" t="s">
        <v>556</v>
      </c>
      <c r="B117790" s="14" t="s">
        <v>1</v>
      </c>
      <c r="C117790" s="14" t="s">
        <v>546</v>
      </c>
      <c r="D117790" s="14" t="s">
        <v>39</v>
      </c>
      <c r="E117790" s="15">
        <v>45636</v>
      </c>
      <c r="F117790" s="14" t="s">
        <v>15</v>
      </c>
      <c r="G117790" s="16">
        <v>0.83507106564749911</v>
      </c>
    </row>
    <row r="117791" spans="1:7" x14ac:dyDescent="0.3">
      <c r="A117791" s="13" t="s">
        <v>556</v>
      </c>
      <c r="B117791" s="14" t="s">
        <v>1</v>
      </c>
      <c r="C117791" s="14" t="s">
        <v>546</v>
      </c>
      <c r="D117791" s="14" t="s">
        <v>39</v>
      </c>
      <c r="E117791" s="15">
        <v>45637</v>
      </c>
      <c r="F117791" s="14" t="s">
        <v>15</v>
      </c>
      <c r="G117791" s="16">
        <v>0.83367397441788249</v>
      </c>
    </row>
    <row r="117792" spans="1:7" x14ac:dyDescent="0.3">
      <c r="A117792" s="13" t="s">
        <v>556</v>
      </c>
      <c r="B117792" s="14" t="s">
        <v>1</v>
      </c>
      <c r="C117792" s="14" t="s">
        <v>546</v>
      </c>
      <c r="D117792" s="14" t="s">
        <v>39</v>
      </c>
      <c r="E117792" s="15">
        <v>45638</v>
      </c>
      <c r="F117792" s="14" t="s">
        <v>15</v>
      </c>
      <c r="G117792" s="16">
        <v>0.83226586511863176</v>
      </c>
    </row>
    <row r="117793" spans="1:7" x14ac:dyDescent="0.3">
      <c r="A117793" s="13" t="s">
        <v>556</v>
      </c>
      <c r="B117793" s="14" t="s">
        <v>1</v>
      </c>
      <c r="C117793" s="14" t="s">
        <v>546</v>
      </c>
      <c r="D117793" s="14" t="s">
        <v>39</v>
      </c>
      <c r="E117793" s="15">
        <v>45639</v>
      </c>
      <c r="F117793" s="14" t="s">
        <v>15</v>
      </c>
      <c r="G117793" s="16">
        <v>0.83087318111686881</v>
      </c>
    </row>
    <row r="117794" spans="1:7" x14ac:dyDescent="0.3">
      <c r="A117794" s="13" t="s">
        <v>556</v>
      </c>
      <c r="B117794" s="14" t="s">
        <v>1</v>
      </c>
      <c r="C117794" s="14" t="s">
        <v>546</v>
      </c>
      <c r="D117794" s="14" t="s">
        <v>39</v>
      </c>
      <c r="E117794" s="15">
        <v>45640</v>
      </c>
      <c r="F117794" s="14" t="s">
        <v>15</v>
      </c>
      <c r="G117794" s="16">
        <v>0.83087318111686881</v>
      </c>
    </row>
    <row r="117795" spans="1:7" x14ac:dyDescent="0.3">
      <c r="A117795" s="13" t="s">
        <v>556</v>
      </c>
      <c r="B117795" s="14" t="s">
        <v>1</v>
      </c>
      <c r="C117795" s="14" t="s">
        <v>546</v>
      </c>
      <c r="D117795" s="14" t="s">
        <v>39</v>
      </c>
      <c r="E117795" s="15">
        <v>45641</v>
      </c>
      <c r="F117795" s="14" t="s">
        <v>15</v>
      </c>
      <c r="G117795" s="16">
        <v>0.83087318111686881</v>
      </c>
    </row>
    <row r="117796" spans="1:7" x14ac:dyDescent="0.3">
      <c r="A117796" s="13" t="s">
        <v>556</v>
      </c>
      <c r="B117796" s="14" t="s">
        <v>1</v>
      </c>
      <c r="C117796" s="14" t="s">
        <v>546</v>
      </c>
      <c r="D117796" s="14" t="s">
        <v>39</v>
      </c>
      <c r="E117796" s="15">
        <v>45642</v>
      </c>
      <c r="F117796" s="14" t="s">
        <v>15</v>
      </c>
      <c r="G117796" s="16">
        <v>0.8298000211344978</v>
      </c>
    </row>
    <row r="117797" spans="1:7" x14ac:dyDescent="0.3">
      <c r="A117797" s="13" t="s">
        <v>556</v>
      </c>
      <c r="B117797" s="14" t="s">
        <v>1</v>
      </c>
      <c r="C117797" s="14" t="s">
        <v>546</v>
      </c>
      <c r="D117797" s="14" t="s">
        <v>39</v>
      </c>
      <c r="E117797" s="15">
        <v>45643</v>
      </c>
      <c r="F117797" s="14" t="s">
        <v>15</v>
      </c>
      <c r="G117797" s="16">
        <v>0.82565722695203847</v>
      </c>
    </row>
    <row r="117798" spans="1:7" x14ac:dyDescent="0.3">
      <c r="A117798" s="13" t="s">
        <v>556</v>
      </c>
      <c r="B117798" s="14" t="s">
        <v>1</v>
      </c>
      <c r="C117798" s="14" t="s">
        <v>546</v>
      </c>
      <c r="D117798" s="14" t="s">
        <v>39</v>
      </c>
      <c r="E117798" s="15">
        <v>45644</v>
      </c>
      <c r="F117798" s="14" t="s">
        <v>15</v>
      </c>
      <c r="G117798" s="16">
        <v>0.82422708151351931</v>
      </c>
    </row>
    <row r="117799" spans="1:7" x14ac:dyDescent="0.3">
      <c r="A117799" s="13" t="s">
        <v>556</v>
      </c>
      <c r="B117799" s="14" t="s">
        <v>1</v>
      </c>
      <c r="C117799" s="14" t="s">
        <v>546</v>
      </c>
      <c r="D117799" s="14" t="s">
        <v>39</v>
      </c>
      <c r="E117799" s="15">
        <v>45645</v>
      </c>
      <c r="F117799" s="14" t="s">
        <v>15</v>
      </c>
      <c r="G117799" s="16">
        <v>0.82340513351880806</v>
      </c>
    </row>
    <row r="117800" spans="1:7" x14ac:dyDescent="0.3">
      <c r="A117800" s="13" t="s">
        <v>556</v>
      </c>
      <c r="B117800" s="14" t="s">
        <v>1</v>
      </c>
      <c r="C117800" s="14" t="s">
        <v>546</v>
      </c>
      <c r="D117800" s="14" t="s">
        <v>39</v>
      </c>
      <c r="E117800" s="15">
        <v>45646</v>
      </c>
      <c r="F117800" s="14" t="s">
        <v>15</v>
      </c>
      <c r="G117800" s="16">
        <v>0.82203228204238665</v>
      </c>
    </row>
    <row r="117801" spans="1:7" x14ac:dyDescent="0.3">
      <c r="A117801" s="13" t="s">
        <v>556</v>
      </c>
      <c r="B117801" s="14" t="s">
        <v>1</v>
      </c>
      <c r="C117801" s="14" t="s">
        <v>546</v>
      </c>
      <c r="D117801" s="14" t="s">
        <v>39</v>
      </c>
      <c r="E117801" s="15">
        <v>45647</v>
      </c>
      <c r="F117801" s="14" t="s">
        <v>15</v>
      </c>
      <c r="G117801" s="16">
        <v>0.82203228204238665</v>
      </c>
    </row>
    <row r="117802" spans="1:7" x14ac:dyDescent="0.3">
      <c r="A117802" s="13" t="s">
        <v>556</v>
      </c>
      <c r="B117802" s="14" t="s">
        <v>1</v>
      </c>
      <c r="C117802" s="14" t="s">
        <v>546</v>
      </c>
      <c r="D117802" s="14" t="s">
        <v>39</v>
      </c>
      <c r="E117802" s="15">
        <v>45648</v>
      </c>
      <c r="F117802" s="14" t="s">
        <v>15</v>
      </c>
      <c r="G117802" s="16">
        <v>0.82203228204238665</v>
      </c>
    </row>
    <row r="117803" spans="1:7" x14ac:dyDescent="0.3">
      <c r="A117803" s="13" t="s">
        <v>556</v>
      </c>
      <c r="B117803" s="14" t="s">
        <v>1</v>
      </c>
      <c r="C117803" s="14" t="s">
        <v>546</v>
      </c>
      <c r="D117803" s="14" t="s">
        <v>39</v>
      </c>
      <c r="E117803" s="15">
        <v>45649</v>
      </c>
      <c r="F117803" s="14" t="s">
        <v>15</v>
      </c>
      <c r="G117803" s="16">
        <v>0.85589521725613715</v>
      </c>
    </row>
    <row r="117804" spans="1:7" x14ac:dyDescent="0.3">
      <c r="A117804" s="13" t="s">
        <v>556</v>
      </c>
      <c r="B117804" s="14" t="s">
        <v>1</v>
      </c>
      <c r="C117804" s="14" t="s">
        <v>546</v>
      </c>
      <c r="D117804" s="14" t="s">
        <v>39</v>
      </c>
      <c r="E117804" s="15">
        <v>45650</v>
      </c>
      <c r="F117804" s="14" t="s">
        <v>15</v>
      </c>
      <c r="G117804" s="16">
        <v>0.85178107005472681</v>
      </c>
    </row>
    <row r="117805" spans="1:7" x14ac:dyDescent="0.3">
      <c r="A117805" s="13" t="s">
        <v>556</v>
      </c>
      <c r="B117805" s="14" t="s">
        <v>1</v>
      </c>
      <c r="C117805" s="14" t="s">
        <v>546</v>
      </c>
      <c r="D117805" s="14" t="s">
        <v>39</v>
      </c>
      <c r="E117805" s="15">
        <v>45651</v>
      </c>
      <c r="F117805" s="14" t="s">
        <v>15</v>
      </c>
      <c r="G117805" s="16">
        <v>0.85178107005472681</v>
      </c>
    </row>
    <row r="117806" spans="1:7" x14ac:dyDescent="0.3">
      <c r="A117806" s="13" t="s">
        <v>556</v>
      </c>
      <c r="B117806" s="14" t="s">
        <v>1</v>
      </c>
      <c r="C117806" s="14" t="s">
        <v>546</v>
      </c>
      <c r="D117806" s="14" t="s">
        <v>39</v>
      </c>
      <c r="E117806" s="15">
        <v>45652</v>
      </c>
      <c r="F117806" s="14" t="s">
        <v>15</v>
      </c>
      <c r="G117806" s="16">
        <v>0.85178107005472681</v>
      </c>
    </row>
    <row r="117807" spans="1:7" x14ac:dyDescent="0.3">
      <c r="A117807" s="13" t="s">
        <v>556</v>
      </c>
      <c r="B117807" s="14" t="s">
        <v>1</v>
      </c>
      <c r="C117807" s="14" t="s">
        <v>546</v>
      </c>
      <c r="D117807" s="14" t="s">
        <v>39</v>
      </c>
      <c r="E117807" s="15">
        <v>45653</v>
      </c>
      <c r="F117807" s="14" t="s">
        <v>15</v>
      </c>
      <c r="G117807" s="16">
        <v>0.85178107005472681</v>
      </c>
    </row>
    <row r="117808" spans="1:7" x14ac:dyDescent="0.3">
      <c r="A117808" s="13" t="s">
        <v>556</v>
      </c>
      <c r="B117808" s="14" t="s">
        <v>1</v>
      </c>
      <c r="C117808" s="14" t="s">
        <v>546</v>
      </c>
      <c r="D117808" s="14" t="s">
        <v>39</v>
      </c>
      <c r="E117808" s="15">
        <v>45654</v>
      </c>
      <c r="F117808" s="14" t="s">
        <v>15</v>
      </c>
      <c r="G117808" s="16">
        <v>0.85178107005472681</v>
      </c>
    </row>
    <row r="117809" spans="1:7" x14ac:dyDescent="0.3">
      <c r="A117809" s="13" t="s">
        <v>556</v>
      </c>
      <c r="B117809" s="14" t="s">
        <v>1</v>
      </c>
      <c r="C117809" s="14" t="s">
        <v>546</v>
      </c>
      <c r="D117809" s="14" t="s">
        <v>39</v>
      </c>
      <c r="E117809" s="15">
        <v>45655</v>
      </c>
      <c r="F117809" s="14" t="s">
        <v>15</v>
      </c>
      <c r="G117809" s="16">
        <v>0.85178107005472681</v>
      </c>
    </row>
    <row r="117810" spans="1:7" x14ac:dyDescent="0.3">
      <c r="A117810" s="13" t="s">
        <v>556</v>
      </c>
      <c r="B117810" s="14" t="s">
        <v>1</v>
      </c>
      <c r="C117810" s="14" t="s">
        <v>546</v>
      </c>
      <c r="D117810" s="14" t="s">
        <v>39</v>
      </c>
      <c r="E117810" s="15">
        <v>45656</v>
      </c>
      <c r="F117810" s="14" t="s">
        <v>15</v>
      </c>
      <c r="G117810" s="16">
        <v>0.85041042219223228</v>
      </c>
    </row>
    <row r="117811" spans="1:7" x14ac:dyDescent="0.3">
      <c r="A117811" s="13" t="s">
        <v>556</v>
      </c>
      <c r="B117811" s="14" t="s">
        <v>1</v>
      </c>
      <c r="C117811" s="14" t="s">
        <v>546</v>
      </c>
      <c r="D117811" s="14" t="s">
        <v>39</v>
      </c>
      <c r="E117811" s="15">
        <v>45657</v>
      </c>
      <c r="F117811" s="14" t="s">
        <v>15</v>
      </c>
      <c r="G117811" s="16">
        <v>0.84962373202035046</v>
      </c>
    </row>
    <row r="117812" spans="1:7" x14ac:dyDescent="0.3">
      <c r="A117812" s="13" t="s">
        <v>556</v>
      </c>
      <c r="B117812" s="14" t="s">
        <v>1</v>
      </c>
      <c r="C117812" s="14" t="s">
        <v>546</v>
      </c>
      <c r="D117812" s="14" t="s">
        <v>39</v>
      </c>
      <c r="E117812" s="15">
        <v>45658</v>
      </c>
      <c r="F117812" s="14" t="s">
        <v>15</v>
      </c>
      <c r="G117812" s="16">
        <v>0.84962373202035046</v>
      </c>
    </row>
    <row r="117813" spans="1:7" x14ac:dyDescent="0.3">
      <c r="A117813" s="13" t="s">
        <v>556</v>
      </c>
      <c r="B117813" s="14" t="s">
        <v>1</v>
      </c>
      <c r="C117813" s="14" t="s">
        <v>546</v>
      </c>
      <c r="D117813" s="14" t="s">
        <v>39</v>
      </c>
      <c r="E117813" s="15">
        <v>45659</v>
      </c>
      <c r="F117813" s="14" t="s">
        <v>15</v>
      </c>
      <c r="G117813" s="16">
        <v>0.84823765886036806</v>
      </c>
    </row>
    <row r="117814" spans="1:7" x14ac:dyDescent="0.3">
      <c r="A117814" s="13" t="s">
        <v>556</v>
      </c>
      <c r="B117814" s="14" t="s">
        <v>1</v>
      </c>
      <c r="C117814" s="14" t="s">
        <v>546</v>
      </c>
      <c r="D117814" s="14" t="s">
        <v>39</v>
      </c>
      <c r="E117814" s="15">
        <v>45660</v>
      </c>
      <c r="F117814" s="14" t="s">
        <v>15</v>
      </c>
      <c r="G117814" s="16">
        <v>0.96225043982114389</v>
      </c>
    </row>
    <row r="117815" spans="1:7" x14ac:dyDescent="0.3">
      <c r="A117815" s="13" t="s">
        <v>556</v>
      </c>
      <c r="B117815" s="14" t="s">
        <v>1</v>
      </c>
      <c r="C117815" s="14" t="s">
        <v>546</v>
      </c>
      <c r="D117815" s="14" t="s">
        <v>39</v>
      </c>
      <c r="E117815" s="15">
        <v>45661</v>
      </c>
      <c r="F117815" s="14" t="s">
        <v>15</v>
      </c>
      <c r="G117815" s="16">
        <v>0.96225043982114389</v>
      </c>
    </row>
    <row r="117816" spans="1:7" x14ac:dyDescent="0.3">
      <c r="A117816" s="13" t="s">
        <v>556</v>
      </c>
      <c r="B117816" s="14" t="s">
        <v>1</v>
      </c>
      <c r="C117816" s="14" t="s">
        <v>546</v>
      </c>
      <c r="D117816" s="14" t="s">
        <v>39</v>
      </c>
      <c r="E117816" s="15">
        <v>45662</v>
      </c>
      <c r="F117816" s="14" t="s">
        <v>15</v>
      </c>
      <c r="G117816" s="16">
        <v>0.96225043982114389</v>
      </c>
    </row>
    <row r="117817" spans="1:7" x14ac:dyDescent="0.3">
      <c r="A117817" s="13" t="s">
        <v>556</v>
      </c>
      <c r="B117817" s="14" t="s">
        <v>1</v>
      </c>
      <c r="C117817" s="14" t="s">
        <v>546</v>
      </c>
      <c r="D117817" s="14" t="s">
        <v>39</v>
      </c>
      <c r="E117817" s="15">
        <v>45663</v>
      </c>
      <c r="F117817" s="14" t="s">
        <v>15</v>
      </c>
      <c r="G117817" s="16">
        <v>0.96090403171184469</v>
      </c>
    </row>
    <row r="117818" spans="1:7" x14ac:dyDescent="0.3">
      <c r="A117818" s="13" t="s">
        <v>556</v>
      </c>
      <c r="B117818" s="14" t="s">
        <v>1</v>
      </c>
      <c r="C117818" s="14" t="s">
        <v>546</v>
      </c>
      <c r="D117818" s="14" t="s">
        <v>39</v>
      </c>
      <c r="E117818" s="15">
        <v>45664</v>
      </c>
      <c r="F117818" s="14" t="s">
        <v>15</v>
      </c>
      <c r="G117818" s="16">
        <v>0.95869160332929726</v>
      </c>
    </row>
    <row r="117819" spans="1:7" x14ac:dyDescent="0.3">
      <c r="A117819" s="13" t="s">
        <v>556</v>
      </c>
      <c r="B117819" s="14" t="s">
        <v>1</v>
      </c>
      <c r="C117819" s="14" t="s">
        <v>546</v>
      </c>
      <c r="D117819" s="14" t="s">
        <v>39</v>
      </c>
      <c r="E117819" s="15">
        <v>45665</v>
      </c>
      <c r="F117819" s="14" t="s">
        <v>15</v>
      </c>
      <c r="G117819" s="16">
        <v>0.95868939971537037</v>
      </c>
    </row>
    <row r="117820" spans="1:7" x14ac:dyDescent="0.3">
      <c r="A117820" s="13" t="s">
        <v>556</v>
      </c>
      <c r="B117820" s="14" t="s">
        <v>1</v>
      </c>
      <c r="C117820" s="14" t="s">
        <v>546</v>
      </c>
      <c r="D117820" s="14" t="s">
        <v>39</v>
      </c>
      <c r="E117820" s="15">
        <v>45666</v>
      </c>
      <c r="F117820" s="14" t="s">
        <v>15</v>
      </c>
      <c r="G117820" s="16">
        <v>0.95735841690355905</v>
      </c>
    </row>
    <row r="117821" spans="1:7" x14ac:dyDescent="0.3">
      <c r="A117821" s="13" t="s">
        <v>556</v>
      </c>
      <c r="B117821" s="14" t="s">
        <v>1</v>
      </c>
      <c r="C117821" s="14" t="s">
        <v>546</v>
      </c>
      <c r="D117821" s="14" t="s">
        <v>39</v>
      </c>
      <c r="E117821" s="15">
        <v>45667</v>
      </c>
      <c r="F117821" s="14" t="s">
        <v>15</v>
      </c>
      <c r="G117821" s="16">
        <v>0.95603404493352817</v>
      </c>
    </row>
    <row r="117822" spans="1:7" x14ac:dyDescent="0.3">
      <c r="A117822" s="13" t="s">
        <v>556</v>
      </c>
      <c r="B117822" s="14" t="s">
        <v>1</v>
      </c>
      <c r="C117822" s="14" t="s">
        <v>546</v>
      </c>
      <c r="D117822" s="14" t="s">
        <v>39</v>
      </c>
      <c r="E117822" s="15">
        <v>45668</v>
      </c>
      <c r="F117822" s="14" t="s">
        <v>15</v>
      </c>
      <c r="G117822" s="16">
        <v>0.95603404493352817</v>
      </c>
    </row>
    <row r="117823" spans="1:7" x14ac:dyDescent="0.3">
      <c r="A117823" s="13" t="s">
        <v>556</v>
      </c>
      <c r="B117823" s="14" t="s">
        <v>1</v>
      </c>
      <c r="C117823" s="14" t="s">
        <v>546</v>
      </c>
      <c r="D117823" s="14" t="s">
        <v>39</v>
      </c>
      <c r="E117823" s="15">
        <v>45669</v>
      </c>
      <c r="F117823" s="14" t="s">
        <v>15</v>
      </c>
      <c r="G117823" s="16">
        <v>0.95603404493352817</v>
      </c>
    </row>
    <row r="117824" spans="1:7" x14ac:dyDescent="0.3">
      <c r="A117824" s="13" t="s">
        <v>556</v>
      </c>
      <c r="B117824" s="14" t="s">
        <v>1</v>
      </c>
      <c r="C117824" s="14" t="s">
        <v>546</v>
      </c>
      <c r="D117824" s="14" t="s">
        <v>39</v>
      </c>
      <c r="E117824" s="15">
        <v>45670</v>
      </c>
      <c r="F117824" s="14" t="s">
        <v>15</v>
      </c>
      <c r="G117824" s="16">
        <v>0.97238706388460794</v>
      </c>
    </row>
    <row r="117825" spans="1:7" x14ac:dyDescent="0.3">
      <c r="A117825" s="13" t="s">
        <v>556</v>
      </c>
      <c r="B117825" s="14" t="s">
        <v>1</v>
      </c>
      <c r="C117825" s="14" t="s">
        <v>546</v>
      </c>
      <c r="D117825" s="14" t="s">
        <v>39</v>
      </c>
      <c r="E117825" s="15">
        <v>45671</v>
      </c>
      <c r="F117825" s="14" t="s">
        <v>15</v>
      </c>
      <c r="G117825" s="16">
        <v>0.96844920579734484</v>
      </c>
    </row>
    <row r="117826" spans="1:7" x14ac:dyDescent="0.3">
      <c r="A117826" s="13" t="s">
        <v>556</v>
      </c>
      <c r="B117826" s="14" t="s">
        <v>1</v>
      </c>
      <c r="C117826" s="14" t="s">
        <v>546</v>
      </c>
      <c r="D117826" s="14" t="s">
        <v>39</v>
      </c>
      <c r="E117826" s="15">
        <v>45672</v>
      </c>
      <c r="F117826" s="14" t="s">
        <v>15</v>
      </c>
      <c r="G117826" s="16">
        <v>0.9669771916942157</v>
      </c>
    </row>
    <row r="117827" spans="1:7" x14ac:dyDescent="0.3">
      <c r="A117827" s="13" t="s">
        <v>556</v>
      </c>
      <c r="B117827" s="14" t="s">
        <v>1</v>
      </c>
      <c r="C117827" s="14" t="s">
        <v>546</v>
      </c>
      <c r="D117827" s="14" t="s">
        <v>39</v>
      </c>
      <c r="E117827" s="15">
        <v>45673</v>
      </c>
      <c r="F117827" s="14" t="s">
        <v>15</v>
      </c>
      <c r="G117827" s="16">
        <v>0.96564400526847738</v>
      </c>
    </row>
    <row r="117828" spans="1:7" x14ac:dyDescent="0.3">
      <c r="A117828" s="13" t="s">
        <v>556</v>
      </c>
      <c r="B117828" s="14" t="s">
        <v>1</v>
      </c>
      <c r="C117828" s="14" t="s">
        <v>546</v>
      </c>
      <c r="D117828" s="14" t="s">
        <v>39</v>
      </c>
      <c r="E117828" s="15">
        <v>45674</v>
      </c>
      <c r="F117828" s="14" t="s">
        <v>15</v>
      </c>
      <c r="G117828" s="16">
        <v>0.96431522607059295</v>
      </c>
    </row>
    <row r="117829" spans="1:7" x14ac:dyDescent="0.3">
      <c r="A117829" s="13" t="s">
        <v>556</v>
      </c>
      <c r="B117829" s="14" t="s">
        <v>1</v>
      </c>
      <c r="C117829" s="14" t="s">
        <v>546</v>
      </c>
      <c r="D117829" s="14" t="s">
        <v>39</v>
      </c>
      <c r="E117829" s="15">
        <v>45675</v>
      </c>
      <c r="F117829" s="14" t="s">
        <v>15</v>
      </c>
      <c r="G117829" s="16">
        <v>0.96431522607059295</v>
      </c>
    </row>
    <row r="117830" spans="1:7" x14ac:dyDescent="0.3">
      <c r="A117830" s="13" t="s">
        <v>556</v>
      </c>
      <c r="B117830" s="14" t="s">
        <v>1</v>
      </c>
      <c r="C117830" s="14" t="s">
        <v>546</v>
      </c>
      <c r="D117830" s="14" t="s">
        <v>39</v>
      </c>
      <c r="E117830" s="15">
        <v>45676</v>
      </c>
      <c r="F117830" s="14" t="s">
        <v>15</v>
      </c>
      <c r="G117830" s="16">
        <v>0.96431522607059295</v>
      </c>
    </row>
    <row r="117831" spans="1:7" x14ac:dyDescent="0.3">
      <c r="A117831" s="13" t="s">
        <v>556</v>
      </c>
      <c r="B117831" s="14" t="s">
        <v>1</v>
      </c>
      <c r="C117831" s="14" t="s">
        <v>546</v>
      </c>
      <c r="D117831" s="14" t="s">
        <v>39</v>
      </c>
      <c r="E117831" s="15">
        <v>45677</v>
      </c>
      <c r="F117831" s="14" t="s">
        <v>15</v>
      </c>
      <c r="G117831" s="16">
        <v>0.9629732251891473</v>
      </c>
    </row>
    <row r="117832" spans="1:7" x14ac:dyDescent="0.3">
      <c r="A117832" s="13" t="s">
        <v>556</v>
      </c>
      <c r="B117832" s="14" t="s">
        <v>1</v>
      </c>
      <c r="C117832" s="14" t="s">
        <v>546</v>
      </c>
      <c r="D117832" s="14" t="s">
        <v>39</v>
      </c>
      <c r="E117832" s="15">
        <v>45678</v>
      </c>
      <c r="F117832" s="14" t="s">
        <v>15</v>
      </c>
      <c r="G117832" s="16">
        <v>0.95888331774093216</v>
      </c>
    </row>
    <row r="117833" spans="1:7" x14ac:dyDescent="0.3">
      <c r="A117833" s="13" t="s">
        <v>556</v>
      </c>
      <c r="B117833" s="14" t="s">
        <v>1</v>
      </c>
      <c r="C117833" s="14" t="s">
        <v>546</v>
      </c>
      <c r="D117833" s="14" t="s">
        <v>39</v>
      </c>
      <c r="E117833" s="15">
        <v>45679</v>
      </c>
      <c r="F117833" s="14" t="s">
        <v>15</v>
      </c>
      <c r="G117833" s="16">
        <v>0.95751266987843764</v>
      </c>
    </row>
    <row r="117834" spans="1:7" x14ac:dyDescent="0.3">
      <c r="A117834" s="13" t="s">
        <v>556</v>
      </c>
      <c r="B117834" s="14" t="s">
        <v>1</v>
      </c>
      <c r="C117834" s="14" t="s">
        <v>546</v>
      </c>
      <c r="D117834" s="14" t="s">
        <v>39</v>
      </c>
      <c r="E117834" s="15">
        <v>45680</v>
      </c>
      <c r="F117834" s="14" t="s">
        <v>15</v>
      </c>
      <c r="G117834" s="16">
        <v>0.95612880033238212</v>
      </c>
    </row>
    <row r="117835" spans="1:7" x14ac:dyDescent="0.3">
      <c r="A117835" s="13" t="s">
        <v>556</v>
      </c>
      <c r="B117835" s="14" t="s">
        <v>1</v>
      </c>
      <c r="C117835" s="14" t="s">
        <v>546</v>
      </c>
      <c r="D117835" s="14" t="s">
        <v>39</v>
      </c>
      <c r="E117835" s="15">
        <v>45681</v>
      </c>
      <c r="F117835" s="14" t="s">
        <v>15</v>
      </c>
      <c r="G117835" s="16">
        <v>0.9547581524698876</v>
      </c>
    </row>
    <row r="117836" spans="1:7" x14ac:dyDescent="0.3">
      <c r="A117836" s="13" t="s">
        <v>556</v>
      </c>
      <c r="B117836" s="14" t="s">
        <v>1</v>
      </c>
      <c r="C117836" s="14" t="s">
        <v>546</v>
      </c>
      <c r="D117836" s="14" t="s">
        <v>39</v>
      </c>
      <c r="E117836" s="15">
        <v>45682</v>
      </c>
      <c r="F117836" s="14" t="s">
        <v>15</v>
      </c>
      <c r="G117836" s="16">
        <v>0.9547581524698876</v>
      </c>
    </row>
    <row r="117837" spans="1:7" x14ac:dyDescent="0.3">
      <c r="A117837" s="13" t="s">
        <v>556</v>
      </c>
      <c r="B117837" s="14" t="s">
        <v>1</v>
      </c>
      <c r="C117837" s="14" t="s">
        <v>546</v>
      </c>
      <c r="D117837" s="14" t="s">
        <v>39</v>
      </c>
      <c r="E117837" s="15">
        <v>45683</v>
      </c>
      <c r="F117837" s="14" t="s">
        <v>15</v>
      </c>
      <c r="G117837" s="16">
        <v>0.9547581524698876</v>
      </c>
    </row>
    <row r="117838" spans="1:7" x14ac:dyDescent="0.3">
      <c r="A117838" s="13" t="s">
        <v>556</v>
      </c>
      <c r="B117838" s="14" t="s">
        <v>1</v>
      </c>
      <c r="C117838" s="14" t="s">
        <v>546</v>
      </c>
      <c r="D117838" s="14" t="s">
        <v>39</v>
      </c>
      <c r="E117838" s="15">
        <v>45684</v>
      </c>
      <c r="F117838" s="14" t="s">
        <v>15</v>
      </c>
      <c r="G117838" s="16">
        <v>0.97834783955671001</v>
      </c>
    </row>
    <row r="117839" spans="1:7" x14ac:dyDescent="0.3">
      <c r="A117839" s="13" t="s">
        <v>556</v>
      </c>
      <c r="B117839" s="14" t="s">
        <v>1</v>
      </c>
      <c r="C117839" s="14" t="s">
        <v>546</v>
      </c>
      <c r="D117839" s="14" t="s">
        <v>39</v>
      </c>
      <c r="E117839" s="15">
        <v>45685</v>
      </c>
      <c r="F117839" s="14" t="s">
        <v>15</v>
      </c>
      <c r="G117839" s="16">
        <v>0.97834783955671001</v>
      </c>
    </row>
    <row r="117840" spans="1:7" x14ac:dyDescent="0.3">
      <c r="A117840" s="13" t="s">
        <v>556</v>
      </c>
      <c r="B117840" s="14" t="s">
        <v>1</v>
      </c>
      <c r="C117840" s="14" t="s">
        <v>546</v>
      </c>
      <c r="D117840" s="14" t="s">
        <v>39</v>
      </c>
      <c r="E117840" s="15">
        <v>45686</v>
      </c>
      <c r="F117840" s="14" t="s">
        <v>15</v>
      </c>
      <c r="G117840" s="16">
        <v>0.97834783955671001</v>
      </c>
    </row>
    <row r="117841" spans="1:7" x14ac:dyDescent="0.3">
      <c r="A117841" s="13" t="s">
        <v>556</v>
      </c>
      <c r="B117841" s="14" t="s">
        <v>1</v>
      </c>
      <c r="C117841" s="14" t="s">
        <v>546</v>
      </c>
      <c r="D117841" s="14" t="s">
        <v>39</v>
      </c>
      <c r="E117841" s="15">
        <v>45687</v>
      </c>
      <c r="F117841" s="14" t="s">
        <v>15</v>
      </c>
      <c r="G117841" s="16">
        <v>0.97834783955671001</v>
      </c>
    </row>
    <row r="117842" spans="1:7" x14ac:dyDescent="0.3">
      <c r="A117842" s="13" t="s">
        <v>556</v>
      </c>
      <c r="B117842" s="14" t="s">
        <v>1</v>
      </c>
      <c r="C117842" s="14" t="s">
        <v>546</v>
      </c>
      <c r="D117842" s="14" t="s">
        <v>39</v>
      </c>
      <c r="E117842" s="15">
        <v>45688</v>
      </c>
      <c r="F117842" s="14" t="s">
        <v>15</v>
      </c>
      <c r="G117842" s="16">
        <v>0.97834783955671001</v>
      </c>
    </row>
    <row r="117843" spans="1:7" x14ac:dyDescent="0.3">
      <c r="A117843" s="13" t="s">
        <v>556</v>
      </c>
      <c r="B117843" s="14" t="s">
        <v>1</v>
      </c>
      <c r="C117843" s="14" t="s">
        <v>546</v>
      </c>
      <c r="D117843" s="14" t="s">
        <v>39</v>
      </c>
      <c r="E117843" s="15">
        <v>45689</v>
      </c>
      <c r="F117843" s="14" t="s">
        <v>15</v>
      </c>
      <c r="G117843" s="16">
        <v>0.97834783955671001</v>
      </c>
    </row>
    <row r="117844" spans="1:7" x14ac:dyDescent="0.3">
      <c r="A117844" s="13" t="s">
        <v>556</v>
      </c>
      <c r="B117844" s="14" t="s">
        <v>1</v>
      </c>
      <c r="C117844" s="14" t="s">
        <v>546</v>
      </c>
      <c r="D117844" s="14" t="s">
        <v>39</v>
      </c>
      <c r="E117844" s="15">
        <v>45690</v>
      </c>
      <c r="F117844" s="14" t="s">
        <v>15</v>
      </c>
      <c r="G117844" s="16">
        <v>0.97834783955671001</v>
      </c>
    </row>
    <row r="117845" spans="1:7" x14ac:dyDescent="0.3">
      <c r="A117845" s="13" t="s">
        <v>556</v>
      </c>
      <c r="B117845" s="14" t="s">
        <v>1</v>
      </c>
      <c r="C117845" s="14" t="s">
        <v>546</v>
      </c>
      <c r="D117845" s="14" t="s">
        <v>39</v>
      </c>
      <c r="E117845" s="15">
        <v>45691</v>
      </c>
      <c r="F117845" s="14" t="s">
        <v>15</v>
      </c>
      <c r="G117845" s="16">
        <v>0.97834783955671001</v>
      </c>
    </row>
    <row r="117846" spans="1:7" x14ac:dyDescent="0.3">
      <c r="A117846" s="13" t="s">
        <v>556</v>
      </c>
      <c r="B117846" s="14" t="s">
        <v>1</v>
      </c>
      <c r="C117846" s="14" t="s">
        <v>546</v>
      </c>
      <c r="D117846" s="14" t="s">
        <v>39</v>
      </c>
      <c r="E117846" s="15">
        <v>45692</v>
      </c>
      <c r="F117846" s="14" t="s">
        <v>15</v>
      </c>
      <c r="G117846" s="16">
        <v>0.97834783955671001</v>
      </c>
    </row>
    <row r="117847" spans="1:7" x14ac:dyDescent="0.3">
      <c r="A117847" s="13" t="s">
        <v>556</v>
      </c>
      <c r="B117847" s="14" t="s">
        <v>1</v>
      </c>
      <c r="C117847" s="14" t="s">
        <v>546</v>
      </c>
      <c r="D117847" s="14" t="s">
        <v>39</v>
      </c>
      <c r="E117847" s="15">
        <v>45693</v>
      </c>
      <c r="F117847" s="14" t="s">
        <v>15</v>
      </c>
      <c r="G117847" s="16">
        <v>0.97418300923498247</v>
      </c>
    </row>
    <row r="117848" spans="1:7" x14ac:dyDescent="0.3">
      <c r="A117848" s="13" t="s">
        <v>556</v>
      </c>
      <c r="B117848" s="14" t="s">
        <v>1</v>
      </c>
      <c r="C117848" s="14" t="s">
        <v>546</v>
      </c>
      <c r="D117848" s="14" t="s">
        <v>39</v>
      </c>
      <c r="E117848" s="15">
        <v>45694</v>
      </c>
      <c r="F117848" s="14" t="s">
        <v>15</v>
      </c>
      <c r="G117848" s="16">
        <v>0.96348226000624726</v>
      </c>
    </row>
    <row r="117849" spans="1:7" x14ac:dyDescent="0.3">
      <c r="A117849" s="13" t="s">
        <v>556</v>
      </c>
      <c r="B117849" s="14" t="s">
        <v>1</v>
      </c>
      <c r="C117849" s="14" t="s">
        <v>546</v>
      </c>
      <c r="D117849" s="14" t="s">
        <v>39</v>
      </c>
      <c r="E117849" s="15">
        <v>45695</v>
      </c>
      <c r="F117849" s="14" t="s">
        <v>15</v>
      </c>
      <c r="G117849" s="16">
        <v>0.96208516877663064</v>
      </c>
    </row>
    <row r="117850" spans="1:7" x14ac:dyDescent="0.3">
      <c r="A117850" s="13" t="s">
        <v>556</v>
      </c>
      <c r="B117850" s="14" t="s">
        <v>1</v>
      </c>
      <c r="C117850" s="14" t="s">
        <v>546</v>
      </c>
      <c r="D117850" s="14" t="s">
        <v>39</v>
      </c>
      <c r="E117850" s="15">
        <v>45696</v>
      </c>
      <c r="F117850" s="14" t="s">
        <v>15</v>
      </c>
      <c r="G117850" s="16">
        <v>0.96208516877663064</v>
      </c>
    </row>
    <row r="117851" spans="1:7" x14ac:dyDescent="0.3">
      <c r="A117851" s="13" t="s">
        <v>556</v>
      </c>
      <c r="B117851" s="14" t="s">
        <v>1</v>
      </c>
      <c r="C117851" s="14" t="s">
        <v>546</v>
      </c>
      <c r="D117851" s="14" t="s">
        <v>39</v>
      </c>
      <c r="E117851" s="15">
        <v>45697</v>
      </c>
      <c r="F117851" s="14" t="s">
        <v>15</v>
      </c>
      <c r="G117851" s="16">
        <v>0.96208516877663064</v>
      </c>
    </row>
    <row r="117852" spans="1:7" x14ac:dyDescent="0.3">
      <c r="A117852" s="13" t="s">
        <v>556</v>
      </c>
      <c r="B117852" s="14" t="s">
        <v>1</v>
      </c>
      <c r="C117852" s="14" t="s">
        <v>546</v>
      </c>
      <c r="D117852" s="14" t="s">
        <v>39</v>
      </c>
      <c r="E117852" s="15">
        <v>45698</v>
      </c>
      <c r="F117852" s="14" t="s">
        <v>15</v>
      </c>
      <c r="G117852" s="16">
        <v>0.96066604140774581</v>
      </c>
    </row>
    <row r="117853" spans="1:7" x14ac:dyDescent="0.3">
      <c r="A117853" s="13" t="s">
        <v>556</v>
      </c>
      <c r="B117853" s="14" t="s">
        <v>1</v>
      </c>
      <c r="C117853" s="14" t="s">
        <v>546</v>
      </c>
      <c r="D117853" s="14" t="s">
        <v>39</v>
      </c>
      <c r="E117853" s="15">
        <v>45699</v>
      </c>
      <c r="F117853" s="14" t="s">
        <v>15</v>
      </c>
      <c r="G117853" s="16">
        <v>0.95635797618077345</v>
      </c>
    </row>
    <row r="117854" spans="1:7" x14ac:dyDescent="0.3">
      <c r="A117854" s="13" t="s">
        <v>556</v>
      </c>
      <c r="B117854" s="14" t="s">
        <v>1</v>
      </c>
      <c r="C117854" s="14" t="s">
        <v>546</v>
      </c>
      <c r="D117854" s="14" t="s">
        <v>39</v>
      </c>
      <c r="E117854" s="15">
        <v>45700</v>
      </c>
      <c r="F117854" s="14" t="s">
        <v>15</v>
      </c>
      <c r="G117854" s="16">
        <v>0.95490579460298586</v>
      </c>
    </row>
    <row r="117855" spans="1:7" x14ac:dyDescent="0.3">
      <c r="A117855" s="13" t="s">
        <v>556</v>
      </c>
      <c r="B117855" s="14" t="s">
        <v>1</v>
      </c>
      <c r="C117855" s="14" t="s">
        <v>546</v>
      </c>
      <c r="D117855" s="14" t="s">
        <v>39</v>
      </c>
      <c r="E117855" s="15">
        <v>45701</v>
      </c>
      <c r="F117855" s="14" t="s">
        <v>15</v>
      </c>
      <c r="G117855" s="16">
        <v>0.95346463109483248</v>
      </c>
    </row>
    <row r="117856" spans="1:7" x14ac:dyDescent="0.3">
      <c r="A117856" s="13" t="s">
        <v>556</v>
      </c>
      <c r="B117856" s="14" t="s">
        <v>1</v>
      </c>
      <c r="C117856" s="14" t="s">
        <v>546</v>
      </c>
      <c r="D117856" s="14" t="s">
        <v>39</v>
      </c>
      <c r="E117856" s="15">
        <v>45702</v>
      </c>
      <c r="F117856" s="14" t="s">
        <v>15</v>
      </c>
      <c r="G117856" s="16">
        <v>0.95199702421955712</v>
      </c>
    </row>
    <row r="117857" spans="1:7" x14ac:dyDescent="0.3">
      <c r="A117857" s="13" t="s">
        <v>556</v>
      </c>
      <c r="B117857" s="14" t="s">
        <v>1</v>
      </c>
      <c r="C117857" s="14" t="s">
        <v>546</v>
      </c>
      <c r="D117857" s="14" t="s">
        <v>39</v>
      </c>
      <c r="E117857" s="15">
        <v>45703</v>
      </c>
      <c r="F117857" s="14" t="s">
        <v>15</v>
      </c>
      <c r="G117857" s="16">
        <v>0.95199702421955712</v>
      </c>
    </row>
    <row r="117858" spans="1:7" x14ac:dyDescent="0.3">
      <c r="A117858" s="13" t="s">
        <v>556</v>
      </c>
      <c r="B117858" s="14" t="s">
        <v>1</v>
      </c>
      <c r="C117858" s="14" t="s">
        <v>546</v>
      </c>
      <c r="D117858" s="14" t="s">
        <v>39</v>
      </c>
      <c r="E117858" s="15">
        <v>45704</v>
      </c>
      <c r="F117858" s="14" t="s">
        <v>15</v>
      </c>
      <c r="G117858" s="16">
        <v>0.95199702421955712</v>
      </c>
    </row>
    <row r="117859" spans="1:7" x14ac:dyDescent="0.3">
      <c r="A117859" s="13" t="s">
        <v>556</v>
      </c>
      <c r="B117859" s="14" t="s">
        <v>1</v>
      </c>
      <c r="C117859" s="14" t="s">
        <v>546</v>
      </c>
      <c r="D117859" s="14" t="s">
        <v>39</v>
      </c>
      <c r="E117859" s="15">
        <v>45705</v>
      </c>
      <c r="F117859" s="14" t="s">
        <v>15</v>
      </c>
      <c r="G117859" s="16">
        <v>0.95053162095820853</v>
      </c>
    </row>
    <row r="117860" spans="1:7" x14ac:dyDescent="0.3">
      <c r="A117860" s="13" t="s">
        <v>556</v>
      </c>
      <c r="B117860" s="14" t="s">
        <v>1</v>
      </c>
      <c r="C117860" s="14" t="s">
        <v>546</v>
      </c>
      <c r="D117860" s="14" t="s">
        <v>39</v>
      </c>
      <c r="E117860" s="15">
        <v>45706</v>
      </c>
      <c r="F117860" s="14" t="s">
        <v>15</v>
      </c>
      <c r="G117860" s="16">
        <v>0.94599878711069874</v>
      </c>
    </row>
    <row r="117861" spans="1:7" x14ac:dyDescent="0.3">
      <c r="A117861" s="13" t="s">
        <v>556</v>
      </c>
      <c r="B117861" s="14" t="s">
        <v>1</v>
      </c>
      <c r="C117861" s="14" t="s">
        <v>546</v>
      </c>
      <c r="D117861" s="14" t="s">
        <v>39</v>
      </c>
      <c r="E117861" s="15">
        <v>45707</v>
      </c>
      <c r="F117861" s="14" t="s">
        <v>15</v>
      </c>
      <c r="G117861" s="16">
        <v>0.94441659231122754</v>
      </c>
    </row>
    <row r="117862" spans="1:7" x14ac:dyDescent="0.3">
      <c r="A117862" s="13" t="s">
        <v>556</v>
      </c>
      <c r="B117862" s="14" t="s">
        <v>1</v>
      </c>
      <c r="C117862" s="14" t="s">
        <v>546</v>
      </c>
      <c r="D117862" s="14" t="s">
        <v>39</v>
      </c>
      <c r="E117862" s="15">
        <v>45708</v>
      </c>
      <c r="F117862" s="14" t="s">
        <v>15</v>
      </c>
      <c r="G117862" s="16">
        <v>0.94288067340421999</v>
      </c>
    </row>
    <row r="117863" spans="1:7" x14ac:dyDescent="0.3">
      <c r="A117863" s="13" t="s">
        <v>556</v>
      </c>
      <c r="B117863" s="14" t="s">
        <v>1</v>
      </c>
      <c r="C117863" s="14" t="s">
        <v>546</v>
      </c>
      <c r="D117863" s="14" t="s">
        <v>39</v>
      </c>
      <c r="E117863" s="15">
        <v>45709</v>
      </c>
      <c r="F117863" s="14" t="s">
        <v>15</v>
      </c>
      <c r="G117863" s="16">
        <v>0.94134695811113933</v>
      </c>
    </row>
    <row r="117864" spans="1:7" x14ac:dyDescent="0.3">
      <c r="A117864" s="13" t="s">
        <v>556</v>
      </c>
      <c r="B117864" s="14" t="s">
        <v>1</v>
      </c>
      <c r="C117864" s="14" t="s">
        <v>546</v>
      </c>
      <c r="D117864" s="14" t="s">
        <v>39</v>
      </c>
      <c r="E117864" s="15">
        <v>45710</v>
      </c>
      <c r="F117864" s="14" t="s">
        <v>15</v>
      </c>
      <c r="G117864" s="16">
        <v>0.94134695811113933</v>
      </c>
    </row>
    <row r="117865" spans="1:7" x14ac:dyDescent="0.3">
      <c r="A117865" s="13" t="s">
        <v>556</v>
      </c>
      <c r="B117865" s="14" t="s">
        <v>1</v>
      </c>
      <c r="C117865" s="14" t="s">
        <v>546</v>
      </c>
      <c r="D117865" s="14" t="s">
        <v>39</v>
      </c>
      <c r="E117865" s="15">
        <v>45711</v>
      </c>
      <c r="F117865" s="14" t="s">
        <v>15</v>
      </c>
      <c r="G117865" s="16">
        <v>0.94134695811113933</v>
      </c>
    </row>
    <row r="117866" spans="1:7" x14ac:dyDescent="0.3">
      <c r="A117866" s="13" t="s">
        <v>556</v>
      </c>
      <c r="B117866" s="14" t="s">
        <v>1</v>
      </c>
      <c r="C117866" s="14" t="s">
        <v>546</v>
      </c>
      <c r="D117866" s="14" t="s">
        <v>39</v>
      </c>
      <c r="E117866" s="15">
        <v>45712</v>
      </c>
      <c r="F117866" s="14" t="s">
        <v>15</v>
      </c>
      <c r="G117866" s="16">
        <v>0.939822057273766</v>
      </c>
    </row>
    <row r="117867" spans="1:7" x14ac:dyDescent="0.3">
      <c r="A117867" s="13" t="s">
        <v>556</v>
      </c>
      <c r="B117867" s="14" t="s">
        <v>1</v>
      </c>
      <c r="C117867" s="14" t="s">
        <v>546</v>
      </c>
      <c r="D117867" s="14" t="s">
        <v>39</v>
      </c>
      <c r="E117867" s="15">
        <v>45713</v>
      </c>
      <c r="F117867" s="14" t="s">
        <v>15</v>
      </c>
      <c r="G117867" s="16">
        <v>0.9351063234703284</v>
      </c>
    </row>
    <row r="117868" spans="1:7" x14ac:dyDescent="0.3">
      <c r="A117868" s="13" t="s">
        <v>556</v>
      </c>
      <c r="B117868" s="14" t="s">
        <v>1</v>
      </c>
      <c r="C117868" s="14" t="s">
        <v>546</v>
      </c>
      <c r="D117868" s="14" t="s">
        <v>39</v>
      </c>
      <c r="E117868" s="15">
        <v>45714</v>
      </c>
      <c r="F117868" s="14" t="s">
        <v>15</v>
      </c>
      <c r="G117868" s="16">
        <v>0.93354396119619887</v>
      </c>
    </row>
    <row r="117869" spans="1:7" x14ac:dyDescent="0.3">
      <c r="A117869" s="13" t="s">
        <v>556</v>
      </c>
      <c r="B117869" s="14" t="s">
        <v>1</v>
      </c>
      <c r="C117869" s="14" t="s">
        <v>546</v>
      </c>
      <c r="D117869" s="14" t="s">
        <v>39</v>
      </c>
      <c r="E117869" s="15">
        <v>45715</v>
      </c>
      <c r="F117869" s="14" t="s">
        <v>15</v>
      </c>
      <c r="G117869" s="16">
        <v>0.93451575493793526</v>
      </c>
    </row>
    <row r="117870" spans="1:7" x14ac:dyDescent="0.3">
      <c r="A117870" s="13" t="s">
        <v>556</v>
      </c>
      <c r="B117870" s="14" t="s">
        <v>1</v>
      </c>
      <c r="C117870" s="14" t="s">
        <v>546</v>
      </c>
      <c r="D117870" s="14" t="s">
        <v>39</v>
      </c>
      <c r="E117870" s="15">
        <v>45716</v>
      </c>
      <c r="F117870" s="14" t="s">
        <v>15</v>
      </c>
      <c r="G117870" s="16">
        <v>0.93295118904987873</v>
      </c>
    </row>
    <row r="117871" spans="1:7" x14ac:dyDescent="0.3">
      <c r="A117871" s="13" t="s">
        <v>556</v>
      </c>
      <c r="B117871" s="14" t="s">
        <v>1</v>
      </c>
      <c r="C117871" s="14" t="s">
        <v>546</v>
      </c>
      <c r="D117871" s="14" t="s">
        <v>39</v>
      </c>
      <c r="E117871" s="15">
        <v>45717</v>
      </c>
      <c r="F117871" s="14" t="s">
        <v>15</v>
      </c>
      <c r="G117871" s="16">
        <v>0.93295118904987873</v>
      </c>
    </row>
    <row r="117872" spans="1:7" x14ac:dyDescent="0.3">
      <c r="A117872" s="13" t="s">
        <v>556</v>
      </c>
      <c r="B117872" s="14" t="s">
        <v>1</v>
      </c>
      <c r="C117872" s="14" t="s">
        <v>546</v>
      </c>
      <c r="D117872" s="14" t="s">
        <v>39</v>
      </c>
      <c r="E117872" s="15">
        <v>45718</v>
      </c>
      <c r="F117872" s="14" t="s">
        <v>15</v>
      </c>
      <c r="G117872" s="16">
        <v>0.93295118904987873</v>
      </c>
    </row>
    <row r="117873" spans="1:7" x14ac:dyDescent="0.3">
      <c r="A117873" s="13" t="s">
        <v>556</v>
      </c>
      <c r="B117873" s="14" t="s">
        <v>1</v>
      </c>
      <c r="C117873" s="14" t="s">
        <v>546</v>
      </c>
      <c r="D117873" s="14" t="s">
        <v>39</v>
      </c>
      <c r="E117873" s="15">
        <v>45719</v>
      </c>
      <c r="F117873" s="14" t="s">
        <v>15</v>
      </c>
      <c r="G117873" s="16">
        <v>0.93139543761752963</v>
      </c>
    </row>
    <row r="117874" spans="1:7" x14ac:dyDescent="0.3">
      <c r="A117874" s="13" t="s">
        <v>556</v>
      </c>
      <c r="B117874" s="14" t="s">
        <v>1</v>
      </c>
      <c r="C117874" s="14" t="s">
        <v>546</v>
      </c>
      <c r="D117874" s="14" t="s">
        <v>39</v>
      </c>
      <c r="E117874" s="15">
        <v>45720</v>
      </c>
      <c r="F117874" s="14" t="s">
        <v>15</v>
      </c>
      <c r="G117874" s="16">
        <v>0.9285087033733691</v>
      </c>
    </row>
    <row r="117875" spans="1:7" x14ac:dyDescent="0.3">
      <c r="A117875" s="13" t="s">
        <v>556</v>
      </c>
      <c r="B117875" s="14" t="s">
        <v>1</v>
      </c>
      <c r="C117875" s="14" t="s">
        <v>546</v>
      </c>
      <c r="D117875" s="14" t="s">
        <v>39</v>
      </c>
      <c r="E117875" s="15">
        <v>45721</v>
      </c>
      <c r="F117875" s="14" t="s">
        <v>15</v>
      </c>
      <c r="G117875" s="16">
        <v>0.92700804228919098</v>
      </c>
    </row>
    <row r="117876" spans="1:7" x14ac:dyDescent="0.3">
      <c r="A117876" s="13" t="s">
        <v>556</v>
      </c>
      <c r="B117876" s="14" t="s">
        <v>1</v>
      </c>
      <c r="C117876" s="14" t="s">
        <v>546</v>
      </c>
      <c r="D117876" s="14" t="s">
        <v>39</v>
      </c>
      <c r="E117876" s="15">
        <v>45722</v>
      </c>
      <c r="F117876" s="14" t="s">
        <v>15</v>
      </c>
      <c r="G117876" s="16">
        <v>0.93497500852674265</v>
      </c>
    </row>
    <row r="117877" spans="1:7" x14ac:dyDescent="0.3">
      <c r="A117877" s="13" t="s">
        <v>556</v>
      </c>
      <c r="B117877" s="14" t="s">
        <v>1</v>
      </c>
      <c r="C117877" s="14" t="s">
        <v>546</v>
      </c>
      <c r="D117877" s="14" t="s">
        <v>39</v>
      </c>
      <c r="E117877" s="15">
        <v>45723</v>
      </c>
      <c r="F117877" s="14" t="s">
        <v>15</v>
      </c>
      <c r="G117877" s="16">
        <v>0.93344719701350487</v>
      </c>
    </row>
    <row r="117878" spans="1:7" x14ac:dyDescent="0.3">
      <c r="A117878" s="13" t="s">
        <v>556</v>
      </c>
      <c r="B117878" s="14" t="s">
        <v>1</v>
      </c>
      <c r="C117878" s="14" t="s">
        <v>546</v>
      </c>
      <c r="D117878" s="14" t="s">
        <v>39</v>
      </c>
      <c r="E117878" s="15">
        <v>45724</v>
      </c>
      <c r="F117878" s="14" t="s">
        <v>15</v>
      </c>
      <c r="G117878" s="16">
        <v>0.93344719701350487</v>
      </c>
    </row>
    <row r="117879" spans="1:7" x14ac:dyDescent="0.3">
      <c r="A117879" s="13" t="s">
        <v>556</v>
      </c>
      <c r="B117879" s="14" t="s">
        <v>1</v>
      </c>
      <c r="C117879" s="14" t="s">
        <v>546</v>
      </c>
      <c r="D117879" s="14" t="s">
        <v>39</v>
      </c>
      <c r="E117879" s="15">
        <v>45725</v>
      </c>
      <c r="F117879" s="14" t="s">
        <v>15</v>
      </c>
      <c r="G117879" s="16">
        <v>0.93344719701350487</v>
      </c>
    </row>
    <row r="117880" spans="1:7" x14ac:dyDescent="0.3">
      <c r="A117880" s="13" t="s">
        <v>556</v>
      </c>
      <c r="B117880" s="14" t="s">
        <v>1</v>
      </c>
      <c r="C117880" s="14" t="s">
        <v>546</v>
      </c>
      <c r="D117880" s="14" t="s">
        <v>39</v>
      </c>
      <c r="E117880" s="15">
        <v>45726</v>
      </c>
      <c r="F117880" s="14" t="s">
        <v>15</v>
      </c>
      <c r="G117880" s="16">
        <v>0.93186594853160054</v>
      </c>
    </row>
    <row r="117881" spans="1:7" x14ac:dyDescent="0.3">
      <c r="A117881" s="13" t="s">
        <v>556</v>
      </c>
      <c r="B117881" s="14" t="s">
        <v>1</v>
      </c>
      <c r="C117881" s="14" t="s">
        <v>546</v>
      </c>
      <c r="D117881" s="14" t="s">
        <v>39</v>
      </c>
      <c r="E117881" s="15">
        <v>45727</v>
      </c>
      <c r="F117881" s="14" t="s">
        <v>15</v>
      </c>
      <c r="G117881" s="16">
        <v>0.92713677680461482</v>
      </c>
    </row>
    <row r="117882" spans="1:7" x14ac:dyDescent="0.3">
      <c r="A117882" s="13" t="s">
        <v>556</v>
      </c>
      <c r="B117882" s="14" t="s">
        <v>1</v>
      </c>
      <c r="C117882" s="14" t="s">
        <v>546</v>
      </c>
      <c r="D117882" s="14" t="s">
        <v>39</v>
      </c>
      <c r="E117882" s="15">
        <v>45728</v>
      </c>
      <c r="F117882" s="14" t="s">
        <v>15</v>
      </c>
      <c r="G117882" s="16">
        <v>0.92558224680704382</v>
      </c>
    </row>
    <row r="117883" spans="1:7" x14ac:dyDescent="0.3">
      <c r="A117883" s="13" t="s">
        <v>556</v>
      </c>
      <c r="B117883" s="14" t="s">
        <v>1</v>
      </c>
      <c r="C117883" s="14" t="s">
        <v>546</v>
      </c>
      <c r="D117883" s="14" t="s">
        <v>39</v>
      </c>
      <c r="E117883" s="15">
        <v>45729</v>
      </c>
      <c r="F117883" s="14" t="s">
        <v>15</v>
      </c>
      <c r="G117883" s="16">
        <v>0.94232016276526576</v>
      </c>
    </row>
    <row r="117884" spans="1:7" x14ac:dyDescent="0.3">
      <c r="A117884" s="13" t="s">
        <v>556</v>
      </c>
      <c r="B117884" s="14" t="s">
        <v>1</v>
      </c>
      <c r="C117884" s="14" t="s">
        <v>546</v>
      </c>
      <c r="D117884" s="14" t="s">
        <v>39</v>
      </c>
      <c r="E117884" s="15">
        <v>45730</v>
      </c>
      <c r="F117884" s="14" t="s">
        <v>15</v>
      </c>
      <c r="G117884" s="16">
        <v>0.94077049067393714</v>
      </c>
    </row>
    <row r="117885" spans="1:7" x14ac:dyDescent="0.3">
      <c r="A117885" s="13" t="s">
        <v>556</v>
      </c>
      <c r="B117885" s="14" t="s">
        <v>1</v>
      </c>
      <c r="C117885" s="14" t="s">
        <v>546</v>
      </c>
      <c r="D117885" s="14" t="s">
        <v>39</v>
      </c>
      <c r="E117885" s="15">
        <v>45731</v>
      </c>
      <c r="F117885" s="14" t="s">
        <v>15</v>
      </c>
      <c r="G117885" s="16">
        <v>0.94077049067393714</v>
      </c>
    </row>
    <row r="117886" spans="1:7" x14ac:dyDescent="0.3">
      <c r="A117886" s="13" t="s">
        <v>556</v>
      </c>
      <c r="B117886" s="14" t="s">
        <v>1</v>
      </c>
      <c r="C117886" s="14" t="s">
        <v>546</v>
      </c>
      <c r="D117886" s="14" t="s">
        <v>39</v>
      </c>
      <c r="E117886" s="15">
        <v>45732</v>
      </c>
      <c r="F117886" s="14" t="s">
        <v>15</v>
      </c>
      <c r="G117886" s="16">
        <v>0.94077049067393714</v>
      </c>
    </row>
    <row r="117887" spans="1:7" x14ac:dyDescent="0.3">
      <c r="A117887" s="13" t="s">
        <v>556</v>
      </c>
      <c r="B117887" s="14" t="s">
        <v>1</v>
      </c>
      <c r="C117887" s="14" t="s">
        <v>546</v>
      </c>
      <c r="D117887" s="14" t="s">
        <v>39</v>
      </c>
      <c r="E117887" s="15">
        <v>45733</v>
      </c>
      <c r="F117887" s="14" t="s">
        <v>15</v>
      </c>
      <c r="G117887" s="16">
        <v>0.94077049067393714</v>
      </c>
    </row>
    <row r="117888" spans="1:7" x14ac:dyDescent="0.3">
      <c r="A117888" s="13" t="s">
        <v>556</v>
      </c>
      <c r="B117888" s="14" t="s">
        <v>1</v>
      </c>
      <c r="C117888" s="14" t="s">
        <v>546</v>
      </c>
      <c r="D117888" s="14" t="s">
        <v>39</v>
      </c>
      <c r="E117888" s="15">
        <v>45734</v>
      </c>
      <c r="F117888" s="14" t="s">
        <v>15</v>
      </c>
      <c r="G117888" s="16">
        <v>0.9392305343950933</v>
      </c>
    </row>
    <row r="117889" spans="1:7" x14ac:dyDescent="0.3">
      <c r="A117889" s="13" t="s">
        <v>556</v>
      </c>
      <c r="B117889" s="14" t="s">
        <v>1</v>
      </c>
      <c r="C117889" s="14" t="s">
        <v>546</v>
      </c>
      <c r="D117889" s="14" t="s">
        <v>39</v>
      </c>
      <c r="E117889" s="15">
        <v>45735</v>
      </c>
      <c r="F117889" s="14" t="s">
        <v>15</v>
      </c>
      <c r="G117889" s="16">
        <v>0.94029441586218099</v>
      </c>
    </row>
    <row r="117890" spans="1:7" x14ac:dyDescent="0.3">
      <c r="A117890" s="13" t="s">
        <v>556</v>
      </c>
      <c r="B117890" s="14" t="s">
        <v>1</v>
      </c>
      <c r="C117890" s="14" t="s">
        <v>546</v>
      </c>
      <c r="D117890" s="14" t="s">
        <v>39</v>
      </c>
      <c r="E117890" s="15">
        <v>45736</v>
      </c>
      <c r="F117890" s="14" t="s">
        <v>15</v>
      </c>
      <c r="G117890" s="16">
        <v>0.93866701727097379</v>
      </c>
    </row>
    <row r="117891" spans="1:7" x14ac:dyDescent="0.3">
      <c r="A117891" s="13" t="s">
        <v>556</v>
      </c>
      <c r="B117891" s="14" t="s">
        <v>1</v>
      </c>
      <c r="C117891" s="14" t="s">
        <v>546</v>
      </c>
      <c r="D117891" s="14" t="s">
        <v>39</v>
      </c>
      <c r="E117891" s="15">
        <v>45737</v>
      </c>
      <c r="F117891" s="14" t="s">
        <v>15</v>
      </c>
      <c r="G117891" s="16">
        <v>0.93704447658600898</v>
      </c>
    </row>
    <row r="117892" spans="1:7" x14ac:dyDescent="0.3">
      <c r="A117892" s="13" t="s">
        <v>556</v>
      </c>
      <c r="B117892" s="14" t="s">
        <v>1</v>
      </c>
      <c r="C117892" s="14" t="s">
        <v>546</v>
      </c>
      <c r="D117892" s="14" t="s">
        <v>39</v>
      </c>
      <c r="E117892" s="15">
        <v>45738</v>
      </c>
      <c r="F117892" s="14" t="s">
        <v>15</v>
      </c>
      <c r="G117892" s="16">
        <v>0.93704447658600898</v>
      </c>
    </row>
    <row r="117893" spans="1:7" x14ac:dyDescent="0.3">
      <c r="A117893" s="13" t="s">
        <v>556</v>
      </c>
      <c r="B117893" s="14" t="s">
        <v>1</v>
      </c>
      <c r="C117893" s="14" t="s">
        <v>546</v>
      </c>
      <c r="D117893" s="14" t="s">
        <v>39</v>
      </c>
      <c r="E117893" s="15">
        <v>45739</v>
      </c>
      <c r="F117893" s="14" t="s">
        <v>15</v>
      </c>
      <c r="G117893" s="16">
        <v>0.93704447658600898</v>
      </c>
    </row>
    <row r="117894" spans="1:7" x14ac:dyDescent="0.3">
      <c r="A117894" s="13" t="s">
        <v>556</v>
      </c>
      <c r="B117894" s="14" t="s">
        <v>1</v>
      </c>
      <c r="C117894" s="14" t="s">
        <v>546</v>
      </c>
      <c r="D117894" s="14" t="s">
        <v>39</v>
      </c>
      <c r="E117894" s="15">
        <v>45740</v>
      </c>
      <c r="F117894" s="14" t="s">
        <v>15</v>
      </c>
      <c r="G117894" s="16">
        <v>0.93545108333849858</v>
      </c>
    </row>
    <row r="117895" spans="1:7" x14ac:dyDescent="0.3">
      <c r="A117895" s="13" t="s">
        <v>556</v>
      </c>
      <c r="B117895" s="14" t="s">
        <v>1</v>
      </c>
      <c r="C117895" s="14" t="s">
        <v>546</v>
      </c>
      <c r="D117895" s="14" t="s">
        <v>39</v>
      </c>
      <c r="E117895" s="15">
        <v>45741</v>
      </c>
      <c r="F117895" s="14" t="s">
        <v>15</v>
      </c>
      <c r="G117895" s="16">
        <v>0.93077534858017941</v>
      </c>
    </row>
    <row r="117896" spans="1:7" x14ac:dyDescent="0.3">
      <c r="A117896" s="13" t="s">
        <v>556</v>
      </c>
      <c r="B117896" s="14" t="s">
        <v>1</v>
      </c>
      <c r="C117896" s="14" t="s">
        <v>546</v>
      </c>
      <c r="D117896" s="14" t="s">
        <v>39</v>
      </c>
      <c r="E117896" s="15">
        <v>45742</v>
      </c>
      <c r="F117896" s="14" t="s">
        <v>15</v>
      </c>
      <c r="G117896" s="16">
        <v>0.92920867381700234</v>
      </c>
    </row>
    <row r="117897" spans="1:7" x14ac:dyDescent="0.3">
      <c r="A117897" s="13" t="s">
        <v>556</v>
      </c>
      <c r="B117897" s="14" t="s">
        <v>1</v>
      </c>
      <c r="C117897" s="14" t="s">
        <v>546</v>
      </c>
      <c r="D117897" s="14" t="s">
        <v>39</v>
      </c>
      <c r="E117897" s="15">
        <v>45743</v>
      </c>
      <c r="F117897" s="14" t="s">
        <v>15</v>
      </c>
      <c r="G117897" s="16">
        <v>0.92871802528651892</v>
      </c>
    </row>
    <row r="117898" spans="1:7" x14ac:dyDescent="0.3">
      <c r="A117898" s="13" t="s">
        <v>556</v>
      </c>
      <c r="B117898" s="14" t="s">
        <v>1</v>
      </c>
      <c r="C117898" s="14" t="s">
        <v>546</v>
      </c>
      <c r="D117898" s="14" t="s">
        <v>39</v>
      </c>
      <c r="E117898" s="15">
        <v>45744</v>
      </c>
      <c r="F117898" s="14" t="s">
        <v>15</v>
      </c>
      <c r="G117898" s="16">
        <v>0.92717806900767508</v>
      </c>
    </row>
    <row r="117899" spans="1:7" x14ac:dyDescent="0.3">
      <c r="A117899" s="13" t="s">
        <v>556</v>
      </c>
      <c r="B117899" s="14" t="s">
        <v>1</v>
      </c>
      <c r="C117899" s="14" t="s">
        <v>546</v>
      </c>
      <c r="D117899" s="14" t="s">
        <v>39</v>
      </c>
      <c r="E117899" s="15">
        <v>45745</v>
      </c>
      <c r="F117899" s="14" t="s">
        <v>15</v>
      </c>
      <c r="G117899" s="16">
        <v>0.92717806900767508</v>
      </c>
    </row>
    <row r="117900" spans="1:7" x14ac:dyDescent="0.3">
      <c r="A117900" s="13" t="s">
        <v>556</v>
      </c>
      <c r="B117900" s="14" t="s">
        <v>1</v>
      </c>
      <c r="C117900" s="14" t="s">
        <v>546</v>
      </c>
      <c r="D117900" s="14" t="s">
        <v>39</v>
      </c>
      <c r="E117900" s="15">
        <v>45746</v>
      </c>
      <c r="F117900" s="14" t="s">
        <v>15</v>
      </c>
      <c r="G117900" s="16">
        <v>0.92717806900767508</v>
      </c>
    </row>
    <row r="117901" spans="1:7" x14ac:dyDescent="0.3">
      <c r="A117901" s="13" t="s">
        <v>556</v>
      </c>
      <c r="B117901" s="14" t="s">
        <v>1</v>
      </c>
      <c r="C117901" s="14" t="s">
        <v>546</v>
      </c>
      <c r="D117901" s="14" t="s">
        <v>39</v>
      </c>
      <c r="E117901" s="15">
        <v>45747</v>
      </c>
      <c r="F117901" s="14" t="s">
        <v>15</v>
      </c>
      <c r="G117901" s="16">
        <v>0.92717806900767508</v>
      </c>
    </row>
    <row r="117902" spans="1:7" x14ac:dyDescent="0.3">
      <c r="A117902" s="13" t="s">
        <v>557</v>
      </c>
      <c r="B117902" s="14" t="s">
        <v>1</v>
      </c>
      <c r="C117902" s="14" t="s">
        <v>558</v>
      </c>
      <c r="D117902" s="14" t="s">
        <v>14</v>
      </c>
      <c r="E117902" s="15">
        <v>45383</v>
      </c>
      <c r="F117902" s="14" t="s">
        <v>15</v>
      </c>
      <c r="G117902" s="16">
        <v>0</v>
      </c>
    </row>
    <row r="117903" spans="1:7" x14ac:dyDescent="0.3">
      <c r="A117903" s="13" t="s">
        <v>557</v>
      </c>
      <c r="B117903" s="14" t="s">
        <v>1</v>
      </c>
      <c r="C117903" s="14" t="s">
        <v>558</v>
      </c>
      <c r="D117903" s="14" t="s">
        <v>14</v>
      </c>
      <c r="E117903" s="15">
        <v>45384</v>
      </c>
      <c r="F117903" s="14" t="s">
        <v>15</v>
      </c>
      <c r="G117903" s="16">
        <v>0</v>
      </c>
    </row>
    <row r="117904" spans="1:7" x14ac:dyDescent="0.3">
      <c r="A117904" s="13" t="s">
        <v>557</v>
      </c>
      <c r="B117904" s="14" t="s">
        <v>1</v>
      </c>
      <c r="C117904" s="14" t="s">
        <v>558</v>
      </c>
      <c r="D117904" s="14" t="s">
        <v>14</v>
      </c>
      <c r="E117904" s="15">
        <v>45385</v>
      </c>
      <c r="F117904" s="14" t="s">
        <v>15</v>
      </c>
      <c r="G117904" s="16">
        <v>0</v>
      </c>
    </row>
    <row r="117905" spans="1:7" x14ac:dyDescent="0.3">
      <c r="A117905" s="13" t="s">
        <v>557</v>
      </c>
      <c r="B117905" s="14" t="s">
        <v>1</v>
      </c>
      <c r="C117905" s="14" t="s">
        <v>558</v>
      </c>
      <c r="D117905" s="14" t="s">
        <v>14</v>
      </c>
      <c r="E117905" s="15">
        <v>45386</v>
      </c>
      <c r="F117905" s="14" t="s">
        <v>15</v>
      </c>
      <c r="G117905" s="16">
        <v>0</v>
      </c>
    </row>
    <row r="117906" spans="1:7" x14ac:dyDescent="0.3">
      <c r="A117906" s="13" t="s">
        <v>557</v>
      </c>
      <c r="B117906" s="14" t="s">
        <v>1</v>
      </c>
      <c r="C117906" s="14" t="s">
        <v>558</v>
      </c>
      <c r="D117906" s="14" t="s">
        <v>14</v>
      </c>
      <c r="E117906" s="15">
        <v>45387</v>
      </c>
      <c r="F117906" s="14" t="s">
        <v>15</v>
      </c>
      <c r="G117906" s="16">
        <v>0</v>
      </c>
    </row>
    <row r="117907" spans="1:7" x14ac:dyDescent="0.3">
      <c r="A117907" s="13" t="s">
        <v>557</v>
      </c>
      <c r="B117907" s="14" t="s">
        <v>1</v>
      </c>
      <c r="C117907" s="14" t="s">
        <v>558</v>
      </c>
      <c r="D117907" s="14" t="s">
        <v>14</v>
      </c>
      <c r="E117907" s="15">
        <v>45388</v>
      </c>
      <c r="F117907" s="14" t="s">
        <v>15</v>
      </c>
      <c r="G117907" s="16">
        <v>0</v>
      </c>
    </row>
    <row r="117908" spans="1:7" x14ac:dyDescent="0.3">
      <c r="A117908" s="13" t="s">
        <v>557</v>
      </c>
      <c r="B117908" s="14" t="s">
        <v>1</v>
      </c>
      <c r="C117908" s="14" t="s">
        <v>558</v>
      </c>
      <c r="D117908" s="14" t="s">
        <v>14</v>
      </c>
      <c r="E117908" s="15">
        <v>45389</v>
      </c>
      <c r="F117908" s="14" t="s">
        <v>15</v>
      </c>
      <c r="G117908" s="16">
        <v>0</v>
      </c>
    </row>
    <row r="117909" spans="1:7" x14ac:dyDescent="0.3">
      <c r="A117909" s="13" t="s">
        <v>557</v>
      </c>
      <c r="B117909" s="14" t="s">
        <v>1</v>
      </c>
      <c r="C117909" s="14" t="s">
        <v>558</v>
      </c>
      <c r="D117909" s="14" t="s">
        <v>14</v>
      </c>
      <c r="E117909" s="15">
        <v>45390</v>
      </c>
      <c r="F117909" s="14" t="s">
        <v>15</v>
      </c>
      <c r="G117909" s="16">
        <v>0</v>
      </c>
    </row>
    <row r="117910" spans="1:7" x14ac:dyDescent="0.3">
      <c r="A117910" s="13" t="s">
        <v>557</v>
      </c>
      <c r="B117910" s="14" t="s">
        <v>1</v>
      </c>
      <c r="C117910" s="14" t="s">
        <v>558</v>
      </c>
      <c r="D117910" s="14" t="s">
        <v>14</v>
      </c>
      <c r="E117910" s="15">
        <v>45391</v>
      </c>
      <c r="F117910" s="14" t="s">
        <v>15</v>
      </c>
      <c r="G117910" s="16">
        <v>0</v>
      </c>
    </row>
    <row r="117911" spans="1:7" x14ac:dyDescent="0.3">
      <c r="A117911" s="13" t="s">
        <v>557</v>
      </c>
      <c r="B117911" s="14" t="s">
        <v>1</v>
      </c>
      <c r="C117911" s="14" t="s">
        <v>558</v>
      </c>
      <c r="D117911" s="14" t="s">
        <v>14</v>
      </c>
      <c r="E117911" s="15">
        <v>45392</v>
      </c>
      <c r="F117911" s="14" t="s">
        <v>15</v>
      </c>
      <c r="G117911" s="16">
        <v>3.9965840642516405E-3</v>
      </c>
    </row>
    <row r="117912" spans="1:7" x14ac:dyDescent="0.3">
      <c r="A117912" s="13" t="s">
        <v>557</v>
      </c>
      <c r="B117912" s="14" t="s">
        <v>1</v>
      </c>
      <c r="C117912" s="14" t="s">
        <v>558</v>
      </c>
      <c r="D117912" s="14" t="s">
        <v>14</v>
      </c>
      <c r="E117912" s="15">
        <v>45393</v>
      </c>
      <c r="F117912" s="14" t="s">
        <v>15</v>
      </c>
      <c r="G117912" s="16">
        <v>1.7085624572466027E-2</v>
      </c>
    </row>
    <row r="117913" spans="1:7" x14ac:dyDescent="0.3">
      <c r="A117913" s="13" t="s">
        <v>557</v>
      </c>
      <c r="B117913" s="14" t="s">
        <v>1</v>
      </c>
      <c r="C117913" s="14" t="s">
        <v>558</v>
      </c>
      <c r="D117913" s="14" t="s">
        <v>14</v>
      </c>
      <c r="E117913" s="15">
        <v>45394</v>
      </c>
      <c r="F117913" s="14" t="s">
        <v>15</v>
      </c>
      <c r="G117913" s="16">
        <v>1.3918877622251963E-2</v>
      </c>
    </row>
    <row r="117914" spans="1:7" x14ac:dyDescent="0.3">
      <c r="A117914" s="13" t="s">
        <v>557</v>
      </c>
      <c r="B117914" s="14" t="s">
        <v>1</v>
      </c>
      <c r="C117914" s="14" t="s">
        <v>558</v>
      </c>
      <c r="D117914" s="14" t="s">
        <v>14</v>
      </c>
      <c r="E117914" s="15">
        <v>45395</v>
      </c>
      <c r="F117914" s="14" t="s">
        <v>15</v>
      </c>
      <c r="G117914" s="16">
        <v>1.3918877622251963E-2</v>
      </c>
    </row>
    <row r="117915" spans="1:7" x14ac:dyDescent="0.3">
      <c r="A117915" s="13" t="s">
        <v>557</v>
      </c>
      <c r="B117915" s="14" t="s">
        <v>1</v>
      </c>
      <c r="C117915" s="14" t="s">
        <v>558</v>
      </c>
      <c r="D117915" s="14" t="s">
        <v>14</v>
      </c>
      <c r="E117915" s="15">
        <v>45396</v>
      </c>
      <c r="F117915" s="14" t="s">
        <v>15</v>
      </c>
      <c r="G117915" s="16">
        <v>1.3918877622251963E-2</v>
      </c>
    </row>
    <row r="117916" spans="1:7" x14ac:dyDescent="0.3">
      <c r="A117916" s="13" t="s">
        <v>557</v>
      </c>
      <c r="B117916" s="14" t="s">
        <v>1</v>
      </c>
      <c r="C117916" s="14" t="s">
        <v>558</v>
      </c>
      <c r="D117916" s="14" t="s">
        <v>14</v>
      </c>
      <c r="E117916" s="15">
        <v>45397</v>
      </c>
      <c r="F117916" s="14" t="s">
        <v>15</v>
      </c>
      <c r="G117916" s="16">
        <v>3.3397274490350647E-2</v>
      </c>
    </row>
    <row r="117917" spans="1:7" x14ac:dyDescent="0.3">
      <c r="A117917" s="13" t="s">
        <v>557</v>
      </c>
      <c r="B117917" s="14" t="s">
        <v>1</v>
      </c>
      <c r="C117917" s="14" t="s">
        <v>558</v>
      </c>
      <c r="D117917" s="14" t="s">
        <v>14</v>
      </c>
      <c r="E117917" s="15">
        <v>45398</v>
      </c>
      <c r="F117917" s="14" t="s">
        <v>15</v>
      </c>
      <c r="G117917" s="16">
        <v>2.4777213766039884E-2</v>
      </c>
    </row>
    <row r="117918" spans="1:7" x14ac:dyDescent="0.3">
      <c r="A117918" s="13" t="s">
        <v>557</v>
      </c>
      <c r="B117918" s="14" t="s">
        <v>1</v>
      </c>
      <c r="C117918" s="14" t="s">
        <v>558</v>
      </c>
      <c r="D117918" s="14" t="s">
        <v>14</v>
      </c>
      <c r="E117918" s="15">
        <v>45399</v>
      </c>
      <c r="F117918" s="14" t="s">
        <v>15</v>
      </c>
      <c r="G117918" s="16">
        <v>2.1945208744267787E-2</v>
      </c>
    </row>
    <row r="117919" spans="1:7" x14ac:dyDescent="0.3">
      <c r="A117919" s="13" t="s">
        <v>557</v>
      </c>
      <c r="B117919" s="14" t="s">
        <v>1</v>
      </c>
      <c r="C117919" s="14" t="s">
        <v>558</v>
      </c>
      <c r="D117919" s="14" t="s">
        <v>14</v>
      </c>
      <c r="E117919" s="15">
        <v>45400</v>
      </c>
      <c r="F117919" s="14" t="s">
        <v>15</v>
      </c>
      <c r="G117919" s="16">
        <v>1.7442446896013885E-2</v>
      </c>
    </row>
    <row r="117920" spans="1:7" x14ac:dyDescent="0.3">
      <c r="A117920" s="13" t="s">
        <v>557</v>
      </c>
      <c r="B117920" s="14" t="s">
        <v>1</v>
      </c>
      <c r="C117920" s="14" t="s">
        <v>558</v>
      </c>
      <c r="D117920" s="14" t="s">
        <v>14</v>
      </c>
      <c r="E117920" s="15">
        <v>45401</v>
      </c>
      <c r="F117920" s="14" t="s">
        <v>15</v>
      </c>
      <c r="G117920" s="16">
        <v>1.5611983281633116E-2</v>
      </c>
    </row>
    <row r="117921" spans="1:7" x14ac:dyDescent="0.3">
      <c r="A117921" s="13" t="s">
        <v>557</v>
      </c>
      <c r="B117921" s="14" t="s">
        <v>1</v>
      </c>
      <c r="C117921" s="14" t="s">
        <v>558</v>
      </c>
      <c r="D117921" s="14" t="s">
        <v>14</v>
      </c>
      <c r="E117921" s="15">
        <v>45402</v>
      </c>
      <c r="F117921" s="14" t="s">
        <v>15</v>
      </c>
      <c r="G117921" s="16">
        <v>1.5611983281633116E-2</v>
      </c>
    </row>
    <row r="117922" spans="1:7" x14ac:dyDescent="0.3">
      <c r="A117922" s="13" t="s">
        <v>557</v>
      </c>
      <c r="B117922" s="14" t="s">
        <v>1</v>
      </c>
      <c r="C117922" s="14" t="s">
        <v>558</v>
      </c>
      <c r="D117922" s="14" t="s">
        <v>14</v>
      </c>
      <c r="E117922" s="15">
        <v>45403</v>
      </c>
      <c r="F117922" s="14" t="s">
        <v>15</v>
      </c>
      <c r="G117922" s="16">
        <v>1.5611983281633116E-2</v>
      </c>
    </row>
    <row r="117923" spans="1:7" x14ac:dyDescent="0.3">
      <c r="A117923" s="13" t="s">
        <v>557</v>
      </c>
      <c r="B117923" s="14" t="s">
        <v>1</v>
      </c>
      <c r="C117923" s="14" t="s">
        <v>558</v>
      </c>
      <c r="D117923" s="14" t="s">
        <v>14</v>
      </c>
      <c r="E117923" s="15">
        <v>45404</v>
      </c>
      <c r="F117923" s="14" t="s">
        <v>15</v>
      </c>
      <c r="G117923" s="16">
        <v>1.2523728461015739E-2</v>
      </c>
    </row>
    <row r="117924" spans="1:7" x14ac:dyDescent="0.3">
      <c r="A117924" s="13" t="s">
        <v>557</v>
      </c>
      <c r="B117924" s="14" t="s">
        <v>1</v>
      </c>
      <c r="C117924" s="14" t="s">
        <v>558</v>
      </c>
      <c r="D117924" s="14" t="s">
        <v>14</v>
      </c>
      <c r="E117924" s="15">
        <v>45405</v>
      </c>
      <c r="F117924" s="14" t="s">
        <v>15</v>
      </c>
      <c r="G117924" s="16">
        <v>1.0381404734620356E-2</v>
      </c>
    </row>
    <row r="117925" spans="1:7" x14ac:dyDescent="0.3">
      <c r="A117925" s="13" t="s">
        <v>557</v>
      </c>
      <c r="B117925" s="14" t="s">
        <v>1</v>
      </c>
      <c r="C117925" s="14" t="s">
        <v>558</v>
      </c>
      <c r="D117925" s="14" t="s">
        <v>14</v>
      </c>
      <c r="E117925" s="15">
        <v>45406</v>
      </c>
      <c r="F117925" s="14" t="s">
        <v>15</v>
      </c>
      <c r="G117925" s="16">
        <v>2.6885874533452074E-3</v>
      </c>
    </row>
    <row r="117926" spans="1:7" x14ac:dyDescent="0.3">
      <c r="A117926" s="13" t="s">
        <v>557</v>
      </c>
      <c r="B117926" s="14" t="s">
        <v>1</v>
      </c>
      <c r="C117926" s="14" t="s">
        <v>558</v>
      </c>
      <c r="D117926" s="14" t="s">
        <v>14</v>
      </c>
      <c r="E117926" s="15">
        <v>45407</v>
      </c>
      <c r="F117926" s="14" t="s">
        <v>15</v>
      </c>
      <c r="G117926" s="16">
        <v>5.4742770953277965E-3</v>
      </c>
    </row>
    <row r="117927" spans="1:7" x14ac:dyDescent="0.3">
      <c r="A117927" s="13" t="s">
        <v>557</v>
      </c>
      <c r="B117927" s="14" t="s">
        <v>1</v>
      </c>
      <c r="C117927" s="14" t="s">
        <v>558</v>
      </c>
      <c r="D117927" s="14" t="s">
        <v>14</v>
      </c>
      <c r="E117927" s="15">
        <v>45408</v>
      </c>
      <c r="F117927" s="14" t="s">
        <v>15</v>
      </c>
      <c r="G117927" s="16">
        <v>1.6269446974875097E-2</v>
      </c>
    </row>
    <row r="117928" spans="1:7" x14ac:dyDescent="0.3">
      <c r="A117928" s="13" t="s">
        <v>557</v>
      </c>
      <c r="B117928" s="14" t="s">
        <v>1</v>
      </c>
      <c r="C117928" s="14" t="s">
        <v>558</v>
      </c>
      <c r="D117928" s="14" t="s">
        <v>14</v>
      </c>
      <c r="E117928" s="15">
        <v>45409</v>
      </c>
      <c r="F117928" s="14" t="s">
        <v>15</v>
      </c>
      <c r="G117928" s="16">
        <v>1.6269446974875097E-2</v>
      </c>
    </row>
    <row r="117929" spans="1:7" x14ac:dyDescent="0.3">
      <c r="A117929" s="13" t="s">
        <v>557</v>
      </c>
      <c r="B117929" s="14" t="s">
        <v>1</v>
      </c>
      <c r="C117929" s="14" t="s">
        <v>558</v>
      </c>
      <c r="D117929" s="14" t="s">
        <v>14</v>
      </c>
      <c r="E117929" s="15">
        <v>45410</v>
      </c>
      <c r="F117929" s="14" t="s">
        <v>15</v>
      </c>
      <c r="G117929" s="16">
        <v>1.6269446974875097E-2</v>
      </c>
    </row>
    <row r="117930" spans="1:7" x14ac:dyDescent="0.3">
      <c r="A117930" s="13" t="s">
        <v>557</v>
      </c>
      <c r="B117930" s="14" t="s">
        <v>1</v>
      </c>
      <c r="C117930" s="14" t="s">
        <v>558</v>
      </c>
      <c r="D117930" s="14" t="s">
        <v>14</v>
      </c>
      <c r="E117930" s="15">
        <v>45411</v>
      </c>
      <c r="F117930" s="14" t="s">
        <v>15</v>
      </c>
      <c r="G117930" s="16">
        <v>3.943824218331593E-2</v>
      </c>
    </row>
    <row r="117931" spans="1:7" x14ac:dyDescent="0.3">
      <c r="A117931" s="13" t="s">
        <v>557</v>
      </c>
      <c r="B117931" s="14" t="s">
        <v>1</v>
      </c>
      <c r="C117931" s="14" t="s">
        <v>558</v>
      </c>
      <c r="D117931" s="14" t="s">
        <v>14</v>
      </c>
      <c r="E117931" s="15">
        <v>45412</v>
      </c>
      <c r="F117931" s="14" t="s">
        <v>15</v>
      </c>
      <c r="G117931" s="16">
        <v>3.1112362009665589E-2</v>
      </c>
    </row>
    <row r="117932" spans="1:7" x14ac:dyDescent="0.3">
      <c r="A117932" s="13" t="s">
        <v>557</v>
      </c>
      <c r="B117932" s="14" t="s">
        <v>1</v>
      </c>
      <c r="C117932" s="14" t="s">
        <v>558</v>
      </c>
      <c r="D117932" s="14" t="s">
        <v>14</v>
      </c>
      <c r="E117932" s="15">
        <v>45413</v>
      </c>
      <c r="F117932" s="14" t="s">
        <v>15</v>
      </c>
      <c r="G117932" s="16">
        <v>2.8028177460537981E-2</v>
      </c>
    </row>
    <row r="117933" spans="1:7" x14ac:dyDescent="0.3">
      <c r="A117933" s="13" t="s">
        <v>557</v>
      </c>
      <c r="B117933" s="14" t="s">
        <v>1</v>
      </c>
      <c r="C117933" s="14" t="s">
        <v>558</v>
      </c>
      <c r="D117933" s="14" t="s">
        <v>14</v>
      </c>
      <c r="E117933" s="15">
        <v>45414</v>
      </c>
      <c r="F117933" s="14" t="s">
        <v>15</v>
      </c>
      <c r="G117933" s="16">
        <v>2.2952544747183404E-2</v>
      </c>
    </row>
    <row r="117934" spans="1:7" x14ac:dyDescent="0.3">
      <c r="A117934" s="13" t="s">
        <v>557</v>
      </c>
      <c r="B117934" s="14" t="s">
        <v>1</v>
      </c>
      <c r="C117934" s="14" t="s">
        <v>558</v>
      </c>
      <c r="D117934" s="14" t="s">
        <v>14</v>
      </c>
      <c r="E117934" s="15">
        <v>45415</v>
      </c>
      <c r="F117934" s="14" t="s">
        <v>15</v>
      </c>
      <c r="G117934" s="16">
        <v>4.2530275095918599E-2</v>
      </c>
    </row>
    <row r="117935" spans="1:7" x14ac:dyDescent="0.3">
      <c r="A117935" s="13" t="s">
        <v>557</v>
      </c>
      <c r="B117935" s="14" t="s">
        <v>1</v>
      </c>
      <c r="C117935" s="14" t="s">
        <v>558</v>
      </c>
      <c r="D117935" s="14" t="s">
        <v>14</v>
      </c>
      <c r="E117935" s="15">
        <v>45416</v>
      </c>
      <c r="F117935" s="14" t="s">
        <v>15</v>
      </c>
      <c r="G117935" s="16">
        <v>4.2530275095918599E-2</v>
      </c>
    </row>
    <row r="117936" spans="1:7" x14ac:dyDescent="0.3">
      <c r="A117936" s="13" t="s">
        <v>557</v>
      </c>
      <c r="B117936" s="14" t="s">
        <v>1</v>
      </c>
      <c r="C117936" s="14" t="s">
        <v>558</v>
      </c>
      <c r="D117936" s="14" t="s">
        <v>14</v>
      </c>
      <c r="E117936" s="15">
        <v>45417</v>
      </c>
      <c r="F117936" s="14" t="s">
        <v>15</v>
      </c>
      <c r="G117936" s="16">
        <v>4.2530275095918599E-2</v>
      </c>
    </row>
    <row r="117937" spans="1:7" x14ac:dyDescent="0.3">
      <c r="A117937" s="13" t="s">
        <v>557</v>
      </c>
      <c r="B117937" s="14" t="s">
        <v>1</v>
      </c>
      <c r="C117937" s="14" t="s">
        <v>558</v>
      </c>
      <c r="D117937" s="14" t="s">
        <v>14</v>
      </c>
      <c r="E117937" s="15">
        <v>45418</v>
      </c>
      <c r="F117937" s="14" t="s">
        <v>15</v>
      </c>
      <c r="G117937" s="16">
        <v>4.2530275095918599E-2</v>
      </c>
    </row>
    <row r="117938" spans="1:7" x14ac:dyDescent="0.3">
      <c r="A117938" s="13" t="s">
        <v>557</v>
      </c>
      <c r="B117938" s="14" t="s">
        <v>1</v>
      </c>
      <c r="C117938" s="14" t="s">
        <v>558</v>
      </c>
      <c r="D117938" s="14" t="s">
        <v>14</v>
      </c>
      <c r="E117938" s="15">
        <v>45419</v>
      </c>
      <c r="F117938" s="14" t="s">
        <v>15</v>
      </c>
      <c r="G117938" s="16">
        <v>8.0331424958641331E-2</v>
      </c>
    </row>
    <row r="117939" spans="1:7" x14ac:dyDescent="0.3">
      <c r="A117939" s="13" t="s">
        <v>557</v>
      </c>
      <c r="B117939" s="14" t="s">
        <v>1</v>
      </c>
      <c r="C117939" s="14" t="s">
        <v>558</v>
      </c>
      <c r="D117939" s="14" t="s">
        <v>14</v>
      </c>
      <c r="E117939" s="15">
        <v>45420</v>
      </c>
      <c r="F117939" s="14" t="s">
        <v>15</v>
      </c>
      <c r="G117939" s="16">
        <v>6.8102697129169165E-2</v>
      </c>
    </row>
    <row r="117940" spans="1:7" x14ac:dyDescent="0.3">
      <c r="A117940" s="13" t="s">
        <v>557</v>
      </c>
      <c r="B117940" s="14" t="s">
        <v>1</v>
      </c>
      <c r="C117940" s="14" t="s">
        <v>558</v>
      </c>
      <c r="D117940" s="14" t="s">
        <v>14</v>
      </c>
      <c r="E117940" s="15">
        <v>45421</v>
      </c>
      <c r="F117940" s="14" t="s">
        <v>15</v>
      </c>
      <c r="G117940" s="16">
        <v>6.4988663922449924E-2</v>
      </c>
    </row>
    <row r="117941" spans="1:7" x14ac:dyDescent="0.3">
      <c r="A117941" s="13" t="s">
        <v>557</v>
      </c>
      <c r="B117941" s="14" t="s">
        <v>1</v>
      </c>
      <c r="C117941" s="14" t="s">
        <v>558</v>
      </c>
      <c r="D117941" s="14" t="s">
        <v>14</v>
      </c>
      <c r="E117941" s="15">
        <v>45422</v>
      </c>
      <c r="F117941" s="14" t="s">
        <v>15</v>
      </c>
      <c r="G117941" s="16">
        <v>6.189661018177544E-2</v>
      </c>
    </row>
    <row r="117942" spans="1:7" x14ac:dyDescent="0.3">
      <c r="A117942" s="13" t="s">
        <v>557</v>
      </c>
      <c r="B117942" s="14" t="s">
        <v>1</v>
      </c>
      <c r="C117942" s="14" t="s">
        <v>558</v>
      </c>
      <c r="D117942" s="14" t="s">
        <v>14</v>
      </c>
      <c r="E117942" s="15">
        <v>45423</v>
      </c>
      <c r="F117942" s="14" t="s">
        <v>15</v>
      </c>
      <c r="G117942" s="16">
        <v>6.189661018177544E-2</v>
      </c>
    </row>
    <row r="117943" spans="1:7" x14ac:dyDescent="0.3">
      <c r="A117943" s="13" t="s">
        <v>557</v>
      </c>
      <c r="B117943" s="14" t="s">
        <v>1</v>
      </c>
      <c r="C117943" s="14" t="s">
        <v>558</v>
      </c>
      <c r="D117943" s="14" t="s">
        <v>14</v>
      </c>
      <c r="E117943" s="15">
        <v>45424</v>
      </c>
      <c r="F117943" s="14" t="s">
        <v>15</v>
      </c>
      <c r="G117943" s="16">
        <v>6.189661018177544E-2</v>
      </c>
    </row>
    <row r="117944" spans="1:7" x14ac:dyDescent="0.3">
      <c r="A117944" s="13" t="s">
        <v>557</v>
      </c>
      <c r="B117944" s="14" t="s">
        <v>1</v>
      </c>
      <c r="C117944" s="14" t="s">
        <v>558</v>
      </c>
      <c r="D117944" s="14" t="s">
        <v>14</v>
      </c>
      <c r="E117944" s="15">
        <v>45425</v>
      </c>
      <c r="F117944" s="14" t="s">
        <v>15</v>
      </c>
      <c r="G117944" s="16">
        <v>6.1763372462729352E-2</v>
      </c>
    </row>
    <row r="117945" spans="1:7" x14ac:dyDescent="0.3">
      <c r="A117945" s="13" t="s">
        <v>557</v>
      </c>
      <c r="B117945" s="14" t="s">
        <v>1</v>
      </c>
      <c r="C117945" s="14" t="s">
        <v>558</v>
      </c>
      <c r="D117945" s="14" t="s">
        <v>14</v>
      </c>
      <c r="E117945" s="15">
        <v>45426</v>
      </c>
      <c r="F117945" s="14" t="s">
        <v>15</v>
      </c>
      <c r="G117945" s="16">
        <v>5.2329564389564272E-2</v>
      </c>
    </row>
    <row r="117946" spans="1:7" x14ac:dyDescent="0.3">
      <c r="A117946" s="13" t="s">
        <v>557</v>
      </c>
      <c r="B117946" s="14" t="s">
        <v>1</v>
      </c>
      <c r="C117946" s="14" t="s">
        <v>558</v>
      </c>
      <c r="D117946" s="14" t="s">
        <v>14</v>
      </c>
      <c r="E117946" s="15">
        <v>45427</v>
      </c>
      <c r="F117946" s="14" t="s">
        <v>15</v>
      </c>
      <c r="G117946" s="16">
        <v>4.9169401439294332E-2</v>
      </c>
    </row>
    <row r="117947" spans="1:7" x14ac:dyDescent="0.3">
      <c r="A117947" s="13" t="s">
        <v>557</v>
      </c>
      <c r="B117947" s="14" t="s">
        <v>1</v>
      </c>
      <c r="C117947" s="14" t="s">
        <v>558</v>
      </c>
      <c r="D117947" s="14" t="s">
        <v>14</v>
      </c>
      <c r="E117947" s="15">
        <v>45428</v>
      </c>
      <c r="F117947" s="14" t="s">
        <v>15</v>
      </c>
      <c r="G117947" s="16">
        <v>8.7155612979085167E-2</v>
      </c>
    </row>
    <row r="117948" spans="1:7" x14ac:dyDescent="0.3">
      <c r="A117948" s="13" t="s">
        <v>557</v>
      </c>
      <c r="B117948" s="14" t="s">
        <v>1</v>
      </c>
      <c r="C117948" s="14" t="s">
        <v>558</v>
      </c>
      <c r="D117948" s="14" t="s">
        <v>14</v>
      </c>
      <c r="E117948" s="15">
        <v>45429</v>
      </c>
      <c r="F117948" s="14" t="s">
        <v>15</v>
      </c>
      <c r="G117948" s="16">
        <v>0.10845371141082882</v>
      </c>
    </row>
    <row r="117949" spans="1:7" x14ac:dyDescent="0.3">
      <c r="A117949" s="13" t="s">
        <v>557</v>
      </c>
      <c r="B117949" s="14" t="s">
        <v>1</v>
      </c>
      <c r="C117949" s="14" t="s">
        <v>558</v>
      </c>
      <c r="D117949" s="14" t="s">
        <v>14</v>
      </c>
      <c r="E117949" s="15">
        <v>45430</v>
      </c>
      <c r="F117949" s="14" t="s">
        <v>15</v>
      </c>
      <c r="G117949" s="16">
        <v>0.10845371141082882</v>
      </c>
    </row>
    <row r="117950" spans="1:7" x14ac:dyDescent="0.3">
      <c r="A117950" s="13" t="s">
        <v>557</v>
      </c>
      <c r="B117950" s="14" t="s">
        <v>1</v>
      </c>
      <c r="C117950" s="14" t="s">
        <v>558</v>
      </c>
      <c r="D117950" s="14" t="s">
        <v>14</v>
      </c>
      <c r="E117950" s="15">
        <v>45431</v>
      </c>
      <c r="F117950" s="14" t="s">
        <v>15</v>
      </c>
      <c r="G117950" s="16">
        <v>0.10845371141082882</v>
      </c>
    </row>
    <row r="117951" spans="1:7" x14ac:dyDescent="0.3">
      <c r="A117951" s="13" t="s">
        <v>557</v>
      </c>
      <c r="B117951" s="14" t="s">
        <v>1</v>
      </c>
      <c r="C117951" s="14" t="s">
        <v>558</v>
      </c>
      <c r="D117951" s="14" t="s">
        <v>14</v>
      </c>
      <c r="E117951" s="15">
        <v>45432</v>
      </c>
      <c r="F117951" s="14" t="s">
        <v>15</v>
      </c>
      <c r="G117951" s="16">
        <v>0.17560667439199643</v>
      </c>
    </row>
    <row r="117952" spans="1:7" x14ac:dyDescent="0.3">
      <c r="A117952" s="13" t="s">
        <v>557</v>
      </c>
      <c r="B117952" s="14" t="s">
        <v>1</v>
      </c>
      <c r="C117952" s="14" t="s">
        <v>558</v>
      </c>
      <c r="D117952" s="14" t="s">
        <v>14</v>
      </c>
      <c r="E117952" s="15">
        <v>45433</v>
      </c>
      <c r="F117952" s="14" t="s">
        <v>15</v>
      </c>
      <c r="G117952" s="16">
        <v>0.16577994944435243</v>
      </c>
    </row>
    <row r="117953" spans="1:7" x14ac:dyDescent="0.3">
      <c r="A117953" s="13" t="s">
        <v>557</v>
      </c>
      <c r="B117953" s="14" t="s">
        <v>1</v>
      </c>
      <c r="C117953" s="14" t="s">
        <v>558</v>
      </c>
      <c r="D117953" s="14" t="s">
        <v>14</v>
      </c>
      <c r="E117953" s="15">
        <v>45434</v>
      </c>
      <c r="F117953" s="14" t="s">
        <v>15</v>
      </c>
      <c r="G117953" s="16">
        <v>0.16252047186973217</v>
      </c>
    </row>
    <row r="117954" spans="1:7" x14ac:dyDescent="0.3">
      <c r="A117954" s="13" t="s">
        <v>557</v>
      </c>
      <c r="B117954" s="14" t="s">
        <v>1</v>
      </c>
      <c r="C117954" s="14" t="s">
        <v>558</v>
      </c>
      <c r="D117954" s="14" t="s">
        <v>14</v>
      </c>
      <c r="E117954" s="15">
        <v>45435</v>
      </c>
      <c r="F117954" s="14" t="s">
        <v>15</v>
      </c>
      <c r="G117954" s="16">
        <v>0.15921187968580203</v>
      </c>
    </row>
    <row r="117955" spans="1:7" x14ac:dyDescent="0.3">
      <c r="A117955" s="13" t="s">
        <v>557</v>
      </c>
      <c r="B117955" s="14" t="s">
        <v>1</v>
      </c>
      <c r="C117955" s="14" t="s">
        <v>558</v>
      </c>
      <c r="D117955" s="14" t="s">
        <v>14</v>
      </c>
      <c r="E117955" s="15">
        <v>45436</v>
      </c>
      <c r="F117955" s="14" t="s">
        <v>15</v>
      </c>
      <c r="G117955" s="16">
        <v>0.15602593834943024</v>
      </c>
    </row>
    <row r="117956" spans="1:7" x14ac:dyDescent="0.3">
      <c r="A117956" s="13" t="s">
        <v>557</v>
      </c>
      <c r="B117956" s="14" t="s">
        <v>1</v>
      </c>
      <c r="C117956" s="14" t="s">
        <v>558</v>
      </c>
      <c r="D117956" s="14" t="s">
        <v>14</v>
      </c>
      <c r="E117956" s="15">
        <v>45437</v>
      </c>
      <c r="F117956" s="14" t="s">
        <v>15</v>
      </c>
      <c r="G117956" s="16">
        <v>0.15602593834943024</v>
      </c>
    </row>
    <row r="117957" spans="1:7" x14ac:dyDescent="0.3">
      <c r="A117957" s="13" t="s">
        <v>557</v>
      </c>
      <c r="B117957" s="14" t="s">
        <v>1</v>
      </c>
      <c r="C117957" s="14" t="s">
        <v>558</v>
      </c>
      <c r="D117957" s="14" t="s">
        <v>14</v>
      </c>
      <c r="E117957" s="15">
        <v>45438</v>
      </c>
      <c r="F117957" s="14" t="s">
        <v>15</v>
      </c>
      <c r="G117957" s="16">
        <v>0.15602593834943024</v>
      </c>
    </row>
    <row r="117958" spans="1:7" x14ac:dyDescent="0.3">
      <c r="A117958" s="13" t="s">
        <v>557</v>
      </c>
      <c r="B117958" s="14" t="s">
        <v>1</v>
      </c>
      <c r="C117958" s="14" t="s">
        <v>558</v>
      </c>
      <c r="D117958" s="14" t="s">
        <v>14</v>
      </c>
      <c r="E117958" s="15">
        <v>45439</v>
      </c>
      <c r="F117958" s="14" t="s">
        <v>15</v>
      </c>
      <c r="G117958" s="16">
        <v>0.17755061522743762</v>
      </c>
    </row>
    <row r="117959" spans="1:7" x14ac:dyDescent="0.3">
      <c r="A117959" s="13" t="s">
        <v>557</v>
      </c>
      <c r="B117959" s="14" t="s">
        <v>1</v>
      </c>
      <c r="C117959" s="14" t="s">
        <v>558</v>
      </c>
      <c r="D117959" s="14" t="s">
        <v>14</v>
      </c>
      <c r="E117959" s="15">
        <v>45440</v>
      </c>
      <c r="F117959" s="14" t="s">
        <v>15</v>
      </c>
      <c r="G117959" s="16">
        <v>0.16921333829361593</v>
      </c>
    </row>
    <row r="117960" spans="1:7" x14ac:dyDescent="0.3">
      <c r="A117960" s="13" t="s">
        <v>557</v>
      </c>
      <c r="B117960" s="14" t="s">
        <v>1</v>
      </c>
      <c r="C117960" s="14" t="s">
        <v>558</v>
      </c>
      <c r="D117960" s="14" t="s">
        <v>14</v>
      </c>
      <c r="E117960" s="15">
        <v>45441</v>
      </c>
      <c r="F117960" s="14" t="s">
        <v>15</v>
      </c>
      <c r="G117960" s="16">
        <v>0.17212276418888744</v>
      </c>
    </row>
    <row r="117961" spans="1:7" x14ac:dyDescent="0.3">
      <c r="A117961" s="13" t="s">
        <v>557</v>
      </c>
      <c r="B117961" s="14" t="s">
        <v>1</v>
      </c>
      <c r="C117961" s="14" t="s">
        <v>558</v>
      </c>
      <c r="D117961" s="14" t="s">
        <v>14</v>
      </c>
      <c r="E117961" s="15">
        <v>45442</v>
      </c>
      <c r="F117961" s="14" t="s">
        <v>15</v>
      </c>
      <c r="G117961" s="16">
        <v>0.18590632739622212</v>
      </c>
    </row>
    <row r="117962" spans="1:7" x14ac:dyDescent="0.3">
      <c r="A117962" s="13" t="s">
        <v>557</v>
      </c>
      <c r="B117962" s="14" t="s">
        <v>1</v>
      </c>
      <c r="C117962" s="14" t="s">
        <v>558</v>
      </c>
      <c r="D117962" s="14" t="s">
        <v>14</v>
      </c>
      <c r="E117962" s="15">
        <v>45443</v>
      </c>
      <c r="F117962" s="14" t="s">
        <v>15</v>
      </c>
      <c r="G117962" s="16">
        <v>0.18213209615386258</v>
      </c>
    </row>
    <row r="117963" spans="1:7" x14ac:dyDescent="0.3">
      <c r="A117963" s="13" t="s">
        <v>557</v>
      </c>
      <c r="B117963" s="14" t="s">
        <v>1</v>
      </c>
      <c r="C117963" s="14" t="s">
        <v>558</v>
      </c>
      <c r="D117963" s="14" t="s">
        <v>14</v>
      </c>
      <c r="E117963" s="15">
        <v>45444</v>
      </c>
      <c r="F117963" s="14" t="s">
        <v>15</v>
      </c>
      <c r="G117963" s="16">
        <v>0.18213209615386258</v>
      </c>
    </row>
    <row r="117964" spans="1:7" x14ac:dyDescent="0.3">
      <c r="A117964" s="13" t="s">
        <v>557</v>
      </c>
      <c r="B117964" s="14" t="s">
        <v>1</v>
      </c>
      <c r="C117964" s="14" t="s">
        <v>558</v>
      </c>
      <c r="D117964" s="14" t="s">
        <v>14</v>
      </c>
      <c r="E117964" s="15">
        <v>45445</v>
      </c>
      <c r="F117964" s="14" t="s">
        <v>15</v>
      </c>
      <c r="G117964" s="16">
        <v>0.18213209615386258</v>
      </c>
    </row>
    <row r="117965" spans="1:7" x14ac:dyDescent="0.3">
      <c r="A117965" s="13" t="s">
        <v>557</v>
      </c>
      <c r="B117965" s="14" t="s">
        <v>1</v>
      </c>
      <c r="C117965" s="14" t="s">
        <v>558</v>
      </c>
      <c r="D117965" s="14" t="s">
        <v>14</v>
      </c>
      <c r="E117965" s="15">
        <v>45446</v>
      </c>
      <c r="F117965" s="14" t="s">
        <v>15</v>
      </c>
      <c r="G117965" s="16">
        <v>0.18213209615386258</v>
      </c>
    </row>
    <row r="117966" spans="1:7" x14ac:dyDescent="0.3">
      <c r="A117966" s="13" t="s">
        <v>557</v>
      </c>
      <c r="B117966" s="14" t="s">
        <v>1</v>
      </c>
      <c r="C117966" s="14" t="s">
        <v>558</v>
      </c>
      <c r="D117966" s="14" t="s">
        <v>14</v>
      </c>
      <c r="E117966" s="15">
        <v>45447</v>
      </c>
      <c r="F117966" s="14" t="s">
        <v>15</v>
      </c>
      <c r="G117966" s="16">
        <v>0.20599419427272717</v>
      </c>
    </row>
    <row r="117967" spans="1:7" x14ac:dyDescent="0.3">
      <c r="A117967" s="13" t="s">
        <v>557</v>
      </c>
      <c r="B117967" s="14" t="s">
        <v>1</v>
      </c>
      <c r="C117967" s="14" t="s">
        <v>558</v>
      </c>
      <c r="D117967" s="14" t="s">
        <v>14</v>
      </c>
      <c r="E117967" s="15">
        <v>45448</v>
      </c>
      <c r="F117967" s="14" t="s">
        <v>15</v>
      </c>
      <c r="G117967" s="16">
        <v>0.19416435304925223</v>
      </c>
    </row>
    <row r="117968" spans="1:7" x14ac:dyDescent="0.3">
      <c r="A117968" s="13" t="s">
        <v>557</v>
      </c>
      <c r="B117968" s="14" t="s">
        <v>1</v>
      </c>
      <c r="C117968" s="14" t="s">
        <v>558</v>
      </c>
      <c r="D117968" s="14" t="s">
        <v>14</v>
      </c>
      <c r="E117968" s="15">
        <v>45449</v>
      </c>
      <c r="F117968" s="14" t="s">
        <v>15</v>
      </c>
      <c r="G117968" s="16">
        <v>0.22711048307898016</v>
      </c>
    </row>
    <row r="117969" spans="1:7" x14ac:dyDescent="0.3">
      <c r="A117969" s="13" t="s">
        <v>557</v>
      </c>
      <c r="B117969" s="14" t="s">
        <v>1</v>
      </c>
      <c r="C117969" s="14" t="s">
        <v>558</v>
      </c>
      <c r="D117969" s="14" t="s">
        <v>14</v>
      </c>
      <c r="E117969" s="15">
        <v>45450</v>
      </c>
      <c r="F117969" s="14" t="s">
        <v>15</v>
      </c>
      <c r="G117969" s="16">
        <v>0.22403742393859125</v>
      </c>
    </row>
    <row r="117970" spans="1:7" x14ac:dyDescent="0.3">
      <c r="A117970" s="13" t="s">
        <v>557</v>
      </c>
      <c r="B117970" s="14" t="s">
        <v>1</v>
      </c>
      <c r="C117970" s="14" t="s">
        <v>558</v>
      </c>
      <c r="D117970" s="14" t="s">
        <v>14</v>
      </c>
      <c r="E117970" s="15">
        <v>45451</v>
      </c>
      <c r="F117970" s="14" t="s">
        <v>15</v>
      </c>
      <c r="G117970" s="16">
        <v>0.22403742393859125</v>
      </c>
    </row>
    <row r="117971" spans="1:7" x14ac:dyDescent="0.3">
      <c r="A117971" s="13" t="s">
        <v>557</v>
      </c>
      <c r="B117971" s="14" t="s">
        <v>1</v>
      </c>
      <c r="C117971" s="14" t="s">
        <v>558</v>
      </c>
      <c r="D117971" s="14" t="s">
        <v>14</v>
      </c>
      <c r="E117971" s="15">
        <v>45452</v>
      </c>
      <c r="F117971" s="14" t="s">
        <v>15</v>
      </c>
      <c r="G117971" s="16">
        <v>0.22403742393859125</v>
      </c>
    </row>
    <row r="117972" spans="1:7" x14ac:dyDescent="0.3">
      <c r="A117972" s="13" t="s">
        <v>557</v>
      </c>
      <c r="B117972" s="14" t="s">
        <v>1</v>
      </c>
      <c r="C117972" s="14" t="s">
        <v>558</v>
      </c>
      <c r="D117972" s="14" t="s">
        <v>14</v>
      </c>
      <c r="E117972" s="15">
        <v>45453</v>
      </c>
      <c r="F117972" s="14" t="s">
        <v>15</v>
      </c>
      <c r="G117972" s="16">
        <v>0.22095649560665545</v>
      </c>
    </row>
    <row r="117973" spans="1:7" x14ac:dyDescent="0.3">
      <c r="A117973" s="13" t="s">
        <v>557</v>
      </c>
      <c r="B117973" s="14" t="s">
        <v>1</v>
      </c>
      <c r="C117973" s="14" t="s">
        <v>558</v>
      </c>
      <c r="D117973" s="14" t="s">
        <v>14</v>
      </c>
      <c r="E117973" s="15">
        <v>45454</v>
      </c>
      <c r="F117973" s="14" t="s">
        <v>15</v>
      </c>
      <c r="G117973" s="16">
        <v>0.21200297956928293</v>
      </c>
    </row>
    <row r="117974" spans="1:7" x14ac:dyDescent="0.3">
      <c r="A117974" s="13" t="s">
        <v>557</v>
      </c>
      <c r="B117974" s="14" t="s">
        <v>1</v>
      </c>
      <c r="C117974" s="14" t="s">
        <v>558</v>
      </c>
      <c r="D117974" s="14" t="s">
        <v>14</v>
      </c>
      <c r="E117974" s="15">
        <v>45455</v>
      </c>
      <c r="F117974" s="14" t="s">
        <v>15</v>
      </c>
      <c r="G117974" s="16">
        <v>0.2187547417508951</v>
      </c>
    </row>
    <row r="117975" spans="1:7" x14ac:dyDescent="0.3">
      <c r="A117975" s="13" t="s">
        <v>557</v>
      </c>
      <c r="B117975" s="14" t="s">
        <v>1</v>
      </c>
      <c r="C117975" s="14" t="s">
        <v>558</v>
      </c>
      <c r="D117975" s="14" t="s">
        <v>14</v>
      </c>
      <c r="E117975" s="15">
        <v>45456</v>
      </c>
      <c r="F117975" s="14" t="s">
        <v>15</v>
      </c>
      <c r="G117975" s="16">
        <v>0.28135904066653106</v>
      </c>
    </row>
    <row r="117976" spans="1:7" x14ac:dyDescent="0.3">
      <c r="A117976" s="13" t="s">
        <v>557</v>
      </c>
      <c r="B117976" s="14" t="s">
        <v>1</v>
      </c>
      <c r="C117976" s="14" t="s">
        <v>558</v>
      </c>
      <c r="D117976" s="14" t="s">
        <v>14</v>
      </c>
      <c r="E117976" s="15">
        <v>45457</v>
      </c>
      <c r="F117976" s="14" t="s">
        <v>15</v>
      </c>
      <c r="G117976" s="16">
        <v>0.30049365412574686</v>
      </c>
    </row>
    <row r="117977" spans="1:7" x14ac:dyDescent="0.3">
      <c r="A117977" s="13" t="s">
        <v>557</v>
      </c>
      <c r="B117977" s="14" t="s">
        <v>1</v>
      </c>
      <c r="C117977" s="14" t="s">
        <v>558</v>
      </c>
      <c r="D117977" s="14" t="s">
        <v>14</v>
      </c>
      <c r="E117977" s="15">
        <v>45458</v>
      </c>
      <c r="F117977" s="14" t="s">
        <v>15</v>
      </c>
      <c r="G117977" s="16">
        <v>0.30049365412574686</v>
      </c>
    </row>
    <row r="117978" spans="1:7" x14ac:dyDescent="0.3">
      <c r="A117978" s="13" t="s">
        <v>557</v>
      </c>
      <c r="B117978" s="14" t="s">
        <v>1</v>
      </c>
      <c r="C117978" s="14" t="s">
        <v>558</v>
      </c>
      <c r="D117978" s="14" t="s">
        <v>14</v>
      </c>
      <c r="E117978" s="15">
        <v>45459</v>
      </c>
      <c r="F117978" s="14" t="s">
        <v>15</v>
      </c>
      <c r="G117978" s="16">
        <v>0.30049365412574686</v>
      </c>
    </row>
    <row r="117979" spans="1:7" x14ac:dyDescent="0.3">
      <c r="A117979" s="13" t="s">
        <v>557</v>
      </c>
      <c r="B117979" s="14" t="s">
        <v>1</v>
      </c>
      <c r="C117979" s="14" t="s">
        <v>558</v>
      </c>
      <c r="D117979" s="14" t="s">
        <v>14</v>
      </c>
      <c r="E117979" s="15">
        <v>45460</v>
      </c>
      <c r="F117979" s="14" t="s">
        <v>15</v>
      </c>
      <c r="G117979" s="16">
        <v>0.30786762514242816</v>
      </c>
    </row>
    <row r="117980" spans="1:7" x14ac:dyDescent="0.3">
      <c r="A117980" s="13" t="s">
        <v>557</v>
      </c>
      <c r="B117980" s="14" t="s">
        <v>1</v>
      </c>
      <c r="C117980" s="14" t="s">
        <v>558</v>
      </c>
      <c r="D117980" s="14" t="s">
        <v>14</v>
      </c>
      <c r="E117980" s="15">
        <v>45461</v>
      </c>
      <c r="F117980" s="14" t="s">
        <v>15</v>
      </c>
      <c r="G117980" s="16">
        <v>0.29900067021207138</v>
      </c>
    </row>
    <row r="117981" spans="1:7" x14ac:dyDescent="0.3">
      <c r="A117981" s="13" t="s">
        <v>557</v>
      </c>
      <c r="B117981" s="14" t="s">
        <v>1</v>
      </c>
      <c r="C117981" s="14" t="s">
        <v>558</v>
      </c>
      <c r="D117981" s="14" t="s">
        <v>14</v>
      </c>
      <c r="E117981" s="15">
        <v>45462</v>
      </c>
      <c r="F117981" s="14" t="s">
        <v>15</v>
      </c>
      <c r="G117981" s="16">
        <v>0.29592815377454779</v>
      </c>
    </row>
    <row r="117982" spans="1:7" x14ac:dyDescent="0.3">
      <c r="A117982" s="13" t="s">
        <v>557</v>
      </c>
      <c r="B117982" s="14" t="s">
        <v>1</v>
      </c>
      <c r="C117982" s="14" t="s">
        <v>558</v>
      </c>
      <c r="D117982" s="14" t="s">
        <v>14</v>
      </c>
      <c r="E117982" s="15">
        <v>45463</v>
      </c>
      <c r="F117982" s="14" t="s">
        <v>15</v>
      </c>
      <c r="G117982" s="16">
        <v>0.29262960159362572</v>
      </c>
    </row>
    <row r="117983" spans="1:7" x14ac:dyDescent="0.3">
      <c r="A117983" s="13" t="s">
        <v>557</v>
      </c>
      <c r="B117983" s="14" t="s">
        <v>1</v>
      </c>
      <c r="C117983" s="14" t="s">
        <v>558</v>
      </c>
      <c r="D117983" s="14" t="s">
        <v>14</v>
      </c>
      <c r="E117983" s="15">
        <v>45464</v>
      </c>
      <c r="F117983" s="14" t="s">
        <v>15</v>
      </c>
      <c r="G117983" s="16">
        <v>0.2892854623720183</v>
      </c>
    </row>
    <row r="117984" spans="1:7" x14ac:dyDescent="0.3">
      <c r="A117984" s="13" t="s">
        <v>557</v>
      </c>
      <c r="B117984" s="14" t="s">
        <v>1</v>
      </c>
      <c r="C117984" s="14" t="s">
        <v>558</v>
      </c>
      <c r="D117984" s="14" t="s">
        <v>14</v>
      </c>
      <c r="E117984" s="15">
        <v>45465</v>
      </c>
      <c r="F117984" s="14" t="s">
        <v>15</v>
      </c>
      <c r="G117984" s="16">
        <v>0.2892854623720183</v>
      </c>
    </row>
    <row r="117985" spans="1:7" x14ac:dyDescent="0.3">
      <c r="A117985" s="13" t="s">
        <v>557</v>
      </c>
      <c r="B117985" s="14" t="s">
        <v>1</v>
      </c>
      <c r="C117985" s="14" t="s">
        <v>558</v>
      </c>
      <c r="D117985" s="14" t="s">
        <v>14</v>
      </c>
      <c r="E117985" s="15">
        <v>45466</v>
      </c>
      <c r="F117985" s="14" t="s">
        <v>15</v>
      </c>
      <c r="G117985" s="16">
        <v>0.2892854623720183</v>
      </c>
    </row>
    <row r="117986" spans="1:7" x14ac:dyDescent="0.3">
      <c r="A117986" s="13" t="s">
        <v>557</v>
      </c>
      <c r="B117986" s="14" t="s">
        <v>1</v>
      </c>
      <c r="C117986" s="14" t="s">
        <v>558</v>
      </c>
      <c r="D117986" s="14" t="s">
        <v>14</v>
      </c>
      <c r="E117986" s="15">
        <v>45467</v>
      </c>
      <c r="F117986" s="14" t="s">
        <v>15</v>
      </c>
      <c r="G117986" s="16">
        <v>0.29171269677146872</v>
      </c>
    </row>
    <row r="117987" spans="1:7" x14ac:dyDescent="0.3">
      <c r="A117987" s="13" t="s">
        <v>557</v>
      </c>
      <c r="B117987" s="14" t="s">
        <v>1</v>
      </c>
      <c r="C117987" s="14" t="s">
        <v>558</v>
      </c>
      <c r="D117987" s="14" t="s">
        <v>14</v>
      </c>
      <c r="E117987" s="15">
        <v>45468</v>
      </c>
      <c r="F117987" s="14" t="s">
        <v>15</v>
      </c>
      <c r="G117987" s="16">
        <v>0.28545098694599585</v>
      </c>
    </row>
    <row r="117988" spans="1:7" x14ac:dyDescent="0.3">
      <c r="A117988" s="13" t="s">
        <v>557</v>
      </c>
      <c r="B117988" s="14" t="s">
        <v>1</v>
      </c>
      <c r="C117988" s="14" t="s">
        <v>558</v>
      </c>
      <c r="D117988" s="14" t="s">
        <v>14</v>
      </c>
      <c r="E117988" s="15">
        <v>45469</v>
      </c>
      <c r="F117988" s="14" t="s">
        <v>15</v>
      </c>
      <c r="G117988" s="16">
        <v>0.28718439786896366</v>
      </c>
    </row>
    <row r="117989" spans="1:7" x14ac:dyDescent="0.3">
      <c r="A117989" s="13" t="s">
        <v>557</v>
      </c>
      <c r="B117989" s="14" t="s">
        <v>1</v>
      </c>
      <c r="C117989" s="14" t="s">
        <v>558</v>
      </c>
      <c r="D117989" s="14" t="s">
        <v>14</v>
      </c>
      <c r="E117989" s="15">
        <v>45470</v>
      </c>
      <c r="F117989" s="14" t="s">
        <v>15</v>
      </c>
      <c r="G117989" s="16">
        <v>0.294070504689256</v>
      </c>
    </row>
    <row r="117990" spans="1:7" x14ac:dyDescent="0.3">
      <c r="A117990" s="13" t="s">
        <v>557</v>
      </c>
      <c r="B117990" s="14" t="s">
        <v>1</v>
      </c>
      <c r="C117990" s="14" t="s">
        <v>558</v>
      </c>
      <c r="D117990" s="14" t="s">
        <v>14</v>
      </c>
      <c r="E117990" s="15">
        <v>45471</v>
      </c>
      <c r="F117990" s="14" t="s">
        <v>15</v>
      </c>
      <c r="G117990" s="16">
        <v>0.37258493590722641</v>
      </c>
    </row>
    <row r="117991" spans="1:7" x14ac:dyDescent="0.3">
      <c r="A117991" s="13" t="s">
        <v>557</v>
      </c>
      <c r="B117991" s="14" t="s">
        <v>1</v>
      </c>
      <c r="C117991" s="14" t="s">
        <v>558</v>
      </c>
      <c r="D117991" s="14" t="s">
        <v>14</v>
      </c>
      <c r="E117991" s="15">
        <v>45472</v>
      </c>
      <c r="F117991" s="14" t="s">
        <v>15</v>
      </c>
      <c r="G117991" s="16">
        <v>0.37258493590722641</v>
      </c>
    </row>
    <row r="117992" spans="1:7" x14ac:dyDescent="0.3">
      <c r="A117992" s="13" t="s">
        <v>557</v>
      </c>
      <c r="B117992" s="14" t="s">
        <v>1</v>
      </c>
      <c r="C117992" s="14" t="s">
        <v>558</v>
      </c>
      <c r="D117992" s="14" t="s">
        <v>14</v>
      </c>
      <c r="E117992" s="15">
        <v>45473</v>
      </c>
      <c r="F117992" s="14" t="s">
        <v>15</v>
      </c>
      <c r="G117992" s="16">
        <v>0.37258493590722641</v>
      </c>
    </row>
    <row r="117993" spans="1:7" x14ac:dyDescent="0.3">
      <c r="A117993" s="13" t="s">
        <v>557</v>
      </c>
      <c r="B117993" s="14" t="s">
        <v>1</v>
      </c>
      <c r="C117993" s="14" t="s">
        <v>558</v>
      </c>
      <c r="D117993" s="14" t="s">
        <v>14</v>
      </c>
      <c r="E117993" s="15">
        <v>45474</v>
      </c>
      <c r="F117993" s="14" t="s">
        <v>15</v>
      </c>
      <c r="G117993" s="16">
        <v>0.36951594211380384</v>
      </c>
    </row>
    <row r="117994" spans="1:7" x14ac:dyDescent="0.3">
      <c r="A117994" s="13" t="s">
        <v>557</v>
      </c>
      <c r="B117994" s="14" t="s">
        <v>1</v>
      </c>
      <c r="C117994" s="14" t="s">
        <v>558</v>
      </c>
      <c r="D117994" s="14" t="s">
        <v>14</v>
      </c>
      <c r="E117994" s="15">
        <v>45475</v>
      </c>
      <c r="F117994" s="14" t="s">
        <v>15</v>
      </c>
      <c r="G117994" s="16">
        <v>0.39162316715748624</v>
      </c>
    </row>
    <row r="117995" spans="1:7" x14ac:dyDescent="0.3">
      <c r="A117995" s="13" t="s">
        <v>557</v>
      </c>
      <c r="B117995" s="14" t="s">
        <v>1</v>
      </c>
      <c r="C117995" s="14" t="s">
        <v>558</v>
      </c>
      <c r="D117995" s="14" t="s">
        <v>14</v>
      </c>
      <c r="E117995" s="15">
        <v>45476</v>
      </c>
      <c r="F117995" s="14" t="s">
        <v>15</v>
      </c>
      <c r="G117995" s="16">
        <v>0.3898128916362944</v>
      </c>
    </row>
    <row r="117996" spans="1:7" x14ac:dyDescent="0.3">
      <c r="A117996" s="13" t="s">
        <v>557</v>
      </c>
      <c r="B117996" s="14" t="s">
        <v>1</v>
      </c>
      <c r="C117996" s="14" t="s">
        <v>558</v>
      </c>
      <c r="D117996" s="14" t="s">
        <v>14</v>
      </c>
      <c r="E117996" s="15">
        <v>45477</v>
      </c>
      <c r="F117996" s="14" t="s">
        <v>15</v>
      </c>
      <c r="G117996" s="16">
        <v>0.4386081484772788</v>
      </c>
    </row>
    <row r="117997" spans="1:7" x14ac:dyDescent="0.3">
      <c r="A117997" s="13" t="s">
        <v>557</v>
      </c>
      <c r="B117997" s="14" t="s">
        <v>1</v>
      </c>
      <c r="C117997" s="14" t="s">
        <v>558</v>
      </c>
      <c r="D117997" s="14" t="s">
        <v>14</v>
      </c>
      <c r="E117997" s="15">
        <v>45478</v>
      </c>
      <c r="F117997" s="14" t="s">
        <v>15</v>
      </c>
      <c r="G117997" s="16">
        <v>0.55924521507210412</v>
      </c>
    </row>
    <row r="117998" spans="1:7" x14ac:dyDescent="0.3">
      <c r="A117998" s="13" t="s">
        <v>557</v>
      </c>
      <c r="B117998" s="14" t="s">
        <v>1</v>
      </c>
      <c r="C117998" s="14" t="s">
        <v>558</v>
      </c>
      <c r="D117998" s="14" t="s">
        <v>14</v>
      </c>
      <c r="E117998" s="15">
        <v>45479</v>
      </c>
      <c r="F117998" s="14" t="s">
        <v>15</v>
      </c>
      <c r="G117998" s="16">
        <v>0.55924521507210412</v>
      </c>
    </row>
    <row r="117999" spans="1:7" x14ac:dyDescent="0.3">
      <c r="A117999" s="13" t="s">
        <v>557</v>
      </c>
      <c r="B117999" s="14" t="s">
        <v>1</v>
      </c>
      <c r="C117999" s="14" t="s">
        <v>558</v>
      </c>
      <c r="D117999" s="14" t="s">
        <v>14</v>
      </c>
      <c r="E117999" s="15">
        <v>45480</v>
      </c>
      <c r="F117999" s="14" t="s">
        <v>15</v>
      </c>
      <c r="G117999" s="16">
        <v>0.55924521507210412</v>
      </c>
    </row>
    <row r="118000" spans="1:7" x14ac:dyDescent="0.3">
      <c r="A118000" s="13" t="s">
        <v>557</v>
      </c>
      <c r="B118000" s="14" t="s">
        <v>1</v>
      </c>
      <c r="C118000" s="14" t="s">
        <v>558</v>
      </c>
      <c r="D118000" s="14" t="s">
        <v>14</v>
      </c>
      <c r="E118000" s="15">
        <v>45481</v>
      </c>
      <c r="F118000" s="14" t="s">
        <v>15</v>
      </c>
      <c r="G118000" s="16">
        <v>0.55856485211884321</v>
      </c>
    </row>
    <row r="118001" spans="1:7" x14ac:dyDescent="0.3">
      <c r="A118001" s="13" t="s">
        <v>557</v>
      </c>
      <c r="B118001" s="14" t="s">
        <v>1</v>
      </c>
      <c r="C118001" s="14" t="s">
        <v>558</v>
      </c>
      <c r="D118001" s="14" t="s">
        <v>14</v>
      </c>
      <c r="E118001" s="15">
        <v>45482</v>
      </c>
      <c r="F118001" s="14" t="s">
        <v>15</v>
      </c>
      <c r="G118001" s="16">
        <v>0.5518094467950444</v>
      </c>
    </row>
    <row r="118002" spans="1:7" x14ac:dyDescent="0.3">
      <c r="A118002" s="13" t="s">
        <v>557</v>
      </c>
      <c r="B118002" s="14" t="s">
        <v>1</v>
      </c>
      <c r="C118002" s="14" t="s">
        <v>558</v>
      </c>
      <c r="D118002" s="14" t="s">
        <v>14</v>
      </c>
      <c r="E118002" s="15">
        <v>45483</v>
      </c>
      <c r="F118002" s="14" t="s">
        <v>15</v>
      </c>
      <c r="G118002" s="16">
        <v>0.54900224583127444</v>
      </c>
    </row>
    <row r="118003" spans="1:7" x14ac:dyDescent="0.3">
      <c r="A118003" s="13" t="s">
        <v>557</v>
      </c>
      <c r="B118003" s="14" t="s">
        <v>1</v>
      </c>
      <c r="C118003" s="14" t="s">
        <v>558</v>
      </c>
      <c r="D118003" s="14" t="s">
        <v>14</v>
      </c>
      <c r="E118003" s="15">
        <v>45484</v>
      </c>
      <c r="F118003" s="14" t="s">
        <v>15</v>
      </c>
      <c r="G118003" s="16">
        <v>0.5460392745503112</v>
      </c>
    </row>
    <row r="118004" spans="1:7" x14ac:dyDescent="0.3">
      <c r="A118004" s="13" t="s">
        <v>557</v>
      </c>
      <c r="B118004" s="14" t="s">
        <v>1</v>
      </c>
      <c r="C118004" s="14" t="s">
        <v>558</v>
      </c>
      <c r="D118004" s="14" t="s">
        <v>14</v>
      </c>
      <c r="E118004" s="15">
        <v>45485</v>
      </c>
      <c r="F118004" s="14" t="s">
        <v>15</v>
      </c>
      <c r="G118004" s="16">
        <v>0.54522764195023798</v>
      </c>
    </row>
    <row r="118005" spans="1:7" x14ac:dyDescent="0.3">
      <c r="A118005" s="13" t="s">
        <v>557</v>
      </c>
      <c r="B118005" s="14" t="s">
        <v>1</v>
      </c>
      <c r="C118005" s="14" t="s">
        <v>558</v>
      </c>
      <c r="D118005" s="14" t="s">
        <v>14</v>
      </c>
      <c r="E118005" s="15">
        <v>45486</v>
      </c>
      <c r="F118005" s="14" t="s">
        <v>15</v>
      </c>
      <c r="G118005" s="16">
        <v>0.54522764195023798</v>
      </c>
    </row>
    <row r="118006" spans="1:7" x14ac:dyDescent="0.3">
      <c r="A118006" s="13" t="s">
        <v>557</v>
      </c>
      <c r="B118006" s="14" t="s">
        <v>1</v>
      </c>
      <c r="C118006" s="14" t="s">
        <v>558</v>
      </c>
      <c r="D118006" s="14" t="s">
        <v>14</v>
      </c>
      <c r="E118006" s="15">
        <v>45487</v>
      </c>
      <c r="F118006" s="14" t="s">
        <v>15</v>
      </c>
      <c r="G118006" s="16">
        <v>0.54522764195023798</v>
      </c>
    </row>
    <row r="118007" spans="1:7" x14ac:dyDescent="0.3">
      <c r="A118007" s="13" t="s">
        <v>557</v>
      </c>
      <c r="B118007" s="14" t="s">
        <v>1</v>
      </c>
      <c r="C118007" s="14" t="s">
        <v>558</v>
      </c>
      <c r="D118007" s="14" t="s">
        <v>14</v>
      </c>
      <c r="E118007" s="15">
        <v>45488</v>
      </c>
      <c r="F118007" s="14" t="s">
        <v>15</v>
      </c>
      <c r="G118007" s="16">
        <v>0.56817064555695074</v>
      </c>
    </row>
    <row r="118008" spans="1:7" x14ac:dyDescent="0.3">
      <c r="A118008" s="13" t="s">
        <v>557</v>
      </c>
      <c r="B118008" s="14" t="s">
        <v>1</v>
      </c>
      <c r="C118008" s="14" t="s">
        <v>558</v>
      </c>
      <c r="D118008" s="14" t="s">
        <v>14</v>
      </c>
      <c r="E118008" s="15">
        <v>45489</v>
      </c>
      <c r="F118008" s="14" t="s">
        <v>15</v>
      </c>
      <c r="G118008" s="16">
        <v>0.5884134055555208</v>
      </c>
    </row>
    <row r="118009" spans="1:7" x14ac:dyDescent="0.3">
      <c r="A118009" s="13" t="s">
        <v>557</v>
      </c>
      <c r="B118009" s="14" t="s">
        <v>1</v>
      </c>
      <c r="C118009" s="14" t="s">
        <v>558</v>
      </c>
      <c r="D118009" s="14" t="s">
        <v>14</v>
      </c>
      <c r="E118009" s="15">
        <v>45490</v>
      </c>
      <c r="F118009" s="14" t="s">
        <v>15</v>
      </c>
      <c r="G118009" s="16">
        <v>0.5855203398570209</v>
      </c>
    </row>
    <row r="118010" spans="1:7" x14ac:dyDescent="0.3">
      <c r="A118010" s="13" t="s">
        <v>557</v>
      </c>
      <c r="B118010" s="14" t="s">
        <v>1</v>
      </c>
      <c r="C118010" s="14" t="s">
        <v>558</v>
      </c>
      <c r="D118010" s="14" t="s">
        <v>14</v>
      </c>
      <c r="E118010" s="15">
        <v>45491</v>
      </c>
      <c r="F118010" s="14" t="s">
        <v>15</v>
      </c>
      <c r="G118010" s="16">
        <v>0.58452461506390108</v>
      </c>
    </row>
    <row r="118011" spans="1:7" x14ac:dyDescent="0.3">
      <c r="A118011" s="13" t="s">
        <v>557</v>
      </c>
      <c r="B118011" s="14" t="s">
        <v>1</v>
      </c>
      <c r="C118011" s="14" t="s">
        <v>558</v>
      </c>
      <c r="D118011" s="14" t="s">
        <v>14</v>
      </c>
      <c r="E118011" s="15">
        <v>45492</v>
      </c>
      <c r="F118011" s="14" t="s">
        <v>15</v>
      </c>
      <c r="G118011" s="16">
        <v>0.58171224423390389</v>
      </c>
    </row>
    <row r="118012" spans="1:7" x14ac:dyDescent="0.3">
      <c r="A118012" s="13" t="s">
        <v>557</v>
      </c>
      <c r="B118012" s="14" t="s">
        <v>1</v>
      </c>
      <c r="C118012" s="14" t="s">
        <v>558</v>
      </c>
      <c r="D118012" s="14" t="s">
        <v>14</v>
      </c>
      <c r="E118012" s="15">
        <v>45493</v>
      </c>
      <c r="F118012" s="14" t="s">
        <v>15</v>
      </c>
      <c r="G118012" s="16">
        <v>0.58171224423390389</v>
      </c>
    </row>
    <row r="118013" spans="1:7" x14ac:dyDescent="0.3">
      <c r="A118013" s="13" t="s">
        <v>557</v>
      </c>
      <c r="B118013" s="14" t="s">
        <v>1</v>
      </c>
      <c r="C118013" s="14" t="s">
        <v>558</v>
      </c>
      <c r="D118013" s="14" t="s">
        <v>14</v>
      </c>
      <c r="E118013" s="15">
        <v>45494</v>
      </c>
      <c r="F118013" s="14" t="s">
        <v>15</v>
      </c>
      <c r="G118013" s="16">
        <v>0.58171224423390389</v>
      </c>
    </row>
    <row r="118014" spans="1:7" x14ac:dyDescent="0.3">
      <c r="A118014" s="13" t="s">
        <v>557</v>
      </c>
      <c r="B118014" s="14" t="s">
        <v>1</v>
      </c>
      <c r="C118014" s="14" t="s">
        <v>558</v>
      </c>
      <c r="D118014" s="14" t="s">
        <v>14</v>
      </c>
      <c r="E118014" s="15">
        <v>45495</v>
      </c>
      <c r="F118014" s="14" t="s">
        <v>15</v>
      </c>
      <c r="G118014" s="16">
        <v>0.58104963864724946</v>
      </c>
    </row>
    <row r="118015" spans="1:7" x14ac:dyDescent="0.3">
      <c r="A118015" s="13" t="s">
        <v>557</v>
      </c>
      <c r="B118015" s="14" t="s">
        <v>1</v>
      </c>
      <c r="C118015" s="14" t="s">
        <v>558</v>
      </c>
      <c r="D118015" s="14" t="s">
        <v>14</v>
      </c>
      <c r="E118015" s="15">
        <v>45496</v>
      </c>
      <c r="F118015" s="14" t="s">
        <v>15</v>
      </c>
      <c r="G118015" s="16">
        <v>0.57542710835758359</v>
      </c>
    </row>
    <row r="118016" spans="1:7" x14ac:dyDescent="0.3">
      <c r="A118016" s="13" t="s">
        <v>557</v>
      </c>
      <c r="B118016" s="14" t="s">
        <v>1</v>
      </c>
      <c r="C118016" s="14" t="s">
        <v>558</v>
      </c>
      <c r="D118016" s="14" t="s">
        <v>14</v>
      </c>
      <c r="E118016" s="15">
        <v>45497</v>
      </c>
      <c r="F118016" s="14" t="s">
        <v>15</v>
      </c>
      <c r="G118016" s="16">
        <v>0.57753802361342244</v>
      </c>
    </row>
    <row r="118017" spans="1:7" x14ac:dyDescent="0.3">
      <c r="A118017" s="13" t="s">
        <v>557</v>
      </c>
      <c r="B118017" s="14" t="s">
        <v>1</v>
      </c>
      <c r="C118017" s="14" t="s">
        <v>558</v>
      </c>
      <c r="D118017" s="14" t="s">
        <v>14</v>
      </c>
      <c r="E118017" s="15">
        <v>45498</v>
      </c>
      <c r="F118017" s="14" t="s">
        <v>15</v>
      </c>
      <c r="G118017" s="16">
        <v>0.57475914452550569</v>
      </c>
    </row>
    <row r="118018" spans="1:7" x14ac:dyDescent="0.3">
      <c r="A118018" s="13" t="s">
        <v>557</v>
      </c>
      <c r="B118018" s="14" t="s">
        <v>1</v>
      </c>
      <c r="C118018" s="14" t="s">
        <v>558</v>
      </c>
      <c r="D118018" s="14" t="s">
        <v>14</v>
      </c>
      <c r="E118018" s="15">
        <v>45499</v>
      </c>
      <c r="F118018" s="14" t="s">
        <v>15</v>
      </c>
      <c r="G118018" s="16">
        <v>0.57327070900325505</v>
      </c>
    </row>
    <row r="118019" spans="1:7" x14ac:dyDescent="0.3">
      <c r="A118019" s="13" t="s">
        <v>557</v>
      </c>
      <c r="B118019" s="14" t="s">
        <v>1</v>
      </c>
      <c r="C118019" s="14" t="s">
        <v>558</v>
      </c>
      <c r="D118019" s="14" t="s">
        <v>14</v>
      </c>
      <c r="E118019" s="15">
        <v>45500</v>
      </c>
      <c r="F118019" s="14" t="s">
        <v>15</v>
      </c>
      <c r="G118019" s="16">
        <v>0.57327070900325505</v>
      </c>
    </row>
    <row r="118020" spans="1:7" x14ac:dyDescent="0.3">
      <c r="A118020" s="13" t="s">
        <v>557</v>
      </c>
      <c r="B118020" s="14" t="s">
        <v>1</v>
      </c>
      <c r="C118020" s="14" t="s">
        <v>558</v>
      </c>
      <c r="D118020" s="14" t="s">
        <v>14</v>
      </c>
      <c r="E118020" s="15">
        <v>45501</v>
      </c>
      <c r="F118020" s="14" t="s">
        <v>15</v>
      </c>
      <c r="G118020" s="16">
        <v>0.57327070900325505</v>
      </c>
    </row>
    <row r="118021" spans="1:7" x14ac:dyDescent="0.3">
      <c r="A118021" s="13" t="s">
        <v>557</v>
      </c>
      <c r="B118021" s="14" t="s">
        <v>1</v>
      </c>
      <c r="C118021" s="14" t="s">
        <v>558</v>
      </c>
      <c r="D118021" s="14" t="s">
        <v>14</v>
      </c>
      <c r="E118021" s="15">
        <v>45502</v>
      </c>
      <c r="F118021" s="14" t="s">
        <v>15</v>
      </c>
      <c r="G118021" s="16">
        <v>0.57358363469599272</v>
      </c>
    </row>
    <row r="118022" spans="1:7" x14ac:dyDescent="0.3">
      <c r="A118022" s="13" t="s">
        <v>557</v>
      </c>
      <c r="B118022" s="14" t="s">
        <v>1</v>
      </c>
      <c r="C118022" s="14" t="s">
        <v>558</v>
      </c>
      <c r="D118022" s="14" t="s">
        <v>14</v>
      </c>
      <c r="E118022" s="15">
        <v>45503</v>
      </c>
      <c r="F118022" s="14" t="s">
        <v>15</v>
      </c>
      <c r="G118022" s="16">
        <v>0.56539595165046874</v>
      </c>
    </row>
    <row r="118023" spans="1:7" x14ac:dyDescent="0.3">
      <c r="A118023" s="13" t="s">
        <v>557</v>
      </c>
      <c r="B118023" s="14" t="s">
        <v>1</v>
      </c>
      <c r="C118023" s="14" t="s">
        <v>558</v>
      </c>
      <c r="D118023" s="14" t="s">
        <v>14</v>
      </c>
      <c r="E118023" s="15">
        <v>45504</v>
      </c>
      <c r="F118023" s="14" t="s">
        <v>15</v>
      </c>
      <c r="G118023" s="16">
        <v>0.5651289532185908</v>
      </c>
    </row>
    <row r="118024" spans="1:7" x14ac:dyDescent="0.3">
      <c r="A118024" s="13" t="s">
        <v>557</v>
      </c>
      <c r="B118024" s="14" t="s">
        <v>1</v>
      </c>
      <c r="C118024" s="14" t="s">
        <v>558</v>
      </c>
      <c r="D118024" s="14" t="s">
        <v>14</v>
      </c>
      <c r="E118024" s="15">
        <v>45505</v>
      </c>
      <c r="F118024" s="14" t="s">
        <v>15</v>
      </c>
      <c r="G118024" s="16">
        <v>0.56226555805669909</v>
      </c>
    </row>
    <row r="118025" spans="1:7" x14ac:dyDescent="0.3">
      <c r="A118025" s="13" t="s">
        <v>557</v>
      </c>
      <c r="B118025" s="14" t="s">
        <v>1</v>
      </c>
      <c r="C118025" s="14" t="s">
        <v>558</v>
      </c>
      <c r="D118025" s="14" t="s">
        <v>14</v>
      </c>
      <c r="E118025" s="15">
        <v>45506</v>
      </c>
      <c r="F118025" s="14" t="s">
        <v>15</v>
      </c>
      <c r="G118025" s="16">
        <v>0.56116261473356321</v>
      </c>
    </row>
    <row r="118026" spans="1:7" x14ac:dyDescent="0.3">
      <c r="A118026" s="13" t="s">
        <v>557</v>
      </c>
      <c r="B118026" s="14" t="s">
        <v>1</v>
      </c>
      <c r="C118026" s="14" t="s">
        <v>558</v>
      </c>
      <c r="D118026" s="14" t="s">
        <v>14</v>
      </c>
      <c r="E118026" s="15">
        <v>45507</v>
      </c>
      <c r="F118026" s="14" t="s">
        <v>15</v>
      </c>
      <c r="G118026" s="16">
        <v>0.56116261473356321</v>
      </c>
    </row>
    <row r="118027" spans="1:7" x14ac:dyDescent="0.3">
      <c r="A118027" s="13" t="s">
        <v>557</v>
      </c>
      <c r="B118027" s="14" t="s">
        <v>1</v>
      </c>
      <c r="C118027" s="14" t="s">
        <v>558</v>
      </c>
      <c r="D118027" s="14" t="s">
        <v>14</v>
      </c>
      <c r="E118027" s="15">
        <v>45508</v>
      </c>
      <c r="F118027" s="14" t="s">
        <v>15</v>
      </c>
      <c r="G118027" s="16">
        <v>0.56116261473356321</v>
      </c>
    </row>
    <row r="118028" spans="1:7" x14ac:dyDescent="0.3">
      <c r="A118028" s="13" t="s">
        <v>557</v>
      </c>
      <c r="B118028" s="14" t="s">
        <v>1</v>
      </c>
      <c r="C118028" s="14" t="s">
        <v>558</v>
      </c>
      <c r="D118028" s="14" t="s">
        <v>14</v>
      </c>
      <c r="E118028" s="15">
        <v>45509</v>
      </c>
      <c r="F118028" s="14" t="s">
        <v>15</v>
      </c>
      <c r="G118028" s="16">
        <v>0.56116261473356321</v>
      </c>
    </row>
    <row r="118029" spans="1:7" x14ac:dyDescent="0.3">
      <c r="A118029" s="13" t="s">
        <v>557</v>
      </c>
      <c r="B118029" s="14" t="s">
        <v>1</v>
      </c>
      <c r="C118029" s="14" t="s">
        <v>558</v>
      </c>
      <c r="D118029" s="14" t="s">
        <v>14</v>
      </c>
      <c r="E118029" s="15">
        <v>45510</v>
      </c>
      <c r="F118029" s="14" t="s">
        <v>15</v>
      </c>
      <c r="G118029" s="16">
        <v>0.56144969109516496</v>
      </c>
    </row>
    <row r="118030" spans="1:7" x14ac:dyDescent="0.3">
      <c r="A118030" s="13" t="s">
        <v>557</v>
      </c>
      <c r="B118030" s="14" t="s">
        <v>1</v>
      </c>
      <c r="C118030" s="14" t="s">
        <v>558</v>
      </c>
      <c r="D118030" s="14" t="s">
        <v>14</v>
      </c>
      <c r="E118030" s="15">
        <v>45511</v>
      </c>
      <c r="F118030" s="14" t="s">
        <v>15</v>
      </c>
      <c r="G118030" s="16">
        <v>0.55033788675618178</v>
      </c>
    </row>
    <row r="118031" spans="1:7" x14ac:dyDescent="0.3">
      <c r="A118031" s="13" t="s">
        <v>557</v>
      </c>
      <c r="B118031" s="14" t="s">
        <v>1</v>
      </c>
      <c r="C118031" s="14" t="s">
        <v>558</v>
      </c>
      <c r="D118031" s="14" t="s">
        <v>14</v>
      </c>
      <c r="E118031" s="15">
        <v>45512</v>
      </c>
      <c r="F118031" s="14" t="s">
        <v>15</v>
      </c>
      <c r="G118031" s="16">
        <v>0.56559602007550136</v>
      </c>
    </row>
    <row r="118032" spans="1:7" x14ac:dyDescent="0.3">
      <c r="A118032" s="13" t="s">
        <v>557</v>
      </c>
      <c r="B118032" s="14" t="s">
        <v>1</v>
      </c>
      <c r="C118032" s="14" t="s">
        <v>558</v>
      </c>
      <c r="D118032" s="14" t="s">
        <v>14</v>
      </c>
      <c r="E118032" s="15">
        <v>45513</v>
      </c>
      <c r="F118032" s="14" t="s">
        <v>15</v>
      </c>
      <c r="G118032" s="16">
        <v>0.56305024882600463</v>
      </c>
    </row>
    <row r="118033" spans="1:7" x14ac:dyDescent="0.3">
      <c r="A118033" s="13" t="s">
        <v>557</v>
      </c>
      <c r="B118033" s="14" t="s">
        <v>1</v>
      </c>
      <c r="C118033" s="14" t="s">
        <v>558</v>
      </c>
      <c r="D118033" s="14" t="s">
        <v>14</v>
      </c>
      <c r="E118033" s="15">
        <v>45514</v>
      </c>
      <c r="F118033" s="14" t="s">
        <v>15</v>
      </c>
      <c r="G118033" s="16">
        <v>0.56305024882600463</v>
      </c>
    </row>
    <row r="118034" spans="1:7" x14ac:dyDescent="0.3">
      <c r="A118034" s="13" t="s">
        <v>557</v>
      </c>
      <c r="B118034" s="14" t="s">
        <v>1</v>
      </c>
      <c r="C118034" s="14" t="s">
        <v>558</v>
      </c>
      <c r="D118034" s="14" t="s">
        <v>14</v>
      </c>
      <c r="E118034" s="15">
        <v>45515</v>
      </c>
      <c r="F118034" s="14" t="s">
        <v>15</v>
      </c>
      <c r="G118034" s="16">
        <v>0.56305024882600463</v>
      </c>
    </row>
    <row r="118035" spans="1:7" x14ac:dyDescent="0.3">
      <c r="A118035" s="13" t="s">
        <v>557</v>
      </c>
      <c r="B118035" s="14" t="s">
        <v>1</v>
      </c>
      <c r="C118035" s="14" t="s">
        <v>558</v>
      </c>
      <c r="D118035" s="14" t="s">
        <v>14</v>
      </c>
      <c r="E118035" s="15">
        <v>45516</v>
      </c>
      <c r="F118035" s="14" t="s">
        <v>15</v>
      </c>
      <c r="G118035" s="16">
        <v>0.56180445220288822</v>
      </c>
    </row>
    <row r="118036" spans="1:7" x14ac:dyDescent="0.3">
      <c r="A118036" s="13" t="s">
        <v>557</v>
      </c>
      <c r="B118036" s="14" t="s">
        <v>1</v>
      </c>
      <c r="C118036" s="14" t="s">
        <v>558</v>
      </c>
      <c r="D118036" s="14" t="s">
        <v>14</v>
      </c>
      <c r="E118036" s="15">
        <v>45517</v>
      </c>
      <c r="F118036" s="14" t="s">
        <v>15</v>
      </c>
      <c r="G118036" s="16">
        <v>0.59535009915074499</v>
      </c>
    </row>
    <row r="118037" spans="1:7" x14ac:dyDescent="0.3">
      <c r="A118037" s="13" t="s">
        <v>557</v>
      </c>
      <c r="B118037" s="14" t="s">
        <v>1</v>
      </c>
      <c r="C118037" s="14" t="s">
        <v>558</v>
      </c>
      <c r="D118037" s="14" t="s">
        <v>14</v>
      </c>
      <c r="E118037" s="15">
        <v>45518</v>
      </c>
      <c r="F118037" s="14" t="s">
        <v>15</v>
      </c>
      <c r="G118037" s="16">
        <v>0.61697002596606276</v>
      </c>
    </row>
    <row r="118038" spans="1:7" x14ac:dyDescent="0.3">
      <c r="A118038" s="13" t="s">
        <v>557</v>
      </c>
      <c r="B118038" s="14" t="s">
        <v>1</v>
      </c>
      <c r="C118038" s="14" t="s">
        <v>558</v>
      </c>
      <c r="D118038" s="14" t="s">
        <v>14</v>
      </c>
      <c r="E118038" s="15">
        <v>45519</v>
      </c>
      <c r="F118038" s="14" t="s">
        <v>15</v>
      </c>
      <c r="G118038" s="16">
        <v>0.62798975310897764</v>
      </c>
    </row>
    <row r="118039" spans="1:7" x14ac:dyDescent="0.3">
      <c r="A118039" s="13" t="s">
        <v>557</v>
      </c>
      <c r="B118039" s="14" t="s">
        <v>1</v>
      </c>
      <c r="C118039" s="14" t="s">
        <v>558</v>
      </c>
      <c r="D118039" s="14" t="s">
        <v>14</v>
      </c>
      <c r="E118039" s="15">
        <v>45520</v>
      </c>
      <c r="F118039" s="14" t="s">
        <v>15</v>
      </c>
      <c r="G118039" s="16">
        <v>0.62425654103524864</v>
      </c>
    </row>
    <row r="118040" spans="1:7" x14ac:dyDescent="0.3">
      <c r="A118040" s="13" t="s">
        <v>557</v>
      </c>
      <c r="B118040" s="14" t="s">
        <v>1</v>
      </c>
      <c r="C118040" s="14" t="s">
        <v>558</v>
      </c>
      <c r="D118040" s="14" t="s">
        <v>14</v>
      </c>
      <c r="E118040" s="15">
        <v>45521</v>
      </c>
      <c r="F118040" s="14" t="s">
        <v>15</v>
      </c>
      <c r="G118040" s="16">
        <v>0.62425654103524864</v>
      </c>
    </row>
    <row r="118041" spans="1:7" x14ac:dyDescent="0.3">
      <c r="A118041" s="13" t="s">
        <v>557</v>
      </c>
      <c r="B118041" s="14" t="s">
        <v>1</v>
      </c>
      <c r="C118041" s="14" t="s">
        <v>558</v>
      </c>
      <c r="D118041" s="14" t="s">
        <v>14</v>
      </c>
      <c r="E118041" s="15">
        <v>45522</v>
      </c>
      <c r="F118041" s="14" t="s">
        <v>15</v>
      </c>
      <c r="G118041" s="16">
        <v>0.62425654103524864</v>
      </c>
    </row>
    <row r="118042" spans="1:7" x14ac:dyDescent="0.3">
      <c r="A118042" s="13" t="s">
        <v>557</v>
      </c>
      <c r="B118042" s="14" t="s">
        <v>1</v>
      </c>
      <c r="C118042" s="14" t="s">
        <v>558</v>
      </c>
      <c r="D118042" s="14" t="s">
        <v>14</v>
      </c>
      <c r="E118042" s="15">
        <v>45523</v>
      </c>
      <c r="F118042" s="14" t="s">
        <v>15</v>
      </c>
      <c r="G118042" s="16">
        <v>0.62098139218748449</v>
      </c>
    </row>
    <row r="118043" spans="1:7" x14ac:dyDescent="0.3">
      <c r="A118043" s="13" t="s">
        <v>557</v>
      </c>
      <c r="B118043" s="14" t="s">
        <v>1</v>
      </c>
      <c r="C118043" s="14" t="s">
        <v>558</v>
      </c>
      <c r="D118043" s="14" t="s">
        <v>14</v>
      </c>
      <c r="E118043" s="15">
        <v>45524</v>
      </c>
      <c r="F118043" s="14" t="s">
        <v>15</v>
      </c>
      <c r="G118043" s="16">
        <v>0.61714797878307559</v>
      </c>
    </row>
    <row r="118044" spans="1:7" x14ac:dyDescent="0.3">
      <c r="A118044" s="13" t="s">
        <v>557</v>
      </c>
      <c r="B118044" s="14" t="s">
        <v>1</v>
      </c>
      <c r="C118044" s="14" t="s">
        <v>558</v>
      </c>
      <c r="D118044" s="14" t="s">
        <v>14</v>
      </c>
      <c r="E118044" s="15">
        <v>45525</v>
      </c>
      <c r="F118044" s="14" t="s">
        <v>15</v>
      </c>
      <c r="G118044" s="16">
        <v>0.6143031451004729</v>
      </c>
    </row>
    <row r="118045" spans="1:7" x14ac:dyDescent="0.3">
      <c r="A118045" s="13" t="s">
        <v>557</v>
      </c>
      <c r="B118045" s="14" t="s">
        <v>1</v>
      </c>
      <c r="C118045" s="14" t="s">
        <v>558</v>
      </c>
      <c r="D118045" s="14" t="s">
        <v>14</v>
      </c>
      <c r="E118045" s="15">
        <v>45526</v>
      </c>
      <c r="F118045" s="14" t="s">
        <v>15</v>
      </c>
      <c r="G118045" s="16">
        <v>0.61144465761017308</v>
      </c>
    </row>
    <row r="118046" spans="1:7" x14ac:dyDescent="0.3">
      <c r="A118046" s="13" t="s">
        <v>557</v>
      </c>
      <c r="B118046" s="14" t="s">
        <v>1</v>
      </c>
      <c r="C118046" s="14" t="s">
        <v>558</v>
      </c>
      <c r="D118046" s="14" t="s">
        <v>14</v>
      </c>
      <c r="E118046" s="15">
        <v>45527</v>
      </c>
      <c r="F118046" s="14" t="s">
        <v>15</v>
      </c>
      <c r="G118046" s="16">
        <v>0.64588198628972804</v>
      </c>
    </row>
    <row r="118047" spans="1:7" x14ac:dyDescent="0.3">
      <c r="A118047" s="13" t="s">
        <v>557</v>
      </c>
      <c r="B118047" s="14" t="s">
        <v>1</v>
      </c>
      <c r="C118047" s="14" t="s">
        <v>558</v>
      </c>
      <c r="D118047" s="14" t="s">
        <v>14</v>
      </c>
      <c r="E118047" s="15">
        <v>45528</v>
      </c>
      <c r="F118047" s="14" t="s">
        <v>15</v>
      </c>
      <c r="G118047" s="16">
        <v>0.64588198628972804</v>
      </c>
    </row>
    <row r="118048" spans="1:7" x14ac:dyDescent="0.3">
      <c r="A118048" s="13" t="s">
        <v>557</v>
      </c>
      <c r="B118048" s="14" t="s">
        <v>1</v>
      </c>
      <c r="C118048" s="14" t="s">
        <v>558</v>
      </c>
      <c r="D118048" s="14" t="s">
        <v>14</v>
      </c>
      <c r="E118048" s="15">
        <v>45529</v>
      </c>
      <c r="F118048" s="14" t="s">
        <v>15</v>
      </c>
      <c r="G118048" s="16">
        <v>0.64588198628972804</v>
      </c>
    </row>
    <row r="118049" spans="1:7" x14ac:dyDescent="0.3">
      <c r="A118049" s="13" t="s">
        <v>557</v>
      </c>
      <c r="B118049" s="14" t="s">
        <v>1</v>
      </c>
      <c r="C118049" s="14" t="s">
        <v>558</v>
      </c>
      <c r="D118049" s="14" t="s">
        <v>14</v>
      </c>
      <c r="E118049" s="15">
        <v>45530</v>
      </c>
      <c r="F118049" s="14" t="s">
        <v>15</v>
      </c>
      <c r="G118049" s="16">
        <v>0.6437462697165518</v>
      </c>
    </row>
    <row r="118050" spans="1:7" x14ac:dyDescent="0.3">
      <c r="A118050" s="13" t="s">
        <v>557</v>
      </c>
      <c r="B118050" s="14" t="s">
        <v>1</v>
      </c>
      <c r="C118050" s="14" t="s">
        <v>558</v>
      </c>
      <c r="D118050" s="14" t="s">
        <v>14</v>
      </c>
      <c r="E118050" s="15">
        <v>45531</v>
      </c>
      <c r="F118050" s="14" t="s">
        <v>15</v>
      </c>
      <c r="G118050" s="16">
        <v>0.63380894360345486</v>
      </c>
    </row>
    <row r="118051" spans="1:7" x14ac:dyDescent="0.3">
      <c r="A118051" s="13" t="s">
        <v>557</v>
      </c>
      <c r="B118051" s="14" t="s">
        <v>1</v>
      </c>
      <c r="C118051" s="14" t="s">
        <v>558</v>
      </c>
      <c r="D118051" s="14" t="s">
        <v>14</v>
      </c>
      <c r="E118051" s="15">
        <v>45532</v>
      </c>
      <c r="F118051" s="14" t="s">
        <v>15</v>
      </c>
      <c r="G118051" s="16">
        <v>0.63117332149040339</v>
      </c>
    </row>
    <row r="118052" spans="1:7" x14ac:dyDescent="0.3">
      <c r="A118052" s="13" t="s">
        <v>557</v>
      </c>
      <c r="B118052" s="14" t="s">
        <v>1</v>
      </c>
      <c r="C118052" s="14" t="s">
        <v>558</v>
      </c>
      <c r="D118052" s="14" t="s">
        <v>14</v>
      </c>
      <c r="E118052" s="15">
        <v>45533</v>
      </c>
      <c r="F118052" s="14" t="s">
        <v>15</v>
      </c>
      <c r="G118052" s="16">
        <v>0.62841437466266903</v>
      </c>
    </row>
    <row r="118053" spans="1:7" x14ac:dyDescent="0.3">
      <c r="A118053" s="13" t="s">
        <v>557</v>
      </c>
      <c r="B118053" s="14" t="s">
        <v>1</v>
      </c>
      <c r="C118053" s="14" t="s">
        <v>558</v>
      </c>
      <c r="D118053" s="14" t="s">
        <v>14</v>
      </c>
      <c r="E118053" s="15">
        <v>45534</v>
      </c>
      <c r="F118053" s="14" t="s">
        <v>15</v>
      </c>
      <c r="G118053" s="16">
        <v>0.62562063264757772</v>
      </c>
    </row>
    <row r="118054" spans="1:7" x14ac:dyDescent="0.3">
      <c r="A118054" s="13" t="s">
        <v>557</v>
      </c>
      <c r="B118054" s="14" t="s">
        <v>1</v>
      </c>
      <c r="C118054" s="14" t="s">
        <v>558</v>
      </c>
      <c r="D118054" s="14" t="s">
        <v>14</v>
      </c>
      <c r="E118054" s="15">
        <v>45535</v>
      </c>
      <c r="F118054" s="14" t="s">
        <v>15</v>
      </c>
      <c r="G118054" s="16">
        <v>0.62562063264757772</v>
      </c>
    </row>
    <row r="118055" spans="1:7" x14ac:dyDescent="0.3">
      <c r="A118055" s="13" t="s">
        <v>557</v>
      </c>
      <c r="B118055" s="14" t="s">
        <v>1</v>
      </c>
      <c r="C118055" s="14" t="s">
        <v>558</v>
      </c>
      <c r="D118055" s="14" t="s">
        <v>14</v>
      </c>
      <c r="E118055" s="15">
        <v>45536</v>
      </c>
      <c r="F118055" s="14" t="s">
        <v>15</v>
      </c>
      <c r="G118055" s="16">
        <v>0.62562063264757772</v>
      </c>
    </row>
    <row r="118056" spans="1:7" x14ac:dyDescent="0.3">
      <c r="A118056" s="13" t="s">
        <v>557</v>
      </c>
      <c r="B118056" s="14" t="s">
        <v>1</v>
      </c>
      <c r="C118056" s="14" t="s">
        <v>558</v>
      </c>
      <c r="D118056" s="14" t="s">
        <v>14</v>
      </c>
      <c r="E118056" s="15">
        <v>45537</v>
      </c>
      <c r="F118056" s="14" t="s">
        <v>15</v>
      </c>
      <c r="G118056" s="16">
        <v>0.62290374835645845</v>
      </c>
    </row>
    <row r="118057" spans="1:7" x14ac:dyDescent="0.3">
      <c r="A118057" s="13" t="s">
        <v>557</v>
      </c>
      <c r="B118057" s="14" t="s">
        <v>1</v>
      </c>
      <c r="C118057" s="14" t="s">
        <v>558</v>
      </c>
      <c r="D118057" s="14" t="s">
        <v>14</v>
      </c>
      <c r="E118057" s="15">
        <v>45538</v>
      </c>
      <c r="F118057" s="14" t="s">
        <v>15</v>
      </c>
      <c r="G118057" s="16">
        <v>0.61568352997507103</v>
      </c>
    </row>
    <row r="118058" spans="1:7" x14ac:dyDescent="0.3">
      <c r="A118058" s="13" t="s">
        <v>557</v>
      </c>
      <c r="B118058" s="14" t="s">
        <v>1</v>
      </c>
      <c r="C118058" s="14" t="s">
        <v>558</v>
      </c>
      <c r="D118058" s="14" t="s">
        <v>14</v>
      </c>
      <c r="E118058" s="15">
        <v>45539</v>
      </c>
      <c r="F118058" s="14" t="s">
        <v>15</v>
      </c>
      <c r="G118058" s="16">
        <v>0.61871908295579359</v>
      </c>
    </row>
    <row r="118059" spans="1:7" x14ac:dyDescent="0.3">
      <c r="A118059" s="13" t="s">
        <v>557</v>
      </c>
      <c r="B118059" s="14" t="s">
        <v>1</v>
      </c>
      <c r="C118059" s="14" t="s">
        <v>558</v>
      </c>
      <c r="D118059" s="14" t="s">
        <v>14</v>
      </c>
      <c r="E118059" s="15">
        <v>45540</v>
      </c>
      <c r="F118059" s="14" t="s">
        <v>15</v>
      </c>
      <c r="G118059" s="16">
        <v>0.61592490049529269</v>
      </c>
    </row>
    <row r="118060" spans="1:7" x14ac:dyDescent="0.3">
      <c r="A118060" s="13" t="s">
        <v>557</v>
      </c>
      <c r="B118060" s="14" t="s">
        <v>1</v>
      </c>
      <c r="C118060" s="14" t="s">
        <v>558</v>
      </c>
      <c r="D118060" s="14" t="s">
        <v>14</v>
      </c>
      <c r="E118060" s="15">
        <v>45541</v>
      </c>
      <c r="F118060" s="14" t="s">
        <v>15</v>
      </c>
      <c r="G118060" s="16">
        <v>0.63217007197748498</v>
      </c>
    </row>
    <row r="118061" spans="1:7" x14ac:dyDescent="0.3">
      <c r="A118061" s="13" t="s">
        <v>557</v>
      </c>
      <c r="B118061" s="14" t="s">
        <v>1</v>
      </c>
      <c r="C118061" s="14" t="s">
        <v>558</v>
      </c>
      <c r="D118061" s="14" t="s">
        <v>14</v>
      </c>
      <c r="E118061" s="15">
        <v>45542</v>
      </c>
      <c r="F118061" s="14" t="s">
        <v>15</v>
      </c>
      <c r="G118061" s="16">
        <v>0.63217007197748498</v>
      </c>
    </row>
    <row r="118062" spans="1:7" x14ac:dyDescent="0.3">
      <c r="A118062" s="13" t="s">
        <v>557</v>
      </c>
      <c r="B118062" s="14" t="s">
        <v>1</v>
      </c>
      <c r="C118062" s="14" t="s">
        <v>558</v>
      </c>
      <c r="D118062" s="14" t="s">
        <v>14</v>
      </c>
      <c r="E118062" s="15">
        <v>45543</v>
      </c>
      <c r="F118062" s="14" t="s">
        <v>15</v>
      </c>
      <c r="G118062" s="16">
        <v>0.63217007197748498</v>
      </c>
    </row>
    <row r="118063" spans="1:7" x14ac:dyDescent="0.3">
      <c r="A118063" s="13" t="s">
        <v>557</v>
      </c>
      <c r="B118063" s="14" t="s">
        <v>1</v>
      </c>
      <c r="C118063" s="14" t="s">
        <v>558</v>
      </c>
      <c r="D118063" s="14" t="s">
        <v>14</v>
      </c>
      <c r="E118063" s="15">
        <v>45544</v>
      </c>
      <c r="F118063" s="14" t="s">
        <v>15</v>
      </c>
      <c r="G118063" s="16">
        <v>0.6298020204507544</v>
      </c>
    </row>
    <row r="118064" spans="1:7" x14ac:dyDescent="0.3">
      <c r="A118064" s="13" t="s">
        <v>557</v>
      </c>
      <c r="B118064" s="14" t="s">
        <v>1</v>
      </c>
      <c r="C118064" s="14" t="s">
        <v>558</v>
      </c>
      <c r="D118064" s="14" t="s">
        <v>14</v>
      </c>
      <c r="E118064" s="15">
        <v>45545</v>
      </c>
      <c r="F118064" s="14" t="s">
        <v>15</v>
      </c>
      <c r="G118064" s="16">
        <v>0.63340090311033204</v>
      </c>
    </row>
    <row r="118065" spans="1:7" x14ac:dyDescent="0.3">
      <c r="A118065" s="13" t="s">
        <v>557</v>
      </c>
      <c r="B118065" s="14" t="s">
        <v>1</v>
      </c>
      <c r="C118065" s="14" t="s">
        <v>558</v>
      </c>
      <c r="D118065" s="14" t="s">
        <v>14</v>
      </c>
      <c r="E118065" s="15">
        <v>45546</v>
      </c>
      <c r="F118065" s="14" t="s">
        <v>15</v>
      </c>
      <c r="G118065" s="16">
        <v>0.63067410879749708</v>
      </c>
    </row>
    <row r="118066" spans="1:7" x14ac:dyDescent="0.3">
      <c r="A118066" s="13" t="s">
        <v>557</v>
      </c>
      <c r="B118066" s="14" t="s">
        <v>1</v>
      </c>
      <c r="C118066" s="14" t="s">
        <v>558</v>
      </c>
      <c r="D118066" s="14" t="s">
        <v>14</v>
      </c>
      <c r="E118066" s="15">
        <v>45547</v>
      </c>
      <c r="F118066" s="14" t="s">
        <v>15</v>
      </c>
      <c r="G118066" s="16">
        <v>0.62795664209813473</v>
      </c>
    </row>
    <row r="118067" spans="1:7" x14ac:dyDescent="0.3">
      <c r="A118067" s="13" t="s">
        <v>557</v>
      </c>
      <c r="B118067" s="14" t="s">
        <v>1</v>
      </c>
      <c r="C118067" s="14" t="s">
        <v>558</v>
      </c>
      <c r="D118067" s="14" t="s">
        <v>14</v>
      </c>
      <c r="E118067" s="15">
        <v>45548</v>
      </c>
      <c r="F118067" s="14" t="s">
        <v>15</v>
      </c>
      <c r="G118067" s="16">
        <v>0.66027754510503034</v>
      </c>
    </row>
    <row r="118068" spans="1:7" x14ac:dyDescent="0.3">
      <c r="A118068" s="13" t="s">
        <v>557</v>
      </c>
      <c r="B118068" s="14" t="s">
        <v>1</v>
      </c>
      <c r="C118068" s="14" t="s">
        <v>558</v>
      </c>
      <c r="D118068" s="14" t="s">
        <v>14</v>
      </c>
      <c r="E118068" s="15">
        <v>45549</v>
      </c>
      <c r="F118068" s="14" t="s">
        <v>15</v>
      </c>
      <c r="G118068" s="16">
        <v>0.66027754510503034</v>
      </c>
    </row>
    <row r="118069" spans="1:7" x14ac:dyDescent="0.3">
      <c r="A118069" s="13" t="s">
        <v>557</v>
      </c>
      <c r="B118069" s="14" t="s">
        <v>1</v>
      </c>
      <c r="C118069" s="14" t="s">
        <v>558</v>
      </c>
      <c r="D118069" s="14" t="s">
        <v>14</v>
      </c>
      <c r="E118069" s="15">
        <v>45550</v>
      </c>
      <c r="F118069" s="14" t="s">
        <v>15</v>
      </c>
      <c r="G118069" s="16">
        <v>0.66027754510503034</v>
      </c>
    </row>
    <row r="118070" spans="1:7" x14ac:dyDescent="0.3">
      <c r="A118070" s="13" t="s">
        <v>557</v>
      </c>
      <c r="B118070" s="14" t="s">
        <v>1</v>
      </c>
      <c r="C118070" s="14" t="s">
        <v>558</v>
      </c>
      <c r="D118070" s="14" t="s">
        <v>14</v>
      </c>
      <c r="E118070" s="15">
        <v>45551</v>
      </c>
      <c r="F118070" s="14" t="s">
        <v>15</v>
      </c>
      <c r="G118070" s="16">
        <v>0.65840930485433979</v>
      </c>
    </row>
    <row r="118071" spans="1:7" x14ac:dyDescent="0.3">
      <c r="A118071" s="13" t="s">
        <v>557</v>
      </c>
      <c r="B118071" s="14" t="s">
        <v>1</v>
      </c>
      <c r="C118071" s="14" t="s">
        <v>558</v>
      </c>
      <c r="D118071" s="14" t="s">
        <v>14</v>
      </c>
      <c r="E118071" s="15">
        <v>45552</v>
      </c>
      <c r="F118071" s="14" t="s">
        <v>15</v>
      </c>
      <c r="G118071" s="16">
        <v>0.65026396602933034</v>
      </c>
    </row>
    <row r="118072" spans="1:7" x14ac:dyDescent="0.3">
      <c r="A118072" s="13" t="s">
        <v>557</v>
      </c>
      <c r="B118072" s="14" t="s">
        <v>1</v>
      </c>
      <c r="C118072" s="14" t="s">
        <v>558</v>
      </c>
      <c r="D118072" s="14" t="s">
        <v>14</v>
      </c>
      <c r="E118072" s="15">
        <v>45553</v>
      </c>
      <c r="F118072" s="14" t="s">
        <v>15</v>
      </c>
      <c r="G118072" s="16">
        <v>0.64740129695721005</v>
      </c>
    </row>
    <row r="118073" spans="1:7" x14ac:dyDescent="0.3">
      <c r="A118073" s="13" t="s">
        <v>557</v>
      </c>
      <c r="B118073" s="14" t="s">
        <v>1</v>
      </c>
      <c r="C118073" s="14" t="s">
        <v>558</v>
      </c>
      <c r="D118073" s="14" t="s">
        <v>14</v>
      </c>
      <c r="E118073" s="15">
        <v>45554</v>
      </c>
      <c r="F118073" s="14" t="s">
        <v>15</v>
      </c>
      <c r="G118073" s="16">
        <v>0.6446564492389848</v>
      </c>
    </row>
    <row r="118074" spans="1:7" x14ac:dyDescent="0.3">
      <c r="A118074" s="13" t="s">
        <v>557</v>
      </c>
      <c r="B118074" s="14" t="s">
        <v>1</v>
      </c>
      <c r="C118074" s="14" t="s">
        <v>558</v>
      </c>
      <c r="D118074" s="14" t="s">
        <v>14</v>
      </c>
      <c r="E118074" s="15">
        <v>45555</v>
      </c>
      <c r="F118074" s="14" t="s">
        <v>15</v>
      </c>
      <c r="G118074" s="16">
        <v>0.64195599196043107</v>
      </c>
    </row>
    <row r="118075" spans="1:7" x14ac:dyDescent="0.3">
      <c r="A118075" s="13" t="s">
        <v>557</v>
      </c>
      <c r="B118075" s="14" t="s">
        <v>1</v>
      </c>
      <c r="C118075" s="14" t="s">
        <v>558</v>
      </c>
      <c r="D118075" s="14" t="s">
        <v>14</v>
      </c>
      <c r="E118075" s="15">
        <v>45556</v>
      </c>
      <c r="F118075" s="14" t="s">
        <v>15</v>
      </c>
      <c r="G118075" s="16">
        <v>0.64195599196043107</v>
      </c>
    </row>
    <row r="118076" spans="1:7" x14ac:dyDescent="0.3">
      <c r="A118076" s="13" t="s">
        <v>557</v>
      </c>
      <c r="B118076" s="14" t="s">
        <v>1</v>
      </c>
      <c r="C118076" s="14" t="s">
        <v>558</v>
      </c>
      <c r="D118076" s="14" t="s">
        <v>14</v>
      </c>
      <c r="E118076" s="15">
        <v>45557</v>
      </c>
      <c r="F118076" s="14" t="s">
        <v>15</v>
      </c>
      <c r="G118076" s="16">
        <v>0.64195599196043107</v>
      </c>
    </row>
    <row r="118077" spans="1:7" x14ac:dyDescent="0.3">
      <c r="A118077" s="13" t="s">
        <v>557</v>
      </c>
      <c r="B118077" s="14" t="s">
        <v>1</v>
      </c>
      <c r="C118077" s="14" t="s">
        <v>558</v>
      </c>
      <c r="D118077" s="14" t="s">
        <v>14</v>
      </c>
      <c r="E118077" s="15">
        <v>45558</v>
      </c>
      <c r="F118077" s="14" t="s">
        <v>15</v>
      </c>
      <c r="G118077" s="16">
        <v>0.63919413482139698</v>
      </c>
    </row>
    <row r="118078" spans="1:7" x14ac:dyDescent="0.3">
      <c r="A118078" s="13" t="s">
        <v>557</v>
      </c>
      <c r="B118078" s="14" t="s">
        <v>1</v>
      </c>
      <c r="C118078" s="14" t="s">
        <v>558</v>
      </c>
      <c r="D118078" s="14" t="s">
        <v>14</v>
      </c>
      <c r="E118078" s="15">
        <v>45559</v>
      </c>
      <c r="F118078" s="14" t="s">
        <v>15</v>
      </c>
      <c r="G118078" s="16">
        <v>0.64145731693958752</v>
      </c>
    </row>
    <row r="118079" spans="1:7" x14ac:dyDescent="0.3">
      <c r="A118079" s="13" t="s">
        <v>557</v>
      </c>
      <c r="B118079" s="14" t="s">
        <v>1</v>
      </c>
      <c r="C118079" s="14" t="s">
        <v>558</v>
      </c>
      <c r="D118079" s="14" t="s">
        <v>14</v>
      </c>
      <c r="E118079" s="15">
        <v>45560</v>
      </c>
      <c r="F118079" s="14" t="s">
        <v>15</v>
      </c>
      <c r="G118079" s="16">
        <v>0.63861062012847059</v>
      </c>
    </row>
    <row r="118080" spans="1:7" x14ac:dyDescent="0.3">
      <c r="A118080" s="13" t="s">
        <v>557</v>
      </c>
      <c r="B118080" s="14" t="s">
        <v>1</v>
      </c>
      <c r="C118080" s="14" t="s">
        <v>558</v>
      </c>
      <c r="D118080" s="14" t="s">
        <v>14</v>
      </c>
      <c r="E118080" s="15">
        <v>45561</v>
      </c>
      <c r="F118080" s="14" t="s">
        <v>15</v>
      </c>
      <c r="G118080" s="16">
        <v>0.65309092245853972</v>
      </c>
    </row>
    <row r="118081" spans="1:7" x14ac:dyDescent="0.3">
      <c r="A118081" s="13" t="s">
        <v>557</v>
      </c>
      <c r="B118081" s="14" t="s">
        <v>1</v>
      </c>
      <c r="C118081" s="14" t="s">
        <v>558</v>
      </c>
      <c r="D118081" s="14" t="s">
        <v>14</v>
      </c>
      <c r="E118081" s="15">
        <v>45562</v>
      </c>
      <c r="F118081" s="14" t="s">
        <v>15</v>
      </c>
      <c r="G118081" s="16">
        <v>0.65039502868312993</v>
      </c>
    </row>
    <row r="118082" spans="1:7" x14ac:dyDescent="0.3">
      <c r="A118082" s="13" t="s">
        <v>557</v>
      </c>
      <c r="B118082" s="14" t="s">
        <v>1</v>
      </c>
      <c r="C118082" s="14" t="s">
        <v>558</v>
      </c>
      <c r="D118082" s="14" t="s">
        <v>14</v>
      </c>
      <c r="E118082" s="15">
        <v>45563</v>
      </c>
      <c r="F118082" s="14" t="s">
        <v>15</v>
      </c>
      <c r="G118082" s="16">
        <v>0.65039502868312993</v>
      </c>
    </row>
    <row r="118083" spans="1:7" x14ac:dyDescent="0.3">
      <c r="A118083" s="13" t="s">
        <v>557</v>
      </c>
      <c r="B118083" s="14" t="s">
        <v>1</v>
      </c>
      <c r="C118083" s="14" t="s">
        <v>558</v>
      </c>
      <c r="D118083" s="14" t="s">
        <v>14</v>
      </c>
      <c r="E118083" s="15">
        <v>45564</v>
      </c>
      <c r="F118083" s="14" t="s">
        <v>15</v>
      </c>
      <c r="G118083" s="16">
        <v>0.65039502868312993</v>
      </c>
    </row>
    <row r="118084" spans="1:7" x14ac:dyDescent="0.3">
      <c r="A118084" s="13" t="s">
        <v>557</v>
      </c>
      <c r="B118084" s="14" t="s">
        <v>1</v>
      </c>
      <c r="C118084" s="14" t="s">
        <v>558</v>
      </c>
      <c r="D118084" s="14" t="s">
        <v>14</v>
      </c>
      <c r="E118084" s="15">
        <v>45565</v>
      </c>
      <c r="F118084" s="14" t="s">
        <v>15</v>
      </c>
      <c r="G118084" s="16">
        <v>0.67740173227905176</v>
      </c>
    </row>
    <row r="118085" spans="1:7" x14ac:dyDescent="0.3">
      <c r="A118085" s="13" t="s">
        <v>557</v>
      </c>
      <c r="B118085" s="14" t="s">
        <v>1</v>
      </c>
      <c r="C118085" s="14" t="s">
        <v>558</v>
      </c>
      <c r="D118085" s="14" t="s">
        <v>14</v>
      </c>
      <c r="E118085" s="15">
        <v>45566</v>
      </c>
      <c r="F118085" s="14" t="s">
        <v>15</v>
      </c>
      <c r="G118085" s="16">
        <v>0.66868865217655937</v>
      </c>
    </row>
    <row r="118086" spans="1:7" x14ac:dyDescent="0.3">
      <c r="A118086" s="13" t="s">
        <v>557</v>
      </c>
      <c r="B118086" s="14" t="s">
        <v>1</v>
      </c>
      <c r="C118086" s="14" t="s">
        <v>558</v>
      </c>
      <c r="D118086" s="14" t="s">
        <v>14</v>
      </c>
      <c r="E118086" s="15">
        <v>45567</v>
      </c>
      <c r="F118086" s="14" t="s">
        <v>15</v>
      </c>
      <c r="G118086" s="16">
        <v>0.66821497700022681</v>
      </c>
    </row>
    <row r="118087" spans="1:7" x14ac:dyDescent="0.3">
      <c r="A118087" s="13" t="s">
        <v>557</v>
      </c>
      <c r="B118087" s="14" t="s">
        <v>1</v>
      </c>
      <c r="C118087" s="14" t="s">
        <v>558</v>
      </c>
      <c r="D118087" s="14" t="s">
        <v>14</v>
      </c>
      <c r="E118087" s="15">
        <v>45568</v>
      </c>
      <c r="F118087" s="14" t="s">
        <v>15</v>
      </c>
      <c r="G118087" s="16">
        <v>0.66877431299008538</v>
      </c>
    </row>
    <row r="118088" spans="1:7" x14ac:dyDescent="0.3">
      <c r="A118088" s="13" t="s">
        <v>557</v>
      </c>
      <c r="B118088" s="14" t="s">
        <v>1</v>
      </c>
      <c r="C118088" s="14" t="s">
        <v>558</v>
      </c>
      <c r="D118088" s="14" t="s">
        <v>14</v>
      </c>
      <c r="E118088" s="15">
        <v>45569</v>
      </c>
      <c r="F118088" s="14" t="s">
        <v>15</v>
      </c>
      <c r="G118088" s="16">
        <v>0.66565193910268972</v>
      </c>
    </row>
    <row r="118089" spans="1:7" x14ac:dyDescent="0.3">
      <c r="A118089" s="13" t="s">
        <v>557</v>
      </c>
      <c r="B118089" s="14" t="s">
        <v>1</v>
      </c>
      <c r="C118089" s="14" t="s">
        <v>558</v>
      </c>
      <c r="D118089" s="14" t="s">
        <v>14</v>
      </c>
      <c r="E118089" s="15">
        <v>45570</v>
      </c>
      <c r="F118089" s="14" t="s">
        <v>15</v>
      </c>
      <c r="G118089" s="16">
        <v>0.66565193910268972</v>
      </c>
    </row>
    <row r="118090" spans="1:7" x14ac:dyDescent="0.3">
      <c r="A118090" s="13" t="s">
        <v>557</v>
      </c>
      <c r="B118090" s="14" t="s">
        <v>1</v>
      </c>
      <c r="C118090" s="14" t="s">
        <v>558</v>
      </c>
      <c r="D118090" s="14" t="s">
        <v>14</v>
      </c>
      <c r="E118090" s="15">
        <v>45571</v>
      </c>
      <c r="F118090" s="14" t="s">
        <v>15</v>
      </c>
      <c r="G118090" s="16">
        <v>0.66565193910268972</v>
      </c>
    </row>
    <row r="118091" spans="1:7" x14ac:dyDescent="0.3">
      <c r="A118091" s="13" t="s">
        <v>557</v>
      </c>
      <c r="B118091" s="14" t="s">
        <v>1</v>
      </c>
      <c r="C118091" s="14" t="s">
        <v>558</v>
      </c>
      <c r="D118091" s="14" t="s">
        <v>14</v>
      </c>
      <c r="E118091" s="15">
        <v>45572</v>
      </c>
      <c r="F118091" s="14" t="s">
        <v>15</v>
      </c>
      <c r="G118091" s="16">
        <v>0.65485940048327362</v>
      </c>
    </row>
    <row r="118092" spans="1:7" x14ac:dyDescent="0.3">
      <c r="A118092" s="13" t="s">
        <v>557</v>
      </c>
      <c r="B118092" s="14" t="s">
        <v>1</v>
      </c>
      <c r="C118092" s="14" t="s">
        <v>558</v>
      </c>
      <c r="D118092" s="14" t="s">
        <v>14</v>
      </c>
      <c r="E118092" s="15">
        <v>45573</v>
      </c>
      <c r="F118092" s="14" t="s">
        <v>15</v>
      </c>
      <c r="G118092" s="16">
        <v>0.65166616107531028</v>
      </c>
    </row>
    <row r="118093" spans="1:7" x14ac:dyDescent="0.3">
      <c r="A118093" s="13" t="s">
        <v>557</v>
      </c>
      <c r="B118093" s="14" t="s">
        <v>1</v>
      </c>
      <c r="C118093" s="14" t="s">
        <v>558</v>
      </c>
      <c r="D118093" s="14" t="s">
        <v>14</v>
      </c>
      <c r="E118093" s="15">
        <v>45574</v>
      </c>
      <c r="F118093" s="14" t="s">
        <v>15</v>
      </c>
      <c r="G118093" s="16">
        <v>0.66103631496538207</v>
      </c>
    </row>
    <row r="118094" spans="1:7" x14ac:dyDescent="0.3">
      <c r="A118094" s="13" t="s">
        <v>557</v>
      </c>
      <c r="B118094" s="14" t="s">
        <v>1</v>
      </c>
      <c r="C118094" s="14" t="s">
        <v>558</v>
      </c>
      <c r="D118094" s="14" t="s">
        <v>14</v>
      </c>
      <c r="E118094" s="15">
        <v>45575</v>
      </c>
      <c r="F118094" s="14" t="s">
        <v>15</v>
      </c>
      <c r="G118094" s="16">
        <v>0.66797567589731965</v>
      </c>
    </row>
    <row r="118095" spans="1:7" x14ac:dyDescent="0.3">
      <c r="A118095" s="13" t="s">
        <v>557</v>
      </c>
      <c r="B118095" s="14" t="s">
        <v>1</v>
      </c>
      <c r="C118095" s="14" t="s">
        <v>558</v>
      </c>
      <c r="D118095" s="14" t="s">
        <v>14</v>
      </c>
      <c r="E118095" s="15">
        <v>45576</v>
      </c>
      <c r="F118095" s="14" t="s">
        <v>15</v>
      </c>
      <c r="G118095" s="16">
        <v>0.66497436239566143</v>
      </c>
    </row>
    <row r="118096" spans="1:7" x14ac:dyDescent="0.3">
      <c r="A118096" s="13" t="s">
        <v>557</v>
      </c>
      <c r="B118096" s="14" t="s">
        <v>1</v>
      </c>
      <c r="C118096" s="14" t="s">
        <v>558</v>
      </c>
      <c r="D118096" s="14" t="s">
        <v>14</v>
      </c>
      <c r="E118096" s="15">
        <v>45577</v>
      </c>
      <c r="F118096" s="14" t="s">
        <v>15</v>
      </c>
      <c r="G118096" s="16">
        <v>0.66497436239566143</v>
      </c>
    </row>
    <row r="118097" spans="1:7" x14ac:dyDescent="0.3">
      <c r="A118097" s="13" t="s">
        <v>557</v>
      </c>
      <c r="B118097" s="14" t="s">
        <v>1</v>
      </c>
      <c r="C118097" s="14" t="s">
        <v>558</v>
      </c>
      <c r="D118097" s="14" t="s">
        <v>14</v>
      </c>
      <c r="E118097" s="15">
        <v>45578</v>
      </c>
      <c r="F118097" s="14" t="s">
        <v>15</v>
      </c>
      <c r="G118097" s="16">
        <v>0.66497436239566143</v>
      </c>
    </row>
    <row r="118098" spans="1:7" x14ac:dyDescent="0.3">
      <c r="A118098" s="13" t="s">
        <v>557</v>
      </c>
      <c r="B118098" s="14" t="s">
        <v>1</v>
      </c>
      <c r="C118098" s="14" t="s">
        <v>558</v>
      </c>
      <c r="D118098" s="14" t="s">
        <v>14</v>
      </c>
      <c r="E118098" s="15">
        <v>45579</v>
      </c>
      <c r="F118098" s="14" t="s">
        <v>15</v>
      </c>
      <c r="G118098" s="16">
        <v>0.66605263240294454</v>
      </c>
    </row>
    <row r="118099" spans="1:7" x14ac:dyDescent="0.3">
      <c r="A118099" s="13" t="s">
        <v>557</v>
      </c>
      <c r="B118099" s="14" t="s">
        <v>1</v>
      </c>
      <c r="C118099" s="14" t="s">
        <v>558</v>
      </c>
      <c r="D118099" s="14" t="s">
        <v>14</v>
      </c>
      <c r="E118099" s="15">
        <v>45580</v>
      </c>
      <c r="F118099" s="14" t="s">
        <v>15</v>
      </c>
      <c r="G118099" s="16">
        <v>0.6565590676509655</v>
      </c>
    </row>
    <row r="118100" spans="1:7" x14ac:dyDescent="0.3">
      <c r="A118100" s="13" t="s">
        <v>557</v>
      </c>
      <c r="B118100" s="14" t="s">
        <v>1</v>
      </c>
      <c r="C118100" s="14" t="s">
        <v>558</v>
      </c>
      <c r="D118100" s="14" t="s">
        <v>14</v>
      </c>
      <c r="E118100" s="15">
        <v>45581</v>
      </c>
      <c r="F118100" s="14" t="s">
        <v>15</v>
      </c>
      <c r="G118100" s="16">
        <v>0.65294512182299036</v>
      </c>
    </row>
    <row r="118101" spans="1:7" x14ac:dyDescent="0.3">
      <c r="A118101" s="13" t="s">
        <v>557</v>
      </c>
      <c r="B118101" s="14" t="s">
        <v>1</v>
      </c>
      <c r="C118101" s="14" t="s">
        <v>558</v>
      </c>
      <c r="D118101" s="14" t="s">
        <v>14</v>
      </c>
      <c r="E118101" s="15">
        <v>45582</v>
      </c>
      <c r="F118101" s="14" t="s">
        <v>15</v>
      </c>
      <c r="G118101" s="16">
        <v>0.64980711169525263</v>
      </c>
    </row>
    <row r="118102" spans="1:7" x14ac:dyDescent="0.3">
      <c r="A118102" s="13" t="s">
        <v>557</v>
      </c>
      <c r="B118102" s="14" t="s">
        <v>1</v>
      </c>
      <c r="C118102" s="14" t="s">
        <v>558</v>
      </c>
      <c r="D118102" s="14" t="s">
        <v>14</v>
      </c>
      <c r="E118102" s="15">
        <v>45583</v>
      </c>
      <c r="F118102" s="14" t="s">
        <v>15</v>
      </c>
      <c r="G118102" s="16">
        <v>0.64830077435643885</v>
      </c>
    </row>
    <row r="118103" spans="1:7" x14ac:dyDescent="0.3">
      <c r="A118103" s="13" t="s">
        <v>557</v>
      </c>
      <c r="B118103" s="14" t="s">
        <v>1</v>
      </c>
      <c r="C118103" s="14" t="s">
        <v>558</v>
      </c>
      <c r="D118103" s="14" t="s">
        <v>14</v>
      </c>
      <c r="E118103" s="15">
        <v>45584</v>
      </c>
      <c r="F118103" s="14" t="s">
        <v>15</v>
      </c>
      <c r="G118103" s="16">
        <v>0.64830077435643885</v>
      </c>
    </row>
    <row r="118104" spans="1:7" x14ac:dyDescent="0.3">
      <c r="A118104" s="13" t="s">
        <v>557</v>
      </c>
      <c r="B118104" s="14" t="s">
        <v>1</v>
      </c>
      <c r="C118104" s="14" t="s">
        <v>558</v>
      </c>
      <c r="D118104" s="14" t="s">
        <v>14</v>
      </c>
      <c r="E118104" s="15">
        <v>45585</v>
      </c>
      <c r="F118104" s="14" t="s">
        <v>15</v>
      </c>
      <c r="G118104" s="16">
        <v>0.64830077435643885</v>
      </c>
    </row>
    <row r="118105" spans="1:7" x14ac:dyDescent="0.3">
      <c r="A118105" s="13" t="s">
        <v>557</v>
      </c>
      <c r="B118105" s="14" t="s">
        <v>1</v>
      </c>
      <c r="C118105" s="14" t="s">
        <v>558</v>
      </c>
      <c r="D118105" s="14" t="s">
        <v>14</v>
      </c>
      <c r="E118105" s="15">
        <v>45586</v>
      </c>
      <c r="F118105" s="14" t="s">
        <v>15</v>
      </c>
      <c r="G118105" s="16">
        <v>0.64662893368693597</v>
      </c>
    </row>
    <row r="118106" spans="1:7" x14ac:dyDescent="0.3">
      <c r="A118106" s="13" t="s">
        <v>557</v>
      </c>
      <c r="B118106" s="14" t="s">
        <v>1</v>
      </c>
      <c r="C118106" s="14" t="s">
        <v>558</v>
      </c>
      <c r="D118106" s="14" t="s">
        <v>14</v>
      </c>
      <c r="E118106" s="15">
        <v>45587</v>
      </c>
      <c r="F118106" s="14" t="s">
        <v>15</v>
      </c>
      <c r="G118106" s="16">
        <v>0.63752231121835057</v>
      </c>
    </row>
    <row r="118107" spans="1:7" x14ac:dyDescent="0.3">
      <c r="A118107" s="13" t="s">
        <v>557</v>
      </c>
      <c r="B118107" s="14" t="s">
        <v>1</v>
      </c>
      <c r="C118107" s="14" t="s">
        <v>558</v>
      </c>
      <c r="D118107" s="14" t="s">
        <v>14</v>
      </c>
      <c r="E118107" s="15">
        <v>45588</v>
      </c>
      <c r="F118107" s="14" t="s">
        <v>15</v>
      </c>
      <c r="G118107" s="16">
        <v>0.63449892600504953</v>
      </c>
    </row>
    <row r="118108" spans="1:7" x14ac:dyDescent="0.3">
      <c r="A118108" s="13" t="s">
        <v>557</v>
      </c>
      <c r="B118108" s="14" t="s">
        <v>1</v>
      </c>
      <c r="C118108" s="14" t="s">
        <v>558</v>
      </c>
      <c r="D118108" s="14" t="s">
        <v>14</v>
      </c>
      <c r="E118108" s="15">
        <v>45589</v>
      </c>
      <c r="F118108" s="14" t="s">
        <v>15</v>
      </c>
      <c r="G118108" s="16">
        <v>0.63257203857163669</v>
      </c>
    </row>
    <row r="118109" spans="1:7" x14ac:dyDescent="0.3">
      <c r="A118109" s="13" t="s">
        <v>557</v>
      </c>
      <c r="B118109" s="14" t="s">
        <v>1</v>
      </c>
      <c r="C118109" s="14" t="s">
        <v>558</v>
      </c>
      <c r="D118109" s="14" t="s">
        <v>14</v>
      </c>
      <c r="E118109" s="15">
        <v>45590</v>
      </c>
      <c r="F118109" s="14" t="s">
        <v>15</v>
      </c>
      <c r="G118109" s="16">
        <v>0.62957786050365505</v>
      </c>
    </row>
    <row r="118110" spans="1:7" x14ac:dyDescent="0.3">
      <c r="A118110" s="13" t="s">
        <v>557</v>
      </c>
      <c r="B118110" s="14" t="s">
        <v>1</v>
      </c>
      <c r="C118110" s="14" t="s">
        <v>558</v>
      </c>
      <c r="D118110" s="14" t="s">
        <v>14</v>
      </c>
      <c r="E118110" s="15">
        <v>45591</v>
      </c>
      <c r="F118110" s="14" t="s">
        <v>15</v>
      </c>
      <c r="G118110" s="16">
        <v>0.62957786050365505</v>
      </c>
    </row>
    <row r="118111" spans="1:7" x14ac:dyDescent="0.3">
      <c r="A118111" s="13" t="s">
        <v>557</v>
      </c>
      <c r="B118111" s="14" t="s">
        <v>1</v>
      </c>
      <c r="C118111" s="14" t="s">
        <v>558</v>
      </c>
      <c r="D118111" s="14" t="s">
        <v>14</v>
      </c>
      <c r="E118111" s="15">
        <v>45592</v>
      </c>
      <c r="F118111" s="14" t="s">
        <v>15</v>
      </c>
      <c r="G118111" s="16">
        <v>0.62957786050365505</v>
      </c>
    </row>
    <row r="118112" spans="1:7" x14ac:dyDescent="0.3">
      <c r="A118112" s="13" t="s">
        <v>557</v>
      </c>
      <c r="B118112" s="14" t="s">
        <v>1</v>
      </c>
      <c r="C118112" s="14" t="s">
        <v>558</v>
      </c>
      <c r="D118112" s="14" t="s">
        <v>14</v>
      </c>
      <c r="E118112" s="15">
        <v>45593</v>
      </c>
      <c r="F118112" s="14" t="s">
        <v>15</v>
      </c>
      <c r="G118112" s="16">
        <v>0.62957786050365505</v>
      </c>
    </row>
    <row r="118113" spans="1:7" x14ac:dyDescent="0.3">
      <c r="A118113" s="13" t="s">
        <v>557</v>
      </c>
      <c r="B118113" s="14" t="s">
        <v>1</v>
      </c>
      <c r="C118113" s="14" t="s">
        <v>558</v>
      </c>
      <c r="D118113" s="14" t="s">
        <v>14</v>
      </c>
      <c r="E118113" s="15">
        <v>45594</v>
      </c>
      <c r="F118113" s="14" t="s">
        <v>15</v>
      </c>
      <c r="G118113" s="16">
        <v>0.62653298215403863</v>
      </c>
    </row>
    <row r="118114" spans="1:7" x14ac:dyDescent="0.3">
      <c r="A118114" s="13" t="s">
        <v>557</v>
      </c>
      <c r="B118114" s="14" t="s">
        <v>1</v>
      </c>
      <c r="C118114" s="14" t="s">
        <v>558</v>
      </c>
      <c r="D118114" s="14" t="s">
        <v>14</v>
      </c>
      <c r="E118114" s="15">
        <v>45595</v>
      </c>
      <c r="F118114" s="14" t="s">
        <v>15</v>
      </c>
      <c r="G118114" s="16">
        <v>0.62902417690966328</v>
      </c>
    </row>
    <row r="118115" spans="1:7" x14ac:dyDescent="0.3">
      <c r="A118115" s="13" t="s">
        <v>557</v>
      </c>
      <c r="B118115" s="14" t="s">
        <v>1</v>
      </c>
      <c r="C118115" s="14" t="s">
        <v>558</v>
      </c>
      <c r="D118115" s="14" t="s">
        <v>14</v>
      </c>
      <c r="E118115" s="15">
        <v>45596</v>
      </c>
      <c r="F118115" s="14" t="s">
        <v>15</v>
      </c>
      <c r="G118115" s="16">
        <v>0.62599937984806697</v>
      </c>
    </row>
    <row r="118116" spans="1:7" x14ac:dyDescent="0.3">
      <c r="A118116" s="13" t="s">
        <v>557</v>
      </c>
      <c r="B118116" s="14" t="s">
        <v>1</v>
      </c>
      <c r="C118116" s="14" t="s">
        <v>558</v>
      </c>
      <c r="D118116" s="14" t="s">
        <v>14</v>
      </c>
      <c r="E118116" s="15">
        <v>45597</v>
      </c>
      <c r="F118116" s="14" t="s">
        <v>15</v>
      </c>
      <c r="G118116" s="16">
        <v>0.62295827916649382</v>
      </c>
    </row>
    <row r="118117" spans="1:7" x14ac:dyDescent="0.3">
      <c r="A118117" s="13" t="s">
        <v>557</v>
      </c>
      <c r="B118117" s="14" t="s">
        <v>1</v>
      </c>
      <c r="C118117" s="14" t="s">
        <v>558</v>
      </c>
      <c r="D118117" s="14" t="s">
        <v>14</v>
      </c>
      <c r="E118117" s="15">
        <v>45598</v>
      </c>
      <c r="F118117" s="14" t="s">
        <v>15</v>
      </c>
      <c r="G118117" s="16">
        <v>0.62295827916649382</v>
      </c>
    </row>
    <row r="118118" spans="1:7" x14ac:dyDescent="0.3">
      <c r="A118118" s="13" t="s">
        <v>557</v>
      </c>
      <c r="B118118" s="14" t="s">
        <v>1</v>
      </c>
      <c r="C118118" s="14" t="s">
        <v>558</v>
      </c>
      <c r="D118118" s="14" t="s">
        <v>14</v>
      </c>
      <c r="E118118" s="15">
        <v>45599</v>
      </c>
      <c r="F118118" s="14" t="s">
        <v>15</v>
      </c>
      <c r="G118118" s="16">
        <v>0.62295827916649382</v>
      </c>
    </row>
    <row r="118119" spans="1:7" x14ac:dyDescent="0.3">
      <c r="A118119" s="13" t="s">
        <v>557</v>
      </c>
      <c r="B118119" s="14" t="s">
        <v>1</v>
      </c>
      <c r="C118119" s="14" t="s">
        <v>558</v>
      </c>
      <c r="D118119" s="14" t="s">
        <v>14</v>
      </c>
      <c r="E118119" s="15">
        <v>45600</v>
      </c>
      <c r="F118119" s="14" t="s">
        <v>15</v>
      </c>
      <c r="G118119" s="16">
        <v>0.6208009539824354</v>
      </c>
    </row>
    <row r="118120" spans="1:7" x14ac:dyDescent="0.3">
      <c r="A118120" s="13" t="s">
        <v>557</v>
      </c>
      <c r="B118120" s="14" t="s">
        <v>1</v>
      </c>
      <c r="C118120" s="14" t="s">
        <v>558</v>
      </c>
      <c r="D118120" s="14" t="s">
        <v>14</v>
      </c>
      <c r="E118120" s="15">
        <v>45601</v>
      </c>
      <c r="F118120" s="14" t="s">
        <v>15</v>
      </c>
      <c r="G118120" s="16">
        <v>0.61154101640294078</v>
      </c>
    </row>
    <row r="118121" spans="1:7" x14ac:dyDescent="0.3">
      <c r="A118121" s="13" t="s">
        <v>557</v>
      </c>
      <c r="B118121" s="14" t="s">
        <v>1</v>
      </c>
      <c r="C118121" s="14" t="s">
        <v>558</v>
      </c>
      <c r="D118121" s="14" t="s">
        <v>14</v>
      </c>
      <c r="E118121" s="15">
        <v>45602</v>
      </c>
      <c r="F118121" s="14" t="s">
        <v>15</v>
      </c>
      <c r="G118121" s="16">
        <v>0.60842297058806338</v>
      </c>
    </row>
    <row r="118122" spans="1:7" x14ac:dyDescent="0.3">
      <c r="A118122" s="13" t="s">
        <v>557</v>
      </c>
      <c r="B118122" s="14" t="s">
        <v>1</v>
      </c>
      <c r="C118122" s="14" t="s">
        <v>558</v>
      </c>
      <c r="D118122" s="14" t="s">
        <v>14</v>
      </c>
      <c r="E118122" s="15">
        <v>45603</v>
      </c>
      <c r="F118122" s="14" t="s">
        <v>15</v>
      </c>
      <c r="G118122" s="16">
        <v>0.60532381311340266</v>
      </c>
    </row>
    <row r="118123" spans="1:7" x14ac:dyDescent="0.3">
      <c r="A118123" s="13" t="s">
        <v>557</v>
      </c>
      <c r="B118123" s="14" t="s">
        <v>1</v>
      </c>
      <c r="C118123" s="14" t="s">
        <v>558</v>
      </c>
      <c r="D118123" s="14" t="s">
        <v>14</v>
      </c>
      <c r="E118123" s="15">
        <v>45604</v>
      </c>
      <c r="F118123" s="14" t="s">
        <v>15</v>
      </c>
      <c r="G118123" s="16">
        <v>0.60697716086193487</v>
      </c>
    </row>
    <row r="118124" spans="1:7" x14ac:dyDescent="0.3">
      <c r="A118124" s="13" t="s">
        <v>557</v>
      </c>
      <c r="B118124" s="14" t="s">
        <v>1</v>
      </c>
      <c r="C118124" s="14" t="s">
        <v>558</v>
      </c>
      <c r="D118124" s="14" t="s">
        <v>14</v>
      </c>
      <c r="E118124" s="15">
        <v>45605</v>
      </c>
      <c r="F118124" s="14" t="s">
        <v>15</v>
      </c>
      <c r="G118124" s="16">
        <v>0.60697716086193487</v>
      </c>
    </row>
    <row r="118125" spans="1:7" x14ac:dyDescent="0.3">
      <c r="A118125" s="13" t="s">
        <v>557</v>
      </c>
      <c r="B118125" s="14" t="s">
        <v>1</v>
      </c>
      <c r="C118125" s="14" t="s">
        <v>558</v>
      </c>
      <c r="D118125" s="14" t="s">
        <v>14</v>
      </c>
      <c r="E118125" s="15">
        <v>45606</v>
      </c>
      <c r="F118125" s="14" t="s">
        <v>15</v>
      </c>
      <c r="G118125" s="16">
        <v>0.60697716086193487</v>
      </c>
    </row>
    <row r="118126" spans="1:7" x14ac:dyDescent="0.3">
      <c r="A118126" s="13" t="s">
        <v>557</v>
      </c>
      <c r="B118126" s="14" t="s">
        <v>1</v>
      </c>
      <c r="C118126" s="14" t="s">
        <v>558</v>
      </c>
      <c r="D118126" s="14" t="s">
        <v>14</v>
      </c>
      <c r="E118126" s="15">
        <v>45607</v>
      </c>
      <c r="F118126" s="14" t="s">
        <v>15</v>
      </c>
      <c r="G118126" s="16">
        <v>0.60572071009390316</v>
      </c>
    </row>
    <row r="118127" spans="1:7" x14ac:dyDescent="0.3">
      <c r="A118127" s="13" t="s">
        <v>557</v>
      </c>
      <c r="B118127" s="14" t="s">
        <v>1</v>
      </c>
      <c r="C118127" s="14" t="s">
        <v>558</v>
      </c>
      <c r="D118127" s="14" t="s">
        <v>14</v>
      </c>
      <c r="E118127" s="15">
        <v>45608</v>
      </c>
      <c r="F118127" s="14" t="s">
        <v>15</v>
      </c>
      <c r="G118127" s="16">
        <v>0.61568631621693193</v>
      </c>
    </row>
    <row r="118128" spans="1:7" x14ac:dyDescent="0.3">
      <c r="A118128" s="13" t="s">
        <v>557</v>
      </c>
      <c r="B118128" s="14" t="s">
        <v>1</v>
      </c>
      <c r="C118128" s="14" t="s">
        <v>558</v>
      </c>
      <c r="D118128" s="14" t="s">
        <v>14</v>
      </c>
      <c r="E118128" s="15">
        <v>45609</v>
      </c>
      <c r="F118128" s="14" t="s">
        <v>15</v>
      </c>
      <c r="G118128" s="16">
        <v>0.61266234814933185</v>
      </c>
    </row>
    <row r="118129" spans="1:7" x14ac:dyDescent="0.3">
      <c r="A118129" s="13" t="s">
        <v>557</v>
      </c>
      <c r="B118129" s="14" t="s">
        <v>1</v>
      </c>
      <c r="C118129" s="14" t="s">
        <v>558</v>
      </c>
      <c r="D118129" s="14" t="s">
        <v>14</v>
      </c>
      <c r="E118129" s="15">
        <v>45610</v>
      </c>
      <c r="F118129" s="14" t="s">
        <v>15</v>
      </c>
      <c r="G118129" s="16">
        <v>0.60982782984839579</v>
      </c>
    </row>
    <row r="118130" spans="1:7" x14ac:dyDescent="0.3">
      <c r="A118130" s="13" t="s">
        <v>557</v>
      </c>
      <c r="B118130" s="14" t="s">
        <v>1</v>
      </c>
      <c r="C118130" s="14" t="s">
        <v>558</v>
      </c>
      <c r="D118130" s="14" t="s">
        <v>14</v>
      </c>
      <c r="E118130" s="15">
        <v>45611</v>
      </c>
      <c r="F118130" s="14" t="s">
        <v>15</v>
      </c>
      <c r="G118130" s="16">
        <v>0.60663497976768388</v>
      </c>
    </row>
    <row r="118131" spans="1:7" x14ac:dyDescent="0.3">
      <c r="A118131" s="13" t="s">
        <v>557</v>
      </c>
      <c r="B118131" s="14" t="s">
        <v>1</v>
      </c>
      <c r="C118131" s="14" t="s">
        <v>558</v>
      </c>
      <c r="D118131" s="14" t="s">
        <v>14</v>
      </c>
      <c r="E118131" s="15">
        <v>45612</v>
      </c>
      <c r="F118131" s="14" t="s">
        <v>15</v>
      </c>
      <c r="G118131" s="16">
        <v>0.60663497976768388</v>
      </c>
    </row>
    <row r="118132" spans="1:7" x14ac:dyDescent="0.3">
      <c r="A118132" s="13" t="s">
        <v>557</v>
      </c>
      <c r="B118132" s="14" t="s">
        <v>1</v>
      </c>
      <c r="C118132" s="14" t="s">
        <v>558</v>
      </c>
      <c r="D118132" s="14" t="s">
        <v>14</v>
      </c>
      <c r="E118132" s="15">
        <v>45613</v>
      </c>
      <c r="F118132" s="14" t="s">
        <v>15</v>
      </c>
      <c r="G118132" s="16">
        <v>0.60663497976768388</v>
      </c>
    </row>
    <row r="118133" spans="1:7" x14ac:dyDescent="0.3">
      <c r="A118133" s="13" t="s">
        <v>557</v>
      </c>
      <c r="B118133" s="14" t="s">
        <v>1</v>
      </c>
      <c r="C118133" s="14" t="s">
        <v>558</v>
      </c>
      <c r="D118133" s="14" t="s">
        <v>14</v>
      </c>
      <c r="E118133" s="15">
        <v>45614</v>
      </c>
      <c r="F118133" s="14" t="s">
        <v>15</v>
      </c>
      <c r="G118133" s="16">
        <v>0.60536342204172688</v>
      </c>
    </row>
    <row r="118134" spans="1:7" x14ac:dyDescent="0.3">
      <c r="A118134" s="13" t="s">
        <v>557</v>
      </c>
      <c r="B118134" s="14" t="s">
        <v>1</v>
      </c>
      <c r="C118134" s="14" t="s">
        <v>558</v>
      </c>
      <c r="D118134" s="14" t="s">
        <v>14</v>
      </c>
      <c r="E118134" s="15">
        <v>45615</v>
      </c>
      <c r="F118134" s="14" t="s">
        <v>15</v>
      </c>
      <c r="G118134" s="16">
        <v>0.59602704058347467</v>
      </c>
    </row>
    <row r="118135" spans="1:7" x14ac:dyDescent="0.3">
      <c r="A118135" s="13" t="s">
        <v>557</v>
      </c>
      <c r="B118135" s="14" t="s">
        <v>1</v>
      </c>
      <c r="C118135" s="14" t="s">
        <v>558</v>
      </c>
      <c r="D118135" s="14" t="s">
        <v>14</v>
      </c>
      <c r="E118135" s="15">
        <v>45616</v>
      </c>
      <c r="F118135" s="14" t="s">
        <v>15</v>
      </c>
      <c r="G118135" s="16">
        <v>0.59830408077772224</v>
      </c>
    </row>
    <row r="118136" spans="1:7" x14ac:dyDescent="0.3">
      <c r="A118136" s="13" t="s">
        <v>557</v>
      </c>
      <c r="B118136" s="14" t="s">
        <v>1</v>
      </c>
      <c r="C118136" s="14" t="s">
        <v>558</v>
      </c>
      <c r="D118136" s="14" t="s">
        <v>14</v>
      </c>
      <c r="E118136" s="15">
        <v>45617</v>
      </c>
      <c r="F118136" s="14" t="s">
        <v>15</v>
      </c>
      <c r="G118136" s="16">
        <v>0.59545522165779585</v>
      </c>
    </row>
    <row r="118137" spans="1:7" x14ac:dyDescent="0.3">
      <c r="A118137" s="13" t="s">
        <v>557</v>
      </c>
      <c r="B118137" s="14" t="s">
        <v>1</v>
      </c>
      <c r="C118137" s="14" t="s">
        <v>558</v>
      </c>
      <c r="D118137" s="14" t="s">
        <v>14</v>
      </c>
      <c r="E118137" s="15">
        <v>45618</v>
      </c>
      <c r="F118137" s="14" t="s">
        <v>15</v>
      </c>
      <c r="G118137" s="16">
        <v>0.59636743101311762</v>
      </c>
    </row>
    <row r="118138" spans="1:7" x14ac:dyDescent="0.3">
      <c r="A118138" s="13" t="s">
        <v>557</v>
      </c>
      <c r="B118138" s="14" t="s">
        <v>1</v>
      </c>
      <c r="C118138" s="14" t="s">
        <v>558</v>
      </c>
      <c r="D118138" s="14" t="s">
        <v>14</v>
      </c>
      <c r="E118138" s="15">
        <v>45619</v>
      </c>
      <c r="F118138" s="14" t="s">
        <v>15</v>
      </c>
      <c r="G118138" s="16">
        <v>0.59636743101311762</v>
      </c>
    </row>
    <row r="118139" spans="1:7" x14ac:dyDescent="0.3">
      <c r="A118139" s="13" t="s">
        <v>557</v>
      </c>
      <c r="B118139" s="14" t="s">
        <v>1</v>
      </c>
      <c r="C118139" s="14" t="s">
        <v>558</v>
      </c>
      <c r="D118139" s="14" t="s">
        <v>14</v>
      </c>
      <c r="E118139" s="15">
        <v>45620</v>
      </c>
      <c r="F118139" s="14" t="s">
        <v>15</v>
      </c>
      <c r="G118139" s="16">
        <v>0.59636743101311762</v>
      </c>
    </row>
    <row r="118140" spans="1:7" x14ac:dyDescent="0.3">
      <c r="A118140" s="13" t="s">
        <v>557</v>
      </c>
      <c r="B118140" s="14" t="s">
        <v>1</v>
      </c>
      <c r="C118140" s="14" t="s">
        <v>558</v>
      </c>
      <c r="D118140" s="14" t="s">
        <v>14</v>
      </c>
      <c r="E118140" s="15">
        <v>45621</v>
      </c>
      <c r="F118140" s="14" t="s">
        <v>15</v>
      </c>
      <c r="G118140" s="16">
        <v>0.59740795295940707</v>
      </c>
    </row>
    <row r="118141" spans="1:7" x14ac:dyDescent="0.3">
      <c r="A118141" s="13" t="s">
        <v>557</v>
      </c>
      <c r="B118141" s="14" t="s">
        <v>1</v>
      </c>
      <c r="C118141" s="14" t="s">
        <v>558</v>
      </c>
      <c r="D118141" s="14" t="s">
        <v>14</v>
      </c>
      <c r="E118141" s="15">
        <v>45622</v>
      </c>
      <c r="F118141" s="14" t="s">
        <v>15</v>
      </c>
      <c r="G118141" s="16">
        <v>0.59124148695257095</v>
      </c>
    </row>
    <row r="118142" spans="1:7" x14ac:dyDescent="0.3">
      <c r="A118142" s="13" t="s">
        <v>557</v>
      </c>
      <c r="B118142" s="14" t="s">
        <v>1</v>
      </c>
      <c r="C118142" s="14" t="s">
        <v>558</v>
      </c>
      <c r="D118142" s="14" t="s">
        <v>14</v>
      </c>
      <c r="E118142" s="15">
        <v>45623</v>
      </c>
      <c r="F118142" s="14" t="s">
        <v>15</v>
      </c>
      <c r="G118142" s="16">
        <v>0.60294804528609536</v>
      </c>
    </row>
    <row r="118143" spans="1:7" x14ac:dyDescent="0.3">
      <c r="A118143" s="13" t="s">
        <v>557</v>
      </c>
      <c r="B118143" s="14" t="s">
        <v>1</v>
      </c>
      <c r="C118143" s="14" t="s">
        <v>558</v>
      </c>
      <c r="D118143" s="14" t="s">
        <v>14</v>
      </c>
      <c r="E118143" s="15">
        <v>45624</v>
      </c>
      <c r="F118143" s="14" t="s">
        <v>15</v>
      </c>
      <c r="G118143" s="16">
        <v>0.60030949758906182</v>
      </c>
    </row>
    <row r="118144" spans="1:7" x14ac:dyDescent="0.3">
      <c r="A118144" s="13" t="s">
        <v>557</v>
      </c>
      <c r="B118144" s="14" t="s">
        <v>1</v>
      </c>
      <c r="C118144" s="14" t="s">
        <v>558</v>
      </c>
      <c r="D118144" s="14" t="s">
        <v>14</v>
      </c>
      <c r="E118144" s="15">
        <v>45625</v>
      </c>
      <c r="F118144" s="14" t="s">
        <v>15</v>
      </c>
      <c r="G118144" s="16">
        <v>0.60180045910344793</v>
      </c>
    </row>
    <row r="118145" spans="1:7" x14ac:dyDescent="0.3">
      <c r="A118145" s="13" t="s">
        <v>557</v>
      </c>
      <c r="B118145" s="14" t="s">
        <v>1</v>
      </c>
      <c r="C118145" s="14" t="s">
        <v>558</v>
      </c>
      <c r="D118145" s="14" t="s">
        <v>14</v>
      </c>
      <c r="E118145" s="15">
        <v>45626</v>
      </c>
      <c r="F118145" s="14" t="s">
        <v>15</v>
      </c>
      <c r="G118145" s="16">
        <v>0.60180045910344793</v>
      </c>
    </row>
    <row r="118146" spans="1:7" x14ac:dyDescent="0.3">
      <c r="A118146" s="13" t="s">
        <v>557</v>
      </c>
      <c r="B118146" s="14" t="s">
        <v>1</v>
      </c>
      <c r="C118146" s="14" t="s">
        <v>558</v>
      </c>
      <c r="D118146" s="14" t="s">
        <v>14</v>
      </c>
      <c r="E118146" s="15">
        <v>45627</v>
      </c>
      <c r="F118146" s="14" t="s">
        <v>15</v>
      </c>
      <c r="G118146" s="16">
        <v>0.60180045910344793</v>
      </c>
    </row>
    <row r="118147" spans="1:7" x14ac:dyDescent="0.3">
      <c r="A118147" s="13" t="s">
        <v>557</v>
      </c>
      <c r="B118147" s="14" t="s">
        <v>1</v>
      </c>
      <c r="C118147" s="14" t="s">
        <v>558</v>
      </c>
      <c r="D118147" s="14" t="s">
        <v>14</v>
      </c>
      <c r="E118147" s="15">
        <v>45628</v>
      </c>
      <c r="F118147" s="14" t="s">
        <v>15</v>
      </c>
      <c r="G118147" s="16">
        <v>0.59911817884273211</v>
      </c>
    </row>
    <row r="118148" spans="1:7" x14ac:dyDescent="0.3">
      <c r="A118148" s="13" t="s">
        <v>557</v>
      </c>
      <c r="B118148" s="14" t="s">
        <v>1</v>
      </c>
      <c r="C118148" s="14" t="s">
        <v>558</v>
      </c>
      <c r="D118148" s="14" t="s">
        <v>14</v>
      </c>
      <c r="E118148" s="15">
        <v>45629</v>
      </c>
      <c r="F118148" s="14" t="s">
        <v>15</v>
      </c>
      <c r="G118148" s="16">
        <v>0.59736005841832474</v>
      </c>
    </row>
    <row r="118149" spans="1:7" x14ac:dyDescent="0.3">
      <c r="A118149" s="13" t="s">
        <v>557</v>
      </c>
      <c r="B118149" s="14" t="s">
        <v>1</v>
      </c>
      <c r="C118149" s="14" t="s">
        <v>558</v>
      </c>
      <c r="D118149" s="14" t="s">
        <v>14</v>
      </c>
      <c r="E118149" s="15">
        <v>45630</v>
      </c>
      <c r="F118149" s="14" t="s">
        <v>15</v>
      </c>
      <c r="G118149" s="16">
        <v>0.59490106177520263</v>
      </c>
    </row>
    <row r="118150" spans="1:7" x14ac:dyDescent="0.3">
      <c r="A118150" s="13" t="s">
        <v>557</v>
      </c>
      <c r="B118150" s="14" t="s">
        <v>1</v>
      </c>
      <c r="C118150" s="14" t="s">
        <v>558</v>
      </c>
      <c r="D118150" s="14" t="s">
        <v>14</v>
      </c>
      <c r="E118150" s="15">
        <v>45631</v>
      </c>
      <c r="F118150" s="14" t="s">
        <v>15</v>
      </c>
      <c r="G118150" s="16">
        <v>0.59217339866538232</v>
      </c>
    </row>
    <row r="118151" spans="1:7" x14ac:dyDescent="0.3">
      <c r="A118151" s="13" t="s">
        <v>557</v>
      </c>
      <c r="B118151" s="14" t="s">
        <v>1</v>
      </c>
      <c r="C118151" s="14" t="s">
        <v>558</v>
      </c>
      <c r="D118151" s="14" t="s">
        <v>14</v>
      </c>
      <c r="E118151" s="15">
        <v>45632</v>
      </c>
      <c r="F118151" s="14" t="s">
        <v>15</v>
      </c>
      <c r="G118151" s="16">
        <v>0.58929638472487278</v>
      </c>
    </row>
    <row r="118152" spans="1:7" x14ac:dyDescent="0.3">
      <c r="A118152" s="13" t="s">
        <v>557</v>
      </c>
      <c r="B118152" s="14" t="s">
        <v>1</v>
      </c>
      <c r="C118152" s="14" t="s">
        <v>558</v>
      </c>
      <c r="D118152" s="14" t="s">
        <v>14</v>
      </c>
      <c r="E118152" s="15">
        <v>45633</v>
      </c>
      <c r="F118152" s="14" t="s">
        <v>15</v>
      </c>
      <c r="G118152" s="16">
        <v>0.58929638472487278</v>
      </c>
    </row>
    <row r="118153" spans="1:7" x14ac:dyDescent="0.3">
      <c r="A118153" s="13" t="s">
        <v>557</v>
      </c>
      <c r="B118153" s="14" t="s">
        <v>1</v>
      </c>
      <c r="C118153" s="14" t="s">
        <v>558</v>
      </c>
      <c r="D118153" s="14" t="s">
        <v>14</v>
      </c>
      <c r="E118153" s="15">
        <v>45634</v>
      </c>
      <c r="F118153" s="14" t="s">
        <v>15</v>
      </c>
      <c r="G118153" s="16">
        <v>0.58929638472487278</v>
      </c>
    </row>
    <row r="118154" spans="1:7" x14ac:dyDescent="0.3">
      <c r="A118154" s="13" t="s">
        <v>557</v>
      </c>
      <c r="B118154" s="14" t="s">
        <v>1</v>
      </c>
      <c r="C118154" s="14" t="s">
        <v>558</v>
      </c>
      <c r="D118154" s="14" t="s">
        <v>14</v>
      </c>
      <c r="E118154" s="15">
        <v>45635</v>
      </c>
      <c r="F118154" s="14" t="s">
        <v>15</v>
      </c>
      <c r="G118154" s="16">
        <v>0.59039754882258733</v>
      </c>
    </row>
    <row r="118155" spans="1:7" x14ac:dyDescent="0.3">
      <c r="A118155" s="13" t="s">
        <v>557</v>
      </c>
      <c r="B118155" s="14" t="s">
        <v>1</v>
      </c>
      <c r="C118155" s="14" t="s">
        <v>558</v>
      </c>
      <c r="D118155" s="14" t="s">
        <v>14</v>
      </c>
      <c r="E118155" s="15">
        <v>45636</v>
      </c>
      <c r="F118155" s="14" t="s">
        <v>15</v>
      </c>
      <c r="G118155" s="16">
        <v>0.60400061516305059</v>
      </c>
    </row>
    <row r="118156" spans="1:7" x14ac:dyDescent="0.3">
      <c r="A118156" s="13" t="s">
        <v>557</v>
      </c>
      <c r="B118156" s="14" t="s">
        <v>1</v>
      </c>
      <c r="C118156" s="14" t="s">
        <v>558</v>
      </c>
      <c r="D118156" s="14" t="s">
        <v>14</v>
      </c>
      <c r="E118156" s="15">
        <v>45637</v>
      </c>
      <c r="F118156" s="14" t="s">
        <v>15</v>
      </c>
      <c r="G118156" s="16">
        <v>0.60817576591628664</v>
      </c>
    </row>
    <row r="118157" spans="1:7" x14ac:dyDescent="0.3">
      <c r="A118157" s="13" t="s">
        <v>557</v>
      </c>
      <c r="B118157" s="14" t="s">
        <v>1</v>
      </c>
      <c r="C118157" s="14" t="s">
        <v>558</v>
      </c>
      <c r="D118157" s="14" t="s">
        <v>14</v>
      </c>
      <c r="E118157" s="15">
        <v>45638</v>
      </c>
      <c r="F118157" s="14" t="s">
        <v>15</v>
      </c>
      <c r="G118157" s="16">
        <v>0.60543490052309035</v>
      </c>
    </row>
    <row r="118158" spans="1:7" x14ac:dyDescent="0.3">
      <c r="A118158" s="13" t="s">
        <v>557</v>
      </c>
      <c r="B118158" s="14" t="s">
        <v>1</v>
      </c>
      <c r="C118158" s="14" t="s">
        <v>558</v>
      </c>
      <c r="D118158" s="14" t="s">
        <v>14</v>
      </c>
      <c r="E118158" s="15">
        <v>45639</v>
      </c>
      <c r="F118158" s="14" t="s">
        <v>15</v>
      </c>
      <c r="G118158" s="16">
        <v>0.65578949315395541</v>
      </c>
    </row>
    <row r="118159" spans="1:7" x14ac:dyDescent="0.3">
      <c r="A118159" s="13" t="s">
        <v>557</v>
      </c>
      <c r="B118159" s="14" t="s">
        <v>1</v>
      </c>
      <c r="C118159" s="14" t="s">
        <v>558</v>
      </c>
      <c r="D118159" s="14" t="s">
        <v>14</v>
      </c>
      <c r="E118159" s="15">
        <v>45640</v>
      </c>
      <c r="F118159" s="14" t="s">
        <v>15</v>
      </c>
      <c r="G118159" s="16">
        <v>0.65578949315395541</v>
      </c>
    </row>
    <row r="118160" spans="1:7" x14ac:dyDescent="0.3">
      <c r="A118160" s="13" t="s">
        <v>557</v>
      </c>
      <c r="B118160" s="14" t="s">
        <v>1</v>
      </c>
      <c r="C118160" s="14" t="s">
        <v>558</v>
      </c>
      <c r="D118160" s="14" t="s">
        <v>14</v>
      </c>
      <c r="E118160" s="15">
        <v>45641</v>
      </c>
      <c r="F118160" s="14" t="s">
        <v>15</v>
      </c>
      <c r="G118160" s="16">
        <v>0.65578949315395541</v>
      </c>
    </row>
    <row r="118161" spans="1:7" x14ac:dyDescent="0.3">
      <c r="A118161" s="13" t="s">
        <v>557</v>
      </c>
      <c r="B118161" s="14" t="s">
        <v>1</v>
      </c>
      <c r="C118161" s="14" t="s">
        <v>558</v>
      </c>
      <c r="D118161" s="14" t="s">
        <v>14</v>
      </c>
      <c r="E118161" s="15">
        <v>45642</v>
      </c>
      <c r="F118161" s="14" t="s">
        <v>15</v>
      </c>
      <c r="G118161" s="16">
        <v>0.65297205451717932</v>
      </c>
    </row>
    <row r="118162" spans="1:7" x14ac:dyDescent="0.3">
      <c r="A118162" s="13" t="s">
        <v>557</v>
      </c>
      <c r="B118162" s="14" t="s">
        <v>1</v>
      </c>
      <c r="C118162" s="14" t="s">
        <v>558</v>
      </c>
      <c r="D118162" s="14" t="s">
        <v>14</v>
      </c>
      <c r="E118162" s="15">
        <v>45643</v>
      </c>
      <c r="F118162" s="14" t="s">
        <v>15</v>
      </c>
      <c r="G118162" s="16">
        <v>0.64451971630705385</v>
      </c>
    </row>
    <row r="118163" spans="1:7" x14ac:dyDescent="0.3">
      <c r="A118163" s="13" t="s">
        <v>557</v>
      </c>
      <c r="B118163" s="14" t="s">
        <v>1</v>
      </c>
      <c r="C118163" s="14" t="s">
        <v>558</v>
      </c>
      <c r="D118163" s="14" t="s">
        <v>14</v>
      </c>
      <c r="E118163" s="15">
        <v>45644</v>
      </c>
      <c r="F118163" s="14" t="s">
        <v>15</v>
      </c>
      <c r="G118163" s="16">
        <v>0.66068650105056248</v>
      </c>
    </row>
    <row r="118164" spans="1:7" x14ac:dyDescent="0.3">
      <c r="A118164" s="13" t="s">
        <v>557</v>
      </c>
      <c r="B118164" s="14" t="s">
        <v>1</v>
      </c>
      <c r="C118164" s="14" t="s">
        <v>558</v>
      </c>
      <c r="D118164" s="14" t="s">
        <v>14</v>
      </c>
      <c r="E118164" s="15">
        <v>45645</v>
      </c>
      <c r="F118164" s="14" t="s">
        <v>15</v>
      </c>
      <c r="G118164" s="16">
        <v>0.66387725654958762</v>
      </c>
    </row>
    <row r="118165" spans="1:7" x14ac:dyDescent="0.3">
      <c r="A118165" s="13" t="s">
        <v>557</v>
      </c>
      <c r="B118165" s="14" t="s">
        <v>1</v>
      </c>
      <c r="C118165" s="14" t="s">
        <v>558</v>
      </c>
      <c r="D118165" s="14" t="s">
        <v>14</v>
      </c>
      <c r="E118165" s="15">
        <v>45646</v>
      </c>
      <c r="F118165" s="14" t="s">
        <v>15</v>
      </c>
      <c r="G118165" s="16">
        <v>0.66111691778841197</v>
      </c>
    </row>
    <row r="118166" spans="1:7" x14ac:dyDescent="0.3">
      <c r="A118166" s="13" t="s">
        <v>557</v>
      </c>
      <c r="B118166" s="14" t="s">
        <v>1</v>
      </c>
      <c r="C118166" s="14" t="s">
        <v>558</v>
      </c>
      <c r="D118166" s="14" t="s">
        <v>14</v>
      </c>
      <c r="E118166" s="15">
        <v>45647</v>
      </c>
      <c r="F118166" s="14" t="s">
        <v>15</v>
      </c>
      <c r="G118166" s="16">
        <v>0.66111691778841197</v>
      </c>
    </row>
    <row r="118167" spans="1:7" x14ac:dyDescent="0.3">
      <c r="A118167" s="13" t="s">
        <v>557</v>
      </c>
      <c r="B118167" s="14" t="s">
        <v>1</v>
      </c>
      <c r="C118167" s="14" t="s">
        <v>558</v>
      </c>
      <c r="D118167" s="14" t="s">
        <v>14</v>
      </c>
      <c r="E118167" s="15">
        <v>45648</v>
      </c>
      <c r="F118167" s="14" t="s">
        <v>15</v>
      </c>
      <c r="G118167" s="16">
        <v>0.66111691778841197</v>
      </c>
    </row>
    <row r="118168" spans="1:7" x14ac:dyDescent="0.3">
      <c r="A118168" s="13" t="s">
        <v>557</v>
      </c>
      <c r="B118168" s="14" t="s">
        <v>1</v>
      </c>
      <c r="C118168" s="14" t="s">
        <v>558</v>
      </c>
      <c r="D118168" s="14" t="s">
        <v>14</v>
      </c>
      <c r="E118168" s="15">
        <v>45649</v>
      </c>
      <c r="F118168" s="14" t="s">
        <v>15</v>
      </c>
      <c r="G118168" s="16">
        <v>0.66292885981737315</v>
      </c>
    </row>
    <row r="118169" spans="1:7" x14ac:dyDescent="0.3">
      <c r="A118169" s="13" t="s">
        <v>557</v>
      </c>
      <c r="B118169" s="14" t="s">
        <v>1</v>
      </c>
      <c r="C118169" s="14" t="s">
        <v>558</v>
      </c>
      <c r="D118169" s="14" t="s">
        <v>14</v>
      </c>
      <c r="E118169" s="15">
        <v>45650</v>
      </c>
      <c r="F118169" s="14" t="s">
        <v>15</v>
      </c>
      <c r="G118169" s="16">
        <v>0.65590776980730447</v>
      </c>
    </row>
    <row r="118170" spans="1:7" x14ac:dyDescent="0.3">
      <c r="A118170" s="13" t="s">
        <v>557</v>
      </c>
      <c r="B118170" s="14" t="s">
        <v>1</v>
      </c>
      <c r="C118170" s="14" t="s">
        <v>558</v>
      </c>
      <c r="D118170" s="14" t="s">
        <v>14</v>
      </c>
      <c r="E118170" s="15">
        <v>45651</v>
      </c>
      <c r="F118170" s="14" t="s">
        <v>15</v>
      </c>
      <c r="G118170" s="16">
        <v>0.65590776980730447</v>
      </c>
    </row>
    <row r="118171" spans="1:7" x14ac:dyDescent="0.3">
      <c r="A118171" s="13" t="s">
        <v>557</v>
      </c>
      <c r="B118171" s="14" t="s">
        <v>1</v>
      </c>
      <c r="C118171" s="14" t="s">
        <v>558</v>
      </c>
      <c r="D118171" s="14" t="s">
        <v>14</v>
      </c>
      <c r="E118171" s="15">
        <v>45652</v>
      </c>
      <c r="F118171" s="14" t="s">
        <v>15</v>
      </c>
      <c r="G118171" s="16">
        <v>0.65590776980730447</v>
      </c>
    </row>
    <row r="118172" spans="1:7" x14ac:dyDescent="0.3">
      <c r="A118172" s="13" t="s">
        <v>557</v>
      </c>
      <c r="B118172" s="14" t="s">
        <v>1</v>
      </c>
      <c r="C118172" s="14" t="s">
        <v>558</v>
      </c>
      <c r="D118172" s="14" t="s">
        <v>14</v>
      </c>
      <c r="E118172" s="15">
        <v>45653</v>
      </c>
      <c r="F118172" s="14" t="s">
        <v>15</v>
      </c>
      <c r="G118172" s="16">
        <v>0.65590776980730447</v>
      </c>
    </row>
    <row r="118173" spans="1:7" x14ac:dyDescent="0.3">
      <c r="A118173" s="13" t="s">
        <v>557</v>
      </c>
      <c r="B118173" s="14" t="s">
        <v>1</v>
      </c>
      <c r="C118173" s="14" t="s">
        <v>558</v>
      </c>
      <c r="D118173" s="14" t="s">
        <v>14</v>
      </c>
      <c r="E118173" s="15">
        <v>45654</v>
      </c>
      <c r="F118173" s="14" t="s">
        <v>15</v>
      </c>
      <c r="G118173" s="16">
        <v>0.65590776980730447</v>
      </c>
    </row>
    <row r="118174" spans="1:7" x14ac:dyDescent="0.3">
      <c r="A118174" s="13" t="s">
        <v>557</v>
      </c>
      <c r="B118174" s="14" t="s">
        <v>1</v>
      </c>
      <c r="C118174" s="14" t="s">
        <v>558</v>
      </c>
      <c r="D118174" s="14" t="s">
        <v>14</v>
      </c>
      <c r="E118174" s="15">
        <v>45655</v>
      </c>
      <c r="F118174" s="14" t="s">
        <v>15</v>
      </c>
      <c r="G118174" s="16">
        <v>0.65590776980730447</v>
      </c>
    </row>
    <row r="118175" spans="1:7" x14ac:dyDescent="0.3">
      <c r="A118175" s="13" t="s">
        <v>557</v>
      </c>
      <c r="B118175" s="14" t="s">
        <v>1</v>
      </c>
      <c r="C118175" s="14" t="s">
        <v>558</v>
      </c>
      <c r="D118175" s="14" t="s">
        <v>14</v>
      </c>
      <c r="E118175" s="15">
        <v>45656</v>
      </c>
      <c r="F118175" s="14" t="s">
        <v>15</v>
      </c>
      <c r="G118175" s="16">
        <v>0.65385173086282811</v>
      </c>
    </row>
    <row r="118176" spans="1:7" x14ac:dyDescent="0.3">
      <c r="A118176" s="13" t="s">
        <v>557</v>
      </c>
      <c r="B118176" s="14" t="s">
        <v>1</v>
      </c>
      <c r="C118176" s="14" t="s">
        <v>558</v>
      </c>
      <c r="D118176" s="14" t="s">
        <v>14</v>
      </c>
      <c r="E118176" s="15">
        <v>45657</v>
      </c>
      <c r="F118176" s="14" t="s">
        <v>15</v>
      </c>
      <c r="G118176" s="16">
        <v>0.6739115646812871</v>
      </c>
    </row>
    <row r="118177" spans="1:7" x14ac:dyDescent="0.3">
      <c r="A118177" s="13" t="s">
        <v>557</v>
      </c>
      <c r="B118177" s="14" t="s">
        <v>1</v>
      </c>
      <c r="C118177" s="14" t="s">
        <v>558</v>
      </c>
      <c r="D118177" s="14" t="s">
        <v>14</v>
      </c>
      <c r="E118177" s="15">
        <v>45658</v>
      </c>
      <c r="F118177" s="14" t="s">
        <v>15</v>
      </c>
      <c r="G118177" s="16">
        <v>0.6739115646812871</v>
      </c>
    </row>
    <row r="118178" spans="1:7" x14ac:dyDescent="0.3">
      <c r="A118178" s="13" t="s">
        <v>557</v>
      </c>
      <c r="B118178" s="14" t="s">
        <v>1</v>
      </c>
      <c r="C118178" s="14" t="s">
        <v>558</v>
      </c>
      <c r="D118178" s="14" t="s">
        <v>14</v>
      </c>
      <c r="E118178" s="15">
        <v>45659</v>
      </c>
      <c r="F118178" s="14" t="s">
        <v>15</v>
      </c>
      <c r="G118178" s="16">
        <v>0.67477381856921392</v>
      </c>
    </row>
    <row r="118179" spans="1:7" x14ac:dyDescent="0.3">
      <c r="A118179" s="13" t="s">
        <v>557</v>
      </c>
      <c r="B118179" s="14" t="s">
        <v>1</v>
      </c>
      <c r="C118179" s="14" t="s">
        <v>558</v>
      </c>
      <c r="D118179" s="14" t="s">
        <v>14</v>
      </c>
      <c r="E118179" s="15">
        <v>45660</v>
      </c>
      <c r="F118179" s="14" t="s">
        <v>15</v>
      </c>
      <c r="G118179" s="16">
        <v>0.70743525865852475</v>
      </c>
    </row>
    <row r="118180" spans="1:7" x14ac:dyDescent="0.3">
      <c r="A118180" s="13" t="s">
        <v>557</v>
      </c>
      <c r="B118180" s="14" t="s">
        <v>1</v>
      </c>
      <c r="C118180" s="14" t="s">
        <v>558</v>
      </c>
      <c r="D118180" s="14" t="s">
        <v>14</v>
      </c>
      <c r="E118180" s="15">
        <v>45661</v>
      </c>
      <c r="F118180" s="14" t="s">
        <v>15</v>
      </c>
      <c r="G118180" s="16">
        <v>0.70743525865852475</v>
      </c>
    </row>
    <row r="118181" spans="1:7" x14ac:dyDescent="0.3">
      <c r="A118181" s="13" t="s">
        <v>557</v>
      </c>
      <c r="B118181" s="14" t="s">
        <v>1</v>
      </c>
      <c r="C118181" s="14" t="s">
        <v>558</v>
      </c>
      <c r="D118181" s="14" t="s">
        <v>14</v>
      </c>
      <c r="E118181" s="15">
        <v>45662</v>
      </c>
      <c r="F118181" s="14" t="s">
        <v>15</v>
      </c>
      <c r="G118181" s="16">
        <v>0.70743525865852475</v>
      </c>
    </row>
    <row r="118182" spans="1:7" x14ac:dyDescent="0.3">
      <c r="A118182" s="13" t="s">
        <v>557</v>
      </c>
      <c r="B118182" s="14" t="s">
        <v>1</v>
      </c>
      <c r="C118182" s="14" t="s">
        <v>558</v>
      </c>
      <c r="D118182" s="14" t="s">
        <v>14</v>
      </c>
      <c r="E118182" s="15">
        <v>45663</v>
      </c>
      <c r="F118182" s="14" t="s">
        <v>15</v>
      </c>
      <c r="G118182" s="16">
        <v>0.70471030987931293</v>
      </c>
    </row>
    <row r="118183" spans="1:7" x14ac:dyDescent="0.3">
      <c r="A118183" s="13" t="s">
        <v>557</v>
      </c>
      <c r="B118183" s="14" t="s">
        <v>1</v>
      </c>
      <c r="C118183" s="14" t="s">
        <v>558</v>
      </c>
      <c r="D118183" s="14" t="s">
        <v>14</v>
      </c>
      <c r="E118183" s="15">
        <v>45664</v>
      </c>
      <c r="F118183" s="14" t="s">
        <v>15</v>
      </c>
      <c r="G118183" s="16">
        <v>0.70329688090218268</v>
      </c>
    </row>
    <row r="118184" spans="1:7" x14ac:dyDescent="0.3">
      <c r="A118184" s="13" t="s">
        <v>557</v>
      </c>
      <c r="B118184" s="14" t="s">
        <v>1</v>
      </c>
      <c r="C118184" s="14" t="s">
        <v>558</v>
      </c>
      <c r="D118184" s="14" t="s">
        <v>14</v>
      </c>
      <c r="E118184" s="15">
        <v>45665</v>
      </c>
      <c r="F118184" s="14" t="s">
        <v>15</v>
      </c>
      <c r="G118184" s="16">
        <v>0.70046805591718109</v>
      </c>
    </row>
    <row r="118185" spans="1:7" x14ac:dyDescent="0.3">
      <c r="A118185" s="13" t="s">
        <v>557</v>
      </c>
      <c r="B118185" s="14" t="s">
        <v>1</v>
      </c>
      <c r="C118185" s="14" t="s">
        <v>558</v>
      </c>
      <c r="D118185" s="14" t="s">
        <v>14</v>
      </c>
      <c r="E118185" s="15">
        <v>45666</v>
      </c>
      <c r="F118185" s="14" t="s">
        <v>15</v>
      </c>
      <c r="G118185" s="16">
        <v>0.69757753375899534</v>
      </c>
    </row>
    <row r="118186" spans="1:7" x14ac:dyDescent="0.3">
      <c r="A118186" s="13" t="s">
        <v>557</v>
      </c>
      <c r="B118186" s="14" t="s">
        <v>1</v>
      </c>
      <c r="C118186" s="14" t="s">
        <v>558</v>
      </c>
      <c r="D118186" s="14" t="s">
        <v>14</v>
      </c>
      <c r="E118186" s="15">
        <v>45667</v>
      </c>
      <c r="F118186" s="14" t="s">
        <v>15</v>
      </c>
      <c r="G118186" s="16">
        <v>0.69479138403051255</v>
      </c>
    </row>
    <row r="118187" spans="1:7" x14ac:dyDescent="0.3">
      <c r="A118187" s="13" t="s">
        <v>557</v>
      </c>
      <c r="B118187" s="14" t="s">
        <v>1</v>
      </c>
      <c r="C118187" s="14" t="s">
        <v>558</v>
      </c>
      <c r="D118187" s="14" t="s">
        <v>14</v>
      </c>
      <c r="E118187" s="15">
        <v>45668</v>
      </c>
      <c r="F118187" s="14" t="s">
        <v>15</v>
      </c>
      <c r="G118187" s="16">
        <v>0.69479138403051255</v>
      </c>
    </row>
    <row r="118188" spans="1:7" x14ac:dyDescent="0.3">
      <c r="A118188" s="13" t="s">
        <v>557</v>
      </c>
      <c r="B118188" s="14" t="s">
        <v>1</v>
      </c>
      <c r="C118188" s="14" t="s">
        <v>558</v>
      </c>
      <c r="D118188" s="14" t="s">
        <v>14</v>
      </c>
      <c r="E118188" s="15">
        <v>45669</v>
      </c>
      <c r="F118188" s="14" t="s">
        <v>15</v>
      </c>
      <c r="G118188" s="16">
        <v>0.69479138403051255</v>
      </c>
    </row>
    <row r="118189" spans="1:7" x14ac:dyDescent="0.3">
      <c r="A118189" s="13" t="s">
        <v>557</v>
      </c>
      <c r="B118189" s="14" t="s">
        <v>1</v>
      </c>
      <c r="C118189" s="14" t="s">
        <v>558</v>
      </c>
      <c r="D118189" s="14" t="s">
        <v>14</v>
      </c>
      <c r="E118189" s="15">
        <v>45670</v>
      </c>
      <c r="F118189" s="14" t="s">
        <v>15</v>
      </c>
      <c r="G118189" s="16">
        <v>0.69189275688174767</v>
      </c>
    </row>
    <row r="118190" spans="1:7" x14ac:dyDescent="0.3">
      <c r="A118190" s="13" t="s">
        <v>557</v>
      </c>
      <c r="B118190" s="14" t="s">
        <v>1</v>
      </c>
      <c r="C118190" s="14" t="s">
        <v>558</v>
      </c>
      <c r="D118190" s="14" t="s">
        <v>14</v>
      </c>
      <c r="E118190" s="15">
        <v>45671</v>
      </c>
      <c r="F118190" s="14" t="s">
        <v>15</v>
      </c>
      <c r="G118190" s="16">
        <v>0.6831749119051318</v>
      </c>
    </row>
    <row r="118191" spans="1:7" x14ac:dyDescent="0.3">
      <c r="A118191" s="13" t="s">
        <v>557</v>
      </c>
      <c r="B118191" s="14" t="s">
        <v>1</v>
      </c>
      <c r="C118191" s="14" t="s">
        <v>558</v>
      </c>
      <c r="D118191" s="14" t="s">
        <v>14</v>
      </c>
      <c r="E118191" s="15">
        <v>45672</v>
      </c>
      <c r="F118191" s="14" t="s">
        <v>15</v>
      </c>
      <c r="G118191" s="16">
        <v>0.68041754316360337</v>
      </c>
    </row>
    <row r="118192" spans="1:7" x14ac:dyDescent="0.3">
      <c r="A118192" s="13" t="s">
        <v>557</v>
      </c>
      <c r="B118192" s="14" t="s">
        <v>1</v>
      </c>
      <c r="C118192" s="14" t="s">
        <v>558</v>
      </c>
      <c r="D118192" s="14" t="s">
        <v>14</v>
      </c>
      <c r="E118192" s="15">
        <v>45673</v>
      </c>
      <c r="F118192" s="14" t="s">
        <v>15</v>
      </c>
      <c r="G118192" s="16">
        <v>0.67761567967787528</v>
      </c>
    </row>
    <row r="118193" spans="1:7" x14ac:dyDescent="0.3">
      <c r="A118193" s="13" t="s">
        <v>557</v>
      </c>
      <c r="B118193" s="14" t="s">
        <v>1</v>
      </c>
      <c r="C118193" s="14" t="s">
        <v>558</v>
      </c>
      <c r="D118193" s="14" t="s">
        <v>14</v>
      </c>
      <c r="E118193" s="15">
        <v>45674</v>
      </c>
      <c r="F118193" s="14" t="s">
        <v>15</v>
      </c>
      <c r="G118193" s="16">
        <v>0.67480074896243791</v>
      </c>
    </row>
    <row r="118194" spans="1:7" x14ac:dyDescent="0.3">
      <c r="A118194" s="13" t="s">
        <v>557</v>
      </c>
      <c r="B118194" s="14" t="s">
        <v>1</v>
      </c>
      <c r="C118194" s="14" t="s">
        <v>558</v>
      </c>
      <c r="D118194" s="14" t="s">
        <v>14</v>
      </c>
      <c r="E118194" s="15">
        <v>45675</v>
      </c>
      <c r="F118194" s="14" t="s">
        <v>15</v>
      </c>
      <c r="G118194" s="16">
        <v>0.67480074896243791</v>
      </c>
    </row>
    <row r="118195" spans="1:7" x14ac:dyDescent="0.3">
      <c r="A118195" s="13" t="s">
        <v>557</v>
      </c>
      <c r="B118195" s="14" t="s">
        <v>1</v>
      </c>
      <c r="C118195" s="14" t="s">
        <v>558</v>
      </c>
      <c r="D118195" s="14" t="s">
        <v>14</v>
      </c>
      <c r="E118195" s="15">
        <v>45676</v>
      </c>
      <c r="F118195" s="14" t="s">
        <v>15</v>
      </c>
      <c r="G118195" s="16">
        <v>0.67480074896243791</v>
      </c>
    </row>
    <row r="118196" spans="1:7" x14ac:dyDescent="0.3">
      <c r="A118196" s="13" t="s">
        <v>557</v>
      </c>
      <c r="B118196" s="14" t="s">
        <v>1</v>
      </c>
      <c r="C118196" s="14" t="s">
        <v>558</v>
      </c>
      <c r="D118196" s="14" t="s">
        <v>14</v>
      </c>
      <c r="E118196" s="15">
        <v>45677</v>
      </c>
      <c r="F118196" s="14" t="s">
        <v>15</v>
      </c>
      <c r="G118196" s="16">
        <v>0.67807961330671629</v>
      </c>
    </row>
    <row r="118197" spans="1:7" x14ac:dyDescent="0.3">
      <c r="A118197" s="13" t="s">
        <v>557</v>
      </c>
      <c r="B118197" s="14" t="s">
        <v>1</v>
      </c>
      <c r="C118197" s="14" t="s">
        <v>558</v>
      </c>
      <c r="D118197" s="14" t="s">
        <v>14</v>
      </c>
      <c r="E118197" s="15">
        <v>45678</v>
      </c>
      <c r="F118197" s="14" t="s">
        <v>15</v>
      </c>
      <c r="G118197" s="16">
        <v>0.66961203059022778</v>
      </c>
    </row>
    <row r="118198" spans="1:7" x14ac:dyDescent="0.3">
      <c r="A118198" s="13" t="s">
        <v>557</v>
      </c>
      <c r="B118198" s="14" t="s">
        <v>1</v>
      </c>
      <c r="C118198" s="14" t="s">
        <v>558</v>
      </c>
      <c r="D118198" s="14" t="s">
        <v>14</v>
      </c>
      <c r="E118198" s="15">
        <v>45679</v>
      </c>
      <c r="F118198" s="14" t="s">
        <v>15</v>
      </c>
      <c r="G118198" s="16">
        <v>0.66674598881175051</v>
      </c>
    </row>
    <row r="118199" spans="1:7" x14ac:dyDescent="0.3">
      <c r="A118199" s="13" t="s">
        <v>557</v>
      </c>
      <c r="B118199" s="14" t="s">
        <v>1</v>
      </c>
      <c r="C118199" s="14" t="s">
        <v>558</v>
      </c>
      <c r="D118199" s="14" t="s">
        <v>14</v>
      </c>
      <c r="E118199" s="15">
        <v>45680</v>
      </c>
      <c r="F118199" s="14" t="s">
        <v>15</v>
      </c>
      <c r="G118199" s="16">
        <v>0.66308466550869161</v>
      </c>
    </row>
    <row r="118200" spans="1:7" x14ac:dyDescent="0.3">
      <c r="A118200" s="13" t="s">
        <v>557</v>
      </c>
      <c r="B118200" s="14" t="s">
        <v>1</v>
      </c>
      <c r="C118200" s="14" t="s">
        <v>558</v>
      </c>
      <c r="D118200" s="14" t="s">
        <v>14</v>
      </c>
      <c r="E118200" s="15">
        <v>45681</v>
      </c>
      <c r="F118200" s="14" t="s">
        <v>15</v>
      </c>
      <c r="G118200" s="16">
        <v>0.66000822479109877</v>
      </c>
    </row>
    <row r="118201" spans="1:7" x14ac:dyDescent="0.3">
      <c r="A118201" s="13" t="s">
        <v>557</v>
      </c>
      <c r="B118201" s="14" t="s">
        <v>1</v>
      </c>
      <c r="C118201" s="14" t="s">
        <v>558</v>
      </c>
      <c r="D118201" s="14" t="s">
        <v>14</v>
      </c>
      <c r="E118201" s="15">
        <v>45682</v>
      </c>
      <c r="F118201" s="14" t="s">
        <v>15</v>
      </c>
      <c r="G118201" s="16">
        <v>0.66000822479109877</v>
      </c>
    </row>
    <row r="118202" spans="1:7" x14ac:dyDescent="0.3">
      <c r="A118202" s="13" t="s">
        <v>557</v>
      </c>
      <c r="B118202" s="14" t="s">
        <v>1</v>
      </c>
      <c r="C118202" s="14" t="s">
        <v>558</v>
      </c>
      <c r="D118202" s="14" t="s">
        <v>14</v>
      </c>
      <c r="E118202" s="15">
        <v>45683</v>
      </c>
      <c r="F118202" s="14" t="s">
        <v>15</v>
      </c>
      <c r="G118202" s="16">
        <v>0.66000822479109877</v>
      </c>
    </row>
    <row r="118203" spans="1:7" x14ac:dyDescent="0.3">
      <c r="A118203" s="13" t="s">
        <v>557</v>
      </c>
      <c r="B118203" s="14" t="s">
        <v>1</v>
      </c>
      <c r="C118203" s="14" t="s">
        <v>558</v>
      </c>
      <c r="D118203" s="14" t="s">
        <v>14</v>
      </c>
      <c r="E118203" s="15">
        <v>45684</v>
      </c>
      <c r="F118203" s="14" t="s">
        <v>15</v>
      </c>
      <c r="G118203" s="16">
        <v>0.65724175861116518</v>
      </c>
    </row>
    <row r="118204" spans="1:7" x14ac:dyDescent="0.3">
      <c r="A118204" s="13" t="s">
        <v>557</v>
      </c>
      <c r="B118204" s="14" t="s">
        <v>1</v>
      </c>
      <c r="C118204" s="14" t="s">
        <v>558</v>
      </c>
      <c r="D118204" s="14" t="s">
        <v>14</v>
      </c>
      <c r="E118204" s="15">
        <v>45685</v>
      </c>
      <c r="F118204" s="14" t="s">
        <v>15</v>
      </c>
      <c r="G118204" s="16">
        <v>0.64868154743091511</v>
      </c>
    </row>
    <row r="118205" spans="1:7" x14ac:dyDescent="0.3">
      <c r="A118205" s="13" t="s">
        <v>557</v>
      </c>
      <c r="B118205" s="14" t="s">
        <v>1</v>
      </c>
      <c r="C118205" s="14" t="s">
        <v>558</v>
      </c>
      <c r="D118205" s="14" t="s">
        <v>14</v>
      </c>
      <c r="E118205" s="15">
        <v>45686</v>
      </c>
      <c r="F118205" s="14" t="s">
        <v>15</v>
      </c>
      <c r="G118205" s="16">
        <v>0.64584015144011719</v>
      </c>
    </row>
    <row r="118206" spans="1:7" x14ac:dyDescent="0.3">
      <c r="A118206" s="13" t="s">
        <v>557</v>
      </c>
      <c r="B118206" s="14" t="s">
        <v>1</v>
      </c>
      <c r="C118206" s="14" t="s">
        <v>558</v>
      </c>
      <c r="D118206" s="14" t="s">
        <v>14</v>
      </c>
      <c r="E118206" s="15">
        <v>45687</v>
      </c>
      <c r="F118206" s="14" t="s">
        <v>15</v>
      </c>
      <c r="G118206" s="16">
        <v>0.64298684607540713</v>
      </c>
    </row>
    <row r="118207" spans="1:7" x14ac:dyDescent="0.3">
      <c r="A118207" s="13" t="s">
        <v>557</v>
      </c>
      <c r="B118207" s="14" t="s">
        <v>1</v>
      </c>
      <c r="C118207" s="14" t="s">
        <v>558</v>
      </c>
      <c r="D118207" s="14" t="s">
        <v>14</v>
      </c>
      <c r="E118207" s="15">
        <v>45688</v>
      </c>
      <c r="F118207" s="14" t="s">
        <v>15</v>
      </c>
      <c r="G118207" s="16">
        <v>0.64019176431649005</v>
      </c>
    </row>
    <row r="118208" spans="1:7" x14ac:dyDescent="0.3">
      <c r="A118208" s="13" t="s">
        <v>557</v>
      </c>
      <c r="B118208" s="14" t="s">
        <v>1</v>
      </c>
      <c r="C118208" s="14" t="s">
        <v>558</v>
      </c>
      <c r="D118208" s="14" t="s">
        <v>14</v>
      </c>
      <c r="E118208" s="15">
        <v>45689</v>
      </c>
      <c r="F118208" s="14" t="s">
        <v>15</v>
      </c>
      <c r="G118208" s="16">
        <v>0.64019176431649005</v>
      </c>
    </row>
    <row r="118209" spans="1:7" x14ac:dyDescent="0.3">
      <c r="A118209" s="13" t="s">
        <v>557</v>
      </c>
      <c r="B118209" s="14" t="s">
        <v>1</v>
      </c>
      <c r="C118209" s="14" t="s">
        <v>558</v>
      </c>
      <c r="D118209" s="14" t="s">
        <v>14</v>
      </c>
      <c r="E118209" s="15">
        <v>45690</v>
      </c>
      <c r="F118209" s="14" t="s">
        <v>15</v>
      </c>
      <c r="G118209" s="16">
        <v>0.64019176431649005</v>
      </c>
    </row>
    <row r="118210" spans="1:7" x14ac:dyDescent="0.3">
      <c r="A118210" s="13" t="s">
        <v>557</v>
      </c>
      <c r="B118210" s="14" t="s">
        <v>1</v>
      </c>
      <c r="C118210" s="14" t="s">
        <v>558</v>
      </c>
      <c r="D118210" s="14" t="s">
        <v>14</v>
      </c>
      <c r="E118210" s="15">
        <v>45691</v>
      </c>
      <c r="F118210" s="14" t="s">
        <v>15</v>
      </c>
      <c r="G118210" s="16">
        <v>0.64019176431649005</v>
      </c>
    </row>
    <row r="118211" spans="1:7" x14ac:dyDescent="0.3">
      <c r="A118211" s="13" t="s">
        <v>557</v>
      </c>
      <c r="B118211" s="14" t="s">
        <v>1</v>
      </c>
      <c r="C118211" s="14" t="s">
        <v>558</v>
      </c>
      <c r="D118211" s="14" t="s">
        <v>14</v>
      </c>
      <c r="E118211" s="15">
        <v>45692</v>
      </c>
      <c r="F118211" s="14" t="s">
        <v>15</v>
      </c>
      <c r="G118211" s="16">
        <v>0.63924958264874687</v>
      </c>
    </row>
    <row r="118212" spans="1:7" x14ac:dyDescent="0.3">
      <c r="A118212" s="13" t="s">
        <v>557</v>
      </c>
      <c r="B118212" s="14" t="s">
        <v>1</v>
      </c>
      <c r="C118212" s="14" t="s">
        <v>558</v>
      </c>
      <c r="D118212" s="14" t="s">
        <v>14</v>
      </c>
      <c r="E118212" s="15">
        <v>45693</v>
      </c>
      <c r="F118212" s="14" t="s">
        <v>15</v>
      </c>
      <c r="G118212" s="16">
        <v>0.62828384334620235</v>
      </c>
    </row>
    <row r="118213" spans="1:7" x14ac:dyDescent="0.3">
      <c r="A118213" s="13" t="s">
        <v>557</v>
      </c>
      <c r="B118213" s="14" t="s">
        <v>1</v>
      </c>
      <c r="C118213" s="14" t="s">
        <v>558</v>
      </c>
      <c r="D118213" s="14" t="s">
        <v>14</v>
      </c>
      <c r="E118213" s="15">
        <v>45694</v>
      </c>
      <c r="F118213" s="14" t="s">
        <v>15</v>
      </c>
      <c r="G118213" s="16">
        <v>0.62534634532425193</v>
      </c>
    </row>
    <row r="118214" spans="1:7" x14ac:dyDescent="0.3">
      <c r="A118214" s="13" t="s">
        <v>557</v>
      </c>
      <c r="B118214" s="14" t="s">
        <v>1</v>
      </c>
      <c r="C118214" s="14" t="s">
        <v>558</v>
      </c>
      <c r="D118214" s="14" t="s">
        <v>14</v>
      </c>
      <c r="E118214" s="15">
        <v>45695</v>
      </c>
      <c r="F118214" s="14" t="s">
        <v>15</v>
      </c>
      <c r="G118214" s="16">
        <v>0.62242704217911171</v>
      </c>
    </row>
    <row r="118215" spans="1:7" x14ac:dyDescent="0.3">
      <c r="A118215" s="13" t="s">
        <v>557</v>
      </c>
      <c r="B118215" s="14" t="s">
        <v>1</v>
      </c>
      <c r="C118215" s="14" t="s">
        <v>558</v>
      </c>
      <c r="D118215" s="14" t="s">
        <v>14</v>
      </c>
      <c r="E118215" s="15">
        <v>45696</v>
      </c>
      <c r="F118215" s="14" t="s">
        <v>15</v>
      </c>
      <c r="G118215" s="16">
        <v>0.62242704217911171</v>
      </c>
    </row>
    <row r="118216" spans="1:7" x14ac:dyDescent="0.3">
      <c r="A118216" s="13" t="s">
        <v>557</v>
      </c>
      <c r="B118216" s="14" t="s">
        <v>1</v>
      </c>
      <c r="C118216" s="14" t="s">
        <v>558</v>
      </c>
      <c r="D118216" s="14" t="s">
        <v>14</v>
      </c>
      <c r="E118216" s="15">
        <v>45697</v>
      </c>
      <c r="F118216" s="14" t="s">
        <v>15</v>
      </c>
      <c r="G118216" s="16">
        <v>0.62242704217911171</v>
      </c>
    </row>
    <row r="118217" spans="1:7" x14ac:dyDescent="0.3">
      <c r="A118217" s="13" t="s">
        <v>557</v>
      </c>
      <c r="B118217" s="14" t="s">
        <v>1</v>
      </c>
      <c r="C118217" s="14" t="s">
        <v>558</v>
      </c>
      <c r="D118217" s="14" t="s">
        <v>14</v>
      </c>
      <c r="E118217" s="15">
        <v>45698</v>
      </c>
      <c r="F118217" s="14" t="s">
        <v>15</v>
      </c>
      <c r="G118217" s="16">
        <v>0.61945213471623961</v>
      </c>
    </row>
    <row r="118218" spans="1:7" x14ac:dyDescent="0.3">
      <c r="A118218" s="13" t="s">
        <v>557</v>
      </c>
      <c r="B118218" s="14" t="s">
        <v>1</v>
      </c>
      <c r="C118218" s="14" t="s">
        <v>558</v>
      </c>
      <c r="D118218" s="14" t="s">
        <v>14</v>
      </c>
      <c r="E118218" s="15">
        <v>45699</v>
      </c>
      <c r="F118218" s="14" t="s">
        <v>15</v>
      </c>
      <c r="G118218" s="16">
        <v>0.61061824869588077</v>
      </c>
    </row>
    <row r="118219" spans="1:7" x14ac:dyDescent="0.3">
      <c r="A118219" s="13" t="s">
        <v>557</v>
      </c>
      <c r="B118219" s="14" t="s">
        <v>1</v>
      </c>
      <c r="C118219" s="14" t="s">
        <v>558</v>
      </c>
      <c r="D118219" s="14" t="s">
        <v>14</v>
      </c>
      <c r="E118219" s="15">
        <v>45700</v>
      </c>
      <c r="F118219" s="14" t="s">
        <v>15</v>
      </c>
      <c r="G118219" s="16">
        <v>0.60794055518952173</v>
      </c>
    </row>
    <row r="118220" spans="1:7" x14ac:dyDescent="0.3">
      <c r="A118220" s="13" t="s">
        <v>557</v>
      </c>
      <c r="B118220" s="14" t="s">
        <v>1</v>
      </c>
      <c r="C118220" s="14" t="s">
        <v>558</v>
      </c>
      <c r="D118220" s="14" t="s">
        <v>14</v>
      </c>
      <c r="E118220" s="15">
        <v>45701</v>
      </c>
      <c r="F118220" s="14" t="s">
        <v>15</v>
      </c>
      <c r="G118220" s="16">
        <v>0.60503087757641894</v>
      </c>
    </row>
    <row r="118221" spans="1:7" x14ac:dyDescent="0.3">
      <c r="A118221" s="13" t="s">
        <v>557</v>
      </c>
      <c r="B118221" s="14" t="s">
        <v>1</v>
      </c>
      <c r="C118221" s="14" t="s">
        <v>558</v>
      </c>
      <c r="D118221" s="14" t="s">
        <v>14</v>
      </c>
      <c r="E118221" s="15">
        <v>45702</v>
      </c>
      <c r="F118221" s="14" t="s">
        <v>15</v>
      </c>
      <c r="G118221" s="16">
        <v>0.60218040859618349</v>
      </c>
    </row>
    <row r="118222" spans="1:7" x14ac:dyDescent="0.3">
      <c r="A118222" s="13" t="s">
        <v>557</v>
      </c>
      <c r="B118222" s="14" t="s">
        <v>1</v>
      </c>
      <c r="C118222" s="14" t="s">
        <v>558</v>
      </c>
      <c r="D118222" s="14" t="s">
        <v>14</v>
      </c>
      <c r="E118222" s="15">
        <v>45703</v>
      </c>
      <c r="F118222" s="14" t="s">
        <v>15</v>
      </c>
      <c r="G118222" s="16">
        <v>0.60218040859618349</v>
      </c>
    </row>
    <row r="118223" spans="1:7" x14ac:dyDescent="0.3">
      <c r="A118223" s="13" t="s">
        <v>557</v>
      </c>
      <c r="B118223" s="14" t="s">
        <v>1</v>
      </c>
      <c r="C118223" s="14" t="s">
        <v>558</v>
      </c>
      <c r="D118223" s="14" t="s">
        <v>14</v>
      </c>
      <c r="E118223" s="15">
        <v>45704</v>
      </c>
      <c r="F118223" s="14" t="s">
        <v>15</v>
      </c>
      <c r="G118223" s="16">
        <v>0.60218040859618349</v>
      </c>
    </row>
    <row r="118224" spans="1:7" x14ac:dyDescent="0.3">
      <c r="A118224" s="13" t="s">
        <v>557</v>
      </c>
      <c r="B118224" s="14" t="s">
        <v>1</v>
      </c>
      <c r="C118224" s="14" t="s">
        <v>558</v>
      </c>
      <c r="D118224" s="14" t="s">
        <v>14</v>
      </c>
      <c r="E118224" s="15">
        <v>45705</v>
      </c>
      <c r="F118224" s="14" t="s">
        <v>15</v>
      </c>
      <c r="G118224" s="16">
        <v>0.6020327969807493</v>
      </c>
    </row>
    <row r="118225" spans="1:7" x14ac:dyDescent="0.3">
      <c r="A118225" s="13" t="s">
        <v>557</v>
      </c>
      <c r="B118225" s="14" t="s">
        <v>1</v>
      </c>
      <c r="C118225" s="14" t="s">
        <v>558</v>
      </c>
      <c r="D118225" s="14" t="s">
        <v>14</v>
      </c>
      <c r="E118225" s="15">
        <v>45706</v>
      </c>
      <c r="F118225" s="14" t="s">
        <v>15</v>
      </c>
      <c r="G118225" s="16">
        <v>0.59321028437009404</v>
      </c>
    </row>
    <row r="118226" spans="1:7" x14ac:dyDescent="0.3">
      <c r="A118226" s="13" t="s">
        <v>557</v>
      </c>
      <c r="B118226" s="14" t="s">
        <v>1</v>
      </c>
      <c r="C118226" s="14" t="s">
        <v>558</v>
      </c>
      <c r="D118226" s="14" t="s">
        <v>14</v>
      </c>
      <c r="E118226" s="15">
        <v>45707</v>
      </c>
      <c r="F118226" s="14" t="s">
        <v>15</v>
      </c>
      <c r="G118226" s="16">
        <v>0.63542778761959162</v>
      </c>
    </row>
    <row r="118227" spans="1:7" x14ac:dyDescent="0.3">
      <c r="A118227" s="13" t="s">
        <v>557</v>
      </c>
      <c r="B118227" s="14" t="s">
        <v>1</v>
      </c>
      <c r="C118227" s="14" t="s">
        <v>558</v>
      </c>
      <c r="D118227" s="14" t="s">
        <v>14</v>
      </c>
      <c r="E118227" s="15">
        <v>45708</v>
      </c>
      <c r="F118227" s="14" t="s">
        <v>15</v>
      </c>
      <c r="G118227" s="16">
        <v>0.63255825145250055</v>
      </c>
    </row>
    <row r="118228" spans="1:7" x14ac:dyDescent="0.3">
      <c r="A118228" s="13" t="s">
        <v>557</v>
      </c>
      <c r="B118228" s="14" t="s">
        <v>1</v>
      </c>
      <c r="C118228" s="14" t="s">
        <v>558</v>
      </c>
      <c r="D118228" s="14" t="s">
        <v>14</v>
      </c>
      <c r="E118228" s="15">
        <v>45709</v>
      </c>
      <c r="F118228" s="14" t="s">
        <v>15</v>
      </c>
      <c r="G118228" s="16">
        <v>0.63164025858568806</v>
      </c>
    </row>
    <row r="118229" spans="1:7" x14ac:dyDescent="0.3">
      <c r="A118229" s="13" t="s">
        <v>557</v>
      </c>
      <c r="B118229" s="14" t="s">
        <v>1</v>
      </c>
      <c r="C118229" s="14" t="s">
        <v>558</v>
      </c>
      <c r="D118229" s="14" t="s">
        <v>14</v>
      </c>
      <c r="E118229" s="15">
        <v>45710</v>
      </c>
      <c r="F118229" s="14" t="s">
        <v>15</v>
      </c>
      <c r="G118229" s="16">
        <v>0.63164025858568806</v>
      </c>
    </row>
    <row r="118230" spans="1:7" x14ac:dyDescent="0.3">
      <c r="A118230" s="13" t="s">
        <v>557</v>
      </c>
      <c r="B118230" s="14" t="s">
        <v>1</v>
      </c>
      <c r="C118230" s="14" t="s">
        <v>558</v>
      </c>
      <c r="D118230" s="14" t="s">
        <v>14</v>
      </c>
      <c r="E118230" s="15">
        <v>45711</v>
      </c>
      <c r="F118230" s="14" t="s">
        <v>15</v>
      </c>
      <c r="G118230" s="16">
        <v>0.63164025858568806</v>
      </c>
    </row>
    <row r="118231" spans="1:7" x14ac:dyDescent="0.3">
      <c r="A118231" s="13" t="s">
        <v>557</v>
      </c>
      <c r="B118231" s="14" t="s">
        <v>1</v>
      </c>
      <c r="C118231" s="14" t="s">
        <v>558</v>
      </c>
      <c r="D118231" s="14" t="s">
        <v>14</v>
      </c>
      <c r="E118231" s="15">
        <v>45712</v>
      </c>
      <c r="F118231" s="14" t="s">
        <v>15</v>
      </c>
      <c r="G118231" s="16">
        <v>0.62863123089370576</v>
      </c>
    </row>
    <row r="118232" spans="1:7" x14ac:dyDescent="0.3">
      <c r="A118232" s="13" t="s">
        <v>557</v>
      </c>
      <c r="B118232" s="14" t="s">
        <v>1</v>
      </c>
      <c r="C118232" s="14" t="s">
        <v>558</v>
      </c>
      <c r="D118232" s="14" t="s">
        <v>14</v>
      </c>
      <c r="E118232" s="15">
        <v>45713</v>
      </c>
      <c r="F118232" s="14" t="s">
        <v>15</v>
      </c>
      <c r="G118232" s="16">
        <v>0.61974733532185711</v>
      </c>
    </row>
    <row r="118233" spans="1:7" x14ac:dyDescent="0.3">
      <c r="A118233" s="13" t="s">
        <v>557</v>
      </c>
      <c r="B118233" s="14" t="s">
        <v>1</v>
      </c>
      <c r="C118233" s="14" t="s">
        <v>558</v>
      </c>
      <c r="D118233" s="14" t="s">
        <v>14</v>
      </c>
      <c r="E118233" s="15">
        <v>45714</v>
      </c>
      <c r="F118233" s="14" t="s">
        <v>15</v>
      </c>
      <c r="G118233" s="16">
        <v>0.61675564402796001</v>
      </c>
    </row>
    <row r="118234" spans="1:7" x14ac:dyDescent="0.3">
      <c r="A118234" s="13" t="s">
        <v>557</v>
      </c>
      <c r="B118234" s="14" t="s">
        <v>1</v>
      </c>
      <c r="C118234" s="14" t="s">
        <v>558</v>
      </c>
      <c r="D118234" s="14" t="s">
        <v>14</v>
      </c>
      <c r="E118234" s="15">
        <v>45715</v>
      </c>
      <c r="F118234" s="14" t="s">
        <v>15</v>
      </c>
      <c r="G118234" s="16">
        <v>0.6130248668085384</v>
      </c>
    </row>
    <row r="118235" spans="1:7" x14ac:dyDescent="0.3">
      <c r="A118235" s="13" t="s">
        <v>557</v>
      </c>
      <c r="B118235" s="14" t="s">
        <v>1</v>
      </c>
      <c r="C118235" s="14" t="s">
        <v>558</v>
      </c>
      <c r="D118235" s="14" t="s">
        <v>14</v>
      </c>
      <c r="E118235" s="15">
        <v>45716</v>
      </c>
      <c r="F118235" s="14" t="s">
        <v>15</v>
      </c>
      <c r="G118235" s="16">
        <v>0.65223506171918522</v>
      </c>
    </row>
    <row r="118236" spans="1:7" x14ac:dyDescent="0.3">
      <c r="A118236" s="13" t="s">
        <v>557</v>
      </c>
      <c r="B118236" s="14" t="s">
        <v>1</v>
      </c>
      <c r="C118236" s="14" t="s">
        <v>558</v>
      </c>
      <c r="D118236" s="14" t="s">
        <v>14</v>
      </c>
      <c r="E118236" s="15">
        <v>45717</v>
      </c>
      <c r="F118236" s="14" t="s">
        <v>15</v>
      </c>
      <c r="G118236" s="16">
        <v>0.65223506171918522</v>
      </c>
    </row>
    <row r="118237" spans="1:7" x14ac:dyDescent="0.3">
      <c r="A118237" s="13" t="s">
        <v>557</v>
      </c>
      <c r="B118237" s="14" t="s">
        <v>1</v>
      </c>
      <c r="C118237" s="14" t="s">
        <v>558</v>
      </c>
      <c r="D118237" s="14" t="s">
        <v>14</v>
      </c>
      <c r="E118237" s="15">
        <v>45718</v>
      </c>
      <c r="F118237" s="14" t="s">
        <v>15</v>
      </c>
      <c r="G118237" s="16">
        <v>0.65223506171918522</v>
      </c>
    </row>
    <row r="118238" spans="1:7" x14ac:dyDescent="0.3">
      <c r="A118238" s="13" t="s">
        <v>557</v>
      </c>
      <c r="B118238" s="14" t="s">
        <v>1</v>
      </c>
      <c r="C118238" s="14" t="s">
        <v>558</v>
      </c>
      <c r="D118238" s="14" t="s">
        <v>14</v>
      </c>
      <c r="E118238" s="15">
        <v>45719</v>
      </c>
      <c r="F118238" s="14" t="s">
        <v>15</v>
      </c>
      <c r="G118238" s="16">
        <v>0.65502607080369513</v>
      </c>
    </row>
    <row r="118239" spans="1:7" x14ac:dyDescent="0.3">
      <c r="A118239" s="13" t="s">
        <v>557</v>
      </c>
      <c r="B118239" s="14" t="s">
        <v>1</v>
      </c>
      <c r="C118239" s="14" t="s">
        <v>558</v>
      </c>
      <c r="D118239" s="14" t="s">
        <v>14</v>
      </c>
      <c r="E118239" s="15">
        <v>45720</v>
      </c>
      <c r="F118239" s="14" t="s">
        <v>15</v>
      </c>
      <c r="G118239" s="16">
        <v>0.64705917924831557</v>
      </c>
    </row>
    <row r="118240" spans="1:7" x14ac:dyDescent="0.3">
      <c r="A118240" s="13" t="s">
        <v>557</v>
      </c>
      <c r="B118240" s="14" t="s">
        <v>1</v>
      </c>
      <c r="C118240" s="14" t="s">
        <v>558</v>
      </c>
      <c r="D118240" s="14" t="s">
        <v>14</v>
      </c>
      <c r="E118240" s="15">
        <v>45721</v>
      </c>
      <c r="F118240" s="14" t="s">
        <v>15</v>
      </c>
      <c r="G118240" s="16">
        <v>0.64396933767987119</v>
      </c>
    </row>
    <row r="118241" spans="1:7" x14ac:dyDescent="0.3">
      <c r="A118241" s="13" t="s">
        <v>557</v>
      </c>
      <c r="B118241" s="14" t="s">
        <v>1</v>
      </c>
      <c r="C118241" s="14" t="s">
        <v>558</v>
      </c>
      <c r="D118241" s="14" t="s">
        <v>14</v>
      </c>
      <c r="E118241" s="15">
        <v>45722</v>
      </c>
      <c r="F118241" s="14" t="s">
        <v>15</v>
      </c>
      <c r="G118241" s="16">
        <v>0.65997625450710795</v>
      </c>
    </row>
    <row r="118242" spans="1:7" x14ac:dyDescent="0.3">
      <c r="A118242" s="13" t="s">
        <v>557</v>
      </c>
      <c r="B118242" s="14" t="s">
        <v>1</v>
      </c>
      <c r="C118242" s="14" t="s">
        <v>558</v>
      </c>
      <c r="D118242" s="14" t="s">
        <v>14</v>
      </c>
      <c r="E118242" s="15">
        <v>45723</v>
      </c>
      <c r="F118242" s="14" t="s">
        <v>15</v>
      </c>
      <c r="G118242" s="16">
        <v>0.65795183543079427</v>
      </c>
    </row>
    <row r="118243" spans="1:7" x14ac:dyDescent="0.3">
      <c r="A118243" s="13" t="s">
        <v>557</v>
      </c>
      <c r="B118243" s="14" t="s">
        <v>1</v>
      </c>
      <c r="C118243" s="14" t="s">
        <v>558</v>
      </c>
      <c r="D118243" s="14" t="s">
        <v>14</v>
      </c>
      <c r="E118243" s="15">
        <v>45724</v>
      </c>
      <c r="F118243" s="14" t="s">
        <v>15</v>
      </c>
      <c r="G118243" s="16">
        <v>0.65795183543079427</v>
      </c>
    </row>
    <row r="118244" spans="1:7" x14ac:dyDescent="0.3">
      <c r="A118244" s="13" t="s">
        <v>557</v>
      </c>
      <c r="B118244" s="14" t="s">
        <v>1</v>
      </c>
      <c r="C118244" s="14" t="s">
        <v>558</v>
      </c>
      <c r="D118244" s="14" t="s">
        <v>14</v>
      </c>
      <c r="E118244" s="15">
        <v>45725</v>
      </c>
      <c r="F118244" s="14" t="s">
        <v>15</v>
      </c>
      <c r="G118244" s="16">
        <v>0.65795183543079427</v>
      </c>
    </row>
    <row r="118245" spans="1:7" x14ac:dyDescent="0.3">
      <c r="A118245" s="13" t="s">
        <v>557</v>
      </c>
      <c r="B118245" s="14" t="s">
        <v>1</v>
      </c>
      <c r="C118245" s="14" t="s">
        <v>558</v>
      </c>
      <c r="D118245" s="14" t="s">
        <v>14</v>
      </c>
      <c r="E118245" s="15">
        <v>45726</v>
      </c>
      <c r="F118245" s="14" t="s">
        <v>15</v>
      </c>
      <c r="G118245" s="16">
        <v>0.65491829458369988</v>
      </c>
    </row>
    <row r="118246" spans="1:7" x14ac:dyDescent="0.3">
      <c r="A118246" s="13" t="s">
        <v>557</v>
      </c>
      <c r="B118246" s="14" t="s">
        <v>1</v>
      </c>
      <c r="C118246" s="14" t="s">
        <v>558</v>
      </c>
      <c r="D118246" s="14" t="s">
        <v>14</v>
      </c>
      <c r="E118246" s="15">
        <v>45727</v>
      </c>
      <c r="F118246" s="14" t="s">
        <v>15</v>
      </c>
      <c r="G118246" s="16">
        <v>0.64577252085078618</v>
      </c>
    </row>
    <row r="118247" spans="1:7" x14ac:dyDescent="0.3">
      <c r="A118247" s="13" t="s">
        <v>557</v>
      </c>
      <c r="B118247" s="14" t="s">
        <v>1</v>
      </c>
      <c r="C118247" s="14" t="s">
        <v>558</v>
      </c>
      <c r="D118247" s="14" t="s">
        <v>14</v>
      </c>
      <c r="E118247" s="15">
        <v>45728</v>
      </c>
      <c r="F118247" s="14" t="s">
        <v>15</v>
      </c>
      <c r="G118247" s="16">
        <v>0.64555504596243107</v>
      </c>
    </row>
    <row r="118248" spans="1:7" x14ac:dyDescent="0.3">
      <c r="A118248" s="13" t="s">
        <v>557</v>
      </c>
      <c r="B118248" s="14" t="s">
        <v>1</v>
      </c>
      <c r="C118248" s="14" t="s">
        <v>558</v>
      </c>
      <c r="D118248" s="14" t="s">
        <v>14</v>
      </c>
      <c r="E118248" s="15">
        <v>45729</v>
      </c>
      <c r="F118248" s="14" t="s">
        <v>15</v>
      </c>
      <c r="G118248" s="16">
        <v>0.66185376530885942</v>
      </c>
    </row>
    <row r="118249" spans="1:7" x14ac:dyDescent="0.3">
      <c r="A118249" s="13" t="s">
        <v>557</v>
      </c>
      <c r="B118249" s="14" t="s">
        <v>1</v>
      </c>
      <c r="C118249" s="14" t="s">
        <v>558</v>
      </c>
      <c r="D118249" s="14" t="s">
        <v>14</v>
      </c>
      <c r="E118249" s="15">
        <v>45730</v>
      </c>
      <c r="F118249" s="14" t="s">
        <v>15</v>
      </c>
      <c r="G118249" s="16">
        <v>0.66319829214088266</v>
      </c>
    </row>
    <row r="118250" spans="1:7" x14ac:dyDescent="0.3">
      <c r="A118250" s="13" t="s">
        <v>557</v>
      </c>
      <c r="B118250" s="14" t="s">
        <v>1</v>
      </c>
      <c r="C118250" s="14" t="s">
        <v>558</v>
      </c>
      <c r="D118250" s="14" t="s">
        <v>14</v>
      </c>
      <c r="E118250" s="15">
        <v>45731</v>
      </c>
      <c r="F118250" s="14" t="s">
        <v>15</v>
      </c>
      <c r="G118250" s="16">
        <v>0.66319829214088266</v>
      </c>
    </row>
    <row r="118251" spans="1:7" x14ac:dyDescent="0.3">
      <c r="A118251" s="13" t="s">
        <v>557</v>
      </c>
      <c r="B118251" s="14" t="s">
        <v>1</v>
      </c>
      <c r="C118251" s="14" t="s">
        <v>558</v>
      </c>
      <c r="D118251" s="14" t="s">
        <v>14</v>
      </c>
      <c r="E118251" s="15">
        <v>45732</v>
      </c>
      <c r="F118251" s="14" t="s">
        <v>15</v>
      </c>
      <c r="G118251" s="16">
        <v>0.66319829214088266</v>
      </c>
    </row>
    <row r="118252" spans="1:7" x14ac:dyDescent="0.3">
      <c r="A118252" s="13" t="s">
        <v>557</v>
      </c>
      <c r="B118252" s="14" t="s">
        <v>1</v>
      </c>
      <c r="C118252" s="14" t="s">
        <v>558</v>
      </c>
      <c r="D118252" s="14" t="s">
        <v>14</v>
      </c>
      <c r="E118252" s="15">
        <v>45733</v>
      </c>
      <c r="F118252" s="14" t="s">
        <v>15</v>
      </c>
      <c r="G118252" s="16">
        <v>0.66319829214088266</v>
      </c>
    </row>
    <row r="118253" spans="1:7" x14ac:dyDescent="0.3">
      <c r="A118253" s="13" t="s">
        <v>557</v>
      </c>
      <c r="B118253" s="14" t="s">
        <v>1</v>
      </c>
      <c r="C118253" s="14" t="s">
        <v>558</v>
      </c>
      <c r="D118253" s="14" t="s">
        <v>14</v>
      </c>
      <c r="E118253" s="15">
        <v>45734</v>
      </c>
      <c r="F118253" s="14" t="s">
        <v>15</v>
      </c>
      <c r="G118253" s="16">
        <v>0.66589420793384435</v>
      </c>
    </row>
    <row r="118254" spans="1:7" x14ac:dyDescent="0.3">
      <c r="A118254" s="13" t="s">
        <v>557</v>
      </c>
      <c r="B118254" s="14" t="s">
        <v>1</v>
      </c>
      <c r="C118254" s="14" t="s">
        <v>558</v>
      </c>
      <c r="D118254" s="14" t="s">
        <v>14</v>
      </c>
      <c r="E118254" s="15">
        <v>45735</v>
      </c>
      <c r="F118254" s="14" t="s">
        <v>15</v>
      </c>
      <c r="G118254" s="16">
        <v>0.72960225422186753</v>
      </c>
    </row>
    <row r="118255" spans="1:7" x14ac:dyDescent="0.3">
      <c r="A118255" s="13" t="s">
        <v>557</v>
      </c>
      <c r="B118255" s="14" t="s">
        <v>1</v>
      </c>
      <c r="C118255" s="14" t="s">
        <v>558</v>
      </c>
      <c r="D118255" s="14" t="s">
        <v>14</v>
      </c>
      <c r="E118255" s="15">
        <v>45736</v>
      </c>
      <c r="F118255" s="14" t="s">
        <v>15</v>
      </c>
      <c r="G118255" s="16">
        <v>0.7263709742558857</v>
      </c>
    </row>
    <row r="118256" spans="1:7" x14ac:dyDescent="0.3">
      <c r="A118256" s="13" t="s">
        <v>557</v>
      </c>
      <c r="B118256" s="14" t="s">
        <v>1</v>
      </c>
      <c r="C118256" s="14" t="s">
        <v>558</v>
      </c>
      <c r="D118256" s="14" t="s">
        <v>14</v>
      </c>
      <c r="E118256" s="15">
        <v>45737</v>
      </c>
      <c r="F118256" s="14" t="s">
        <v>15</v>
      </c>
      <c r="G118256" s="16">
        <v>0.73685887555396579</v>
      </c>
    </row>
    <row r="118257" spans="1:7" x14ac:dyDescent="0.3">
      <c r="A118257" s="13" t="s">
        <v>557</v>
      </c>
      <c r="B118257" s="14" t="s">
        <v>1</v>
      </c>
      <c r="C118257" s="14" t="s">
        <v>558</v>
      </c>
      <c r="D118257" s="14" t="s">
        <v>14</v>
      </c>
      <c r="E118257" s="15">
        <v>45738</v>
      </c>
      <c r="F118257" s="14" t="s">
        <v>15</v>
      </c>
      <c r="G118257" s="16">
        <v>0.73685887555396579</v>
      </c>
    </row>
    <row r="118258" spans="1:7" x14ac:dyDescent="0.3">
      <c r="A118258" s="13" t="s">
        <v>557</v>
      </c>
      <c r="B118258" s="14" t="s">
        <v>1</v>
      </c>
      <c r="C118258" s="14" t="s">
        <v>558</v>
      </c>
      <c r="D118258" s="14" t="s">
        <v>14</v>
      </c>
      <c r="E118258" s="15">
        <v>45739</v>
      </c>
      <c r="F118258" s="14" t="s">
        <v>15</v>
      </c>
      <c r="G118258" s="16">
        <v>0.73685887555396579</v>
      </c>
    </row>
    <row r="118259" spans="1:7" x14ac:dyDescent="0.3">
      <c r="A118259" s="13" t="s">
        <v>557</v>
      </c>
      <c r="B118259" s="14" t="s">
        <v>1</v>
      </c>
      <c r="C118259" s="14" t="s">
        <v>558</v>
      </c>
      <c r="D118259" s="14" t="s">
        <v>14</v>
      </c>
      <c r="E118259" s="15">
        <v>45740</v>
      </c>
      <c r="F118259" s="14" t="s">
        <v>15</v>
      </c>
      <c r="G118259" s="16">
        <v>0.75653615312701028</v>
      </c>
    </row>
    <row r="118260" spans="1:7" x14ac:dyDescent="0.3">
      <c r="A118260" s="13" t="s">
        <v>557</v>
      </c>
      <c r="B118260" s="14" t="s">
        <v>1</v>
      </c>
      <c r="C118260" s="14" t="s">
        <v>558</v>
      </c>
      <c r="D118260" s="14" t="s">
        <v>14</v>
      </c>
      <c r="E118260" s="15">
        <v>45741</v>
      </c>
      <c r="F118260" s="14" t="s">
        <v>15</v>
      </c>
      <c r="G118260" s="16">
        <v>0.74725065748196606</v>
      </c>
    </row>
    <row r="118261" spans="1:7" x14ac:dyDescent="0.3">
      <c r="A118261" s="13" t="s">
        <v>557</v>
      </c>
      <c r="B118261" s="14" t="s">
        <v>1</v>
      </c>
      <c r="C118261" s="14" t="s">
        <v>558</v>
      </c>
      <c r="D118261" s="14" t="s">
        <v>14</v>
      </c>
      <c r="E118261" s="15">
        <v>45742</v>
      </c>
      <c r="F118261" s="14" t="s">
        <v>15</v>
      </c>
      <c r="G118261" s="16">
        <v>0.74411876202104998</v>
      </c>
    </row>
    <row r="118262" spans="1:7" x14ac:dyDescent="0.3">
      <c r="A118262" s="13" t="s">
        <v>557</v>
      </c>
      <c r="B118262" s="14" t="s">
        <v>1</v>
      </c>
      <c r="C118262" s="14" t="s">
        <v>558</v>
      </c>
      <c r="D118262" s="14" t="s">
        <v>14</v>
      </c>
      <c r="E118262" s="15">
        <v>45743</v>
      </c>
      <c r="F118262" s="14" t="s">
        <v>15</v>
      </c>
      <c r="G118262" s="16">
        <v>0.74785212159400816</v>
      </c>
    </row>
    <row r="118263" spans="1:7" x14ac:dyDescent="0.3">
      <c r="A118263" s="13" t="s">
        <v>557</v>
      </c>
      <c r="B118263" s="14" t="s">
        <v>1</v>
      </c>
      <c r="C118263" s="14" t="s">
        <v>558</v>
      </c>
      <c r="D118263" s="14" t="s">
        <v>14</v>
      </c>
      <c r="E118263" s="15">
        <v>45744</v>
      </c>
      <c r="F118263" s="14" t="s">
        <v>15</v>
      </c>
      <c r="G118263" s="16">
        <v>0.7447561006780985</v>
      </c>
    </row>
    <row r="118264" spans="1:7" x14ac:dyDescent="0.3">
      <c r="A118264" s="13" t="s">
        <v>557</v>
      </c>
      <c r="B118264" s="14" t="s">
        <v>1</v>
      </c>
      <c r="C118264" s="14" t="s">
        <v>558</v>
      </c>
      <c r="D118264" s="14" t="s">
        <v>14</v>
      </c>
      <c r="E118264" s="15">
        <v>45745</v>
      </c>
      <c r="F118264" s="14" t="s">
        <v>15</v>
      </c>
      <c r="G118264" s="16">
        <v>0.7447561006780985</v>
      </c>
    </row>
    <row r="118265" spans="1:7" x14ac:dyDescent="0.3">
      <c r="A118265" s="13" t="s">
        <v>557</v>
      </c>
      <c r="B118265" s="14" t="s">
        <v>1</v>
      </c>
      <c r="C118265" s="14" t="s">
        <v>558</v>
      </c>
      <c r="D118265" s="14" t="s">
        <v>14</v>
      </c>
      <c r="E118265" s="15">
        <v>45746</v>
      </c>
      <c r="F118265" s="14" t="s">
        <v>15</v>
      </c>
      <c r="G118265" s="16">
        <v>0.7447561006780985</v>
      </c>
    </row>
    <row r="118266" spans="1:7" x14ac:dyDescent="0.3">
      <c r="A118266" s="13" t="s">
        <v>557</v>
      </c>
      <c r="B118266" s="14" t="s">
        <v>1</v>
      </c>
      <c r="C118266" s="14" t="s">
        <v>558</v>
      </c>
      <c r="D118266" s="14" t="s">
        <v>14</v>
      </c>
      <c r="E118266" s="15">
        <v>45747</v>
      </c>
      <c r="F118266" s="14" t="s">
        <v>15</v>
      </c>
      <c r="G118266" s="16">
        <v>0.7672231819831552</v>
      </c>
    </row>
    <row r="118267" spans="1:7" x14ac:dyDescent="0.3">
      <c r="A118267" s="13" t="s">
        <v>559</v>
      </c>
      <c r="B118267" s="14" t="s">
        <v>1</v>
      </c>
      <c r="C118267" s="14" t="s">
        <v>558</v>
      </c>
      <c r="D118267" s="14" t="s">
        <v>122</v>
      </c>
      <c r="E118267" s="15">
        <v>45383</v>
      </c>
      <c r="F118267" s="14" t="s">
        <v>15</v>
      </c>
      <c r="G118267" s="16">
        <v>0</v>
      </c>
    </row>
    <row r="118268" spans="1:7" x14ac:dyDescent="0.3">
      <c r="A118268" s="13" t="s">
        <v>559</v>
      </c>
      <c r="B118268" s="14" t="s">
        <v>1</v>
      </c>
      <c r="C118268" s="14" t="s">
        <v>558</v>
      </c>
      <c r="D118268" s="14" t="s">
        <v>122</v>
      </c>
      <c r="E118268" s="15">
        <v>45384</v>
      </c>
      <c r="F118268" s="14" t="s">
        <v>15</v>
      </c>
      <c r="G118268" s="16">
        <v>0</v>
      </c>
    </row>
    <row r="118269" spans="1:7" x14ac:dyDescent="0.3">
      <c r="A118269" s="13" t="s">
        <v>559</v>
      </c>
      <c r="B118269" s="14" t="s">
        <v>1</v>
      </c>
      <c r="C118269" s="14" t="s">
        <v>558</v>
      </c>
      <c r="D118269" s="14" t="s">
        <v>122</v>
      </c>
      <c r="E118269" s="15">
        <v>45385</v>
      </c>
      <c r="F118269" s="14" t="s">
        <v>15</v>
      </c>
      <c r="G118269" s="16">
        <v>0</v>
      </c>
    </row>
    <row r="118270" spans="1:7" x14ac:dyDescent="0.3">
      <c r="A118270" s="13" t="s">
        <v>559</v>
      </c>
      <c r="B118270" s="14" t="s">
        <v>1</v>
      </c>
      <c r="C118270" s="14" t="s">
        <v>558</v>
      </c>
      <c r="D118270" s="14" t="s">
        <v>122</v>
      </c>
      <c r="E118270" s="15">
        <v>45386</v>
      </c>
      <c r="F118270" s="14" t="s">
        <v>15</v>
      </c>
      <c r="G118270" s="16">
        <v>0</v>
      </c>
    </row>
    <row r="118271" spans="1:7" x14ac:dyDescent="0.3">
      <c r="A118271" s="13" t="s">
        <v>559</v>
      </c>
      <c r="B118271" s="14" t="s">
        <v>1</v>
      </c>
      <c r="C118271" s="14" t="s">
        <v>558</v>
      </c>
      <c r="D118271" s="14" t="s">
        <v>122</v>
      </c>
      <c r="E118271" s="15">
        <v>45387</v>
      </c>
      <c r="F118271" s="14" t="s">
        <v>15</v>
      </c>
      <c r="G118271" s="16">
        <v>0</v>
      </c>
    </row>
    <row r="118272" spans="1:7" x14ac:dyDescent="0.3">
      <c r="A118272" s="13" t="s">
        <v>559</v>
      </c>
      <c r="B118272" s="14" t="s">
        <v>1</v>
      </c>
      <c r="C118272" s="14" t="s">
        <v>558</v>
      </c>
      <c r="D118272" s="14" t="s">
        <v>122</v>
      </c>
      <c r="E118272" s="15">
        <v>45388</v>
      </c>
      <c r="F118272" s="14" t="s">
        <v>15</v>
      </c>
      <c r="G118272" s="16">
        <v>0</v>
      </c>
    </row>
    <row r="118273" spans="1:7" x14ac:dyDescent="0.3">
      <c r="A118273" s="13" t="s">
        <v>559</v>
      </c>
      <c r="B118273" s="14" t="s">
        <v>1</v>
      </c>
      <c r="C118273" s="14" t="s">
        <v>558</v>
      </c>
      <c r="D118273" s="14" t="s">
        <v>122</v>
      </c>
      <c r="E118273" s="15">
        <v>45389</v>
      </c>
      <c r="F118273" s="14" t="s">
        <v>15</v>
      </c>
      <c r="G118273" s="16">
        <v>0</v>
      </c>
    </row>
    <row r="118274" spans="1:7" x14ac:dyDescent="0.3">
      <c r="A118274" s="13" t="s">
        <v>559</v>
      </c>
      <c r="B118274" s="14" t="s">
        <v>1</v>
      </c>
      <c r="C118274" s="14" t="s">
        <v>558</v>
      </c>
      <c r="D118274" s="14" t="s">
        <v>122</v>
      </c>
      <c r="E118274" s="15">
        <v>45390</v>
      </c>
      <c r="F118274" s="14" t="s">
        <v>15</v>
      </c>
      <c r="G118274" s="16">
        <v>0</v>
      </c>
    </row>
    <row r="118275" spans="1:7" x14ac:dyDescent="0.3">
      <c r="A118275" s="13" t="s">
        <v>559</v>
      </c>
      <c r="B118275" s="14" t="s">
        <v>1</v>
      </c>
      <c r="C118275" s="14" t="s">
        <v>558</v>
      </c>
      <c r="D118275" s="14" t="s">
        <v>122</v>
      </c>
      <c r="E118275" s="15">
        <v>45391</v>
      </c>
      <c r="F118275" s="14" t="s">
        <v>15</v>
      </c>
      <c r="G118275" s="16">
        <v>0</v>
      </c>
    </row>
    <row r="118276" spans="1:7" x14ac:dyDescent="0.3">
      <c r="A118276" s="13" t="s">
        <v>559</v>
      </c>
      <c r="B118276" s="14" t="s">
        <v>1</v>
      </c>
      <c r="C118276" s="14" t="s">
        <v>558</v>
      </c>
      <c r="D118276" s="14" t="s">
        <v>122</v>
      </c>
      <c r="E118276" s="15">
        <v>45392</v>
      </c>
      <c r="F118276" s="14" t="s">
        <v>15</v>
      </c>
      <c r="G118276" s="16">
        <v>3.3379579806816369E-3</v>
      </c>
    </row>
    <row r="118277" spans="1:7" x14ac:dyDescent="0.3">
      <c r="A118277" s="13" t="s">
        <v>559</v>
      </c>
      <c r="B118277" s="14" t="s">
        <v>1</v>
      </c>
      <c r="C118277" s="14" t="s">
        <v>558</v>
      </c>
      <c r="D118277" s="14" t="s">
        <v>122</v>
      </c>
      <c r="E118277" s="15">
        <v>45393</v>
      </c>
      <c r="F118277" s="14" t="s">
        <v>15</v>
      </c>
      <c r="G118277" s="16">
        <v>1.5383006115306521E-2</v>
      </c>
    </row>
    <row r="118278" spans="1:7" x14ac:dyDescent="0.3">
      <c r="A118278" s="13" t="s">
        <v>559</v>
      </c>
      <c r="B118278" s="14" t="s">
        <v>1</v>
      </c>
      <c r="C118278" s="14" t="s">
        <v>558</v>
      </c>
      <c r="D118278" s="14" t="s">
        <v>122</v>
      </c>
      <c r="E118278" s="15">
        <v>45394</v>
      </c>
      <c r="F118278" s="14" t="s">
        <v>15</v>
      </c>
      <c r="G118278" s="16">
        <v>1.2480685828878775E-2</v>
      </c>
    </row>
    <row r="118279" spans="1:7" x14ac:dyDescent="0.3">
      <c r="A118279" s="13" t="s">
        <v>559</v>
      </c>
      <c r="B118279" s="14" t="s">
        <v>1</v>
      </c>
      <c r="C118279" s="14" t="s">
        <v>558</v>
      </c>
      <c r="D118279" s="14" t="s">
        <v>122</v>
      </c>
      <c r="E118279" s="15">
        <v>45395</v>
      </c>
      <c r="F118279" s="14" t="s">
        <v>15</v>
      </c>
      <c r="G118279" s="16">
        <v>1.2480685828878775E-2</v>
      </c>
    </row>
    <row r="118280" spans="1:7" x14ac:dyDescent="0.3">
      <c r="A118280" s="13" t="s">
        <v>559</v>
      </c>
      <c r="B118280" s="14" t="s">
        <v>1</v>
      </c>
      <c r="C118280" s="14" t="s">
        <v>558</v>
      </c>
      <c r="D118280" s="14" t="s">
        <v>122</v>
      </c>
      <c r="E118280" s="15">
        <v>45396</v>
      </c>
      <c r="F118280" s="14" t="s">
        <v>15</v>
      </c>
      <c r="G118280" s="16">
        <v>1.2480685828878775E-2</v>
      </c>
    </row>
    <row r="118281" spans="1:7" x14ac:dyDescent="0.3">
      <c r="A118281" s="13" t="s">
        <v>559</v>
      </c>
      <c r="B118281" s="14" t="s">
        <v>1</v>
      </c>
      <c r="C118281" s="14" t="s">
        <v>558</v>
      </c>
      <c r="D118281" s="14" t="s">
        <v>122</v>
      </c>
      <c r="E118281" s="15">
        <v>45397</v>
      </c>
      <c r="F118281" s="14" t="s">
        <v>15</v>
      </c>
      <c r="G118281" s="16">
        <v>3.0405433211623967E-2</v>
      </c>
    </row>
    <row r="118282" spans="1:7" x14ac:dyDescent="0.3">
      <c r="A118282" s="13" t="s">
        <v>559</v>
      </c>
      <c r="B118282" s="14" t="s">
        <v>1</v>
      </c>
      <c r="C118282" s="14" t="s">
        <v>558</v>
      </c>
      <c r="D118282" s="14" t="s">
        <v>122</v>
      </c>
      <c r="E118282" s="15">
        <v>45398</v>
      </c>
      <c r="F118282" s="14" t="s">
        <v>15</v>
      </c>
      <c r="G118282" s="16">
        <v>2.2480556534218779E-2</v>
      </c>
    </row>
    <row r="118283" spans="1:7" x14ac:dyDescent="0.3">
      <c r="A118283" s="13" t="s">
        <v>559</v>
      </c>
      <c r="B118283" s="14" t="s">
        <v>1</v>
      </c>
      <c r="C118283" s="14" t="s">
        <v>558</v>
      </c>
      <c r="D118283" s="14" t="s">
        <v>122</v>
      </c>
      <c r="E118283" s="15">
        <v>45399</v>
      </c>
      <c r="F118283" s="14" t="s">
        <v>15</v>
      </c>
      <c r="G118283" s="16">
        <v>1.9894025721475243E-2</v>
      </c>
    </row>
    <row r="118284" spans="1:7" x14ac:dyDescent="0.3">
      <c r="A118284" s="13" t="s">
        <v>559</v>
      </c>
      <c r="B118284" s="14" t="s">
        <v>1</v>
      </c>
      <c r="C118284" s="14" t="s">
        <v>558</v>
      </c>
      <c r="D118284" s="14" t="s">
        <v>122</v>
      </c>
      <c r="E118284" s="15">
        <v>45400</v>
      </c>
      <c r="F118284" s="14" t="s">
        <v>15</v>
      </c>
      <c r="G118284" s="16">
        <v>1.5758622728280575E-2</v>
      </c>
    </row>
    <row r="118285" spans="1:7" x14ac:dyDescent="0.3">
      <c r="A118285" s="13" t="s">
        <v>559</v>
      </c>
      <c r="B118285" s="14" t="s">
        <v>1</v>
      </c>
      <c r="C118285" s="14" t="s">
        <v>558</v>
      </c>
      <c r="D118285" s="14" t="s">
        <v>122</v>
      </c>
      <c r="E118285" s="15">
        <v>45401</v>
      </c>
      <c r="F118285" s="14" t="s">
        <v>15</v>
      </c>
      <c r="G118285" s="16">
        <v>1.4089385148619744E-2</v>
      </c>
    </row>
    <row r="118286" spans="1:7" x14ac:dyDescent="0.3">
      <c r="A118286" s="13" t="s">
        <v>559</v>
      </c>
      <c r="B118286" s="14" t="s">
        <v>1</v>
      </c>
      <c r="C118286" s="14" t="s">
        <v>558</v>
      </c>
      <c r="D118286" s="14" t="s">
        <v>122</v>
      </c>
      <c r="E118286" s="15">
        <v>45402</v>
      </c>
      <c r="F118286" s="14" t="s">
        <v>15</v>
      </c>
      <c r="G118286" s="16">
        <v>1.4089385148619744E-2</v>
      </c>
    </row>
    <row r="118287" spans="1:7" x14ac:dyDescent="0.3">
      <c r="A118287" s="13" t="s">
        <v>559</v>
      </c>
      <c r="B118287" s="14" t="s">
        <v>1</v>
      </c>
      <c r="C118287" s="14" t="s">
        <v>558</v>
      </c>
      <c r="D118287" s="14" t="s">
        <v>122</v>
      </c>
      <c r="E118287" s="15">
        <v>45403</v>
      </c>
      <c r="F118287" s="14" t="s">
        <v>15</v>
      </c>
      <c r="G118287" s="16">
        <v>1.4089385148619744E-2</v>
      </c>
    </row>
    <row r="118288" spans="1:7" x14ac:dyDescent="0.3">
      <c r="A118288" s="13" t="s">
        <v>559</v>
      </c>
      <c r="B118288" s="14" t="s">
        <v>1</v>
      </c>
      <c r="C118288" s="14" t="s">
        <v>558</v>
      </c>
      <c r="D118288" s="14" t="s">
        <v>122</v>
      </c>
      <c r="E118288" s="15">
        <v>45404</v>
      </c>
      <c r="F118288" s="14" t="s">
        <v>15</v>
      </c>
      <c r="G118288" s="16">
        <v>1.126225283211681E-2</v>
      </c>
    </row>
    <row r="118289" spans="1:7" x14ac:dyDescent="0.3">
      <c r="A118289" s="13" t="s">
        <v>559</v>
      </c>
      <c r="B118289" s="14" t="s">
        <v>1</v>
      </c>
      <c r="C118289" s="14" t="s">
        <v>558</v>
      </c>
      <c r="D118289" s="14" t="s">
        <v>122</v>
      </c>
      <c r="E118289" s="15">
        <v>45405</v>
      </c>
      <c r="F118289" s="14" t="s">
        <v>15</v>
      </c>
      <c r="G118289" s="16">
        <v>9.3073009667416929E-3</v>
      </c>
    </row>
    <row r="118290" spans="1:7" x14ac:dyDescent="0.3">
      <c r="A118290" s="13" t="s">
        <v>559</v>
      </c>
      <c r="B118290" s="14" t="s">
        <v>1</v>
      </c>
      <c r="C118290" s="14" t="s">
        <v>558</v>
      </c>
      <c r="D118290" s="14" t="s">
        <v>122</v>
      </c>
      <c r="E118290" s="15">
        <v>45406</v>
      </c>
      <c r="F118290" s="14" t="s">
        <v>15</v>
      </c>
      <c r="G118290" s="16">
        <v>2.2395671464793586E-3</v>
      </c>
    </row>
    <row r="118291" spans="1:7" x14ac:dyDescent="0.3">
      <c r="A118291" s="13" t="s">
        <v>559</v>
      </c>
      <c r="B118291" s="14" t="s">
        <v>1</v>
      </c>
      <c r="C118291" s="14" t="s">
        <v>558</v>
      </c>
      <c r="D118291" s="14" t="s">
        <v>122</v>
      </c>
      <c r="E118291" s="15">
        <v>45407</v>
      </c>
      <c r="F118291" s="14" t="s">
        <v>15</v>
      </c>
      <c r="G118291" s="16">
        <v>4.8109310705779281E-3</v>
      </c>
    </row>
    <row r="118292" spans="1:7" x14ac:dyDescent="0.3">
      <c r="A118292" s="13" t="s">
        <v>559</v>
      </c>
      <c r="B118292" s="14" t="s">
        <v>1</v>
      </c>
      <c r="C118292" s="14" t="s">
        <v>558</v>
      </c>
      <c r="D118292" s="14" t="s">
        <v>122</v>
      </c>
      <c r="E118292" s="15">
        <v>45408</v>
      </c>
      <c r="F118292" s="14" t="s">
        <v>15</v>
      </c>
      <c r="G118292" s="16">
        <v>1.4750716047308075E-2</v>
      </c>
    </row>
    <row r="118293" spans="1:7" x14ac:dyDescent="0.3">
      <c r="A118293" s="13" t="s">
        <v>559</v>
      </c>
      <c r="B118293" s="14" t="s">
        <v>1</v>
      </c>
      <c r="C118293" s="14" t="s">
        <v>558</v>
      </c>
      <c r="D118293" s="14" t="s">
        <v>122</v>
      </c>
      <c r="E118293" s="15">
        <v>45409</v>
      </c>
      <c r="F118293" s="14" t="s">
        <v>15</v>
      </c>
      <c r="G118293" s="16">
        <v>1.4750716047308075E-2</v>
      </c>
    </row>
    <row r="118294" spans="1:7" x14ac:dyDescent="0.3">
      <c r="A118294" s="13" t="s">
        <v>559</v>
      </c>
      <c r="B118294" s="14" t="s">
        <v>1</v>
      </c>
      <c r="C118294" s="14" t="s">
        <v>558</v>
      </c>
      <c r="D118294" s="14" t="s">
        <v>122</v>
      </c>
      <c r="E118294" s="15">
        <v>45410</v>
      </c>
      <c r="F118294" s="14" t="s">
        <v>15</v>
      </c>
      <c r="G118294" s="16">
        <v>1.4750716047308075E-2</v>
      </c>
    </row>
    <row r="118295" spans="1:7" x14ac:dyDescent="0.3">
      <c r="A118295" s="13" t="s">
        <v>559</v>
      </c>
      <c r="B118295" s="14" t="s">
        <v>1</v>
      </c>
      <c r="C118295" s="14" t="s">
        <v>558</v>
      </c>
      <c r="D118295" s="14" t="s">
        <v>122</v>
      </c>
      <c r="E118295" s="15">
        <v>45411</v>
      </c>
      <c r="F118295" s="14" t="s">
        <v>15</v>
      </c>
      <c r="G118295" s="16">
        <v>3.607395967065477E-2</v>
      </c>
    </row>
    <row r="118296" spans="1:7" x14ac:dyDescent="0.3">
      <c r="A118296" s="13" t="s">
        <v>559</v>
      </c>
      <c r="B118296" s="14" t="s">
        <v>1</v>
      </c>
      <c r="C118296" s="14" t="s">
        <v>558</v>
      </c>
      <c r="D118296" s="14" t="s">
        <v>122</v>
      </c>
      <c r="E118296" s="15">
        <v>45412</v>
      </c>
      <c r="F118296" s="14" t="s">
        <v>15</v>
      </c>
      <c r="G118296" s="16">
        <v>2.8404722090993938E-2</v>
      </c>
    </row>
    <row r="118297" spans="1:7" x14ac:dyDescent="0.3">
      <c r="A118297" s="13" t="s">
        <v>559</v>
      </c>
      <c r="B118297" s="14" t="s">
        <v>1</v>
      </c>
      <c r="C118297" s="14" t="s">
        <v>558</v>
      </c>
      <c r="D118297" s="14" t="s">
        <v>122</v>
      </c>
      <c r="E118297" s="15">
        <v>45413</v>
      </c>
      <c r="F118297" s="14" t="s">
        <v>15</v>
      </c>
      <c r="G118297" s="16">
        <v>2.5577589774491004E-2</v>
      </c>
    </row>
    <row r="118298" spans="1:7" x14ac:dyDescent="0.3">
      <c r="A118298" s="13" t="s">
        <v>559</v>
      </c>
      <c r="B118298" s="14" t="s">
        <v>1</v>
      </c>
      <c r="C118298" s="14" t="s">
        <v>558</v>
      </c>
      <c r="D118298" s="14" t="s">
        <v>122</v>
      </c>
      <c r="E118298" s="15">
        <v>45414</v>
      </c>
      <c r="F118298" s="14" t="s">
        <v>15</v>
      </c>
      <c r="G118298" s="16">
        <v>2.0915870991822655E-2</v>
      </c>
    </row>
    <row r="118299" spans="1:7" x14ac:dyDescent="0.3">
      <c r="A118299" s="13" t="s">
        <v>559</v>
      </c>
      <c r="B118299" s="14" t="s">
        <v>1</v>
      </c>
      <c r="C118299" s="14" t="s">
        <v>558</v>
      </c>
      <c r="D118299" s="14" t="s">
        <v>122</v>
      </c>
      <c r="E118299" s="15">
        <v>45415</v>
      </c>
      <c r="F118299" s="14" t="s">
        <v>15</v>
      </c>
      <c r="G118299" s="16">
        <v>3.8930843938477615E-2</v>
      </c>
    </row>
    <row r="118300" spans="1:7" x14ac:dyDescent="0.3">
      <c r="A118300" s="13" t="s">
        <v>559</v>
      </c>
      <c r="B118300" s="14" t="s">
        <v>1</v>
      </c>
      <c r="C118300" s="14" t="s">
        <v>558</v>
      </c>
      <c r="D118300" s="14" t="s">
        <v>122</v>
      </c>
      <c r="E118300" s="15">
        <v>45416</v>
      </c>
      <c r="F118300" s="14" t="s">
        <v>15</v>
      </c>
      <c r="G118300" s="16">
        <v>3.8930843938477615E-2</v>
      </c>
    </row>
    <row r="118301" spans="1:7" x14ac:dyDescent="0.3">
      <c r="A118301" s="13" t="s">
        <v>559</v>
      </c>
      <c r="B118301" s="14" t="s">
        <v>1</v>
      </c>
      <c r="C118301" s="14" t="s">
        <v>558</v>
      </c>
      <c r="D118301" s="14" t="s">
        <v>122</v>
      </c>
      <c r="E118301" s="15">
        <v>45417</v>
      </c>
      <c r="F118301" s="14" t="s">
        <v>15</v>
      </c>
      <c r="G118301" s="16">
        <v>3.8930843938477615E-2</v>
      </c>
    </row>
    <row r="118302" spans="1:7" x14ac:dyDescent="0.3">
      <c r="A118302" s="13" t="s">
        <v>559</v>
      </c>
      <c r="B118302" s="14" t="s">
        <v>1</v>
      </c>
      <c r="C118302" s="14" t="s">
        <v>558</v>
      </c>
      <c r="D118302" s="14" t="s">
        <v>122</v>
      </c>
      <c r="E118302" s="15">
        <v>45418</v>
      </c>
      <c r="F118302" s="14" t="s">
        <v>15</v>
      </c>
      <c r="G118302" s="16">
        <v>3.8930843938477615E-2</v>
      </c>
    </row>
    <row r="118303" spans="1:7" x14ac:dyDescent="0.3">
      <c r="A118303" s="13" t="s">
        <v>559</v>
      </c>
      <c r="B118303" s="14" t="s">
        <v>1</v>
      </c>
      <c r="C118303" s="14" t="s">
        <v>558</v>
      </c>
      <c r="D118303" s="14" t="s">
        <v>122</v>
      </c>
      <c r="E118303" s="15">
        <v>45419</v>
      </c>
      <c r="F118303" s="14" t="s">
        <v>15</v>
      </c>
      <c r="G118303" s="16">
        <v>7.3712734178365658E-2</v>
      </c>
    </row>
    <row r="118304" spans="1:7" x14ac:dyDescent="0.3">
      <c r="A118304" s="13" t="s">
        <v>559</v>
      </c>
      <c r="B118304" s="14" t="s">
        <v>1</v>
      </c>
      <c r="C118304" s="14" t="s">
        <v>558</v>
      </c>
      <c r="D118304" s="14" t="s">
        <v>122</v>
      </c>
      <c r="E118304" s="15">
        <v>45420</v>
      </c>
      <c r="F118304" s="14" t="s">
        <v>15</v>
      </c>
      <c r="G118304" s="16">
        <v>6.2464549230283772E-2</v>
      </c>
    </row>
    <row r="118305" spans="1:7" x14ac:dyDescent="0.3">
      <c r="A118305" s="13" t="s">
        <v>559</v>
      </c>
      <c r="B118305" s="14" t="s">
        <v>1</v>
      </c>
      <c r="C118305" s="14" t="s">
        <v>558</v>
      </c>
      <c r="D118305" s="14" t="s">
        <v>122</v>
      </c>
      <c r="E118305" s="15">
        <v>45421</v>
      </c>
      <c r="F118305" s="14" t="s">
        <v>15</v>
      </c>
      <c r="G118305" s="16">
        <v>5.9607341725810913E-2</v>
      </c>
    </row>
    <row r="118306" spans="1:7" x14ac:dyDescent="0.3">
      <c r="A118306" s="13" t="s">
        <v>559</v>
      </c>
      <c r="B118306" s="14" t="s">
        <v>1</v>
      </c>
      <c r="C118306" s="14" t="s">
        <v>558</v>
      </c>
      <c r="D118306" s="14" t="s">
        <v>122</v>
      </c>
      <c r="E118306" s="15">
        <v>45422</v>
      </c>
      <c r="F118306" s="14" t="s">
        <v>15</v>
      </c>
      <c r="G118306" s="16">
        <v>5.6765171815323007E-2</v>
      </c>
    </row>
    <row r="118307" spans="1:7" x14ac:dyDescent="0.3">
      <c r="A118307" s="13" t="s">
        <v>559</v>
      </c>
      <c r="B118307" s="14" t="s">
        <v>1</v>
      </c>
      <c r="C118307" s="14" t="s">
        <v>558</v>
      </c>
      <c r="D118307" s="14" t="s">
        <v>122</v>
      </c>
      <c r="E118307" s="15">
        <v>45423</v>
      </c>
      <c r="F118307" s="14" t="s">
        <v>15</v>
      </c>
      <c r="G118307" s="16">
        <v>5.6765171815323007E-2</v>
      </c>
    </row>
    <row r="118308" spans="1:7" x14ac:dyDescent="0.3">
      <c r="A118308" s="13" t="s">
        <v>559</v>
      </c>
      <c r="B118308" s="14" t="s">
        <v>1</v>
      </c>
      <c r="C118308" s="14" t="s">
        <v>558</v>
      </c>
      <c r="D118308" s="14" t="s">
        <v>122</v>
      </c>
      <c r="E118308" s="15">
        <v>45424</v>
      </c>
      <c r="F118308" s="14" t="s">
        <v>15</v>
      </c>
      <c r="G118308" s="16">
        <v>5.6765171815323007E-2</v>
      </c>
    </row>
    <row r="118309" spans="1:7" x14ac:dyDescent="0.3">
      <c r="A118309" s="13" t="s">
        <v>559</v>
      </c>
      <c r="B118309" s="14" t="s">
        <v>1</v>
      </c>
      <c r="C118309" s="14" t="s">
        <v>558</v>
      </c>
      <c r="D118309" s="14" t="s">
        <v>122</v>
      </c>
      <c r="E118309" s="15">
        <v>45425</v>
      </c>
      <c r="F118309" s="14" t="s">
        <v>15</v>
      </c>
      <c r="G118309" s="16">
        <v>5.6659844010098263E-2</v>
      </c>
    </row>
    <row r="118310" spans="1:7" x14ac:dyDescent="0.3">
      <c r="A118310" s="13" t="s">
        <v>559</v>
      </c>
      <c r="B118310" s="14" t="s">
        <v>1</v>
      </c>
      <c r="C118310" s="14" t="s">
        <v>558</v>
      </c>
      <c r="D118310" s="14" t="s">
        <v>122</v>
      </c>
      <c r="E118310" s="15">
        <v>45426</v>
      </c>
      <c r="F118310" s="14" t="s">
        <v>15</v>
      </c>
      <c r="G118310" s="16">
        <v>4.7983087633444957E-2</v>
      </c>
    </row>
    <row r="118311" spans="1:7" x14ac:dyDescent="0.3">
      <c r="A118311" s="13" t="s">
        <v>559</v>
      </c>
      <c r="B118311" s="14" t="s">
        <v>1</v>
      </c>
      <c r="C118311" s="14" t="s">
        <v>558</v>
      </c>
      <c r="D118311" s="14" t="s">
        <v>122</v>
      </c>
      <c r="E118311" s="15">
        <v>45427</v>
      </c>
      <c r="F118311" s="14" t="s">
        <v>15</v>
      </c>
      <c r="G118311" s="16">
        <v>4.5080767347017207E-2</v>
      </c>
    </row>
    <row r="118312" spans="1:7" x14ac:dyDescent="0.3">
      <c r="A118312" s="13" t="s">
        <v>559</v>
      </c>
      <c r="B118312" s="14" t="s">
        <v>1</v>
      </c>
      <c r="C118312" s="14" t="s">
        <v>558</v>
      </c>
      <c r="D118312" s="14" t="s">
        <v>122</v>
      </c>
      <c r="E118312" s="15">
        <v>45428</v>
      </c>
      <c r="F118312" s="14" t="s">
        <v>15</v>
      </c>
      <c r="G118312" s="16">
        <v>8.0028071120739841E-2</v>
      </c>
    </row>
    <row r="118313" spans="1:7" x14ac:dyDescent="0.3">
      <c r="A118313" s="13" t="s">
        <v>559</v>
      </c>
      <c r="B118313" s="14" t="s">
        <v>1</v>
      </c>
      <c r="C118313" s="14" t="s">
        <v>558</v>
      </c>
      <c r="D118313" s="14" t="s">
        <v>122</v>
      </c>
      <c r="E118313" s="15">
        <v>45429</v>
      </c>
      <c r="F118313" s="14" t="s">
        <v>15</v>
      </c>
      <c r="G118313" s="16">
        <v>9.9621991435815849E-2</v>
      </c>
    </row>
    <row r="118314" spans="1:7" x14ac:dyDescent="0.3">
      <c r="A118314" s="13" t="s">
        <v>559</v>
      </c>
      <c r="B118314" s="14" t="s">
        <v>1</v>
      </c>
      <c r="C118314" s="14" t="s">
        <v>558</v>
      </c>
      <c r="D118314" s="14" t="s">
        <v>122</v>
      </c>
      <c r="E118314" s="15">
        <v>45430</v>
      </c>
      <c r="F118314" s="14" t="s">
        <v>15</v>
      </c>
      <c r="G118314" s="16">
        <v>9.9621991435815849E-2</v>
      </c>
    </row>
    <row r="118315" spans="1:7" x14ac:dyDescent="0.3">
      <c r="A118315" s="13" t="s">
        <v>559</v>
      </c>
      <c r="B118315" s="14" t="s">
        <v>1</v>
      </c>
      <c r="C118315" s="14" t="s">
        <v>558</v>
      </c>
      <c r="D118315" s="14" t="s">
        <v>122</v>
      </c>
      <c r="E118315" s="15">
        <v>45431</v>
      </c>
      <c r="F118315" s="14" t="s">
        <v>15</v>
      </c>
      <c r="G118315" s="16">
        <v>9.9621991435815849E-2</v>
      </c>
    </row>
    <row r="118316" spans="1:7" x14ac:dyDescent="0.3">
      <c r="A118316" s="13" t="s">
        <v>559</v>
      </c>
      <c r="B118316" s="14" t="s">
        <v>1</v>
      </c>
      <c r="C118316" s="14" t="s">
        <v>558</v>
      </c>
      <c r="D118316" s="14" t="s">
        <v>122</v>
      </c>
      <c r="E118316" s="15">
        <v>45432</v>
      </c>
      <c r="F118316" s="14" t="s">
        <v>15</v>
      </c>
      <c r="G118316" s="16">
        <v>0.16139636287871142</v>
      </c>
    </row>
    <row r="118317" spans="1:7" x14ac:dyDescent="0.3">
      <c r="A118317" s="13" t="s">
        <v>559</v>
      </c>
      <c r="B118317" s="14" t="s">
        <v>1</v>
      </c>
      <c r="C118317" s="14" t="s">
        <v>558</v>
      </c>
      <c r="D118317" s="14" t="s">
        <v>122</v>
      </c>
      <c r="E118317" s="15">
        <v>45433</v>
      </c>
      <c r="F118317" s="14" t="s">
        <v>15</v>
      </c>
      <c r="G118317" s="16">
        <v>0.15235870424641904</v>
      </c>
    </row>
    <row r="118318" spans="1:7" x14ac:dyDescent="0.3">
      <c r="A118318" s="13" t="s">
        <v>559</v>
      </c>
      <c r="B118318" s="14" t="s">
        <v>1</v>
      </c>
      <c r="C118318" s="14" t="s">
        <v>558</v>
      </c>
      <c r="D118318" s="14" t="s">
        <v>122</v>
      </c>
      <c r="E118318" s="15">
        <v>45434</v>
      </c>
      <c r="F118318" s="14" t="s">
        <v>15</v>
      </c>
      <c r="G118318" s="16">
        <v>0.1493661583960815</v>
      </c>
    </row>
    <row r="118319" spans="1:7" x14ac:dyDescent="0.3">
      <c r="A118319" s="13" t="s">
        <v>559</v>
      </c>
      <c r="B118319" s="14" t="s">
        <v>1</v>
      </c>
      <c r="C118319" s="14" t="s">
        <v>558</v>
      </c>
      <c r="D118319" s="14" t="s">
        <v>122</v>
      </c>
      <c r="E118319" s="15">
        <v>45435</v>
      </c>
      <c r="F118319" s="14" t="s">
        <v>15</v>
      </c>
      <c r="G118319" s="16">
        <v>0.14632849976378909</v>
      </c>
    </row>
    <row r="118320" spans="1:7" x14ac:dyDescent="0.3">
      <c r="A118320" s="13" t="s">
        <v>559</v>
      </c>
      <c r="B118320" s="14" t="s">
        <v>1</v>
      </c>
      <c r="C118320" s="14" t="s">
        <v>558</v>
      </c>
      <c r="D118320" s="14" t="s">
        <v>122</v>
      </c>
      <c r="E118320" s="15">
        <v>45436</v>
      </c>
      <c r="F118320" s="14" t="s">
        <v>15</v>
      </c>
      <c r="G118320" s="16">
        <v>0.14341114188337639</v>
      </c>
    </row>
    <row r="118321" spans="1:7" x14ac:dyDescent="0.3">
      <c r="A118321" s="13" t="s">
        <v>559</v>
      </c>
      <c r="B118321" s="14" t="s">
        <v>1</v>
      </c>
      <c r="C118321" s="14" t="s">
        <v>558</v>
      </c>
      <c r="D118321" s="14" t="s">
        <v>122</v>
      </c>
      <c r="E118321" s="15">
        <v>45437</v>
      </c>
      <c r="F118321" s="14" t="s">
        <v>15</v>
      </c>
      <c r="G118321" s="16">
        <v>0.14341114188337639</v>
      </c>
    </row>
    <row r="118322" spans="1:7" x14ac:dyDescent="0.3">
      <c r="A118322" s="13" t="s">
        <v>559</v>
      </c>
      <c r="B118322" s="14" t="s">
        <v>1</v>
      </c>
      <c r="C118322" s="14" t="s">
        <v>558</v>
      </c>
      <c r="D118322" s="14" t="s">
        <v>122</v>
      </c>
      <c r="E118322" s="15">
        <v>45438</v>
      </c>
      <c r="F118322" s="14" t="s">
        <v>15</v>
      </c>
      <c r="G118322" s="16">
        <v>0.14341114188337639</v>
      </c>
    </row>
    <row r="118323" spans="1:7" x14ac:dyDescent="0.3">
      <c r="A118323" s="13" t="s">
        <v>559</v>
      </c>
      <c r="B118323" s="14" t="s">
        <v>1</v>
      </c>
      <c r="C118323" s="14" t="s">
        <v>558</v>
      </c>
      <c r="D118323" s="14" t="s">
        <v>122</v>
      </c>
      <c r="E118323" s="15">
        <v>45439</v>
      </c>
      <c r="F118323" s="14" t="s">
        <v>15</v>
      </c>
      <c r="G118323" s="16">
        <v>0.16321558851424187</v>
      </c>
    </row>
    <row r="118324" spans="1:7" x14ac:dyDescent="0.3">
      <c r="A118324" s="13" t="s">
        <v>559</v>
      </c>
      <c r="B118324" s="14" t="s">
        <v>1</v>
      </c>
      <c r="C118324" s="14" t="s">
        <v>558</v>
      </c>
      <c r="D118324" s="14" t="s">
        <v>122</v>
      </c>
      <c r="E118324" s="15">
        <v>45440</v>
      </c>
      <c r="F118324" s="14" t="s">
        <v>15</v>
      </c>
      <c r="G118324" s="16">
        <v>0.15554635093458105</v>
      </c>
    </row>
    <row r="118325" spans="1:7" x14ac:dyDescent="0.3">
      <c r="A118325" s="13" t="s">
        <v>559</v>
      </c>
      <c r="B118325" s="14" t="s">
        <v>1</v>
      </c>
      <c r="C118325" s="14" t="s">
        <v>558</v>
      </c>
      <c r="D118325" s="14" t="s">
        <v>122</v>
      </c>
      <c r="E118325" s="15">
        <v>45441</v>
      </c>
      <c r="F118325" s="14" t="s">
        <v>15</v>
      </c>
      <c r="G118325" s="16">
        <v>0.15822297801657434</v>
      </c>
    </row>
    <row r="118326" spans="1:7" x14ac:dyDescent="0.3">
      <c r="A118326" s="13" t="s">
        <v>559</v>
      </c>
      <c r="B118326" s="14" t="s">
        <v>1</v>
      </c>
      <c r="C118326" s="14" t="s">
        <v>558</v>
      </c>
      <c r="D118326" s="14" t="s">
        <v>122</v>
      </c>
      <c r="E118326" s="15">
        <v>45442</v>
      </c>
      <c r="F118326" s="14" t="s">
        <v>15</v>
      </c>
      <c r="G118326" s="16">
        <v>0.1709146426925526</v>
      </c>
    </row>
    <row r="118327" spans="1:7" x14ac:dyDescent="0.3">
      <c r="A118327" s="13" t="s">
        <v>559</v>
      </c>
      <c r="B118327" s="14" t="s">
        <v>1</v>
      </c>
      <c r="C118327" s="14" t="s">
        <v>558</v>
      </c>
      <c r="D118327" s="14" t="s">
        <v>122</v>
      </c>
      <c r="E118327" s="15">
        <v>45443</v>
      </c>
      <c r="F118327" s="14" t="s">
        <v>15</v>
      </c>
      <c r="G118327" s="16">
        <v>0.16744089383469629</v>
      </c>
    </row>
    <row r="118328" spans="1:7" x14ac:dyDescent="0.3">
      <c r="A118328" s="13" t="s">
        <v>559</v>
      </c>
      <c r="B118328" s="14" t="s">
        <v>1</v>
      </c>
      <c r="C118328" s="14" t="s">
        <v>558</v>
      </c>
      <c r="D118328" s="14" t="s">
        <v>122</v>
      </c>
      <c r="E118328" s="15">
        <v>45444</v>
      </c>
      <c r="F118328" s="14" t="s">
        <v>15</v>
      </c>
      <c r="G118328" s="16">
        <v>0.16744089383469629</v>
      </c>
    </row>
    <row r="118329" spans="1:7" x14ac:dyDescent="0.3">
      <c r="A118329" s="13" t="s">
        <v>559</v>
      </c>
      <c r="B118329" s="14" t="s">
        <v>1</v>
      </c>
      <c r="C118329" s="14" t="s">
        <v>558</v>
      </c>
      <c r="D118329" s="14" t="s">
        <v>122</v>
      </c>
      <c r="E118329" s="15">
        <v>45445</v>
      </c>
      <c r="F118329" s="14" t="s">
        <v>15</v>
      </c>
      <c r="G118329" s="16">
        <v>0.16744089383469629</v>
      </c>
    </row>
    <row r="118330" spans="1:7" x14ac:dyDescent="0.3">
      <c r="A118330" s="13" t="s">
        <v>559</v>
      </c>
      <c r="B118330" s="14" t="s">
        <v>1</v>
      </c>
      <c r="C118330" s="14" t="s">
        <v>558</v>
      </c>
      <c r="D118330" s="14" t="s">
        <v>122</v>
      </c>
      <c r="E118330" s="15">
        <v>45446</v>
      </c>
      <c r="F118330" s="14" t="s">
        <v>15</v>
      </c>
      <c r="G118330" s="16">
        <v>0.16744089383469629</v>
      </c>
    </row>
    <row r="118331" spans="1:7" x14ac:dyDescent="0.3">
      <c r="A118331" s="13" t="s">
        <v>559</v>
      </c>
      <c r="B118331" s="14" t="s">
        <v>1</v>
      </c>
      <c r="C118331" s="14" t="s">
        <v>558</v>
      </c>
      <c r="D118331" s="14" t="s">
        <v>122</v>
      </c>
      <c r="E118331" s="15">
        <v>45447</v>
      </c>
      <c r="F118331" s="14" t="s">
        <v>15</v>
      </c>
      <c r="G118331" s="16">
        <v>0.18941075399939636</v>
      </c>
    </row>
    <row r="118332" spans="1:7" x14ac:dyDescent="0.3">
      <c r="A118332" s="13" t="s">
        <v>559</v>
      </c>
      <c r="B118332" s="14" t="s">
        <v>1</v>
      </c>
      <c r="C118332" s="14" t="s">
        <v>558</v>
      </c>
      <c r="D118332" s="14" t="s">
        <v>122</v>
      </c>
      <c r="E118332" s="15">
        <v>45448</v>
      </c>
      <c r="F118332" s="14" t="s">
        <v>15</v>
      </c>
      <c r="G118332" s="16">
        <v>0.17852347130695356</v>
      </c>
    </row>
    <row r="118333" spans="1:7" x14ac:dyDescent="0.3">
      <c r="A118333" s="13" t="s">
        <v>559</v>
      </c>
      <c r="B118333" s="14" t="s">
        <v>1</v>
      </c>
      <c r="C118333" s="14" t="s">
        <v>558</v>
      </c>
      <c r="D118333" s="14" t="s">
        <v>122</v>
      </c>
      <c r="E118333" s="15">
        <v>45449</v>
      </c>
      <c r="F118333" s="14" t="s">
        <v>15</v>
      </c>
      <c r="G118333" s="16">
        <v>0.20882415853932279</v>
      </c>
    </row>
    <row r="118334" spans="1:7" x14ac:dyDescent="0.3">
      <c r="A118334" s="13" t="s">
        <v>559</v>
      </c>
      <c r="B118334" s="14" t="s">
        <v>1</v>
      </c>
      <c r="C118334" s="14" t="s">
        <v>558</v>
      </c>
      <c r="D118334" s="14" t="s">
        <v>122</v>
      </c>
      <c r="E118334" s="15">
        <v>45450</v>
      </c>
      <c r="F118334" s="14" t="s">
        <v>15</v>
      </c>
      <c r="G118334" s="16">
        <v>0.20599702622281985</v>
      </c>
    </row>
    <row r="118335" spans="1:7" x14ac:dyDescent="0.3">
      <c r="A118335" s="13" t="s">
        <v>559</v>
      </c>
      <c r="B118335" s="14" t="s">
        <v>1</v>
      </c>
      <c r="C118335" s="14" t="s">
        <v>558</v>
      </c>
      <c r="D118335" s="14" t="s">
        <v>122</v>
      </c>
      <c r="E118335" s="15">
        <v>45451</v>
      </c>
      <c r="F118335" s="14" t="s">
        <v>15</v>
      </c>
      <c r="G118335" s="16">
        <v>0.20599702622281985</v>
      </c>
    </row>
    <row r="118336" spans="1:7" x14ac:dyDescent="0.3">
      <c r="A118336" s="13" t="s">
        <v>559</v>
      </c>
      <c r="B118336" s="14" t="s">
        <v>1</v>
      </c>
      <c r="C118336" s="14" t="s">
        <v>558</v>
      </c>
      <c r="D118336" s="14" t="s">
        <v>122</v>
      </c>
      <c r="E118336" s="15">
        <v>45452</v>
      </c>
      <c r="F118336" s="14" t="s">
        <v>15</v>
      </c>
      <c r="G118336" s="16">
        <v>0.20599702622281985</v>
      </c>
    </row>
    <row r="118337" spans="1:7" x14ac:dyDescent="0.3">
      <c r="A118337" s="13" t="s">
        <v>559</v>
      </c>
      <c r="B118337" s="14" t="s">
        <v>1</v>
      </c>
      <c r="C118337" s="14" t="s">
        <v>558</v>
      </c>
      <c r="D118337" s="14" t="s">
        <v>122</v>
      </c>
      <c r="E118337" s="15">
        <v>45453</v>
      </c>
      <c r="F118337" s="14" t="s">
        <v>15</v>
      </c>
      <c r="G118337" s="16">
        <v>0.20315485631233193</v>
      </c>
    </row>
    <row r="118338" spans="1:7" x14ac:dyDescent="0.3">
      <c r="A118338" s="13" t="s">
        <v>559</v>
      </c>
      <c r="B118338" s="14" t="s">
        <v>1</v>
      </c>
      <c r="C118338" s="14" t="s">
        <v>558</v>
      </c>
      <c r="D118338" s="14" t="s">
        <v>122</v>
      </c>
      <c r="E118338" s="15">
        <v>45454</v>
      </c>
      <c r="F118338" s="14" t="s">
        <v>15</v>
      </c>
      <c r="G118338" s="16">
        <v>0.1949292277552275</v>
      </c>
    </row>
    <row r="118339" spans="1:7" x14ac:dyDescent="0.3">
      <c r="A118339" s="13" t="s">
        <v>559</v>
      </c>
      <c r="B118339" s="14" t="s">
        <v>1</v>
      </c>
      <c r="C118339" s="14" t="s">
        <v>558</v>
      </c>
      <c r="D118339" s="14" t="s">
        <v>122</v>
      </c>
      <c r="E118339" s="15">
        <v>45455</v>
      </c>
      <c r="F118339" s="14" t="s">
        <v>15</v>
      </c>
      <c r="G118339" s="16">
        <v>0.20113968942368698</v>
      </c>
    </row>
    <row r="118340" spans="1:7" x14ac:dyDescent="0.3">
      <c r="A118340" s="13" t="s">
        <v>559</v>
      </c>
      <c r="B118340" s="14" t="s">
        <v>1</v>
      </c>
      <c r="C118340" s="14" t="s">
        <v>558</v>
      </c>
      <c r="D118340" s="14" t="s">
        <v>122</v>
      </c>
      <c r="E118340" s="15">
        <v>45456</v>
      </c>
      <c r="F118340" s="14" t="s">
        <v>15</v>
      </c>
      <c r="G118340" s="16">
        <v>0.25873360973876303</v>
      </c>
    </row>
    <row r="118341" spans="1:7" x14ac:dyDescent="0.3">
      <c r="A118341" s="13" t="s">
        <v>559</v>
      </c>
      <c r="B118341" s="14" t="s">
        <v>1</v>
      </c>
      <c r="C118341" s="14" t="s">
        <v>558</v>
      </c>
      <c r="D118341" s="14" t="s">
        <v>122</v>
      </c>
      <c r="E118341" s="15">
        <v>45457</v>
      </c>
      <c r="F118341" s="14" t="s">
        <v>15</v>
      </c>
      <c r="G118341" s="16">
        <v>0.27632753005383903</v>
      </c>
    </row>
    <row r="118342" spans="1:7" x14ac:dyDescent="0.3">
      <c r="A118342" s="13" t="s">
        <v>559</v>
      </c>
      <c r="B118342" s="14" t="s">
        <v>1</v>
      </c>
      <c r="C118342" s="14" t="s">
        <v>558</v>
      </c>
      <c r="D118342" s="14" t="s">
        <v>122</v>
      </c>
      <c r="E118342" s="15">
        <v>45458</v>
      </c>
      <c r="F118342" s="14" t="s">
        <v>15</v>
      </c>
      <c r="G118342" s="16">
        <v>0.27632753005383903</v>
      </c>
    </row>
    <row r="118343" spans="1:7" x14ac:dyDescent="0.3">
      <c r="A118343" s="13" t="s">
        <v>559</v>
      </c>
      <c r="B118343" s="14" t="s">
        <v>1</v>
      </c>
      <c r="C118343" s="14" t="s">
        <v>558</v>
      </c>
      <c r="D118343" s="14" t="s">
        <v>122</v>
      </c>
      <c r="E118343" s="15">
        <v>45459</v>
      </c>
      <c r="F118343" s="14" t="s">
        <v>15</v>
      </c>
      <c r="G118343" s="16">
        <v>0.27632753005383903</v>
      </c>
    </row>
    <row r="118344" spans="1:7" x14ac:dyDescent="0.3">
      <c r="A118344" s="13" t="s">
        <v>559</v>
      </c>
      <c r="B118344" s="14" t="s">
        <v>1</v>
      </c>
      <c r="C118344" s="14" t="s">
        <v>558</v>
      </c>
      <c r="D118344" s="14" t="s">
        <v>122</v>
      </c>
      <c r="E118344" s="15">
        <v>45460</v>
      </c>
      <c r="F118344" s="14" t="s">
        <v>15</v>
      </c>
      <c r="G118344" s="16">
        <v>0.28312445788771201</v>
      </c>
    </row>
    <row r="118345" spans="1:7" x14ac:dyDescent="0.3">
      <c r="A118345" s="13" t="s">
        <v>559</v>
      </c>
      <c r="B118345" s="14" t="s">
        <v>1</v>
      </c>
      <c r="C118345" s="14" t="s">
        <v>558</v>
      </c>
      <c r="D118345" s="14" t="s">
        <v>122</v>
      </c>
      <c r="E118345" s="15">
        <v>45461</v>
      </c>
      <c r="F118345" s="14" t="s">
        <v>15</v>
      </c>
      <c r="G118345" s="16">
        <v>0.27495897970654742</v>
      </c>
    </row>
    <row r="118346" spans="1:7" x14ac:dyDescent="0.3">
      <c r="A118346" s="13" t="s">
        <v>559</v>
      </c>
      <c r="B118346" s="14" t="s">
        <v>1</v>
      </c>
      <c r="C118346" s="14" t="s">
        <v>558</v>
      </c>
      <c r="D118346" s="14" t="s">
        <v>122</v>
      </c>
      <c r="E118346" s="15">
        <v>45462</v>
      </c>
      <c r="F118346" s="14" t="s">
        <v>15</v>
      </c>
      <c r="G118346" s="16">
        <v>0.27213184739004448</v>
      </c>
    </row>
    <row r="118347" spans="1:7" x14ac:dyDescent="0.3">
      <c r="A118347" s="13" t="s">
        <v>559</v>
      </c>
      <c r="B118347" s="14" t="s">
        <v>1</v>
      </c>
      <c r="C118347" s="14" t="s">
        <v>558</v>
      </c>
      <c r="D118347" s="14" t="s">
        <v>122</v>
      </c>
      <c r="E118347" s="15">
        <v>45463</v>
      </c>
      <c r="F118347" s="14" t="s">
        <v>15</v>
      </c>
      <c r="G118347" s="16">
        <v>0.26909418875775204</v>
      </c>
    </row>
    <row r="118348" spans="1:7" x14ac:dyDescent="0.3">
      <c r="A118348" s="13" t="s">
        <v>559</v>
      </c>
      <c r="B118348" s="14" t="s">
        <v>1</v>
      </c>
      <c r="C118348" s="14" t="s">
        <v>558</v>
      </c>
      <c r="D118348" s="14" t="s">
        <v>122</v>
      </c>
      <c r="E118348" s="15">
        <v>45464</v>
      </c>
      <c r="F118348" s="14" t="s">
        <v>15</v>
      </c>
      <c r="G118348" s="16">
        <v>0.26601141734350475</v>
      </c>
    </row>
    <row r="118349" spans="1:7" x14ac:dyDescent="0.3">
      <c r="A118349" s="13" t="s">
        <v>559</v>
      </c>
      <c r="B118349" s="14" t="s">
        <v>1</v>
      </c>
      <c r="C118349" s="14" t="s">
        <v>558</v>
      </c>
      <c r="D118349" s="14" t="s">
        <v>122</v>
      </c>
      <c r="E118349" s="15">
        <v>45465</v>
      </c>
      <c r="F118349" s="14" t="s">
        <v>15</v>
      </c>
      <c r="G118349" s="16">
        <v>0.26601141734350475</v>
      </c>
    </row>
    <row r="118350" spans="1:7" x14ac:dyDescent="0.3">
      <c r="A118350" s="13" t="s">
        <v>559</v>
      </c>
      <c r="B118350" s="14" t="s">
        <v>1</v>
      </c>
      <c r="C118350" s="14" t="s">
        <v>558</v>
      </c>
      <c r="D118350" s="14" t="s">
        <v>122</v>
      </c>
      <c r="E118350" s="15">
        <v>45466</v>
      </c>
      <c r="F118350" s="14" t="s">
        <v>15</v>
      </c>
      <c r="G118350" s="16">
        <v>0.26601141734350475</v>
      </c>
    </row>
    <row r="118351" spans="1:7" x14ac:dyDescent="0.3">
      <c r="A118351" s="13" t="s">
        <v>559</v>
      </c>
      <c r="B118351" s="14" t="s">
        <v>1</v>
      </c>
      <c r="C118351" s="14" t="s">
        <v>558</v>
      </c>
      <c r="D118351" s="14" t="s">
        <v>122</v>
      </c>
      <c r="E118351" s="15">
        <v>45467</v>
      </c>
      <c r="F118351" s="14" t="s">
        <v>15</v>
      </c>
      <c r="G118351" s="16">
        <v>0.26825195419993414</v>
      </c>
    </row>
    <row r="118352" spans="1:7" x14ac:dyDescent="0.3">
      <c r="A118352" s="13" t="s">
        <v>559</v>
      </c>
      <c r="B118352" s="14" t="s">
        <v>1</v>
      </c>
      <c r="C118352" s="14" t="s">
        <v>558</v>
      </c>
      <c r="D118352" s="14" t="s">
        <v>122</v>
      </c>
      <c r="E118352" s="15">
        <v>45468</v>
      </c>
      <c r="F118352" s="14" t="s">
        <v>15</v>
      </c>
      <c r="G118352" s="16">
        <v>0.26250752865034849</v>
      </c>
    </row>
    <row r="118353" spans="1:7" x14ac:dyDescent="0.3">
      <c r="A118353" s="13" t="s">
        <v>559</v>
      </c>
      <c r="B118353" s="14" t="s">
        <v>1</v>
      </c>
      <c r="C118353" s="14" t="s">
        <v>558</v>
      </c>
      <c r="D118353" s="14" t="s">
        <v>122</v>
      </c>
      <c r="E118353" s="15">
        <v>45469</v>
      </c>
      <c r="F118353" s="14" t="s">
        <v>15</v>
      </c>
      <c r="G118353" s="16">
        <v>0.26410144896542453</v>
      </c>
    </row>
    <row r="118354" spans="1:7" x14ac:dyDescent="0.3">
      <c r="A118354" s="13" t="s">
        <v>559</v>
      </c>
      <c r="B118354" s="14" t="s">
        <v>1</v>
      </c>
      <c r="C118354" s="14" t="s">
        <v>558</v>
      </c>
      <c r="D118354" s="14" t="s">
        <v>122</v>
      </c>
      <c r="E118354" s="15">
        <v>45470</v>
      </c>
      <c r="F118354" s="14" t="s">
        <v>15</v>
      </c>
      <c r="G118354" s="16">
        <v>0.27044724897974864</v>
      </c>
    </row>
    <row r="118355" spans="1:7" x14ac:dyDescent="0.3">
      <c r="A118355" s="13" t="s">
        <v>559</v>
      </c>
      <c r="B118355" s="14" t="s">
        <v>1</v>
      </c>
      <c r="C118355" s="14" t="s">
        <v>558</v>
      </c>
      <c r="D118355" s="14" t="s">
        <v>122</v>
      </c>
      <c r="E118355" s="15">
        <v>45471</v>
      </c>
      <c r="F118355" s="14" t="s">
        <v>15</v>
      </c>
      <c r="G118355" s="16">
        <v>0.34268778583617809</v>
      </c>
    </row>
    <row r="118356" spans="1:7" x14ac:dyDescent="0.3">
      <c r="A118356" s="13" t="s">
        <v>559</v>
      </c>
      <c r="B118356" s="14" t="s">
        <v>1</v>
      </c>
      <c r="C118356" s="14" t="s">
        <v>558</v>
      </c>
      <c r="D118356" s="14" t="s">
        <v>122</v>
      </c>
      <c r="E118356" s="15">
        <v>45472</v>
      </c>
      <c r="F118356" s="14" t="s">
        <v>15</v>
      </c>
      <c r="G118356" s="16">
        <v>0.34268778583617809</v>
      </c>
    </row>
    <row r="118357" spans="1:7" x14ac:dyDescent="0.3">
      <c r="A118357" s="13" t="s">
        <v>559</v>
      </c>
      <c r="B118357" s="14" t="s">
        <v>1</v>
      </c>
      <c r="C118357" s="14" t="s">
        <v>558</v>
      </c>
      <c r="D118357" s="14" t="s">
        <v>122</v>
      </c>
      <c r="E118357" s="15">
        <v>45473</v>
      </c>
      <c r="F118357" s="14" t="s">
        <v>15</v>
      </c>
      <c r="G118357" s="16">
        <v>0.34268778583617809</v>
      </c>
    </row>
    <row r="118358" spans="1:7" x14ac:dyDescent="0.3">
      <c r="A118358" s="13" t="s">
        <v>559</v>
      </c>
      <c r="B118358" s="14" t="s">
        <v>1</v>
      </c>
      <c r="C118358" s="14" t="s">
        <v>558</v>
      </c>
      <c r="D118358" s="14" t="s">
        <v>122</v>
      </c>
      <c r="E118358" s="15">
        <v>45474</v>
      </c>
      <c r="F118358" s="14" t="s">
        <v>15</v>
      </c>
      <c r="G118358" s="16">
        <v>0.33986065351967509</v>
      </c>
    </row>
    <row r="118359" spans="1:7" x14ac:dyDescent="0.3">
      <c r="A118359" s="13" t="s">
        <v>559</v>
      </c>
      <c r="B118359" s="14" t="s">
        <v>1</v>
      </c>
      <c r="C118359" s="14" t="s">
        <v>558</v>
      </c>
      <c r="D118359" s="14" t="s">
        <v>122</v>
      </c>
      <c r="E118359" s="15">
        <v>45475</v>
      </c>
      <c r="F118359" s="14" t="s">
        <v>15</v>
      </c>
      <c r="G118359" s="16">
        <v>0.36019141594001425</v>
      </c>
    </row>
    <row r="118360" spans="1:7" x14ac:dyDescent="0.3">
      <c r="A118360" s="13" t="s">
        <v>559</v>
      </c>
      <c r="B118360" s="14" t="s">
        <v>1</v>
      </c>
      <c r="C118360" s="14" t="s">
        <v>558</v>
      </c>
      <c r="D118360" s="14" t="s">
        <v>122</v>
      </c>
      <c r="E118360" s="15">
        <v>45476</v>
      </c>
      <c r="F118360" s="14" t="s">
        <v>15</v>
      </c>
      <c r="G118360" s="16">
        <v>0.35852217836035344</v>
      </c>
    </row>
    <row r="118361" spans="1:7" x14ac:dyDescent="0.3">
      <c r="A118361" s="13" t="s">
        <v>559</v>
      </c>
      <c r="B118361" s="14" t="s">
        <v>1</v>
      </c>
      <c r="C118361" s="14" t="s">
        <v>558</v>
      </c>
      <c r="D118361" s="14" t="s">
        <v>122</v>
      </c>
      <c r="E118361" s="15">
        <v>45477</v>
      </c>
      <c r="F118361" s="14" t="s">
        <v>15</v>
      </c>
      <c r="G118361" s="16">
        <v>0.4034093317581362</v>
      </c>
    </row>
    <row r="118362" spans="1:7" x14ac:dyDescent="0.3">
      <c r="A118362" s="13" t="s">
        <v>559</v>
      </c>
      <c r="B118362" s="14" t="s">
        <v>1</v>
      </c>
      <c r="C118362" s="14" t="s">
        <v>558</v>
      </c>
      <c r="D118362" s="14" t="s">
        <v>122</v>
      </c>
      <c r="E118362" s="15">
        <v>45478</v>
      </c>
      <c r="F118362" s="14" t="s">
        <v>15</v>
      </c>
      <c r="G118362" s="16">
        <v>0.51438671071982878</v>
      </c>
    </row>
    <row r="118363" spans="1:7" x14ac:dyDescent="0.3">
      <c r="A118363" s="13" t="s">
        <v>559</v>
      </c>
      <c r="B118363" s="14" t="s">
        <v>1</v>
      </c>
      <c r="C118363" s="14" t="s">
        <v>558</v>
      </c>
      <c r="D118363" s="14" t="s">
        <v>122</v>
      </c>
      <c r="E118363" s="15">
        <v>45479</v>
      </c>
      <c r="F118363" s="14" t="s">
        <v>15</v>
      </c>
      <c r="G118363" s="16">
        <v>0.51438671071982878</v>
      </c>
    </row>
    <row r="118364" spans="1:7" x14ac:dyDescent="0.3">
      <c r="A118364" s="13" t="s">
        <v>559</v>
      </c>
      <c r="B118364" s="14" t="s">
        <v>1</v>
      </c>
      <c r="C118364" s="14" t="s">
        <v>558</v>
      </c>
      <c r="D118364" s="14" t="s">
        <v>122</v>
      </c>
      <c r="E118364" s="15">
        <v>45480</v>
      </c>
      <c r="F118364" s="14" t="s">
        <v>15</v>
      </c>
      <c r="G118364" s="16">
        <v>0.51438671071982878</v>
      </c>
    </row>
    <row r="118365" spans="1:7" x14ac:dyDescent="0.3">
      <c r="A118365" s="13" t="s">
        <v>559</v>
      </c>
      <c r="B118365" s="14" t="s">
        <v>1</v>
      </c>
      <c r="C118365" s="14" t="s">
        <v>558</v>
      </c>
      <c r="D118365" s="14" t="s">
        <v>122</v>
      </c>
      <c r="E118365" s="15">
        <v>45481</v>
      </c>
      <c r="F118365" s="14" t="s">
        <v>15</v>
      </c>
      <c r="G118365" s="16">
        <v>0.5137550671251303</v>
      </c>
    </row>
    <row r="118366" spans="1:7" x14ac:dyDescent="0.3">
      <c r="A118366" s="13" t="s">
        <v>559</v>
      </c>
      <c r="B118366" s="14" t="s">
        <v>1</v>
      </c>
      <c r="C118366" s="14" t="s">
        <v>558</v>
      </c>
      <c r="D118366" s="14" t="s">
        <v>122</v>
      </c>
      <c r="E118366" s="15">
        <v>45482</v>
      </c>
      <c r="F118366" s="14" t="s">
        <v>15</v>
      </c>
      <c r="G118366" s="16">
        <v>0.50754447616201082</v>
      </c>
    </row>
    <row r="118367" spans="1:7" x14ac:dyDescent="0.3">
      <c r="A118367" s="13" t="s">
        <v>559</v>
      </c>
      <c r="B118367" s="14" t="s">
        <v>1</v>
      </c>
      <c r="C118367" s="14" t="s">
        <v>558</v>
      </c>
      <c r="D118367" s="14" t="s">
        <v>122</v>
      </c>
      <c r="E118367" s="15">
        <v>45483</v>
      </c>
      <c r="F118367" s="14" t="s">
        <v>15</v>
      </c>
      <c r="G118367" s="16">
        <v>0.50497298294325232</v>
      </c>
    </row>
    <row r="118368" spans="1:7" x14ac:dyDescent="0.3">
      <c r="A118368" s="13" t="s">
        <v>559</v>
      </c>
      <c r="B118368" s="14" t="s">
        <v>1</v>
      </c>
      <c r="C118368" s="14" t="s">
        <v>558</v>
      </c>
      <c r="D118368" s="14" t="s">
        <v>122</v>
      </c>
      <c r="E118368" s="15">
        <v>45484</v>
      </c>
      <c r="F118368" s="14" t="s">
        <v>15</v>
      </c>
      <c r="G118368" s="16">
        <v>0.50225111378464404</v>
      </c>
    </row>
    <row r="118369" spans="1:7" x14ac:dyDescent="0.3">
      <c r="A118369" s="13" t="s">
        <v>559</v>
      </c>
      <c r="B118369" s="14" t="s">
        <v>1</v>
      </c>
      <c r="C118369" s="14" t="s">
        <v>558</v>
      </c>
      <c r="D118369" s="14" t="s">
        <v>122</v>
      </c>
      <c r="E118369" s="15">
        <v>45485</v>
      </c>
      <c r="F118369" s="14" t="s">
        <v>15</v>
      </c>
      <c r="G118369" s="16">
        <v>0.50151420703205085</v>
      </c>
    </row>
    <row r="118370" spans="1:7" x14ac:dyDescent="0.3">
      <c r="A118370" s="13" t="s">
        <v>559</v>
      </c>
      <c r="B118370" s="14" t="s">
        <v>1</v>
      </c>
      <c r="C118370" s="14" t="s">
        <v>558</v>
      </c>
      <c r="D118370" s="14" t="s">
        <v>122</v>
      </c>
      <c r="E118370" s="15">
        <v>45486</v>
      </c>
      <c r="F118370" s="14" t="s">
        <v>15</v>
      </c>
      <c r="G118370" s="16">
        <v>0.50151420703205085</v>
      </c>
    </row>
    <row r="118371" spans="1:7" x14ac:dyDescent="0.3">
      <c r="A118371" s="13" t="s">
        <v>559</v>
      </c>
      <c r="B118371" s="14" t="s">
        <v>1</v>
      </c>
      <c r="C118371" s="14" t="s">
        <v>558</v>
      </c>
      <c r="D118371" s="14" t="s">
        <v>122</v>
      </c>
      <c r="E118371" s="15">
        <v>45487</v>
      </c>
      <c r="F118371" s="14" t="s">
        <v>15</v>
      </c>
      <c r="G118371" s="16">
        <v>0.50151420703205085</v>
      </c>
    </row>
    <row r="118372" spans="1:7" x14ac:dyDescent="0.3">
      <c r="A118372" s="13" t="s">
        <v>559</v>
      </c>
      <c r="B118372" s="14" t="s">
        <v>1</v>
      </c>
      <c r="C118372" s="14" t="s">
        <v>558</v>
      </c>
      <c r="D118372" s="14" t="s">
        <v>122</v>
      </c>
      <c r="E118372" s="15">
        <v>45488</v>
      </c>
      <c r="F118372" s="14" t="s">
        <v>15</v>
      </c>
      <c r="G118372" s="16">
        <v>0.52261188674562309</v>
      </c>
    </row>
    <row r="118373" spans="1:7" x14ac:dyDescent="0.3">
      <c r="A118373" s="13" t="s">
        <v>559</v>
      </c>
      <c r="B118373" s="14" t="s">
        <v>1</v>
      </c>
      <c r="C118373" s="14" t="s">
        <v>558</v>
      </c>
      <c r="D118373" s="14" t="s">
        <v>122</v>
      </c>
      <c r="E118373" s="15">
        <v>45489</v>
      </c>
      <c r="F118373" s="14" t="s">
        <v>15</v>
      </c>
      <c r="G118373" s="16">
        <v>0.54122836345167658</v>
      </c>
    </row>
    <row r="118374" spans="1:7" x14ac:dyDescent="0.3">
      <c r="A118374" s="13" t="s">
        <v>559</v>
      </c>
      <c r="B118374" s="14" t="s">
        <v>1</v>
      </c>
      <c r="C118374" s="14" t="s">
        <v>558</v>
      </c>
      <c r="D118374" s="14" t="s">
        <v>122</v>
      </c>
      <c r="E118374" s="15">
        <v>45490</v>
      </c>
      <c r="F118374" s="14" t="s">
        <v>15</v>
      </c>
      <c r="G118374" s="16">
        <v>0.53856664466900817</v>
      </c>
    </row>
    <row r="118375" spans="1:7" x14ac:dyDescent="0.3">
      <c r="A118375" s="13" t="s">
        <v>559</v>
      </c>
      <c r="B118375" s="14" t="s">
        <v>1</v>
      </c>
      <c r="C118375" s="14" t="s">
        <v>558</v>
      </c>
      <c r="D118375" s="14" t="s">
        <v>122</v>
      </c>
      <c r="E118375" s="15">
        <v>45491</v>
      </c>
      <c r="F118375" s="14" t="s">
        <v>15</v>
      </c>
      <c r="G118375" s="16">
        <v>0.53764928678859547</v>
      </c>
    </row>
    <row r="118376" spans="1:7" x14ac:dyDescent="0.3">
      <c r="A118376" s="13" t="s">
        <v>559</v>
      </c>
      <c r="B118376" s="14" t="s">
        <v>1</v>
      </c>
      <c r="C118376" s="14" t="s">
        <v>558</v>
      </c>
      <c r="D118376" s="14" t="s">
        <v>122</v>
      </c>
      <c r="E118376" s="15">
        <v>45492</v>
      </c>
      <c r="F118376" s="14" t="s">
        <v>15</v>
      </c>
      <c r="G118376" s="16">
        <v>0.53506275597585196</v>
      </c>
    </row>
    <row r="118377" spans="1:7" x14ac:dyDescent="0.3">
      <c r="A118377" s="13" t="s">
        <v>559</v>
      </c>
      <c r="B118377" s="14" t="s">
        <v>1</v>
      </c>
      <c r="C118377" s="14" t="s">
        <v>558</v>
      </c>
      <c r="D118377" s="14" t="s">
        <v>122</v>
      </c>
      <c r="E118377" s="15">
        <v>45493</v>
      </c>
      <c r="F118377" s="14" t="s">
        <v>15</v>
      </c>
      <c r="G118377" s="16">
        <v>0.53506275597585196</v>
      </c>
    </row>
    <row r="118378" spans="1:7" x14ac:dyDescent="0.3">
      <c r="A118378" s="13" t="s">
        <v>559</v>
      </c>
      <c r="B118378" s="14" t="s">
        <v>1</v>
      </c>
      <c r="C118378" s="14" t="s">
        <v>558</v>
      </c>
      <c r="D118378" s="14" t="s">
        <v>122</v>
      </c>
      <c r="E118378" s="15">
        <v>45494</v>
      </c>
      <c r="F118378" s="14" t="s">
        <v>15</v>
      </c>
      <c r="G118378" s="16">
        <v>0.53506275597585196</v>
      </c>
    </row>
    <row r="118379" spans="1:7" x14ac:dyDescent="0.3">
      <c r="A118379" s="13" t="s">
        <v>559</v>
      </c>
      <c r="B118379" s="14" t="s">
        <v>1</v>
      </c>
      <c r="C118379" s="14" t="s">
        <v>558</v>
      </c>
      <c r="D118379" s="14" t="s">
        <v>122</v>
      </c>
      <c r="E118379" s="15">
        <v>45495</v>
      </c>
      <c r="F118379" s="14" t="s">
        <v>15</v>
      </c>
      <c r="G118379" s="16">
        <v>0.53446118756912353</v>
      </c>
    </row>
    <row r="118380" spans="1:7" x14ac:dyDescent="0.3">
      <c r="A118380" s="13" t="s">
        <v>559</v>
      </c>
      <c r="B118380" s="14" t="s">
        <v>1</v>
      </c>
      <c r="C118380" s="14" t="s">
        <v>558</v>
      </c>
      <c r="D118380" s="14" t="s">
        <v>122</v>
      </c>
      <c r="E118380" s="15">
        <v>45496</v>
      </c>
      <c r="F118380" s="14" t="s">
        <v>15</v>
      </c>
      <c r="G118380" s="16">
        <v>0.52930322818495135</v>
      </c>
    </row>
    <row r="118381" spans="1:7" x14ac:dyDescent="0.3">
      <c r="A118381" s="13" t="s">
        <v>559</v>
      </c>
      <c r="B118381" s="14" t="s">
        <v>1</v>
      </c>
      <c r="C118381" s="14" t="s">
        <v>558</v>
      </c>
      <c r="D118381" s="14" t="s">
        <v>122</v>
      </c>
      <c r="E118381" s="15">
        <v>45497</v>
      </c>
      <c r="F118381" s="14" t="s">
        <v>15</v>
      </c>
      <c r="G118381" s="16">
        <v>0.53124301316168154</v>
      </c>
    </row>
    <row r="118382" spans="1:7" x14ac:dyDescent="0.3">
      <c r="A118382" s="13" t="s">
        <v>559</v>
      </c>
      <c r="B118382" s="14" t="s">
        <v>1</v>
      </c>
      <c r="C118382" s="14" t="s">
        <v>558</v>
      </c>
      <c r="D118382" s="14" t="s">
        <v>122</v>
      </c>
      <c r="E118382" s="15">
        <v>45498</v>
      </c>
      <c r="F118382" s="14" t="s">
        <v>15</v>
      </c>
      <c r="G118382" s="16">
        <v>0.52868655753690785</v>
      </c>
    </row>
    <row r="118383" spans="1:7" x14ac:dyDescent="0.3">
      <c r="A118383" s="13" t="s">
        <v>559</v>
      </c>
      <c r="B118383" s="14" t="s">
        <v>1</v>
      </c>
      <c r="C118383" s="14" t="s">
        <v>558</v>
      </c>
      <c r="D118383" s="14" t="s">
        <v>122</v>
      </c>
      <c r="E118383" s="15">
        <v>45499</v>
      </c>
      <c r="F118383" s="14" t="s">
        <v>15</v>
      </c>
      <c r="G118383" s="16">
        <v>0.52731807183694634</v>
      </c>
    </row>
    <row r="118384" spans="1:7" x14ac:dyDescent="0.3">
      <c r="A118384" s="13" t="s">
        <v>559</v>
      </c>
      <c r="B118384" s="14" t="s">
        <v>1</v>
      </c>
      <c r="C118384" s="14" t="s">
        <v>558</v>
      </c>
      <c r="D118384" s="14" t="s">
        <v>122</v>
      </c>
      <c r="E118384" s="15">
        <v>45500</v>
      </c>
      <c r="F118384" s="14" t="s">
        <v>15</v>
      </c>
      <c r="G118384" s="16">
        <v>0.52731807183694634</v>
      </c>
    </row>
    <row r="118385" spans="1:7" x14ac:dyDescent="0.3">
      <c r="A118385" s="13" t="s">
        <v>559</v>
      </c>
      <c r="B118385" s="14" t="s">
        <v>1</v>
      </c>
      <c r="C118385" s="14" t="s">
        <v>558</v>
      </c>
      <c r="D118385" s="14" t="s">
        <v>122</v>
      </c>
      <c r="E118385" s="15">
        <v>45501</v>
      </c>
      <c r="F118385" s="14" t="s">
        <v>15</v>
      </c>
      <c r="G118385" s="16">
        <v>0.52731807183694634</v>
      </c>
    </row>
    <row r="118386" spans="1:7" x14ac:dyDescent="0.3">
      <c r="A118386" s="13" t="s">
        <v>559</v>
      </c>
      <c r="B118386" s="14" t="s">
        <v>1</v>
      </c>
      <c r="C118386" s="14" t="s">
        <v>558</v>
      </c>
      <c r="D118386" s="14" t="s">
        <v>122</v>
      </c>
      <c r="E118386" s="15">
        <v>45502</v>
      </c>
      <c r="F118386" s="14" t="s">
        <v>15</v>
      </c>
      <c r="G118386" s="16">
        <v>0.52760372147533063</v>
      </c>
    </row>
    <row r="118387" spans="1:7" x14ac:dyDescent="0.3">
      <c r="A118387" s="13" t="s">
        <v>559</v>
      </c>
      <c r="B118387" s="14" t="s">
        <v>1</v>
      </c>
      <c r="C118387" s="14" t="s">
        <v>558</v>
      </c>
      <c r="D118387" s="14" t="s">
        <v>122</v>
      </c>
      <c r="E118387" s="15">
        <v>45503</v>
      </c>
      <c r="F118387" s="14" t="s">
        <v>15</v>
      </c>
      <c r="G118387" s="16">
        <v>0.52008485983551933</v>
      </c>
    </row>
    <row r="118388" spans="1:7" x14ac:dyDescent="0.3">
      <c r="A118388" s="13" t="s">
        <v>559</v>
      </c>
      <c r="B118388" s="14" t="s">
        <v>1</v>
      </c>
      <c r="C118388" s="14" t="s">
        <v>558</v>
      </c>
      <c r="D118388" s="14" t="s">
        <v>122</v>
      </c>
      <c r="E118388" s="15">
        <v>45504</v>
      </c>
      <c r="F118388" s="14" t="s">
        <v>15</v>
      </c>
      <c r="G118388" s="16">
        <v>0.51984419368443002</v>
      </c>
    </row>
    <row r="118389" spans="1:7" x14ac:dyDescent="0.3">
      <c r="A118389" s="13" t="s">
        <v>559</v>
      </c>
      <c r="B118389" s="14" t="s">
        <v>1</v>
      </c>
      <c r="C118389" s="14" t="s">
        <v>558</v>
      </c>
      <c r="D118389" s="14" t="s">
        <v>122</v>
      </c>
      <c r="E118389" s="15">
        <v>45505</v>
      </c>
      <c r="F118389" s="14" t="s">
        <v>15</v>
      </c>
      <c r="G118389" s="16">
        <v>0.51721255008973155</v>
      </c>
    </row>
    <row r="118390" spans="1:7" x14ac:dyDescent="0.3">
      <c r="A118390" s="13" t="s">
        <v>559</v>
      </c>
      <c r="B118390" s="14" t="s">
        <v>1</v>
      </c>
      <c r="C118390" s="14" t="s">
        <v>558</v>
      </c>
      <c r="D118390" s="14" t="s">
        <v>122</v>
      </c>
      <c r="E118390" s="15">
        <v>45506</v>
      </c>
      <c r="F118390" s="14" t="s">
        <v>15</v>
      </c>
      <c r="G118390" s="16">
        <v>0.51620496664540905</v>
      </c>
    </row>
    <row r="118391" spans="1:7" x14ac:dyDescent="0.3">
      <c r="A118391" s="13" t="s">
        <v>559</v>
      </c>
      <c r="B118391" s="14" t="s">
        <v>1</v>
      </c>
      <c r="C118391" s="14" t="s">
        <v>558</v>
      </c>
      <c r="D118391" s="14" t="s">
        <v>122</v>
      </c>
      <c r="E118391" s="15">
        <v>45507</v>
      </c>
      <c r="F118391" s="14" t="s">
        <v>15</v>
      </c>
      <c r="G118391" s="16">
        <v>0.51620496664540905</v>
      </c>
    </row>
    <row r="118392" spans="1:7" x14ac:dyDescent="0.3">
      <c r="A118392" s="13" t="s">
        <v>559</v>
      </c>
      <c r="B118392" s="14" t="s">
        <v>1</v>
      </c>
      <c r="C118392" s="14" t="s">
        <v>558</v>
      </c>
      <c r="D118392" s="14" t="s">
        <v>122</v>
      </c>
      <c r="E118392" s="15">
        <v>45508</v>
      </c>
      <c r="F118392" s="14" t="s">
        <v>15</v>
      </c>
      <c r="G118392" s="16">
        <v>0.51620496664540905</v>
      </c>
    </row>
    <row r="118393" spans="1:7" x14ac:dyDescent="0.3">
      <c r="A118393" s="13" t="s">
        <v>559</v>
      </c>
      <c r="B118393" s="14" t="s">
        <v>1</v>
      </c>
      <c r="C118393" s="14" t="s">
        <v>558</v>
      </c>
      <c r="D118393" s="14" t="s">
        <v>122</v>
      </c>
      <c r="E118393" s="15">
        <v>45509</v>
      </c>
      <c r="F118393" s="14" t="s">
        <v>15</v>
      </c>
      <c r="G118393" s="16">
        <v>0.51620496664540905</v>
      </c>
    </row>
    <row r="118394" spans="1:7" x14ac:dyDescent="0.3">
      <c r="A118394" s="13" t="s">
        <v>559</v>
      </c>
      <c r="B118394" s="14" t="s">
        <v>1</v>
      </c>
      <c r="C118394" s="14" t="s">
        <v>558</v>
      </c>
      <c r="D118394" s="14" t="s">
        <v>122</v>
      </c>
      <c r="E118394" s="15">
        <v>45510</v>
      </c>
      <c r="F118394" s="14" t="s">
        <v>15</v>
      </c>
      <c r="G118394" s="16">
        <v>0.51649061628379334</v>
      </c>
    </row>
    <row r="118395" spans="1:7" x14ac:dyDescent="0.3">
      <c r="A118395" s="13" t="s">
        <v>559</v>
      </c>
      <c r="B118395" s="14" t="s">
        <v>1</v>
      </c>
      <c r="C118395" s="14" t="s">
        <v>558</v>
      </c>
      <c r="D118395" s="14" t="s">
        <v>122</v>
      </c>
      <c r="E118395" s="15">
        <v>45511</v>
      </c>
      <c r="F118395" s="14" t="s">
        <v>15</v>
      </c>
      <c r="G118395" s="16">
        <v>0.50628002532067384</v>
      </c>
    </row>
    <row r="118396" spans="1:7" x14ac:dyDescent="0.3">
      <c r="A118396" s="13" t="s">
        <v>559</v>
      </c>
      <c r="B118396" s="14" t="s">
        <v>1</v>
      </c>
      <c r="C118396" s="14" t="s">
        <v>558</v>
      </c>
      <c r="D118396" s="14" t="s">
        <v>122</v>
      </c>
      <c r="E118396" s="15">
        <v>45512</v>
      </c>
      <c r="F118396" s="14" t="s">
        <v>15</v>
      </c>
      <c r="G118396" s="16">
        <v>0.52032507345529877</v>
      </c>
    </row>
    <row r="118397" spans="1:7" x14ac:dyDescent="0.3">
      <c r="A118397" s="13" t="s">
        <v>559</v>
      </c>
      <c r="B118397" s="14" t="s">
        <v>1</v>
      </c>
      <c r="C118397" s="14" t="s">
        <v>558</v>
      </c>
      <c r="D118397" s="14" t="s">
        <v>122</v>
      </c>
      <c r="E118397" s="15">
        <v>45513</v>
      </c>
      <c r="F118397" s="14" t="s">
        <v>15</v>
      </c>
      <c r="G118397" s="16">
        <v>0.51797914414631463</v>
      </c>
    </row>
    <row r="118398" spans="1:7" x14ac:dyDescent="0.3">
      <c r="A118398" s="13" t="s">
        <v>559</v>
      </c>
      <c r="B118398" s="14" t="s">
        <v>1</v>
      </c>
      <c r="C118398" s="14" t="s">
        <v>558</v>
      </c>
      <c r="D118398" s="14" t="s">
        <v>122</v>
      </c>
      <c r="E118398" s="15">
        <v>45514</v>
      </c>
      <c r="F118398" s="14" t="s">
        <v>15</v>
      </c>
      <c r="G118398" s="16">
        <v>0.51797914414631463</v>
      </c>
    </row>
    <row r="118399" spans="1:7" x14ac:dyDescent="0.3">
      <c r="A118399" s="13" t="s">
        <v>559</v>
      </c>
      <c r="B118399" s="14" t="s">
        <v>1</v>
      </c>
      <c r="C118399" s="14" t="s">
        <v>558</v>
      </c>
      <c r="D118399" s="14" t="s">
        <v>122</v>
      </c>
      <c r="E118399" s="15">
        <v>45515</v>
      </c>
      <c r="F118399" s="14" t="s">
        <v>15</v>
      </c>
      <c r="G118399" s="16">
        <v>0.51797914414631463</v>
      </c>
    </row>
    <row r="118400" spans="1:7" x14ac:dyDescent="0.3">
      <c r="A118400" s="13" t="s">
        <v>559</v>
      </c>
      <c r="B118400" s="14" t="s">
        <v>1</v>
      </c>
      <c r="C118400" s="14" t="s">
        <v>558</v>
      </c>
      <c r="D118400" s="14" t="s">
        <v>122</v>
      </c>
      <c r="E118400" s="15">
        <v>45516</v>
      </c>
      <c r="F118400" s="14" t="s">
        <v>15</v>
      </c>
      <c r="G118400" s="16">
        <v>0.51683622235612747</v>
      </c>
    </row>
    <row r="118401" spans="1:7" x14ac:dyDescent="0.3">
      <c r="A118401" s="13" t="s">
        <v>559</v>
      </c>
      <c r="B118401" s="14" t="s">
        <v>1</v>
      </c>
      <c r="C118401" s="14" t="s">
        <v>558</v>
      </c>
      <c r="D118401" s="14" t="s">
        <v>122</v>
      </c>
      <c r="E118401" s="15">
        <v>45517</v>
      </c>
      <c r="F118401" s="14" t="s">
        <v>15</v>
      </c>
      <c r="G118401" s="16">
        <v>0.54770833815992526</v>
      </c>
    </row>
    <row r="118402" spans="1:7" x14ac:dyDescent="0.3">
      <c r="A118402" s="13" t="s">
        <v>559</v>
      </c>
      <c r="B118402" s="14" t="s">
        <v>1</v>
      </c>
      <c r="C118402" s="14" t="s">
        <v>558</v>
      </c>
      <c r="D118402" s="14" t="s">
        <v>122</v>
      </c>
      <c r="E118402" s="15">
        <v>45518</v>
      </c>
      <c r="F118402" s="14" t="s">
        <v>15</v>
      </c>
      <c r="G118402" s="16">
        <v>0.56760301035470062</v>
      </c>
    </row>
    <row r="118403" spans="1:7" x14ac:dyDescent="0.3">
      <c r="A118403" s="13" t="s">
        <v>559</v>
      </c>
      <c r="B118403" s="14" t="s">
        <v>1</v>
      </c>
      <c r="C118403" s="14" t="s">
        <v>558</v>
      </c>
      <c r="D118403" s="14" t="s">
        <v>122</v>
      </c>
      <c r="E118403" s="15">
        <v>45519</v>
      </c>
      <c r="F118403" s="14" t="s">
        <v>15</v>
      </c>
      <c r="G118403" s="16">
        <v>0.57775332164722015</v>
      </c>
    </row>
    <row r="118404" spans="1:7" x14ac:dyDescent="0.3">
      <c r="A118404" s="13" t="s">
        <v>559</v>
      </c>
      <c r="B118404" s="14" t="s">
        <v>1</v>
      </c>
      <c r="C118404" s="14" t="s">
        <v>558</v>
      </c>
      <c r="D118404" s="14" t="s">
        <v>122</v>
      </c>
      <c r="E118404" s="15">
        <v>45520</v>
      </c>
      <c r="F118404" s="14" t="s">
        <v>15</v>
      </c>
      <c r="G118404" s="16">
        <v>0.57432468557131877</v>
      </c>
    </row>
    <row r="118405" spans="1:7" x14ac:dyDescent="0.3">
      <c r="A118405" s="13" t="s">
        <v>559</v>
      </c>
      <c r="B118405" s="14" t="s">
        <v>1</v>
      </c>
      <c r="C118405" s="14" t="s">
        <v>558</v>
      </c>
      <c r="D118405" s="14" t="s">
        <v>122</v>
      </c>
      <c r="E118405" s="15">
        <v>45521</v>
      </c>
      <c r="F118405" s="14" t="s">
        <v>15</v>
      </c>
      <c r="G118405" s="16">
        <v>0.57432468557131877</v>
      </c>
    </row>
    <row r="118406" spans="1:7" x14ac:dyDescent="0.3">
      <c r="A118406" s="13" t="s">
        <v>559</v>
      </c>
      <c r="B118406" s="14" t="s">
        <v>1</v>
      </c>
      <c r="C118406" s="14" t="s">
        <v>558</v>
      </c>
      <c r="D118406" s="14" t="s">
        <v>122</v>
      </c>
      <c r="E118406" s="15">
        <v>45522</v>
      </c>
      <c r="F118406" s="14" t="s">
        <v>15</v>
      </c>
      <c r="G118406" s="16">
        <v>0.57432468557131877</v>
      </c>
    </row>
    <row r="118407" spans="1:7" x14ac:dyDescent="0.3">
      <c r="A118407" s="13" t="s">
        <v>559</v>
      </c>
      <c r="B118407" s="14" t="s">
        <v>1</v>
      </c>
      <c r="C118407" s="14" t="s">
        <v>558</v>
      </c>
      <c r="D118407" s="14" t="s">
        <v>122</v>
      </c>
      <c r="E118407" s="15">
        <v>45523</v>
      </c>
      <c r="F118407" s="14" t="s">
        <v>15</v>
      </c>
      <c r="G118407" s="16">
        <v>0.57131710212699627</v>
      </c>
    </row>
    <row r="118408" spans="1:7" x14ac:dyDescent="0.3">
      <c r="A118408" s="13" t="s">
        <v>559</v>
      </c>
      <c r="B118408" s="14" t="s">
        <v>1</v>
      </c>
      <c r="C118408" s="14" t="s">
        <v>558</v>
      </c>
      <c r="D118408" s="14" t="s">
        <v>122</v>
      </c>
      <c r="E118408" s="15">
        <v>45524</v>
      </c>
      <c r="F118408" s="14" t="s">
        <v>15</v>
      </c>
      <c r="G118408" s="16">
        <v>0.56779824048718508</v>
      </c>
    </row>
    <row r="118409" spans="1:7" x14ac:dyDescent="0.3">
      <c r="A118409" s="13" t="s">
        <v>559</v>
      </c>
      <c r="B118409" s="14" t="s">
        <v>1</v>
      </c>
      <c r="C118409" s="14" t="s">
        <v>558</v>
      </c>
      <c r="D118409" s="14" t="s">
        <v>122</v>
      </c>
      <c r="E118409" s="15">
        <v>45525</v>
      </c>
      <c r="F118409" s="14" t="s">
        <v>15</v>
      </c>
      <c r="G118409" s="16">
        <v>0.56518163448647152</v>
      </c>
    </row>
    <row r="118410" spans="1:7" x14ac:dyDescent="0.3">
      <c r="A118410" s="13" t="s">
        <v>559</v>
      </c>
      <c r="B118410" s="14" t="s">
        <v>1</v>
      </c>
      <c r="C118410" s="14" t="s">
        <v>558</v>
      </c>
      <c r="D118410" s="14" t="s">
        <v>122</v>
      </c>
      <c r="E118410" s="15">
        <v>45526</v>
      </c>
      <c r="F118410" s="14" t="s">
        <v>15</v>
      </c>
      <c r="G118410" s="16">
        <v>0.56256502848575807</v>
      </c>
    </row>
    <row r="118411" spans="1:7" x14ac:dyDescent="0.3">
      <c r="A118411" s="13" t="s">
        <v>559</v>
      </c>
      <c r="B118411" s="14" t="s">
        <v>1</v>
      </c>
      <c r="C118411" s="14" t="s">
        <v>558</v>
      </c>
      <c r="D118411" s="14" t="s">
        <v>122</v>
      </c>
      <c r="E118411" s="15">
        <v>45527</v>
      </c>
      <c r="F118411" s="14" t="s">
        <v>15</v>
      </c>
      <c r="G118411" s="16">
        <v>0.59426421195872881</v>
      </c>
    </row>
    <row r="118412" spans="1:7" x14ac:dyDescent="0.3">
      <c r="A118412" s="13" t="s">
        <v>559</v>
      </c>
      <c r="B118412" s="14" t="s">
        <v>1</v>
      </c>
      <c r="C118412" s="14" t="s">
        <v>558</v>
      </c>
      <c r="D118412" s="14" t="s">
        <v>122</v>
      </c>
      <c r="E118412" s="15">
        <v>45528</v>
      </c>
      <c r="F118412" s="14" t="s">
        <v>15</v>
      </c>
      <c r="G118412" s="16">
        <v>0.59426421195872881</v>
      </c>
    </row>
    <row r="118413" spans="1:7" x14ac:dyDescent="0.3">
      <c r="A118413" s="13" t="s">
        <v>559</v>
      </c>
      <c r="B118413" s="14" t="s">
        <v>1</v>
      </c>
      <c r="C118413" s="14" t="s">
        <v>558</v>
      </c>
      <c r="D118413" s="14" t="s">
        <v>122</v>
      </c>
      <c r="E118413" s="15">
        <v>45529</v>
      </c>
      <c r="F118413" s="14" t="s">
        <v>15</v>
      </c>
      <c r="G118413" s="16">
        <v>0.59426421195872881</v>
      </c>
    </row>
    <row r="118414" spans="1:7" x14ac:dyDescent="0.3">
      <c r="A118414" s="13" t="s">
        <v>559</v>
      </c>
      <c r="B118414" s="14" t="s">
        <v>1</v>
      </c>
      <c r="C118414" s="14" t="s">
        <v>558</v>
      </c>
      <c r="D118414" s="14" t="s">
        <v>122</v>
      </c>
      <c r="E118414" s="15">
        <v>45530</v>
      </c>
      <c r="F118414" s="14" t="s">
        <v>15</v>
      </c>
      <c r="G118414" s="16">
        <v>0.59229422249936869</v>
      </c>
    </row>
    <row r="118415" spans="1:7" x14ac:dyDescent="0.3">
      <c r="A118415" s="13" t="s">
        <v>559</v>
      </c>
      <c r="B118415" s="14" t="s">
        <v>1</v>
      </c>
      <c r="C118415" s="14" t="s">
        <v>558</v>
      </c>
      <c r="D118415" s="14" t="s">
        <v>122</v>
      </c>
      <c r="E118415" s="15">
        <v>45531</v>
      </c>
      <c r="F118415" s="14" t="s">
        <v>15</v>
      </c>
      <c r="G118415" s="16">
        <v>0.58316633830316655</v>
      </c>
    </row>
    <row r="118416" spans="1:7" x14ac:dyDescent="0.3">
      <c r="A118416" s="13" t="s">
        <v>559</v>
      </c>
      <c r="B118416" s="14" t="s">
        <v>1</v>
      </c>
      <c r="C118416" s="14" t="s">
        <v>558</v>
      </c>
      <c r="D118416" s="14" t="s">
        <v>122</v>
      </c>
      <c r="E118416" s="15">
        <v>45532</v>
      </c>
      <c r="F118416" s="14" t="s">
        <v>15</v>
      </c>
      <c r="G118416" s="16">
        <v>0.58076025861824254</v>
      </c>
    </row>
    <row r="118417" spans="1:7" x14ac:dyDescent="0.3">
      <c r="A118417" s="13" t="s">
        <v>559</v>
      </c>
      <c r="B118417" s="14" t="s">
        <v>1</v>
      </c>
      <c r="C118417" s="14" t="s">
        <v>558</v>
      </c>
      <c r="D118417" s="14" t="s">
        <v>122</v>
      </c>
      <c r="E118417" s="15">
        <v>45533</v>
      </c>
      <c r="F118417" s="14" t="s">
        <v>15</v>
      </c>
      <c r="G118417" s="16">
        <v>0.57824891577542392</v>
      </c>
    </row>
    <row r="118418" spans="1:7" x14ac:dyDescent="0.3">
      <c r="A118418" s="13" t="s">
        <v>559</v>
      </c>
      <c r="B118418" s="14" t="s">
        <v>1</v>
      </c>
      <c r="C118418" s="14" t="s">
        <v>558</v>
      </c>
      <c r="D118418" s="14" t="s">
        <v>122</v>
      </c>
      <c r="E118418" s="15">
        <v>45534</v>
      </c>
      <c r="F118418" s="14" t="s">
        <v>15</v>
      </c>
      <c r="G118418" s="16">
        <v>0.57567742255666532</v>
      </c>
    </row>
    <row r="118419" spans="1:7" x14ac:dyDescent="0.3">
      <c r="A118419" s="13" t="s">
        <v>559</v>
      </c>
      <c r="B118419" s="14" t="s">
        <v>1</v>
      </c>
      <c r="C118419" s="14" t="s">
        <v>558</v>
      </c>
      <c r="D118419" s="14" t="s">
        <v>122</v>
      </c>
      <c r="E118419" s="15">
        <v>45535</v>
      </c>
      <c r="F118419" s="14" t="s">
        <v>15</v>
      </c>
      <c r="G118419" s="16">
        <v>0.57567742255666532</v>
      </c>
    </row>
    <row r="118420" spans="1:7" x14ac:dyDescent="0.3">
      <c r="A118420" s="13" t="s">
        <v>559</v>
      </c>
      <c r="B118420" s="14" t="s">
        <v>1</v>
      </c>
      <c r="C118420" s="14" t="s">
        <v>558</v>
      </c>
      <c r="D118420" s="14" t="s">
        <v>122</v>
      </c>
      <c r="E118420" s="15">
        <v>45536</v>
      </c>
      <c r="F118420" s="14" t="s">
        <v>15</v>
      </c>
      <c r="G118420" s="16">
        <v>0.57567742255666532</v>
      </c>
    </row>
    <row r="118421" spans="1:7" x14ac:dyDescent="0.3">
      <c r="A118421" s="13" t="s">
        <v>559</v>
      </c>
      <c r="B118421" s="14" t="s">
        <v>1</v>
      </c>
      <c r="C118421" s="14" t="s">
        <v>558</v>
      </c>
      <c r="D118421" s="14" t="s">
        <v>122</v>
      </c>
      <c r="E118421" s="15">
        <v>45537</v>
      </c>
      <c r="F118421" s="14" t="s">
        <v>15</v>
      </c>
      <c r="G118421" s="16">
        <v>0.57318111730783161</v>
      </c>
    </row>
    <row r="118422" spans="1:7" x14ac:dyDescent="0.3">
      <c r="A118422" s="13" t="s">
        <v>559</v>
      </c>
      <c r="B118422" s="14" t="s">
        <v>1</v>
      </c>
      <c r="C118422" s="14" t="s">
        <v>558</v>
      </c>
      <c r="D118422" s="14" t="s">
        <v>122</v>
      </c>
      <c r="E118422" s="15">
        <v>45538</v>
      </c>
      <c r="F118422" s="14" t="s">
        <v>15</v>
      </c>
      <c r="G118422" s="16">
        <v>0.56654947371313313</v>
      </c>
    </row>
    <row r="118423" spans="1:7" x14ac:dyDescent="0.3">
      <c r="A118423" s="13" t="s">
        <v>559</v>
      </c>
      <c r="B118423" s="14" t="s">
        <v>1</v>
      </c>
      <c r="C118423" s="14" t="s">
        <v>558</v>
      </c>
      <c r="D118423" s="14" t="s">
        <v>122</v>
      </c>
      <c r="E118423" s="15">
        <v>45539</v>
      </c>
      <c r="F118423" s="14" t="s">
        <v>15</v>
      </c>
      <c r="G118423" s="16">
        <v>0.56934640154700611</v>
      </c>
    </row>
    <row r="118424" spans="1:7" x14ac:dyDescent="0.3">
      <c r="A118424" s="13" t="s">
        <v>559</v>
      </c>
      <c r="B118424" s="14" t="s">
        <v>1</v>
      </c>
      <c r="C118424" s="14" t="s">
        <v>558</v>
      </c>
      <c r="D118424" s="14" t="s">
        <v>122</v>
      </c>
      <c r="E118424" s="15">
        <v>45540</v>
      </c>
      <c r="F118424" s="14" t="s">
        <v>15</v>
      </c>
      <c r="G118424" s="16">
        <v>0.56677490832824762</v>
      </c>
    </row>
    <row r="118425" spans="1:7" x14ac:dyDescent="0.3">
      <c r="A118425" s="13" t="s">
        <v>559</v>
      </c>
      <c r="B118425" s="14" t="s">
        <v>1</v>
      </c>
      <c r="C118425" s="14" t="s">
        <v>558</v>
      </c>
      <c r="D118425" s="14" t="s">
        <v>122</v>
      </c>
      <c r="E118425" s="15">
        <v>45541</v>
      </c>
      <c r="F118425" s="14" t="s">
        <v>15</v>
      </c>
      <c r="G118425" s="16">
        <v>0.58170717450798526</v>
      </c>
    </row>
    <row r="118426" spans="1:7" x14ac:dyDescent="0.3">
      <c r="A118426" s="13" t="s">
        <v>559</v>
      </c>
      <c r="B118426" s="14" t="s">
        <v>1</v>
      </c>
      <c r="C118426" s="14" t="s">
        <v>558</v>
      </c>
      <c r="D118426" s="14" t="s">
        <v>122</v>
      </c>
      <c r="E118426" s="15">
        <v>45542</v>
      </c>
      <c r="F118426" s="14" t="s">
        <v>15</v>
      </c>
      <c r="G118426" s="16">
        <v>0.58170717450798526</v>
      </c>
    </row>
    <row r="118427" spans="1:7" x14ac:dyDescent="0.3">
      <c r="A118427" s="13" t="s">
        <v>559</v>
      </c>
      <c r="B118427" s="14" t="s">
        <v>1</v>
      </c>
      <c r="C118427" s="14" t="s">
        <v>558</v>
      </c>
      <c r="D118427" s="14" t="s">
        <v>122</v>
      </c>
      <c r="E118427" s="15">
        <v>45543</v>
      </c>
      <c r="F118427" s="14" t="s">
        <v>15</v>
      </c>
      <c r="G118427" s="16">
        <v>0.58170717450798526</v>
      </c>
    </row>
    <row r="118428" spans="1:7" x14ac:dyDescent="0.3">
      <c r="A118428" s="13" t="s">
        <v>559</v>
      </c>
      <c r="B118428" s="14" t="s">
        <v>1</v>
      </c>
      <c r="C118428" s="14" t="s">
        <v>558</v>
      </c>
      <c r="D118428" s="14" t="s">
        <v>122</v>
      </c>
      <c r="E118428" s="15">
        <v>45544</v>
      </c>
      <c r="F118428" s="14" t="s">
        <v>15</v>
      </c>
      <c r="G118428" s="16">
        <v>0.57954169632682062</v>
      </c>
    </row>
    <row r="118429" spans="1:7" x14ac:dyDescent="0.3">
      <c r="A118429" s="13" t="s">
        <v>559</v>
      </c>
      <c r="B118429" s="14" t="s">
        <v>1</v>
      </c>
      <c r="C118429" s="14" t="s">
        <v>558</v>
      </c>
      <c r="D118429" s="14" t="s">
        <v>122</v>
      </c>
      <c r="E118429" s="15">
        <v>45545</v>
      </c>
      <c r="F118429" s="14" t="s">
        <v>15</v>
      </c>
      <c r="G118429" s="16">
        <v>0.5828649399501673</v>
      </c>
    </row>
    <row r="118430" spans="1:7" x14ac:dyDescent="0.3">
      <c r="A118430" s="13" t="s">
        <v>559</v>
      </c>
      <c r="B118430" s="14" t="s">
        <v>1</v>
      </c>
      <c r="C118430" s="14" t="s">
        <v>558</v>
      </c>
      <c r="D118430" s="14" t="s">
        <v>122</v>
      </c>
      <c r="E118430" s="15">
        <v>45546</v>
      </c>
      <c r="F118430" s="14" t="s">
        <v>15</v>
      </c>
      <c r="G118430" s="16">
        <v>0.58035359710734868</v>
      </c>
    </row>
    <row r="118431" spans="1:7" x14ac:dyDescent="0.3">
      <c r="A118431" s="13" t="s">
        <v>559</v>
      </c>
      <c r="B118431" s="14" t="s">
        <v>1</v>
      </c>
      <c r="C118431" s="14" t="s">
        <v>558</v>
      </c>
      <c r="D118431" s="14" t="s">
        <v>122</v>
      </c>
      <c r="E118431" s="15">
        <v>45547</v>
      </c>
      <c r="F118431" s="14" t="s">
        <v>15</v>
      </c>
      <c r="G118431" s="16">
        <v>0.57785729185851487</v>
      </c>
    </row>
    <row r="118432" spans="1:7" x14ac:dyDescent="0.3">
      <c r="A118432" s="13" t="s">
        <v>559</v>
      </c>
      <c r="B118432" s="14" t="s">
        <v>1</v>
      </c>
      <c r="C118432" s="14" t="s">
        <v>558</v>
      </c>
      <c r="D118432" s="14" t="s">
        <v>122</v>
      </c>
      <c r="E118432" s="15">
        <v>45548</v>
      </c>
      <c r="F118432" s="14" t="s">
        <v>15</v>
      </c>
      <c r="G118432" s="16">
        <v>0.60760158811344056</v>
      </c>
    </row>
    <row r="118433" spans="1:7" x14ac:dyDescent="0.3">
      <c r="A118433" s="13" t="s">
        <v>559</v>
      </c>
      <c r="B118433" s="14" t="s">
        <v>1</v>
      </c>
      <c r="C118433" s="14" t="s">
        <v>558</v>
      </c>
      <c r="D118433" s="14" t="s">
        <v>122</v>
      </c>
      <c r="E118433" s="15">
        <v>45549</v>
      </c>
      <c r="F118433" s="14" t="s">
        <v>15</v>
      </c>
      <c r="G118433" s="16">
        <v>0.60760158811344056</v>
      </c>
    </row>
    <row r="118434" spans="1:7" x14ac:dyDescent="0.3">
      <c r="A118434" s="13" t="s">
        <v>559</v>
      </c>
      <c r="B118434" s="14" t="s">
        <v>1</v>
      </c>
      <c r="C118434" s="14" t="s">
        <v>558</v>
      </c>
      <c r="D118434" s="14" t="s">
        <v>122</v>
      </c>
      <c r="E118434" s="15">
        <v>45550</v>
      </c>
      <c r="F118434" s="14" t="s">
        <v>15</v>
      </c>
      <c r="G118434" s="16">
        <v>0.60760158811344056</v>
      </c>
    </row>
    <row r="118435" spans="1:7" x14ac:dyDescent="0.3">
      <c r="A118435" s="13" t="s">
        <v>559</v>
      </c>
      <c r="B118435" s="14" t="s">
        <v>1</v>
      </c>
      <c r="C118435" s="14" t="s">
        <v>558</v>
      </c>
      <c r="D118435" s="14" t="s">
        <v>122</v>
      </c>
      <c r="E118435" s="15">
        <v>45551</v>
      </c>
      <c r="F118435" s="14" t="s">
        <v>15</v>
      </c>
      <c r="G118435" s="16">
        <v>0.60588723775182485</v>
      </c>
    </row>
    <row r="118436" spans="1:7" x14ac:dyDescent="0.3">
      <c r="A118436" s="13" t="s">
        <v>559</v>
      </c>
      <c r="B118436" s="14" t="s">
        <v>1</v>
      </c>
      <c r="C118436" s="14" t="s">
        <v>558</v>
      </c>
      <c r="D118436" s="14" t="s">
        <v>122</v>
      </c>
      <c r="E118436" s="15">
        <v>45552</v>
      </c>
      <c r="F118436" s="14" t="s">
        <v>15</v>
      </c>
      <c r="G118436" s="16">
        <v>0.59839845129998359</v>
      </c>
    </row>
    <row r="118437" spans="1:7" x14ac:dyDescent="0.3">
      <c r="A118437" s="13" t="s">
        <v>559</v>
      </c>
      <c r="B118437" s="14" t="s">
        <v>1</v>
      </c>
      <c r="C118437" s="14" t="s">
        <v>558</v>
      </c>
      <c r="D118437" s="14" t="s">
        <v>122</v>
      </c>
      <c r="E118437" s="15">
        <v>45553</v>
      </c>
      <c r="F118437" s="14" t="s">
        <v>15</v>
      </c>
      <c r="G118437" s="16">
        <v>0.59576680770528512</v>
      </c>
    </row>
    <row r="118438" spans="1:7" x14ac:dyDescent="0.3">
      <c r="A118438" s="13" t="s">
        <v>559</v>
      </c>
      <c r="B118438" s="14" t="s">
        <v>1</v>
      </c>
      <c r="C118438" s="14" t="s">
        <v>558</v>
      </c>
      <c r="D118438" s="14" t="s">
        <v>122</v>
      </c>
      <c r="E118438" s="15">
        <v>45554</v>
      </c>
      <c r="F118438" s="14" t="s">
        <v>15</v>
      </c>
      <c r="G118438" s="16">
        <v>0.59324042726848147</v>
      </c>
    </row>
    <row r="118439" spans="1:7" x14ac:dyDescent="0.3">
      <c r="A118439" s="13" t="s">
        <v>559</v>
      </c>
      <c r="B118439" s="14" t="s">
        <v>1</v>
      </c>
      <c r="C118439" s="14" t="s">
        <v>558</v>
      </c>
      <c r="D118439" s="14" t="s">
        <v>122</v>
      </c>
      <c r="E118439" s="15">
        <v>45555</v>
      </c>
      <c r="F118439" s="14" t="s">
        <v>15</v>
      </c>
      <c r="G118439" s="16">
        <v>0.59075915961363268</v>
      </c>
    </row>
    <row r="118440" spans="1:7" x14ac:dyDescent="0.3">
      <c r="A118440" s="13" t="s">
        <v>559</v>
      </c>
      <c r="B118440" s="14" t="s">
        <v>1</v>
      </c>
      <c r="C118440" s="14" t="s">
        <v>558</v>
      </c>
      <c r="D118440" s="14" t="s">
        <v>122</v>
      </c>
      <c r="E118440" s="15">
        <v>45556</v>
      </c>
      <c r="F118440" s="14" t="s">
        <v>15</v>
      </c>
      <c r="G118440" s="16">
        <v>0.59075915961363268</v>
      </c>
    </row>
    <row r="118441" spans="1:7" x14ac:dyDescent="0.3">
      <c r="A118441" s="13" t="s">
        <v>559</v>
      </c>
      <c r="B118441" s="14" t="s">
        <v>1</v>
      </c>
      <c r="C118441" s="14" t="s">
        <v>558</v>
      </c>
      <c r="D118441" s="14" t="s">
        <v>122</v>
      </c>
      <c r="E118441" s="15">
        <v>45557</v>
      </c>
      <c r="F118441" s="14" t="s">
        <v>15</v>
      </c>
      <c r="G118441" s="16">
        <v>0.59075915961363268</v>
      </c>
    </row>
    <row r="118442" spans="1:7" x14ac:dyDescent="0.3">
      <c r="A118442" s="13" t="s">
        <v>559</v>
      </c>
      <c r="B118442" s="14" t="s">
        <v>1</v>
      </c>
      <c r="C118442" s="14" t="s">
        <v>558</v>
      </c>
      <c r="D118442" s="14" t="s">
        <v>122</v>
      </c>
      <c r="E118442" s="15">
        <v>45558</v>
      </c>
      <c r="F118442" s="14" t="s">
        <v>15</v>
      </c>
      <c r="G118442" s="16">
        <v>0.58821774158284401</v>
      </c>
    </row>
    <row r="118443" spans="1:7" x14ac:dyDescent="0.3">
      <c r="A118443" s="13" t="s">
        <v>559</v>
      </c>
      <c r="B118443" s="14" t="s">
        <v>1</v>
      </c>
      <c r="C118443" s="14" t="s">
        <v>558</v>
      </c>
      <c r="D118443" s="14" t="s">
        <v>122</v>
      </c>
      <c r="E118443" s="15">
        <v>45559</v>
      </c>
      <c r="F118443" s="14" t="s">
        <v>15</v>
      </c>
      <c r="G118443" s="16">
        <v>0.59030790249942378</v>
      </c>
    </row>
    <row r="118444" spans="1:7" x14ac:dyDescent="0.3">
      <c r="A118444" s="13" t="s">
        <v>559</v>
      </c>
      <c r="B118444" s="14" t="s">
        <v>1</v>
      </c>
      <c r="C118444" s="14" t="s">
        <v>558</v>
      </c>
      <c r="D118444" s="14" t="s">
        <v>122</v>
      </c>
      <c r="E118444" s="15">
        <v>45560</v>
      </c>
      <c r="F118444" s="14" t="s">
        <v>15</v>
      </c>
      <c r="G118444" s="16">
        <v>0.58770633409269535</v>
      </c>
    </row>
    <row r="118445" spans="1:7" x14ac:dyDescent="0.3">
      <c r="A118445" s="13" t="s">
        <v>559</v>
      </c>
      <c r="B118445" s="14" t="s">
        <v>1</v>
      </c>
      <c r="C118445" s="14" t="s">
        <v>558</v>
      </c>
      <c r="D118445" s="14" t="s">
        <v>122</v>
      </c>
      <c r="E118445" s="15">
        <v>45561</v>
      </c>
      <c r="F118445" s="14" t="s">
        <v>15</v>
      </c>
      <c r="G118445" s="16">
        <v>0.60102957771604193</v>
      </c>
    </row>
    <row r="118446" spans="1:7" x14ac:dyDescent="0.3">
      <c r="A118446" s="13" t="s">
        <v>559</v>
      </c>
      <c r="B118446" s="14" t="s">
        <v>1</v>
      </c>
      <c r="C118446" s="14" t="s">
        <v>558</v>
      </c>
      <c r="D118446" s="14" t="s">
        <v>122</v>
      </c>
      <c r="E118446" s="15">
        <v>45562</v>
      </c>
      <c r="F118446" s="14" t="s">
        <v>15</v>
      </c>
      <c r="G118446" s="16">
        <v>0.59856334765517816</v>
      </c>
    </row>
    <row r="118447" spans="1:7" x14ac:dyDescent="0.3">
      <c r="A118447" s="13" t="s">
        <v>559</v>
      </c>
      <c r="B118447" s="14" t="s">
        <v>1</v>
      </c>
      <c r="C118447" s="14" t="s">
        <v>558</v>
      </c>
      <c r="D118447" s="14" t="s">
        <v>122</v>
      </c>
      <c r="E118447" s="15">
        <v>45563</v>
      </c>
      <c r="F118447" s="14" t="s">
        <v>15</v>
      </c>
      <c r="G118447" s="16">
        <v>0.59856334765517816</v>
      </c>
    </row>
    <row r="118448" spans="1:7" x14ac:dyDescent="0.3">
      <c r="A118448" s="13" t="s">
        <v>559</v>
      </c>
      <c r="B118448" s="14" t="s">
        <v>1</v>
      </c>
      <c r="C118448" s="14" t="s">
        <v>558</v>
      </c>
      <c r="D118448" s="14" t="s">
        <v>122</v>
      </c>
      <c r="E118448" s="15">
        <v>45564</v>
      </c>
      <c r="F118448" s="14" t="s">
        <v>15</v>
      </c>
      <c r="G118448" s="16">
        <v>0.59856334765517816</v>
      </c>
    </row>
    <row r="118449" spans="1:7" x14ac:dyDescent="0.3">
      <c r="A118449" s="13" t="s">
        <v>559</v>
      </c>
      <c r="B118449" s="14" t="s">
        <v>1</v>
      </c>
      <c r="C118449" s="14" t="s">
        <v>558</v>
      </c>
      <c r="D118449" s="14" t="s">
        <v>122</v>
      </c>
      <c r="E118449" s="15">
        <v>45565</v>
      </c>
      <c r="F118449" s="14" t="s">
        <v>15</v>
      </c>
      <c r="G118449" s="16">
        <v>0.62340538827100611</v>
      </c>
    </row>
    <row r="118450" spans="1:7" x14ac:dyDescent="0.3">
      <c r="A118450" s="13" t="s">
        <v>559</v>
      </c>
      <c r="B118450" s="14" t="s">
        <v>1</v>
      </c>
      <c r="C118450" s="14" t="s">
        <v>558</v>
      </c>
      <c r="D118450" s="14" t="s">
        <v>122</v>
      </c>
      <c r="E118450" s="15">
        <v>45566</v>
      </c>
      <c r="F118450" s="14" t="s">
        <v>15</v>
      </c>
      <c r="G118450" s="16">
        <v>0.61539028602969115</v>
      </c>
    </row>
    <row r="118451" spans="1:7" x14ac:dyDescent="0.3">
      <c r="A118451" s="13" t="s">
        <v>559</v>
      </c>
      <c r="B118451" s="14" t="s">
        <v>1</v>
      </c>
      <c r="C118451" s="14" t="s">
        <v>558</v>
      </c>
      <c r="D118451" s="14" t="s">
        <v>122</v>
      </c>
      <c r="E118451" s="15">
        <v>45567</v>
      </c>
      <c r="F118451" s="14" t="s">
        <v>15</v>
      </c>
      <c r="G118451" s="16">
        <v>0.61496916875078211</v>
      </c>
    </row>
    <row r="118452" spans="1:7" x14ac:dyDescent="0.3">
      <c r="A118452" s="13" t="s">
        <v>559</v>
      </c>
      <c r="B118452" s="14" t="s">
        <v>1</v>
      </c>
      <c r="C118452" s="14" t="s">
        <v>558</v>
      </c>
      <c r="D118452" s="14" t="s">
        <v>122</v>
      </c>
      <c r="E118452" s="15">
        <v>45568</v>
      </c>
      <c r="F118452" s="14" t="s">
        <v>15</v>
      </c>
      <c r="G118452" s="16">
        <v>0.6155104574869108</v>
      </c>
    </row>
    <row r="118453" spans="1:7" x14ac:dyDescent="0.3">
      <c r="A118453" s="13" t="s">
        <v>559</v>
      </c>
      <c r="B118453" s="14" t="s">
        <v>1</v>
      </c>
      <c r="C118453" s="14" t="s">
        <v>558</v>
      </c>
      <c r="D118453" s="14" t="s">
        <v>122</v>
      </c>
      <c r="E118453" s="15">
        <v>45569</v>
      </c>
      <c r="F118453" s="14" t="s">
        <v>15</v>
      </c>
      <c r="G118453" s="16">
        <v>0.61265324998243798</v>
      </c>
    </row>
    <row r="118454" spans="1:7" x14ac:dyDescent="0.3">
      <c r="A118454" s="13" t="s">
        <v>559</v>
      </c>
      <c r="B118454" s="14" t="s">
        <v>1</v>
      </c>
      <c r="C118454" s="14" t="s">
        <v>558</v>
      </c>
      <c r="D118454" s="14" t="s">
        <v>122</v>
      </c>
      <c r="E118454" s="15">
        <v>45570</v>
      </c>
      <c r="F118454" s="14" t="s">
        <v>15</v>
      </c>
      <c r="G118454" s="16">
        <v>0.61265324998243798</v>
      </c>
    </row>
    <row r="118455" spans="1:7" x14ac:dyDescent="0.3">
      <c r="A118455" s="13" t="s">
        <v>559</v>
      </c>
      <c r="B118455" s="14" t="s">
        <v>1</v>
      </c>
      <c r="C118455" s="14" t="s">
        <v>558</v>
      </c>
      <c r="D118455" s="14" t="s">
        <v>122</v>
      </c>
      <c r="E118455" s="15">
        <v>45571</v>
      </c>
      <c r="F118455" s="14" t="s">
        <v>15</v>
      </c>
      <c r="G118455" s="16">
        <v>0.61265324998243798</v>
      </c>
    </row>
    <row r="118456" spans="1:7" x14ac:dyDescent="0.3">
      <c r="A118456" s="13" t="s">
        <v>559</v>
      </c>
      <c r="B118456" s="14" t="s">
        <v>1</v>
      </c>
      <c r="C118456" s="14" t="s">
        <v>558</v>
      </c>
      <c r="D118456" s="14" t="s">
        <v>122</v>
      </c>
      <c r="E118456" s="15">
        <v>45572</v>
      </c>
      <c r="F118456" s="14" t="s">
        <v>15</v>
      </c>
      <c r="G118456" s="16">
        <v>0.60272837330503282</v>
      </c>
    </row>
    <row r="118457" spans="1:7" x14ac:dyDescent="0.3">
      <c r="A118457" s="13" t="s">
        <v>559</v>
      </c>
      <c r="B118457" s="14" t="s">
        <v>1</v>
      </c>
      <c r="C118457" s="14" t="s">
        <v>558</v>
      </c>
      <c r="D118457" s="14" t="s">
        <v>122</v>
      </c>
      <c r="E118457" s="15">
        <v>45573</v>
      </c>
      <c r="F118457" s="14" t="s">
        <v>15</v>
      </c>
      <c r="G118457" s="16">
        <v>0.59981101542462001</v>
      </c>
    </row>
    <row r="118458" spans="1:7" x14ac:dyDescent="0.3">
      <c r="A118458" s="13" t="s">
        <v>559</v>
      </c>
      <c r="B118458" s="14" t="s">
        <v>1</v>
      </c>
      <c r="C118458" s="14" t="s">
        <v>558</v>
      </c>
      <c r="D118458" s="14" t="s">
        <v>122</v>
      </c>
      <c r="E118458" s="15">
        <v>45574</v>
      </c>
      <c r="F118458" s="14" t="s">
        <v>15</v>
      </c>
      <c r="G118458" s="16">
        <v>0.60844252972465851</v>
      </c>
    </row>
    <row r="118459" spans="1:7" x14ac:dyDescent="0.3">
      <c r="A118459" s="13" t="s">
        <v>559</v>
      </c>
      <c r="B118459" s="14" t="s">
        <v>1</v>
      </c>
      <c r="C118459" s="14" t="s">
        <v>558</v>
      </c>
      <c r="D118459" s="14" t="s">
        <v>122</v>
      </c>
      <c r="E118459" s="15">
        <v>45575</v>
      </c>
      <c r="F118459" s="14" t="s">
        <v>15</v>
      </c>
      <c r="G118459" s="16">
        <v>0.61484848011492244</v>
      </c>
    </row>
    <row r="118460" spans="1:7" x14ac:dyDescent="0.3">
      <c r="A118460" s="13" t="s">
        <v>559</v>
      </c>
      <c r="B118460" s="14" t="s">
        <v>1</v>
      </c>
      <c r="C118460" s="14" t="s">
        <v>558</v>
      </c>
      <c r="D118460" s="14" t="s">
        <v>122</v>
      </c>
      <c r="E118460" s="15">
        <v>45576</v>
      </c>
      <c r="F118460" s="14" t="s">
        <v>15</v>
      </c>
      <c r="G118460" s="16">
        <v>0.61211157336232924</v>
      </c>
    </row>
    <row r="118461" spans="1:7" x14ac:dyDescent="0.3">
      <c r="A118461" s="13" t="s">
        <v>559</v>
      </c>
      <c r="B118461" s="14" t="s">
        <v>1</v>
      </c>
      <c r="C118461" s="14" t="s">
        <v>558</v>
      </c>
      <c r="D118461" s="14" t="s">
        <v>122</v>
      </c>
      <c r="E118461" s="15">
        <v>45577</v>
      </c>
      <c r="F118461" s="14" t="s">
        <v>15</v>
      </c>
      <c r="G118461" s="16">
        <v>0.61211157336232924</v>
      </c>
    </row>
    <row r="118462" spans="1:7" x14ac:dyDescent="0.3">
      <c r="A118462" s="13" t="s">
        <v>559</v>
      </c>
      <c r="B118462" s="14" t="s">
        <v>1</v>
      </c>
      <c r="C118462" s="14" t="s">
        <v>558</v>
      </c>
      <c r="D118462" s="14" t="s">
        <v>122</v>
      </c>
      <c r="E118462" s="15">
        <v>45578</v>
      </c>
      <c r="F118462" s="14" t="s">
        <v>15</v>
      </c>
      <c r="G118462" s="16">
        <v>0.61211157336232924</v>
      </c>
    </row>
    <row r="118463" spans="1:7" x14ac:dyDescent="0.3">
      <c r="A118463" s="13" t="s">
        <v>559</v>
      </c>
      <c r="B118463" s="14" t="s">
        <v>1</v>
      </c>
      <c r="C118463" s="14" t="s">
        <v>558</v>
      </c>
      <c r="D118463" s="14" t="s">
        <v>122</v>
      </c>
      <c r="E118463" s="15">
        <v>45579</v>
      </c>
      <c r="F118463" s="14" t="s">
        <v>15</v>
      </c>
      <c r="G118463" s="16">
        <v>0.61311902751199165</v>
      </c>
    </row>
    <row r="118464" spans="1:7" x14ac:dyDescent="0.3">
      <c r="A118464" s="13" t="s">
        <v>559</v>
      </c>
      <c r="B118464" s="14" t="s">
        <v>1</v>
      </c>
      <c r="C118464" s="14" t="s">
        <v>558</v>
      </c>
      <c r="D118464" s="14" t="s">
        <v>122</v>
      </c>
      <c r="E118464" s="15">
        <v>45580</v>
      </c>
      <c r="F118464" s="14" t="s">
        <v>15</v>
      </c>
      <c r="G118464" s="16">
        <v>0.60439715835338348</v>
      </c>
    </row>
    <row r="118465" spans="1:7" x14ac:dyDescent="0.3">
      <c r="A118465" s="13" t="s">
        <v>559</v>
      </c>
      <c r="B118465" s="14" t="s">
        <v>1</v>
      </c>
      <c r="C118465" s="14" t="s">
        <v>558</v>
      </c>
      <c r="D118465" s="14" t="s">
        <v>122</v>
      </c>
      <c r="E118465" s="15">
        <v>45581</v>
      </c>
      <c r="F118465" s="14" t="s">
        <v>15</v>
      </c>
      <c r="G118465" s="16">
        <v>0.60108882302936173</v>
      </c>
    </row>
    <row r="118466" spans="1:7" x14ac:dyDescent="0.3">
      <c r="A118466" s="13" t="s">
        <v>559</v>
      </c>
      <c r="B118466" s="14" t="s">
        <v>1</v>
      </c>
      <c r="C118466" s="14" t="s">
        <v>558</v>
      </c>
      <c r="D118466" s="14" t="s">
        <v>122</v>
      </c>
      <c r="E118466" s="15">
        <v>45582</v>
      </c>
      <c r="F118466" s="14" t="s">
        <v>15</v>
      </c>
      <c r="G118466" s="16">
        <v>0.59821657793090388</v>
      </c>
    </row>
    <row r="118467" spans="1:7" x14ac:dyDescent="0.3">
      <c r="A118467" s="13" t="s">
        <v>559</v>
      </c>
      <c r="B118467" s="14" t="s">
        <v>1</v>
      </c>
      <c r="C118467" s="14" t="s">
        <v>558</v>
      </c>
      <c r="D118467" s="14" t="s">
        <v>122</v>
      </c>
      <c r="E118467" s="15">
        <v>45583</v>
      </c>
      <c r="F118467" s="14" t="s">
        <v>15</v>
      </c>
      <c r="G118467" s="16">
        <v>0.59684809223094237</v>
      </c>
    </row>
    <row r="118468" spans="1:7" x14ac:dyDescent="0.3">
      <c r="A118468" s="13" t="s">
        <v>559</v>
      </c>
      <c r="B118468" s="14" t="s">
        <v>1</v>
      </c>
      <c r="C118468" s="14" t="s">
        <v>558</v>
      </c>
      <c r="D118468" s="14" t="s">
        <v>122</v>
      </c>
      <c r="E118468" s="15">
        <v>45584</v>
      </c>
      <c r="F118468" s="14" t="s">
        <v>15</v>
      </c>
      <c r="G118468" s="16">
        <v>0.59684809223094237</v>
      </c>
    </row>
    <row r="118469" spans="1:7" x14ac:dyDescent="0.3">
      <c r="A118469" s="13" t="s">
        <v>559</v>
      </c>
      <c r="B118469" s="14" t="s">
        <v>1</v>
      </c>
      <c r="C118469" s="14" t="s">
        <v>558</v>
      </c>
      <c r="D118469" s="14" t="s">
        <v>122</v>
      </c>
      <c r="E118469" s="15">
        <v>45585</v>
      </c>
      <c r="F118469" s="14" t="s">
        <v>15</v>
      </c>
      <c r="G118469" s="16">
        <v>0.59684809223094237</v>
      </c>
    </row>
    <row r="118470" spans="1:7" x14ac:dyDescent="0.3">
      <c r="A118470" s="13" t="s">
        <v>559</v>
      </c>
      <c r="B118470" s="14" t="s">
        <v>1</v>
      </c>
      <c r="C118470" s="14" t="s">
        <v>558</v>
      </c>
      <c r="D118470" s="14" t="s">
        <v>122</v>
      </c>
      <c r="E118470" s="15">
        <v>45586</v>
      </c>
      <c r="F118470" s="14" t="s">
        <v>15</v>
      </c>
      <c r="G118470" s="16">
        <v>0.59532923059113119</v>
      </c>
    </row>
    <row r="118471" spans="1:7" x14ac:dyDescent="0.3">
      <c r="A118471" s="13" t="s">
        <v>559</v>
      </c>
      <c r="B118471" s="14" t="s">
        <v>1</v>
      </c>
      <c r="C118471" s="14" t="s">
        <v>558</v>
      </c>
      <c r="D118471" s="14" t="s">
        <v>122</v>
      </c>
      <c r="E118471" s="15">
        <v>45587</v>
      </c>
      <c r="F118471" s="14" t="s">
        <v>15</v>
      </c>
      <c r="G118471" s="16">
        <v>0.58696826368816202</v>
      </c>
    </row>
    <row r="118472" spans="1:7" x14ac:dyDescent="0.3">
      <c r="A118472" s="13" t="s">
        <v>559</v>
      </c>
      <c r="B118472" s="14" t="s">
        <v>1</v>
      </c>
      <c r="C118472" s="14" t="s">
        <v>558</v>
      </c>
      <c r="D118472" s="14" t="s">
        <v>122</v>
      </c>
      <c r="E118472" s="15">
        <v>45588</v>
      </c>
      <c r="F118472" s="14" t="s">
        <v>15</v>
      </c>
      <c r="G118472" s="16">
        <v>0.58420128174759889</v>
      </c>
    </row>
    <row r="118473" spans="1:7" x14ac:dyDescent="0.3">
      <c r="A118473" s="13" t="s">
        <v>559</v>
      </c>
      <c r="B118473" s="14" t="s">
        <v>1</v>
      </c>
      <c r="C118473" s="14" t="s">
        <v>558</v>
      </c>
      <c r="D118473" s="14" t="s">
        <v>122</v>
      </c>
      <c r="E118473" s="15">
        <v>45589</v>
      </c>
      <c r="F118473" s="14" t="s">
        <v>15</v>
      </c>
      <c r="G118473" s="16">
        <v>0.58244181860402833</v>
      </c>
    </row>
    <row r="118474" spans="1:7" x14ac:dyDescent="0.3">
      <c r="A118474" s="13" t="s">
        <v>559</v>
      </c>
      <c r="B118474" s="14" t="s">
        <v>1</v>
      </c>
      <c r="C118474" s="14" t="s">
        <v>558</v>
      </c>
      <c r="D118474" s="14" t="s">
        <v>122</v>
      </c>
      <c r="E118474" s="15">
        <v>45590</v>
      </c>
      <c r="F118474" s="14" t="s">
        <v>15</v>
      </c>
      <c r="G118474" s="16">
        <v>0.57970491185143513</v>
      </c>
    </row>
    <row r="118475" spans="1:7" x14ac:dyDescent="0.3">
      <c r="A118475" s="13" t="s">
        <v>559</v>
      </c>
      <c r="B118475" s="14" t="s">
        <v>1</v>
      </c>
      <c r="C118475" s="14" t="s">
        <v>558</v>
      </c>
      <c r="D118475" s="14" t="s">
        <v>122</v>
      </c>
      <c r="E118475" s="15">
        <v>45591</v>
      </c>
      <c r="F118475" s="14" t="s">
        <v>15</v>
      </c>
      <c r="G118475" s="16">
        <v>0.57970491185143513</v>
      </c>
    </row>
    <row r="118476" spans="1:7" x14ac:dyDescent="0.3">
      <c r="A118476" s="13" t="s">
        <v>559</v>
      </c>
      <c r="B118476" s="14" t="s">
        <v>1</v>
      </c>
      <c r="C118476" s="14" t="s">
        <v>558</v>
      </c>
      <c r="D118476" s="14" t="s">
        <v>122</v>
      </c>
      <c r="E118476" s="15">
        <v>45592</v>
      </c>
      <c r="F118476" s="14" t="s">
        <v>15</v>
      </c>
      <c r="G118476" s="16">
        <v>0.57970491185143513</v>
      </c>
    </row>
    <row r="118477" spans="1:7" x14ac:dyDescent="0.3">
      <c r="A118477" s="13" t="s">
        <v>559</v>
      </c>
      <c r="B118477" s="14" t="s">
        <v>1</v>
      </c>
      <c r="C118477" s="14" t="s">
        <v>558</v>
      </c>
      <c r="D118477" s="14" t="s">
        <v>122</v>
      </c>
      <c r="E118477" s="15">
        <v>45593</v>
      </c>
      <c r="F118477" s="14" t="s">
        <v>15</v>
      </c>
      <c r="G118477" s="16">
        <v>0.57970491185143513</v>
      </c>
    </row>
    <row r="118478" spans="1:7" x14ac:dyDescent="0.3">
      <c r="A118478" s="13" t="s">
        <v>559</v>
      </c>
      <c r="B118478" s="14" t="s">
        <v>1</v>
      </c>
      <c r="C118478" s="14" t="s">
        <v>558</v>
      </c>
      <c r="D118478" s="14" t="s">
        <v>122</v>
      </c>
      <c r="E118478" s="15">
        <v>45594</v>
      </c>
      <c r="F118478" s="14" t="s">
        <v>15</v>
      </c>
      <c r="G118478" s="16">
        <v>0.57690785472290218</v>
      </c>
    </row>
    <row r="118479" spans="1:7" x14ac:dyDescent="0.3">
      <c r="A118479" s="13" t="s">
        <v>559</v>
      </c>
      <c r="B118479" s="14" t="s">
        <v>1</v>
      </c>
      <c r="C118479" s="14" t="s">
        <v>558</v>
      </c>
      <c r="D118479" s="14" t="s">
        <v>122</v>
      </c>
      <c r="E118479" s="15">
        <v>45595</v>
      </c>
      <c r="F118479" s="14" t="s">
        <v>15</v>
      </c>
      <c r="G118479" s="16">
        <v>0.57919350436128658</v>
      </c>
    </row>
    <row r="118480" spans="1:7" x14ac:dyDescent="0.3">
      <c r="A118480" s="13" t="s">
        <v>559</v>
      </c>
      <c r="B118480" s="14" t="s">
        <v>1</v>
      </c>
      <c r="C118480" s="14" t="s">
        <v>558</v>
      </c>
      <c r="D118480" s="14" t="s">
        <v>122</v>
      </c>
      <c r="E118480" s="15">
        <v>45596</v>
      </c>
      <c r="F118480" s="14" t="s">
        <v>15</v>
      </c>
      <c r="G118480" s="16">
        <v>0.57639644723275352</v>
      </c>
    </row>
    <row r="118481" spans="1:7" x14ac:dyDescent="0.3">
      <c r="A118481" s="13" t="s">
        <v>559</v>
      </c>
      <c r="B118481" s="14" t="s">
        <v>1</v>
      </c>
      <c r="C118481" s="14" t="s">
        <v>558</v>
      </c>
      <c r="D118481" s="14" t="s">
        <v>122</v>
      </c>
      <c r="E118481" s="15">
        <v>45597</v>
      </c>
      <c r="F118481" s="14" t="s">
        <v>15</v>
      </c>
      <c r="G118481" s="16">
        <v>0.57359939010422056</v>
      </c>
    </row>
    <row r="118482" spans="1:7" x14ac:dyDescent="0.3">
      <c r="A118482" s="13" t="s">
        <v>559</v>
      </c>
      <c r="B118482" s="14" t="s">
        <v>1</v>
      </c>
      <c r="C118482" s="14" t="s">
        <v>558</v>
      </c>
      <c r="D118482" s="14" t="s">
        <v>122</v>
      </c>
      <c r="E118482" s="15">
        <v>45598</v>
      </c>
      <c r="F118482" s="14" t="s">
        <v>15</v>
      </c>
      <c r="G118482" s="16">
        <v>0.57359939010422056</v>
      </c>
    </row>
    <row r="118483" spans="1:7" x14ac:dyDescent="0.3">
      <c r="A118483" s="13" t="s">
        <v>559</v>
      </c>
      <c r="B118483" s="14" t="s">
        <v>1</v>
      </c>
      <c r="C118483" s="14" t="s">
        <v>558</v>
      </c>
      <c r="D118483" s="14" t="s">
        <v>122</v>
      </c>
      <c r="E118483" s="15">
        <v>45599</v>
      </c>
      <c r="F118483" s="14" t="s">
        <v>15</v>
      </c>
      <c r="G118483" s="16">
        <v>0.57359939010422056</v>
      </c>
    </row>
    <row r="118484" spans="1:7" x14ac:dyDescent="0.3">
      <c r="A118484" s="13" t="s">
        <v>559</v>
      </c>
      <c r="B118484" s="14" t="s">
        <v>1</v>
      </c>
      <c r="C118484" s="14" t="s">
        <v>558</v>
      </c>
      <c r="D118484" s="14" t="s">
        <v>122</v>
      </c>
      <c r="E118484" s="15">
        <v>45600</v>
      </c>
      <c r="F118484" s="14" t="s">
        <v>15</v>
      </c>
      <c r="G118484" s="16">
        <v>0.57162940064486045</v>
      </c>
    </row>
    <row r="118485" spans="1:7" x14ac:dyDescent="0.3">
      <c r="A118485" s="13" t="s">
        <v>559</v>
      </c>
      <c r="B118485" s="14" t="s">
        <v>1</v>
      </c>
      <c r="C118485" s="14" t="s">
        <v>558</v>
      </c>
      <c r="D118485" s="14" t="s">
        <v>122</v>
      </c>
      <c r="E118485" s="15">
        <v>45601</v>
      </c>
      <c r="F118485" s="14" t="s">
        <v>15</v>
      </c>
      <c r="G118485" s="16">
        <v>0.56311805780204183</v>
      </c>
    </row>
    <row r="118486" spans="1:7" x14ac:dyDescent="0.3">
      <c r="A118486" s="13" t="s">
        <v>559</v>
      </c>
      <c r="B118486" s="14" t="s">
        <v>1</v>
      </c>
      <c r="C118486" s="14" t="s">
        <v>558</v>
      </c>
      <c r="D118486" s="14" t="s">
        <v>122</v>
      </c>
      <c r="E118486" s="15">
        <v>45602</v>
      </c>
      <c r="F118486" s="14" t="s">
        <v>15</v>
      </c>
      <c r="G118486" s="16">
        <v>0.56026085029756889</v>
      </c>
    </row>
    <row r="118487" spans="1:7" x14ac:dyDescent="0.3">
      <c r="A118487" s="13" t="s">
        <v>559</v>
      </c>
      <c r="B118487" s="14" t="s">
        <v>1</v>
      </c>
      <c r="C118487" s="14" t="s">
        <v>558</v>
      </c>
      <c r="D118487" s="14" t="s">
        <v>122</v>
      </c>
      <c r="E118487" s="15">
        <v>45603</v>
      </c>
      <c r="F118487" s="14" t="s">
        <v>15</v>
      </c>
      <c r="G118487" s="16">
        <v>0.55741868038708098</v>
      </c>
    </row>
    <row r="118488" spans="1:7" x14ac:dyDescent="0.3">
      <c r="A118488" s="13" t="s">
        <v>559</v>
      </c>
      <c r="B118488" s="14" t="s">
        <v>1</v>
      </c>
      <c r="C118488" s="14" t="s">
        <v>558</v>
      </c>
      <c r="D118488" s="14" t="s">
        <v>122</v>
      </c>
      <c r="E118488" s="15">
        <v>45604</v>
      </c>
      <c r="F118488" s="14" t="s">
        <v>15</v>
      </c>
      <c r="G118488" s="16">
        <v>0.55895245032621721</v>
      </c>
    </row>
    <row r="118489" spans="1:7" x14ac:dyDescent="0.3">
      <c r="A118489" s="13" t="s">
        <v>559</v>
      </c>
      <c r="B118489" s="14" t="s">
        <v>1</v>
      </c>
      <c r="C118489" s="14" t="s">
        <v>558</v>
      </c>
      <c r="D118489" s="14" t="s">
        <v>122</v>
      </c>
      <c r="E118489" s="15">
        <v>45605</v>
      </c>
      <c r="F118489" s="14" t="s">
        <v>15</v>
      </c>
      <c r="G118489" s="16">
        <v>0.55895245032621721</v>
      </c>
    </row>
    <row r="118490" spans="1:7" x14ac:dyDescent="0.3">
      <c r="A118490" s="13" t="s">
        <v>559</v>
      </c>
      <c r="B118490" s="14" t="s">
        <v>1</v>
      </c>
      <c r="C118490" s="14" t="s">
        <v>558</v>
      </c>
      <c r="D118490" s="14" t="s">
        <v>122</v>
      </c>
      <c r="E118490" s="15">
        <v>45606</v>
      </c>
      <c r="F118490" s="14" t="s">
        <v>15</v>
      </c>
      <c r="G118490" s="16">
        <v>0.55895245032621721</v>
      </c>
    </row>
    <row r="118491" spans="1:7" x14ac:dyDescent="0.3">
      <c r="A118491" s="13" t="s">
        <v>559</v>
      </c>
      <c r="B118491" s="14" t="s">
        <v>1</v>
      </c>
      <c r="C118491" s="14" t="s">
        <v>558</v>
      </c>
      <c r="D118491" s="14" t="s">
        <v>122</v>
      </c>
      <c r="E118491" s="15">
        <v>45607</v>
      </c>
      <c r="F118491" s="14" t="s">
        <v>15</v>
      </c>
      <c r="G118491" s="16">
        <v>0.55780952853603005</v>
      </c>
    </row>
    <row r="118492" spans="1:7" x14ac:dyDescent="0.3">
      <c r="A118492" s="13" t="s">
        <v>559</v>
      </c>
      <c r="B118492" s="14" t="s">
        <v>1</v>
      </c>
      <c r="C118492" s="14" t="s">
        <v>558</v>
      </c>
      <c r="D118492" s="14" t="s">
        <v>122</v>
      </c>
      <c r="E118492" s="15">
        <v>45608</v>
      </c>
      <c r="F118492" s="14" t="s">
        <v>15</v>
      </c>
      <c r="G118492" s="16">
        <v>0.56696735862554215</v>
      </c>
    </row>
    <row r="118493" spans="1:7" x14ac:dyDescent="0.3">
      <c r="A118493" s="13" t="s">
        <v>559</v>
      </c>
      <c r="B118493" s="14" t="s">
        <v>1</v>
      </c>
      <c r="C118493" s="14" t="s">
        <v>558</v>
      </c>
      <c r="D118493" s="14" t="s">
        <v>122</v>
      </c>
      <c r="E118493" s="15">
        <v>45609</v>
      </c>
      <c r="F118493" s="14" t="s">
        <v>15</v>
      </c>
      <c r="G118493" s="16">
        <v>0.56418533909099411</v>
      </c>
    </row>
    <row r="118494" spans="1:7" x14ac:dyDescent="0.3">
      <c r="A118494" s="13" t="s">
        <v>559</v>
      </c>
      <c r="B118494" s="14" t="s">
        <v>1</v>
      </c>
      <c r="C118494" s="14" t="s">
        <v>558</v>
      </c>
      <c r="D118494" s="14" t="s">
        <v>122</v>
      </c>
      <c r="E118494" s="15">
        <v>45610</v>
      </c>
      <c r="F118494" s="14" t="s">
        <v>15</v>
      </c>
      <c r="G118494" s="16">
        <v>0.56159880827825059</v>
      </c>
    </row>
    <row r="118495" spans="1:7" x14ac:dyDescent="0.3">
      <c r="A118495" s="13" t="s">
        <v>559</v>
      </c>
      <c r="B118495" s="14" t="s">
        <v>1</v>
      </c>
      <c r="C118495" s="14" t="s">
        <v>558</v>
      </c>
      <c r="D118495" s="14" t="s">
        <v>122</v>
      </c>
      <c r="E118495" s="15">
        <v>45611</v>
      </c>
      <c r="F118495" s="14" t="s">
        <v>15</v>
      </c>
      <c r="G118495" s="16">
        <v>0.55866641280385299</v>
      </c>
    </row>
    <row r="118496" spans="1:7" x14ac:dyDescent="0.3">
      <c r="A118496" s="13" t="s">
        <v>559</v>
      </c>
      <c r="B118496" s="14" t="s">
        <v>1</v>
      </c>
      <c r="C118496" s="14" t="s">
        <v>558</v>
      </c>
      <c r="D118496" s="14" t="s">
        <v>122</v>
      </c>
      <c r="E118496" s="15">
        <v>45612</v>
      </c>
      <c r="F118496" s="14" t="s">
        <v>15</v>
      </c>
      <c r="G118496" s="16">
        <v>0.55866641280385299</v>
      </c>
    </row>
    <row r="118497" spans="1:7" x14ac:dyDescent="0.3">
      <c r="A118497" s="13" t="s">
        <v>559</v>
      </c>
      <c r="B118497" s="14" t="s">
        <v>1</v>
      </c>
      <c r="C118497" s="14" t="s">
        <v>558</v>
      </c>
      <c r="D118497" s="14" t="s">
        <v>122</v>
      </c>
      <c r="E118497" s="15">
        <v>45613</v>
      </c>
      <c r="F118497" s="14" t="s">
        <v>15</v>
      </c>
      <c r="G118497" s="16">
        <v>0.55866641280385299</v>
      </c>
    </row>
    <row r="118498" spans="1:7" x14ac:dyDescent="0.3">
      <c r="A118498" s="13" t="s">
        <v>559</v>
      </c>
      <c r="B118498" s="14" t="s">
        <v>1</v>
      </c>
      <c r="C118498" s="14" t="s">
        <v>558</v>
      </c>
      <c r="D118498" s="14" t="s">
        <v>122</v>
      </c>
      <c r="E118498" s="15">
        <v>45614</v>
      </c>
      <c r="F118498" s="14" t="s">
        <v>15</v>
      </c>
      <c r="G118498" s="16">
        <v>0.55749341582569589</v>
      </c>
    </row>
    <row r="118499" spans="1:7" x14ac:dyDescent="0.3">
      <c r="A118499" s="13" t="s">
        <v>559</v>
      </c>
      <c r="B118499" s="14" t="s">
        <v>1</v>
      </c>
      <c r="C118499" s="14" t="s">
        <v>558</v>
      </c>
      <c r="D118499" s="14" t="s">
        <v>122</v>
      </c>
      <c r="E118499" s="15">
        <v>45615</v>
      </c>
      <c r="F118499" s="14" t="s">
        <v>15</v>
      </c>
      <c r="G118499" s="16">
        <v>0.54890688501295237</v>
      </c>
    </row>
    <row r="118500" spans="1:7" x14ac:dyDescent="0.3">
      <c r="A118500" s="13" t="s">
        <v>559</v>
      </c>
      <c r="B118500" s="14" t="s">
        <v>1</v>
      </c>
      <c r="C118500" s="14" t="s">
        <v>558</v>
      </c>
      <c r="D118500" s="14" t="s">
        <v>122</v>
      </c>
      <c r="E118500" s="15">
        <v>45616</v>
      </c>
      <c r="F118500" s="14" t="s">
        <v>15</v>
      </c>
      <c r="G118500" s="16">
        <v>0.55101208352351716</v>
      </c>
    </row>
    <row r="118501" spans="1:7" x14ac:dyDescent="0.3">
      <c r="A118501" s="13" t="s">
        <v>559</v>
      </c>
      <c r="B118501" s="14" t="s">
        <v>1</v>
      </c>
      <c r="C118501" s="14" t="s">
        <v>558</v>
      </c>
      <c r="D118501" s="14" t="s">
        <v>122</v>
      </c>
      <c r="E118501" s="15">
        <v>45617</v>
      </c>
      <c r="F118501" s="14" t="s">
        <v>15</v>
      </c>
      <c r="G118501" s="16">
        <v>0.54841051511678862</v>
      </c>
    </row>
    <row r="118502" spans="1:7" x14ac:dyDescent="0.3">
      <c r="A118502" s="13" t="s">
        <v>559</v>
      </c>
      <c r="B118502" s="14" t="s">
        <v>1</v>
      </c>
      <c r="C118502" s="14" t="s">
        <v>558</v>
      </c>
      <c r="D118502" s="14" t="s">
        <v>122</v>
      </c>
      <c r="E118502" s="15">
        <v>45618</v>
      </c>
      <c r="F118502" s="14" t="s">
        <v>15</v>
      </c>
      <c r="G118502" s="16">
        <v>0.54926759332660147</v>
      </c>
    </row>
    <row r="118503" spans="1:7" x14ac:dyDescent="0.3">
      <c r="A118503" s="13" t="s">
        <v>559</v>
      </c>
      <c r="B118503" s="14" t="s">
        <v>1</v>
      </c>
      <c r="C118503" s="14" t="s">
        <v>558</v>
      </c>
      <c r="D118503" s="14" t="s">
        <v>122</v>
      </c>
      <c r="E118503" s="15">
        <v>45619</v>
      </c>
      <c r="F118503" s="14" t="s">
        <v>15</v>
      </c>
      <c r="G118503" s="16">
        <v>0.54926759332660147</v>
      </c>
    </row>
    <row r="118504" spans="1:7" x14ac:dyDescent="0.3">
      <c r="A118504" s="13" t="s">
        <v>559</v>
      </c>
      <c r="B118504" s="14" t="s">
        <v>1</v>
      </c>
      <c r="C118504" s="14" t="s">
        <v>558</v>
      </c>
      <c r="D118504" s="14" t="s">
        <v>122</v>
      </c>
      <c r="E118504" s="15">
        <v>45620</v>
      </c>
      <c r="F118504" s="14" t="s">
        <v>15</v>
      </c>
      <c r="G118504" s="16">
        <v>0.54926759332660147</v>
      </c>
    </row>
    <row r="118505" spans="1:7" x14ac:dyDescent="0.3">
      <c r="A118505" s="13" t="s">
        <v>559</v>
      </c>
      <c r="B118505" s="14" t="s">
        <v>1</v>
      </c>
      <c r="C118505" s="14" t="s">
        <v>558</v>
      </c>
      <c r="D118505" s="14" t="s">
        <v>122</v>
      </c>
      <c r="E118505" s="15">
        <v>45621</v>
      </c>
      <c r="F118505" s="14" t="s">
        <v>15</v>
      </c>
      <c r="G118505" s="16">
        <v>0.55022993469430914</v>
      </c>
    </row>
    <row r="118506" spans="1:7" x14ac:dyDescent="0.3">
      <c r="A118506" s="13" t="s">
        <v>559</v>
      </c>
      <c r="B118506" s="14" t="s">
        <v>1</v>
      </c>
      <c r="C118506" s="14" t="s">
        <v>558</v>
      </c>
      <c r="D118506" s="14" t="s">
        <v>122</v>
      </c>
      <c r="E118506" s="15">
        <v>45622</v>
      </c>
      <c r="F118506" s="14" t="s">
        <v>15</v>
      </c>
      <c r="G118506" s="16">
        <v>0.54456069711464827</v>
      </c>
    </row>
    <row r="118507" spans="1:7" x14ac:dyDescent="0.3">
      <c r="A118507" s="13" t="s">
        <v>559</v>
      </c>
      <c r="B118507" s="14" t="s">
        <v>1</v>
      </c>
      <c r="C118507" s="14" t="s">
        <v>558</v>
      </c>
      <c r="D118507" s="14" t="s">
        <v>122</v>
      </c>
      <c r="E118507" s="15">
        <v>45623</v>
      </c>
      <c r="F118507" s="14" t="s">
        <v>15</v>
      </c>
      <c r="G118507" s="16">
        <v>0.55532754976055143</v>
      </c>
    </row>
    <row r="118508" spans="1:7" x14ac:dyDescent="0.3">
      <c r="A118508" s="13" t="s">
        <v>559</v>
      </c>
      <c r="B118508" s="14" t="s">
        <v>1</v>
      </c>
      <c r="C118508" s="14" t="s">
        <v>558</v>
      </c>
      <c r="D118508" s="14" t="s">
        <v>122</v>
      </c>
      <c r="E118508" s="15">
        <v>45624</v>
      </c>
      <c r="F118508" s="14" t="s">
        <v>15</v>
      </c>
      <c r="G118508" s="16">
        <v>0.55290643248164251</v>
      </c>
    </row>
    <row r="118509" spans="1:7" x14ac:dyDescent="0.3">
      <c r="A118509" s="13" t="s">
        <v>559</v>
      </c>
      <c r="B118509" s="14" t="s">
        <v>1</v>
      </c>
      <c r="C118509" s="14" t="s">
        <v>558</v>
      </c>
      <c r="D118509" s="14" t="s">
        <v>122</v>
      </c>
      <c r="E118509" s="15">
        <v>45625</v>
      </c>
      <c r="F118509" s="14" t="s">
        <v>15</v>
      </c>
      <c r="G118509" s="16">
        <v>0.55428982648092895</v>
      </c>
    </row>
    <row r="118510" spans="1:7" x14ac:dyDescent="0.3">
      <c r="A118510" s="13" t="s">
        <v>559</v>
      </c>
      <c r="B118510" s="14" t="s">
        <v>1</v>
      </c>
      <c r="C118510" s="14" t="s">
        <v>558</v>
      </c>
      <c r="D118510" s="14" t="s">
        <v>122</v>
      </c>
      <c r="E118510" s="15">
        <v>45626</v>
      </c>
      <c r="F118510" s="14" t="s">
        <v>15</v>
      </c>
      <c r="G118510" s="16">
        <v>0.55428982648092895</v>
      </c>
    </row>
    <row r="118511" spans="1:7" x14ac:dyDescent="0.3">
      <c r="A118511" s="13" t="s">
        <v>559</v>
      </c>
      <c r="B118511" s="14" t="s">
        <v>1</v>
      </c>
      <c r="C118511" s="14" t="s">
        <v>558</v>
      </c>
      <c r="D118511" s="14" t="s">
        <v>122</v>
      </c>
      <c r="E118511" s="15">
        <v>45627</v>
      </c>
      <c r="F118511" s="14" t="s">
        <v>15</v>
      </c>
      <c r="G118511" s="16">
        <v>0.55428982648092895</v>
      </c>
    </row>
    <row r="118512" spans="1:7" x14ac:dyDescent="0.3">
      <c r="A118512" s="13" t="s">
        <v>559</v>
      </c>
      <c r="B118512" s="14" t="s">
        <v>1</v>
      </c>
      <c r="C118512" s="14" t="s">
        <v>558</v>
      </c>
      <c r="D118512" s="14" t="s">
        <v>122</v>
      </c>
      <c r="E118512" s="15">
        <v>45628</v>
      </c>
      <c r="F118512" s="14" t="s">
        <v>15</v>
      </c>
      <c r="G118512" s="16">
        <v>0.55182359642006518</v>
      </c>
    </row>
    <row r="118513" spans="1:7" x14ac:dyDescent="0.3">
      <c r="A118513" s="13" t="s">
        <v>559</v>
      </c>
      <c r="B118513" s="14" t="s">
        <v>1</v>
      </c>
      <c r="C118513" s="14" t="s">
        <v>558</v>
      </c>
      <c r="D118513" s="14" t="s">
        <v>122</v>
      </c>
      <c r="E118513" s="15">
        <v>45629</v>
      </c>
      <c r="F118513" s="14" t="s">
        <v>15</v>
      </c>
      <c r="G118513" s="16">
        <v>0.5502295468103291</v>
      </c>
    </row>
    <row r="118514" spans="1:7" x14ac:dyDescent="0.3">
      <c r="A118514" s="13" t="s">
        <v>559</v>
      </c>
      <c r="B118514" s="14" t="s">
        <v>1</v>
      </c>
      <c r="C118514" s="14" t="s">
        <v>558</v>
      </c>
      <c r="D118514" s="14" t="s">
        <v>122</v>
      </c>
      <c r="E118514" s="15">
        <v>45630</v>
      </c>
      <c r="F118514" s="14" t="s">
        <v>15</v>
      </c>
      <c r="G118514" s="16">
        <v>0.54797384306525476</v>
      </c>
    </row>
    <row r="118515" spans="1:7" x14ac:dyDescent="0.3">
      <c r="A118515" s="13" t="s">
        <v>559</v>
      </c>
      <c r="B118515" s="14" t="s">
        <v>1</v>
      </c>
      <c r="C118515" s="14" t="s">
        <v>558</v>
      </c>
      <c r="D118515" s="14" t="s">
        <v>122</v>
      </c>
      <c r="E118515" s="15">
        <v>45631</v>
      </c>
      <c r="F118515" s="14" t="s">
        <v>15</v>
      </c>
      <c r="G118515" s="16">
        <v>0.54547753781642094</v>
      </c>
    </row>
    <row r="118516" spans="1:7" x14ac:dyDescent="0.3">
      <c r="A118516" s="13" t="s">
        <v>559</v>
      </c>
      <c r="B118516" s="14" t="s">
        <v>1</v>
      </c>
      <c r="C118516" s="14" t="s">
        <v>558</v>
      </c>
      <c r="D118516" s="14" t="s">
        <v>122</v>
      </c>
      <c r="E118516" s="15">
        <v>45632</v>
      </c>
      <c r="F118516" s="14" t="s">
        <v>15</v>
      </c>
      <c r="G118516" s="16">
        <v>0.54284589422172258</v>
      </c>
    </row>
    <row r="118517" spans="1:7" x14ac:dyDescent="0.3">
      <c r="A118517" s="13" t="s">
        <v>559</v>
      </c>
      <c r="B118517" s="14" t="s">
        <v>1</v>
      </c>
      <c r="C118517" s="14" t="s">
        <v>558</v>
      </c>
      <c r="D118517" s="14" t="s">
        <v>122</v>
      </c>
      <c r="E118517" s="15">
        <v>45633</v>
      </c>
      <c r="F118517" s="14" t="s">
        <v>15</v>
      </c>
      <c r="G118517" s="16">
        <v>0.54284589422172258</v>
      </c>
    </row>
    <row r="118518" spans="1:7" x14ac:dyDescent="0.3">
      <c r="A118518" s="13" t="s">
        <v>559</v>
      </c>
      <c r="B118518" s="14" t="s">
        <v>1</v>
      </c>
      <c r="C118518" s="14" t="s">
        <v>558</v>
      </c>
      <c r="D118518" s="14" t="s">
        <v>122</v>
      </c>
      <c r="E118518" s="15">
        <v>45634</v>
      </c>
      <c r="F118518" s="14" t="s">
        <v>15</v>
      </c>
      <c r="G118518" s="16">
        <v>0.54284589422172258</v>
      </c>
    </row>
    <row r="118519" spans="1:7" x14ac:dyDescent="0.3">
      <c r="A118519" s="13" t="s">
        <v>559</v>
      </c>
      <c r="B118519" s="14" t="s">
        <v>1</v>
      </c>
      <c r="C118519" s="14" t="s">
        <v>558</v>
      </c>
      <c r="D118519" s="14" t="s">
        <v>122</v>
      </c>
      <c r="E118519" s="15">
        <v>45635</v>
      </c>
      <c r="F118519" s="14" t="s">
        <v>15</v>
      </c>
      <c r="G118519" s="16">
        <v>0.5438683859653699</v>
      </c>
    </row>
    <row r="118520" spans="1:7" x14ac:dyDescent="0.3">
      <c r="A118520" s="13" t="s">
        <v>559</v>
      </c>
      <c r="B118520" s="14" t="s">
        <v>1</v>
      </c>
      <c r="C118520" s="14" t="s">
        <v>558</v>
      </c>
      <c r="D118520" s="14" t="s">
        <v>122</v>
      </c>
      <c r="E118520" s="15">
        <v>45636</v>
      </c>
      <c r="F118520" s="14" t="s">
        <v>15</v>
      </c>
      <c r="G118520" s="16">
        <v>0.55639463710751369</v>
      </c>
    </row>
    <row r="118521" spans="1:7" x14ac:dyDescent="0.3">
      <c r="A118521" s="13" t="s">
        <v>559</v>
      </c>
      <c r="B118521" s="14" t="s">
        <v>1</v>
      </c>
      <c r="C118521" s="14" t="s">
        <v>558</v>
      </c>
      <c r="D118521" s="14" t="s">
        <v>122</v>
      </c>
      <c r="E118521" s="15">
        <v>45637</v>
      </c>
      <c r="F118521" s="14" t="s">
        <v>15</v>
      </c>
      <c r="G118521" s="16">
        <v>0.56024419652033397</v>
      </c>
    </row>
    <row r="118522" spans="1:7" x14ac:dyDescent="0.3">
      <c r="A118522" s="13" t="s">
        <v>559</v>
      </c>
      <c r="B118522" s="14" t="s">
        <v>1</v>
      </c>
      <c r="C118522" s="14" t="s">
        <v>558</v>
      </c>
      <c r="D118522" s="14" t="s">
        <v>122</v>
      </c>
      <c r="E118522" s="15">
        <v>45638</v>
      </c>
      <c r="F118522" s="14" t="s">
        <v>15</v>
      </c>
      <c r="G118522" s="16">
        <v>0.55773285367751535</v>
      </c>
    </row>
    <row r="118523" spans="1:7" x14ac:dyDescent="0.3">
      <c r="A118523" s="13" t="s">
        <v>559</v>
      </c>
      <c r="B118523" s="14" t="s">
        <v>1</v>
      </c>
      <c r="C118523" s="14" t="s">
        <v>558</v>
      </c>
      <c r="D118523" s="14" t="s">
        <v>122</v>
      </c>
      <c r="E118523" s="15">
        <v>45639</v>
      </c>
      <c r="F118523" s="14" t="s">
        <v>15</v>
      </c>
      <c r="G118523" s="16">
        <v>0.60406361609785453</v>
      </c>
    </row>
    <row r="118524" spans="1:7" x14ac:dyDescent="0.3">
      <c r="A118524" s="13" t="s">
        <v>559</v>
      </c>
      <c r="B118524" s="14" t="s">
        <v>1</v>
      </c>
      <c r="C118524" s="14" t="s">
        <v>558</v>
      </c>
      <c r="D118524" s="14" t="s">
        <v>122</v>
      </c>
      <c r="E118524" s="15">
        <v>45640</v>
      </c>
      <c r="F118524" s="14" t="s">
        <v>15</v>
      </c>
      <c r="G118524" s="16">
        <v>0.60406361609785453</v>
      </c>
    </row>
    <row r="118525" spans="1:7" x14ac:dyDescent="0.3">
      <c r="A118525" s="13" t="s">
        <v>559</v>
      </c>
      <c r="B118525" s="14" t="s">
        <v>1</v>
      </c>
      <c r="C118525" s="14" t="s">
        <v>558</v>
      </c>
      <c r="D118525" s="14" t="s">
        <v>122</v>
      </c>
      <c r="E118525" s="15">
        <v>45641</v>
      </c>
      <c r="F118525" s="14" t="s">
        <v>15</v>
      </c>
      <c r="G118525" s="16">
        <v>0.60406361609785453</v>
      </c>
    </row>
    <row r="118526" spans="1:7" x14ac:dyDescent="0.3">
      <c r="A118526" s="13" t="s">
        <v>559</v>
      </c>
      <c r="B118526" s="14" t="s">
        <v>1</v>
      </c>
      <c r="C118526" s="14" t="s">
        <v>558</v>
      </c>
      <c r="D118526" s="14" t="s">
        <v>122</v>
      </c>
      <c r="E118526" s="15">
        <v>45642</v>
      </c>
      <c r="F118526" s="14" t="s">
        <v>15</v>
      </c>
      <c r="G118526" s="16">
        <v>0.60147708528511101</v>
      </c>
    </row>
    <row r="118527" spans="1:7" x14ac:dyDescent="0.3">
      <c r="A118527" s="13" t="s">
        <v>559</v>
      </c>
      <c r="B118527" s="14" t="s">
        <v>1</v>
      </c>
      <c r="C118527" s="14" t="s">
        <v>558</v>
      </c>
      <c r="D118527" s="14" t="s">
        <v>122</v>
      </c>
      <c r="E118527" s="15">
        <v>45643</v>
      </c>
      <c r="F118527" s="14" t="s">
        <v>15</v>
      </c>
      <c r="G118527" s="16">
        <v>0.59371762214154034</v>
      </c>
    </row>
    <row r="118528" spans="1:7" x14ac:dyDescent="0.3">
      <c r="A118528" s="13" t="s">
        <v>559</v>
      </c>
      <c r="B118528" s="14" t="s">
        <v>1</v>
      </c>
      <c r="C118528" s="14" t="s">
        <v>558</v>
      </c>
      <c r="D118528" s="14" t="s">
        <v>122</v>
      </c>
      <c r="E118528" s="15">
        <v>45644</v>
      </c>
      <c r="F118528" s="14" t="s">
        <v>15</v>
      </c>
      <c r="G118528" s="16">
        <v>0.60860477553932324</v>
      </c>
    </row>
    <row r="118529" spans="1:7" x14ac:dyDescent="0.3">
      <c r="A118529" s="13" t="s">
        <v>559</v>
      </c>
      <c r="B118529" s="14" t="s">
        <v>1</v>
      </c>
      <c r="C118529" s="14" t="s">
        <v>558</v>
      </c>
      <c r="D118529" s="14" t="s">
        <v>122</v>
      </c>
      <c r="E118529" s="15">
        <v>45645</v>
      </c>
      <c r="F118529" s="14" t="s">
        <v>15</v>
      </c>
      <c r="G118529" s="16">
        <v>0.61155207931304589</v>
      </c>
    </row>
    <row r="118530" spans="1:7" x14ac:dyDescent="0.3">
      <c r="A118530" s="13" t="s">
        <v>559</v>
      </c>
      <c r="B118530" s="14" t="s">
        <v>1</v>
      </c>
      <c r="C118530" s="14" t="s">
        <v>558</v>
      </c>
      <c r="D118530" s="14" t="s">
        <v>122</v>
      </c>
      <c r="E118530" s="15">
        <v>45646</v>
      </c>
      <c r="F118530" s="14" t="s">
        <v>15</v>
      </c>
      <c r="G118530" s="16">
        <v>0.60902569887624214</v>
      </c>
    </row>
    <row r="118531" spans="1:7" x14ac:dyDescent="0.3">
      <c r="A118531" s="13" t="s">
        <v>559</v>
      </c>
      <c r="B118531" s="14" t="s">
        <v>1</v>
      </c>
      <c r="C118531" s="14" t="s">
        <v>558</v>
      </c>
      <c r="D118531" s="14" t="s">
        <v>122</v>
      </c>
      <c r="E118531" s="15">
        <v>45647</v>
      </c>
      <c r="F118531" s="14" t="s">
        <v>15</v>
      </c>
      <c r="G118531" s="16">
        <v>0.60902569887624214</v>
      </c>
    </row>
    <row r="118532" spans="1:7" x14ac:dyDescent="0.3">
      <c r="A118532" s="13" t="s">
        <v>559</v>
      </c>
      <c r="B118532" s="14" t="s">
        <v>1</v>
      </c>
      <c r="C118532" s="14" t="s">
        <v>558</v>
      </c>
      <c r="D118532" s="14" t="s">
        <v>122</v>
      </c>
      <c r="E118532" s="15">
        <v>45648</v>
      </c>
      <c r="F118532" s="14" t="s">
        <v>15</v>
      </c>
      <c r="G118532" s="16">
        <v>0.60902569887624214</v>
      </c>
    </row>
    <row r="118533" spans="1:7" x14ac:dyDescent="0.3">
      <c r="A118533" s="13" t="s">
        <v>559</v>
      </c>
      <c r="B118533" s="14" t="s">
        <v>1</v>
      </c>
      <c r="C118533" s="14" t="s">
        <v>558</v>
      </c>
      <c r="D118533" s="14" t="s">
        <v>122</v>
      </c>
      <c r="E118533" s="15">
        <v>45649</v>
      </c>
      <c r="F118533" s="14" t="s">
        <v>15</v>
      </c>
      <c r="G118533" s="16">
        <v>0.61069480716124291</v>
      </c>
    </row>
    <row r="118534" spans="1:7" x14ac:dyDescent="0.3">
      <c r="A118534" s="13" t="s">
        <v>559</v>
      </c>
      <c r="B118534" s="14" t="s">
        <v>1</v>
      </c>
      <c r="C118534" s="14" t="s">
        <v>558</v>
      </c>
      <c r="D118534" s="14" t="s">
        <v>122</v>
      </c>
      <c r="E118534" s="15">
        <v>45650</v>
      </c>
      <c r="F118534" s="14" t="s">
        <v>15</v>
      </c>
      <c r="G118534" s="16">
        <v>0.60425865228834907</v>
      </c>
    </row>
    <row r="118535" spans="1:7" x14ac:dyDescent="0.3">
      <c r="A118535" s="13" t="s">
        <v>559</v>
      </c>
      <c r="B118535" s="14" t="s">
        <v>1</v>
      </c>
      <c r="C118535" s="14" t="s">
        <v>558</v>
      </c>
      <c r="D118535" s="14" t="s">
        <v>122</v>
      </c>
      <c r="E118535" s="15">
        <v>45651</v>
      </c>
      <c r="F118535" s="14" t="s">
        <v>15</v>
      </c>
      <c r="G118535" s="16">
        <v>0.60425865228834907</v>
      </c>
    </row>
    <row r="118536" spans="1:7" x14ac:dyDescent="0.3">
      <c r="A118536" s="13" t="s">
        <v>559</v>
      </c>
      <c r="B118536" s="14" t="s">
        <v>1</v>
      </c>
      <c r="C118536" s="14" t="s">
        <v>558</v>
      </c>
      <c r="D118536" s="14" t="s">
        <v>122</v>
      </c>
      <c r="E118536" s="15">
        <v>45652</v>
      </c>
      <c r="F118536" s="14" t="s">
        <v>15</v>
      </c>
      <c r="G118536" s="16">
        <v>0.60425865228834907</v>
      </c>
    </row>
    <row r="118537" spans="1:7" x14ac:dyDescent="0.3">
      <c r="A118537" s="13" t="s">
        <v>559</v>
      </c>
      <c r="B118537" s="14" t="s">
        <v>1</v>
      </c>
      <c r="C118537" s="14" t="s">
        <v>558</v>
      </c>
      <c r="D118537" s="14" t="s">
        <v>122</v>
      </c>
      <c r="E118537" s="15">
        <v>45653</v>
      </c>
      <c r="F118537" s="14" t="s">
        <v>15</v>
      </c>
      <c r="G118537" s="16">
        <v>0.60425865228834907</v>
      </c>
    </row>
    <row r="118538" spans="1:7" x14ac:dyDescent="0.3">
      <c r="A118538" s="13" t="s">
        <v>559</v>
      </c>
      <c r="B118538" s="14" t="s">
        <v>1</v>
      </c>
      <c r="C118538" s="14" t="s">
        <v>558</v>
      </c>
      <c r="D118538" s="14" t="s">
        <v>122</v>
      </c>
      <c r="E118538" s="15">
        <v>45654</v>
      </c>
      <c r="F118538" s="14" t="s">
        <v>15</v>
      </c>
      <c r="G118538" s="16">
        <v>0.60425865228834907</v>
      </c>
    </row>
    <row r="118539" spans="1:7" x14ac:dyDescent="0.3">
      <c r="A118539" s="13" t="s">
        <v>559</v>
      </c>
      <c r="B118539" s="14" t="s">
        <v>1</v>
      </c>
      <c r="C118539" s="14" t="s">
        <v>558</v>
      </c>
      <c r="D118539" s="14" t="s">
        <v>122</v>
      </c>
      <c r="E118539" s="15">
        <v>45655</v>
      </c>
      <c r="F118539" s="14" t="s">
        <v>15</v>
      </c>
      <c r="G118539" s="16">
        <v>0.60425865228834907</v>
      </c>
    </row>
    <row r="118540" spans="1:7" x14ac:dyDescent="0.3">
      <c r="A118540" s="13" t="s">
        <v>559</v>
      </c>
      <c r="B118540" s="14" t="s">
        <v>1</v>
      </c>
      <c r="C118540" s="14" t="s">
        <v>558</v>
      </c>
      <c r="D118540" s="14" t="s">
        <v>122</v>
      </c>
      <c r="E118540" s="15">
        <v>45656</v>
      </c>
      <c r="F118540" s="14" t="s">
        <v>15</v>
      </c>
      <c r="G118540" s="16">
        <v>0.60237888839289866</v>
      </c>
    </row>
    <row r="118541" spans="1:7" x14ac:dyDescent="0.3">
      <c r="A118541" s="13" t="s">
        <v>559</v>
      </c>
      <c r="B118541" s="14" t="s">
        <v>1</v>
      </c>
      <c r="C118541" s="14" t="s">
        <v>558</v>
      </c>
      <c r="D118541" s="14" t="s">
        <v>122</v>
      </c>
      <c r="E118541" s="15">
        <v>45657</v>
      </c>
      <c r="F118541" s="14" t="s">
        <v>15</v>
      </c>
      <c r="G118541" s="16">
        <v>0.62082995156511767</v>
      </c>
    </row>
    <row r="118542" spans="1:7" x14ac:dyDescent="0.3">
      <c r="A118542" s="13" t="s">
        <v>559</v>
      </c>
      <c r="B118542" s="14" t="s">
        <v>1</v>
      </c>
      <c r="C118542" s="14" t="s">
        <v>558</v>
      </c>
      <c r="D118542" s="14" t="s">
        <v>122</v>
      </c>
      <c r="E118542" s="15">
        <v>45658</v>
      </c>
      <c r="F118542" s="14" t="s">
        <v>15</v>
      </c>
      <c r="G118542" s="16">
        <v>0.62082995156511767</v>
      </c>
    </row>
    <row r="118543" spans="1:7" x14ac:dyDescent="0.3">
      <c r="A118543" s="13" t="s">
        <v>559</v>
      </c>
      <c r="B118543" s="14" t="s">
        <v>1</v>
      </c>
      <c r="C118543" s="14" t="s">
        <v>558</v>
      </c>
      <c r="D118543" s="14" t="s">
        <v>122</v>
      </c>
      <c r="E118543" s="15">
        <v>45659</v>
      </c>
      <c r="F118543" s="14" t="s">
        <v>15</v>
      </c>
      <c r="G118543" s="16">
        <v>0.62164191699297555</v>
      </c>
    </row>
    <row r="118544" spans="1:7" x14ac:dyDescent="0.3">
      <c r="A118544" s="13" t="s">
        <v>559</v>
      </c>
      <c r="B118544" s="14" t="s">
        <v>1</v>
      </c>
      <c r="C118544" s="14" t="s">
        <v>558</v>
      </c>
      <c r="D118544" s="14" t="s">
        <v>122</v>
      </c>
      <c r="E118544" s="15">
        <v>45660</v>
      </c>
      <c r="F118544" s="14" t="s">
        <v>15</v>
      </c>
      <c r="G118544" s="16">
        <v>0.65167192753361547</v>
      </c>
    </row>
    <row r="118545" spans="1:7" x14ac:dyDescent="0.3">
      <c r="A118545" s="13" t="s">
        <v>559</v>
      </c>
      <c r="B118545" s="14" t="s">
        <v>1</v>
      </c>
      <c r="C118545" s="14" t="s">
        <v>558</v>
      </c>
      <c r="D118545" s="14" t="s">
        <v>122</v>
      </c>
      <c r="E118545" s="15">
        <v>45661</v>
      </c>
      <c r="F118545" s="14" t="s">
        <v>15</v>
      </c>
      <c r="G118545" s="16">
        <v>0.65167192753361547</v>
      </c>
    </row>
    <row r="118546" spans="1:7" x14ac:dyDescent="0.3">
      <c r="A118546" s="13" t="s">
        <v>559</v>
      </c>
      <c r="B118546" s="14" t="s">
        <v>1</v>
      </c>
      <c r="C118546" s="14" t="s">
        <v>558</v>
      </c>
      <c r="D118546" s="14" t="s">
        <v>122</v>
      </c>
      <c r="E118546" s="15">
        <v>45662</v>
      </c>
      <c r="F118546" s="14" t="s">
        <v>15</v>
      </c>
      <c r="G118546" s="16">
        <v>0.65167192753361547</v>
      </c>
    </row>
    <row r="118547" spans="1:7" x14ac:dyDescent="0.3">
      <c r="A118547" s="13" t="s">
        <v>559</v>
      </c>
      <c r="B118547" s="14" t="s">
        <v>1</v>
      </c>
      <c r="C118547" s="14" t="s">
        <v>558</v>
      </c>
      <c r="D118547" s="14" t="s">
        <v>122</v>
      </c>
      <c r="E118547" s="15">
        <v>45663</v>
      </c>
      <c r="F118547" s="14" t="s">
        <v>15</v>
      </c>
      <c r="G118547" s="16">
        <v>0.64917562228478176</v>
      </c>
    </row>
    <row r="118548" spans="1:7" x14ac:dyDescent="0.3">
      <c r="A118548" s="13" t="s">
        <v>559</v>
      </c>
      <c r="B118548" s="14" t="s">
        <v>1</v>
      </c>
      <c r="C118548" s="14" t="s">
        <v>558</v>
      </c>
      <c r="D118548" s="14" t="s">
        <v>122</v>
      </c>
      <c r="E118548" s="15">
        <v>45664</v>
      </c>
      <c r="F118548" s="14" t="s">
        <v>15</v>
      </c>
      <c r="G118548" s="16">
        <v>0.64788232455474504</v>
      </c>
    </row>
    <row r="118549" spans="1:7" x14ac:dyDescent="0.3">
      <c r="A118549" s="13" t="s">
        <v>559</v>
      </c>
      <c r="B118549" s="14" t="s">
        <v>1</v>
      </c>
      <c r="C118549" s="14" t="s">
        <v>558</v>
      </c>
      <c r="D118549" s="14" t="s">
        <v>122</v>
      </c>
      <c r="E118549" s="15">
        <v>45665</v>
      </c>
      <c r="F118549" s="14" t="s">
        <v>15</v>
      </c>
      <c r="G118549" s="16">
        <v>0.64526571855403159</v>
      </c>
    </row>
    <row r="118550" spans="1:7" x14ac:dyDescent="0.3">
      <c r="A118550" s="13" t="s">
        <v>559</v>
      </c>
      <c r="B118550" s="14" t="s">
        <v>1</v>
      </c>
      <c r="C118550" s="14" t="s">
        <v>558</v>
      </c>
      <c r="D118550" s="14" t="s">
        <v>122</v>
      </c>
      <c r="E118550" s="15">
        <v>45666</v>
      </c>
      <c r="F118550" s="14" t="s">
        <v>15</v>
      </c>
      <c r="G118550" s="16">
        <v>0.64258896217737826</v>
      </c>
    </row>
    <row r="118551" spans="1:7" x14ac:dyDescent="0.3">
      <c r="A118551" s="13" t="s">
        <v>559</v>
      </c>
      <c r="B118551" s="14" t="s">
        <v>1</v>
      </c>
      <c r="C118551" s="14" t="s">
        <v>558</v>
      </c>
      <c r="D118551" s="14" t="s">
        <v>122</v>
      </c>
      <c r="E118551" s="15">
        <v>45667</v>
      </c>
      <c r="F118551" s="14" t="s">
        <v>15</v>
      </c>
      <c r="G118551" s="16">
        <v>0.64001746895861966</v>
      </c>
    </row>
    <row r="118552" spans="1:7" x14ac:dyDescent="0.3">
      <c r="A118552" s="13" t="s">
        <v>559</v>
      </c>
      <c r="B118552" s="14" t="s">
        <v>1</v>
      </c>
      <c r="C118552" s="14" t="s">
        <v>558</v>
      </c>
      <c r="D118552" s="14" t="s">
        <v>122</v>
      </c>
      <c r="E118552" s="15">
        <v>45668</v>
      </c>
      <c r="F118552" s="14" t="s">
        <v>15</v>
      </c>
      <c r="G118552" s="16">
        <v>0.64001746895861966</v>
      </c>
    </row>
    <row r="118553" spans="1:7" x14ac:dyDescent="0.3">
      <c r="A118553" s="13" t="s">
        <v>559</v>
      </c>
      <c r="B118553" s="14" t="s">
        <v>1</v>
      </c>
      <c r="C118553" s="14" t="s">
        <v>558</v>
      </c>
      <c r="D118553" s="14" t="s">
        <v>122</v>
      </c>
      <c r="E118553" s="15">
        <v>45669</v>
      </c>
      <c r="F118553" s="14" t="s">
        <v>15</v>
      </c>
      <c r="G118553" s="16">
        <v>0.64001746895861966</v>
      </c>
    </row>
    <row r="118554" spans="1:7" x14ac:dyDescent="0.3">
      <c r="A118554" s="13" t="s">
        <v>559</v>
      </c>
      <c r="B118554" s="14" t="s">
        <v>1</v>
      </c>
      <c r="C118554" s="14" t="s">
        <v>558</v>
      </c>
      <c r="D118554" s="14" t="s">
        <v>122</v>
      </c>
      <c r="E118554" s="15">
        <v>45670</v>
      </c>
      <c r="F118554" s="14" t="s">
        <v>15</v>
      </c>
      <c r="G118554" s="16">
        <v>0.63734071258196634</v>
      </c>
    </row>
    <row r="118555" spans="1:7" x14ac:dyDescent="0.3">
      <c r="A118555" s="13" t="s">
        <v>559</v>
      </c>
      <c r="B118555" s="14" t="s">
        <v>1</v>
      </c>
      <c r="C118555" s="14" t="s">
        <v>558</v>
      </c>
      <c r="D118555" s="14" t="s">
        <v>122</v>
      </c>
      <c r="E118555" s="15">
        <v>45671</v>
      </c>
      <c r="F118555" s="14" t="s">
        <v>15</v>
      </c>
      <c r="G118555" s="16">
        <v>0.62931057274666646</v>
      </c>
    </row>
    <row r="118556" spans="1:7" x14ac:dyDescent="0.3">
      <c r="A118556" s="13" t="s">
        <v>559</v>
      </c>
      <c r="B118556" s="14" t="s">
        <v>1</v>
      </c>
      <c r="C118556" s="14" t="s">
        <v>558</v>
      </c>
      <c r="D118556" s="14" t="s">
        <v>122</v>
      </c>
      <c r="E118556" s="15">
        <v>45672</v>
      </c>
      <c r="F118556" s="14" t="s">
        <v>15</v>
      </c>
      <c r="G118556" s="16">
        <v>0.6267691547158778</v>
      </c>
    </row>
    <row r="118557" spans="1:7" x14ac:dyDescent="0.3">
      <c r="A118557" s="13" t="s">
        <v>559</v>
      </c>
      <c r="B118557" s="14" t="s">
        <v>1</v>
      </c>
      <c r="C118557" s="14" t="s">
        <v>558</v>
      </c>
      <c r="D118557" s="14" t="s">
        <v>122</v>
      </c>
      <c r="E118557" s="15">
        <v>45673</v>
      </c>
      <c r="F118557" s="14" t="s">
        <v>15</v>
      </c>
      <c r="G118557" s="16">
        <v>0.62418262390313428</v>
      </c>
    </row>
    <row r="118558" spans="1:7" x14ac:dyDescent="0.3">
      <c r="A118558" s="13" t="s">
        <v>559</v>
      </c>
      <c r="B118558" s="14" t="s">
        <v>1</v>
      </c>
      <c r="C118558" s="14" t="s">
        <v>558</v>
      </c>
      <c r="D118558" s="14" t="s">
        <v>122</v>
      </c>
      <c r="E118558" s="15">
        <v>45674</v>
      </c>
      <c r="F118558" s="14" t="s">
        <v>15</v>
      </c>
      <c r="G118558" s="16">
        <v>0.62158105549640585</v>
      </c>
    </row>
    <row r="118559" spans="1:7" x14ac:dyDescent="0.3">
      <c r="A118559" s="13" t="s">
        <v>559</v>
      </c>
      <c r="B118559" s="14" t="s">
        <v>1</v>
      </c>
      <c r="C118559" s="14" t="s">
        <v>558</v>
      </c>
      <c r="D118559" s="14" t="s">
        <v>122</v>
      </c>
      <c r="E118559" s="15">
        <v>45675</v>
      </c>
      <c r="F118559" s="14" t="s">
        <v>15</v>
      </c>
      <c r="G118559" s="16">
        <v>0.62158105549640585</v>
      </c>
    </row>
    <row r="118560" spans="1:7" x14ac:dyDescent="0.3">
      <c r="A118560" s="13" t="s">
        <v>559</v>
      </c>
      <c r="B118560" s="14" t="s">
        <v>1</v>
      </c>
      <c r="C118560" s="14" t="s">
        <v>558</v>
      </c>
      <c r="D118560" s="14" t="s">
        <v>122</v>
      </c>
      <c r="E118560" s="15">
        <v>45676</v>
      </c>
      <c r="F118560" s="14" t="s">
        <v>15</v>
      </c>
      <c r="G118560" s="16">
        <v>0.62158105549640585</v>
      </c>
    </row>
    <row r="118561" spans="1:7" x14ac:dyDescent="0.3">
      <c r="A118561" s="13" t="s">
        <v>559</v>
      </c>
      <c r="B118561" s="14" t="s">
        <v>1</v>
      </c>
      <c r="C118561" s="14" t="s">
        <v>558</v>
      </c>
      <c r="D118561" s="14" t="s">
        <v>122</v>
      </c>
      <c r="E118561" s="15">
        <v>45677</v>
      </c>
      <c r="F118561" s="14" t="s">
        <v>15</v>
      </c>
      <c r="G118561" s="16">
        <v>0.62458850964606827</v>
      </c>
    </row>
    <row r="118562" spans="1:7" x14ac:dyDescent="0.3">
      <c r="A118562" s="13" t="s">
        <v>559</v>
      </c>
      <c r="B118562" s="14" t="s">
        <v>1</v>
      </c>
      <c r="C118562" s="14" t="s">
        <v>558</v>
      </c>
      <c r="D118562" s="14" t="s">
        <v>122</v>
      </c>
      <c r="E118562" s="15">
        <v>45678</v>
      </c>
      <c r="F118562" s="14" t="s">
        <v>15</v>
      </c>
      <c r="G118562" s="16">
        <v>0.61681400890851279</v>
      </c>
    </row>
    <row r="118563" spans="1:7" x14ac:dyDescent="0.3">
      <c r="A118563" s="13" t="s">
        <v>559</v>
      </c>
      <c r="B118563" s="14" t="s">
        <v>1</v>
      </c>
      <c r="C118563" s="14" t="s">
        <v>558</v>
      </c>
      <c r="D118563" s="14" t="s">
        <v>122</v>
      </c>
      <c r="E118563" s="15">
        <v>45679</v>
      </c>
      <c r="F118563" s="14" t="s">
        <v>15</v>
      </c>
      <c r="G118563" s="16">
        <v>0.61416732771982929</v>
      </c>
    </row>
    <row r="118564" spans="1:7" x14ac:dyDescent="0.3">
      <c r="A118564" s="13" t="s">
        <v>559</v>
      </c>
      <c r="B118564" s="14" t="s">
        <v>1</v>
      </c>
      <c r="C118564" s="14" t="s">
        <v>558</v>
      </c>
      <c r="D118564" s="14" t="s">
        <v>122</v>
      </c>
      <c r="E118564" s="15">
        <v>45680</v>
      </c>
      <c r="F118564" s="14" t="s">
        <v>15</v>
      </c>
      <c r="G118564" s="16">
        <v>0.61079884201986767</v>
      </c>
    </row>
    <row r="118565" spans="1:7" x14ac:dyDescent="0.3">
      <c r="A118565" s="13" t="s">
        <v>559</v>
      </c>
      <c r="B118565" s="14" t="s">
        <v>1</v>
      </c>
      <c r="C118565" s="14" t="s">
        <v>558</v>
      </c>
      <c r="D118565" s="14" t="s">
        <v>122</v>
      </c>
      <c r="E118565" s="15">
        <v>45681</v>
      </c>
      <c r="F118565" s="14" t="s">
        <v>15</v>
      </c>
      <c r="G118565" s="16">
        <v>0.60795667210937976</v>
      </c>
    </row>
    <row r="118566" spans="1:7" x14ac:dyDescent="0.3">
      <c r="A118566" s="13" t="s">
        <v>559</v>
      </c>
      <c r="B118566" s="14" t="s">
        <v>1</v>
      </c>
      <c r="C118566" s="14" t="s">
        <v>558</v>
      </c>
      <c r="D118566" s="14" t="s">
        <v>122</v>
      </c>
      <c r="E118566" s="15">
        <v>45682</v>
      </c>
      <c r="F118566" s="14" t="s">
        <v>15</v>
      </c>
      <c r="G118566" s="16">
        <v>0.60795667210937976</v>
      </c>
    </row>
    <row r="118567" spans="1:7" x14ac:dyDescent="0.3">
      <c r="A118567" s="13" t="s">
        <v>559</v>
      </c>
      <c r="B118567" s="14" t="s">
        <v>1</v>
      </c>
      <c r="C118567" s="14" t="s">
        <v>558</v>
      </c>
      <c r="D118567" s="14" t="s">
        <v>122</v>
      </c>
      <c r="E118567" s="15">
        <v>45683</v>
      </c>
      <c r="F118567" s="14" t="s">
        <v>15</v>
      </c>
      <c r="G118567" s="16">
        <v>0.60795667210937976</v>
      </c>
    </row>
    <row r="118568" spans="1:7" x14ac:dyDescent="0.3">
      <c r="A118568" s="13" t="s">
        <v>559</v>
      </c>
      <c r="B118568" s="14" t="s">
        <v>1</v>
      </c>
      <c r="C118568" s="14" t="s">
        <v>558</v>
      </c>
      <c r="D118568" s="14" t="s">
        <v>122</v>
      </c>
      <c r="E118568" s="15">
        <v>45684</v>
      </c>
      <c r="F118568" s="14" t="s">
        <v>15</v>
      </c>
      <c r="G118568" s="16">
        <v>0.60540021648460618</v>
      </c>
    </row>
    <row r="118569" spans="1:7" x14ac:dyDescent="0.3">
      <c r="A118569" s="13" t="s">
        <v>559</v>
      </c>
      <c r="B118569" s="14" t="s">
        <v>1</v>
      </c>
      <c r="C118569" s="14" t="s">
        <v>558</v>
      </c>
      <c r="D118569" s="14" t="s">
        <v>122</v>
      </c>
      <c r="E118569" s="15">
        <v>45685</v>
      </c>
      <c r="F118569" s="14" t="s">
        <v>15</v>
      </c>
      <c r="G118569" s="16">
        <v>0.59752045258915587</v>
      </c>
    </row>
    <row r="118570" spans="1:7" x14ac:dyDescent="0.3">
      <c r="A118570" s="13" t="s">
        <v>559</v>
      </c>
      <c r="B118570" s="14" t="s">
        <v>1</v>
      </c>
      <c r="C118570" s="14" t="s">
        <v>558</v>
      </c>
      <c r="D118570" s="14" t="s">
        <v>122</v>
      </c>
      <c r="E118570" s="15">
        <v>45686</v>
      </c>
      <c r="F118570" s="14" t="s">
        <v>15</v>
      </c>
      <c r="G118570" s="16">
        <v>0.59490384658844231</v>
      </c>
    </row>
    <row r="118571" spans="1:7" x14ac:dyDescent="0.3">
      <c r="A118571" s="13" t="s">
        <v>559</v>
      </c>
      <c r="B118571" s="14" t="s">
        <v>1</v>
      </c>
      <c r="C118571" s="14" t="s">
        <v>558</v>
      </c>
      <c r="D118571" s="14" t="s">
        <v>122</v>
      </c>
      <c r="E118571" s="15">
        <v>45687</v>
      </c>
      <c r="F118571" s="14" t="s">
        <v>15</v>
      </c>
      <c r="G118571" s="16">
        <v>0.59227220299374395</v>
      </c>
    </row>
    <row r="118572" spans="1:7" x14ac:dyDescent="0.3">
      <c r="A118572" s="13" t="s">
        <v>559</v>
      </c>
      <c r="B118572" s="14" t="s">
        <v>1</v>
      </c>
      <c r="C118572" s="14" t="s">
        <v>558</v>
      </c>
      <c r="D118572" s="14" t="s">
        <v>122</v>
      </c>
      <c r="E118572" s="15">
        <v>45688</v>
      </c>
      <c r="F118572" s="14" t="s">
        <v>15</v>
      </c>
      <c r="G118572" s="16">
        <v>0.58968567218100043</v>
      </c>
    </row>
    <row r="118573" spans="1:7" x14ac:dyDescent="0.3">
      <c r="A118573" s="13" t="s">
        <v>559</v>
      </c>
      <c r="B118573" s="14" t="s">
        <v>1</v>
      </c>
      <c r="C118573" s="14" t="s">
        <v>558</v>
      </c>
      <c r="D118573" s="14" t="s">
        <v>122</v>
      </c>
      <c r="E118573" s="15">
        <v>45689</v>
      </c>
      <c r="F118573" s="14" t="s">
        <v>15</v>
      </c>
      <c r="G118573" s="16">
        <v>0.58968567218100043</v>
      </c>
    </row>
    <row r="118574" spans="1:7" x14ac:dyDescent="0.3">
      <c r="A118574" s="13" t="s">
        <v>559</v>
      </c>
      <c r="B118574" s="14" t="s">
        <v>1</v>
      </c>
      <c r="C118574" s="14" t="s">
        <v>558</v>
      </c>
      <c r="D118574" s="14" t="s">
        <v>122</v>
      </c>
      <c r="E118574" s="15">
        <v>45690</v>
      </c>
      <c r="F118574" s="14" t="s">
        <v>15</v>
      </c>
      <c r="G118574" s="16">
        <v>0.58968567218100043</v>
      </c>
    </row>
    <row r="118575" spans="1:7" x14ac:dyDescent="0.3">
      <c r="A118575" s="13" t="s">
        <v>559</v>
      </c>
      <c r="B118575" s="14" t="s">
        <v>1</v>
      </c>
      <c r="C118575" s="14" t="s">
        <v>558</v>
      </c>
      <c r="D118575" s="14" t="s">
        <v>122</v>
      </c>
      <c r="E118575" s="15">
        <v>45691</v>
      </c>
      <c r="F118575" s="14" t="s">
        <v>15</v>
      </c>
      <c r="G118575" s="16">
        <v>0.58968567218100043</v>
      </c>
    </row>
    <row r="118576" spans="1:7" x14ac:dyDescent="0.3">
      <c r="A118576" s="13" t="s">
        <v>559</v>
      </c>
      <c r="B118576" s="14" t="s">
        <v>1</v>
      </c>
      <c r="C118576" s="14" t="s">
        <v>558</v>
      </c>
      <c r="D118576" s="14" t="s">
        <v>122</v>
      </c>
      <c r="E118576" s="15">
        <v>45692</v>
      </c>
      <c r="F118576" s="14" t="s">
        <v>15</v>
      </c>
      <c r="G118576" s="16">
        <v>0.58879838948855756</v>
      </c>
    </row>
    <row r="118577" spans="1:7" x14ac:dyDescent="0.3">
      <c r="A118577" s="13" t="s">
        <v>559</v>
      </c>
      <c r="B118577" s="14" t="s">
        <v>1</v>
      </c>
      <c r="C118577" s="14" t="s">
        <v>558</v>
      </c>
      <c r="D118577" s="14" t="s">
        <v>122</v>
      </c>
      <c r="E118577" s="15">
        <v>45693</v>
      </c>
      <c r="F118577" s="14" t="s">
        <v>15</v>
      </c>
      <c r="G118577" s="16">
        <v>0.57870809927731781</v>
      </c>
    </row>
    <row r="118578" spans="1:7" x14ac:dyDescent="0.3">
      <c r="A118578" s="13" t="s">
        <v>559</v>
      </c>
      <c r="B118578" s="14" t="s">
        <v>1</v>
      </c>
      <c r="C118578" s="14" t="s">
        <v>558</v>
      </c>
      <c r="D118578" s="14" t="s">
        <v>122</v>
      </c>
      <c r="E118578" s="15">
        <v>45694</v>
      </c>
      <c r="F118578" s="14" t="s">
        <v>15</v>
      </c>
      <c r="G118578" s="16">
        <v>0.57601630530667958</v>
      </c>
    </row>
    <row r="118579" spans="1:7" x14ac:dyDescent="0.3">
      <c r="A118579" s="13" t="s">
        <v>559</v>
      </c>
      <c r="B118579" s="14" t="s">
        <v>1</v>
      </c>
      <c r="C118579" s="14" t="s">
        <v>558</v>
      </c>
      <c r="D118579" s="14" t="s">
        <v>122</v>
      </c>
      <c r="E118579" s="15">
        <v>45695</v>
      </c>
      <c r="F118579" s="14" t="s">
        <v>15</v>
      </c>
      <c r="G118579" s="16">
        <v>0.57333954893002625</v>
      </c>
    </row>
    <row r="118580" spans="1:7" x14ac:dyDescent="0.3">
      <c r="A118580" s="13" t="s">
        <v>559</v>
      </c>
      <c r="B118580" s="14" t="s">
        <v>1</v>
      </c>
      <c r="C118580" s="14" t="s">
        <v>558</v>
      </c>
      <c r="D118580" s="14" t="s">
        <v>122</v>
      </c>
      <c r="E118580" s="15">
        <v>45696</v>
      </c>
      <c r="F118580" s="14" t="s">
        <v>15</v>
      </c>
      <c r="G118580" s="16">
        <v>0.57333954893002625</v>
      </c>
    </row>
    <row r="118581" spans="1:7" x14ac:dyDescent="0.3">
      <c r="A118581" s="13" t="s">
        <v>559</v>
      </c>
      <c r="B118581" s="14" t="s">
        <v>1</v>
      </c>
      <c r="C118581" s="14" t="s">
        <v>558</v>
      </c>
      <c r="D118581" s="14" t="s">
        <v>122</v>
      </c>
      <c r="E118581" s="15">
        <v>45697</v>
      </c>
      <c r="F118581" s="14" t="s">
        <v>15</v>
      </c>
      <c r="G118581" s="16">
        <v>0.57333954893002625</v>
      </c>
    </row>
    <row r="118582" spans="1:7" x14ac:dyDescent="0.3">
      <c r="A118582" s="13" t="s">
        <v>559</v>
      </c>
      <c r="B118582" s="14" t="s">
        <v>1</v>
      </c>
      <c r="C118582" s="14" t="s">
        <v>558</v>
      </c>
      <c r="D118582" s="14" t="s">
        <v>122</v>
      </c>
      <c r="E118582" s="15">
        <v>45698</v>
      </c>
      <c r="F118582" s="14" t="s">
        <v>15</v>
      </c>
      <c r="G118582" s="16">
        <v>0.57061767977141808</v>
      </c>
    </row>
    <row r="118583" spans="1:7" x14ac:dyDescent="0.3">
      <c r="A118583" s="13" t="s">
        <v>559</v>
      </c>
      <c r="B118583" s="14" t="s">
        <v>1</v>
      </c>
      <c r="C118583" s="14" t="s">
        <v>558</v>
      </c>
      <c r="D118583" s="14" t="s">
        <v>122</v>
      </c>
      <c r="E118583" s="15">
        <v>45699</v>
      </c>
      <c r="F118583" s="14" t="s">
        <v>15</v>
      </c>
      <c r="G118583" s="16">
        <v>0.56246723918423847</v>
      </c>
    </row>
    <row r="118584" spans="1:7" x14ac:dyDescent="0.3">
      <c r="A118584" s="13" t="s">
        <v>559</v>
      </c>
      <c r="B118584" s="14" t="s">
        <v>1</v>
      </c>
      <c r="C118584" s="14" t="s">
        <v>558</v>
      </c>
      <c r="D118584" s="14" t="s">
        <v>122</v>
      </c>
      <c r="E118584" s="15">
        <v>45700</v>
      </c>
      <c r="F118584" s="14" t="s">
        <v>15</v>
      </c>
      <c r="G118584" s="16">
        <v>0.56000100912337458</v>
      </c>
    </row>
    <row r="118585" spans="1:7" x14ac:dyDescent="0.3">
      <c r="A118585" s="13" t="s">
        <v>559</v>
      </c>
      <c r="B118585" s="14" t="s">
        <v>1</v>
      </c>
      <c r="C118585" s="14" t="s">
        <v>558</v>
      </c>
      <c r="D118585" s="14" t="s">
        <v>122</v>
      </c>
      <c r="E118585" s="15">
        <v>45701</v>
      </c>
      <c r="F118585" s="14" t="s">
        <v>15</v>
      </c>
      <c r="G118585" s="16">
        <v>0.55733929034070628</v>
      </c>
    </row>
    <row r="118586" spans="1:7" x14ac:dyDescent="0.3">
      <c r="A118586" s="13" t="s">
        <v>559</v>
      </c>
      <c r="B118586" s="14" t="s">
        <v>1</v>
      </c>
      <c r="C118586" s="14" t="s">
        <v>558</v>
      </c>
      <c r="D118586" s="14" t="s">
        <v>122</v>
      </c>
      <c r="E118586" s="15">
        <v>45702</v>
      </c>
      <c r="F118586" s="14" t="s">
        <v>15</v>
      </c>
      <c r="G118586" s="16">
        <v>0.55472268433999283</v>
      </c>
    </row>
    <row r="118587" spans="1:7" x14ac:dyDescent="0.3">
      <c r="A118587" s="13" t="s">
        <v>559</v>
      </c>
      <c r="B118587" s="14" t="s">
        <v>1</v>
      </c>
      <c r="C118587" s="14" t="s">
        <v>558</v>
      </c>
      <c r="D118587" s="14" t="s">
        <v>122</v>
      </c>
      <c r="E118587" s="15">
        <v>45703</v>
      </c>
      <c r="F118587" s="14" t="s">
        <v>15</v>
      </c>
      <c r="G118587" s="16">
        <v>0.55472268433999283</v>
      </c>
    </row>
    <row r="118588" spans="1:7" x14ac:dyDescent="0.3">
      <c r="A118588" s="13" t="s">
        <v>559</v>
      </c>
      <c r="B118588" s="14" t="s">
        <v>1</v>
      </c>
      <c r="C118588" s="14" t="s">
        <v>558</v>
      </c>
      <c r="D118588" s="14" t="s">
        <v>122</v>
      </c>
      <c r="E118588" s="15">
        <v>45704</v>
      </c>
      <c r="F118588" s="14" t="s">
        <v>15</v>
      </c>
      <c r="G118588" s="16">
        <v>0.55472268433999283</v>
      </c>
    </row>
    <row r="118589" spans="1:7" x14ac:dyDescent="0.3">
      <c r="A118589" s="13" t="s">
        <v>559</v>
      </c>
      <c r="B118589" s="14" t="s">
        <v>1</v>
      </c>
      <c r="C118589" s="14" t="s">
        <v>558</v>
      </c>
      <c r="D118589" s="14" t="s">
        <v>122</v>
      </c>
      <c r="E118589" s="15">
        <v>45705</v>
      </c>
      <c r="F118589" s="14" t="s">
        <v>15</v>
      </c>
      <c r="G118589" s="16">
        <v>0.55458728134679813</v>
      </c>
    </row>
    <row r="118590" spans="1:7" x14ac:dyDescent="0.3">
      <c r="A118590" s="13" t="s">
        <v>559</v>
      </c>
      <c r="B118590" s="14" t="s">
        <v>1</v>
      </c>
      <c r="C118590" s="14" t="s">
        <v>558</v>
      </c>
      <c r="D118590" s="14" t="s">
        <v>122</v>
      </c>
      <c r="E118590" s="15">
        <v>45706</v>
      </c>
      <c r="F118590" s="14" t="s">
        <v>15</v>
      </c>
      <c r="G118590" s="16">
        <v>0.54646691594758845</v>
      </c>
    </row>
    <row r="118591" spans="1:7" x14ac:dyDescent="0.3">
      <c r="A118591" s="13" t="s">
        <v>559</v>
      </c>
      <c r="B118591" s="14" t="s">
        <v>1</v>
      </c>
      <c r="C118591" s="14" t="s">
        <v>558</v>
      </c>
      <c r="D118591" s="14" t="s">
        <v>122</v>
      </c>
      <c r="E118591" s="15">
        <v>45707</v>
      </c>
      <c r="F118591" s="14" t="s">
        <v>15</v>
      </c>
      <c r="G118591" s="16">
        <v>0.58530895656341642</v>
      </c>
    </row>
    <row r="118592" spans="1:7" x14ac:dyDescent="0.3">
      <c r="A118592" s="13" t="s">
        <v>559</v>
      </c>
      <c r="B118592" s="14" t="s">
        <v>1</v>
      </c>
      <c r="C118592" s="14" t="s">
        <v>558</v>
      </c>
      <c r="D118592" s="14" t="s">
        <v>122</v>
      </c>
      <c r="E118592" s="15">
        <v>45708</v>
      </c>
      <c r="F118592" s="14" t="s">
        <v>15</v>
      </c>
      <c r="G118592" s="16">
        <v>0.58266227537473292</v>
      </c>
    </row>
    <row r="118593" spans="1:7" x14ac:dyDescent="0.3">
      <c r="A118593" s="13" t="s">
        <v>559</v>
      </c>
      <c r="B118593" s="14" t="s">
        <v>1</v>
      </c>
      <c r="C118593" s="14" t="s">
        <v>558</v>
      </c>
      <c r="D118593" s="14" t="s">
        <v>122</v>
      </c>
      <c r="E118593" s="15">
        <v>45709</v>
      </c>
      <c r="F118593" s="14" t="s">
        <v>15</v>
      </c>
      <c r="G118593" s="16">
        <v>0.58182010546424501</v>
      </c>
    </row>
    <row r="118594" spans="1:7" x14ac:dyDescent="0.3">
      <c r="A118594" s="13" t="s">
        <v>559</v>
      </c>
      <c r="B118594" s="14" t="s">
        <v>1</v>
      </c>
      <c r="C118594" s="14" t="s">
        <v>558</v>
      </c>
      <c r="D118594" s="14" t="s">
        <v>122</v>
      </c>
      <c r="E118594" s="15">
        <v>45710</v>
      </c>
      <c r="F118594" s="14" t="s">
        <v>15</v>
      </c>
      <c r="G118594" s="16">
        <v>0.58182010546424501</v>
      </c>
    </row>
    <row r="118595" spans="1:7" x14ac:dyDescent="0.3">
      <c r="A118595" s="13" t="s">
        <v>559</v>
      </c>
      <c r="B118595" s="14" t="s">
        <v>1</v>
      </c>
      <c r="C118595" s="14" t="s">
        <v>558</v>
      </c>
      <c r="D118595" s="14" t="s">
        <v>122</v>
      </c>
      <c r="E118595" s="15">
        <v>45711</v>
      </c>
      <c r="F118595" s="14" t="s">
        <v>15</v>
      </c>
      <c r="G118595" s="16">
        <v>0.58182010546424501</v>
      </c>
    </row>
    <row r="118596" spans="1:7" x14ac:dyDescent="0.3">
      <c r="A118596" s="13" t="s">
        <v>559</v>
      </c>
      <c r="B118596" s="14" t="s">
        <v>1</v>
      </c>
      <c r="C118596" s="14" t="s">
        <v>558</v>
      </c>
      <c r="D118596" s="14" t="s">
        <v>122</v>
      </c>
      <c r="E118596" s="15">
        <v>45712</v>
      </c>
      <c r="F118596" s="14" t="s">
        <v>15</v>
      </c>
      <c r="G118596" s="16">
        <v>0.57905312352368199</v>
      </c>
    </row>
    <row r="118597" spans="1:7" x14ac:dyDescent="0.3">
      <c r="A118597" s="13" t="s">
        <v>559</v>
      </c>
      <c r="B118597" s="14" t="s">
        <v>1</v>
      </c>
      <c r="C118597" s="14" t="s">
        <v>558</v>
      </c>
      <c r="D118597" s="14" t="s">
        <v>122</v>
      </c>
      <c r="E118597" s="15">
        <v>45713</v>
      </c>
      <c r="F118597" s="14" t="s">
        <v>15</v>
      </c>
      <c r="G118597" s="16">
        <v>0.57087260774853243</v>
      </c>
    </row>
    <row r="118598" spans="1:7" x14ac:dyDescent="0.3">
      <c r="A118598" s="13" t="s">
        <v>559</v>
      </c>
      <c r="B118598" s="14" t="s">
        <v>1</v>
      </c>
      <c r="C118598" s="14" t="s">
        <v>558</v>
      </c>
      <c r="D118598" s="14" t="s">
        <v>122</v>
      </c>
      <c r="E118598" s="15">
        <v>45714</v>
      </c>
      <c r="F118598" s="14" t="s">
        <v>15</v>
      </c>
      <c r="G118598" s="16">
        <v>0.56812066340195422</v>
      </c>
    </row>
    <row r="118599" spans="1:7" x14ac:dyDescent="0.3">
      <c r="A118599" s="13" t="s">
        <v>559</v>
      </c>
      <c r="B118599" s="14" t="s">
        <v>1</v>
      </c>
      <c r="C118599" s="14" t="s">
        <v>558</v>
      </c>
      <c r="D118599" s="14" t="s">
        <v>122</v>
      </c>
      <c r="E118599" s="15">
        <v>45715</v>
      </c>
      <c r="F118599" s="14" t="s">
        <v>15</v>
      </c>
      <c r="G118599" s="16">
        <v>0.56470706492003775</v>
      </c>
    </row>
    <row r="118600" spans="1:7" x14ac:dyDescent="0.3">
      <c r="A118600" s="13" t="s">
        <v>559</v>
      </c>
      <c r="B118600" s="14" t="s">
        <v>1</v>
      </c>
      <c r="C118600" s="14" t="s">
        <v>558</v>
      </c>
      <c r="D118600" s="14" t="s">
        <v>122</v>
      </c>
      <c r="E118600" s="15">
        <v>45716</v>
      </c>
      <c r="F118600" s="14" t="s">
        <v>15</v>
      </c>
      <c r="G118600" s="16">
        <v>0.60078218824263263</v>
      </c>
    </row>
    <row r="118601" spans="1:7" x14ac:dyDescent="0.3">
      <c r="A118601" s="13" t="s">
        <v>559</v>
      </c>
      <c r="B118601" s="14" t="s">
        <v>1</v>
      </c>
      <c r="C118601" s="14" t="s">
        <v>558</v>
      </c>
      <c r="D118601" s="14" t="s">
        <v>122</v>
      </c>
      <c r="E118601" s="15">
        <v>45717</v>
      </c>
      <c r="F118601" s="14" t="s">
        <v>15</v>
      </c>
      <c r="G118601" s="16">
        <v>0.60078218824263263</v>
      </c>
    </row>
    <row r="118602" spans="1:7" x14ac:dyDescent="0.3">
      <c r="A118602" s="13" t="s">
        <v>559</v>
      </c>
      <c r="B118602" s="14" t="s">
        <v>1</v>
      </c>
      <c r="C118602" s="14" t="s">
        <v>558</v>
      </c>
      <c r="D118602" s="14" t="s">
        <v>122</v>
      </c>
      <c r="E118602" s="15">
        <v>45718</v>
      </c>
      <c r="F118602" s="14" t="s">
        <v>15</v>
      </c>
      <c r="G118602" s="16">
        <v>0.60078218824263263</v>
      </c>
    </row>
    <row r="118603" spans="1:7" x14ac:dyDescent="0.3">
      <c r="A118603" s="13" t="s">
        <v>559</v>
      </c>
      <c r="B118603" s="14" t="s">
        <v>1</v>
      </c>
      <c r="C118603" s="14" t="s">
        <v>558</v>
      </c>
      <c r="D118603" s="14" t="s">
        <v>122</v>
      </c>
      <c r="E118603" s="15">
        <v>45719</v>
      </c>
      <c r="F118603" s="14" t="s">
        <v>15</v>
      </c>
      <c r="G118603" s="16">
        <v>0.60335355216673114</v>
      </c>
    </row>
    <row r="118604" spans="1:7" x14ac:dyDescent="0.3">
      <c r="A118604" s="13" t="s">
        <v>559</v>
      </c>
      <c r="B118604" s="14" t="s">
        <v>1</v>
      </c>
      <c r="C118604" s="14" t="s">
        <v>558</v>
      </c>
      <c r="D118604" s="14" t="s">
        <v>122</v>
      </c>
      <c r="E118604" s="15">
        <v>45720</v>
      </c>
      <c r="F118604" s="14" t="s">
        <v>15</v>
      </c>
      <c r="G118604" s="16">
        <v>0.59600010406075454</v>
      </c>
    </row>
    <row r="118605" spans="1:7" x14ac:dyDescent="0.3">
      <c r="A118605" s="13" t="s">
        <v>559</v>
      </c>
      <c r="B118605" s="14" t="s">
        <v>1</v>
      </c>
      <c r="C118605" s="14" t="s">
        <v>558</v>
      </c>
      <c r="D118605" s="14" t="s">
        <v>122</v>
      </c>
      <c r="E118605" s="15">
        <v>45721</v>
      </c>
      <c r="F118605" s="14" t="s">
        <v>15</v>
      </c>
      <c r="G118605" s="16">
        <v>0.59315793415026663</v>
      </c>
    </row>
    <row r="118606" spans="1:7" x14ac:dyDescent="0.3">
      <c r="A118606" s="13" t="s">
        <v>559</v>
      </c>
      <c r="B118606" s="14" t="s">
        <v>1</v>
      </c>
      <c r="C118606" s="14" t="s">
        <v>558</v>
      </c>
      <c r="D118606" s="14" t="s">
        <v>122</v>
      </c>
      <c r="E118606" s="15">
        <v>45722</v>
      </c>
      <c r="F118606" s="14" t="s">
        <v>15</v>
      </c>
      <c r="G118606" s="16">
        <v>0.60787967401421483</v>
      </c>
    </row>
    <row r="118607" spans="1:7" x14ac:dyDescent="0.3">
      <c r="A118607" s="13" t="s">
        <v>559</v>
      </c>
      <c r="B118607" s="14" t="s">
        <v>1</v>
      </c>
      <c r="C118607" s="14" t="s">
        <v>558</v>
      </c>
      <c r="D118607" s="14" t="s">
        <v>122</v>
      </c>
      <c r="E118607" s="15">
        <v>45723</v>
      </c>
      <c r="F118607" s="14" t="s">
        <v>15</v>
      </c>
      <c r="G118607" s="16">
        <v>0.60602998530673446</v>
      </c>
    </row>
    <row r="118608" spans="1:7" x14ac:dyDescent="0.3">
      <c r="A118608" s="13" t="s">
        <v>559</v>
      </c>
      <c r="B118608" s="14" t="s">
        <v>1</v>
      </c>
      <c r="C118608" s="14" t="s">
        <v>558</v>
      </c>
      <c r="D118608" s="14" t="s">
        <v>122</v>
      </c>
      <c r="E118608" s="15">
        <v>45724</v>
      </c>
      <c r="F118608" s="14" t="s">
        <v>15</v>
      </c>
      <c r="G118608" s="16">
        <v>0.60602998530673446</v>
      </c>
    </row>
    <row r="118609" spans="1:7" x14ac:dyDescent="0.3">
      <c r="A118609" s="13" t="s">
        <v>559</v>
      </c>
      <c r="B118609" s="14" t="s">
        <v>1</v>
      </c>
      <c r="C118609" s="14" t="s">
        <v>558</v>
      </c>
      <c r="D118609" s="14" t="s">
        <v>122</v>
      </c>
      <c r="E118609" s="15">
        <v>45725</v>
      </c>
      <c r="F118609" s="14" t="s">
        <v>15</v>
      </c>
      <c r="G118609" s="16">
        <v>0.60602998530673446</v>
      </c>
    </row>
    <row r="118610" spans="1:7" x14ac:dyDescent="0.3">
      <c r="A118610" s="13" t="s">
        <v>559</v>
      </c>
      <c r="B118610" s="14" t="s">
        <v>1</v>
      </c>
      <c r="C118610" s="14" t="s">
        <v>558</v>
      </c>
      <c r="D118610" s="14" t="s">
        <v>122</v>
      </c>
      <c r="E118610" s="15">
        <v>45726</v>
      </c>
      <c r="F118610" s="14" t="s">
        <v>15</v>
      </c>
      <c r="G118610" s="16">
        <v>0.60323292817820151</v>
      </c>
    </row>
    <row r="118611" spans="1:7" x14ac:dyDescent="0.3">
      <c r="A118611" s="13" t="s">
        <v>559</v>
      </c>
      <c r="B118611" s="14" t="s">
        <v>1</v>
      </c>
      <c r="C118611" s="14" t="s">
        <v>558</v>
      </c>
      <c r="D118611" s="14" t="s">
        <v>122</v>
      </c>
      <c r="E118611" s="15">
        <v>45727</v>
      </c>
      <c r="F118611" s="14" t="s">
        <v>15</v>
      </c>
      <c r="G118611" s="16">
        <v>0.59481181089929258</v>
      </c>
    </row>
    <row r="118612" spans="1:7" x14ac:dyDescent="0.3">
      <c r="A118612" s="13" t="s">
        <v>559</v>
      </c>
      <c r="B118612" s="14" t="s">
        <v>1</v>
      </c>
      <c r="C118612" s="14" t="s">
        <v>558</v>
      </c>
      <c r="D118612" s="14" t="s">
        <v>122</v>
      </c>
      <c r="E118612" s="15">
        <v>45728</v>
      </c>
      <c r="F118612" s="14" t="s">
        <v>15</v>
      </c>
      <c r="G118612" s="16">
        <v>0.59461625753015812</v>
      </c>
    </row>
    <row r="118613" spans="1:7" x14ac:dyDescent="0.3">
      <c r="A118613" s="13" t="s">
        <v>559</v>
      </c>
      <c r="B118613" s="14" t="s">
        <v>1</v>
      </c>
      <c r="C118613" s="14" t="s">
        <v>558</v>
      </c>
      <c r="D118613" s="14" t="s">
        <v>122</v>
      </c>
      <c r="E118613" s="15">
        <v>45729</v>
      </c>
      <c r="F118613" s="14" t="s">
        <v>15</v>
      </c>
      <c r="G118613" s="16">
        <v>0.60962371167982055</v>
      </c>
    </row>
    <row r="118614" spans="1:7" x14ac:dyDescent="0.3">
      <c r="A118614" s="13" t="s">
        <v>559</v>
      </c>
      <c r="B118614" s="14" t="s">
        <v>1</v>
      </c>
      <c r="C118614" s="14" t="s">
        <v>558</v>
      </c>
      <c r="D118614" s="14" t="s">
        <v>122</v>
      </c>
      <c r="E118614" s="15">
        <v>45730</v>
      </c>
      <c r="F118614" s="14" t="s">
        <v>15</v>
      </c>
      <c r="G118614" s="16">
        <v>0.61085672973925742</v>
      </c>
    </row>
    <row r="118615" spans="1:7" x14ac:dyDescent="0.3">
      <c r="A118615" s="13" t="s">
        <v>559</v>
      </c>
      <c r="B118615" s="14" t="s">
        <v>1</v>
      </c>
      <c r="C118615" s="14" t="s">
        <v>558</v>
      </c>
      <c r="D118615" s="14" t="s">
        <v>122</v>
      </c>
      <c r="E118615" s="15">
        <v>45731</v>
      </c>
      <c r="F118615" s="14" t="s">
        <v>15</v>
      </c>
      <c r="G118615" s="16">
        <v>0.61085672973925742</v>
      </c>
    </row>
    <row r="118616" spans="1:7" x14ac:dyDescent="0.3">
      <c r="A118616" s="13" t="s">
        <v>559</v>
      </c>
      <c r="B118616" s="14" t="s">
        <v>1</v>
      </c>
      <c r="C118616" s="14" t="s">
        <v>558</v>
      </c>
      <c r="D118616" s="14" t="s">
        <v>122</v>
      </c>
      <c r="E118616" s="15">
        <v>45732</v>
      </c>
      <c r="F118616" s="14" t="s">
        <v>15</v>
      </c>
      <c r="G118616" s="16">
        <v>0.61085672973925742</v>
      </c>
    </row>
    <row r="118617" spans="1:7" x14ac:dyDescent="0.3">
      <c r="A118617" s="13" t="s">
        <v>559</v>
      </c>
      <c r="B118617" s="14" t="s">
        <v>1</v>
      </c>
      <c r="C118617" s="14" t="s">
        <v>558</v>
      </c>
      <c r="D118617" s="14" t="s">
        <v>122</v>
      </c>
      <c r="E118617" s="15">
        <v>45733</v>
      </c>
      <c r="F118617" s="14" t="s">
        <v>15</v>
      </c>
      <c r="G118617" s="16">
        <v>0.61085672973925742</v>
      </c>
    </row>
    <row r="118618" spans="1:7" x14ac:dyDescent="0.3">
      <c r="A118618" s="13" t="s">
        <v>559</v>
      </c>
      <c r="B118618" s="14" t="s">
        <v>1</v>
      </c>
      <c r="C118618" s="14" t="s">
        <v>558</v>
      </c>
      <c r="D118618" s="14" t="s">
        <v>122</v>
      </c>
      <c r="E118618" s="15">
        <v>45734</v>
      </c>
      <c r="F118618" s="14" t="s">
        <v>15</v>
      </c>
      <c r="G118618" s="16">
        <v>0.61333786809944624</v>
      </c>
    </row>
    <row r="118619" spans="1:7" x14ac:dyDescent="0.3">
      <c r="A118619" s="13" t="s">
        <v>559</v>
      </c>
      <c r="B118619" s="14" t="s">
        <v>1</v>
      </c>
      <c r="C118619" s="14" t="s">
        <v>558</v>
      </c>
      <c r="D118619" s="14" t="s">
        <v>122</v>
      </c>
      <c r="E118619" s="15">
        <v>45735</v>
      </c>
      <c r="F118619" s="14" t="s">
        <v>15</v>
      </c>
      <c r="G118619" s="16">
        <v>0.67195434480549976</v>
      </c>
    </row>
    <row r="118620" spans="1:7" x14ac:dyDescent="0.3">
      <c r="A118620" s="13" t="s">
        <v>559</v>
      </c>
      <c r="B118620" s="14" t="s">
        <v>1</v>
      </c>
      <c r="C118620" s="14" t="s">
        <v>558</v>
      </c>
      <c r="D118620" s="14" t="s">
        <v>122</v>
      </c>
      <c r="E118620" s="15">
        <v>45736</v>
      </c>
      <c r="F118620" s="14" t="s">
        <v>15</v>
      </c>
      <c r="G118620" s="16">
        <v>0.6689918741431321</v>
      </c>
    </row>
    <row r="118621" spans="1:7" x14ac:dyDescent="0.3">
      <c r="A118621" s="13" t="s">
        <v>559</v>
      </c>
      <c r="B118621" s="14" t="s">
        <v>1</v>
      </c>
      <c r="C118621" s="14" t="s">
        <v>558</v>
      </c>
      <c r="D118621" s="14" t="s">
        <v>122</v>
      </c>
      <c r="E118621" s="15">
        <v>45737</v>
      </c>
      <c r="F118621" s="14" t="s">
        <v>15</v>
      </c>
      <c r="G118621" s="16">
        <v>0.67863090724016306</v>
      </c>
    </row>
    <row r="118622" spans="1:7" x14ac:dyDescent="0.3">
      <c r="A118622" s="13" t="s">
        <v>559</v>
      </c>
      <c r="B118622" s="14" t="s">
        <v>1</v>
      </c>
      <c r="C118622" s="14" t="s">
        <v>558</v>
      </c>
      <c r="D118622" s="14" t="s">
        <v>122</v>
      </c>
      <c r="E118622" s="15">
        <v>45738</v>
      </c>
      <c r="F118622" s="14" t="s">
        <v>15</v>
      </c>
      <c r="G118622" s="16">
        <v>0.67863090724016306</v>
      </c>
    </row>
    <row r="118623" spans="1:7" x14ac:dyDescent="0.3">
      <c r="A118623" s="13" t="s">
        <v>559</v>
      </c>
      <c r="B118623" s="14" t="s">
        <v>1</v>
      </c>
      <c r="C118623" s="14" t="s">
        <v>558</v>
      </c>
      <c r="D118623" s="14" t="s">
        <v>122</v>
      </c>
      <c r="E118623" s="15">
        <v>45739</v>
      </c>
      <c r="F118623" s="14" t="s">
        <v>15</v>
      </c>
      <c r="G118623" s="16">
        <v>0.67863090724016306</v>
      </c>
    </row>
    <row r="118624" spans="1:7" x14ac:dyDescent="0.3">
      <c r="A118624" s="13" t="s">
        <v>559</v>
      </c>
      <c r="B118624" s="14" t="s">
        <v>1</v>
      </c>
      <c r="C118624" s="14" t="s">
        <v>558</v>
      </c>
      <c r="D118624" s="14" t="s">
        <v>122</v>
      </c>
      <c r="E118624" s="15">
        <v>45740</v>
      </c>
      <c r="F118624" s="14" t="s">
        <v>15</v>
      </c>
      <c r="G118624" s="16">
        <v>0.69673610575072775</v>
      </c>
    </row>
    <row r="118625" spans="1:7" x14ac:dyDescent="0.3">
      <c r="A118625" s="13" t="s">
        <v>559</v>
      </c>
      <c r="B118625" s="14" t="s">
        <v>1</v>
      </c>
      <c r="C118625" s="14" t="s">
        <v>558</v>
      </c>
      <c r="D118625" s="14" t="s">
        <v>122</v>
      </c>
      <c r="E118625" s="15">
        <v>45741</v>
      </c>
      <c r="F118625" s="14" t="s">
        <v>15</v>
      </c>
      <c r="G118625" s="16">
        <v>0.68816461253196926</v>
      </c>
    </row>
    <row r="118626" spans="1:7" x14ac:dyDescent="0.3">
      <c r="A118626" s="13" t="s">
        <v>559</v>
      </c>
      <c r="B118626" s="14" t="s">
        <v>1</v>
      </c>
      <c r="C118626" s="14" t="s">
        <v>558</v>
      </c>
      <c r="D118626" s="14" t="s">
        <v>122</v>
      </c>
      <c r="E118626" s="15">
        <v>45742</v>
      </c>
      <c r="F118626" s="14" t="s">
        <v>15</v>
      </c>
      <c r="G118626" s="16">
        <v>0.68529236743351141</v>
      </c>
    </row>
    <row r="118627" spans="1:7" x14ac:dyDescent="0.3">
      <c r="A118627" s="13" t="s">
        <v>559</v>
      </c>
      <c r="B118627" s="14" t="s">
        <v>1</v>
      </c>
      <c r="C118627" s="14" t="s">
        <v>558</v>
      </c>
      <c r="D118627" s="14" t="s">
        <v>122</v>
      </c>
      <c r="E118627" s="15">
        <v>45743</v>
      </c>
      <c r="F118627" s="14" t="s">
        <v>15</v>
      </c>
      <c r="G118627" s="16">
        <v>0.68873591180873783</v>
      </c>
    </row>
    <row r="118628" spans="1:7" x14ac:dyDescent="0.3">
      <c r="A118628" s="13" t="s">
        <v>559</v>
      </c>
      <c r="B118628" s="14" t="s">
        <v>1</v>
      </c>
      <c r="C118628" s="14" t="s">
        <v>558</v>
      </c>
      <c r="D118628" s="14" t="s">
        <v>122</v>
      </c>
      <c r="E118628" s="15">
        <v>45744</v>
      </c>
      <c r="F118628" s="14" t="s">
        <v>15</v>
      </c>
      <c r="G118628" s="16">
        <v>0.68589374189824992</v>
      </c>
    </row>
    <row r="118629" spans="1:7" x14ac:dyDescent="0.3">
      <c r="A118629" s="13" t="s">
        <v>559</v>
      </c>
      <c r="B118629" s="14" t="s">
        <v>1</v>
      </c>
      <c r="C118629" s="14" t="s">
        <v>558</v>
      </c>
      <c r="D118629" s="14" t="s">
        <v>122</v>
      </c>
      <c r="E118629" s="15">
        <v>45745</v>
      </c>
      <c r="F118629" s="14" t="s">
        <v>15</v>
      </c>
      <c r="G118629" s="16">
        <v>0.68589374189824992</v>
      </c>
    </row>
    <row r="118630" spans="1:7" x14ac:dyDescent="0.3">
      <c r="A118630" s="13" t="s">
        <v>559</v>
      </c>
      <c r="B118630" s="14" t="s">
        <v>1</v>
      </c>
      <c r="C118630" s="14" t="s">
        <v>558</v>
      </c>
      <c r="D118630" s="14" t="s">
        <v>122</v>
      </c>
      <c r="E118630" s="15">
        <v>45746</v>
      </c>
      <c r="F118630" s="14" t="s">
        <v>15</v>
      </c>
      <c r="G118630" s="16">
        <v>0.68589374189824992</v>
      </c>
    </row>
    <row r="118631" spans="1:7" x14ac:dyDescent="0.3">
      <c r="A118631" s="13" t="s">
        <v>559</v>
      </c>
      <c r="B118631" s="14" t="s">
        <v>1</v>
      </c>
      <c r="C118631" s="14" t="s">
        <v>558</v>
      </c>
      <c r="D118631" s="14" t="s">
        <v>122</v>
      </c>
      <c r="E118631" s="15">
        <v>45747</v>
      </c>
      <c r="F118631" s="14" t="s">
        <v>15</v>
      </c>
      <c r="G118631" s="16">
        <v>0.70655533138625826</v>
      </c>
    </row>
    <row r="118632" spans="1:7" x14ac:dyDescent="0.3">
      <c r="A118632" s="13" t="s">
        <v>560</v>
      </c>
      <c r="B118632" s="14" t="s">
        <v>1</v>
      </c>
      <c r="C118632" s="14" t="s">
        <v>558</v>
      </c>
      <c r="D118632" s="14" t="s">
        <v>193</v>
      </c>
      <c r="E118632" s="15">
        <v>45383</v>
      </c>
      <c r="F118632" s="14" t="s">
        <v>15</v>
      </c>
      <c r="G118632" s="16">
        <v>0</v>
      </c>
    </row>
    <row r="118633" spans="1:7" x14ac:dyDescent="0.3">
      <c r="A118633" s="13" t="s">
        <v>560</v>
      </c>
      <c r="B118633" s="14" t="s">
        <v>1</v>
      </c>
      <c r="C118633" s="14" t="s">
        <v>558</v>
      </c>
      <c r="D118633" s="14" t="s">
        <v>193</v>
      </c>
      <c r="E118633" s="15">
        <v>45384</v>
      </c>
      <c r="F118633" s="14" t="s">
        <v>15</v>
      </c>
      <c r="G118633" s="16">
        <v>0</v>
      </c>
    </row>
    <row r="118634" spans="1:7" x14ac:dyDescent="0.3">
      <c r="A118634" s="13" t="s">
        <v>560</v>
      </c>
      <c r="B118634" s="14" t="s">
        <v>1</v>
      </c>
      <c r="C118634" s="14" t="s">
        <v>558</v>
      </c>
      <c r="D118634" s="14" t="s">
        <v>193</v>
      </c>
      <c r="E118634" s="15">
        <v>45385</v>
      </c>
      <c r="F118634" s="14" t="s">
        <v>15</v>
      </c>
      <c r="G118634" s="16">
        <v>0</v>
      </c>
    </row>
    <row r="118635" spans="1:7" x14ac:dyDescent="0.3">
      <c r="A118635" s="13" t="s">
        <v>560</v>
      </c>
      <c r="B118635" s="14" t="s">
        <v>1</v>
      </c>
      <c r="C118635" s="14" t="s">
        <v>558</v>
      </c>
      <c r="D118635" s="14" t="s">
        <v>193</v>
      </c>
      <c r="E118635" s="15">
        <v>45386</v>
      </c>
      <c r="F118635" s="14" t="s">
        <v>15</v>
      </c>
      <c r="G118635" s="16">
        <v>0</v>
      </c>
    </row>
    <row r="118636" spans="1:7" x14ac:dyDescent="0.3">
      <c r="A118636" s="13" t="s">
        <v>560</v>
      </c>
      <c r="B118636" s="14" t="s">
        <v>1</v>
      </c>
      <c r="C118636" s="14" t="s">
        <v>558</v>
      </c>
      <c r="D118636" s="14" t="s">
        <v>193</v>
      </c>
      <c r="E118636" s="15">
        <v>45387</v>
      </c>
      <c r="F118636" s="14" t="s">
        <v>15</v>
      </c>
      <c r="G118636" s="16">
        <v>0</v>
      </c>
    </row>
    <row r="118637" spans="1:7" x14ac:dyDescent="0.3">
      <c r="A118637" s="13" t="s">
        <v>560</v>
      </c>
      <c r="B118637" s="14" t="s">
        <v>1</v>
      </c>
      <c r="C118637" s="14" t="s">
        <v>558</v>
      </c>
      <c r="D118637" s="14" t="s">
        <v>193</v>
      </c>
      <c r="E118637" s="15">
        <v>45388</v>
      </c>
      <c r="F118637" s="14" t="s">
        <v>15</v>
      </c>
      <c r="G118637" s="16">
        <v>0</v>
      </c>
    </row>
    <row r="118638" spans="1:7" x14ac:dyDescent="0.3">
      <c r="A118638" s="13" t="s">
        <v>560</v>
      </c>
      <c r="B118638" s="14" t="s">
        <v>1</v>
      </c>
      <c r="C118638" s="14" t="s">
        <v>558</v>
      </c>
      <c r="D118638" s="14" t="s">
        <v>193</v>
      </c>
      <c r="E118638" s="15">
        <v>45389</v>
      </c>
      <c r="F118638" s="14" t="s">
        <v>15</v>
      </c>
      <c r="G118638" s="16">
        <v>0</v>
      </c>
    </row>
    <row r="118639" spans="1:7" x14ac:dyDescent="0.3">
      <c r="A118639" s="13" t="s">
        <v>560</v>
      </c>
      <c r="B118639" s="14" t="s">
        <v>1</v>
      </c>
      <c r="C118639" s="14" t="s">
        <v>558</v>
      </c>
      <c r="D118639" s="14" t="s">
        <v>193</v>
      </c>
      <c r="E118639" s="15">
        <v>45390</v>
      </c>
      <c r="F118639" s="14" t="s">
        <v>15</v>
      </c>
      <c r="G118639" s="16">
        <v>0</v>
      </c>
    </row>
    <row r="118640" spans="1:7" x14ac:dyDescent="0.3">
      <c r="A118640" s="13" t="s">
        <v>560</v>
      </c>
      <c r="B118640" s="14" t="s">
        <v>1</v>
      </c>
      <c r="C118640" s="14" t="s">
        <v>558</v>
      </c>
      <c r="D118640" s="14" t="s">
        <v>193</v>
      </c>
      <c r="E118640" s="15">
        <v>45391</v>
      </c>
      <c r="F118640" s="14" t="s">
        <v>15</v>
      </c>
      <c r="G118640" s="16">
        <v>1.750895761070671E-3</v>
      </c>
    </row>
    <row r="118641" spans="1:7" x14ac:dyDescent="0.3">
      <c r="A118641" s="13" t="s">
        <v>560</v>
      </c>
      <c r="B118641" s="14" t="s">
        <v>1</v>
      </c>
      <c r="C118641" s="14" t="s">
        <v>558</v>
      </c>
      <c r="D118641" s="14" t="s">
        <v>193</v>
      </c>
      <c r="E118641" s="15">
        <v>45392</v>
      </c>
      <c r="F118641" s="14" t="s">
        <v>15</v>
      </c>
      <c r="G118641" s="16">
        <v>1.8971223976044706E-2</v>
      </c>
    </row>
    <row r="118642" spans="1:7" x14ac:dyDescent="0.3">
      <c r="A118642" s="13" t="s">
        <v>560</v>
      </c>
      <c r="B118642" s="14" t="s">
        <v>1</v>
      </c>
      <c r="C118642" s="14" t="s">
        <v>558</v>
      </c>
      <c r="D118642" s="14" t="s">
        <v>193</v>
      </c>
      <c r="E118642" s="15">
        <v>45393</v>
      </c>
      <c r="F118642" s="14" t="s">
        <v>15</v>
      </c>
      <c r="G118642" s="16">
        <v>3.3594060028009333E-2</v>
      </c>
    </row>
    <row r="118643" spans="1:7" x14ac:dyDescent="0.3">
      <c r="A118643" s="13" t="s">
        <v>560</v>
      </c>
      <c r="B118643" s="14" t="s">
        <v>1</v>
      </c>
      <c r="C118643" s="14" t="s">
        <v>558</v>
      </c>
      <c r="D118643" s="14" t="s">
        <v>193</v>
      </c>
      <c r="E118643" s="15">
        <v>45394</v>
      </c>
      <c r="F118643" s="14" t="s">
        <v>15</v>
      </c>
      <c r="G118643" s="16">
        <v>3.1630689183422239E-2</v>
      </c>
    </row>
    <row r="118644" spans="1:7" x14ac:dyDescent="0.3">
      <c r="A118644" s="13" t="s">
        <v>560</v>
      </c>
      <c r="B118644" s="14" t="s">
        <v>1</v>
      </c>
      <c r="C118644" s="14" t="s">
        <v>558</v>
      </c>
      <c r="D118644" s="14" t="s">
        <v>193</v>
      </c>
      <c r="E118644" s="15">
        <v>45395</v>
      </c>
      <c r="F118644" s="14" t="s">
        <v>15</v>
      </c>
      <c r="G118644" s="16">
        <v>3.1630689183422239E-2</v>
      </c>
    </row>
    <row r="118645" spans="1:7" x14ac:dyDescent="0.3">
      <c r="A118645" s="13" t="s">
        <v>560</v>
      </c>
      <c r="B118645" s="14" t="s">
        <v>1</v>
      </c>
      <c r="C118645" s="14" t="s">
        <v>558</v>
      </c>
      <c r="D118645" s="14" t="s">
        <v>193</v>
      </c>
      <c r="E118645" s="15">
        <v>45396</v>
      </c>
      <c r="F118645" s="14" t="s">
        <v>15</v>
      </c>
      <c r="G118645" s="16">
        <v>3.1630689183422239E-2</v>
      </c>
    </row>
    <row r="118646" spans="1:7" x14ac:dyDescent="0.3">
      <c r="A118646" s="13" t="s">
        <v>560</v>
      </c>
      <c r="B118646" s="14" t="s">
        <v>1</v>
      </c>
      <c r="C118646" s="14" t="s">
        <v>558</v>
      </c>
      <c r="D118646" s="14" t="s">
        <v>193</v>
      </c>
      <c r="E118646" s="15">
        <v>45397</v>
      </c>
      <c r="F118646" s="14" t="s">
        <v>15</v>
      </c>
      <c r="G118646" s="16">
        <v>5.2772647492440164E-2</v>
      </c>
    </row>
    <row r="118647" spans="1:7" x14ac:dyDescent="0.3">
      <c r="A118647" s="13" t="s">
        <v>560</v>
      </c>
      <c r="B118647" s="14" t="s">
        <v>1</v>
      </c>
      <c r="C118647" s="14" t="s">
        <v>558</v>
      </c>
      <c r="D118647" s="14" t="s">
        <v>193</v>
      </c>
      <c r="E118647" s="15">
        <v>45398</v>
      </c>
      <c r="F118647" s="14" t="s">
        <v>15</v>
      </c>
      <c r="G118647" s="16">
        <v>4.7662568183903228E-2</v>
      </c>
    </row>
    <row r="118648" spans="1:7" x14ac:dyDescent="0.3">
      <c r="A118648" s="13" t="s">
        <v>560</v>
      </c>
      <c r="B118648" s="14" t="s">
        <v>1</v>
      </c>
      <c r="C118648" s="14" t="s">
        <v>558</v>
      </c>
      <c r="D118648" s="14" t="s">
        <v>193</v>
      </c>
      <c r="E118648" s="15">
        <v>45399</v>
      </c>
      <c r="F118648" s="14" t="s">
        <v>15</v>
      </c>
      <c r="G118648" s="16">
        <v>4.600954216690234E-2</v>
      </c>
    </row>
    <row r="118649" spans="1:7" x14ac:dyDescent="0.3">
      <c r="A118649" s="13" t="s">
        <v>560</v>
      </c>
      <c r="B118649" s="14" t="s">
        <v>1</v>
      </c>
      <c r="C118649" s="14" t="s">
        <v>558</v>
      </c>
      <c r="D118649" s="14" t="s">
        <v>193</v>
      </c>
      <c r="E118649" s="15">
        <v>45400</v>
      </c>
      <c r="F118649" s="14" t="s">
        <v>15</v>
      </c>
      <c r="G118649" s="16">
        <v>4.2624854707895184E-2</v>
      </c>
    </row>
    <row r="118650" spans="1:7" x14ac:dyDescent="0.3">
      <c r="A118650" s="13" t="s">
        <v>560</v>
      </c>
      <c r="B118650" s="14" t="s">
        <v>1</v>
      </c>
      <c r="C118650" s="14" t="s">
        <v>558</v>
      </c>
      <c r="D118650" s="14" t="s">
        <v>193</v>
      </c>
      <c r="E118650" s="15">
        <v>45401</v>
      </c>
      <c r="F118650" s="14" t="s">
        <v>15</v>
      </c>
      <c r="G118650" s="16">
        <v>4.1969320853903702E-2</v>
      </c>
    </row>
    <row r="118651" spans="1:7" x14ac:dyDescent="0.3">
      <c r="A118651" s="13" t="s">
        <v>560</v>
      </c>
      <c r="B118651" s="14" t="s">
        <v>1</v>
      </c>
      <c r="C118651" s="14" t="s">
        <v>558</v>
      </c>
      <c r="D118651" s="14" t="s">
        <v>193</v>
      </c>
      <c r="E118651" s="15">
        <v>45402</v>
      </c>
      <c r="F118651" s="14" t="s">
        <v>15</v>
      </c>
      <c r="G118651" s="16">
        <v>4.1969320853903702E-2</v>
      </c>
    </row>
    <row r="118652" spans="1:7" x14ac:dyDescent="0.3">
      <c r="A118652" s="13" t="s">
        <v>560</v>
      </c>
      <c r="B118652" s="14" t="s">
        <v>1</v>
      </c>
      <c r="C118652" s="14" t="s">
        <v>558</v>
      </c>
      <c r="D118652" s="14" t="s">
        <v>193</v>
      </c>
      <c r="E118652" s="15">
        <v>45403</v>
      </c>
      <c r="F118652" s="14" t="s">
        <v>15</v>
      </c>
      <c r="G118652" s="16">
        <v>4.1969320853903702E-2</v>
      </c>
    </row>
    <row r="118653" spans="1:7" x14ac:dyDescent="0.3">
      <c r="A118653" s="13" t="s">
        <v>560</v>
      </c>
      <c r="B118653" s="14" t="s">
        <v>1</v>
      </c>
      <c r="C118653" s="14" t="s">
        <v>558</v>
      </c>
      <c r="D118653" s="14" t="s">
        <v>193</v>
      </c>
      <c r="E118653" s="15">
        <v>45404</v>
      </c>
      <c r="F118653" s="14" t="s">
        <v>15</v>
      </c>
      <c r="G118653" s="16">
        <v>4.0036671012451404E-2</v>
      </c>
    </row>
    <row r="118654" spans="1:7" x14ac:dyDescent="0.3">
      <c r="A118654" s="13" t="s">
        <v>560</v>
      </c>
      <c r="B118654" s="14" t="s">
        <v>1</v>
      </c>
      <c r="C118654" s="14" t="s">
        <v>558</v>
      </c>
      <c r="D118654" s="14" t="s">
        <v>193</v>
      </c>
      <c r="E118654" s="15">
        <v>45405</v>
      </c>
      <c r="F118654" s="14" t="s">
        <v>15</v>
      </c>
      <c r="G118654" s="16">
        <v>4.1400572895137037E-2</v>
      </c>
    </row>
    <row r="118655" spans="1:7" x14ac:dyDescent="0.3">
      <c r="A118655" s="13" t="s">
        <v>560</v>
      </c>
      <c r="B118655" s="14" t="s">
        <v>1</v>
      </c>
      <c r="C118655" s="14" t="s">
        <v>558</v>
      </c>
      <c r="D118655" s="14" t="s">
        <v>193</v>
      </c>
      <c r="E118655" s="15">
        <v>45406</v>
      </c>
      <c r="F118655" s="14" t="s">
        <v>15</v>
      </c>
      <c r="G118655" s="16">
        <v>3.476259390007972E-2</v>
      </c>
    </row>
    <row r="118656" spans="1:7" x14ac:dyDescent="0.3">
      <c r="A118656" s="13" t="s">
        <v>560</v>
      </c>
      <c r="B118656" s="14" t="s">
        <v>1</v>
      </c>
      <c r="C118656" s="14" t="s">
        <v>558</v>
      </c>
      <c r="D118656" s="14" t="s">
        <v>193</v>
      </c>
      <c r="E118656" s="15">
        <v>45407</v>
      </c>
      <c r="F118656" s="14" t="s">
        <v>15</v>
      </c>
      <c r="G118656" s="16">
        <v>3.8828063180884484E-2</v>
      </c>
    </row>
    <row r="118657" spans="1:7" x14ac:dyDescent="0.3">
      <c r="A118657" s="13" t="s">
        <v>560</v>
      </c>
      <c r="B118657" s="14" t="s">
        <v>1</v>
      </c>
      <c r="C118657" s="14" t="s">
        <v>558</v>
      </c>
      <c r="D118657" s="14" t="s">
        <v>193</v>
      </c>
      <c r="E118657" s="15">
        <v>45408</v>
      </c>
      <c r="F118657" s="14" t="s">
        <v>15</v>
      </c>
      <c r="G118657" s="16">
        <v>5.1086008950717451E-2</v>
      </c>
    </row>
    <row r="118658" spans="1:7" x14ac:dyDescent="0.3">
      <c r="A118658" s="13" t="s">
        <v>560</v>
      </c>
      <c r="B118658" s="14" t="s">
        <v>1</v>
      </c>
      <c r="C118658" s="14" t="s">
        <v>558</v>
      </c>
      <c r="D118658" s="14" t="s">
        <v>193</v>
      </c>
      <c r="E118658" s="15">
        <v>45409</v>
      </c>
      <c r="F118658" s="14" t="s">
        <v>15</v>
      </c>
      <c r="G118658" s="16">
        <v>5.1086008950717451E-2</v>
      </c>
    </row>
    <row r="118659" spans="1:7" x14ac:dyDescent="0.3">
      <c r="A118659" s="13" t="s">
        <v>560</v>
      </c>
      <c r="B118659" s="14" t="s">
        <v>1</v>
      </c>
      <c r="C118659" s="14" t="s">
        <v>558</v>
      </c>
      <c r="D118659" s="14" t="s">
        <v>193</v>
      </c>
      <c r="E118659" s="15">
        <v>45410</v>
      </c>
      <c r="F118659" s="14" t="s">
        <v>15</v>
      </c>
      <c r="G118659" s="16">
        <v>5.1086008950717451E-2</v>
      </c>
    </row>
    <row r="118660" spans="1:7" x14ac:dyDescent="0.3">
      <c r="A118660" s="13" t="s">
        <v>560</v>
      </c>
      <c r="B118660" s="14" t="s">
        <v>1</v>
      </c>
      <c r="C118660" s="14" t="s">
        <v>558</v>
      </c>
      <c r="D118660" s="14" t="s">
        <v>193</v>
      </c>
      <c r="E118660" s="15">
        <v>45411</v>
      </c>
      <c r="F118660" s="14" t="s">
        <v>15</v>
      </c>
      <c r="G118660" s="16">
        <v>7.5960882620236925E-2</v>
      </c>
    </row>
    <row r="118661" spans="1:7" x14ac:dyDescent="0.3">
      <c r="A118661" s="13" t="s">
        <v>560</v>
      </c>
      <c r="B118661" s="14" t="s">
        <v>1</v>
      </c>
      <c r="C118661" s="14" t="s">
        <v>558</v>
      </c>
      <c r="D118661" s="14" t="s">
        <v>193</v>
      </c>
      <c r="E118661" s="15">
        <v>45412</v>
      </c>
      <c r="F118661" s="14" t="s">
        <v>15</v>
      </c>
      <c r="G118661" s="16">
        <v>7.1137323687875537E-2</v>
      </c>
    </row>
    <row r="118662" spans="1:7" x14ac:dyDescent="0.3">
      <c r="A118662" s="13" t="s">
        <v>560</v>
      </c>
      <c r="B118662" s="14" t="s">
        <v>1</v>
      </c>
      <c r="C118662" s="14" t="s">
        <v>558</v>
      </c>
      <c r="D118662" s="14" t="s">
        <v>193</v>
      </c>
      <c r="E118662" s="15">
        <v>45413</v>
      </c>
      <c r="F118662" s="14" t="s">
        <v>15</v>
      </c>
      <c r="G118662" s="16">
        <v>6.9244799238272758E-2</v>
      </c>
    </row>
    <row r="118663" spans="1:7" x14ac:dyDescent="0.3">
      <c r="A118663" s="13" t="s">
        <v>560</v>
      </c>
      <c r="B118663" s="14" t="s">
        <v>1</v>
      </c>
      <c r="C118663" s="14" t="s">
        <v>558</v>
      </c>
      <c r="D118663" s="14" t="s">
        <v>193</v>
      </c>
      <c r="E118663" s="15">
        <v>45414</v>
      </c>
      <c r="F118663" s="14" t="s">
        <v>15</v>
      </c>
      <c r="G118663" s="16">
        <v>6.5314657233811066E-2</v>
      </c>
    </row>
    <row r="118664" spans="1:7" x14ac:dyDescent="0.3">
      <c r="A118664" s="13" t="s">
        <v>560</v>
      </c>
      <c r="B118664" s="14" t="s">
        <v>1</v>
      </c>
      <c r="C118664" s="14" t="s">
        <v>558</v>
      </c>
      <c r="D118664" s="14" t="s">
        <v>193</v>
      </c>
      <c r="E118664" s="15">
        <v>45415</v>
      </c>
      <c r="F118664" s="14" t="s">
        <v>15</v>
      </c>
      <c r="G118664" s="16">
        <v>8.654940551148102E-2</v>
      </c>
    </row>
    <row r="118665" spans="1:7" x14ac:dyDescent="0.3">
      <c r="A118665" s="13" t="s">
        <v>560</v>
      </c>
      <c r="B118665" s="14" t="s">
        <v>1</v>
      </c>
      <c r="C118665" s="14" t="s">
        <v>558</v>
      </c>
      <c r="D118665" s="14" t="s">
        <v>193</v>
      </c>
      <c r="E118665" s="15">
        <v>45416</v>
      </c>
      <c r="F118665" s="14" t="s">
        <v>15</v>
      </c>
      <c r="G118665" s="16">
        <v>8.654940551148102E-2</v>
      </c>
    </row>
    <row r="118666" spans="1:7" x14ac:dyDescent="0.3">
      <c r="A118666" s="13" t="s">
        <v>560</v>
      </c>
      <c r="B118666" s="14" t="s">
        <v>1</v>
      </c>
      <c r="C118666" s="14" t="s">
        <v>558</v>
      </c>
      <c r="D118666" s="14" t="s">
        <v>193</v>
      </c>
      <c r="E118666" s="15">
        <v>45417</v>
      </c>
      <c r="F118666" s="14" t="s">
        <v>15</v>
      </c>
      <c r="G118666" s="16">
        <v>8.654940551148102E-2</v>
      </c>
    </row>
    <row r="118667" spans="1:7" x14ac:dyDescent="0.3">
      <c r="A118667" s="13" t="s">
        <v>560</v>
      </c>
      <c r="B118667" s="14" t="s">
        <v>1</v>
      </c>
      <c r="C118667" s="14" t="s">
        <v>558</v>
      </c>
      <c r="D118667" s="14" t="s">
        <v>193</v>
      </c>
      <c r="E118667" s="15">
        <v>45418</v>
      </c>
      <c r="F118667" s="14" t="s">
        <v>15</v>
      </c>
      <c r="G118667" s="16">
        <v>8.654940551148102E-2</v>
      </c>
    </row>
    <row r="118668" spans="1:7" x14ac:dyDescent="0.3">
      <c r="A118668" s="13" t="s">
        <v>560</v>
      </c>
      <c r="B118668" s="14" t="s">
        <v>1</v>
      </c>
      <c r="C118668" s="14" t="s">
        <v>558</v>
      </c>
      <c r="D118668" s="14" t="s">
        <v>193</v>
      </c>
      <c r="E118668" s="15">
        <v>45419</v>
      </c>
      <c r="F118668" s="14" t="s">
        <v>15</v>
      </c>
      <c r="G118668" s="16">
        <v>0.12639105034087514</v>
      </c>
    </row>
    <row r="118669" spans="1:7" x14ac:dyDescent="0.3">
      <c r="A118669" s="13" t="s">
        <v>560</v>
      </c>
      <c r="B118669" s="14" t="s">
        <v>1</v>
      </c>
      <c r="C118669" s="14" t="s">
        <v>558</v>
      </c>
      <c r="D118669" s="14" t="s">
        <v>193</v>
      </c>
      <c r="E118669" s="15">
        <v>45420</v>
      </c>
      <c r="F118669" s="14" t="s">
        <v>15</v>
      </c>
      <c r="G118669" s="16">
        <v>0.11890228764675825</v>
      </c>
    </row>
    <row r="118670" spans="1:7" x14ac:dyDescent="0.3">
      <c r="A118670" s="13" t="s">
        <v>560</v>
      </c>
      <c r="B118670" s="14" t="s">
        <v>1</v>
      </c>
      <c r="C118670" s="14" t="s">
        <v>558</v>
      </c>
      <c r="D118670" s="14" t="s">
        <v>193</v>
      </c>
      <c r="E118670" s="15">
        <v>45421</v>
      </c>
      <c r="F118670" s="14" t="s">
        <v>15</v>
      </c>
      <c r="G118670" s="16">
        <v>0.1170060014416696</v>
      </c>
    </row>
    <row r="118671" spans="1:7" x14ac:dyDescent="0.3">
      <c r="A118671" s="13" t="s">
        <v>560</v>
      </c>
      <c r="B118671" s="14" t="s">
        <v>1</v>
      </c>
      <c r="C118671" s="14" t="s">
        <v>558</v>
      </c>
      <c r="D118671" s="14" t="s">
        <v>193</v>
      </c>
      <c r="E118671" s="15">
        <v>45422</v>
      </c>
      <c r="F118671" s="14" t="s">
        <v>15</v>
      </c>
      <c r="G118671" s="16">
        <v>0.11512915097325806</v>
      </c>
    </row>
    <row r="118672" spans="1:7" x14ac:dyDescent="0.3">
      <c r="A118672" s="13" t="s">
        <v>560</v>
      </c>
      <c r="B118672" s="14" t="s">
        <v>1</v>
      </c>
      <c r="C118672" s="14" t="s">
        <v>558</v>
      </c>
      <c r="D118672" s="14" t="s">
        <v>193</v>
      </c>
      <c r="E118672" s="15">
        <v>45423</v>
      </c>
      <c r="F118672" s="14" t="s">
        <v>15</v>
      </c>
      <c r="G118672" s="16">
        <v>0.11512915097325806</v>
      </c>
    </row>
    <row r="118673" spans="1:7" x14ac:dyDescent="0.3">
      <c r="A118673" s="13" t="s">
        <v>560</v>
      </c>
      <c r="B118673" s="14" t="s">
        <v>1</v>
      </c>
      <c r="C118673" s="14" t="s">
        <v>558</v>
      </c>
      <c r="D118673" s="14" t="s">
        <v>193</v>
      </c>
      <c r="E118673" s="15">
        <v>45424</v>
      </c>
      <c r="F118673" s="14" t="s">
        <v>15</v>
      </c>
      <c r="G118673" s="16">
        <v>0.11512915097325806</v>
      </c>
    </row>
    <row r="118674" spans="1:7" x14ac:dyDescent="0.3">
      <c r="A118674" s="13" t="s">
        <v>560</v>
      </c>
      <c r="B118674" s="14" t="s">
        <v>1</v>
      </c>
      <c r="C118674" s="14" t="s">
        <v>558</v>
      </c>
      <c r="D118674" s="14" t="s">
        <v>193</v>
      </c>
      <c r="E118674" s="15">
        <v>45425</v>
      </c>
      <c r="F118674" s="14" t="s">
        <v>15</v>
      </c>
      <c r="G118674" s="16">
        <v>0.11626734752679009</v>
      </c>
    </row>
    <row r="118675" spans="1:7" x14ac:dyDescent="0.3">
      <c r="A118675" s="13" t="s">
        <v>560</v>
      </c>
      <c r="B118675" s="14" t="s">
        <v>1</v>
      </c>
      <c r="C118675" s="14" t="s">
        <v>558</v>
      </c>
      <c r="D118675" s="14" t="s">
        <v>193</v>
      </c>
      <c r="E118675" s="15">
        <v>45426</v>
      </c>
      <c r="F118675" s="14" t="s">
        <v>15</v>
      </c>
      <c r="G118675" s="16">
        <v>0.11042874157248511</v>
      </c>
    </row>
    <row r="118676" spans="1:7" x14ac:dyDescent="0.3">
      <c r="A118676" s="13" t="s">
        <v>560</v>
      </c>
      <c r="B118676" s="14" t="s">
        <v>1</v>
      </c>
      <c r="C118676" s="14" t="s">
        <v>558</v>
      </c>
      <c r="D118676" s="14" t="s">
        <v>193</v>
      </c>
      <c r="E118676" s="15">
        <v>45427</v>
      </c>
      <c r="F118676" s="14" t="s">
        <v>15</v>
      </c>
      <c r="G118676" s="16">
        <v>0.10849421085328988</v>
      </c>
    </row>
    <row r="118677" spans="1:7" x14ac:dyDescent="0.3">
      <c r="A118677" s="13" t="s">
        <v>560</v>
      </c>
      <c r="B118677" s="14" t="s">
        <v>1</v>
      </c>
      <c r="C118677" s="14" t="s">
        <v>558</v>
      </c>
      <c r="D118677" s="14" t="s">
        <v>193</v>
      </c>
      <c r="E118677" s="15">
        <v>45428</v>
      </c>
      <c r="F118677" s="14" t="s">
        <v>15</v>
      </c>
      <c r="G118677" s="16">
        <v>0.14856783060431408</v>
      </c>
    </row>
    <row r="118678" spans="1:7" x14ac:dyDescent="0.3">
      <c r="A118678" s="13" t="s">
        <v>560</v>
      </c>
      <c r="B118678" s="14" t="s">
        <v>1</v>
      </c>
      <c r="C118678" s="14" t="s">
        <v>558</v>
      </c>
      <c r="D118678" s="14" t="s">
        <v>193</v>
      </c>
      <c r="E118678" s="15">
        <v>45429</v>
      </c>
      <c r="F118678" s="14" t="s">
        <v>15</v>
      </c>
      <c r="G118678" s="16">
        <v>0.17161072935220348</v>
      </c>
    </row>
    <row r="118679" spans="1:7" x14ac:dyDescent="0.3">
      <c r="A118679" s="13" t="s">
        <v>560</v>
      </c>
      <c r="B118679" s="14" t="s">
        <v>1</v>
      </c>
      <c r="C118679" s="14" t="s">
        <v>558</v>
      </c>
      <c r="D118679" s="14" t="s">
        <v>193</v>
      </c>
      <c r="E118679" s="15">
        <v>45430</v>
      </c>
      <c r="F118679" s="14" t="s">
        <v>15</v>
      </c>
      <c r="G118679" s="16">
        <v>0.17161072935220348</v>
      </c>
    </row>
    <row r="118680" spans="1:7" x14ac:dyDescent="0.3">
      <c r="A118680" s="13" t="s">
        <v>560</v>
      </c>
      <c r="B118680" s="14" t="s">
        <v>1</v>
      </c>
      <c r="C118680" s="14" t="s">
        <v>558</v>
      </c>
      <c r="D118680" s="14" t="s">
        <v>193</v>
      </c>
      <c r="E118680" s="15">
        <v>45431</v>
      </c>
      <c r="F118680" s="14" t="s">
        <v>15</v>
      </c>
      <c r="G118680" s="16">
        <v>0.17161072935220348</v>
      </c>
    </row>
    <row r="118681" spans="1:7" x14ac:dyDescent="0.3">
      <c r="A118681" s="13" t="s">
        <v>560</v>
      </c>
      <c r="B118681" s="14" t="s">
        <v>1</v>
      </c>
      <c r="C118681" s="14" t="s">
        <v>558</v>
      </c>
      <c r="D118681" s="14" t="s">
        <v>193</v>
      </c>
      <c r="E118681" s="15">
        <v>45432</v>
      </c>
      <c r="F118681" s="14" t="s">
        <v>15</v>
      </c>
      <c r="G118681" s="16">
        <v>0.24148560302172295</v>
      </c>
    </row>
    <row r="118682" spans="1:7" x14ac:dyDescent="0.3">
      <c r="A118682" s="13" t="s">
        <v>560</v>
      </c>
      <c r="B118682" s="14" t="s">
        <v>1</v>
      </c>
      <c r="C118682" s="14" t="s">
        <v>558</v>
      </c>
      <c r="D118682" s="14" t="s">
        <v>193</v>
      </c>
      <c r="E118682" s="15">
        <v>45433</v>
      </c>
      <c r="F118682" s="14" t="s">
        <v>15</v>
      </c>
      <c r="G118682" s="16">
        <v>0.23534542966929886</v>
      </c>
    </row>
    <row r="118683" spans="1:7" x14ac:dyDescent="0.3">
      <c r="A118683" s="13" t="s">
        <v>560</v>
      </c>
      <c r="B118683" s="14" t="s">
        <v>1</v>
      </c>
      <c r="C118683" s="14" t="s">
        <v>558</v>
      </c>
      <c r="D118683" s="14" t="s">
        <v>193</v>
      </c>
      <c r="E118683" s="15">
        <v>45434</v>
      </c>
      <c r="F118683" s="14" t="s">
        <v>15</v>
      </c>
      <c r="G118683" s="16">
        <v>0.23333378296264279</v>
      </c>
    </row>
    <row r="118684" spans="1:7" x14ac:dyDescent="0.3">
      <c r="A118684" s="13" t="s">
        <v>560</v>
      </c>
      <c r="B118684" s="14" t="s">
        <v>1</v>
      </c>
      <c r="C118684" s="14" t="s">
        <v>558</v>
      </c>
      <c r="D118684" s="14" t="s">
        <v>193</v>
      </c>
      <c r="E118684" s="15">
        <v>45435</v>
      </c>
      <c r="F118684" s="14" t="s">
        <v>15</v>
      </c>
      <c r="G118684" s="16">
        <v>0.2312600672904695</v>
      </c>
    </row>
    <row r="118685" spans="1:7" x14ac:dyDescent="0.3">
      <c r="A118685" s="13" t="s">
        <v>560</v>
      </c>
      <c r="B118685" s="14" t="s">
        <v>1</v>
      </c>
      <c r="C118685" s="14" t="s">
        <v>558</v>
      </c>
      <c r="D118685" s="14" t="s">
        <v>193</v>
      </c>
      <c r="E118685" s="15">
        <v>45436</v>
      </c>
      <c r="F118685" s="14" t="s">
        <v>15</v>
      </c>
      <c r="G118685" s="16">
        <v>0.2293136243455689</v>
      </c>
    </row>
    <row r="118686" spans="1:7" x14ac:dyDescent="0.3">
      <c r="A118686" s="13" t="s">
        <v>560</v>
      </c>
      <c r="B118686" s="14" t="s">
        <v>1</v>
      </c>
      <c r="C118686" s="14" t="s">
        <v>558</v>
      </c>
      <c r="D118686" s="14" t="s">
        <v>193</v>
      </c>
      <c r="E118686" s="15">
        <v>45437</v>
      </c>
      <c r="F118686" s="14" t="s">
        <v>15</v>
      </c>
      <c r="G118686" s="16">
        <v>0.2293136243455689</v>
      </c>
    </row>
    <row r="118687" spans="1:7" x14ac:dyDescent="0.3">
      <c r="A118687" s="13" t="s">
        <v>560</v>
      </c>
      <c r="B118687" s="14" t="s">
        <v>1</v>
      </c>
      <c r="C118687" s="14" t="s">
        <v>558</v>
      </c>
      <c r="D118687" s="14" t="s">
        <v>193</v>
      </c>
      <c r="E118687" s="15">
        <v>45438</v>
      </c>
      <c r="F118687" s="14" t="s">
        <v>15</v>
      </c>
      <c r="G118687" s="16">
        <v>0.2293136243455689</v>
      </c>
    </row>
    <row r="118688" spans="1:7" x14ac:dyDescent="0.3">
      <c r="A118688" s="13" t="s">
        <v>560</v>
      </c>
      <c r="B118688" s="14" t="s">
        <v>1</v>
      </c>
      <c r="C118688" s="14" t="s">
        <v>558</v>
      </c>
      <c r="D118688" s="14" t="s">
        <v>193</v>
      </c>
      <c r="E118688" s="15">
        <v>45439</v>
      </c>
      <c r="F118688" s="14" t="s">
        <v>15</v>
      </c>
      <c r="G118688" s="16">
        <v>0.25259664848530783</v>
      </c>
    </row>
    <row r="118689" spans="1:7" x14ac:dyDescent="0.3">
      <c r="A118689" s="13" t="s">
        <v>560</v>
      </c>
      <c r="B118689" s="14" t="s">
        <v>1</v>
      </c>
      <c r="C118689" s="14" t="s">
        <v>558</v>
      </c>
      <c r="D118689" s="14" t="s">
        <v>193</v>
      </c>
      <c r="E118689" s="15">
        <v>45440</v>
      </c>
      <c r="F118689" s="14" t="s">
        <v>15</v>
      </c>
      <c r="G118689" s="16">
        <v>0.24791164754667686</v>
      </c>
    </row>
    <row r="118690" spans="1:7" x14ac:dyDescent="0.3">
      <c r="A118690" s="13" t="s">
        <v>560</v>
      </c>
      <c r="B118690" s="14" t="s">
        <v>1</v>
      </c>
      <c r="C118690" s="14" t="s">
        <v>558</v>
      </c>
      <c r="D118690" s="14" t="s">
        <v>193</v>
      </c>
      <c r="E118690" s="15">
        <v>45441</v>
      </c>
      <c r="F118690" s="14" t="s">
        <v>15</v>
      </c>
      <c r="G118690" s="16">
        <v>0.25218464033845339</v>
      </c>
    </row>
    <row r="118691" spans="1:7" x14ac:dyDescent="0.3">
      <c r="A118691" s="13" t="s">
        <v>560</v>
      </c>
      <c r="B118691" s="14" t="s">
        <v>1</v>
      </c>
      <c r="C118691" s="14" t="s">
        <v>558</v>
      </c>
      <c r="D118691" s="14" t="s">
        <v>193</v>
      </c>
      <c r="E118691" s="15">
        <v>45442</v>
      </c>
      <c r="F118691" s="14" t="s">
        <v>15</v>
      </c>
      <c r="G118691" s="16">
        <v>0.26755982748759671</v>
      </c>
    </row>
    <row r="118692" spans="1:7" x14ac:dyDescent="0.3">
      <c r="A118692" s="13" t="s">
        <v>560</v>
      </c>
      <c r="B118692" s="14" t="s">
        <v>1</v>
      </c>
      <c r="C118692" s="14" t="s">
        <v>558</v>
      </c>
      <c r="D118692" s="14" t="s">
        <v>193</v>
      </c>
      <c r="E118692" s="15">
        <v>45443</v>
      </c>
      <c r="F118692" s="14" t="s">
        <v>15</v>
      </c>
      <c r="G118692" s="16">
        <v>0.26498767921354255</v>
      </c>
    </row>
    <row r="118693" spans="1:7" x14ac:dyDescent="0.3">
      <c r="A118693" s="13" t="s">
        <v>560</v>
      </c>
      <c r="B118693" s="14" t="s">
        <v>1</v>
      </c>
      <c r="C118693" s="14" t="s">
        <v>558</v>
      </c>
      <c r="D118693" s="14" t="s">
        <v>193</v>
      </c>
      <c r="E118693" s="15">
        <v>45444</v>
      </c>
      <c r="F118693" s="14" t="s">
        <v>15</v>
      </c>
      <c r="G118693" s="16">
        <v>0.26498767921354255</v>
      </c>
    </row>
    <row r="118694" spans="1:7" x14ac:dyDescent="0.3">
      <c r="A118694" s="13" t="s">
        <v>560</v>
      </c>
      <c r="B118694" s="14" t="s">
        <v>1</v>
      </c>
      <c r="C118694" s="14" t="s">
        <v>558</v>
      </c>
      <c r="D118694" s="14" t="s">
        <v>193</v>
      </c>
      <c r="E118694" s="15">
        <v>45445</v>
      </c>
      <c r="F118694" s="14" t="s">
        <v>15</v>
      </c>
      <c r="G118694" s="16">
        <v>0.26498767921354255</v>
      </c>
    </row>
    <row r="118695" spans="1:7" x14ac:dyDescent="0.3">
      <c r="A118695" s="13" t="s">
        <v>560</v>
      </c>
      <c r="B118695" s="14" t="s">
        <v>1</v>
      </c>
      <c r="C118695" s="14" t="s">
        <v>558</v>
      </c>
      <c r="D118695" s="14" t="s">
        <v>193</v>
      </c>
      <c r="E118695" s="15">
        <v>45446</v>
      </c>
      <c r="F118695" s="14" t="s">
        <v>15</v>
      </c>
      <c r="G118695" s="16">
        <v>0.26498767921354255</v>
      </c>
    </row>
    <row r="118696" spans="1:7" x14ac:dyDescent="0.3">
      <c r="A118696" s="13" t="s">
        <v>560</v>
      </c>
      <c r="B118696" s="14" t="s">
        <v>1</v>
      </c>
      <c r="C118696" s="14" t="s">
        <v>558</v>
      </c>
      <c r="D118696" s="14" t="s">
        <v>193</v>
      </c>
      <c r="E118696" s="15">
        <v>45447</v>
      </c>
      <c r="F118696" s="14" t="s">
        <v>15</v>
      </c>
      <c r="G118696" s="16">
        <v>0.29061866573572664</v>
      </c>
    </row>
    <row r="118697" spans="1:7" x14ac:dyDescent="0.3">
      <c r="A118697" s="13" t="s">
        <v>560</v>
      </c>
      <c r="B118697" s="14" t="s">
        <v>1</v>
      </c>
      <c r="C118697" s="14" t="s">
        <v>558</v>
      </c>
      <c r="D118697" s="14" t="s">
        <v>193</v>
      </c>
      <c r="E118697" s="15">
        <v>45448</v>
      </c>
      <c r="F118697" s="14" t="s">
        <v>15</v>
      </c>
      <c r="G118697" s="16">
        <v>0.28346031056512072</v>
      </c>
    </row>
    <row r="118698" spans="1:7" x14ac:dyDescent="0.3">
      <c r="A118698" s="13" t="s">
        <v>560</v>
      </c>
      <c r="B118698" s="14" t="s">
        <v>1</v>
      </c>
      <c r="C118698" s="14" t="s">
        <v>558</v>
      </c>
      <c r="D118698" s="14" t="s">
        <v>193</v>
      </c>
      <c r="E118698" s="15">
        <v>45449</v>
      </c>
      <c r="F118698" s="14" t="s">
        <v>15</v>
      </c>
      <c r="G118698" s="16">
        <v>0.31836402436003208</v>
      </c>
    </row>
    <row r="118699" spans="1:7" x14ac:dyDescent="0.3">
      <c r="A118699" s="13" t="s">
        <v>560</v>
      </c>
      <c r="B118699" s="14" t="s">
        <v>1</v>
      </c>
      <c r="C118699" s="14" t="s">
        <v>558</v>
      </c>
      <c r="D118699" s="14" t="s">
        <v>193</v>
      </c>
      <c r="E118699" s="15">
        <v>45450</v>
      </c>
      <c r="F118699" s="14" t="s">
        <v>15</v>
      </c>
      <c r="G118699" s="16">
        <v>0.31649407044334465</v>
      </c>
    </row>
    <row r="118700" spans="1:7" x14ac:dyDescent="0.3">
      <c r="A118700" s="13" t="s">
        <v>560</v>
      </c>
      <c r="B118700" s="14" t="s">
        <v>1</v>
      </c>
      <c r="C118700" s="14" t="s">
        <v>558</v>
      </c>
      <c r="D118700" s="14" t="s">
        <v>193</v>
      </c>
      <c r="E118700" s="15">
        <v>45451</v>
      </c>
      <c r="F118700" s="14" t="s">
        <v>15</v>
      </c>
      <c r="G118700" s="16">
        <v>0.31649407044334465</v>
      </c>
    </row>
    <row r="118701" spans="1:7" x14ac:dyDescent="0.3">
      <c r="A118701" s="13" t="s">
        <v>560</v>
      </c>
      <c r="B118701" s="14" t="s">
        <v>1</v>
      </c>
      <c r="C118701" s="14" t="s">
        <v>558</v>
      </c>
      <c r="D118701" s="14" t="s">
        <v>193</v>
      </c>
      <c r="E118701" s="15">
        <v>45452</v>
      </c>
      <c r="F118701" s="14" t="s">
        <v>15</v>
      </c>
      <c r="G118701" s="16">
        <v>0.31649407044334465</v>
      </c>
    </row>
    <row r="118702" spans="1:7" x14ac:dyDescent="0.3">
      <c r="A118702" s="13" t="s">
        <v>560</v>
      </c>
      <c r="B118702" s="14" t="s">
        <v>1</v>
      </c>
      <c r="C118702" s="14" t="s">
        <v>558</v>
      </c>
      <c r="D118702" s="14" t="s">
        <v>193</v>
      </c>
      <c r="E118702" s="15">
        <v>45453</v>
      </c>
      <c r="F118702" s="14" t="s">
        <v>15</v>
      </c>
      <c r="G118702" s="16">
        <v>0.31462975915988611</v>
      </c>
    </row>
    <row r="118703" spans="1:7" x14ac:dyDescent="0.3">
      <c r="A118703" s="13" t="s">
        <v>560</v>
      </c>
      <c r="B118703" s="14" t="s">
        <v>1</v>
      </c>
      <c r="C118703" s="14" t="s">
        <v>558</v>
      </c>
      <c r="D118703" s="14" t="s">
        <v>193</v>
      </c>
      <c r="E118703" s="15">
        <v>45454</v>
      </c>
      <c r="F118703" s="14" t="s">
        <v>15</v>
      </c>
      <c r="G118703" s="16">
        <v>0.30926576135605138</v>
      </c>
    </row>
    <row r="118704" spans="1:7" x14ac:dyDescent="0.3">
      <c r="A118704" s="13" t="s">
        <v>560</v>
      </c>
      <c r="B118704" s="14" t="s">
        <v>1</v>
      </c>
      <c r="C118704" s="14" t="s">
        <v>558</v>
      </c>
      <c r="D118704" s="14" t="s">
        <v>193</v>
      </c>
      <c r="E118704" s="15">
        <v>45455</v>
      </c>
      <c r="F118704" s="14" t="s">
        <v>15</v>
      </c>
      <c r="G118704" s="16">
        <v>0.31743781370895646</v>
      </c>
    </row>
    <row r="118705" spans="1:7" x14ac:dyDescent="0.3">
      <c r="A118705" s="13" t="s">
        <v>560</v>
      </c>
      <c r="B118705" s="14" t="s">
        <v>1</v>
      </c>
      <c r="C118705" s="14" t="s">
        <v>558</v>
      </c>
      <c r="D118705" s="14" t="s">
        <v>193</v>
      </c>
      <c r="E118705" s="15">
        <v>45456</v>
      </c>
      <c r="F118705" s="14" t="s">
        <v>15</v>
      </c>
      <c r="G118705" s="16">
        <v>0.38265249929070166</v>
      </c>
    </row>
    <row r="118706" spans="1:7" x14ac:dyDescent="0.3">
      <c r="A118706" s="13" t="s">
        <v>560</v>
      </c>
      <c r="B118706" s="14" t="s">
        <v>1</v>
      </c>
      <c r="C118706" s="14" t="s">
        <v>558</v>
      </c>
      <c r="D118706" s="14" t="s">
        <v>193</v>
      </c>
      <c r="E118706" s="15">
        <v>45457</v>
      </c>
      <c r="F118706" s="14" t="s">
        <v>15</v>
      </c>
      <c r="G118706" s="16">
        <v>0.40347345446492333</v>
      </c>
    </row>
    <row r="118707" spans="1:7" x14ac:dyDescent="0.3">
      <c r="A118707" s="13" t="s">
        <v>560</v>
      </c>
      <c r="B118707" s="14" t="s">
        <v>1</v>
      </c>
      <c r="C118707" s="14" t="s">
        <v>558</v>
      </c>
      <c r="D118707" s="14" t="s">
        <v>193</v>
      </c>
      <c r="E118707" s="15">
        <v>45458</v>
      </c>
      <c r="F118707" s="14" t="s">
        <v>15</v>
      </c>
      <c r="G118707" s="16">
        <v>0.40347345446492333</v>
      </c>
    </row>
    <row r="118708" spans="1:7" x14ac:dyDescent="0.3">
      <c r="A118708" s="13" t="s">
        <v>560</v>
      </c>
      <c r="B118708" s="14" t="s">
        <v>1</v>
      </c>
      <c r="C118708" s="14" t="s">
        <v>558</v>
      </c>
      <c r="D118708" s="14" t="s">
        <v>193</v>
      </c>
      <c r="E118708" s="15">
        <v>45459</v>
      </c>
      <c r="F118708" s="14" t="s">
        <v>15</v>
      </c>
      <c r="G118708" s="16">
        <v>0.40347345446492333</v>
      </c>
    </row>
    <row r="118709" spans="1:7" x14ac:dyDescent="0.3">
      <c r="A118709" s="13" t="s">
        <v>560</v>
      </c>
      <c r="B118709" s="14" t="s">
        <v>1</v>
      </c>
      <c r="C118709" s="14" t="s">
        <v>558</v>
      </c>
      <c r="D118709" s="14" t="s">
        <v>193</v>
      </c>
      <c r="E118709" s="15">
        <v>45460</v>
      </c>
      <c r="F118709" s="14" t="s">
        <v>15</v>
      </c>
      <c r="G118709" s="16">
        <v>0.41229064788365916</v>
      </c>
    </row>
    <row r="118710" spans="1:7" x14ac:dyDescent="0.3">
      <c r="A118710" s="13" t="s">
        <v>560</v>
      </c>
      <c r="B118710" s="14" t="s">
        <v>1</v>
      </c>
      <c r="C118710" s="14" t="s">
        <v>558</v>
      </c>
      <c r="D118710" s="14" t="s">
        <v>193</v>
      </c>
      <c r="E118710" s="15">
        <v>45461</v>
      </c>
      <c r="F118710" s="14" t="s">
        <v>15</v>
      </c>
      <c r="G118710" s="16">
        <v>0.40704263754063941</v>
      </c>
    </row>
    <row r="118711" spans="1:7" x14ac:dyDescent="0.3">
      <c r="A118711" s="13" t="s">
        <v>560</v>
      </c>
      <c r="B118711" s="14" t="s">
        <v>1</v>
      </c>
      <c r="C118711" s="14" t="s">
        <v>558</v>
      </c>
      <c r="D118711" s="14" t="s">
        <v>193</v>
      </c>
      <c r="E118711" s="15">
        <v>45462</v>
      </c>
      <c r="F118711" s="14" t="s">
        <v>15</v>
      </c>
      <c r="G118711" s="16">
        <v>0.4051921193606291</v>
      </c>
    </row>
    <row r="118712" spans="1:7" x14ac:dyDescent="0.3">
      <c r="A118712" s="13" t="s">
        <v>560</v>
      </c>
      <c r="B118712" s="14" t="s">
        <v>1</v>
      </c>
      <c r="C118712" s="14" t="s">
        <v>558</v>
      </c>
      <c r="D118712" s="14" t="s">
        <v>193</v>
      </c>
      <c r="E118712" s="15">
        <v>45463</v>
      </c>
      <c r="F118712" s="14" t="s">
        <v>15</v>
      </c>
      <c r="G118712" s="16">
        <v>0.40312404632168469</v>
      </c>
    </row>
    <row r="118713" spans="1:7" x14ac:dyDescent="0.3">
      <c r="A118713" s="13" t="s">
        <v>560</v>
      </c>
      <c r="B118713" s="14" t="s">
        <v>1</v>
      </c>
      <c r="C118713" s="14" t="s">
        <v>558</v>
      </c>
      <c r="D118713" s="14" t="s">
        <v>193</v>
      </c>
      <c r="E118713" s="15">
        <v>45464</v>
      </c>
      <c r="F118713" s="14" t="s">
        <v>15</v>
      </c>
      <c r="G118713" s="16">
        <v>0.40102713315734839</v>
      </c>
    </row>
    <row r="118714" spans="1:7" x14ac:dyDescent="0.3">
      <c r="A118714" s="13" t="s">
        <v>560</v>
      </c>
      <c r="B118714" s="14" t="s">
        <v>1</v>
      </c>
      <c r="C118714" s="14" t="s">
        <v>558</v>
      </c>
      <c r="D118714" s="14" t="s">
        <v>193</v>
      </c>
      <c r="E118714" s="15">
        <v>45465</v>
      </c>
      <c r="F118714" s="14" t="s">
        <v>15</v>
      </c>
      <c r="G118714" s="16">
        <v>0.40102713315734839</v>
      </c>
    </row>
    <row r="118715" spans="1:7" x14ac:dyDescent="0.3">
      <c r="A118715" s="13" t="s">
        <v>560</v>
      </c>
      <c r="B118715" s="14" t="s">
        <v>1</v>
      </c>
      <c r="C118715" s="14" t="s">
        <v>558</v>
      </c>
      <c r="D118715" s="14" t="s">
        <v>193</v>
      </c>
      <c r="E118715" s="15">
        <v>45466</v>
      </c>
      <c r="F118715" s="14" t="s">
        <v>15</v>
      </c>
      <c r="G118715" s="16">
        <v>0.40102713315734839</v>
      </c>
    </row>
    <row r="118716" spans="1:7" x14ac:dyDescent="0.3">
      <c r="A118716" s="13" t="s">
        <v>560</v>
      </c>
      <c r="B118716" s="14" t="s">
        <v>1</v>
      </c>
      <c r="C118716" s="14" t="s">
        <v>558</v>
      </c>
      <c r="D118716" s="14" t="s">
        <v>193</v>
      </c>
      <c r="E118716" s="15">
        <v>45467</v>
      </c>
      <c r="F118716" s="14" t="s">
        <v>15</v>
      </c>
      <c r="G118716" s="16">
        <v>0.40482865259489292</v>
      </c>
    </row>
    <row r="118717" spans="1:7" x14ac:dyDescent="0.3">
      <c r="A118717" s="13" t="s">
        <v>560</v>
      </c>
      <c r="B118717" s="14" t="s">
        <v>1</v>
      </c>
      <c r="C118717" s="14" t="s">
        <v>558</v>
      </c>
      <c r="D118717" s="14" t="s">
        <v>193</v>
      </c>
      <c r="E118717" s="15">
        <v>45468</v>
      </c>
      <c r="F118717" s="14" t="s">
        <v>15</v>
      </c>
      <c r="G118717" s="16">
        <v>0.40230979585688892</v>
      </c>
    </row>
    <row r="118718" spans="1:7" x14ac:dyDescent="0.3">
      <c r="A118718" s="13" t="s">
        <v>560</v>
      </c>
      <c r="B118718" s="14" t="s">
        <v>1</v>
      </c>
      <c r="C118718" s="14" t="s">
        <v>558</v>
      </c>
      <c r="D118718" s="14" t="s">
        <v>193</v>
      </c>
      <c r="E118718" s="15">
        <v>45469</v>
      </c>
      <c r="F118718" s="14" t="s">
        <v>15</v>
      </c>
      <c r="G118718" s="16">
        <v>0.40538717736339897</v>
      </c>
    </row>
    <row r="118719" spans="1:7" x14ac:dyDescent="0.3">
      <c r="A118719" s="13" t="s">
        <v>560</v>
      </c>
      <c r="B118719" s="14" t="s">
        <v>1</v>
      </c>
      <c r="C118719" s="14" t="s">
        <v>558</v>
      </c>
      <c r="D118719" s="14" t="s">
        <v>193</v>
      </c>
      <c r="E118719" s="15">
        <v>45470</v>
      </c>
      <c r="F118719" s="14" t="s">
        <v>15</v>
      </c>
      <c r="G118719" s="16">
        <v>0.41373352438715044</v>
      </c>
    </row>
    <row r="118720" spans="1:7" x14ac:dyDescent="0.3">
      <c r="A118720" s="13" t="s">
        <v>560</v>
      </c>
      <c r="B118720" s="14" t="s">
        <v>1</v>
      </c>
      <c r="C118720" s="14" t="s">
        <v>558</v>
      </c>
      <c r="D118720" s="14" t="s">
        <v>193</v>
      </c>
      <c r="E118720" s="15">
        <v>45471</v>
      </c>
      <c r="F118720" s="14" t="s">
        <v>15</v>
      </c>
      <c r="G118720" s="16">
        <v>0.49526296689785071</v>
      </c>
    </row>
    <row r="118721" spans="1:7" x14ac:dyDescent="0.3">
      <c r="A118721" s="13" t="s">
        <v>560</v>
      </c>
      <c r="B118721" s="14" t="s">
        <v>1</v>
      </c>
      <c r="C118721" s="14" t="s">
        <v>558</v>
      </c>
      <c r="D118721" s="14" t="s">
        <v>193</v>
      </c>
      <c r="E118721" s="15">
        <v>45472</v>
      </c>
      <c r="F118721" s="14" t="s">
        <v>15</v>
      </c>
      <c r="G118721" s="16">
        <v>0.49526296689785071</v>
      </c>
    </row>
    <row r="118722" spans="1:7" x14ac:dyDescent="0.3">
      <c r="A118722" s="13" t="s">
        <v>560</v>
      </c>
      <c r="B118722" s="14" t="s">
        <v>1</v>
      </c>
      <c r="C118722" s="14" t="s">
        <v>558</v>
      </c>
      <c r="D118722" s="14" t="s">
        <v>193</v>
      </c>
      <c r="E118722" s="15">
        <v>45473</v>
      </c>
      <c r="F118722" s="14" t="s">
        <v>15</v>
      </c>
      <c r="G118722" s="16">
        <v>0.49526296689785071</v>
      </c>
    </row>
    <row r="118723" spans="1:7" x14ac:dyDescent="0.3">
      <c r="A118723" s="13" t="s">
        <v>560</v>
      </c>
      <c r="B118723" s="14" t="s">
        <v>1</v>
      </c>
      <c r="C118723" s="14" t="s">
        <v>558</v>
      </c>
      <c r="D118723" s="14" t="s">
        <v>193</v>
      </c>
      <c r="E118723" s="15">
        <v>45474</v>
      </c>
      <c r="F118723" s="14" t="s">
        <v>15</v>
      </c>
      <c r="G118723" s="16">
        <v>0.49344010227520968</v>
      </c>
    </row>
    <row r="118724" spans="1:7" x14ac:dyDescent="0.3">
      <c r="A118724" s="13" t="s">
        <v>560</v>
      </c>
      <c r="B118724" s="14" t="s">
        <v>1</v>
      </c>
      <c r="C118724" s="14" t="s">
        <v>558</v>
      </c>
      <c r="D118724" s="14" t="s">
        <v>193</v>
      </c>
      <c r="E118724" s="15">
        <v>45475</v>
      </c>
      <c r="F118724" s="14" t="s">
        <v>15</v>
      </c>
      <c r="G118724" s="16">
        <v>0.51991928440078217</v>
      </c>
    </row>
    <row r="118725" spans="1:7" x14ac:dyDescent="0.3">
      <c r="A118725" s="13" t="s">
        <v>560</v>
      </c>
      <c r="B118725" s="14" t="s">
        <v>1</v>
      </c>
      <c r="C118725" s="14" t="s">
        <v>558</v>
      </c>
      <c r="D118725" s="14" t="s">
        <v>193</v>
      </c>
      <c r="E118725" s="15">
        <v>45476</v>
      </c>
      <c r="F118725" s="14" t="s">
        <v>15</v>
      </c>
      <c r="G118725" s="16">
        <v>0.51938502338719994</v>
      </c>
    </row>
    <row r="118726" spans="1:7" x14ac:dyDescent="0.3">
      <c r="A118726" s="13" t="s">
        <v>560</v>
      </c>
      <c r="B118726" s="14" t="s">
        <v>1</v>
      </c>
      <c r="C118726" s="14" t="s">
        <v>558</v>
      </c>
      <c r="D118726" s="14" t="s">
        <v>193</v>
      </c>
      <c r="E118726" s="15">
        <v>45477</v>
      </c>
      <c r="F118726" s="14" t="s">
        <v>15</v>
      </c>
      <c r="G118726" s="16">
        <v>0.5705468989849779</v>
      </c>
    </row>
    <row r="118727" spans="1:7" x14ac:dyDescent="0.3">
      <c r="A118727" s="13" t="s">
        <v>560</v>
      </c>
      <c r="B118727" s="14" t="s">
        <v>1</v>
      </c>
      <c r="C118727" s="14" t="s">
        <v>558</v>
      </c>
      <c r="D118727" s="14" t="s">
        <v>193</v>
      </c>
      <c r="E118727" s="15">
        <v>45478</v>
      </c>
      <c r="F118727" s="14" t="s">
        <v>15</v>
      </c>
      <c r="G118727" s="16">
        <v>0.69512587522463543</v>
      </c>
    </row>
    <row r="118728" spans="1:7" x14ac:dyDescent="0.3">
      <c r="A118728" s="13" t="s">
        <v>560</v>
      </c>
      <c r="B118728" s="14" t="s">
        <v>1</v>
      </c>
      <c r="C118728" s="14" t="s">
        <v>558</v>
      </c>
      <c r="D118728" s="14" t="s">
        <v>193</v>
      </c>
      <c r="E118728" s="15">
        <v>45479</v>
      </c>
      <c r="F118728" s="14" t="s">
        <v>15</v>
      </c>
      <c r="G118728" s="16">
        <v>0.69512587522463543</v>
      </c>
    </row>
    <row r="118729" spans="1:7" x14ac:dyDescent="0.3">
      <c r="A118729" s="13" t="s">
        <v>560</v>
      </c>
      <c r="B118729" s="14" t="s">
        <v>1</v>
      </c>
      <c r="C118729" s="14" t="s">
        <v>558</v>
      </c>
      <c r="D118729" s="14" t="s">
        <v>193</v>
      </c>
      <c r="E118729" s="15">
        <v>45480</v>
      </c>
      <c r="F118729" s="14" t="s">
        <v>15</v>
      </c>
      <c r="G118729" s="16">
        <v>0.69512587522463543</v>
      </c>
    </row>
    <row r="118730" spans="1:7" x14ac:dyDescent="0.3">
      <c r="A118730" s="13" t="s">
        <v>560</v>
      </c>
      <c r="B118730" s="14" t="s">
        <v>1</v>
      </c>
      <c r="C118730" s="14" t="s">
        <v>558</v>
      </c>
      <c r="D118730" s="14" t="s">
        <v>193</v>
      </c>
      <c r="E118730" s="15">
        <v>45481</v>
      </c>
      <c r="F118730" s="14" t="s">
        <v>15</v>
      </c>
      <c r="G118730" s="16">
        <v>0.69576031955197626</v>
      </c>
    </row>
    <row r="118731" spans="1:7" x14ac:dyDescent="0.3">
      <c r="A118731" s="13" t="s">
        <v>560</v>
      </c>
      <c r="B118731" s="14" t="s">
        <v>1</v>
      </c>
      <c r="C118731" s="14" t="s">
        <v>558</v>
      </c>
      <c r="D118731" s="14" t="s">
        <v>193</v>
      </c>
      <c r="E118731" s="15">
        <v>45482</v>
      </c>
      <c r="F118731" s="14" t="s">
        <v>15</v>
      </c>
      <c r="G118731" s="16">
        <v>0.69278873263310159</v>
      </c>
    </row>
    <row r="118732" spans="1:7" x14ac:dyDescent="0.3">
      <c r="A118732" s="13" t="s">
        <v>560</v>
      </c>
      <c r="B118732" s="14" t="s">
        <v>1</v>
      </c>
      <c r="C118732" s="14" t="s">
        <v>558</v>
      </c>
      <c r="D118732" s="14" t="s">
        <v>193</v>
      </c>
      <c r="E118732" s="15">
        <v>45483</v>
      </c>
      <c r="F118732" s="14" t="s">
        <v>15</v>
      </c>
      <c r="G118732" s="16">
        <v>0.69125229165100788</v>
      </c>
    </row>
    <row r="118733" spans="1:7" x14ac:dyDescent="0.3">
      <c r="A118733" s="13" t="s">
        <v>560</v>
      </c>
      <c r="B118733" s="14" t="s">
        <v>1</v>
      </c>
      <c r="C118733" s="14" t="s">
        <v>558</v>
      </c>
      <c r="D118733" s="14" t="s">
        <v>193</v>
      </c>
      <c r="E118733" s="15">
        <v>45484</v>
      </c>
      <c r="F118733" s="14" t="s">
        <v>15</v>
      </c>
      <c r="G118733" s="16">
        <v>0.6895638584199133</v>
      </c>
    </row>
    <row r="118734" spans="1:7" x14ac:dyDescent="0.3">
      <c r="A118734" s="13" t="s">
        <v>560</v>
      </c>
      <c r="B118734" s="14" t="s">
        <v>1</v>
      </c>
      <c r="C118734" s="14" t="s">
        <v>558</v>
      </c>
      <c r="D118734" s="14" t="s">
        <v>193</v>
      </c>
      <c r="E118734" s="15">
        <v>45485</v>
      </c>
      <c r="F118734" s="14" t="s">
        <v>15</v>
      </c>
      <c r="G118734" s="16">
        <v>0.6900711379174127</v>
      </c>
    </row>
    <row r="118735" spans="1:7" x14ac:dyDescent="0.3">
      <c r="A118735" s="13" t="s">
        <v>560</v>
      </c>
      <c r="B118735" s="14" t="s">
        <v>1</v>
      </c>
      <c r="C118735" s="14" t="s">
        <v>558</v>
      </c>
      <c r="D118735" s="14" t="s">
        <v>193</v>
      </c>
      <c r="E118735" s="15">
        <v>45486</v>
      </c>
      <c r="F118735" s="14" t="s">
        <v>15</v>
      </c>
      <c r="G118735" s="16">
        <v>0.6900711379174127</v>
      </c>
    </row>
    <row r="118736" spans="1:7" x14ac:dyDescent="0.3">
      <c r="A118736" s="13" t="s">
        <v>560</v>
      </c>
      <c r="B118736" s="14" t="s">
        <v>1</v>
      </c>
      <c r="C118736" s="14" t="s">
        <v>558</v>
      </c>
      <c r="D118736" s="14" t="s">
        <v>193</v>
      </c>
      <c r="E118736" s="15">
        <v>45487</v>
      </c>
      <c r="F118736" s="14" t="s">
        <v>15</v>
      </c>
      <c r="G118736" s="16">
        <v>0.6900711379174127</v>
      </c>
    </row>
    <row r="118737" spans="1:7" x14ac:dyDescent="0.3">
      <c r="A118737" s="13" t="s">
        <v>560</v>
      </c>
      <c r="B118737" s="14" t="s">
        <v>1</v>
      </c>
      <c r="C118737" s="14" t="s">
        <v>558</v>
      </c>
      <c r="D118737" s="14" t="s">
        <v>193</v>
      </c>
      <c r="E118737" s="15">
        <v>45488</v>
      </c>
      <c r="F118737" s="14" t="s">
        <v>15</v>
      </c>
      <c r="G118737" s="16">
        <v>0.71487174428907951</v>
      </c>
    </row>
    <row r="118738" spans="1:7" x14ac:dyDescent="0.3">
      <c r="A118738" s="13" t="s">
        <v>560</v>
      </c>
      <c r="B118738" s="14" t="s">
        <v>1</v>
      </c>
      <c r="C118738" s="14" t="s">
        <v>558</v>
      </c>
      <c r="D118738" s="14" t="s">
        <v>193</v>
      </c>
      <c r="E118738" s="15">
        <v>45489</v>
      </c>
      <c r="F118738" s="14" t="s">
        <v>15</v>
      </c>
      <c r="G118738" s="16">
        <v>0.73956153559474169</v>
      </c>
    </row>
    <row r="118739" spans="1:7" x14ac:dyDescent="0.3">
      <c r="A118739" s="13" t="s">
        <v>560</v>
      </c>
      <c r="B118739" s="14" t="s">
        <v>1</v>
      </c>
      <c r="C118739" s="14" t="s">
        <v>558</v>
      </c>
      <c r="D118739" s="14" t="s">
        <v>193</v>
      </c>
      <c r="E118739" s="15">
        <v>45490</v>
      </c>
      <c r="F118739" s="14" t="s">
        <v>15</v>
      </c>
      <c r="G118739" s="16">
        <v>0.73795424563602208</v>
      </c>
    </row>
    <row r="118740" spans="1:7" x14ac:dyDescent="0.3">
      <c r="A118740" s="13" t="s">
        <v>560</v>
      </c>
      <c r="B118740" s="14" t="s">
        <v>1</v>
      </c>
      <c r="C118740" s="14" t="s">
        <v>558</v>
      </c>
      <c r="D118740" s="14" t="s">
        <v>193</v>
      </c>
      <c r="E118740" s="15">
        <v>45491</v>
      </c>
      <c r="F118740" s="14" t="s">
        <v>15</v>
      </c>
      <c r="G118740" s="16">
        <v>0.73828167773131737</v>
      </c>
    </row>
    <row r="118741" spans="1:7" x14ac:dyDescent="0.3">
      <c r="A118741" s="13" t="s">
        <v>560</v>
      </c>
      <c r="B118741" s="14" t="s">
        <v>1</v>
      </c>
      <c r="C118741" s="14" t="s">
        <v>558</v>
      </c>
      <c r="D118741" s="14" t="s">
        <v>193</v>
      </c>
      <c r="E118741" s="15">
        <v>45492</v>
      </c>
      <c r="F118741" s="14" t="s">
        <v>15</v>
      </c>
      <c r="G118741" s="16">
        <v>0.73674220901517984</v>
      </c>
    </row>
    <row r="118742" spans="1:7" x14ac:dyDescent="0.3">
      <c r="A118742" s="13" t="s">
        <v>560</v>
      </c>
      <c r="B118742" s="14" t="s">
        <v>1</v>
      </c>
      <c r="C118742" s="14" t="s">
        <v>558</v>
      </c>
      <c r="D118742" s="14" t="s">
        <v>193</v>
      </c>
      <c r="E118742" s="15">
        <v>45493</v>
      </c>
      <c r="F118742" s="14" t="s">
        <v>15</v>
      </c>
      <c r="G118742" s="16">
        <v>0.73674220901517984</v>
      </c>
    </row>
    <row r="118743" spans="1:7" x14ac:dyDescent="0.3">
      <c r="A118743" s="13" t="s">
        <v>560</v>
      </c>
      <c r="B118743" s="14" t="s">
        <v>1</v>
      </c>
      <c r="C118743" s="14" t="s">
        <v>558</v>
      </c>
      <c r="D118743" s="14" t="s">
        <v>193</v>
      </c>
      <c r="E118743" s="15">
        <v>45494</v>
      </c>
      <c r="F118743" s="14" t="s">
        <v>15</v>
      </c>
      <c r="G118743" s="16">
        <v>0.73674220901517984</v>
      </c>
    </row>
    <row r="118744" spans="1:7" x14ac:dyDescent="0.3">
      <c r="A118744" s="13" t="s">
        <v>560</v>
      </c>
      <c r="B118744" s="14" t="s">
        <v>1</v>
      </c>
      <c r="C118744" s="14" t="s">
        <v>558</v>
      </c>
      <c r="D118744" s="14" t="s">
        <v>193</v>
      </c>
      <c r="E118744" s="15">
        <v>45495</v>
      </c>
      <c r="F118744" s="14" t="s">
        <v>15</v>
      </c>
      <c r="G118744" s="16">
        <v>0.73739603084040117</v>
      </c>
    </row>
    <row r="118745" spans="1:7" x14ac:dyDescent="0.3">
      <c r="A118745" s="13" t="s">
        <v>560</v>
      </c>
      <c r="B118745" s="14" t="s">
        <v>1</v>
      </c>
      <c r="C118745" s="14" t="s">
        <v>558</v>
      </c>
      <c r="D118745" s="14" t="s">
        <v>193</v>
      </c>
      <c r="E118745" s="15">
        <v>45496</v>
      </c>
      <c r="F118745" s="14" t="s">
        <v>15</v>
      </c>
      <c r="G118745" s="16">
        <v>0.73552653911348487</v>
      </c>
    </row>
    <row r="118746" spans="1:7" x14ac:dyDescent="0.3">
      <c r="A118746" s="13" t="s">
        <v>560</v>
      </c>
      <c r="B118746" s="14" t="s">
        <v>1</v>
      </c>
      <c r="C118746" s="14" t="s">
        <v>558</v>
      </c>
      <c r="D118746" s="14" t="s">
        <v>193</v>
      </c>
      <c r="E118746" s="15">
        <v>45497</v>
      </c>
      <c r="F118746" s="14" t="s">
        <v>15</v>
      </c>
      <c r="G118746" s="16">
        <v>0.73899191477181758</v>
      </c>
    </row>
    <row r="118747" spans="1:7" x14ac:dyDescent="0.3">
      <c r="A118747" s="13" t="s">
        <v>560</v>
      </c>
      <c r="B118747" s="14" t="s">
        <v>1</v>
      </c>
      <c r="C118747" s="14" t="s">
        <v>558</v>
      </c>
      <c r="D118747" s="14" t="s">
        <v>193</v>
      </c>
      <c r="E118747" s="15">
        <v>45498</v>
      </c>
      <c r="F118747" s="14" t="s">
        <v>15</v>
      </c>
      <c r="G118747" s="16">
        <v>0.73746213480462042</v>
      </c>
    </row>
    <row r="118748" spans="1:7" x14ac:dyDescent="0.3">
      <c r="A118748" s="13" t="s">
        <v>560</v>
      </c>
      <c r="B118748" s="14" t="s">
        <v>1</v>
      </c>
      <c r="C118748" s="14" t="s">
        <v>558</v>
      </c>
      <c r="D118748" s="14" t="s">
        <v>193</v>
      </c>
      <c r="E118748" s="15">
        <v>45499</v>
      </c>
      <c r="F118748" s="14" t="s">
        <v>15</v>
      </c>
      <c r="G118748" s="16">
        <v>0.73724336367840659</v>
      </c>
    </row>
    <row r="118749" spans="1:7" x14ac:dyDescent="0.3">
      <c r="A118749" s="13" t="s">
        <v>560</v>
      </c>
      <c r="B118749" s="14" t="s">
        <v>1</v>
      </c>
      <c r="C118749" s="14" t="s">
        <v>558</v>
      </c>
      <c r="D118749" s="14" t="s">
        <v>193</v>
      </c>
      <c r="E118749" s="15">
        <v>45500</v>
      </c>
      <c r="F118749" s="14" t="s">
        <v>15</v>
      </c>
      <c r="G118749" s="16">
        <v>0.73724336367840659</v>
      </c>
    </row>
    <row r="118750" spans="1:7" x14ac:dyDescent="0.3">
      <c r="A118750" s="13" t="s">
        <v>560</v>
      </c>
      <c r="B118750" s="14" t="s">
        <v>1</v>
      </c>
      <c r="C118750" s="14" t="s">
        <v>558</v>
      </c>
      <c r="D118750" s="14" t="s">
        <v>193</v>
      </c>
      <c r="E118750" s="15">
        <v>45501</v>
      </c>
      <c r="F118750" s="14" t="s">
        <v>15</v>
      </c>
      <c r="G118750" s="16">
        <v>0.73724336367840659</v>
      </c>
    </row>
    <row r="118751" spans="1:7" x14ac:dyDescent="0.3">
      <c r="A118751" s="13" t="s">
        <v>560</v>
      </c>
      <c r="B118751" s="14" t="s">
        <v>1</v>
      </c>
      <c r="C118751" s="14" t="s">
        <v>558</v>
      </c>
      <c r="D118751" s="14" t="s">
        <v>193</v>
      </c>
      <c r="E118751" s="15">
        <v>45502</v>
      </c>
      <c r="F118751" s="14" t="s">
        <v>15</v>
      </c>
      <c r="G118751" s="16">
        <v>0.73885516055509937</v>
      </c>
    </row>
    <row r="118752" spans="1:7" x14ac:dyDescent="0.3">
      <c r="A118752" s="13" t="s">
        <v>560</v>
      </c>
      <c r="B118752" s="14" t="s">
        <v>1</v>
      </c>
      <c r="C118752" s="14" t="s">
        <v>558</v>
      </c>
      <c r="D118752" s="14" t="s">
        <v>193</v>
      </c>
      <c r="E118752" s="15">
        <v>45503</v>
      </c>
      <c r="F118752" s="14" t="s">
        <v>15</v>
      </c>
      <c r="G118752" s="16">
        <v>0.73429401326320787</v>
      </c>
    </row>
    <row r="118753" spans="1:7" x14ac:dyDescent="0.3">
      <c r="A118753" s="13" t="s">
        <v>560</v>
      </c>
      <c r="B118753" s="14" t="s">
        <v>1</v>
      </c>
      <c r="C118753" s="14" t="s">
        <v>558</v>
      </c>
      <c r="D118753" s="14" t="s">
        <v>193</v>
      </c>
      <c r="E118753" s="15">
        <v>45504</v>
      </c>
      <c r="F118753" s="14" t="s">
        <v>15</v>
      </c>
      <c r="G118753" s="16">
        <v>0.73531237426730778</v>
      </c>
    </row>
    <row r="118754" spans="1:7" x14ac:dyDescent="0.3">
      <c r="A118754" s="13" t="s">
        <v>560</v>
      </c>
      <c r="B118754" s="14" t="s">
        <v>1</v>
      </c>
      <c r="C118754" s="14" t="s">
        <v>558</v>
      </c>
      <c r="D118754" s="14" t="s">
        <v>193</v>
      </c>
      <c r="E118754" s="15">
        <v>45505</v>
      </c>
      <c r="F118754" s="14" t="s">
        <v>15</v>
      </c>
      <c r="G118754" s="16">
        <v>0.73366875150006206</v>
      </c>
    </row>
    <row r="118755" spans="1:7" x14ac:dyDescent="0.3">
      <c r="A118755" s="13" t="s">
        <v>560</v>
      </c>
      <c r="B118755" s="14" t="s">
        <v>1</v>
      </c>
      <c r="C118755" s="14" t="s">
        <v>558</v>
      </c>
      <c r="D118755" s="14" t="s">
        <v>193</v>
      </c>
      <c r="E118755" s="15">
        <v>45506</v>
      </c>
      <c r="F118755" s="14" t="s">
        <v>15</v>
      </c>
      <c r="G118755" s="16">
        <v>0.73384055806550386</v>
      </c>
    </row>
    <row r="118756" spans="1:7" x14ac:dyDescent="0.3">
      <c r="A118756" s="13" t="s">
        <v>560</v>
      </c>
      <c r="B118756" s="14" t="s">
        <v>1</v>
      </c>
      <c r="C118756" s="14" t="s">
        <v>558</v>
      </c>
      <c r="D118756" s="14" t="s">
        <v>193</v>
      </c>
      <c r="E118756" s="15">
        <v>45507</v>
      </c>
      <c r="F118756" s="14" t="s">
        <v>15</v>
      </c>
      <c r="G118756" s="16">
        <v>0.73384055806550386</v>
      </c>
    </row>
    <row r="118757" spans="1:7" x14ac:dyDescent="0.3">
      <c r="A118757" s="13" t="s">
        <v>560</v>
      </c>
      <c r="B118757" s="14" t="s">
        <v>1</v>
      </c>
      <c r="C118757" s="14" t="s">
        <v>558</v>
      </c>
      <c r="D118757" s="14" t="s">
        <v>193</v>
      </c>
      <c r="E118757" s="15">
        <v>45508</v>
      </c>
      <c r="F118757" s="14" t="s">
        <v>15</v>
      </c>
      <c r="G118757" s="16">
        <v>0.73384055806550386</v>
      </c>
    </row>
    <row r="118758" spans="1:7" x14ac:dyDescent="0.3">
      <c r="A118758" s="13" t="s">
        <v>560</v>
      </c>
      <c r="B118758" s="14" t="s">
        <v>1</v>
      </c>
      <c r="C118758" s="14" t="s">
        <v>558</v>
      </c>
      <c r="D118758" s="14" t="s">
        <v>193</v>
      </c>
      <c r="E118758" s="15">
        <v>45509</v>
      </c>
      <c r="F118758" s="14" t="s">
        <v>15</v>
      </c>
      <c r="G118758" s="16">
        <v>0.73384055806550386</v>
      </c>
    </row>
    <row r="118759" spans="1:7" x14ac:dyDescent="0.3">
      <c r="A118759" s="13" t="s">
        <v>560</v>
      </c>
      <c r="B118759" s="14" t="s">
        <v>1</v>
      </c>
      <c r="C118759" s="14" t="s">
        <v>558</v>
      </c>
      <c r="D118759" s="14" t="s">
        <v>193</v>
      </c>
      <c r="E118759" s="15">
        <v>45510</v>
      </c>
      <c r="F118759" s="14" t="s">
        <v>15</v>
      </c>
      <c r="G118759" s="16">
        <v>0.73543418853793363</v>
      </c>
    </row>
    <row r="118760" spans="1:7" x14ac:dyDescent="0.3">
      <c r="A118760" s="13" t="s">
        <v>560</v>
      </c>
      <c r="B118760" s="14" t="s">
        <v>1</v>
      </c>
      <c r="C118760" s="14" t="s">
        <v>558</v>
      </c>
      <c r="D118760" s="14" t="s">
        <v>193</v>
      </c>
      <c r="E118760" s="15">
        <v>45511</v>
      </c>
      <c r="F118760" s="14" t="s">
        <v>15</v>
      </c>
      <c r="G118760" s="16">
        <v>0.72905155644526698</v>
      </c>
    </row>
    <row r="118761" spans="1:7" x14ac:dyDescent="0.3">
      <c r="A118761" s="13" t="s">
        <v>560</v>
      </c>
      <c r="B118761" s="14" t="s">
        <v>1</v>
      </c>
      <c r="C118761" s="14" t="s">
        <v>558</v>
      </c>
      <c r="D118761" s="14" t="s">
        <v>193</v>
      </c>
      <c r="E118761" s="15">
        <v>45512</v>
      </c>
      <c r="F118761" s="14" t="s">
        <v>15</v>
      </c>
      <c r="G118761" s="16">
        <v>0.74588224405637937</v>
      </c>
    </row>
    <row r="118762" spans="1:7" x14ac:dyDescent="0.3">
      <c r="A118762" s="13" t="s">
        <v>560</v>
      </c>
      <c r="B118762" s="14" t="s">
        <v>1</v>
      </c>
      <c r="C118762" s="14" t="s">
        <v>558</v>
      </c>
      <c r="D118762" s="14" t="s">
        <v>193</v>
      </c>
      <c r="E118762" s="15">
        <v>45513</v>
      </c>
      <c r="F118762" s="14" t="s">
        <v>15</v>
      </c>
      <c r="G118762" s="16">
        <v>0.74453259686359985</v>
      </c>
    </row>
    <row r="118763" spans="1:7" x14ac:dyDescent="0.3">
      <c r="A118763" s="13" t="s">
        <v>560</v>
      </c>
      <c r="B118763" s="14" t="s">
        <v>1</v>
      </c>
      <c r="C118763" s="14" t="s">
        <v>558</v>
      </c>
      <c r="D118763" s="14" t="s">
        <v>193</v>
      </c>
      <c r="E118763" s="15">
        <v>45514</v>
      </c>
      <c r="F118763" s="14" t="s">
        <v>15</v>
      </c>
      <c r="G118763" s="16">
        <v>0.74453259686359985</v>
      </c>
    </row>
    <row r="118764" spans="1:7" x14ac:dyDescent="0.3">
      <c r="A118764" s="13" t="s">
        <v>560</v>
      </c>
      <c r="B118764" s="14" t="s">
        <v>1</v>
      </c>
      <c r="C118764" s="14" t="s">
        <v>558</v>
      </c>
      <c r="D118764" s="14" t="s">
        <v>193</v>
      </c>
      <c r="E118764" s="15">
        <v>45515</v>
      </c>
      <c r="F118764" s="14" t="s">
        <v>15</v>
      </c>
      <c r="G118764" s="16">
        <v>0.74453259686359985</v>
      </c>
    </row>
    <row r="118765" spans="1:7" x14ac:dyDescent="0.3">
      <c r="A118765" s="13" t="s">
        <v>560</v>
      </c>
      <c r="B118765" s="14" t="s">
        <v>1</v>
      </c>
      <c r="C118765" s="14" t="s">
        <v>558</v>
      </c>
      <c r="D118765" s="14" t="s">
        <v>193</v>
      </c>
      <c r="E118765" s="15">
        <v>45516</v>
      </c>
      <c r="F118765" s="14" t="s">
        <v>15</v>
      </c>
      <c r="G118765" s="16">
        <v>0.7445118914729596</v>
      </c>
    </row>
    <row r="118766" spans="1:7" x14ac:dyDescent="0.3">
      <c r="A118766" s="13" t="s">
        <v>560</v>
      </c>
      <c r="B118766" s="14" t="s">
        <v>1</v>
      </c>
      <c r="C118766" s="14" t="s">
        <v>558</v>
      </c>
      <c r="D118766" s="14" t="s">
        <v>193</v>
      </c>
      <c r="E118766" s="15">
        <v>45517</v>
      </c>
      <c r="F118766" s="14" t="s">
        <v>15</v>
      </c>
      <c r="G118766" s="16">
        <v>0.78256817889068331</v>
      </c>
    </row>
    <row r="118767" spans="1:7" x14ac:dyDescent="0.3">
      <c r="A118767" s="13" t="s">
        <v>560</v>
      </c>
      <c r="B118767" s="14" t="s">
        <v>1</v>
      </c>
      <c r="C118767" s="14" t="s">
        <v>558</v>
      </c>
      <c r="D118767" s="14" t="s">
        <v>193</v>
      </c>
      <c r="E118767" s="15">
        <v>45518</v>
      </c>
      <c r="F118767" s="14" t="s">
        <v>15</v>
      </c>
      <c r="G118767" s="16">
        <v>0.80595594633499801</v>
      </c>
    </row>
    <row r="118768" spans="1:7" x14ac:dyDescent="0.3">
      <c r="A118768" s="13" t="s">
        <v>560</v>
      </c>
      <c r="B118768" s="14" t="s">
        <v>1</v>
      </c>
      <c r="C118768" s="14" t="s">
        <v>558</v>
      </c>
      <c r="D118768" s="14" t="s">
        <v>193</v>
      </c>
      <c r="E118768" s="15">
        <v>45519</v>
      </c>
      <c r="F118768" s="14" t="s">
        <v>15</v>
      </c>
      <c r="G118768" s="16">
        <v>0.8185091214060729</v>
      </c>
    </row>
    <row r="118769" spans="1:7" x14ac:dyDescent="0.3">
      <c r="A118769" s="13" t="s">
        <v>560</v>
      </c>
      <c r="B118769" s="14" t="s">
        <v>1</v>
      </c>
      <c r="C118769" s="14" t="s">
        <v>558</v>
      </c>
      <c r="D118769" s="14" t="s">
        <v>193</v>
      </c>
      <c r="E118769" s="15">
        <v>45520</v>
      </c>
      <c r="F118769" s="14" t="s">
        <v>15</v>
      </c>
      <c r="G118769" s="16">
        <v>0.81598403455655788</v>
      </c>
    </row>
    <row r="118770" spans="1:7" x14ac:dyDescent="0.3">
      <c r="A118770" s="13" t="s">
        <v>560</v>
      </c>
      <c r="B118770" s="14" t="s">
        <v>1</v>
      </c>
      <c r="C118770" s="14" t="s">
        <v>558</v>
      </c>
      <c r="D118770" s="14" t="s">
        <v>193</v>
      </c>
      <c r="E118770" s="15">
        <v>45521</v>
      </c>
      <c r="F118770" s="14" t="s">
        <v>15</v>
      </c>
      <c r="G118770" s="16">
        <v>0.81598403455655788</v>
      </c>
    </row>
    <row r="118771" spans="1:7" x14ac:dyDescent="0.3">
      <c r="A118771" s="13" t="s">
        <v>560</v>
      </c>
      <c r="B118771" s="14" t="s">
        <v>1</v>
      </c>
      <c r="C118771" s="14" t="s">
        <v>558</v>
      </c>
      <c r="D118771" s="14" t="s">
        <v>193</v>
      </c>
      <c r="E118771" s="15">
        <v>45522</v>
      </c>
      <c r="F118771" s="14" t="s">
        <v>15</v>
      </c>
      <c r="G118771" s="16">
        <v>0.81598403455655788</v>
      </c>
    </row>
    <row r="118772" spans="1:7" x14ac:dyDescent="0.3">
      <c r="A118772" s="13" t="s">
        <v>560</v>
      </c>
      <c r="B118772" s="14" t="s">
        <v>1</v>
      </c>
      <c r="C118772" s="14" t="s">
        <v>558</v>
      </c>
      <c r="D118772" s="14" t="s">
        <v>193</v>
      </c>
      <c r="E118772" s="15">
        <v>45523</v>
      </c>
      <c r="F118772" s="14" t="s">
        <v>15</v>
      </c>
      <c r="G118772" s="16">
        <v>0.81392912356973701</v>
      </c>
    </row>
    <row r="118773" spans="1:7" x14ac:dyDescent="0.3">
      <c r="A118773" s="13" t="s">
        <v>560</v>
      </c>
      <c r="B118773" s="14" t="s">
        <v>1</v>
      </c>
      <c r="C118773" s="14" t="s">
        <v>558</v>
      </c>
      <c r="D118773" s="14" t="s">
        <v>193</v>
      </c>
      <c r="E118773" s="15">
        <v>45524</v>
      </c>
      <c r="F118773" s="14" t="s">
        <v>15</v>
      </c>
      <c r="G118773" s="16">
        <v>0.81389693573514932</v>
      </c>
    </row>
    <row r="118774" spans="1:7" x14ac:dyDescent="0.3">
      <c r="A118774" s="13" t="s">
        <v>560</v>
      </c>
      <c r="B118774" s="14" t="s">
        <v>1</v>
      </c>
      <c r="C118774" s="14" t="s">
        <v>558</v>
      </c>
      <c r="D118774" s="14" t="s">
        <v>193</v>
      </c>
      <c r="E118774" s="15">
        <v>45525</v>
      </c>
      <c r="F118774" s="14" t="s">
        <v>15</v>
      </c>
      <c r="G118774" s="16">
        <v>0.81231461796764315</v>
      </c>
    </row>
    <row r="118775" spans="1:7" x14ac:dyDescent="0.3">
      <c r="A118775" s="13" t="s">
        <v>560</v>
      </c>
      <c r="B118775" s="14" t="s">
        <v>1</v>
      </c>
      <c r="C118775" s="14" t="s">
        <v>558</v>
      </c>
      <c r="D118775" s="14" t="s">
        <v>193</v>
      </c>
      <c r="E118775" s="15">
        <v>45526</v>
      </c>
      <c r="F118775" s="14" t="s">
        <v>15</v>
      </c>
      <c r="G118775" s="16">
        <v>0.81071900473872394</v>
      </c>
    </row>
    <row r="118776" spans="1:7" x14ac:dyDescent="0.3">
      <c r="A118776" s="13" t="s">
        <v>560</v>
      </c>
      <c r="B118776" s="14" t="s">
        <v>1</v>
      </c>
      <c r="C118776" s="14" t="s">
        <v>558</v>
      </c>
      <c r="D118776" s="14" t="s">
        <v>193</v>
      </c>
      <c r="E118776" s="15">
        <v>45527</v>
      </c>
      <c r="F118776" s="14" t="s">
        <v>15</v>
      </c>
      <c r="G118776" s="16">
        <v>0.84725779653790645</v>
      </c>
    </row>
    <row r="118777" spans="1:7" x14ac:dyDescent="0.3">
      <c r="A118777" s="13" t="s">
        <v>560</v>
      </c>
      <c r="B118777" s="14" t="s">
        <v>1</v>
      </c>
      <c r="C118777" s="14" t="s">
        <v>558</v>
      </c>
      <c r="D118777" s="14" t="s">
        <v>193</v>
      </c>
      <c r="E118777" s="15">
        <v>45528</v>
      </c>
      <c r="F118777" s="14" t="s">
        <v>15</v>
      </c>
      <c r="G118777" s="16">
        <v>0.84725779653790645</v>
      </c>
    </row>
    <row r="118778" spans="1:7" x14ac:dyDescent="0.3">
      <c r="A118778" s="13" t="s">
        <v>560</v>
      </c>
      <c r="B118778" s="14" t="s">
        <v>1</v>
      </c>
      <c r="C118778" s="14" t="s">
        <v>558</v>
      </c>
      <c r="D118778" s="14" t="s">
        <v>193</v>
      </c>
      <c r="E118778" s="15">
        <v>45529</v>
      </c>
      <c r="F118778" s="14" t="s">
        <v>15</v>
      </c>
      <c r="G118778" s="16">
        <v>0.84725779653790645</v>
      </c>
    </row>
    <row r="118779" spans="1:7" x14ac:dyDescent="0.3">
      <c r="A118779" s="13" t="s">
        <v>560</v>
      </c>
      <c r="B118779" s="14" t="s">
        <v>1</v>
      </c>
      <c r="C118779" s="14" t="s">
        <v>558</v>
      </c>
      <c r="D118779" s="14" t="s">
        <v>193</v>
      </c>
      <c r="E118779" s="15">
        <v>45530</v>
      </c>
      <c r="F118779" s="14" t="s">
        <v>15</v>
      </c>
      <c r="G118779" s="16">
        <v>0.84639343368669939</v>
      </c>
    </row>
    <row r="118780" spans="1:7" x14ac:dyDescent="0.3">
      <c r="A118780" s="13" t="s">
        <v>560</v>
      </c>
      <c r="B118780" s="14" t="s">
        <v>1</v>
      </c>
      <c r="C118780" s="14" t="s">
        <v>558</v>
      </c>
      <c r="D118780" s="14" t="s">
        <v>193</v>
      </c>
      <c r="E118780" s="15">
        <v>45531</v>
      </c>
      <c r="F118780" s="14" t="s">
        <v>15</v>
      </c>
      <c r="G118780" s="16">
        <v>0.84013292651930205</v>
      </c>
    </row>
    <row r="118781" spans="1:7" x14ac:dyDescent="0.3">
      <c r="A118781" s="13" t="s">
        <v>560</v>
      </c>
      <c r="B118781" s="14" t="s">
        <v>1</v>
      </c>
      <c r="C118781" s="14" t="s">
        <v>558</v>
      </c>
      <c r="D118781" s="14" t="s">
        <v>193</v>
      </c>
      <c r="E118781" s="15">
        <v>45532</v>
      </c>
      <c r="F118781" s="14" t="s">
        <v>15</v>
      </c>
      <c r="G118781" s="16">
        <v>0.83875306236876557</v>
      </c>
    </row>
    <row r="118782" spans="1:7" x14ac:dyDescent="0.3">
      <c r="A118782" s="13" t="s">
        <v>560</v>
      </c>
      <c r="B118782" s="14" t="s">
        <v>1</v>
      </c>
      <c r="C118782" s="14" t="s">
        <v>558</v>
      </c>
      <c r="D118782" s="14" t="s">
        <v>193</v>
      </c>
      <c r="E118782" s="15">
        <v>45533</v>
      </c>
      <c r="F118782" s="14" t="s">
        <v>15</v>
      </c>
      <c r="G118782" s="16">
        <v>0.83724084794325493</v>
      </c>
    </row>
    <row r="118783" spans="1:7" x14ac:dyDescent="0.3">
      <c r="A118783" s="13" t="s">
        <v>560</v>
      </c>
      <c r="B118783" s="14" t="s">
        <v>1</v>
      </c>
      <c r="C118783" s="14" t="s">
        <v>558</v>
      </c>
      <c r="D118783" s="14" t="s">
        <v>193</v>
      </c>
      <c r="E118783" s="15">
        <v>45534</v>
      </c>
      <c r="F118783" s="14" t="s">
        <v>15</v>
      </c>
      <c r="G118783" s="16">
        <v>0.83568935147266077</v>
      </c>
    </row>
    <row r="118784" spans="1:7" x14ac:dyDescent="0.3">
      <c r="A118784" s="13" t="s">
        <v>560</v>
      </c>
      <c r="B118784" s="14" t="s">
        <v>1</v>
      </c>
      <c r="C118784" s="14" t="s">
        <v>558</v>
      </c>
      <c r="D118784" s="14" t="s">
        <v>193</v>
      </c>
      <c r="E118784" s="15">
        <v>45535</v>
      </c>
      <c r="F118784" s="14" t="s">
        <v>15</v>
      </c>
      <c r="G118784" s="16">
        <v>0.83568935147266077</v>
      </c>
    </row>
    <row r="118785" spans="1:7" x14ac:dyDescent="0.3">
      <c r="A118785" s="13" t="s">
        <v>560</v>
      </c>
      <c r="B118785" s="14" t="s">
        <v>1</v>
      </c>
      <c r="C118785" s="14" t="s">
        <v>558</v>
      </c>
      <c r="D118785" s="14" t="s">
        <v>193</v>
      </c>
      <c r="E118785" s="15">
        <v>45536</v>
      </c>
      <c r="F118785" s="14" t="s">
        <v>15</v>
      </c>
      <c r="G118785" s="16">
        <v>0.83568935147266077</v>
      </c>
    </row>
    <row r="118786" spans="1:7" x14ac:dyDescent="0.3">
      <c r="A118786" s="13" t="s">
        <v>560</v>
      </c>
      <c r="B118786" s="14" t="s">
        <v>1</v>
      </c>
      <c r="C118786" s="14" t="s">
        <v>558</v>
      </c>
      <c r="D118786" s="14" t="s">
        <v>193</v>
      </c>
      <c r="E118786" s="15">
        <v>45537</v>
      </c>
      <c r="F118786" s="14" t="s">
        <v>15</v>
      </c>
      <c r="G118786" s="16">
        <v>0.83421400173561311</v>
      </c>
    </row>
    <row r="118787" spans="1:7" x14ac:dyDescent="0.3">
      <c r="A118787" s="13" t="s">
        <v>560</v>
      </c>
      <c r="B118787" s="14" t="s">
        <v>1</v>
      </c>
      <c r="C118787" s="14" t="s">
        <v>558</v>
      </c>
      <c r="D118787" s="14" t="s">
        <v>193</v>
      </c>
      <c r="E118787" s="15">
        <v>45538</v>
      </c>
      <c r="F118787" s="14" t="s">
        <v>15</v>
      </c>
      <c r="G118787" s="16">
        <v>0.83069175528012729</v>
      </c>
    </row>
    <row r="118788" spans="1:7" x14ac:dyDescent="0.3">
      <c r="A118788" s="13" t="s">
        <v>560</v>
      </c>
      <c r="B118788" s="14" t="s">
        <v>1</v>
      </c>
      <c r="C118788" s="14" t="s">
        <v>558</v>
      </c>
      <c r="D118788" s="14" t="s">
        <v>193</v>
      </c>
      <c r="E118788" s="15">
        <v>45539</v>
      </c>
      <c r="F118788" s="14" t="s">
        <v>15</v>
      </c>
      <c r="G118788" s="16">
        <v>0.83509964721830798</v>
      </c>
    </row>
    <row r="118789" spans="1:7" x14ac:dyDescent="0.3">
      <c r="A118789" s="13" t="s">
        <v>560</v>
      </c>
      <c r="B118789" s="14" t="s">
        <v>1</v>
      </c>
      <c r="C118789" s="14" t="s">
        <v>558</v>
      </c>
      <c r="D118789" s="14" t="s">
        <v>193</v>
      </c>
      <c r="E118789" s="15">
        <v>45540</v>
      </c>
      <c r="F118789" s="14" t="s">
        <v>15</v>
      </c>
      <c r="G118789" s="16">
        <v>0.83353425094714551</v>
      </c>
    </row>
    <row r="118790" spans="1:7" x14ac:dyDescent="0.3">
      <c r="A118790" s="13" t="s">
        <v>560</v>
      </c>
      <c r="B118790" s="14" t="s">
        <v>1</v>
      </c>
      <c r="C118790" s="14" t="s">
        <v>558</v>
      </c>
      <c r="D118790" s="14" t="s">
        <v>193</v>
      </c>
      <c r="E118790" s="15">
        <v>45541</v>
      </c>
      <c r="F118790" s="14" t="s">
        <v>15</v>
      </c>
      <c r="G118790" s="16">
        <v>0.85142374075805216</v>
      </c>
    </row>
    <row r="118791" spans="1:7" x14ac:dyDescent="0.3">
      <c r="A118791" s="13" t="s">
        <v>560</v>
      </c>
      <c r="B118791" s="14" t="s">
        <v>1</v>
      </c>
      <c r="C118791" s="14" t="s">
        <v>558</v>
      </c>
      <c r="D118791" s="14" t="s">
        <v>193</v>
      </c>
      <c r="E118791" s="15">
        <v>45542</v>
      </c>
      <c r="F118791" s="14" t="s">
        <v>15</v>
      </c>
      <c r="G118791" s="16">
        <v>0.85142374075805216</v>
      </c>
    </row>
    <row r="118792" spans="1:7" x14ac:dyDescent="0.3">
      <c r="A118792" s="13" t="s">
        <v>560</v>
      </c>
      <c r="B118792" s="14" t="s">
        <v>1</v>
      </c>
      <c r="C118792" s="14" t="s">
        <v>558</v>
      </c>
      <c r="D118792" s="14" t="s">
        <v>193</v>
      </c>
      <c r="E118792" s="15">
        <v>45543</v>
      </c>
      <c r="F118792" s="14" t="s">
        <v>15</v>
      </c>
      <c r="G118792" s="16">
        <v>0.85142374075805216</v>
      </c>
    </row>
    <row r="118793" spans="1:7" x14ac:dyDescent="0.3">
      <c r="A118793" s="13" t="s">
        <v>560</v>
      </c>
      <c r="B118793" s="14" t="s">
        <v>1</v>
      </c>
      <c r="C118793" s="14" t="s">
        <v>558</v>
      </c>
      <c r="D118793" s="14" t="s">
        <v>193</v>
      </c>
      <c r="E118793" s="15">
        <v>45544</v>
      </c>
      <c r="F118793" s="14" t="s">
        <v>15</v>
      </c>
      <c r="G118793" s="16">
        <v>0.85027654718224244</v>
      </c>
    </row>
    <row r="118794" spans="1:7" x14ac:dyDescent="0.3">
      <c r="A118794" s="13" t="s">
        <v>560</v>
      </c>
      <c r="B118794" s="14" t="s">
        <v>1</v>
      </c>
      <c r="C118794" s="14" t="s">
        <v>558</v>
      </c>
      <c r="D118794" s="14" t="s">
        <v>193</v>
      </c>
      <c r="E118794" s="15">
        <v>45545</v>
      </c>
      <c r="F118794" s="14" t="s">
        <v>15</v>
      </c>
      <c r="G118794" s="16">
        <v>0.85771943035750531</v>
      </c>
    </row>
    <row r="118795" spans="1:7" x14ac:dyDescent="0.3">
      <c r="A118795" s="13" t="s">
        <v>560</v>
      </c>
      <c r="B118795" s="14" t="s">
        <v>1</v>
      </c>
      <c r="C118795" s="14" t="s">
        <v>558</v>
      </c>
      <c r="D118795" s="14" t="s">
        <v>193</v>
      </c>
      <c r="E118795" s="15">
        <v>45546</v>
      </c>
      <c r="F118795" s="14" t="s">
        <v>15</v>
      </c>
      <c r="G118795" s="16">
        <v>0.85619271179227141</v>
      </c>
    </row>
    <row r="118796" spans="1:7" x14ac:dyDescent="0.3">
      <c r="A118796" s="13" t="s">
        <v>560</v>
      </c>
      <c r="B118796" s="14" t="s">
        <v>1</v>
      </c>
      <c r="C118796" s="14" t="s">
        <v>558</v>
      </c>
      <c r="D118796" s="14" t="s">
        <v>193</v>
      </c>
      <c r="E118796" s="15">
        <v>45547</v>
      </c>
      <c r="F118796" s="14" t="s">
        <v>15</v>
      </c>
      <c r="G118796" s="16">
        <v>0.85467143227943387</v>
      </c>
    </row>
    <row r="118797" spans="1:7" x14ac:dyDescent="0.3">
      <c r="A118797" s="13" t="s">
        <v>560</v>
      </c>
      <c r="B118797" s="14" t="s">
        <v>1</v>
      </c>
      <c r="C118797" s="14" t="s">
        <v>558</v>
      </c>
      <c r="D118797" s="14" t="s">
        <v>193</v>
      </c>
      <c r="E118797" s="15">
        <v>45548</v>
      </c>
      <c r="F118797" s="14" t="s">
        <v>15</v>
      </c>
      <c r="G118797" s="16">
        <v>0.88898927768349945</v>
      </c>
    </row>
    <row r="118798" spans="1:7" x14ac:dyDescent="0.3">
      <c r="A118798" s="13" t="s">
        <v>560</v>
      </c>
      <c r="B118798" s="14" t="s">
        <v>1</v>
      </c>
      <c r="C118798" s="14" t="s">
        <v>558</v>
      </c>
      <c r="D118798" s="14" t="s">
        <v>193</v>
      </c>
      <c r="E118798" s="15">
        <v>45549</v>
      </c>
      <c r="F118798" s="14" t="s">
        <v>15</v>
      </c>
      <c r="G118798" s="16">
        <v>0.88898927768349945</v>
      </c>
    </row>
    <row r="118799" spans="1:7" x14ac:dyDescent="0.3">
      <c r="A118799" s="13" t="s">
        <v>560</v>
      </c>
      <c r="B118799" s="14" t="s">
        <v>1</v>
      </c>
      <c r="C118799" s="14" t="s">
        <v>558</v>
      </c>
      <c r="D118799" s="14" t="s">
        <v>193</v>
      </c>
      <c r="E118799" s="15">
        <v>45550</v>
      </c>
      <c r="F118799" s="14" t="s">
        <v>15</v>
      </c>
      <c r="G118799" s="16">
        <v>0.88898927768349945</v>
      </c>
    </row>
    <row r="118800" spans="1:7" x14ac:dyDescent="0.3">
      <c r="A118800" s="13" t="s">
        <v>560</v>
      </c>
      <c r="B118800" s="14" t="s">
        <v>1</v>
      </c>
      <c r="C118800" s="14" t="s">
        <v>558</v>
      </c>
      <c r="D118800" s="14" t="s">
        <v>193</v>
      </c>
      <c r="E118800" s="15">
        <v>45551</v>
      </c>
      <c r="F118800" s="14" t="s">
        <v>15</v>
      </c>
      <c r="G118800" s="16">
        <v>0.88835335503293289</v>
      </c>
    </row>
    <row r="118801" spans="1:7" x14ac:dyDescent="0.3">
      <c r="A118801" s="13" t="s">
        <v>560</v>
      </c>
      <c r="B118801" s="14" t="s">
        <v>1</v>
      </c>
      <c r="C118801" s="14" t="s">
        <v>558</v>
      </c>
      <c r="D118801" s="14" t="s">
        <v>193</v>
      </c>
      <c r="E118801" s="15">
        <v>45552</v>
      </c>
      <c r="F118801" s="14" t="s">
        <v>15</v>
      </c>
      <c r="G118801" s="16">
        <v>0.88380796238780546</v>
      </c>
    </row>
    <row r="118802" spans="1:7" x14ac:dyDescent="0.3">
      <c r="A118802" s="13" t="s">
        <v>560</v>
      </c>
      <c r="B118802" s="14" t="s">
        <v>1</v>
      </c>
      <c r="C118802" s="14" t="s">
        <v>558</v>
      </c>
      <c r="D118802" s="14" t="s">
        <v>193</v>
      </c>
      <c r="E118802" s="15">
        <v>45553</v>
      </c>
      <c r="F118802" s="14" t="s">
        <v>15</v>
      </c>
      <c r="G118802" s="16">
        <v>0.88216460636563065</v>
      </c>
    </row>
    <row r="118803" spans="1:7" x14ac:dyDescent="0.3">
      <c r="A118803" s="13" t="s">
        <v>560</v>
      </c>
      <c r="B118803" s="14" t="s">
        <v>1</v>
      </c>
      <c r="C118803" s="14" t="s">
        <v>558</v>
      </c>
      <c r="D118803" s="14" t="s">
        <v>193</v>
      </c>
      <c r="E118803" s="15">
        <v>45554</v>
      </c>
      <c r="F118803" s="14" t="s">
        <v>15</v>
      </c>
      <c r="G118803" s="16">
        <v>0.8806451398702585</v>
      </c>
    </row>
    <row r="118804" spans="1:7" x14ac:dyDescent="0.3">
      <c r="A118804" s="13" t="s">
        <v>560</v>
      </c>
      <c r="B118804" s="14" t="s">
        <v>1</v>
      </c>
      <c r="C118804" s="14" t="s">
        <v>558</v>
      </c>
      <c r="D118804" s="14" t="s">
        <v>193</v>
      </c>
      <c r="E118804" s="15">
        <v>45555</v>
      </c>
      <c r="F118804" s="14" t="s">
        <v>15</v>
      </c>
      <c r="G118804" s="16">
        <v>0.87916918579405579</v>
      </c>
    </row>
    <row r="118805" spans="1:7" x14ac:dyDescent="0.3">
      <c r="A118805" s="13" t="s">
        <v>560</v>
      </c>
      <c r="B118805" s="14" t="s">
        <v>1</v>
      </c>
      <c r="C118805" s="14" t="s">
        <v>558</v>
      </c>
      <c r="D118805" s="14" t="s">
        <v>193</v>
      </c>
      <c r="E118805" s="15">
        <v>45556</v>
      </c>
      <c r="F118805" s="14" t="s">
        <v>15</v>
      </c>
      <c r="G118805" s="16">
        <v>0.87916918579405579</v>
      </c>
    </row>
    <row r="118806" spans="1:7" x14ac:dyDescent="0.3">
      <c r="A118806" s="13" t="s">
        <v>560</v>
      </c>
      <c r="B118806" s="14" t="s">
        <v>1</v>
      </c>
      <c r="C118806" s="14" t="s">
        <v>558</v>
      </c>
      <c r="D118806" s="14" t="s">
        <v>193</v>
      </c>
      <c r="E118806" s="15">
        <v>45557</v>
      </c>
      <c r="F118806" s="14" t="s">
        <v>15</v>
      </c>
      <c r="G118806" s="16">
        <v>0.87916918579405579</v>
      </c>
    </row>
    <row r="118807" spans="1:7" x14ac:dyDescent="0.3">
      <c r="A118807" s="13" t="s">
        <v>560</v>
      </c>
      <c r="B118807" s="14" t="s">
        <v>1</v>
      </c>
      <c r="C118807" s="14" t="s">
        <v>558</v>
      </c>
      <c r="D118807" s="14" t="s">
        <v>193</v>
      </c>
      <c r="E118807" s="15">
        <v>45558</v>
      </c>
      <c r="F118807" s="14" t="s">
        <v>15</v>
      </c>
      <c r="G118807" s="16">
        <v>0.87764307156797705</v>
      </c>
    </row>
    <row r="118808" spans="1:7" x14ac:dyDescent="0.3">
      <c r="A118808" s="13" t="s">
        <v>560</v>
      </c>
      <c r="B118808" s="14" t="s">
        <v>1</v>
      </c>
      <c r="C118808" s="14" t="s">
        <v>558</v>
      </c>
      <c r="D118808" s="14" t="s">
        <v>193</v>
      </c>
      <c r="E118808" s="15">
        <v>45559</v>
      </c>
      <c r="F118808" s="14" t="s">
        <v>15</v>
      </c>
      <c r="G118808" s="16">
        <v>0.8838144251608383</v>
      </c>
    </row>
    <row r="118809" spans="1:7" x14ac:dyDescent="0.3">
      <c r="A118809" s="13" t="s">
        <v>560</v>
      </c>
      <c r="B118809" s="14" t="s">
        <v>1</v>
      </c>
      <c r="C118809" s="14" t="s">
        <v>558</v>
      </c>
      <c r="D118809" s="14" t="s">
        <v>193</v>
      </c>
      <c r="E118809" s="15">
        <v>45560</v>
      </c>
      <c r="F118809" s="14" t="s">
        <v>15</v>
      </c>
      <c r="G118809" s="16">
        <v>0.88221095552290252</v>
      </c>
    </row>
    <row r="118810" spans="1:7" x14ac:dyDescent="0.3">
      <c r="A118810" s="13" t="s">
        <v>560</v>
      </c>
      <c r="B118810" s="14" t="s">
        <v>1</v>
      </c>
      <c r="C118810" s="14" t="s">
        <v>558</v>
      </c>
      <c r="D118810" s="14" t="s">
        <v>193</v>
      </c>
      <c r="E118810" s="15">
        <v>45561</v>
      </c>
      <c r="F118810" s="14" t="s">
        <v>15</v>
      </c>
      <c r="G118810" s="16">
        <v>0.8983587398887134</v>
      </c>
    </row>
    <row r="118811" spans="1:7" x14ac:dyDescent="0.3">
      <c r="A118811" s="13" t="s">
        <v>560</v>
      </c>
      <c r="B118811" s="14" t="s">
        <v>1</v>
      </c>
      <c r="C118811" s="14" t="s">
        <v>558</v>
      </c>
      <c r="D118811" s="14" t="s">
        <v>193</v>
      </c>
      <c r="E118811" s="15">
        <v>45562</v>
      </c>
      <c r="F118811" s="14" t="s">
        <v>15</v>
      </c>
      <c r="G118811" s="16">
        <v>0.89693596765816264</v>
      </c>
    </row>
    <row r="118812" spans="1:7" x14ac:dyDescent="0.3">
      <c r="A118812" s="13" t="s">
        <v>560</v>
      </c>
      <c r="B118812" s="14" t="s">
        <v>1</v>
      </c>
      <c r="C118812" s="14" t="s">
        <v>558</v>
      </c>
      <c r="D118812" s="14" t="s">
        <v>193</v>
      </c>
      <c r="E118812" s="15">
        <v>45563</v>
      </c>
      <c r="F118812" s="14" t="s">
        <v>15</v>
      </c>
      <c r="G118812" s="16">
        <v>0.89693596765816264</v>
      </c>
    </row>
    <row r="118813" spans="1:7" x14ac:dyDescent="0.3">
      <c r="A118813" s="13" t="s">
        <v>560</v>
      </c>
      <c r="B118813" s="14" t="s">
        <v>1</v>
      </c>
      <c r="C118813" s="14" t="s">
        <v>558</v>
      </c>
      <c r="D118813" s="14" t="s">
        <v>193</v>
      </c>
      <c r="E118813" s="15">
        <v>45564</v>
      </c>
      <c r="F118813" s="14" t="s">
        <v>15</v>
      </c>
      <c r="G118813" s="16">
        <v>0.89693596765816264</v>
      </c>
    </row>
    <row r="118814" spans="1:7" x14ac:dyDescent="0.3">
      <c r="A118814" s="13" t="s">
        <v>560</v>
      </c>
      <c r="B118814" s="14" t="s">
        <v>1</v>
      </c>
      <c r="C118814" s="14" t="s">
        <v>558</v>
      </c>
      <c r="D118814" s="14" t="s">
        <v>193</v>
      </c>
      <c r="E118814" s="15">
        <v>45565</v>
      </c>
      <c r="F118814" s="14" t="s">
        <v>15</v>
      </c>
      <c r="G118814" s="16">
        <v>0.92593804585367101</v>
      </c>
    </row>
    <row r="118815" spans="1:7" x14ac:dyDescent="0.3">
      <c r="A118815" s="13" t="s">
        <v>560</v>
      </c>
      <c r="B118815" s="14" t="s">
        <v>1</v>
      </c>
      <c r="C118815" s="14" t="s">
        <v>558</v>
      </c>
      <c r="D118815" s="14" t="s">
        <v>193</v>
      </c>
      <c r="E118815" s="15">
        <v>45566</v>
      </c>
      <c r="F118815" s="14" t="s">
        <v>15</v>
      </c>
      <c r="G118815" s="16">
        <v>0.92108806627435602</v>
      </c>
    </row>
    <row r="118816" spans="1:7" x14ac:dyDescent="0.3">
      <c r="A118816" s="13" t="s">
        <v>560</v>
      </c>
      <c r="B118816" s="14" t="s">
        <v>1</v>
      </c>
      <c r="C118816" s="14" t="s">
        <v>558</v>
      </c>
      <c r="D118816" s="14" t="s">
        <v>193</v>
      </c>
      <c r="E118816" s="15">
        <v>45567</v>
      </c>
      <c r="F118816" s="14" t="s">
        <v>15</v>
      </c>
      <c r="G118816" s="16">
        <v>0.92196238717246892</v>
      </c>
    </row>
    <row r="118817" spans="1:7" x14ac:dyDescent="0.3">
      <c r="A118817" s="13" t="s">
        <v>560</v>
      </c>
      <c r="B118817" s="14" t="s">
        <v>1</v>
      </c>
      <c r="C118817" s="14" t="s">
        <v>558</v>
      </c>
      <c r="D118817" s="14" t="s">
        <v>193</v>
      </c>
      <c r="E118817" s="15">
        <v>45568</v>
      </c>
      <c r="F118817" s="14" t="s">
        <v>15</v>
      </c>
      <c r="G118817" s="16">
        <v>0.92389490593122126</v>
      </c>
    </row>
    <row r="118818" spans="1:7" x14ac:dyDescent="0.3">
      <c r="A118818" s="13" t="s">
        <v>560</v>
      </c>
      <c r="B118818" s="14" t="s">
        <v>1</v>
      </c>
      <c r="C118818" s="14" t="s">
        <v>558</v>
      </c>
      <c r="D118818" s="14" t="s">
        <v>193</v>
      </c>
      <c r="E118818" s="15">
        <v>45569</v>
      </c>
      <c r="F118818" s="14" t="s">
        <v>15</v>
      </c>
      <c r="G118818" s="16">
        <v>0.92207508287574746</v>
      </c>
    </row>
    <row r="118819" spans="1:7" x14ac:dyDescent="0.3">
      <c r="A118819" s="13" t="s">
        <v>560</v>
      </c>
      <c r="B118819" s="14" t="s">
        <v>1</v>
      </c>
      <c r="C118819" s="14" t="s">
        <v>558</v>
      </c>
      <c r="D118819" s="14" t="s">
        <v>193</v>
      </c>
      <c r="E118819" s="15">
        <v>45570</v>
      </c>
      <c r="F118819" s="14" t="s">
        <v>15</v>
      </c>
      <c r="G118819" s="16">
        <v>0.92207508287574746</v>
      </c>
    </row>
    <row r="118820" spans="1:7" x14ac:dyDescent="0.3">
      <c r="A118820" s="13" t="s">
        <v>560</v>
      </c>
      <c r="B118820" s="14" t="s">
        <v>1</v>
      </c>
      <c r="C118820" s="14" t="s">
        <v>558</v>
      </c>
      <c r="D118820" s="14" t="s">
        <v>193</v>
      </c>
      <c r="E118820" s="15">
        <v>45571</v>
      </c>
      <c r="F118820" s="14" t="s">
        <v>15</v>
      </c>
      <c r="G118820" s="16">
        <v>0.92207508287574746</v>
      </c>
    </row>
    <row r="118821" spans="1:7" x14ac:dyDescent="0.3">
      <c r="A118821" s="13" t="s">
        <v>560</v>
      </c>
      <c r="B118821" s="14" t="s">
        <v>1</v>
      </c>
      <c r="C118821" s="14" t="s">
        <v>558</v>
      </c>
      <c r="D118821" s="14" t="s">
        <v>193</v>
      </c>
      <c r="E118821" s="15">
        <v>45572</v>
      </c>
      <c r="F118821" s="14" t="s">
        <v>15</v>
      </c>
      <c r="G118821" s="16">
        <v>0.91239159873367193</v>
      </c>
    </row>
    <row r="118822" spans="1:7" x14ac:dyDescent="0.3">
      <c r="A118822" s="13" t="s">
        <v>560</v>
      </c>
      <c r="B118822" s="14" t="s">
        <v>1</v>
      </c>
      <c r="C118822" s="14" t="s">
        <v>558</v>
      </c>
      <c r="D118822" s="14" t="s">
        <v>193</v>
      </c>
      <c r="E118822" s="15">
        <v>45573</v>
      </c>
      <c r="F118822" s="14" t="s">
        <v>15</v>
      </c>
      <c r="G118822" s="16">
        <v>0.91317708177598023</v>
      </c>
    </row>
    <row r="118823" spans="1:7" x14ac:dyDescent="0.3">
      <c r="A118823" s="13" t="s">
        <v>560</v>
      </c>
      <c r="B118823" s="14" t="s">
        <v>1</v>
      </c>
      <c r="C118823" s="14" t="s">
        <v>558</v>
      </c>
      <c r="D118823" s="14" t="s">
        <v>193</v>
      </c>
      <c r="E118823" s="15">
        <v>45574</v>
      </c>
      <c r="F118823" s="14" t="s">
        <v>15</v>
      </c>
      <c r="G118823" s="16">
        <v>0.92414205354736323</v>
      </c>
    </row>
    <row r="118824" spans="1:7" x14ac:dyDescent="0.3">
      <c r="A118824" s="13" t="s">
        <v>560</v>
      </c>
      <c r="B118824" s="14" t="s">
        <v>1</v>
      </c>
      <c r="C118824" s="14" t="s">
        <v>558</v>
      </c>
      <c r="D118824" s="14" t="s">
        <v>193</v>
      </c>
      <c r="E118824" s="15">
        <v>45575</v>
      </c>
      <c r="F118824" s="14" t="s">
        <v>15</v>
      </c>
      <c r="G118824" s="16">
        <v>0.93258693104183799</v>
      </c>
    </row>
    <row r="118825" spans="1:7" x14ac:dyDescent="0.3">
      <c r="A118825" s="13" t="s">
        <v>560</v>
      </c>
      <c r="B118825" s="14" t="s">
        <v>1</v>
      </c>
      <c r="C118825" s="14" t="s">
        <v>558</v>
      </c>
      <c r="D118825" s="14" t="s">
        <v>193</v>
      </c>
      <c r="E118825" s="15">
        <v>45576</v>
      </c>
      <c r="F118825" s="14" t="s">
        <v>15</v>
      </c>
      <c r="G118825" s="16">
        <v>0.9308486937723075</v>
      </c>
    </row>
    <row r="118826" spans="1:7" x14ac:dyDescent="0.3">
      <c r="A118826" s="13" t="s">
        <v>560</v>
      </c>
      <c r="B118826" s="14" t="s">
        <v>1</v>
      </c>
      <c r="C118826" s="14" t="s">
        <v>558</v>
      </c>
      <c r="D118826" s="14" t="s">
        <v>193</v>
      </c>
      <c r="E118826" s="15">
        <v>45577</v>
      </c>
      <c r="F118826" s="14" t="s">
        <v>15</v>
      </c>
      <c r="G118826" s="16">
        <v>0.9308486937723075</v>
      </c>
    </row>
    <row r="118827" spans="1:7" x14ac:dyDescent="0.3">
      <c r="A118827" s="13" t="s">
        <v>560</v>
      </c>
      <c r="B118827" s="14" t="s">
        <v>1</v>
      </c>
      <c r="C118827" s="14" t="s">
        <v>558</v>
      </c>
      <c r="D118827" s="14" t="s">
        <v>193</v>
      </c>
      <c r="E118827" s="15">
        <v>45578</v>
      </c>
      <c r="F118827" s="14" t="s">
        <v>15</v>
      </c>
      <c r="G118827" s="16">
        <v>0.9308486937723075</v>
      </c>
    </row>
    <row r="118828" spans="1:7" x14ac:dyDescent="0.3">
      <c r="A118828" s="13" t="s">
        <v>560</v>
      </c>
      <c r="B118828" s="14" t="s">
        <v>1</v>
      </c>
      <c r="C118828" s="14" t="s">
        <v>558</v>
      </c>
      <c r="D118828" s="14" t="s">
        <v>193</v>
      </c>
      <c r="E118828" s="15">
        <v>45579</v>
      </c>
      <c r="F118828" s="14" t="s">
        <v>15</v>
      </c>
      <c r="G118828" s="16">
        <v>0.93329792250869925</v>
      </c>
    </row>
    <row r="118829" spans="1:7" x14ac:dyDescent="0.3">
      <c r="A118829" s="13" t="s">
        <v>560</v>
      </c>
      <c r="B118829" s="14" t="s">
        <v>1</v>
      </c>
      <c r="C118829" s="14" t="s">
        <v>558</v>
      </c>
      <c r="D118829" s="14" t="s">
        <v>193</v>
      </c>
      <c r="E118829" s="15">
        <v>45580</v>
      </c>
      <c r="F118829" s="14" t="s">
        <v>15</v>
      </c>
      <c r="G118829" s="16">
        <v>0.92757406851106061</v>
      </c>
    </row>
    <row r="118830" spans="1:7" x14ac:dyDescent="0.3">
      <c r="A118830" s="13" t="s">
        <v>560</v>
      </c>
      <c r="B118830" s="14" t="s">
        <v>1</v>
      </c>
      <c r="C118830" s="14" t="s">
        <v>558</v>
      </c>
      <c r="D118830" s="14" t="s">
        <v>193</v>
      </c>
      <c r="E118830" s="15">
        <v>45581</v>
      </c>
      <c r="F118830" s="14" t="s">
        <v>15</v>
      </c>
      <c r="G118830" s="16">
        <v>0.9252266573731549</v>
      </c>
    </row>
    <row r="118831" spans="1:7" x14ac:dyDescent="0.3">
      <c r="A118831" s="13" t="s">
        <v>560</v>
      </c>
      <c r="B118831" s="14" t="s">
        <v>1</v>
      </c>
      <c r="C118831" s="14" t="s">
        <v>558</v>
      </c>
      <c r="D118831" s="14" t="s">
        <v>193</v>
      </c>
      <c r="E118831" s="15">
        <v>45582</v>
      </c>
      <c r="F118831" s="14" t="s">
        <v>15</v>
      </c>
      <c r="G118831" s="16">
        <v>0.9233548611503396</v>
      </c>
    </row>
    <row r="118832" spans="1:7" x14ac:dyDescent="0.3">
      <c r="A118832" s="13" t="s">
        <v>560</v>
      </c>
      <c r="B118832" s="14" t="s">
        <v>1</v>
      </c>
      <c r="C118832" s="14" t="s">
        <v>558</v>
      </c>
      <c r="D118832" s="14" t="s">
        <v>193</v>
      </c>
      <c r="E118832" s="15">
        <v>45583</v>
      </c>
      <c r="F118832" s="14" t="s">
        <v>15</v>
      </c>
      <c r="G118832" s="16">
        <v>0.9231431845866771</v>
      </c>
    </row>
    <row r="118833" spans="1:7" x14ac:dyDescent="0.3">
      <c r="A118833" s="13" t="s">
        <v>560</v>
      </c>
      <c r="B118833" s="14" t="s">
        <v>1</v>
      </c>
      <c r="C118833" s="14" t="s">
        <v>558</v>
      </c>
      <c r="D118833" s="14" t="s">
        <v>193</v>
      </c>
      <c r="E118833" s="15">
        <v>45584</v>
      </c>
      <c r="F118833" s="14" t="s">
        <v>15</v>
      </c>
      <c r="G118833" s="16">
        <v>0.9231431845866771</v>
      </c>
    </row>
    <row r="118834" spans="1:7" x14ac:dyDescent="0.3">
      <c r="A118834" s="13" t="s">
        <v>560</v>
      </c>
      <c r="B118834" s="14" t="s">
        <v>1</v>
      </c>
      <c r="C118834" s="14" t="s">
        <v>558</v>
      </c>
      <c r="D118834" s="14" t="s">
        <v>193</v>
      </c>
      <c r="E118834" s="15">
        <v>45585</v>
      </c>
      <c r="F118834" s="14" t="s">
        <v>15</v>
      </c>
      <c r="G118834" s="16">
        <v>0.9231431845866771</v>
      </c>
    </row>
    <row r="118835" spans="1:7" x14ac:dyDescent="0.3">
      <c r="A118835" s="13" t="s">
        <v>560</v>
      </c>
      <c r="B118835" s="14" t="s">
        <v>1</v>
      </c>
      <c r="C118835" s="14" t="s">
        <v>558</v>
      </c>
      <c r="D118835" s="14" t="s">
        <v>193</v>
      </c>
      <c r="E118835" s="15">
        <v>45586</v>
      </c>
      <c r="F118835" s="14" t="s">
        <v>15</v>
      </c>
      <c r="G118835" s="16">
        <v>0.92275081061562936</v>
      </c>
    </row>
    <row r="118836" spans="1:7" x14ac:dyDescent="0.3">
      <c r="A118836" s="13" t="s">
        <v>560</v>
      </c>
      <c r="B118836" s="14" t="s">
        <v>1</v>
      </c>
      <c r="C118836" s="14" t="s">
        <v>558</v>
      </c>
      <c r="D118836" s="14" t="s">
        <v>193</v>
      </c>
      <c r="E118836" s="15">
        <v>45587</v>
      </c>
      <c r="F118836" s="14" t="s">
        <v>15</v>
      </c>
      <c r="G118836" s="16">
        <v>0.91739076878938153</v>
      </c>
    </row>
    <row r="118837" spans="1:7" x14ac:dyDescent="0.3">
      <c r="A118837" s="13" t="s">
        <v>560</v>
      </c>
      <c r="B118837" s="14" t="s">
        <v>1</v>
      </c>
      <c r="C118837" s="14" t="s">
        <v>558</v>
      </c>
      <c r="D118837" s="14" t="s">
        <v>193</v>
      </c>
      <c r="E118837" s="15">
        <v>45588</v>
      </c>
      <c r="F118837" s="14" t="s">
        <v>15</v>
      </c>
      <c r="G118837" s="16">
        <v>0.91562594059702496</v>
      </c>
    </row>
    <row r="118838" spans="1:7" x14ac:dyDescent="0.3">
      <c r="A118838" s="13" t="s">
        <v>560</v>
      </c>
      <c r="B118838" s="14" t="s">
        <v>1</v>
      </c>
      <c r="C118838" s="14" t="s">
        <v>558</v>
      </c>
      <c r="D118838" s="14" t="s">
        <v>193</v>
      </c>
      <c r="E118838" s="15">
        <v>45589</v>
      </c>
      <c r="F118838" s="14" t="s">
        <v>15</v>
      </c>
      <c r="G118838" s="16">
        <v>0.91497793116335568</v>
      </c>
    </row>
    <row r="118839" spans="1:7" x14ac:dyDescent="0.3">
      <c r="A118839" s="13" t="s">
        <v>560</v>
      </c>
      <c r="B118839" s="14" t="s">
        <v>1</v>
      </c>
      <c r="C118839" s="14" t="s">
        <v>558</v>
      </c>
      <c r="D118839" s="14" t="s">
        <v>193</v>
      </c>
      <c r="E118839" s="15">
        <v>45590</v>
      </c>
      <c r="F118839" s="14" t="s">
        <v>15</v>
      </c>
      <c r="G118839" s="16">
        <v>0.913236067858894</v>
      </c>
    </row>
    <row r="118840" spans="1:7" x14ac:dyDescent="0.3">
      <c r="A118840" s="13" t="s">
        <v>560</v>
      </c>
      <c r="B118840" s="14" t="s">
        <v>1</v>
      </c>
      <c r="C118840" s="14" t="s">
        <v>558</v>
      </c>
      <c r="D118840" s="14" t="s">
        <v>193</v>
      </c>
      <c r="E118840" s="15">
        <v>45591</v>
      </c>
      <c r="F118840" s="14" t="s">
        <v>15</v>
      </c>
      <c r="G118840" s="16">
        <v>0.913236067858894</v>
      </c>
    </row>
    <row r="118841" spans="1:7" x14ac:dyDescent="0.3">
      <c r="A118841" s="13" t="s">
        <v>560</v>
      </c>
      <c r="B118841" s="14" t="s">
        <v>1</v>
      </c>
      <c r="C118841" s="14" t="s">
        <v>558</v>
      </c>
      <c r="D118841" s="14" t="s">
        <v>193</v>
      </c>
      <c r="E118841" s="15">
        <v>45592</v>
      </c>
      <c r="F118841" s="14" t="s">
        <v>15</v>
      </c>
      <c r="G118841" s="16">
        <v>0.913236067858894</v>
      </c>
    </row>
    <row r="118842" spans="1:7" x14ac:dyDescent="0.3">
      <c r="A118842" s="13" t="s">
        <v>560</v>
      </c>
      <c r="B118842" s="14" t="s">
        <v>1</v>
      </c>
      <c r="C118842" s="14" t="s">
        <v>558</v>
      </c>
      <c r="D118842" s="14" t="s">
        <v>193</v>
      </c>
      <c r="E118842" s="15">
        <v>45593</v>
      </c>
      <c r="F118842" s="14" t="s">
        <v>15</v>
      </c>
      <c r="G118842" s="16">
        <v>0.913236067858894</v>
      </c>
    </row>
    <row r="118843" spans="1:7" x14ac:dyDescent="0.3">
      <c r="A118843" s="13" t="s">
        <v>560</v>
      </c>
      <c r="B118843" s="14" t="s">
        <v>1</v>
      </c>
      <c r="C118843" s="14" t="s">
        <v>558</v>
      </c>
      <c r="D118843" s="14" t="s">
        <v>193</v>
      </c>
      <c r="E118843" s="15">
        <v>45594</v>
      </c>
      <c r="F118843" s="14" t="s">
        <v>15</v>
      </c>
      <c r="G118843" s="16">
        <v>0.9114349793172295</v>
      </c>
    </row>
    <row r="118844" spans="1:7" x14ac:dyDescent="0.3">
      <c r="A118844" s="13" t="s">
        <v>560</v>
      </c>
      <c r="B118844" s="14" t="s">
        <v>1</v>
      </c>
      <c r="C118844" s="14" t="s">
        <v>558</v>
      </c>
      <c r="D118844" s="14" t="s">
        <v>193</v>
      </c>
      <c r="E118844" s="15">
        <v>45595</v>
      </c>
      <c r="F118844" s="14" t="s">
        <v>15</v>
      </c>
      <c r="G118844" s="16">
        <v>0.91916008887793976</v>
      </c>
    </row>
    <row r="118845" spans="1:7" x14ac:dyDescent="0.3">
      <c r="A118845" s="13" t="s">
        <v>560</v>
      </c>
      <c r="B118845" s="14" t="s">
        <v>1</v>
      </c>
      <c r="C118845" s="14" t="s">
        <v>558</v>
      </c>
      <c r="D118845" s="14" t="s">
        <v>193</v>
      </c>
      <c r="E118845" s="15">
        <v>45596</v>
      </c>
      <c r="F118845" s="14" t="s">
        <v>15</v>
      </c>
      <c r="G118845" s="16">
        <v>0.9173783391892395</v>
      </c>
    </row>
    <row r="118846" spans="1:7" x14ac:dyDescent="0.3">
      <c r="A118846" s="13" t="s">
        <v>560</v>
      </c>
      <c r="B118846" s="14" t="s">
        <v>1</v>
      </c>
      <c r="C118846" s="14" t="s">
        <v>558</v>
      </c>
      <c r="D118846" s="14" t="s">
        <v>193</v>
      </c>
      <c r="E118846" s="15">
        <v>45597</v>
      </c>
      <c r="F118846" s="14" t="s">
        <v>15</v>
      </c>
      <c r="G118846" s="16">
        <v>0.91556697688193756</v>
      </c>
    </row>
    <row r="118847" spans="1:7" x14ac:dyDescent="0.3">
      <c r="A118847" s="13" t="s">
        <v>560</v>
      </c>
      <c r="B118847" s="14" t="s">
        <v>1</v>
      </c>
      <c r="C118847" s="14" t="s">
        <v>558</v>
      </c>
      <c r="D118847" s="14" t="s">
        <v>193</v>
      </c>
      <c r="E118847" s="15">
        <v>45598</v>
      </c>
      <c r="F118847" s="14" t="s">
        <v>15</v>
      </c>
      <c r="G118847" s="16">
        <v>0.91556697688193756</v>
      </c>
    </row>
    <row r="118848" spans="1:7" x14ac:dyDescent="0.3">
      <c r="A118848" s="13" t="s">
        <v>560</v>
      </c>
      <c r="B118848" s="14" t="s">
        <v>1</v>
      </c>
      <c r="C118848" s="14" t="s">
        <v>558</v>
      </c>
      <c r="D118848" s="14" t="s">
        <v>193</v>
      </c>
      <c r="E118848" s="15">
        <v>45599</v>
      </c>
      <c r="F118848" s="14" t="s">
        <v>15</v>
      </c>
      <c r="G118848" s="16">
        <v>0.91556697688193756</v>
      </c>
    </row>
    <row r="118849" spans="1:7" x14ac:dyDescent="0.3">
      <c r="A118849" s="13" t="s">
        <v>560</v>
      </c>
      <c r="B118849" s="14" t="s">
        <v>1</v>
      </c>
      <c r="C118849" s="14" t="s">
        <v>558</v>
      </c>
      <c r="D118849" s="14" t="s">
        <v>193</v>
      </c>
      <c r="E118849" s="15">
        <v>45600</v>
      </c>
      <c r="F118849" s="14" t="s">
        <v>15</v>
      </c>
      <c r="G118849" s="16">
        <v>0.91465064086338876</v>
      </c>
    </row>
    <row r="118850" spans="1:7" x14ac:dyDescent="0.3">
      <c r="A118850" s="13" t="s">
        <v>560</v>
      </c>
      <c r="B118850" s="14" t="s">
        <v>1</v>
      </c>
      <c r="C118850" s="14" t="s">
        <v>558</v>
      </c>
      <c r="D118850" s="14" t="s">
        <v>193</v>
      </c>
      <c r="E118850" s="15">
        <v>45601</v>
      </c>
      <c r="F118850" s="14" t="s">
        <v>15</v>
      </c>
      <c r="G118850" s="16">
        <v>0.90899809888605609</v>
      </c>
    </row>
    <row r="118851" spans="1:7" x14ac:dyDescent="0.3">
      <c r="A118851" s="13" t="s">
        <v>560</v>
      </c>
      <c r="B118851" s="14" t="s">
        <v>1</v>
      </c>
      <c r="C118851" s="14" t="s">
        <v>558</v>
      </c>
      <c r="D118851" s="14" t="s">
        <v>193</v>
      </c>
      <c r="E118851" s="15">
        <v>45602</v>
      </c>
      <c r="F118851" s="14" t="s">
        <v>15</v>
      </c>
      <c r="G118851" s="16">
        <v>0.90711179852351742</v>
      </c>
    </row>
    <row r="118852" spans="1:7" x14ac:dyDescent="0.3">
      <c r="A118852" s="13" t="s">
        <v>560</v>
      </c>
      <c r="B118852" s="14" t="s">
        <v>1</v>
      </c>
      <c r="C118852" s="14" t="s">
        <v>558</v>
      </c>
      <c r="D118852" s="14" t="s">
        <v>193</v>
      </c>
      <c r="E118852" s="15">
        <v>45603</v>
      </c>
      <c r="F118852" s="14" t="s">
        <v>15</v>
      </c>
      <c r="G118852" s="16">
        <v>0.9052557151187357</v>
      </c>
    </row>
    <row r="118853" spans="1:7" x14ac:dyDescent="0.3">
      <c r="A118853" s="13" t="s">
        <v>560</v>
      </c>
      <c r="B118853" s="14" t="s">
        <v>1</v>
      </c>
      <c r="C118853" s="14" t="s">
        <v>558</v>
      </c>
      <c r="D118853" s="14" t="s">
        <v>193</v>
      </c>
      <c r="E118853" s="15">
        <v>45604</v>
      </c>
      <c r="F118853" s="14" t="s">
        <v>15</v>
      </c>
      <c r="G118853" s="16">
        <v>0.90826154021700578</v>
      </c>
    </row>
    <row r="118854" spans="1:7" x14ac:dyDescent="0.3">
      <c r="A118854" s="13" t="s">
        <v>560</v>
      </c>
      <c r="B118854" s="14" t="s">
        <v>1</v>
      </c>
      <c r="C118854" s="14" t="s">
        <v>558</v>
      </c>
      <c r="D118854" s="14" t="s">
        <v>193</v>
      </c>
      <c r="E118854" s="15">
        <v>45605</v>
      </c>
      <c r="F118854" s="14" t="s">
        <v>15</v>
      </c>
      <c r="G118854" s="16">
        <v>0.90826154021700578</v>
      </c>
    </row>
    <row r="118855" spans="1:7" x14ac:dyDescent="0.3">
      <c r="A118855" s="13" t="s">
        <v>560</v>
      </c>
      <c r="B118855" s="14" t="s">
        <v>1</v>
      </c>
      <c r="C118855" s="14" t="s">
        <v>558</v>
      </c>
      <c r="D118855" s="14" t="s">
        <v>193</v>
      </c>
      <c r="E118855" s="15">
        <v>45606</v>
      </c>
      <c r="F118855" s="14" t="s">
        <v>15</v>
      </c>
      <c r="G118855" s="16">
        <v>0.90826154021700578</v>
      </c>
    </row>
    <row r="118856" spans="1:7" x14ac:dyDescent="0.3">
      <c r="A118856" s="13" t="s">
        <v>560</v>
      </c>
      <c r="B118856" s="14" t="s">
        <v>1</v>
      </c>
      <c r="C118856" s="14" t="s">
        <v>558</v>
      </c>
      <c r="D118856" s="14" t="s">
        <v>193</v>
      </c>
      <c r="E118856" s="15">
        <v>45607</v>
      </c>
      <c r="F118856" s="14" t="s">
        <v>15</v>
      </c>
      <c r="G118856" s="16">
        <v>0.90829401667201737</v>
      </c>
    </row>
    <row r="118857" spans="1:7" x14ac:dyDescent="0.3">
      <c r="A118857" s="13" t="s">
        <v>560</v>
      </c>
      <c r="B118857" s="14" t="s">
        <v>1</v>
      </c>
      <c r="C118857" s="14" t="s">
        <v>558</v>
      </c>
      <c r="D118857" s="14" t="s">
        <v>193</v>
      </c>
      <c r="E118857" s="15">
        <v>45608</v>
      </c>
      <c r="F118857" s="14" t="s">
        <v>15</v>
      </c>
      <c r="G118857" s="16">
        <v>0.92238644357121802</v>
      </c>
    </row>
    <row r="118858" spans="1:7" x14ac:dyDescent="0.3">
      <c r="A118858" s="13" t="s">
        <v>560</v>
      </c>
      <c r="B118858" s="14" t="s">
        <v>1</v>
      </c>
      <c r="C118858" s="14" t="s">
        <v>558</v>
      </c>
      <c r="D118858" s="14" t="s">
        <v>193</v>
      </c>
      <c r="E118858" s="15">
        <v>45609</v>
      </c>
      <c r="F118858" s="14" t="s">
        <v>15</v>
      </c>
      <c r="G118858" s="16">
        <v>0.92059804615181129</v>
      </c>
    </row>
    <row r="118859" spans="1:7" x14ac:dyDescent="0.3">
      <c r="A118859" s="13" t="s">
        <v>560</v>
      </c>
      <c r="B118859" s="14" t="s">
        <v>1</v>
      </c>
      <c r="C118859" s="14" t="s">
        <v>558</v>
      </c>
      <c r="D118859" s="14" t="s">
        <v>193</v>
      </c>
      <c r="E118859" s="15">
        <v>45610</v>
      </c>
      <c r="F118859" s="14" t="s">
        <v>15</v>
      </c>
      <c r="G118859" s="16">
        <v>0.91898007237415213</v>
      </c>
    </row>
    <row r="118860" spans="1:7" x14ac:dyDescent="0.3">
      <c r="A118860" s="13" t="s">
        <v>560</v>
      </c>
      <c r="B118860" s="14" t="s">
        <v>1</v>
      </c>
      <c r="C118860" s="14" t="s">
        <v>558</v>
      </c>
      <c r="D118860" s="14" t="s">
        <v>193</v>
      </c>
      <c r="E118860" s="15">
        <v>45611</v>
      </c>
      <c r="F118860" s="14" t="s">
        <v>15</v>
      </c>
      <c r="G118860" s="16">
        <v>0.91698559530284474</v>
      </c>
    </row>
    <row r="118861" spans="1:7" x14ac:dyDescent="0.3">
      <c r="A118861" s="13" t="s">
        <v>560</v>
      </c>
      <c r="B118861" s="14" t="s">
        <v>1</v>
      </c>
      <c r="C118861" s="14" t="s">
        <v>558</v>
      </c>
      <c r="D118861" s="14" t="s">
        <v>193</v>
      </c>
      <c r="E118861" s="15">
        <v>45612</v>
      </c>
      <c r="F118861" s="14" t="s">
        <v>15</v>
      </c>
      <c r="G118861" s="16">
        <v>0.91698559530284474</v>
      </c>
    </row>
    <row r="118862" spans="1:7" x14ac:dyDescent="0.3">
      <c r="A118862" s="13" t="s">
        <v>560</v>
      </c>
      <c r="B118862" s="14" t="s">
        <v>1</v>
      </c>
      <c r="C118862" s="14" t="s">
        <v>558</v>
      </c>
      <c r="D118862" s="14" t="s">
        <v>193</v>
      </c>
      <c r="E118862" s="15">
        <v>45613</v>
      </c>
      <c r="F118862" s="14" t="s">
        <v>15</v>
      </c>
      <c r="G118862" s="16">
        <v>0.91698559530284474</v>
      </c>
    </row>
    <row r="118863" spans="1:7" x14ac:dyDescent="0.3">
      <c r="A118863" s="13" t="s">
        <v>560</v>
      </c>
      <c r="B118863" s="14" t="s">
        <v>1</v>
      </c>
      <c r="C118863" s="14" t="s">
        <v>558</v>
      </c>
      <c r="D118863" s="14" t="s">
        <v>193</v>
      </c>
      <c r="E118863" s="15">
        <v>45614</v>
      </c>
      <c r="F118863" s="14" t="s">
        <v>15</v>
      </c>
      <c r="G118863" s="16">
        <v>0.91695038577248122</v>
      </c>
    </row>
    <row r="118864" spans="1:7" x14ac:dyDescent="0.3">
      <c r="A118864" s="13" t="s">
        <v>560</v>
      </c>
      <c r="B118864" s="14" t="s">
        <v>1</v>
      </c>
      <c r="C118864" s="14" t="s">
        <v>558</v>
      </c>
      <c r="D118864" s="14" t="s">
        <v>193</v>
      </c>
      <c r="E118864" s="15">
        <v>45615</v>
      </c>
      <c r="F118864" s="14" t="s">
        <v>15</v>
      </c>
      <c r="G118864" s="16">
        <v>0.91113285920579701</v>
      </c>
    </row>
    <row r="118865" spans="1:7" x14ac:dyDescent="0.3">
      <c r="A118865" s="13" t="s">
        <v>560</v>
      </c>
      <c r="B118865" s="14" t="s">
        <v>1</v>
      </c>
      <c r="C118865" s="14" t="s">
        <v>558</v>
      </c>
      <c r="D118865" s="14" t="s">
        <v>193</v>
      </c>
      <c r="E118865" s="15">
        <v>45616</v>
      </c>
      <c r="F118865" s="14" t="s">
        <v>15</v>
      </c>
      <c r="G118865" s="16">
        <v>0.91473818874595991</v>
      </c>
    </row>
    <row r="118866" spans="1:7" x14ac:dyDescent="0.3">
      <c r="A118866" s="13" t="s">
        <v>560</v>
      </c>
      <c r="B118866" s="14" t="s">
        <v>1</v>
      </c>
      <c r="C118866" s="14" t="s">
        <v>558</v>
      </c>
      <c r="D118866" s="14" t="s">
        <v>193</v>
      </c>
      <c r="E118866" s="15">
        <v>45617</v>
      </c>
      <c r="F118866" s="14" t="s">
        <v>15</v>
      </c>
      <c r="G118866" s="16">
        <v>0.91309785441956082</v>
      </c>
    </row>
    <row r="118867" spans="1:7" x14ac:dyDescent="0.3">
      <c r="A118867" s="13" t="s">
        <v>560</v>
      </c>
      <c r="B118867" s="14" t="s">
        <v>1</v>
      </c>
      <c r="C118867" s="14" t="s">
        <v>558</v>
      </c>
      <c r="D118867" s="14" t="s">
        <v>193</v>
      </c>
      <c r="E118867" s="15">
        <v>45618</v>
      </c>
      <c r="F118867" s="14" t="s">
        <v>15</v>
      </c>
      <c r="G118867" s="16">
        <v>0.91530776485051957</v>
      </c>
    </row>
    <row r="118868" spans="1:7" x14ac:dyDescent="0.3">
      <c r="A118868" s="13" t="s">
        <v>560</v>
      </c>
      <c r="B118868" s="14" t="s">
        <v>1</v>
      </c>
      <c r="C118868" s="14" t="s">
        <v>558</v>
      </c>
      <c r="D118868" s="14" t="s">
        <v>193</v>
      </c>
      <c r="E118868" s="15">
        <v>45619</v>
      </c>
      <c r="F118868" s="14" t="s">
        <v>15</v>
      </c>
      <c r="G118868" s="16">
        <v>0.91530776485051957</v>
      </c>
    </row>
    <row r="118869" spans="1:7" x14ac:dyDescent="0.3">
      <c r="A118869" s="13" t="s">
        <v>560</v>
      </c>
      <c r="B118869" s="14" t="s">
        <v>1</v>
      </c>
      <c r="C118869" s="14" t="s">
        <v>558</v>
      </c>
      <c r="D118869" s="14" t="s">
        <v>193</v>
      </c>
      <c r="E118869" s="15">
        <v>45620</v>
      </c>
      <c r="F118869" s="14" t="s">
        <v>15</v>
      </c>
      <c r="G118869" s="16">
        <v>0.91530776485051957</v>
      </c>
    </row>
    <row r="118870" spans="1:7" x14ac:dyDescent="0.3">
      <c r="A118870" s="13" t="s">
        <v>560</v>
      </c>
      <c r="B118870" s="14" t="s">
        <v>1</v>
      </c>
      <c r="C118870" s="14" t="s">
        <v>558</v>
      </c>
      <c r="D118870" s="14" t="s">
        <v>193</v>
      </c>
      <c r="E118870" s="15">
        <v>45621</v>
      </c>
      <c r="F118870" s="14" t="s">
        <v>15</v>
      </c>
      <c r="G118870" s="16">
        <v>0.91764216914743602</v>
      </c>
    </row>
    <row r="118871" spans="1:7" x14ac:dyDescent="0.3">
      <c r="A118871" s="13" t="s">
        <v>560</v>
      </c>
      <c r="B118871" s="14" t="s">
        <v>1</v>
      </c>
      <c r="C118871" s="14" t="s">
        <v>558</v>
      </c>
      <c r="D118871" s="14" t="s">
        <v>193</v>
      </c>
      <c r="E118871" s="15">
        <v>45622</v>
      </c>
      <c r="F118871" s="14" t="s">
        <v>15</v>
      </c>
      <c r="G118871" s="16">
        <v>0.91508686534016426</v>
      </c>
    </row>
    <row r="118872" spans="1:7" x14ac:dyDescent="0.3">
      <c r="A118872" s="13" t="s">
        <v>560</v>
      </c>
      <c r="B118872" s="14" t="s">
        <v>1</v>
      </c>
      <c r="C118872" s="14" t="s">
        <v>558</v>
      </c>
      <c r="D118872" s="14" t="s">
        <v>193</v>
      </c>
      <c r="E118872" s="15">
        <v>45623</v>
      </c>
      <c r="F118872" s="14" t="s">
        <v>15</v>
      </c>
      <c r="G118872" s="16">
        <v>0.92835739098838299</v>
      </c>
    </row>
    <row r="118873" spans="1:7" x14ac:dyDescent="0.3">
      <c r="A118873" s="13" t="s">
        <v>560</v>
      </c>
      <c r="B118873" s="14" t="s">
        <v>1</v>
      </c>
      <c r="C118873" s="14" t="s">
        <v>558</v>
      </c>
      <c r="D118873" s="14" t="s">
        <v>193</v>
      </c>
      <c r="E118873" s="15">
        <v>45624</v>
      </c>
      <c r="F118873" s="14" t="s">
        <v>15</v>
      </c>
      <c r="G118873" s="16">
        <v>0.92693099272290125</v>
      </c>
    </row>
    <row r="118874" spans="1:7" x14ac:dyDescent="0.3">
      <c r="A118874" s="13" t="s">
        <v>560</v>
      </c>
      <c r="B118874" s="14" t="s">
        <v>1</v>
      </c>
      <c r="C118874" s="14" t="s">
        <v>558</v>
      </c>
      <c r="D118874" s="14" t="s">
        <v>193</v>
      </c>
      <c r="E118874" s="15">
        <v>45625</v>
      </c>
      <c r="F118874" s="14" t="s">
        <v>15</v>
      </c>
      <c r="G118874" s="16">
        <v>0.92972832081265033</v>
      </c>
    </row>
    <row r="118875" spans="1:7" x14ac:dyDescent="0.3">
      <c r="A118875" s="13" t="s">
        <v>560</v>
      </c>
      <c r="B118875" s="14" t="s">
        <v>1</v>
      </c>
      <c r="C118875" s="14" t="s">
        <v>558</v>
      </c>
      <c r="D118875" s="14" t="s">
        <v>193</v>
      </c>
      <c r="E118875" s="15">
        <v>45626</v>
      </c>
      <c r="F118875" s="14" t="s">
        <v>15</v>
      </c>
      <c r="G118875" s="16">
        <v>0.92972832081265033</v>
      </c>
    </row>
    <row r="118876" spans="1:7" x14ac:dyDescent="0.3">
      <c r="A118876" s="13" t="s">
        <v>560</v>
      </c>
      <c r="B118876" s="14" t="s">
        <v>1</v>
      </c>
      <c r="C118876" s="14" t="s">
        <v>558</v>
      </c>
      <c r="D118876" s="14" t="s">
        <v>193</v>
      </c>
      <c r="E118876" s="15">
        <v>45627</v>
      </c>
      <c r="F118876" s="14" t="s">
        <v>15</v>
      </c>
      <c r="G118876" s="16">
        <v>0.92972832081265033</v>
      </c>
    </row>
    <row r="118877" spans="1:7" x14ac:dyDescent="0.3">
      <c r="A118877" s="13" t="s">
        <v>560</v>
      </c>
      <c r="B118877" s="14" t="s">
        <v>1</v>
      </c>
      <c r="C118877" s="14" t="s">
        <v>558</v>
      </c>
      <c r="D118877" s="14" t="s">
        <v>193</v>
      </c>
      <c r="E118877" s="15">
        <v>45628</v>
      </c>
      <c r="F118877" s="14" t="s">
        <v>15</v>
      </c>
      <c r="G118877" s="16">
        <v>0.9282402799533449</v>
      </c>
    </row>
    <row r="118878" spans="1:7" x14ac:dyDescent="0.3">
      <c r="A118878" s="13" t="s">
        <v>560</v>
      </c>
      <c r="B118878" s="14" t="s">
        <v>1</v>
      </c>
      <c r="C118878" s="14" t="s">
        <v>558</v>
      </c>
      <c r="D118878" s="14" t="s">
        <v>193</v>
      </c>
      <c r="E118878" s="15">
        <v>45629</v>
      </c>
      <c r="F118878" s="14" t="s">
        <v>15</v>
      </c>
      <c r="G118878" s="16">
        <v>0.93014862514589203</v>
      </c>
    </row>
    <row r="118879" spans="1:7" x14ac:dyDescent="0.3">
      <c r="A118879" s="13" t="s">
        <v>560</v>
      </c>
      <c r="B118879" s="14" t="s">
        <v>1</v>
      </c>
      <c r="C118879" s="14" t="s">
        <v>558</v>
      </c>
      <c r="D118879" s="14" t="s">
        <v>193</v>
      </c>
      <c r="E118879" s="15">
        <v>45630</v>
      </c>
      <c r="F118879" s="14" t="s">
        <v>15</v>
      </c>
      <c r="G118879" s="16">
        <v>0.9288908375046927</v>
      </c>
    </row>
    <row r="118880" spans="1:7" x14ac:dyDescent="0.3">
      <c r="A118880" s="13" t="s">
        <v>560</v>
      </c>
      <c r="B118880" s="14" t="s">
        <v>1</v>
      </c>
      <c r="C118880" s="14" t="s">
        <v>558</v>
      </c>
      <c r="D118880" s="14" t="s">
        <v>193</v>
      </c>
      <c r="E118880" s="15">
        <v>45631</v>
      </c>
      <c r="F118880" s="14" t="s">
        <v>15</v>
      </c>
      <c r="G118880" s="16">
        <v>0.92737257968763054</v>
      </c>
    </row>
    <row r="118881" spans="1:7" x14ac:dyDescent="0.3">
      <c r="A118881" s="13" t="s">
        <v>560</v>
      </c>
      <c r="B118881" s="14" t="s">
        <v>1</v>
      </c>
      <c r="C118881" s="14" t="s">
        <v>558</v>
      </c>
      <c r="D118881" s="14" t="s">
        <v>193</v>
      </c>
      <c r="E118881" s="15">
        <v>45632</v>
      </c>
      <c r="F118881" s="14" t="s">
        <v>15</v>
      </c>
      <c r="G118881" s="16">
        <v>0.9257086761341814</v>
      </c>
    </row>
    <row r="118882" spans="1:7" x14ac:dyDescent="0.3">
      <c r="A118882" s="13" t="s">
        <v>560</v>
      </c>
      <c r="B118882" s="14" t="s">
        <v>1</v>
      </c>
      <c r="C118882" s="14" t="s">
        <v>558</v>
      </c>
      <c r="D118882" s="14" t="s">
        <v>193</v>
      </c>
      <c r="E118882" s="15">
        <v>45633</v>
      </c>
      <c r="F118882" s="14" t="s">
        <v>15</v>
      </c>
      <c r="G118882" s="16">
        <v>0.9257086761341814</v>
      </c>
    </row>
    <row r="118883" spans="1:7" x14ac:dyDescent="0.3">
      <c r="A118883" s="13" t="s">
        <v>560</v>
      </c>
      <c r="B118883" s="14" t="s">
        <v>1</v>
      </c>
      <c r="C118883" s="14" t="s">
        <v>558</v>
      </c>
      <c r="D118883" s="14" t="s">
        <v>193</v>
      </c>
      <c r="E118883" s="15">
        <v>45634</v>
      </c>
      <c r="F118883" s="14" t="s">
        <v>15</v>
      </c>
      <c r="G118883" s="16">
        <v>0.9257086761341814</v>
      </c>
    </row>
    <row r="118884" spans="1:7" x14ac:dyDescent="0.3">
      <c r="A118884" s="13" t="s">
        <v>560</v>
      </c>
      <c r="B118884" s="14" t="s">
        <v>1</v>
      </c>
      <c r="C118884" s="14" t="s">
        <v>558</v>
      </c>
      <c r="D118884" s="14" t="s">
        <v>193</v>
      </c>
      <c r="E118884" s="15">
        <v>45635</v>
      </c>
      <c r="F118884" s="14" t="s">
        <v>15</v>
      </c>
      <c r="G118884" s="16">
        <v>0.92812224886042027</v>
      </c>
    </row>
    <row r="118885" spans="1:7" x14ac:dyDescent="0.3">
      <c r="A118885" s="13" t="s">
        <v>560</v>
      </c>
      <c r="B118885" s="14" t="s">
        <v>1</v>
      </c>
      <c r="C118885" s="14" t="s">
        <v>558</v>
      </c>
      <c r="D118885" s="14" t="s">
        <v>193</v>
      </c>
      <c r="E118885" s="15">
        <v>45636</v>
      </c>
      <c r="F118885" s="14" t="s">
        <v>15</v>
      </c>
      <c r="G118885" s="16">
        <v>0.94587274066564619</v>
      </c>
    </row>
    <row r="118886" spans="1:7" x14ac:dyDescent="0.3">
      <c r="A118886" s="13" t="s">
        <v>560</v>
      </c>
      <c r="B118886" s="14" t="s">
        <v>1</v>
      </c>
      <c r="C118886" s="14" t="s">
        <v>558</v>
      </c>
      <c r="D118886" s="14" t="s">
        <v>193</v>
      </c>
      <c r="E118886" s="15">
        <v>45637</v>
      </c>
      <c r="F118886" s="14" t="s">
        <v>15</v>
      </c>
      <c r="G118886" s="16">
        <v>0.95145244622563152</v>
      </c>
    </row>
    <row r="118887" spans="1:7" x14ac:dyDescent="0.3">
      <c r="A118887" s="13" t="s">
        <v>560</v>
      </c>
      <c r="B118887" s="14" t="s">
        <v>1</v>
      </c>
      <c r="C118887" s="14" t="s">
        <v>558</v>
      </c>
      <c r="D118887" s="14" t="s">
        <v>193</v>
      </c>
      <c r="E118887" s="15">
        <v>45638</v>
      </c>
      <c r="F118887" s="14" t="s">
        <v>15</v>
      </c>
      <c r="G118887" s="16">
        <v>0.94994204481758626</v>
      </c>
    </row>
    <row r="118888" spans="1:7" x14ac:dyDescent="0.3">
      <c r="A118888" s="13" t="s">
        <v>560</v>
      </c>
      <c r="B118888" s="14" t="s">
        <v>1</v>
      </c>
      <c r="C118888" s="14" t="s">
        <v>558</v>
      </c>
      <c r="D118888" s="14" t="s">
        <v>193</v>
      </c>
      <c r="E118888" s="15">
        <v>45639</v>
      </c>
      <c r="F118888" s="14" t="s">
        <v>15</v>
      </c>
      <c r="G118888" s="16">
        <v>1.0028312324589155</v>
      </c>
    </row>
    <row r="118889" spans="1:7" x14ac:dyDescent="0.3">
      <c r="A118889" s="13" t="s">
        <v>560</v>
      </c>
      <c r="B118889" s="14" t="s">
        <v>1</v>
      </c>
      <c r="C118889" s="14" t="s">
        <v>558</v>
      </c>
      <c r="D118889" s="14" t="s">
        <v>193</v>
      </c>
      <c r="E118889" s="15">
        <v>45640</v>
      </c>
      <c r="F118889" s="14" t="s">
        <v>15</v>
      </c>
      <c r="G118889" s="16">
        <v>1.0028312324589155</v>
      </c>
    </row>
    <row r="118890" spans="1:7" x14ac:dyDescent="0.3">
      <c r="A118890" s="13" t="s">
        <v>560</v>
      </c>
      <c r="B118890" s="14" t="s">
        <v>1</v>
      </c>
      <c r="C118890" s="14" t="s">
        <v>558</v>
      </c>
      <c r="D118890" s="14" t="s">
        <v>193</v>
      </c>
      <c r="E118890" s="15">
        <v>45641</v>
      </c>
      <c r="F118890" s="14" t="s">
        <v>15</v>
      </c>
      <c r="G118890" s="16">
        <v>1.0028312324589155</v>
      </c>
    </row>
    <row r="118891" spans="1:7" x14ac:dyDescent="0.3">
      <c r="A118891" s="13" t="s">
        <v>560</v>
      </c>
      <c r="B118891" s="14" t="s">
        <v>1</v>
      </c>
      <c r="C118891" s="14" t="s">
        <v>558</v>
      </c>
      <c r="D118891" s="14" t="s">
        <v>193</v>
      </c>
      <c r="E118891" s="15">
        <v>45642</v>
      </c>
      <c r="F118891" s="14" t="s">
        <v>15</v>
      </c>
      <c r="G118891" s="16">
        <v>1.0012477060130991</v>
      </c>
    </row>
    <row r="118892" spans="1:7" x14ac:dyDescent="0.3">
      <c r="A118892" s="13" t="s">
        <v>560</v>
      </c>
      <c r="B118892" s="14" t="s">
        <v>1</v>
      </c>
      <c r="C118892" s="14" t="s">
        <v>558</v>
      </c>
      <c r="D118892" s="14" t="s">
        <v>193</v>
      </c>
      <c r="E118892" s="15">
        <v>45643</v>
      </c>
      <c r="F118892" s="14" t="s">
        <v>15</v>
      </c>
      <c r="G118892" s="16">
        <v>0.9964206913216791</v>
      </c>
    </row>
    <row r="118893" spans="1:7" x14ac:dyDescent="0.3">
      <c r="A118893" s="13" t="s">
        <v>560</v>
      </c>
      <c r="B118893" s="14" t="s">
        <v>1</v>
      </c>
      <c r="C118893" s="14" t="s">
        <v>558</v>
      </c>
      <c r="D118893" s="14" t="s">
        <v>193</v>
      </c>
      <c r="E118893" s="15">
        <v>45644</v>
      </c>
      <c r="F118893" s="14" t="s">
        <v>15</v>
      </c>
      <c r="G118893" s="16">
        <v>1.0142769424790534</v>
      </c>
    </row>
    <row r="118894" spans="1:7" x14ac:dyDescent="0.3">
      <c r="A118894" s="13" t="s">
        <v>560</v>
      </c>
      <c r="B118894" s="14" t="s">
        <v>1</v>
      </c>
      <c r="C118894" s="14" t="s">
        <v>558</v>
      </c>
      <c r="D118894" s="14" t="s">
        <v>193</v>
      </c>
      <c r="E118894" s="15">
        <v>45645</v>
      </c>
      <c r="F118894" s="14" t="s">
        <v>15</v>
      </c>
      <c r="G118894" s="16">
        <v>1.0188280627970008</v>
      </c>
    </row>
    <row r="118895" spans="1:7" x14ac:dyDescent="0.3">
      <c r="A118895" s="13" t="s">
        <v>560</v>
      </c>
      <c r="B118895" s="14" t="s">
        <v>1</v>
      </c>
      <c r="C118895" s="14" t="s">
        <v>558</v>
      </c>
      <c r="D118895" s="14" t="s">
        <v>193</v>
      </c>
      <c r="E118895" s="15">
        <v>45646</v>
      </c>
      <c r="F118895" s="14" t="s">
        <v>15</v>
      </c>
      <c r="G118895" s="16">
        <v>1.0172814010396474</v>
      </c>
    </row>
    <row r="118896" spans="1:7" x14ac:dyDescent="0.3">
      <c r="A118896" s="13" t="s">
        <v>560</v>
      </c>
      <c r="B118896" s="14" t="s">
        <v>1</v>
      </c>
      <c r="C118896" s="14" t="s">
        <v>558</v>
      </c>
      <c r="D118896" s="14" t="s">
        <v>193</v>
      </c>
      <c r="E118896" s="15">
        <v>45647</v>
      </c>
      <c r="F118896" s="14" t="s">
        <v>15</v>
      </c>
      <c r="G118896" s="16">
        <v>1.0172814010396474</v>
      </c>
    </row>
    <row r="118897" spans="1:7" x14ac:dyDescent="0.3">
      <c r="A118897" s="13" t="s">
        <v>560</v>
      </c>
      <c r="B118897" s="14" t="s">
        <v>1</v>
      </c>
      <c r="C118897" s="14" t="s">
        <v>558</v>
      </c>
      <c r="D118897" s="14" t="s">
        <v>193</v>
      </c>
      <c r="E118897" s="15">
        <v>45648</v>
      </c>
      <c r="F118897" s="14" t="s">
        <v>15</v>
      </c>
      <c r="G118897" s="16">
        <v>1.0172814010396474</v>
      </c>
    </row>
    <row r="118898" spans="1:7" x14ac:dyDescent="0.3">
      <c r="A118898" s="13" t="s">
        <v>560</v>
      </c>
      <c r="B118898" s="14" t="s">
        <v>1</v>
      </c>
      <c r="C118898" s="14" t="s">
        <v>558</v>
      </c>
      <c r="D118898" s="14" t="s">
        <v>193</v>
      </c>
      <c r="E118898" s="15">
        <v>45649</v>
      </c>
      <c r="F118898" s="14" t="s">
        <v>15</v>
      </c>
      <c r="G118898" s="16">
        <v>1.0204074896297892</v>
      </c>
    </row>
    <row r="118899" spans="1:7" x14ac:dyDescent="0.3">
      <c r="A118899" s="13" t="s">
        <v>560</v>
      </c>
      <c r="B118899" s="14" t="s">
        <v>1</v>
      </c>
      <c r="C118899" s="14" t="s">
        <v>558</v>
      </c>
      <c r="D118899" s="14" t="s">
        <v>193</v>
      </c>
      <c r="E118899" s="15">
        <v>45650</v>
      </c>
      <c r="F118899" s="14" t="s">
        <v>15</v>
      </c>
      <c r="G118899" s="16">
        <v>1.0169438640723512</v>
      </c>
    </row>
    <row r="118900" spans="1:7" x14ac:dyDescent="0.3">
      <c r="A118900" s="13" t="s">
        <v>560</v>
      </c>
      <c r="B118900" s="14" t="s">
        <v>1</v>
      </c>
      <c r="C118900" s="14" t="s">
        <v>558</v>
      </c>
      <c r="D118900" s="14" t="s">
        <v>193</v>
      </c>
      <c r="E118900" s="15">
        <v>45651</v>
      </c>
      <c r="F118900" s="14" t="s">
        <v>15</v>
      </c>
      <c r="G118900" s="16">
        <v>1.0169438640723512</v>
      </c>
    </row>
    <row r="118901" spans="1:7" x14ac:dyDescent="0.3">
      <c r="A118901" s="13" t="s">
        <v>560</v>
      </c>
      <c r="B118901" s="14" t="s">
        <v>1</v>
      </c>
      <c r="C118901" s="14" t="s">
        <v>558</v>
      </c>
      <c r="D118901" s="14" t="s">
        <v>193</v>
      </c>
      <c r="E118901" s="15">
        <v>45652</v>
      </c>
      <c r="F118901" s="14" t="s">
        <v>15</v>
      </c>
      <c r="G118901" s="16">
        <v>1.0169438640723512</v>
      </c>
    </row>
    <row r="118902" spans="1:7" x14ac:dyDescent="0.3">
      <c r="A118902" s="13" t="s">
        <v>560</v>
      </c>
      <c r="B118902" s="14" t="s">
        <v>1</v>
      </c>
      <c r="C118902" s="14" t="s">
        <v>558</v>
      </c>
      <c r="D118902" s="14" t="s">
        <v>193</v>
      </c>
      <c r="E118902" s="15">
        <v>45653</v>
      </c>
      <c r="F118902" s="14" t="s">
        <v>15</v>
      </c>
      <c r="G118902" s="16">
        <v>1.0169438640723512</v>
      </c>
    </row>
    <row r="118903" spans="1:7" x14ac:dyDescent="0.3">
      <c r="A118903" s="13" t="s">
        <v>560</v>
      </c>
      <c r="B118903" s="14" t="s">
        <v>1</v>
      </c>
      <c r="C118903" s="14" t="s">
        <v>558</v>
      </c>
      <c r="D118903" s="14" t="s">
        <v>193</v>
      </c>
      <c r="E118903" s="15">
        <v>45654</v>
      </c>
      <c r="F118903" s="14" t="s">
        <v>15</v>
      </c>
      <c r="G118903" s="16">
        <v>1.0169438640723512</v>
      </c>
    </row>
    <row r="118904" spans="1:7" x14ac:dyDescent="0.3">
      <c r="A118904" s="13" t="s">
        <v>560</v>
      </c>
      <c r="B118904" s="14" t="s">
        <v>1</v>
      </c>
      <c r="C118904" s="14" t="s">
        <v>558</v>
      </c>
      <c r="D118904" s="14" t="s">
        <v>193</v>
      </c>
      <c r="E118904" s="15">
        <v>45655</v>
      </c>
      <c r="F118904" s="14" t="s">
        <v>15</v>
      </c>
      <c r="G118904" s="16">
        <v>1.0169438640723512</v>
      </c>
    </row>
    <row r="118905" spans="1:7" x14ac:dyDescent="0.3">
      <c r="A118905" s="13" t="s">
        <v>560</v>
      </c>
      <c r="B118905" s="14" t="s">
        <v>1</v>
      </c>
      <c r="C118905" s="14" t="s">
        <v>558</v>
      </c>
      <c r="D118905" s="14" t="s">
        <v>193</v>
      </c>
      <c r="E118905" s="15">
        <v>45656</v>
      </c>
      <c r="F118905" s="14" t="s">
        <v>15</v>
      </c>
      <c r="G118905" s="16">
        <v>1.0161091138397456</v>
      </c>
    </row>
    <row r="118906" spans="1:7" x14ac:dyDescent="0.3">
      <c r="A118906" s="13" t="s">
        <v>560</v>
      </c>
      <c r="B118906" s="14" t="s">
        <v>1</v>
      </c>
      <c r="C118906" s="14" t="s">
        <v>558</v>
      </c>
      <c r="D118906" s="14" t="s">
        <v>193</v>
      </c>
      <c r="E118906" s="15">
        <v>45657</v>
      </c>
      <c r="F118906" s="14" t="s">
        <v>15</v>
      </c>
      <c r="G118906" s="16">
        <v>1.0441696316315554</v>
      </c>
    </row>
    <row r="118907" spans="1:7" x14ac:dyDescent="0.3">
      <c r="A118907" s="13" t="s">
        <v>560</v>
      </c>
      <c r="B118907" s="14" t="s">
        <v>1</v>
      </c>
      <c r="C118907" s="14" t="s">
        <v>558</v>
      </c>
      <c r="D118907" s="14" t="s">
        <v>193</v>
      </c>
      <c r="E118907" s="15">
        <v>45658</v>
      </c>
      <c r="F118907" s="14" t="s">
        <v>15</v>
      </c>
      <c r="G118907" s="16">
        <v>1.0441696316315554</v>
      </c>
    </row>
    <row r="118908" spans="1:7" x14ac:dyDescent="0.3">
      <c r="A118908" s="13" t="s">
        <v>560</v>
      </c>
      <c r="B118908" s="14" t="s">
        <v>1</v>
      </c>
      <c r="C118908" s="14" t="s">
        <v>558</v>
      </c>
      <c r="D118908" s="14" t="s">
        <v>193</v>
      </c>
      <c r="E118908" s="15">
        <v>45659</v>
      </c>
      <c r="F118908" s="14" t="s">
        <v>15</v>
      </c>
      <c r="G118908" s="16">
        <v>1.0463191081470007</v>
      </c>
    </row>
    <row r="118909" spans="1:7" x14ac:dyDescent="0.3">
      <c r="A118909" s="13" t="s">
        <v>560</v>
      </c>
      <c r="B118909" s="14" t="s">
        <v>1</v>
      </c>
      <c r="C118909" s="14" t="s">
        <v>558</v>
      </c>
      <c r="D118909" s="14" t="s">
        <v>193</v>
      </c>
      <c r="E118909" s="15">
        <v>45660</v>
      </c>
      <c r="F118909" s="14" t="s">
        <v>15</v>
      </c>
      <c r="G118909" s="16">
        <v>1.08230069924515</v>
      </c>
    </row>
    <row r="118910" spans="1:7" x14ac:dyDescent="0.3">
      <c r="A118910" s="13" t="s">
        <v>560</v>
      </c>
      <c r="B118910" s="14" t="s">
        <v>1</v>
      </c>
      <c r="C118910" s="14" t="s">
        <v>558</v>
      </c>
      <c r="D118910" s="14" t="s">
        <v>193</v>
      </c>
      <c r="E118910" s="15">
        <v>45661</v>
      </c>
      <c r="F118910" s="14" t="s">
        <v>15</v>
      </c>
      <c r="G118910" s="16">
        <v>1.08230069924515</v>
      </c>
    </row>
    <row r="118911" spans="1:7" x14ac:dyDescent="0.3">
      <c r="A118911" s="13" t="s">
        <v>560</v>
      </c>
      <c r="B118911" s="14" t="s">
        <v>1</v>
      </c>
      <c r="C118911" s="14" t="s">
        <v>558</v>
      </c>
      <c r="D118911" s="14" t="s">
        <v>193</v>
      </c>
      <c r="E118911" s="15">
        <v>45662</v>
      </c>
      <c r="F118911" s="14" t="s">
        <v>15</v>
      </c>
      <c r="G118911" s="16">
        <v>1.08230069924515</v>
      </c>
    </row>
    <row r="118912" spans="1:7" x14ac:dyDescent="0.3">
      <c r="A118912" s="13" t="s">
        <v>560</v>
      </c>
      <c r="B118912" s="14" t="s">
        <v>1</v>
      </c>
      <c r="C118912" s="14" t="s">
        <v>558</v>
      </c>
      <c r="D118912" s="14" t="s">
        <v>193</v>
      </c>
      <c r="E118912" s="15">
        <v>45663</v>
      </c>
      <c r="F118912" s="14" t="s">
        <v>15</v>
      </c>
      <c r="G118912" s="16">
        <v>1.0807727720016058</v>
      </c>
    </row>
    <row r="118913" spans="1:7" x14ac:dyDescent="0.3">
      <c r="A118913" s="13" t="s">
        <v>560</v>
      </c>
      <c r="B118913" s="14" t="s">
        <v>1</v>
      </c>
      <c r="C118913" s="14" t="s">
        <v>558</v>
      </c>
      <c r="D118913" s="14" t="s">
        <v>193</v>
      </c>
      <c r="E118913" s="15">
        <v>45664</v>
      </c>
      <c r="F118913" s="14" t="s">
        <v>15</v>
      </c>
      <c r="G118913" s="16">
        <v>1.0830630595401973</v>
      </c>
    </row>
    <row r="118914" spans="1:7" x14ac:dyDescent="0.3">
      <c r="A118914" s="13" t="s">
        <v>560</v>
      </c>
      <c r="B118914" s="14" t="s">
        <v>1</v>
      </c>
      <c r="C118914" s="14" t="s">
        <v>558</v>
      </c>
      <c r="D118914" s="14" t="s">
        <v>193</v>
      </c>
      <c r="E118914" s="15">
        <v>45665</v>
      </c>
      <c r="F118914" s="14" t="s">
        <v>15</v>
      </c>
      <c r="G118914" s="16">
        <v>1.0814402510492971</v>
      </c>
    </row>
    <row r="118915" spans="1:7" x14ac:dyDescent="0.3">
      <c r="A118915" s="13" t="s">
        <v>560</v>
      </c>
      <c r="B118915" s="14" t="s">
        <v>1</v>
      </c>
      <c r="C118915" s="14" t="s">
        <v>558</v>
      </c>
      <c r="D118915" s="14" t="s">
        <v>193</v>
      </c>
      <c r="E118915" s="15">
        <v>45666</v>
      </c>
      <c r="F118915" s="14" t="s">
        <v>15</v>
      </c>
      <c r="G118915" s="16">
        <v>1.0797527782687975</v>
      </c>
    </row>
    <row r="118916" spans="1:7" x14ac:dyDescent="0.3">
      <c r="A118916" s="13" t="s">
        <v>560</v>
      </c>
      <c r="B118916" s="14" t="s">
        <v>1</v>
      </c>
      <c r="C118916" s="14" t="s">
        <v>558</v>
      </c>
      <c r="D118916" s="14" t="s">
        <v>193</v>
      </c>
      <c r="E118916" s="15">
        <v>45667</v>
      </c>
      <c r="F118916" s="14" t="s">
        <v>15</v>
      </c>
      <c r="G118916" s="16">
        <v>1.0781638127705848</v>
      </c>
    </row>
    <row r="118917" spans="1:7" x14ac:dyDescent="0.3">
      <c r="A118917" s="13" t="s">
        <v>560</v>
      </c>
      <c r="B118917" s="14" t="s">
        <v>1</v>
      </c>
      <c r="C118917" s="14" t="s">
        <v>558</v>
      </c>
      <c r="D118917" s="14" t="s">
        <v>193</v>
      </c>
      <c r="E118917" s="15">
        <v>45668</v>
      </c>
      <c r="F118917" s="14" t="s">
        <v>15</v>
      </c>
      <c r="G118917" s="16">
        <v>1.0781638127705848</v>
      </c>
    </row>
    <row r="118918" spans="1:7" x14ac:dyDescent="0.3">
      <c r="A118918" s="13" t="s">
        <v>560</v>
      </c>
      <c r="B118918" s="14" t="s">
        <v>1</v>
      </c>
      <c r="C118918" s="14" t="s">
        <v>558</v>
      </c>
      <c r="D118918" s="14" t="s">
        <v>193</v>
      </c>
      <c r="E118918" s="15">
        <v>45669</v>
      </c>
      <c r="F118918" s="14" t="s">
        <v>15</v>
      </c>
      <c r="G118918" s="16">
        <v>1.0781638127705848</v>
      </c>
    </row>
    <row r="118919" spans="1:7" x14ac:dyDescent="0.3">
      <c r="A118919" s="13" t="s">
        <v>560</v>
      </c>
      <c r="B118919" s="14" t="s">
        <v>1</v>
      </c>
      <c r="C118919" s="14" t="s">
        <v>558</v>
      </c>
      <c r="D118919" s="14" t="s">
        <v>193</v>
      </c>
      <c r="E118919" s="15">
        <v>45670</v>
      </c>
      <c r="F118919" s="14" t="s">
        <v>15</v>
      </c>
      <c r="G118919" s="16">
        <v>1.0764576054762762</v>
      </c>
    </row>
    <row r="118920" spans="1:7" x14ac:dyDescent="0.3">
      <c r="A118920" s="13" t="s">
        <v>560</v>
      </c>
      <c r="B118920" s="14" t="s">
        <v>1</v>
      </c>
      <c r="C118920" s="14" t="s">
        <v>558</v>
      </c>
      <c r="D118920" s="14" t="s">
        <v>193</v>
      </c>
      <c r="E118920" s="15">
        <v>45671</v>
      </c>
      <c r="F118920" s="14" t="s">
        <v>15</v>
      </c>
      <c r="G118920" s="16">
        <v>1.0712196401593652</v>
      </c>
    </row>
    <row r="118921" spans="1:7" x14ac:dyDescent="0.3">
      <c r="A118921" s="13" t="s">
        <v>560</v>
      </c>
      <c r="B118921" s="14" t="s">
        <v>1</v>
      </c>
      <c r="C118921" s="14" t="s">
        <v>558</v>
      </c>
      <c r="D118921" s="14" t="s">
        <v>193</v>
      </c>
      <c r="E118921" s="15">
        <v>45672</v>
      </c>
      <c r="F118921" s="14" t="s">
        <v>15</v>
      </c>
      <c r="G118921" s="16">
        <v>1.0696294659828423</v>
      </c>
    </row>
    <row r="118922" spans="1:7" x14ac:dyDescent="0.3">
      <c r="A118922" s="13" t="s">
        <v>560</v>
      </c>
      <c r="B118922" s="14" t="s">
        <v>1</v>
      </c>
      <c r="C118922" s="14" t="s">
        <v>558</v>
      </c>
      <c r="D118922" s="14" t="s">
        <v>193</v>
      </c>
      <c r="E118922" s="15">
        <v>45673</v>
      </c>
      <c r="F118922" s="14" t="s">
        <v>15</v>
      </c>
      <c r="G118922" s="16">
        <v>1.0680072618310974</v>
      </c>
    </row>
    <row r="118923" spans="1:7" x14ac:dyDescent="0.3">
      <c r="A118923" s="13" t="s">
        <v>560</v>
      </c>
      <c r="B118923" s="14" t="s">
        <v>1</v>
      </c>
      <c r="C118923" s="14" t="s">
        <v>558</v>
      </c>
      <c r="D118923" s="14" t="s">
        <v>193</v>
      </c>
      <c r="E118923" s="15">
        <v>45674</v>
      </c>
      <c r="F118923" s="14" t="s">
        <v>15</v>
      </c>
      <c r="G118923" s="16">
        <v>1.0663765969311805</v>
      </c>
    </row>
    <row r="118924" spans="1:7" x14ac:dyDescent="0.3">
      <c r="A118924" s="13" t="s">
        <v>560</v>
      </c>
      <c r="B118924" s="14" t="s">
        <v>1</v>
      </c>
      <c r="C118924" s="14" t="s">
        <v>558</v>
      </c>
      <c r="D118924" s="14" t="s">
        <v>193</v>
      </c>
      <c r="E118924" s="15">
        <v>45675</v>
      </c>
      <c r="F118924" s="14" t="s">
        <v>15</v>
      </c>
      <c r="G118924" s="16">
        <v>1.0663765969311805</v>
      </c>
    </row>
    <row r="118925" spans="1:7" x14ac:dyDescent="0.3">
      <c r="A118925" s="13" t="s">
        <v>560</v>
      </c>
      <c r="B118925" s="14" t="s">
        <v>1</v>
      </c>
      <c r="C118925" s="14" t="s">
        <v>558</v>
      </c>
      <c r="D118925" s="14" t="s">
        <v>193</v>
      </c>
      <c r="E118925" s="15">
        <v>45676</v>
      </c>
      <c r="F118925" s="14" t="s">
        <v>15</v>
      </c>
      <c r="G118925" s="16">
        <v>1.0663765969311805</v>
      </c>
    </row>
    <row r="118926" spans="1:7" x14ac:dyDescent="0.3">
      <c r="A118926" s="13" t="s">
        <v>560</v>
      </c>
      <c r="B118926" s="14" t="s">
        <v>1</v>
      </c>
      <c r="C118926" s="14" t="s">
        <v>558</v>
      </c>
      <c r="D118926" s="14" t="s">
        <v>193</v>
      </c>
      <c r="E118926" s="15">
        <v>45677</v>
      </c>
      <c r="F118926" s="14" t="s">
        <v>15</v>
      </c>
      <c r="G118926" s="16">
        <v>1.0710020509652094</v>
      </c>
    </row>
    <row r="118927" spans="1:7" x14ac:dyDescent="0.3">
      <c r="A118927" s="13" t="s">
        <v>560</v>
      </c>
      <c r="B118927" s="14" t="s">
        <v>1</v>
      </c>
      <c r="C118927" s="14" t="s">
        <v>558</v>
      </c>
      <c r="D118927" s="14" t="s">
        <v>193</v>
      </c>
      <c r="E118927" s="15">
        <v>45678</v>
      </c>
      <c r="F118927" s="14" t="s">
        <v>15</v>
      </c>
      <c r="G118927" s="16">
        <v>1.0660529597644526</v>
      </c>
    </row>
    <row r="118928" spans="1:7" x14ac:dyDescent="0.3">
      <c r="A118928" s="13" t="s">
        <v>560</v>
      </c>
      <c r="B118928" s="14" t="s">
        <v>1</v>
      </c>
      <c r="C118928" s="14" t="s">
        <v>558</v>
      </c>
      <c r="D118928" s="14" t="s">
        <v>193</v>
      </c>
      <c r="E118928" s="15">
        <v>45679</v>
      </c>
      <c r="F118928" s="14" t="s">
        <v>15</v>
      </c>
      <c r="G118928" s="16">
        <v>1.0643908692284687</v>
      </c>
    </row>
    <row r="118929" spans="1:7" x14ac:dyDescent="0.3">
      <c r="A118929" s="13" t="s">
        <v>560</v>
      </c>
      <c r="B118929" s="14" t="s">
        <v>1</v>
      </c>
      <c r="C118929" s="14" t="s">
        <v>558</v>
      </c>
      <c r="D118929" s="14" t="s">
        <v>193</v>
      </c>
      <c r="E118929" s="15">
        <v>45680</v>
      </c>
      <c r="F118929" s="14" t="s">
        <v>15</v>
      </c>
      <c r="G118929" s="16">
        <v>1.0619156271936452</v>
      </c>
    </row>
    <row r="118930" spans="1:7" x14ac:dyDescent="0.3">
      <c r="A118930" s="13" t="s">
        <v>560</v>
      </c>
      <c r="B118930" s="14" t="s">
        <v>1</v>
      </c>
      <c r="C118930" s="14" t="s">
        <v>558</v>
      </c>
      <c r="D118930" s="14" t="s">
        <v>193</v>
      </c>
      <c r="E118930" s="15">
        <v>45681</v>
      </c>
      <c r="F118930" s="14" t="s">
        <v>15</v>
      </c>
      <c r="G118930" s="16">
        <v>1.0600424819175018</v>
      </c>
    </row>
    <row r="118931" spans="1:7" x14ac:dyDescent="0.3">
      <c r="A118931" s="13" t="s">
        <v>560</v>
      </c>
      <c r="B118931" s="14" t="s">
        <v>1</v>
      </c>
      <c r="C118931" s="14" t="s">
        <v>558</v>
      </c>
      <c r="D118931" s="14" t="s">
        <v>193</v>
      </c>
      <c r="E118931" s="15">
        <v>45682</v>
      </c>
      <c r="F118931" s="14" t="s">
        <v>15</v>
      </c>
      <c r="G118931" s="16">
        <v>1.0600424819175018</v>
      </c>
    </row>
    <row r="118932" spans="1:7" x14ac:dyDescent="0.3">
      <c r="A118932" s="13" t="s">
        <v>560</v>
      </c>
      <c r="B118932" s="14" t="s">
        <v>1</v>
      </c>
      <c r="C118932" s="14" t="s">
        <v>558</v>
      </c>
      <c r="D118932" s="14" t="s">
        <v>193</v>
      </c>
      <c r="E118932" s="15">
        <v>45683</v>
      </c>
      <c r="F118932" s="14" t="s">
        <v>15</v>
      </c>
      <c r="G118932" s="16">
        <v>1.0600424819175018</v>
      </c>
    </row>
    <row r="118933" spans="1:7" x14ac:dyDescent="0.3">
      <c r="A118933" s="13" t="s">
        <v>560</v>
      </c>
      <c r="B118933" s="14" t="s">
        <v>1</v>
      </c>
      <c r="C118933" s="14" t="s">
        <v>558</v>
      </c>
      <c r="D118933" s="14" t="s">
        <v>193</v>
      </c>
      <c r="E118933" s="15">
        <v>45684</v>
      </c>
      <c r="F118933" s="14" t="s">
        <v>15</v>
      </c>
      <c r="G118933" s="16">
        <v>1.0584857740752336</v>
      </c>
    </row>
    <row r="118934" spans="1:7" x14ac:dyDescent="0.3">
      <c r="A118934" s="13" t="s">
        <v>560</v>
      </c>
      <c r="B118934" s="14" t="s">
        <v>1</v>
      </c>
      <c r="C118934" s="14" t="s">
        <v>558</v>
      </c>
      <c r="D118934" s="14" t="s">
        <v>193</v>
      </c>
      <c r="E118934" s="15">
        <v>45685</v>
      </c>
      <c r="F118934" s="14" t="s">
        <v>15</v>
      </c>
      <c r="G118934" s="16">
        <v>1.0535175052057459</v>
      </c>
    </row>
    <row r="118935" spans="1:7" x14ac:dyDescent="0.3">
      <c r="A118935" s="13" t="s">
        <v>560</v>
      </c>
      <c r="B118935" s="14" t="s">
        <v>1</v>
      </c>
      <c r="C118935" s="14" t="s">
        <v>558</v>
      </c>
      <c r="D118935" s="14" t="s">
        <v>193</v>
      </c>
      <c r="E118935" s="15">
        <v>45686</v>
      </c>
      <c r="F118935" s="14" t="s">
        <v>15</v>
      </c>
      <c r="G118935" s="16">
        <v>1.0518934702498874</v>
      </c>
    </row>
    <row r="118936" spans="1:7" x14ac:dyDescent="0.3">
      <c r="A118936" s="13" t="s">
        <v>560</v>
      </c>
      <c r="B118936" s="14" t="s">
        <v>1</v>
      </c>
      <c r="C118936" s="14" t="s">
        <v>558</v>
      </c>
      <c r="D118936" s="14" t="s">
        <v>193</v>
      </c>
      <c r="E118936" s="15">
        <v>45687</v>
      </c>
      <c r="F118936" s="14" t="s">
        <v>15</v>
      </c>
      <c r="G118936" s="16">
        <v>1.0502617407667614</v>
      </c>
    </row>
    <row r="118937" spans="1:7" x14ac:dyDescent="0.3">
      <c r="A118937" s="13" t="s">
        <v>560</v>
      </c>
      <c r="B118937" s="14" t="s">
        <v>1</v>
      </c>
      <c r="C118937" s="14" t="s">
        <v>558</v>
      </c>
      <c r="D118937" s="14" t="s">
        <v>193</v>
      </c>
      <c r="E118937" s="15">
        <v>45688</v>
      </c>
      <c r="F118937" s="14" t="s">
        <v>15</v>
      </c>
      <c r="G118937" s="16">
        <v>1.0486925293176834</v>
      </c>
    </row>
    <row r="118938" spans="1:7" x14ac:dyDescent="0.3">
      <c r="A118938" s="13" t="s">
        <v>560</v>
      </c>
      <c r="B118938" s="14" t="s">
        <v>1</v>
      </c>
      <c r="C118938" s="14" t="s">
        <v>558</v>
      </c>
      <c r="D118938" s="14" t="s">
        <v>193</v>
      </c>
      <c r="E118938" s="15">
        <v>45689</v>
      </c>
      <c r="F118938" s="14" t="s">
        <v>15</v>
      </c>
      <c r="G118938" s="16">
        <v>1.0486925293176834</v>
      </c>
    </row>
    <row r="118939" spans="1:7" x14ac:dyDescent="0.3">
      <c r="A118939" s="13" t="s">
        <v>560</v>
      </c>
      <c r="B118939" s="14" t="s">
        <v>1</v>
      </c>
      <c r="C118939" s="14" t="s">
        <v>558</v>
      </c>
      <c r="D118939" s="14" t="s">
        <v>193</v>
      </c>
      <c r="E118939" s="15">
        <v>45690</v>
      </c>
      <c r="F118939" s="14" t="s">
        <v>15</v>
      </c>
      <c r="G118939" s="16">
        <v>1.0486925293176834</v>
      </c>
    </row>
    <row r="118940" spans="1:7" x14ac:dyDescent="0.3">
      <c r="A118940" s="13" t="s">
        <v>560</v>
      </c>
      <c r="B118940" s="14" t="s">
        <v>1</v>
      </c>
      <c r="C118940" s="14" t="s">
        <v>558</v>
      </c>
      <c r="D118940" s="14" t="s">
        <v>193</v>
      </c>
      <c r="E118940" s="15">
        <v>45691</v>
      </c>
      <c r="F118940" s="14" t="s">
        <v>15</v>
      </c>
      <c r="G118940" s="16">
        <v>1.0486925293176834</v>
      </c>
    </row>
    <row r="118941" spans="1:7" x14ac:dyDescent="0.3">
      <c r="A118941" s="13" t="s">
        <v>560</v>
      </c>
      <c r="B118941" s="14" t="s">
        <v>1</v>
      </c>
      <c r="C118941" s="14" t="s">
        <v>558</v>
      </c>
      <c r="D118941" s="14" t="s">
        <v>193</v>
      </c>
      <c r="E118941" s="15">
        <v>45692</v>
      </c>
      <c r="F118941" s="14" t="s">
        <v>15</v>
      </c>
      <c r="G118941" s="16">
        <v>1.0490286751832156</v>
      </c>
    </row>
    <row r="118942" spans="1:7" x14ac:dyDescent="0.3">
      <c r="A118942" s="13" t="s">
        <v>560</v>
      </c>
      <c r="B118942" s="14" t="s">
        <v>1</v>
      </c>
      <c r="C118942" s="14" t="s">
        <v>558</v>
      </c>
      <c r="D118942" s="14" t="s">
        <v>193</v>
      </c>
      <c r="E118942" s="15">
        <v>45693</v>
      </c>
      <c r="F118942" s="14" t="s">
        <v>15</v>
      </c>
      <c r="G118942" s="16">
        <v>1.0428744872986275</v>
      </c>
    </row>
    <row r="118943" spans="1:7" x14ac:dyDescent="0.3">
      <c r="A118943" s="13" t="s">
        <v>560</v>
      </c>
      <c r="B118943" s="14" t="s">
        <v>1</v>
      </c>
      <c r="C118943" s="14" t="s">
        <v>558</v>
      </c>
      <c r="D118943" s="14" t="s">
        <v>193</v>
      </c>
      <c r="E118943" s="15">
        <v>45694</v>
      </c>
      <c r="F118943" s="14" t="s">
        <v>15</v>
      </c>
      <c r="G118943" s="16">
        <v>1.0411542707519255</v>
      </c>
    </row>
    <row r="118944" spans="1:7" x14ac:dyDescent="0.3">
      <c r="A118944" s="13" t="s">
        <v>560</v>
      </c>
      <c r="B118944" s="14" t="s">
        <v>1</v>
      </c>
      <c r="C118944" s="14" t="s">
        <v>558</v>
      </c>
      <c r="D118944" s="14" t="s">
        <v>193</v>
      </c>
      <c r="E118944" s="15">
        <v>45695</v>
      </c>
      <c r="F118944" s="14" t="s">
        <v>15</v>
      </c>
      <c r="G118944" s="16">
        <v>1.0394542523393002</v>
      </c>
    </row>
    <row r="118945" spans="1:7" x14ac:dyDescent="0.3">
      <c r="A118945" s="13" t="s">
        <v>560</v>
      </c>
      <c r="B118945" s="14" t="s">
        <v>1</v>
      </c>
      <c r="C118945" s="14" t="s">
        <v>558</v>
      </c>
      <c r="D118945" s="14" t="s">
        <v>193</v>
      </c>
      <c r="E118945" s="15">
        <v>45696</v>
      </c>
      <c r="F118945" s="14" t="s">
        <v>15</v>
      </c>
      <c r="G118945" s="16">
        <v>1.0394542523393002</v>
      </c>
    </row>
    <row r="118946" spans="1:7" x14ac:dyDescent="0.3">
      <c r="A118946" s="13" t="s">
        <v>560</v>
      </c>
      <c r="B118946" s="14" t="s">
        <v>1</v>
      </c>
      <c r="C118946" s="14" t="s">
        <v>558</v>
      </c>
      <c r="D118946" s="14" t="s">
        <v>193</v>
      </c>
      <c r="E118946" s="15">
        <v>45697</v>
      </c>
      <c r="F118946" s="14" t="s">
        <v>15</v>
      </c>
      <c r="G118946" s="16">
        <v>1.0394542523393002</v>
      </c>
    </row>
    <row r="118947" spans="1:7" x14ac:dyDescent="0.3">
      <c r="A118947" s="13" t="s">
        <v>560</v>
      </c>
      <c r="B118947" s="14" t="s">
        <v>1</v>
      </c>
      <c r="C118947" s="14" t="s">
        <v>558</v>
      </c>
      <c r="D118947" s="14" t="s">
        <v>193</v>
      </c>
      <c r="E118947" s="15">
        <v>45698</v>
      </c>
      <c r="F118947" s="14" t="s">
        <v>15</v>
      </c>
      <c r="G118947" s="16">
        <v>1.0377051813153451</v>
      </c>
    </row>
    <row r="118948" spans="1:7" x14ac:dyDescent="0.3">
      <c r="A118948" s="13" t="s">
        <v>560</v>
      </c>
      <c r="B118948" s="14" t="s">
        <v>1</v>
      </c>
      <c r="C118948" s="14" t="s">
        <v>558</v>
      </c>
      <c r="D118948" s="14" t="s">
        <v>193</v>
      </c>
      <c r="E118948" s="15">
        <v>45699</v>
      </c>
      <c r="F118948" s="14" t="s">
        <v>15</v>
      </c>
      <c r="G118948" s="16">
        <v>1.0325080002596501</v>
      </c>
    </row>
    <row r="118949" spans="1:7" x14ac:dyDescent="0.3">
      <c r="A118949" s="13" t="s">
        <v>560</v>
      </c>
      <c r="B118949" s="14" t="s">
        <v>1</v>
      </c>
      <c r="C118949" s="14" t="s">
        <v>558</v>
      </c>
      <c r="D118949" s="14" t="s">
        <v>193</v>
      </c>
      <c r="E118949" s="15">
        <v>45700</v>
      </c>
      <c r="F118949" s="14" t="s">
        <v>15</v>
      </c>
      <c r="G118949" s="16">
        <v>1.0310724812218446</v>
      </c>
    </row>
    <row r="118950" spans="1:7" x14ac:dyDescent="0.3">
      <c r="A118950" s="13" t="s">
        <v>560</v>
      </c>
      <c r="B118950" s="14" t="s">
        <v>1</v>
      </c>
      <c r="C118950" s="14" t="s">
        <v>558</v>
      </c>
      <c r="D118950" s="14" t="s">
        <v>193</v>
      </c>
      <c r="E118950" s="15">
        <v>45701</v>
      </c>
      <c r="F118950" s="14" t="s">
        <v>15</v>
      </c>
      <c r="G118950" s="16">
        <v>1.029395546391022</v>
      </c>
    </row>
    <row r="118951" spans="1:7" x14ac:dyDescent="0.3">
      <c r="A118951" s="13" t="s">
        <v>560</v>
      </c>
      <c r="B118951" s="14" t="s">
        <v>1</v>
      </c>
      <c r="C118951" s="14" t="s">
        <v>558</v>
      </c>
      <c r="D118951" s="14" t="s">
        <v>193</v>
      </c>
      <c r="E118951" s="15">
        <v>45702</v>
      </c>
      <c r="F118951" s="14" t="s">
        <v>15</v>
      </c>
      <c r="G118951" s="16">
        <v>1.0277849768578815</v>
      </c>
    </row>
    <row r="118952" spans="1:7" x14ac:dyDescent="0.3">
      <c r="A118952" s="13" t="s">
        <v>560</v>
      </c>
      <c r="B118952" s="14" t="s">
        <v>1</v>
      </c>
      <c r="C118952" s="14" t="s">
        <v>558</v>
      </c>
      <c r="D118952" s="14" t="s">
        <v>193</v>
      </c>
      <c r="E118952" s="15">
        <v>45703</v>
      </c>
      <c r="F118952" s="14" t="s">
        <v>15</v>
      </c>
      <c r="G118952" s="16">
        <v>1.0277849768578815</v>
      </c>
    </row>
    <row r="118953" spans="1:7" x14ac:dyDescent="0.3">
      <c r="A118953" s="13" t="s">
        <v>560</v>
      </c>
      <c r="B118953" s="14" t="s">
        <v>1</v>
      </c>
      <c r="C118953" s="14" t="s">
        <v>558</v>
      </c>
      <c r="D118953" s="14" t="s">
        <v>193</v>
      </c>
      <c r="E118953" s="15">
        <v>45704</v>
      </c>
      <c r="F118953" s="14" t="s">
        <v>15</v>
      </c>
      <c r="G118953" s="16">
        <v>1.0277849768578815</v>
      </c>
    </row>
    <row r="118954" spans="1:7" x14ac:dyDescent="0.3">
      <c r="A118954" s="13" t="s">
        <v>560</v>
      </c>
      <c r="B118954" s="14" t="s">
        <v>1</v>
      </c>
      <c r="C118954" s="14" t="s">
        <v>558</v>
      </c>
      <c r="D118954" s="14" t="s">
        <v>193</v>
      </c>
      <c r="E118954" s="15">
        <v>45705</v>
      </c>
      <c r="F118954" s="14" t="s">
        <v>15</v>
      </c>
      <c r="G118954" s="16">
        <v>1.0289521316683015</v>
      </c>
    </row>
    <row r="118955" spans="1:7" x14ac:dyDescent="0.3">
      <c r="A118955" s="13" t="s">
        <v>560</v>
      </c>
      <c r="B118955" s="14" t="s">
        <v>1</v>
      </c>
      <c r="C118955" s="14" t="s">
        <v>558</v>
      </c>
      <c r="D118955" s="14" t="s">
        <v>193</v>
      </c>
      <c r="E118955" s="15">
        <v>45706</v>
      </c>
      <c r="F118955" s="14" t="s">
        <v>15</v>
      </c>
      <c r="G118955" s="16">
        <v>1.0238367049648234</v>
      </c>
    </row>
    <row r="118956" spans="1:7" x14ac:dyDescent="0.3">
      <c r="A118956" s="13" t="s">
        <v>560</v>
      </c>
      <c r="B118956" s="14" t="s">
        <v>1</v>
      </c>
      <c r="C118956" s="14" t="s">
        <v>558</v>
      </c>
      <c r="D118956" s="14" t="s">
        <v>193</v>
      </c>
      <c r="E118956" s="15">
        <v>45707</v>
      </c>
      <c r="F118956" s="14" t="s">
        <v>15</v>
      </c>
      <c r="G118956" s="16">
        <v>1.0684808242842363</v>
      </c>
    </row>
    <row r="118957" spans="1:7" x14ac:dyDescent="0.3">
      <c r="A118957" s="13" t="s">
        <v>560</v>
      </c>
      <c r="B118957" s="14" t="s">
        <v>1</v>
      </c>
      <c r="C118957" s="14" t="s">
        <v>558</v>
      </c>
      <c r="D118957" s="14" t="s">
        <v>193</v>
      </c>
      <c r="E118957" s="15">
        <v>45708</v>
      </c>
      <c r="F118957" s="14" t="s">
        <v>15</v>
      </c>
      <c r="G118957" s="16">
        <v>1.0668866056215394</v>
      </c>
    </row>
    <row r="118958" spans="1:7" x14ac:dyDescent="0.3">
      <c r="A118958" s="13" t="s">
        <v>560</v>
      </c>
      <c r="B118958" s="14" t="s">
        <v>1</v>
      </c>
      <c r="C118958" s="14" t="s">
        <v>558</v>
      </c>
      <c r="D118958" s="14" t="s">
        <v>193</v>
      </c>
      <c r="E118958" s="15">
        <v>45709</v>
      </c>
      <c r="F118958" s="14" t="s">
        <v>15</v>
      </c>
      <c r="G118958" s="16">
        <v>1.0672900786006621</v>
      </c>
    </row>
    <row r="118959" spans="1:7" x14ac:dyDescent="0.3">
      <c r="A118959" s="13" t="s">
        <v>560</v>
      </c>
      <c r="B118959" s="14" t="s">
        <v>1</v>
      </c>
      <c r="C118959" s="14" t="s">
        <v>558</v>
      </c>
      <c r="D118959" s="14" t="s">
        <v>193</v>
      </c>
      <c r="E118959" s="15">
        <v>45710</v>
      </c>
      <c r="F118959" s="14" t="s">
        <v>15</v>
      </c>
      <c r="G118959" s="16">
        <v>1.0672900786006621</v>
      </c>
    </row>
    <row r="118960" spans="1:7" x14ac:dyDescent="0.3">
      <c r="A118960" s="13" t="s">
        <v>560</v>
      </c>
      <c r="B118960" s="14" t="s">
        <v>1</v>
      </c>
      <c r="C118960" s="14" t="s">
        <v>558</v>
      </c>
      <c r="D118960" s="14" t="s">
        <v>193</v>
      </c>
      <c r="E118960" s="15">
        <v>45711</v>
      </c>
      <c r="F118960" s="14" t="s">
        <v>15</v>
      </c>
      <c r="G118960" s="16">
        <v>1.0672900786006621</v>
      </c>
    </row>
    <row r="118961" spans="1:7" x14ac:dyDescent="0.3">
      <c r="A118961" s="13" t="s">
        <v>560</v>
      </c>
      <c r="B118961" s="14" t="s">
        <v>1</v>
      </c>
      <c r="C118961" s="14" t="s">
        <v>558</v>
      </c>
      <c r="D118961" s="14" t="s">
        <v>193</v>
      </c>
      <c r="E118961" s="15">
        <v>45712</v>
      </c>
      <c r="F118961" s="14" t="s">
        <v>15</v>
      </c>
      <c r="G118961" s="16">
        <v>1.0655390839448899</v>
      </c>
    </row>
    <row r="118962" spans="1:7" x14ac:dyDescent="0.3">
      <c r="A118962" s="13" t="s">
        <v>560</v>
      </c>
      <c r="B118962" s="14" t="s">
        <v>1</v>
      </c>
      <c r="C118962" s="14" t="s">
        <v>558</v>
      </c>
      <c r="D118962" s="14" t="s">
        <v>193</v>
      </c>
      <c r="E118962" s="15">
        <v>45713</v>
      </c>
      <c r="F118962" s="14" t="s">
        <v>15</v>
      </c>
      <c r="G118962" s="16">
        <v>1.0604015354755179</v>
      </c>
    </row>
    <row r="118963" spans="1:7" x14ac:dyDescent="0.3">
      <c r="A118963" s="13" t="s">
        <v>560</v>
      </c>
      <c r="B118963" s="14" t="s">
        <v>1</v>
      </c>
      <c r="C118963" s="14" t="s">
        <v>558</v>
      </c>
      <c r="D118963" s="14" t="s">
        <v>193</v>
      </c>
      <c r="E118963" s="15">
        <v>45714</v>
      </c>
      <c r="F118963" s="14" t="s">
        <v>15</v>
      </c>
      <c r="G118963" s="16">
        <v>1.0586630444265555</v>
      </c>
    </row>
    <row r="118964" spans="1:7" x14ac:dyDescent="0.3">
      <c r="A118964" s="13" t="s">
        <v>560</v>
      </c>
      <c r="B118964" s="14" t="s">
        <v>1</v>
      </c>
      <c r="C118964" s="14" t="s">
        <v>558</v>
      </c>
      <c r="D118964" s="14" t="s">
        <v>193</v>
      </c>
      <c r="E118964" s="15">
        <v>45715</v>
      </c>
      <c r="F118964" s="14" t="s">
        <v>15</v>
      </c>
      <c r="G118964" s="16">
        <v>1.0561493297553943</v>
      </c>
    </row>
    <row r="118965" spans="1:7" x14ac:dyDescent="0.3">
      <c r="A118965" s="13" t="s">
        <v>560</v>
      </c>
      <c r="B118965" s="14" t="s">
        <v>1</v>
      </c>
      <c r="C118965" s="14" t="s">
        <v>558</v>
      </c>
      <c r="D118965" s="14" t="s">
        <v>193</v>
      </c>
      <c r="E118965" s="15">
        <v>45716</v>
      </c>
      <c r="F118965" s="14" t="s">
        <v>15</v>
      </c>
      <c r="G118965" s="16">
        <v>1.0977040963769138</v>
      </c>
    </row>
    <row r="118966" spans="1:7" x14ac:dyDescent="0.3">
      <c r="A118966" s="13" t="s">
        <v>560</v>
      </c>
      <c r="B118966" s="14" t="s">
        <v>1</v>
      </c>
      <c r="C118966" s="14" t="s">
        <v>558</v>
      </c>
      <c r="D118966" s="14" t="s">
        <v>193</v>
      </c>
      <c r="E118966" s="15">
        <v>45717</v>
      </c>
      <c r="F118966" s="14" t="s">
        <v>15</v>
      </c>
      <c r="G118966" s="16">
        <v>1.0977040963769138</v>
      </c>
    </row>
    <row r="118967" spans="1:7" x14ac:dyDescent="0.3">
      <c r="A118967" s="13" t="s">
        <v>560</v>
      </c>
      <c r="B118967" s="14" t="s">
        <v>1</v>
      </c>
      <c r="C118967" s="14" t="s">
        <v>558</v>
      </c>
      <c r="D118967" s="14" t="s">
        <v>193</v>
      </c>
      <c r="E118967" s="15">
        <v>45718</v>
      </c>
      <c r="F118967" s="14" t="s">
        <v>15</v>
      </c>
      <c r="G118967" s="16">
        <v>1.0977040963769138</v>
      </c>
    </row>
    <row r="118968" spans="1:7" x14ac:dyDescent="0.3">
      <c r="A118968" s="13" t="s">
        <v>560</v>
      </c>
      <c r="B118968" s="14" t="s">
        <v>1</v>
      </c>
      <c r="C118968" s="14" t="s">
        <v>558</v>
      </c>
      <c r="D118968" s="14" t="s">
        <v>193</v>
      </c>
      <c r="E118968" s="15">
        <v>45719</v>
      </c>
      <c r="F118968" s="14" t="s">
        <v>15</v>
      </c>
      <c r="G118968" s="16">
        <v>1.1018826967966444</v>
      </c>
    </row>
    <row r="118969" spans="1:7" x14ac:dyDescent="0.3">
      <c r="A118969" s="13" t="s">
        <v>560</v>
      </c>
      <c r="B118969" s="14" t="s">
        <v>1</v>
      </c>
      <c r="C118969" s="14" t="s">
        <v>558</v>
      </c>
      <c r="D118969" s="14" t="s">
        <v>193</v>
      </c>
      <c r="E118969" s="15">
        <v>45720</v>
      </c>
      <c r="F118969" s="14" t="s">
        <v>15</v>
      </c>
      <c r="G118969" s="16">
        <v>1.0975136392381117</v>
      </c>
    </row>
    <row r="118970" spans="1:7" x14ac:dyDescent="0.3">
      <c r="A118970" s="13" t="s">
        <v>560</v>
      </c>
      <c r="B118970" s="14" t="s">
        <v>1</v>
      </c>
      <c r="C118970" s="14" t="s">
        <v>558</v>
      </c>
      <c r="D118970" s="14" t="s">
        <v>193</v>
      </c>
      <c r="E118970" s="15">
        <v>45721</v>
      </c>
      <c r="F118970" s="14" t="s">
        <v>15</v>
      </c>
      <c r="G118970" s="16">
        <v>1.095632799434701</v>
      </c>
    </row>
    <row r="118971" spans="1:7" x14ac:dyDescent="0.3">
      <c r="A118971" s="13" t="s">
        <v>560</v>
      </c>
      <c r="B118971" s="14" t="s">
        <v>1</v>
      </c>
      <c r="C118971" s="14" t="s">
        <v>558</v>
      </c>
      <c r="D118971" s="14" t="s">
        <v>193</v>
      </c>
      <c r="E118971" s="15">
        <v>45722</v>
      </c>
      <c r="F118971" s="14" t="s">
        <v>15</v>
      </c>
      <c r="G118971" s="16">
        <v>1.1133403024224799</v>
      </c>
    </row>
    <row r="118972" spans="1:7" x14ac:dyDescent="0.3">
      <c r="A118972" s="13" t="s">
        <v>560</v>
      </c>
      <c r="B118972" s="14" t="s">
        <v>1</v>
      </c>
      <c r="C118972" s="14" t="s">
        <v>558</v>
      </c>
      <c r="D118972" s="14" t="s">
        <v>193</v>
      </c>
      <c r="E118972" s="15">
        <v>45723</v>
      </c>
      <c r="F118972" s="14" t="s">
        <v>15</v>
      </c>
      <c r="G118972" s="16">
        <v>1.1125742072569456</v>
      </c>
    </row>
    <row r="118973" spans="1:7" x14ac:dyDescent="0.3">
      <c r="A118973" s="13" t="s">
        <v>560</v>
      </c>
      <c r="B118973" s="14" t="s">
        <v>1</v>
      </c>
      <c r="C118973" s="14" t="s">
        <v>558</v>
      </c>
      <c r="D118973" s="14" t="s">
        <v>193</v>
      </c>
      <c r="E118973" s="15">
        <v>45724</v>
      </c>
      <c r="F118973" s="14" t="s">
        <v>15</v>
      </c>
      <c r="G118973" s="16">
        <v>1.1125742072569456</v>
      </c>
    </row>
    <row r="118974" spans="1:7" x14ac:dyDescent="0.3">
      <c r="A118974" s="13" t="s">
        <v>560</v>
      </c>
      <c r="B118974" s="14" t="s">
        <v>1</v>
      </c>
      <c r="C118974" s="14" t="s">
        <v>558</v>
      </c>
      <c r="D118974" s="14" t="s">
        <v>193</v>
      </c>
      <c r="E118974" s="15">
        <v>45725</v>
      </c>
      <c r="F118974" s="14" t="s">
        <v>15</v>
      </c>
      <c r="G118974" s="16">
        <v>1.1125742072569456</v>
      </c>
    </row>
    <row r="118975" spans="1:7" x14ac:dyDescent="0.3">
      <c r="A118975" s="13" t="s">
        <v>560</v>
      </c>
      <c r="B118975" s="14" t="s">
        <v>1</v>
      </c>
      <c r="C118975" s="14" t="s">
        <v>558</v>
      </c>
      <c r="D118975" s="14" t="s">
        <v>193</v>
      </c>
      <c r="E118975" s="15">
        <v>45726</v>
      </c>
      <c r="F118975" s="14" t="s">
        <v>15</v>
      </c>
      <c r="G118975" s="16">
        <v>1.1107914726761954</v>
      </c>
    </row>
    <row r="118976" spans="1:7" x14ac:dyDescent="0.3">
      <c r="A118976" s="13" t="s">
        <v>560</v>
      </c>
      <c r="B118976" s="14" t="s">
        <v>1</v>
      </c>
      <c r="C118976" s="14" t="s">
        <v>558</v>
      </c>
      <c r="D118976" s="14" t="s">
        <v>193</v>
      </c>
      <c r="E118976" s="15">
        <v>45727</v>
      </c>
      <c r="F118976" s="14" t="s">
        <v>15</v>
      </c>
      <c r="G118976" s="16">
        <v>1.1053220977184131</v>
      </c>
    </row>
    <row r="118977" spans="1:7" x14ac:dyDescent="0.3">
      <c r="A118977" s="13" t="s">
        <v>560</v>
      </c>
      <c r="B118977" s="14" t="s">
        <v>1</v>
      </c>
      <c r="C118977" s="14" t="s">
        <v>558</v>
      </c>
      <c r="D118977" s="14" t="s">
        <v>193</v>
      </c>
      <c r="E118977" s="15">
        <v>45728</v>
      </c>
      <c r="F118977" s="14" t="s">
        <v>15</v>
      </c>
      <c r="G118977" s="16">
        <v>1.1064046127288909</v>
      </c>
    </row>
    <row r="118978" spans="1:7" x14ac:dyDescent="0.3">
      <c r="A118978" s="13" t="s">
        <v>560</v>
      </c>
      <c r="B118978" s="14" t="s">
        <v>1</v>
      </c>
      <c r="C118978" s="14" t="s">
        <v>558</v>
      </c>
      <c r="D118978" s="14" t="s">
        <v>193</v>
      </c>
      <c r="E118978" s="15">
        <v>45729</v>
      </c>
      <c r="F118978" s="14" t="s">
        <v>15</v>
      </c>
      <c r="G118978" s="16">
        <v>1.1244295149664534</v>
      </c>
    </row>
    <row r="118979" spans="1:7" x14ac:dyDescent="0.3">
      <c r="A118979" s="13" t="s">
        <v>560</v>
      </c>
      <c r="B118979" s="14" t="s">
        <v>1</v>
      </c>
      <c r="C118979" s="14" t="s">
        <v>558</v>
      </c>
      <c r="D118979" s="14" t="s">
        <v>193</v>
      </c>
      <c r="E118979" s="15">
        <v>45730</v>
      </c>
      <c r="F118979" s="14" t="s">
        <v>15</v>
      </c>
      <c r="G118979" s="16">
        <v>1.1271211479917429</v>
      </c>
    </row>
    <row r="118980" spans="1:7" x14ac:dyDescent="0.3">
      <c r="A118980" s="13" t="s">
        <v>560</v>
      </c>
      <c r="B118980" s="14" t="s">
        <v>1</v>
      </c>
      <c r="C118980" s="14" t="s">
        <v>558</v>
      </c>
      <c r="D118980" s="14" t="s">
        <v>193</v>
      </c>
      <c r="E118980" s="15">
        <v>45731</v>
      </c>
      <c r="F118980" s="14" t="s">
        <v>15</v>
      </c>
      <c r="G118980" s="16">
        <v>1.1271211479917429</v>
      </c>
    </row>
    <row r="118981" spans="1:7" x14ac:dyDescent="0.3">
      <c r="A118981" s="13" t="s">
        <v>560</v>
      </c>
      <c r="B118981" s="14" t="s">
        <v>1</v>
      </c>
      <c r="C118981" s="14" t="s">
        <v>558</v>
      </c>
      <c r="D118981" s="14" t="s">
        <v>193</v>
      </c>
      <c r="E118981" s="15">
        <v>45732</v>
      </c>
      <c r="F118981" s="14" t="s">
        <v>15</v>
      </c>
      <c r="G118981" s="16">
        <v>1.1271211479917429</v>
      </c>
    </row>
    <row r="118982" spans="1:7" x14ac:dyDescent="0.3">
      <c r="A118982" s="13" t="s">
        <v>560</v>
      </c>
      <c r="B118982" s="14" t="s">
        <v>1</v>
      </c>
      <c r="C118982" s="14" t="s">
        <v>558</v>
      </c>
      <c r="D118982" s="14" t="s">
        <v>193</v>
      </c>
      <c r="E118982" s="15">
        <v>45733</v>
      </c>
      <c r="F118982" s="14" t="s">
        <v>15</v>
      </c>
      <c r="G118982" s="16">
        <v>1.1271211479917429</v>
      </c>
    </row>
    <row r="118983" spans="1:7" x14ac:dyDescent="0.3">
      <c r="A118983" s="13" t="s">
        <v>560</v>
      </c>
      <c r="B118983" s="14" t="s">
        <v>1</v>
      </c>
      <c r="C118983" s="14" t="s">
        <v>558</v>
      </c>
      <c r="D118983" s="14" t="s">
        <v>193</v>
      </c>
      <c r="E118983" s="15">
        <v>45734</v>
      </c>
      <c r="F118983" s="14" t="s">
        <v>15</v>
      </c>
      <c r="G118983" s="16">
        <v>1.1311901013979118</v>
      </c>
    </row>
    <row r="118984" spans="1:7" x14ac:dyDescent="0.3">
      <c r="A118984" s="13" t="s">
        <v>560</v>
      </c>
      <c r="B118984" s="14" t="s">
        <v>1</v>
      </c>
      <c r="C118984" s="14" t="s">
        <v>558</v>
      </c>
      <c r="D118984" s="14" t="s">
        <v>193</v>
      </c>
      <c r="E118984" s="15">
        <v>45735</v>
      </c>
      <c r="F118984" s="14" t="s">
        <v>15</v>
      </c>
      <c r="G118984" s="16">
        <v>1.2017513121860177</v>
      </c>
    </row>
    <row r="118985" spans="1:7" x14ac:dyDescent="0.3">
      <c r="A118985" s="13" t="s">
        <v>560</v>
      </c>
      <c r="B118985" s="14" t="s">
        <v>1</v>
      </c>
      <c r="C118985" s="14" t="s">
        <v>558</v>
      </c>
      <c r="D118985" s="14" t="s">
        <v>193</v>
      </c>
      <c r="E118985" s="15">
        <v>45736</v>
      </c>
      <c r="F118985" s="14" t="s">
        <v>15</v>
      </c>
      <c r="G118985" s="16">
        <v>1.1997829471349395</v>
      </c>
    </row>
    <row r="118986" spans="1:7" x14ac:dyDescent="0.3">
      <c r="A118986" s="13" t="s">
        <v>560</v>
      </c>
      <c r="B118986" s="14" t="s">
        <v>1</v>
      </c>
      <c r="C118986" s="14" t="s">
        <v>558</v>
      </c>
      <c r="D118986" s="14" t="s">
        <v>193</v>
      </c>
      <c r="E118986" s="15">
        <v>45737</v>
      </c>
      <c r="F118986" s="14" t="s">
        <v>15</v>
      </c>
      <c r="G118986" s="16">
        <v>1.2118917197197174</v>
      </c>
    </row>
    <row r="118987" spans="1:7" x14ac:dyDescent="0.3">
      <c r="A118987" s="13" t="s">
        <v>560</v>
      </c>
      <c r="B118987" s="14" t="s">
        <v>1</v>
      </c>
      <c r="C118987" s="14" t="s">
        <v>558</v>
      </c>
      <c r="D118987" s="14" t="s">
        <v>193</v>
      </c>
      <c r="E118987" s="15">
        <v>45738</v>
      </c>
      <c r="F118987" s="14" t="s">
        <v>15</v>
      </c>
      <c r="G118987" s="16">
        <v>1.2118917197197174</v>
      </c>
    </row>
    <row r="118988" spans="1:7" x14ac:dyDescent="0.3">
      <c r="A118988" s="13" t="s">
        <v>560</v>
      </c>
      <c r="B118988" s="14" t="s">
        <v>1</v>
      </c>
      <c r="C118988" s="14" t="s">
        <v>558</v>
      </c>
      <c r="D118988" s="14" t="s">
        <v>193</v>
      </c>
      <c r="E118988" s="15">
        <v>45739</v>
      </c>
      <c r="F118988" s="14" t="s">
        <v>15</v>
      </c>
      <c r="G118988" s="16">
        <v>1.2118917197197174</v>
      </c>
    </row>
    <row r="118989" spans="1:7" x14ac:dyDescent="0.3">
      <c r="A118989" s="13" t="s">
        <v>560</v>
      </c>
      <c r="B118989" s="14" t="s">
        <v>1</v>
      </c>
      <c r="C118989" s="14" t="s">
        <v>558</v>
      </c>
      <c r="D118989" s="14" t="s">
        <v>193</v>
      </c>
      <c r="E118989" s="15">
        <v>45740</v>
      </c>
      <c r="F118989" s="14" t="s">
        <v>15</v>
      </c>
      <c r="G118989" s="16">
        <v>1.2334234027594344</v>
      </c>
    </row>
    <row r="118990" spans="1:7" x14ac:dyDescent="0.3">
      <c r="A118990" s="13" t="s">
        <v>560</v>
      </c>
      <c r="B118990" s="14" t="s">
        <v>1</v>
      </c>
      <c r="C118990" s="14" t="s">
        <v>558</v>
      </c>
      <c r="D118990" s="14" t="s">
        <v>193</v>
      </c>
      <c r="E118990" s="15">
        <v>45741</v>
      </c>
      <c r="F118990" s="14" t="s">
        <v>15</v>
      </c>
      <c r="G118990" s="16">
        <v>1.2278203353903796</v>
      </c>
    </row>
    <row r="118991" spans="1:7" x14ac:dyDescent="0.3">
      <c r="A118991" s="13" t="s">
        <v>560</v>
      </c>
      <c r="B118991" s="14" t="s">
        <v>1</v>
      </c>
      <c r="C118991" s="14" t="s">
        <v>558</v>
      </c>
      <c r="D118991" s="14" t="s">
        <v>193</v>
      </c>
      <c r="E118991" s="15">
        <v>45742</v>
      </c>
      <c r="F118991" s="14" t="s">
        <v>15</v>
      </c>
      <c r="G118991" s="16">
        <v>1.2259414192187859</v>
      </c>
    </row>
    <row r="118992" spans="1:7" x14ac:dyDescent="0.3">
      <c r="A118992" s="13" t="s">
        <v>560</v>
      </c>
      <c r="B118992" s="14" t="s">
        <v>1</v>
      </c>
      <c r="C118992" s="14" t="s">
        <v>558</v>
      </c>
      <c r="D118992" s="14" t="s">
        <v>193</v>
      </c>
      <c r="E118992" s="15">
        <v>45743</v>
      </c>
      <c r="F118992" s="14" t="s">
        <v>15</v>
      </c>
      <c r="G118992" s="16">
        <v>1.2311039573128455</v>
      </c>
    </row>
    <row r="118993" spans="1:7" x14ac:dyDescent="0.3">
      <c r="A118993" s="13" t="s">
        <v>560</v>
      </c>
      <c r="B118993" s="14" t="s">
        <v>1</v>
      </c>
      <c r="C118993" s="14" t="s">
        <v>558</v>
      </c>
      <c r="D118993" s="14" t="s">
        <v>193</v>
      </c>
      <c r="E118993" s="15">
        <v>45744</v>
      </c>
      <c r="F118993" s="14" t="s">
        <v>15</v>
      </c>
      <c r="G118993" s="16">
        <v>1.2292606283298637</v>
      </c>
    </row>
    <row r="118994" spans="1:7" x14ac:dyDescent="0.3">
      <c r="A118994" s="13" t="s">
        <v>560</v>
      </c>
      <c r="B118994" s="14" t="s">
        <v>1</v>
      </c>
      <c r="C118994" s="14" t="s">
        <v>558</v>
      </c>
      <c r="D118994" s="14" t="s">
        <v>193</v>
      </c>
      <c r="E118994" s="15">
        <v>45745</v>
      </c>
      <c r="F118994" s="14" t="s">
        <v>15</v>
      </c>
      <c r="G118994" s="16">
        <v>1.2292606283298637</v>
      </c>
    </row>
    <row r="118995" spans="1:7" x14ac:dyDescent="0.3">
      <c r="A118995" s="13" t="s">
        <v>560</v>
      </c>
      <c r="B118995" s="14" t="s">
        <v>1</v>
      </c>
      <c r="C118995" s="14" t="s">
        <v>558</v>
      </c>
      <c r="D118995" s="14" t="s">
        <v>193</v>
      </c>
      <c r="E118995" s="15">
        <v>45746</v>
      </c>
      <c r="F118995" s="14" t="s">
        <v>15</v>
      </c>
      <c r="G118995" s="16">
        <v>1.2292606283298637</v>
      </c>
    </row>
    <row r="118996" spans="1:7" x14ac:dyDescent="0.3">
      <c r="A118996" s="13" t="s">
        <v>560</v>
      </c>
      <c r="B118996" s="14" t="s">
        <v>1</v>
      </c>
      <c r="C118996" s="14" t="s">
        <v>558</v>
      </c>
      <c r="D118996" s="14" t="s">
        <v>193</v>
      </c>
      <c r="E118996" s="15">
        <v>45747</v>
      </c>
      <c r="F118996" s="14" t="s">
        <v>15</v>
      </c>
      <c r="G118996" s="16">
        <v>1.253652751881267</v>
      </c>
    </row>
    <row r="118997" spans="1:7" x14ac:dyDescent="0.3">
      <c r="A118997" s="13" t="s">
        <v>561</v>
      </c>
      <c r="B118997" s="14" t="s">
        <v>1</v>
      </c>
      <c r="C118997" s="14" t="s">
        <v>558</v>
      </c>
      <c r="D118997" s="14" t="s">
        <v>406</v>
      </c>
      <c r="E118997" s="15">
        <v>45383</v>
      </c>
      <c r="F118997" s="14" t="s">
        <v>15</v>
      </c>
      <c r="G118997" s="16">
        <v>0</v>
      </c>
    </row>
    <row r="118998" spans="1:7" x14ac:dyDescent="0.3">
      <c r="A118998" s="13" t="s">
        <v>561</v>
      </c>
      <c r="B118998" s="14" t="s">
        <v>1</v>
      </c>
      <c r="C118998" s="14" t="s">
        <v>558</v>
      </c>
      <c r="D118998" s="14" t="s">
        <v>406</v>
      </c>
      <c r="E118998" s="15">
        <v>45384</v>
      </c>
      <c r="F118998" s="14" t="s">
        <v>15</v>
      </c>
      <c r="G118998" s="16">
        <v>0</v>
      </c>
    </row>
    <row r="118999" spans="1:7" x14ac:dyDescent="0.3">
      <c r="A118999" s="13" t="s">
        <v>561</v>
      </c>
      <c r="B118999" s="14" t="s">
        <v>1</v>
      </c>
      <c r="C118999" s="14" t="s">
        <v>558</v>
      </c>
      <c r="D118999" s="14" t="s">
        <v>406</v>
      </c>
      <c r="E118999" s="15">
        <v>45385</v>
      </c>
      <c r="F118999" s="14" t="s">
        <v>15</v>
      </c>
      <c r="G118999" s="16">
        <v>0</v>
      </c>
    </row>
    <row r="119000" spans="1:7" x14ac:dyDescent="0.3">
      <c r="A119000" s="13" t="s">
        <v>561</v>
      </c>
      <c r="B119000" s="14" t="s">
        <v>1</v>
      </c>
      <c r="C119000" s="14" t="s">
        <v>558</v>
      </c>
      <c r="D119000" s="14" t="s">
        <v>406</v>
      </c>
      <c r="E119000" s="15">
        <v>45386</v>
      </c>
      <c r="F119000" s="14" t="s">
        <v>15</v>
      </c>
      <c r="G119000" s="16">
        <v>6.0286205028486917E-6</v>
      </c>
    </row>
    <row r="119001" spans="1:7" x14ac:dyDescent="0.3">
      <c r="A119001" s="13" t="s">
        <v>561</v>
      </c>
      <c r="B119001" s="14" t="s">
        <v>1</v>
      </c>
      <c r="C119001" s="14" t="s">
        <v>558</v>
      </c>
      <c r="D119001" s="14" t="s">
        <v>406</v>
      </c>
      <c r="E119001" s="15">
        <v>45387</v>
      </c>
      <c r="F119001" s="14" t="s">
        <v>15</v>
      </c>
      <c r="G119001" s="16">
        <v>0</v>
      </c>
    </row>
    <row r="119002" spans="1:7" x14ac:dyDescent="0.3">
      <c r="A119002" s="13" t="s">
        <v>561</v>
      </c>
      <c r="B119002" s="14" t="s">
        <v>1</v>
      </c>
      <c r="C119002" s="14" t="s">
        <v>558</v>
      </c>
      <c r="D119002" s="14" t="s">
        <v>406</v>
      </c>
      <c r="E119002" s="15">
        <v>45388</v>
      </c>
      <c r="F119002" s="14" t="s">
        <v>15</v>
      </c>
      <c r="G119002" s="16">
        <v>0</v>
      </c>
    </row>
    <row r="119003" spans="1:7" x14ac:dyDescent="0.3">
      <c r="A119003" s="13" t="s">
        <v>561</v>
      </c>
      <c r="B119003" s="14" t="s">
        <v>1</v>
      </c>
      <c r="C119003" s="14" t="s">
        <v>558</v>
      </c>
      <c r="D119003" s="14" t="s">
        <v>406</v>
      </c>
      <c r="E119003" s="15">
        <v>45389</v>
      </c>
      <c r="F119003" s="14" t="s">
        <v>15</v>
      </c>
      <c r="G119003" s="16">
        <v>0</v>
      </c>
    </row>
    <row r="119004" spans="1:7" x14ac:dyDescent="0.3">
      <c r="A119004" s="13" t="s">
        <v>561</v>
      </c>
      <c r="B119004" s="14" t="s">
        <v>1</v>
      </c>
      <c r="C119004" s="14" t="s">
        <v>558</v>
      </c>
      <c r="D119004" s="14" t="s">
        <v>406</v>
      </c>
      <c r="E119004" s="15">
        <v>45390</v>
      </c>
      <c r="F119004" s="14" t="s">
        <v>15</v>
      </c>
      <c r="G119004" s="16">
        <v>0</v>
      </c>
    </row>
    <row r="119005" spans="1:7" x14ac:dyDescent="0.3">
      <c r="A119005" s="13" t="s">
        <v>561</v>
      </c>
      <c r="B119005" s="14" t="s">
        <v>1</v>
      </c>
      <c r="C119005" s="14" t="s">
        <v>558</v>
      </c>
      <c r="D119005" s="14" t="s">
        <v>406</v>
      </c>
      <c r="E119005" s="15">
        <v>45391</v>
      </c>
      <c r="F119005" s="14" t="s">
        <v>15</v>
      </c>
      <c r="G119005" s="16">
        <v>2.0150715512571235E-3</v>
      </c>
    </row>
    <row r="119006" spans="1:7" x14ac:dyDescent="0.3">
      <c r="A119006" s="13" t="s">
        <v>561</v>
      </c>
      <c r="B119006" s="14" t="s">
        <v>1</v>
      </c>
      <c r="C119006" s="14" t="s">
        <v>558</v>
      </c>
      <c r="D119006" s="14" t="s">
        <v>406</v>
      </c>
      <c r="E119006" s="15">
        <v>45392</v>
      </c>
      <c r="F119006" s="14" t="s">
        <v>15</v>
      </c>
      <c r="G119006" s="16">
        <v>1.8018085861508548E-2</v>
      </c>
    </row>
    <row r="119007" spans="1:7" x14ac:dyDescent="0.3">
      <c r="A119007" s="13" t="s">
        <v>561</v>
      </c>
      <c r="B119007" s="14" t="s">
        <v>1</v>
      </c>
      <c r="C119007" s="14" t="s">
        <v>558</v>
      </c>
      <c r="D119007" s="14" t="s">
        <v>406</v>
      </c>
      <c r="E119007" s="15">
        <v>45393</v>
      </c>
      <c r="F119007" s="14" t="s">
        <v>15</v>
      </c>
      <c r="G119007" s="16">
        <v>3.1021100171759974E-2</v>
      </c>
    </row>
    <row r="119008" spans="1:7" x14ac:dyDescent="0.3">
      <c r="A119008" s="13" t="s">
        <v>561</v>
      </c>
      <c r="B119008" s="14" t="s">
        <v>1</v>
      </c>
      <c r="C119008" s="14" t="s">
        <v>558</v>
      </c>
      <c r="D119008" s="14" t="s">
        <v>406</v>
      </c>
      <c r="E119008" s="15">
        <v>45394</v>
      </c>
      <c r="F119008" s="14" t="s">
        <v>15</v>
      </c>
      <c r="G119008" s="16">
        <v>2.90241144820114E-2</v>
      </c>
    </row>
    <row r="119009" spans="1:7" x14ac:dyDescent="0.3">
      <c r="A119009" s="13" t="s">
        <v>561</v>
      </c>
      <c r="B119009" s="14" t="s">
        <v>1</v>
      </c>
      <c r="C119009" s="14" t="s">
        <v>558</v>
      </c>
      <c r="D119009" s="14" t="s">
        <v>406</v>
      </c>
      <c r="E119009" s="15">
        <v>45395</v>
      </c>
      <c r="F119009" s="14" t="s">
        <v>15</v>
      </c>
      <c r="G119009" s="16">
        <v>2.90241144820114E-2</v>
      </c>
    </row>
    <row r="119010" spans="1:7" x14ac:dyDescent="0.3">
      <c r="A119010" s="13" t="s">
        <v>561</v>
      </c>
      <c r="B119010" s="14" t="s">
        <v>1</v>
      </c>
      <c r="C119010" s="14" t="s">
        <v>558</v>
      </c>
      <c r="D119010" s="14" t="s">
        <v>406</v>
      </c>
      <c r="E119010" s="15">
        <v>45396</v>
      </c>
      <c r="F119010" s="14" t="s">
        <v>15</v>
      </c>
      <c r="G119010" s="16">
        <v>2.90241144820114E-2</v>
      </c>
    </row>
    <row r="119011" spans="1:7" x14ac:dyDescent="0.3">
      <c r="A119011" s="13" t="s">
        <v>561</v>
      </c>
      <c r="B119011" s="14" t="s">
        <v>1</v>
      </c>
      <c r="C119011" s="14" t="s">
        <v>558</v>
      </c>
      <c r="D119011" s="14" t="s">
        <v>406</v>
      </c>
      <c r="E119011" s="15">
        <v>45397</v>
      </c>
      <c r="F119011" s="14" t="s">
        <v>15</v>
      </c>
      <c r="G119011" s="16">
        <v>4.8027128792262827E-2</v>
      </c>
    </row>
    <row r="119012" spans="1:7" x14ac:dyDescent="0.3">
      <c r="A119012" s="13" t="s">
        <v>561</v>
      </c>
      <c r="B119012" s="14" t="s">
        <v>1</v>
      </c>
      <c r="C119012" s="14" t="s">
        <v>558</v>
      </c>
      <c r="D119012" s="14" t="s">
        <v>406</v>
      </c>
      <c r="E119012" s="15">
        <v>45398</v>
      </c>
      <c r="F119012" s="14" t="s">
        <v>15</v>
      </c>
      <c r="G119012" s="16">
        <v>4.4030143102514255E-2</v>
      </c>
    </row>
    <row r="119013" spans="1:7" x14ac:dyDescent="0.3">
      <c r="A119013" s="13" t="s">
        <v>561</v>
      </c>
      <c r="B119013" s="14" t="s">
        <v>1</v>
      </c>
      <c r="C119013" s="14" t="s">
        <v>558</v>
      </c>
      <c r="D119013" s="14" t="s">
        <v>406</v>
      </c>
      <c r="E119013" s="15">
        <v>45399</v>
      </c>
      <c r="F119013" s="14" t="s">
        <v>15</v>
      </c>
      <c r="G119013" s="16">
        <v>4.2033157412765677E-2</v>
      </c>
    </row>
    <row r="119014" spans="1:7" x14ac:dyDescent="0.3">
      <c r="A119014" s="13" t="s">
        <v>561</v>
      </c>
      <c r="B119014" s="14" t="s">
        <v>1</v>
      </c>
      <c r="C119014" s="14" t="s">
        <v>558</v>
      </c>
      <c r="D119014" s="14" t="s">
        <v>406</v>
      </c>
      <c r="E119014" s="15">
        <v>45400</v>
      </c>
      <c r="F119014" s="14" t="s">
        <v>15</v>
      </c>
      <c r="G119014" s="16">
        <v>3.8036171723017098E-2</v>
      </c>
    </row>
    <row r="119015" spans="1:7" x14ac:dyDescent="0.3">
      <c r="A119015" s="13" t="s">
        <v>561</v>
      </c>
      <c r="B119015" s="14" t="s">
        <v>1</v>
      </c>
      <c r="C119015" s="14" t="s">
        <v>558</v>
      </c>
      <c r="D119015" s="14" t="s">
        <v>406</v>
      </c>
      <c r="E119015" s="15">
        <v>45401</v>
      </c>
      <c r="F119015" s="14" t="s">
        <v>15</v>
      </c>
      <c r="G119015" s="16">
        <v>3.7039186033268522E-2</v>
      </c>
    </row>
    <row r="119016" spans="1:7" x14ac:dyDescent="0.3">
      <c r="A119016" s="13" t="s">
        <v>561</v>
      </c>
      <c r="B119016" s="14" t="s">
        <v>1</v>
      </c>
      <c r="C119016" s="14" t="s">
        <v>558</v>
      </c>
      <c r="D119016" s="14" t="s">
        <v>406</v>
      </c>
      <c r="E119016" s="15">
        <v>45402</v>
      </c>
      <c r="F119016" s="14" t="s">
        <v>15</v>
      </c>
      <c r="G119016" s="16">
        <v>3.7039186033268522E-2</v>
      </c>
    </row>
    <row r="119017" spans="1:7" x14ac:dyDescent="0.3">
      <c r="A119017" s="13" t="s">
        <v>561</v>
      </c>
      <c r="B119017" s="14" t="s">
        <v>1</v>
      </c>
      <c r="C119017" s="14" t="s">
        <v>558</v>
      </c>
      <c r="D119017" s="14" t="s">
        <v>406</v>
      </c>
      <c r="E119017" s="15">
        <v>45403</v>
      </c>
      <c r="F119017" s="14" t="s">
        <v>15</v>
      </c>
      <c r="G119017" s="16">
        <v>3.7039186033268522E-2</v>
      </c>
    </row>
    <row r="119018" spans="1:7" x14ac:dyDescent="0.3">
      <c r="A119018" s="13" t="s">
        <v>561</v>
      </c>
      <c r="B119018" s="14" t="s">
        <v>1</v>
      </c>
      <c r="C119018" s="14" t="s">
        <v>558</v>
      </c>
      <c r="D119018" s="14" t="s">
        <v>406</v>
      </c>
      <c r="E119018" s="15">
        <v>45404</v>
      </c>
      <c r="F119018" s="14" t="s">
        <v>15</v>
      </c>
      <c r="G119018" s="16">
        <v>3.5042200343519944E-2</v>
      </c>
    </row>
    <row r="119019" spans="1:7" x14ac:dyDescent="0.3">
      <c r="A119019" s="13" t="s">
        <v>561</v>
      </c>
      <c r="B119019" s="14" t="s">
        <v>1</v>
      </c>
      <c r="C119019" s="14" t="s">
        <v>558</v>
      </c>
      <c r="D119019" s="14" t="s">
        <v>406</v>
      </c>
      <c r="E119019" s="15">
        <v>45405</v>
      </c>
      <c r="F119019" s="14" t="s">
        <v>15</v>
      </c>
      <c r="G119019" s="16">
        <v>3.6045214653771376E-2</v>
      </c>
    </row>
    <row r="119020" spans="1:7" x14ac:dyDescent="0.3">
      <c r="A119020" s="13" t="s">
        <v>561</v>
      </c>
      <c r="B119020" s="14" t="s">
        <v>1</v>
      </c>
      <c r="C119020" s="14" t="s">
        <v>558</v>
      </c>
      <c r="D119020" s="14" t="s">
        <v>406</v>
      </c>
      <c r="E119020" s="15">
        <v>45406</v>
      </c>
      <c r="F119020" s="14" t="s">
        <v>15</v>
      </c>
      <c r="G119020" s="16">
        <v>3.0048228964022799E-2</v>
      </c>
    </row>
    <row r="119021" spans="1:7" x14ac:dyDescent="0.3">
      <c r="A119021" s="13" t="s">
        <v>561</v>
      </c>
      <c r="B119021" s="14" t="s">
        <v>1</v>
      </c>
      <c r="C119021" s="14" t="s">
        <v>558</v>
      </c>
      <c r="D119021" s="14" t="s">
        <v>406</v>
      </c>
      <c r="E119021" s="15">
        <v>45407</v>
      </c>
      <c r="F119021" s="14" t="s">
        <v>15</v>
      </c>
      <c r="G119021" s="16">
        <v>3.3051243274274222E-2</v>
      </c>
    </row>
    <row r="119022" spans="1:7" x14ac:dyDescent="0.3">
      <c r="A119022" s="13" t="s">
        <v>561</v>
      </c>
      <c r="B119022" s="14" t="s">
        <v>1</v>
      </c>
      <c r="C119022" s="14" t="s">
        <v>558</v>
      </c>
      <c r="D119022" s="14" t="s">
        <v>406</v>
      </c>
      <c r="E119022" s="15">
        <v>45408</v>
      </c>
      <c r="F119022" s="14" t="s">
        <v>15</v>
      </c>
      <c r="G119022" s="16">
        <v>4.405425758452565E-2</v>
      </c>
    </row>
    <row r="119023" spans="1:7" x14ac:dyDescent="0.3">
      <c r="A119023" s="13" t="s">
        <v>561</v>
      </c>
      <c r="B119023" s="14" t="s">
        <v>1</v>
      </c>
      <c r="C119023" s="14" t="s">
        <v>558</v>
      </c>
      <c r="D119023" s="14" t="s">
        <v>406</v>
      </c>
      <c r="E119023" s="15">
        <v>45409</v>
      </c>
      <c r="F119023" s="14" t="s">
        <v>15</v>
      </c>
      <c r="G119023" s="16">
        <v>4.405425758452565E-2</v>
      </c>
    </row>
    <row r="119024" spans="1:7" x14ac:dyDescent="0.3">
      <c r="A119024" s="13" t="s">
        <v>561</v>
      </c>
      <c r="B119024" s="14" t="s">
        <v>1</v>
      </c>
      <c r="C119024" s="14" t="s">
        <v>558</v>
      </c>
      <c r="D119024" s="14" t="s">
        <v>406</v>
      </c>
      <c r="E119024" s="15">
        <v>45410</v>
      </c>
      <c r="F119024" s="14" t="s">
        <v>15</v>
      </c>
      <c r="G119024" s="16">
        <v>4.405425758452565E-2</v>
      </c>
    </row>
    <row r="119025" spans="1:7" x14ac:dyDescent="0.3">
      <c r="A119025" s="13" t="s">
        <v>561</v>
      </c>
      <c r="B119025" s="14" t="s">
        <v>1</v>
      </c>
      <c r="C119025" s="14" t="s">
        <v>558</v>
      </c>
      <c r="D119025" s="14" t="s">
        <v>406</v>
      </c>
      <c r="E119025" s="15">
        <v>45411</v>
      </c>
      <c r="F119025" s="14" t="s">
        <v>15</v>
      </c>
      <c r="G119025" s="16">
        <v>6.6057271894777086E-2</v>
      </c>
    </row>
    <row r="119026" spans="1:7" x14ac:dyDescent="0.3">
      <c r="A119026" s="13" t="s">
        <v>561</v>
      </c>
      <c r="B119026" s="14" t="s">
        <v>1</v>
      </c>
      <c r="C119026" s="14" t="s">
        <v>558</v>
      </c>
      <c r="D119026" s="14" t="s">
        <v>406</v>
      </c>
      <c r="E119026" s="15">
        <v>45412</v>
      </c>
      <c r="F119026" s="14" t="s">
        <v>15</v>
      </c>
      <c r="G119026" s="16">
        <v>6.20602862050285E-2</v>
      </c>
    </row>
    <row r="119027" spans="1:7" x14ac:dyDescent="0.3">
      <c r="A119027" s="13" t="s">
        <v>561</v>
      </c>
      <c r="B119027" s="14" t="s">
        <v>1</v>
      </c>
      <c r="C119027" s="14" t="s">
        <v>558</v>
      </c>
      <c r="D119027" s="14" t="s">
        <v>406</v>
      </c>
      <c r="E119027" s="15">
        <v>45413</v>
      </c>
      <c r="F119027" s="14" t="s">
        <v>15</v>
      </c>
      <c r="G119027" s="16">
        <v>6.006330051527993E-2</v>
      </c>
    </row>
    <row r="119028" spans="1:7" x14ac:dyDescent="0.3">
      <c r="A119028" s="13" t="s">
        <v>561</v>
      </c>
      <c r="B119028" s="14" t="s">
        <v>1</v>
      </c>
      <c r="C119028" s="14" t="s">
        <v>558</v>
      </c>
      <c r="D119028" s="14" t="s">
        <v>406</v>
      </c>
      <c r="E119028" s="15">
        <v>45414</v>
      </c>
      <c r="F119028" s="14" t="s">
        <v>15</v>
      </c>
      <c r="G119028" s="16">
        <v>5.6066314825531351E-2</v>
      </c>
    </row>
    <row r="119029" spans="1:7" x14ac:dyDescent="0.3">
      <c r="A119029" s="13" t="s">
        <v>561</v>
      </c>
      <c r="B119029" s="14" t="s">
        <v>1</v>
      </c>
      <c r="C119029" s="14" t="s">
        <v>558</v>
      </c>
      <c r="D119029" s="14" t="s">
        <v>406</v>
      </c>
      <c r="E119029" s="15">
        <v>45415</v>
      </c>
      <c r="F119029" s="14" t="s">
        <v>15</v>
      </c>
      <c r="G119029" s="16">
        <v>7.6069329135782765E-2</v>
      </c>
    </row>
    <row r="119030" spans="1:7" x14ac:dyDescent="0.3">
      <c r="A119030" s="13" t="s">
        <v>561</v>
      </c>
      <c r="B119030" s="14" t="s">
        <v>1</v>
      </c>
      <c r="C119030" s="14" t="s">
        <v>558</v>
      </c>
      <c r="D119030" s="14" t="s">
        <v>406</v>
      </c>
      <c r="E119030" s="15">
        <v>45416</v>
      </c>
      <c r="F119030" s="14" t="s">
        <v>15</v>
      </c>
      <c r="G119030" s="16">
        <v>7.6069329135782765E-2</v>
      </c>
    </row>
    <row r="119031" spans="1:7" x14ac:dyDescent="0.3">
      <c r="A119031" s="13" t="s">
        <v>561</v>
      </c>
      <c r="B119031" s="14" t="s">
        <v>1</v>
      </c>
      <c r="C119031" s="14" t="s">
        <v>558</v>
      </c>
      <c r="D119031" s="14" t="s">
        <v>406</v>
      </c>
      <c r="E119031" s="15">
        <v>45417</v>
      </c>
      <c r="F119031" s="14" t="s">
        <v>15</v>
      </c>
      <c r="G119031" s="16">
        <v>7.6069329135782765E-2</v>
      </c>
    </row>
    <row r="119032" spans="1:7" x14ac:dyDescent="0.3">
      <c r="A119032" s="13" t="s">
        <v>561</v>
      </c>
      <c r="B119032" s="14" t="s">
        <v>1</v>
      </c>
      <c r="C119032" s="14" t="s">
        <v>558</v>
      </c>
      <c r="D119032" s="14" t="s">
        <v>406</v>
      </c>
      <c r="E119032" s="15">
        <v>45418</v>
      </c>
      <c r="F119032" s="14" t="s">
        <v>15</v>
      </c>
      <c r="G119032" s="16">
        <v>7.6069329135782765E-2</v>
      </c>
    </row>
    <row r="119033" spans="1:7" x14ac:dyDescent="0.3">
      <c r="A119033" s="13" t="s">
        <v>561</v>
      </c>
      <c r="B119033" s="14" t="s">
        <v>1</v>
      </c>
      <c r="C119033" s="14" t="s">
        <v>558</v>
      </c>
      <c r="D119033" s="14" t="s">
        <v>406</v>
      </c>
      <c r="E119033" s="15">
        <v>45419</v>
      </c>
      <c r="F119033" s="14" t="s">
        <v>15</v>
      </c>
      <c r="G119033" s="16">
        <v>0.1130723434460342</v>
      </c>
    </row>
    <row r="119034" spans="1:7" x14ac:dyDescent="0.3">
      <c r="A119034" s="13" t="s">
        <v>561</v>
      </c>
      <c r="B119034" s="14" t="s">
        <v>1</v>
      </c>
      <c r="C119034" s="14" t="s">
        <v>558</v>
      </c>
      <c r="D119034" s="14" t="s">
        <v>406</v>
      </c>
      <c r="E119034" s="15">
        <v>45420</v>
      </c>
      <c r="F119034" s="14" t="s">
        <v>15</v>
      </c>
      <c r="G119034" s="16">
        <v>0.10707535775628563</v>
      </c>
    </row>
    <row r="119035" spans="1:7" x14ac:dyDescent="0.3">
      <c r="A119035" s="13" t="s">
        <v>561</v>
      </c>
      <c r="B119035" s="14" t="s">
        <v>1</v>
      </c>
      <c r="C119035" s="14" t="s">
        <v>558</v>
      </c>
      <c r="D119035" s="14" t="s">
        <v>406</v>
      </c>
      <c r="E119035" s="15">
        <v>45421</v>
      </c>
      <c r="F119035" s="14" t="s">
        <v>15</v>
      </c>
      <c r="G119035" s="16">
        <v>0.10507837206653706</v>
      </c>
    </row>
    <row r="119036" spans="1:7" x14ac:dyDescent="0.3">
      <c r="A119036" s="13" t="s">
        <v>561</v>
      </c>
      <c r="B119036" s="14" t="s">
        <v>1</v>
      </c>
      <c r="C119036" s="14" t="s">
        <v>558</v>
      </c>
      <c r="D119036" s="14" t="s">
        <v>406</v>
      </c>
      <c r="E119036" s="15">
        <v>45422</v>
      </c>
      <c r="F119036" s="14" t="s">
        <v>15</v>
      </c>
      <c r="G119036" s="16">
        <v>0.10308138637678847</v>
      </c>
    </row>
    <row r="119037" spans="1:7" x14ac:dyDescent="0.3">
      <c r="A119037" s="13" t="s">
        <v>561</v>
      </c>
      <c r="B119037" s="14" t="s">
        <v>1</v>
      </c>
      <c r="C119037" s="14" t="s">
        <v>558</v>
      </c>
      <c r="D119037" s="14" t="s">
        <v>406</v>
      </c>
      <c r="E119037" s="15">
        <v>45423</v>
      </c>
      <c r="F119037" s="14" t="s">
        <v>15</v>
      </c>
      <c r="G119037" s="16">
        <v>0.10308138637678847</v>
      </c>
    </row>
    <row r="119038" spans="1:7" x14ac:dyDescent="0.3">
      <c r="A119038" s="13" t="s">
        <v>561</v>
      </c>
      <c r="B119038" s="14" t="s">
        <v>1</v>
      </c>
      <c r="C119038" s="14" t="s">
        <v>558</v>
      </c>
      <c r="D119038" s="14" t="s">
        <v>406</v>
      </c>
      <c r="E119038" s="15">
        <v>45424</v>
      </c>
      <c r="F119038" s="14" t="s">
        <v>15</v>
      </c>
      <c r="G119038" s="16">
        <v>0.10308138637678847</v>
      </c>
    </row>
    <row r="119039" spans="1:7" x14ac:dyDescent="0.3">
      <c r="A119039" s="13" t="s">
        <v>561</v>
      </c>
      <c r="B119039" s="14" t="s">
        <v>1</v>
      </c>
      <c r="C119039" s="14" t="s">
        <v>558</v>
      </c>
      <c r="D119039" s="14" t="s">
        <v>406</v>
      </c>
      <c r="E119039" s="15">
        <v>45425</v>
      </c>
      <c r="F119039" s="14" t="s">
        <v>15</v>
      </c>
      <c r="G119039" s="16">
        <v>0.1040844006870399</v>
      </c>
    </row>
    <row r="119040" spans="1:7" x14ac:dyDescent="0.3">
      <c r="A119040" s="13" t="s">
        <v>561</v>
      </c>
      <c r="B119040" s="14" t="s">
        <v>1</v>
      </c>
      <c r="C119040" s="14" t="s">
        <v>558</v>
      </c>
      <c r="D119040" s="14" t="s">
        <v>406</v>
      </c>
      <c r="E119040" s="15">
        <v>45426</v>
      </c>
      <c r="F119040" s="14" t="s">
        <v>15</v>
      </c>
      <c r="G119040" s="16">
        <v>9.9087414997291318E-2</v>
      </c>
    </row>
    <row r="119041" spans="1:7" x14ac:dyDescent="0.3">
      <c r="A119041" s="13" t="s">
        <v>561</v>
      </c>
      <c r="B119041" s="14" t="s">
        <v>1</v>
      </c>
      <c r="C119041" s="14" t="s">
        <v>558</v>
      </c>
      <c r="D119041" s="14" t="s">
        <v>406</v>
      </c>
      <c r="E119041" s="15">
        <v>45427</v>
      </c>
      <c r="F119041" s="14" t="s">
        <v>15</v>
      </c>
      <c r="G119041" s="16">
        <v>9.7090429307542747E-2</v>
      </c>
    </row>
    <row r="119042" spans="1:7" x14ac:dyDescent="0.3">
      <c r="A119042" s="13" t="s">
        <v>561</v>
      </c>
      <c r="B119042" s="14" t="s">
        <v>1</v>
      </c>
      <c r="C119042" s="14" t="s">
        <v>558</v>
      </c>
      <c r="D119042" s="14" t="s">
        <v>406</v>
      </c>
      <c r="E119042" s="15">
        <v>45428</v>
      </c>
      <c r="F119042" s="14" t="s">
        <v>15</v>
      </c>
      <c r="G119042" s="16">
        <v>0.13409344361779416</v>
      </c>
    </row>
    <row r="119043" spans="1:7" x14ac:dyDescent="0.3">
      <c r="A119043" s="13" t="s">
        <v>561</v>
      </c>
      <c r="B119043" s="14" t="s">
        <v>1</v>
      </c>
      <c r="C119043" s="14" t="s">
        <v>558</v>
      </c>
      <c r="D119043" s="14" t="s">
        <v>406</v>
      </c>
      <c r="E119043" s="15">
        <v>45429</v>
      </c>
      <c r="F119043" s="14" t="s">
        <v>15</v>
      </c>
      <c r="G119043" s="16">
        <v>0.15509645792804558</v>
      </c>
    </row>
    <row r="119044" spans="1:7" x14ac:dyDescent="0.3">
      <c r="A119044" s="13" t="s">
        <v>561</v>
      </c>
      <c r="B119044" s="14" t="s">
        <v>1</v>
      </c>
      <c r="C119044" s="14" t="s">
        <v>558</v>
      </c>
      <c r="D119044" s="14" t="s">
        <v>406</v>
      </c>
      <c r="E119044" s="15">
        <v>45430</v>
      </c>
      <c r="F119044" s="14" t="s">
        <v>15</v>
      </c>
      <c r="G119044" s="16">
        <v>0.15509645792804558</v>
      </c>
    </row>
    <row r="119045" spans="1:7" x14ac:dyDescent="0.3">
      <c r="A119045" s="13" t="s">
        <v>561</v>
      </c>
      <c r="B119045" s="14" t="s">
        <v>1</v>
      </c>
      <c r="C119045" s="14" t="s">
        <v>558</v>
      </c>
      <c r="D119045" s="14" t="s">
        <v>406</v>
      </c>
      <c r="E119045" s="15">
        <v>45431</v>
      </c>
      <c r="F119045" s="14" t="s">
        <v>15</v>
      </c>
      <c r="G119045" s="16">
        <v>0.15509645792804558</v>
      </c>
    </row>
    <row r="119046" spans="1:7" x14ac:dyDescent="0.3">
      <c r="A119046" s="13" t="s">
        <v>561</v>
      </c>
      <c r="B119046" s="14" t="s">
        <v>1</v>
      </c>
      <c r="C119046" s="14" t="s">
        <v>558</v>
      </c>
      <c r="D119046" s="14" t="s">
        <v>406</v>
      </c>
      <c r="E119046" s="15">
        <v>45432</v>
      </c>
      <c r="F119046" s="14" t="s">
        <v>15</v>
      </c>
      <c r="G119046" s="16">
        <v>0.21909947223829701</v>
      </c>
    </row>
    <row r="119047" spans="1:7" x14ac:dyDescent="0.3">
      <c r="A119047" s="13" t="s">
        <v>561</v>
      </c>
      <c r="B119047" s="14" t="s">
        <v>1</v>
      </c>
      <c r="C119047" s="14" t="s">
        <v>558</v>
      </c>
      <c r="D119047" s="14" t="s">
        <v>406</v>
      </c>
      <c r="E119047" s="15">
        <v>45433</v>
      </c>
      <c r="F119047" s="14" t="s">
        <v>15</v>
      </c>
      <c r="G119047" s="16">
        <v>0.21410248654854844</v>
      </c>
    </row>
    <row r="119048" spans="1:7" x14ac:dyDescent="0.3">
      <c r="A119048" s="13" t="s">
        <v>561</v>
      </c>
      <c r="B119048" s="14" t="s">
        <v>1</v>
      </c>
      <c r="C119048" s="14" t="s">
        <v>558</v>
      </c>
      <c r="D119048" s="14" t="s">
        <v>406</v>
      </c>
      <c r="E119048" s="15">
        <v>45434</v>
      </c>
      <c r="F119048" s="14" t="s">
        <v>15</v>
      </c>
      <c r="G119048" s="16">
        <v>0.21210550085879989</v>
      </c>
    </row>
    <row r="119049" spans="1:7" x14ac:dyDescent="0.3">
      <c r="A119049" s="13" t="s">
        <v>561</v>
      </c>
      <c r="B119049" s="14" t="s">
        <v>1</v>
      </c>
      <c r="C119049" s="14" t="s">
        <v>558</v>
      </c>
      <c r="D119049" s="14" t="s">
        <v>406</v>
      </c>
      <c r="E119049" s="15">
        <v>45435</v>
      </c>
      <c r="F119049" s="14" t="s">
        <v>15</v>
      </c>
      <c r="G119049" s="16">
        <v>0.21010851516905132</v>
      </c>
    </row>
    <row r="119050" spans="1:7" x14ac:dyDescent="0.3">
      <c r="A119050" s="13" t="s">
        <v>561</v>
      </c>
      <c r="B119050" s="14" t="s">
        <v>1</v>
      </c>
      <c r="C119050" s="14" t="s">
        <v>558</v>
      </c>
      <c r="D119050" s="14" t="s">
        <v>406</v>
      </c>
      <c r="E119050" s="15">
        <v>45436</v>
      </c>
      <c r="F119050" s="14" t="s">
        <v>15</v>
      </c>
      <c r="G119050" s="16">
        <v>0.20811152947930278</v>
      </c>
    </row>
    <row r="119051" spans="1:7" x14ac:dyDescent="0.3">
      <c r="A119051" s="13" t="s">
        <v>561</v>
      </c>
      <c r="B119051" s="14" t="s">
        <v>1</v>
      </c>
      <c r="C119051" s="14" t="s">
        <v>558</v>
      </c>
      <c r="D119051" s="14" t="s">
        <v>406</v>
      </c>
      <c r="E119051" s="15">
        <v>45437</v>
      </c>
      <c r="F119051" s="14" t="s">
        <v>15</v>
      </c>
      <c r="G119051" s="16">
        <v>0.20811152947930278</v>
      </c>
    </row>
    <row r="119052" spans="1:7" x14ac:dyDescent="0.3">
      <c r="A119052" s="13" t="s">
        <v>561</v>
      </c>
      <c r="B119052" s="14" t="s">
        <v>1</v>
      </c>
      <c r="C119052" s="14" t="s">
        <v>558</v>
      </c>
      <c r="D119052" s="14" t="s">
        <v>406</v>
      </c>
      <c r="E119052" s="15">
        <v>45438</v>
      </c>
      <c r="F119052" s="14" t="s">
        <v>15</v>
      </c>
      <c r="G119052" s="16">
        <v>0.20811152947930278</v>
      </c>
    </row>
    <row r="119053" spans="1:7" x14ac:dyDescent="0.3">
      <c r="A119053" s="13" t="s">
        <v>561</v>
      </c>
      <c r="B119053" s="14" t="s">
        <v>1</v>
      </c>
      <c r="C119053" s="14" t="s">
        <v>558</v>
      </c>
      <c r="D119053" s="14" t="s">
        <v>406</v>
      </c>
      <c r="E119053" s="15">
        <v>45439</v>
      </c>
      <c r="F119053" s="14" t="s">
        <v>15</v>
      </c>
      <c r="G119053" s="16">
        <v>0.22911454378955423</v>
      </c>
    </row>
    <row r="119054" spans="1:7" x14ac:dyDescent="0.3">
      <c r="A119054" s="13" t="s">
        <v>561</v>
      </c>
      <c r="B119054" s="14" t="s">
        <v>1</v>
      </c>
      <c r="C119054" s="14" t="s">
        <v>558</v>
      </c>
      <c r="D119054" s="14" t="s">
        <v>406</v>
      </c>
      <c r="E119054" s="15">
        <v>45440</v>
      </c>
      <c r="F119054" s="14" t="s">
        <v>15</v>
      </c>
      <c r="G119054" s="16">
        <v>0.22611755809980566</v>
      </c>
    </row>
    <row r="119055" spans="1:7" x14ac:dyDescent="0.3">
      <c r="A119055" s="13" t="s">
        <v>561</v>
      </c>
      <c r="B119055" s="14" t="s">
        <v>1</v>
      </c>
      <c r="C119055" s="14" t="s">
        <v>558</v>
      </c>
      <c r="D119055" s="14" t="s">
        <v>406</v>
      </c>
      <c r="E119055" s="15">
        <v>45441</v>
      </c>
      <c r="F119055" s="14" t="s">
        <v>15</v>
      </c>
      <c r="G119055" s="16">
        <v>0.23012057241005707</v>
      </c>
    </row>
    <row r="119056" spans="1:7" x14ac:dyDescent="0.3">
      <c r="A119056" s="13" t="s">
        <v>561</v>
      </c>
      <c r="B119056" s="14" t="s">
        <v>1</v>
      </c>
      <c r="C119056" s="14" t="s">
        <v>558</v>
      </c>
      <c r="D119056" s="14" t="s">
        <v>406</v>
      </c>
      <c r="E119056" s="15">
        <v>45442</v>
      </c>
      <c r="F119056" s="14" t="s">
        <v>15</v>
      </c>
      <c r="G119056" s="16">
        <v>0.24412358672030848</v>
      </c>
    </row>
    <row r="119057" spans="1:7" x14ac:dyDescent="0.3">
      <c r="A119057" s="13" t="s">
        <v>561</v>
      </c>
      <c r="B119057" s="14" t="s">
        <v>1</v>
      </c>
      <c r="C119057" s="14" t="s">
        <v>558</v>
      </c>
      <c r="D119057" s="14" t="s">
        <v>406</v>
      </c>
      <c r="E119057" s="15">
        <v>45443</v>
      </c>
      <c r="F119057" s="14" t="s">
        <v>15</v>
      </c>
      <c r="G119057" s="16">
        <v>0.24112660103055988</v>
      </c>
    </row>
    <row r="119058" spans="1:7" x14ac:dyDescent="0.3">
      <c r="A119058" s="13" t="s">
        <v>561</v>
      </c>
      <c r="B119058" s="14" t="s">
        <v>1</v>
      </c>
      <c r="C119058" s="14" t="s">
        <v>558</v>
      </c>
      <c r="D119058" s="14" t="s">
        <v>406</v>
      </c>
      <c r="E119058" s="15">
        <v>45444</v>
      </c>
      <c r="F119058" s="14" t="s">
        <v>15</v>
      </c>
      <c r="G119058" s="16">
        <v>0.24112660103055988</v>
      </c>
    </row>
    <row r="119059" spans="1:7" x14ac:dyDescent="0.3">
      <c r="A119059" s="13" t="s">
        <v>561</v>
      </c>
      <c r="B119059" s="14" t="s">
        <v>1</v>
      </c>
      <c r="C119059" s="14" t="s">
        <v>558</v>
      </c>
      <c r="D119059" s="14" t="s">
        <v>406</v>
      </c>
      <c r="E119059" s="15">
        <v>45445</v>
      </c>
      <c r="F119059" s="14" t="s">
        <v>15</v>
      </c>
      <c r="G119059" s="16">
        <v>0.24112660103055988</v>
      </c>
    </row>
    <row r="119060" spans="1:7" x14ac:dyDescent="0.3">
      <c r="A119060" s="13" t="s">
        <v>561</v>
      </c>
      <c r="B119060" s="14" t="s">
        <v>1</v>
      </c>
      <c r="C119060" s="14" t="s">
        <v>558</v>
      </c>
      <c r="D119060" s="14" t="s">
        <v>406</v>
      </c>
      <c r="E119060" s="15">
        <v>45446</v>
      </c>
      <c r="F119060" s="14" t="s">
        <v>15</v>
      </c>
      <c r="G119060" s="16">
        <v>0.24112660103055988</v>
      </c>
    </row>
    <row r="119061" spans="1:7" x14ac:dyDescent="0.3">
      <c r="A119061" s="13" t="s">
        <v>561</v>
      </c>
      <c r="B119061" s="14" t="s">
        <v>1</v>
      </c>
      <c r="C119061" s="14" t="s">
        <v>558</v>
      </c>
      <c r="D119061" s="14" t="s">
        <v>406</v>
      </c>
      <c r="E119061" s="15">
        <v>45447</v>
      </c>
      <c r="F119061" s="14" t="s">
        <v>15</v>
      </c>
      <c r="G119061" s="16">
        <v>0.26512961534081131</v>
      </c>
    </row>
    <row r="119062" spans="1:7" x14ac:dyDescent="0.3">
      <c r="A119062" s="13" t="s">
        <v>561</v>
      </c>
      <c r="B119062" s="14" t="s">
        <v>1</v>
      </c>
      <c r="C119062" s="14" t="s">
        <v>558</v>
      </c>
      <c r="D119062" s="14" t="s">
        <v>406</v>
      </c>
      <c r="E119062" s="15">
        <v>45448</v>
      </c>
      <c r="F119062" s="14" t="s">
        <v>15</v>
      </c>
      <c r="G119062" s="16">
        <v>0.25913262965106276</v>
      </c>
    </row>
    <row r="119063" spans="1:7" x14ac:dyDescent="0.3">
      <c r="A119063" s="13" t="s">
        <v>561</v>
      </c>
      <c r="B119063" s="14" t="s">
        <v>1</v>
      </c>
      <c r="C119063" s="14" t="s">
        <v>558</v>
      </c>
      <c r="D119063" s="14" t="s">
        <v>406</v>
      </c>
      <c r="E119063" s="15">
        <v>45449</v>
      </c>
      <c r="F119063" s="14" t="s">
        <v>15</v>
      </c>
      <c r="G119063" s="16">
        <v>0.29113564396131419</v>
      </c>
    </row>
    <row r="119064" spans="1:7" x14ac:dyDescent="0.3">
      <c r="A119064" s="13" t="s">
        <v>561</v>
      </c>
      <c r="B119064" s="14" t="s">
        <v>1</v>
      </c>
      <c r="C119064" s="14" t="s">
        <v>558</v>
      </c>
      <c r="D119064" s="14" t="s">
        <v>406</v>
      </c>
      <c r="E119064" s="15">
        <v>45450</v>
      </c>
      <c r="F119064" s="14" t="s">
        <v>15</v>
      </c>
      <c r="G119064" s="16">
        <v>0.28913865827156565</v>
      </c>
    </row>
    <row r="119065" spans="1:7" x14ac:dyDescent="0.3">
      <c r="A119065" s="13" t="s">
        <v>561</v>
      </c>
      <c r="B119065" s="14" t="s">
        <v>1</v>
      </c>
      <c r="C119065" s="14" t="s">
        <v>558</v>
      </c>
      <c r="D119065" s="14" t="s">
        <v>406</v>
      </c>
      <c r="E119065" s="15">
        <v>45451</v>
      </c>
      <c r="F119065" s="14" t="s">
        <v>15</v>
      </c>
      <c r="G119065" s="16">
        <v>0.28913865827156565</v>
      </c>
    </row>
    <row r="119066" spans="1:7" x14ac:dyDescent="0.3">
      <c r="A119066" s="13" t="s">
        <v>561</v>
      </c>
      <c r="B119066" s="14" t="s">
        <v>1</v>
      </c>
      <c r="C119066" s="14" t="s">
        <v>558</v>
      </c>
      <c r="D119066" s="14" t="s">
        <v>406</v>
      </c>
      <c r="E119066" s="15">
        <v>45452</v>
      </c>
      <c r="F119066" s="14" t="s">
        <v>15</v>
      </c>
      <c r="G119066" s="16">
        <v>0.28913865827156565</v>
      </c>
    </row>
    <row r="119067" spans="1:7" x14ac:dyDescent="0.3">
      <c r="A119067" s="13" t="s">
        <v>561</v>
      </c>
      <c r="B119067" s="14" t="s">
        <v>1</v>
      </c>
      <c r="C119067" s="14" t="s">
        <v>558</v>
      </c>
      <c r="D119067" s="14" t="s">
        <v>406</v>
      </c>
      <c r="E119067" s="15">
        <v>45453</v>
      </c>
      <c r="F119067" s="14" t="s">
        <v>15</v>
      </c>
      <c r="G119067" s="16">
        <v>0.28714167258181711</v>
      </c>
    </row>
    <row r="119068" spans="1:7" x14ac:dyDescent="0.3">
      <c r="A119068" s="13" t="s">
        <v>561</v>
      </c>
      <c r="B119068" s="14" t="s">
        <v>1</v>
      </c>
      <c r="C119068" s="14" t="s">
        <v>558</v>
      </c>
      <c r="D119068" s="14" t="s">
        <v>406</v>
      </c>
      <c r="E119068" s="15">
        <v>45454</v>
      </c>
      <c r="F119068" s="14" t="s">
        <v>15</v>
      </c>
      <c r="G119068" s="16">
        <v>0.28214468689206851</v>
      </c>
    </row>
    <row r="119069" spans="1:7" x14ac:dyDescent="0.3">
      <c r="A119069" s="13" t="s">
        <v>561</v>
      </c>
      <c r="B119069" s="14" t="s">
        <v>1</v>
      </c>
      <c r="C119069" s="14" t="s">
        <v>558</v>
      </c>
      <c r="D119069" s="14" t="s">
        <v>406</v>
      </c>
      <c r="E119069" s="15">
        <v>45455</v>
      </c>
      <c r="F119069" s="14" t="s">
        <v>15</v>
      </c>
      <c r="G119069" s="16">
        <v>0.28914770120231992</v>
      </c>
    </row>
    <row r="119070" spans="1:7" x14ac:dyDescent="0.3">
      <c r="A119070" s="13" t="s">
        <v>561</v>
      </c>
      <c r="B119070" s="14" t="s">
        <v>1</v>
      </c>
      <c r="C119070" s="14" t="s">
        <v>558</v>
      </c>
      <c r="D119070" s="14" t="s">
        <v>406</v>
      </c>
      <c r="E119070" s="15">
        <v>45456</v>
      </c>
      <c r="F119070" s="14" t="s">
        <v>15</v>
      </c>
      <c r="G119070" s="16">
        <v>0.34915071551257137</v>
      </c>
    </row>
    <row r="119071" spans="1:7" x14ac:dyDescent="0.3">
      <c r="A119071" s="13" t="s">
        <v>561</v>
      </c>
      <c r="B119071" s="14" t="s">
        <v>1</v>
      </c>
      <c r="C119071" s="14" t="s">
        <v>558</v>
      </c>
      <c r="D119071" s="14" t="s">
        <v>406</v>
      </c>
      <c r="E119071" s="15">
        <v>45457</v>
      </c>
      <c r="F119071" s="14" t="s">
        <v>15</v>
      </c>
      <c r="G119071" s="16">
        <v>0.3681537298228228</v>
      </c>
    </row>
    <row r="119072" spans="1:7" x14ac:dyDescent="0.3">
      <c r="A119072" s="13" t="s">
        <v>561</v>
      </c>
      <c r="B119072" s="14" t="s">
        <v>1</v>
      </c>
      <c r="C119072" s="14" t="s">
        <v>558</v>
      </c>
      <c r="D119072" s="14" t="s">
        <v>406</v>
      </c>
      <c r="E119072" s="15">
        <v>45458</v>
      </c>
      <c r="F119072" s="14" t="s">
        <v>15</v>
      </c>
      <c r="G119072" s="16">
        <v>0.3681537298228228</v>
      </c>
    </row>
    <row r="119073" spans="1:7" x14ac:dyDescent="0.3">
      <c r="A119073" s="13" t="s">
        <v>561</v>
      </c>
      <c r="B119073" s="14" t="s">
        <v>1</v>
      </c>
      <c r="C119073" s="14" t="s">
        <v>558</v>
      </c>
      <c r="D119073" s="14" t="s">
        <v>406</v>
      </c>
      <c r="E119073" s="15">
        <v>45459</v>
      </c>
      <c r="F119073" s="14" t="s">
        <v>15</v>
      </c>
      <c r="G119073" s="16">
        <v>0.3681537298228228</v>
      </c>
    </row>
    <row r="119074" spans="1:7" x14ac:dyDescent="0.3">
      <c r="A119074" s="13" t="s">
        <v>561</v>
      </c>
      <c r="B119074" s="14" t="s">
        <v>1</v>
      </c>
      <c r="C119074" s="14" t="s">
        <v>558</v>
      </c>
      <c r="D119074" s="14" t="s">
        <v>406</v>
      </c>
      <c r="E119074" s="15">
        <v>45460</v>
      </c>
      <c r="F119074" s="14" t="s">
        <v>15</v>
      </c>
      <c r="G119074" s="16">
        <v>0.37615674413307421</v>
      </c>
    </row>
    <row r="119075" spans="1:7" x14ac:dyDescent="0.3">
      <c r="A119075" s="13" t="s">
        <v>561</v>
      </c>
      <c r="B119075" s="14" t="s">
        <v>1</v>
      </c>
      <c r="C119075" s="14" t="s">
        <v>558</v>
      </c>
      <c r="D119075" s="14" t="s">
        <v>406</v>
      </c>
      <c r="E119075" s="15">
        <v>45461</v>
      </c>
      <c r="F119075" s="14" t="s">
        <v>15</v>
      </c>
      <c r="G119075" s="16">
        <v>0.37215975844332566</v>
      </c>
    </row>
    <row r="119076" spans="1:7" x14ac:dyDescent="0.3">
      <c r="A119076" s="13" t="s">
        <v>561</v>
      </c>
      <c r="B119076" s="14" t="s">
        <v>1</v>
      </c>
      <c r="C119076" s="14" t="s">
        <v>558</v>
      </c>
      <c r="D119076" s="14" t="s">
        <v>406</v>
      </c>
      <c r="E119076" s="15">
        <v>45462</v>
      </c>
      <c r="F119076" s="14" t="s">
        <v>15</v>
      </c>
      <c r="G119076" s="16">
        <v>0.37016277275357712</v>
      </c>
    </row>
    <row r="119077" spans="1:7" x14ac:dyDescent="0.3">
      <c r="A119077" s="13" t="s">
        <v>561</v>
      </c>
      <c r="B119077" s="14" t="s">
        <v>1</v>
      </c>
      <c r="C119077" s="14" t="s">
        <v>558</v>
      </c>
      <c r="D119077" s="14" t="s">
        <v>406</v>
      </c>
      <c r="E119077" s="15">
        <v>45463</v>
      </c>
      <c r="F119077" s="14" t="s">
        <v>15</v>
      </c>
      <c r="G119077" s="16">
        <v>0.36816578706382852</v>
      </c>
    </row>
    <row r="119078" spans="1:7" x14ac:dyDescent="0.3">
      <c r="A119078" s="13" t="s">
        <v>561</v>
      </c>
      <c r="B119078" s="14" t="s">
        <v>1</v>
      </c>
      <c r="C119078" s="14" t="s">
        <v>558</v>
      </c>
      <c r="D119078" s="14" t="s">
        <v>406</v>
      </c>
      <c r="E119078" s="15">
        <v>45464</v>
      </c>
      <c r="F119078" s="14" t="s">
        <v>15</v>
      </c>
      <c r="G119078" s="16">
        <v>0.36616880137407998</v>
      </c>
    </row>
    <row r="119079" spans="1:7" x14ac:dyDescent="0.3">
      <c r="A119079" s="13" t="s">
        <v>561</v>
      </c>
      <c r="B119079" s="14" t="s">
        <v>1</v>
      </c>
      <c r="C119079" s="14" t="s">
        <v>558</v>
      </c>
      <c r="D119079" s="14" t="s">
        <v>406</v>
      </c>
      <c r="E119079" s="15">
        <v>45465</v>
      </c>
      <c r="F119079" s="14" t="s">
        <v>15</v>
      </c>
      <c r="G119079" s="16">
        <v>0.36616880137407998</v>
      </c>
    </row>
    <row r="119080" spans="1:7" x14ac:dyDescent="0.3">
      <c r="A119080" s="13" t="s">
        <v>561</v>
      </c>
      <c r="B119080" s="14" t="s">
        <v>1</v>
      </c>
      <c r="C119080" s="14" t="s">
        <v>558</v>
      </c>
      <c r="D119080" s="14" t="s">
        <v>406</v>
      </c>
      <c r="E119080" s="15">
        <v>45466</v>
      </c>
      <c r="F119080" s="14" t="s">
        <v>15</v>
      </c>
      <c r="G119080" s="16">
        <v>0.36616880137407998</v>
      </c>
    </row>
    <row r="119081" spans="1:7" x14ac:dyDescent="0.3">
      <c r="A119081" s="13" t="s">
        <v>561</v>
      </c>
      <c r="B119081" s="14" t="s">
        <v>1</v>
      </c>
      <c r="C119081" s="14" t="s">
        <v>558</v>
      </c>
      <c r="D119081" s="14" t="s">
        <v>406</v>
      </c>
      <c r="E119081" s="15">
        <v>45467</v>
      </c>
      <c r="F119081" s="14" t="s">
        <v>15</v>
      </c>
      <c r="G119081" s="16">
        <v>0.36917181568433144</v>
      </c>
    </row>
    <row r="119082" spans="1:7" x14ac:dyDescent="0.3">
      <c r="A119082" s="13" t="s">
        <v>561</v>
      </c>
      <c r="B119082" s="14" t="s">
        <v>1</v>
      </c>
      <c r="C119082" s="14" t="s">
        <v>558</v>
      </c>
      <c r="D119082" s="14" t="s">
        <v>406</v>
      </c>
      <c r="E119082" s="15">
        <v>45468</v>
      </c>
      <c r="F119082" s="14" t="s">
        <v>15</v>
      </c>
      <c r="G119082" s="16">
        <v>0.36717482999458284</v>
      </c>
    </row>
    <row r="119083" spans="1:7" x14ac:dyDescent="0.3">
      <c r="A119083" s="13" t="s">
        <v>561</v>
      </c>
      <c r="B119083" s="14" t="s">
        <v>1</v>
      </c>
      <c r="C119083" s="14" t="s">
        <v>558</v>
      </c>
      <c r="D119083" s="14" t="s">
        <v>406</v>
      </c>
      <c r="E119083" s="15">
        <v>45469</v>
      </c>
      <c r="F119083" s="14" t="s">
        <v>15</v>
      </c>
      <c r="G119083" s="16">
        <v>0.36917784430483425</v>
      </c>
    </row>
    <row r="119084" spans="1:7" x14ac:dyDescent="0.3">
      <c r="A119084" s="13" t="s">
        <v>561</v>
      </c>
      <c r="B119084" s="14" t="s">
        <v>1</v>
      </c>
      <c r="C119084" s="14" t="s">
        <v>558</v>
      </c>
      <c r="D119084" s="14" t="s">
        <v>406</v>
      </c>
      <c r="E119084" s="15">
        <v>45470</v>
      </c>
      <c r="F119084" s="14" t="s">
        <v>15</v>
      </c>
      <c r="G119084" s="16">
        <v>0.37718085861508566</v>
      </c>
    </row>
    <row r="119085" spans="1:7" x14ac:dyDescent="0.3">
      <c r="A119085" s="13" t="s">
        <v>561</v>
      </c>
      <c r="B119085" s="14" t="s">
        <v>1</v>
      </c>
      <c r="C119085" s="14" t="s">
        <v>558</v>
      </c>
      <c r="D119085" s="14" t="s">
        <v>406</v>
      </c>
      <c r="E119085" s="15">
        <v>45471</v>
      </c>
      <c r="F119085" s="14" t="s">
        <v>15</v>
      </c>
      <c r="G119085" s="16">
        <v>0.45218387292533713</v>
      </c>
    </row>
    <row r="119086" spans="1:7" x14ac:dyDescent="0.3">
      <c r="A119086" s="13" t="s">
        <v>561</v>
      </c>
      <c r="B119086" s="14" t="s">
        <v>1</v>
      </c>
      <c r="C119086" s="14" t="s">
        <v>558</v>
      </c>
      <c r="D119086" s="14" t="s">
        <v>406</v>
      </c>
      <c r="E119086" s="15">
        <v>45472</v>
      </c>
      <c r="F119086" s="14" t="s">
        <v>15</v>
      </c>
      <c r="G119086" s="16">
        <v>0.45218387292533713</v>
      </c>
    </row>
    <row r="119087" spans="1:7" x14ac:dyDescent="0.3">
      <c r="A119087" s="13" t="s">
        <v>561</v>
      </c>
      <c r="B119087" s="14" t="s">
        <v>1</v>
      </c>
      <c r="C119087" s="14" t="s">
        <v>558</v>
      </c>
      <c r="D119087" s="14" t="s">
        <v>406</v>
      </c>
      <c r="E119087" s="15">
        <v>45473</v>
      </c>
      <c r="F119087" s="14" t="s">
        <v>15</v>
      </c>
      <c r="G119087" s="16">
        <v>0.45218387292533713</v>
      </c>
    </row>
    <row r="119088" spans="1:7" x14ac:dyDescent="0.3">
      <c r="A119088" s="13" t="s">
        <v>561</v>
      </c>
      <c r="B119088" s="14" t="s">
        <v>1</v>
      </c>
      <c r="C119088" s="14" t="s">
        <v>558</v>
      </c>
      <c r="D119088" s="14" t="s">
        <v>406</v>
      </c>
      <c r="E119088" s="15">
        <v>45474</v>
      </c>
      <c r="F119088" s="14" t="s">
        <v>15</v>
      </c>
      <c r="G119088" s="16">
        <v>0.45018688723558853</v>
      </c>
    </row>
    <row r="119089" spans="1:7" x14ac:dyDescent="0.3">
      <c r="A119089" s="13" t="s">
        <v>561</v>
      </c>
      <c r="B119089" s="14" t="s">
        <v>1</v>
      </c>
      <c r="C119089" s="14" t="s">
        <v>558</v>
      </c>
      <c r="D119089" s="14" t="s">
        <v>406</v>
      </c>
      <c r="E119089" s="15">
        <v>45475</v>
      </c>
      <c r="F119089" s="14" t="s">
        <v>15</v>
      </c>
      <c r="G119089" s="16">
        <v>0.4741899015458399</v>
      </c>
    </row>
    <row r="119090" spans="1:7" x14ac:dyDescent="0.3">
      <c r="A119090" s="13" t="s">
        <v>561</v>
      </c>
      <c r="B119090" s="14" t="s">
        <v>1</v>
      </c>
      <c r="C119090" s="14" t="s">
        <v>558</v>
      </c>
      <c r="D119090" s="14" t="s">
        <v>406</v>
      </c>
      <c r="E119090" s="15">
        <v>45476</v>
      </c>
      <c r="F119090" s="14" t="s">
        <v>15</v>
      </c>
      <c r="G119090" s="16">
        <v>0.4731929158560913</v>
      </c>
    </row>
    <row r="119091" spans="1:7" x14ac:dyDescent="0.3">
      <c r="A119091" s="13" t="s">
        <v>561</v>
      </c>
      <c r="B119091" s="14" t="s">
        <v>1</v>
      </c>
      <c r="C119091" s="14" t="s">
        <v>558</v>
      </c>
      <c r="D119091" s="14" t="s">
        <v>406</v>
      </c>
      <c r="E119091" s="15">
        <v>45477</v>
      </c>
      <c r="F119091" s="14" t="s">
        <v>15</v>
      </c>
      <c r="G119091" s="16">
        <v>0.52019593016634269</v>
      </c>
    </row>
    <row r="119092" spans="1:7" x14ac:dyDescent="0.3">
      <c r="A119092" s="13" t="s">
        <v>561</v>
      </c>
      <c r="B119092" s="14" t="s">
        <v>1</v>
      </c>
      <c r="C119092" s="14" t="s">
        <v>558</v>
      </c>
      <c r="D119092" s="14" t="s">
        <v>406</v>
      </c>
      <c r="E119092" s="15">
        <v>45478</v>
      </c>
      <c r="F119092" s="14" t="s">
        <v>15</v>
      </c>
      <c r="G119092" s="16">
        <v>0.63419894447659408</v>
      </c>
    </row>
    <row r="119093" spans="1:7" x14ac:dyDescent="0.3">
      <c r="A119093" s="13" t="s">
        <v>561</v>
      </c>
      <c r="B119093" s="14" t="s">
        <v>1</v>
      </c>
      <c r="C119093" s="14" t="s">
        <v>558</v>
      </c>
      <c r="D119093" s="14" t="s">
        <v>406</v>
      </c>
      <c r="E119093" s="15">
        <v>45479</v>
      </c>
      <c r="F119093" s="14" t="s">
        <v>15</v>
      </c>
      <c r="G119093" s="16">
        <v>0.63419894447659408</v>
      </c>
    </row>
    <row r="119094" spans="1:7" x14ac:dyDescent="0.3">
      <c r="A119094" s="13" t="s">
        <v>561</v>
      </c>
      <c r="B119094" s="14" t="s">
        <v>1</v>
      </c>
      <c r="C119094" s="14" t="s">
        <v>558</v>
      </c>
      <c r="D119094" s="14" t="s">
        <v>406</v>
      </c>
      <c r="E119094" s="15">
        <v>45480</v>
      </c>
      <c r="F119094" s="14" t="s">
        <v>15</v>
      </c>
      <c r="G119094" s="16">
        <v>0.63419894447659408</v>
      </c>
    </row>
    <row r="119095" spans="1:7" x14ac:dyDescent="0.3">
      <c r="A119095" s="13" t="s">
        <v>561</v>
      </c>
      <c r="B119095" s="14" t="s">
        <v>1</v>
      </c>
      <c r="C119095" s="14" t="s">
        <v>558</v>
      </c>
      <c r="D119095" s="14" t="s">
        <v>406</v>
      </c>
      <c r="E119095" s="15">
        <v>45481</v>
      </c>
      <c r="F119095" s="14" t="s">
        <v>15</v>
      </c>
      <c r="G119095" s="16">
        <v>0.6342019587868456</v>
      </c>
    </row>
    <row r="119096" spans="1:7" x14ac:dyDescent="0.3">
      <c r="A119096" s="13" t="s">
        <v>561</v>
      </c>
      <c r="B119096" s="14" t="s">
        <v>1</v>
      </c>
      <c r="C119096" s="14" t="s">
        <v>558</v>
      </c>
      <c r="D119096" s="14" t="s">
        <v>406</v>
      </c>
      <c r="E119096" s="15">
        <v>45482</v>
      </c>
      <c r="F119096" s="14" t="s">
        <v>15</v>
      </c>
      <c r="G119096" s="16">
        <v>0.632204973097097</v>
      </c>
    </row>
    <row r="119097" spans="1:7" x14ac:dyDescent="0.3">
      <c r="A119097" s="13" t="s">
        <v>561</v>
      </c>
      <c r="B119097" s="14" t="s">
        <v>1</v>
      </c>
      <c r="C119097" s="14" t="s">
        <v>558</v>
      </c>
      <c r="D119097" s="14" t="s">
        <v>406</v>
      </c>
      <c r="E119097" s="15">
        <v>45483</v>
      </c>
      <c r="F119097" s="14" t="s">
        <v>15</v>
      </c>
      <c r="G119097" s="16">
        <v>0.6302079874073484</v>
      </c>
    </row>
    <row r="119098" spans="1:7" x14ac:dyDescent="0.3">
      <c r="A119098" s="13" t="s">
        <v>561</v>
      </c>
      <c r="B119098" s="14" t="s">
        <v>1</v>
      </c>
      <c r="C119098" s="14" t="s">
        <v>558</v>
      </c>
      <c r="D119098" s="14" t="s">
        <v>406</v>
      </c>
      <c r="E119098" s="15">
        <v>45484</v>
      </c>
      <c r="F119098" s="14" t="s">
        <v>15</v>
      </c>
      <c r="G119098" s="16">
        <v>0.6282110017175998</v>
      </c>
    </row>
    <row r="119099" spans="1:7" x14ac:dyDescent="0.3">
      <c r="A119099" s="13" t="s">
        <v>561</v>
      </c>
      <c r="B119099" s="14" t="s">
        <v>1</v>
      </c>
      <c r="C119099" s="14" t="s">
        <v>558</v>
      </c>
      <c r="D119099" s="14" t="s">
        <v>406</v>
      </c>
      <c r="E119099" s="15">
        <v>45485</v>
      </c>
      <c r="F119099" s="14" t="s">
        <v>15</v>
      </c>
      <c r="G119099" s="16">
        <v>0.62821401602785121</v>
      </c>
    </row>
    <row r="119100" spans="1:7" x14ac:dyDescent="0.3">
      <c r="A119100" s="13" t="s">
        <v>561</v>
      </c>
      <c r="B119100" s="14" t="s">
        <v>1</v>
      </c>
      <c r="C119100" s="14" t="s">
        <v>558</v>
      </c>
      <c r="D119100" s="14" t="s">
        <v>406</v>
      </c>
      <c r="E119100" s="15">
        <v>45486</v>
      </c>
      <c r="F119100" s="14" t="s">
        <v>15</v>
      </c>
      <c r="G119100" s="16">
        <v>0.62821401602785121</v>
      </c>
    </row>
    <row r="119101" spans="1:7" x14ac:dyDescent="0.3">
      <c r="A119101" s="13" t="s">
        <v>561</v>
      </c>
      <c r="B119101" s="14" t="s">
        <v>1</v>
      </c>
      <c r="C119101" s="14" t="s">
        <v>558</v>
      </c>
      <c r="D119101" s="14" t="s">
        <v>406</v>
      </c>
      <c r="E119101" s="15">
        <v>45487</v>
      </c>
      <c r="F119101" s="14" t="s">
        <v>15</v>
      </c>
      <c r="G119101" s="16">
        <v>0.62821401602785121</v>
      </c>
    </row>
    <row r="119102" spans="1:7" x14ac:dyDescent="0.3">
      <c r="A119102" s="13" t="s">
        <v>561</v>
      </c>
      <c r="B119102" s="14" t="s">
        <v>1</v>
      </c>
      <c r="C119102" s="14" t="s">
        <v>558</v>
      </c>
      <c r="D119102" s="14" t="s">
        <v>406</v>
      </c>
      <c r="E119102" s="15">
        <v>45488</v>
      </c>
      <c r="F119102" s="14" t="s">
        <v>15</v>
      </c>
      <c r="G119102" s="16">
        <v>0.65021703033810263</v>
      </c>
    </row>
    <row r="119103" spans="1:7" x14ac:dyDescent="0.3">
      <c r="A119103" s="13" t="s">
        <v>561</v>
      </c>
      <c r="B119103" s="14" t="s">
        <v>1</v>
      </c>
      <c r="C119103" s="14" t="s">
        <v>558</v>
      </c>
      <c r="D119103" s="14" t="s">
        <v>406</v>
      </c>
      <c r="E119103" s="15">
        <v>45489</v>
      </c>
      <c r="F119103" s="14" t="s">
        <v>15</v>
      </c>
      <c r="G119103" s="16">
        <v>0.67322004464835405</v>
      </c>
    </row>
    <row r="119104" spans="1:7" x14ac:dyDescent="0.3">
      <c r="A119104" s="13" t="s">
        <v>561</v>
      </c>
      <c r="B119104" s="14" t="s">
        <v>1</v>
      </c>
      <c r="C119104" s="14" t="s">
        <v>558</v>
      </c>
      <c r="D119104" s="14" t="s">
        <v>406</v>
      </c>
      <c r="E119104" s="15">
        <v>45490</v>
      </c>
      <c r="F119104" s="14" t="s">
        <v>15</v>
      </c>
      <c r="G119104" s="16">
        <v>0.67122305895860546</v>
      </c>
    </row>
    <row r="119105" spans="1:7" x14ac:dyDescent="0.3">
      <c r="A119105" s="13" t="s">
        <v>561</v>
      </c>
      <c r="B119105" s="14" t="s">
        <v>1</v>
      </c>
      <c r="C119105" s="14" t="s">
        <v>558</v>
      </c>
      <c r="D119105" s="14" t="s">
        <v>406</v>
      </c>
      <c r="E119105" s="15">
        <v>45491</v>
      </c>
      <c r="F119105" s="14" t="s">
        <v>15</v>
      </c>
      <c r="G119105" s="16">
        <v>0.67122607326885686</v>
      </c>
    </row>
    <row r="119106" spans="1:7" x14ac:dyDescent="0.3">
      <c r="A119106" s="13" t="s">
        <v>561</v>
      </c>
      <c r="B119106" s="14" t="s">
        <v>1</v>
      </c>
      <c r="C119106" s="14" t="s">
        <v>558</v>
      </c>
      <c r="D119106" s="14" t="s">
        <v>406</v>
      </c>
      <c r="E119106" s="15">
        <v>45492</v>
      </c>
      <c r="F119106" s="14" t="s">
        <v>15</v>
      </c>
      <c r="G119106" s="16">
        <v>0.66922908757910826</v>
      </c>
    </row>
    <row r="119107" spans="1:7" x14ac:dyDescent="0.3">
      <c r="A119107" s="13" t="s">
        <v>561</v>
      </c>
      <c r="B119107" s="14" t="s">
        <v>1</v>
      </c>
      <c r="C119107" s="14" t="s">
        <v>558</v>
      </c>
      <c r="D119107" s="14" t="s">
        <v>406</v>
      </c>
      <c r="E119107" s="15">
        <v>45493</v>
      </c>
      <c r="F119107" s="14" t="s">
        <v>15</v>
      </c>
      <c r="G119107" s="16">
        <v>0.66922908757910826</v>
      </c>
    </row>
    <row r="119108" spans="1:7" x14ac:dyDescent="0.3">
      <c r="A119108" s="13" t="s">
        <v>561</v>
      </c>
      <c r="B119108" s="14" t="s">
        <v>1</v>
      </c>
      <c r="C119108" s="14" t="s">
        <v>558</v>
      </c>
      <c r="D119108" s="14" t="s">
        <v>406</v>
      </c>
      <c r="E119108" s="15">
        <v>45494</v>
      </c>
      <c r="F119108" s="14" t="s">
        <v>15</v>
      </c>
      <c r="G119108" s="16">
        <v>0.66922908757910826</v>
      </c>
    </row>
    <row r="119109" spans="1:7" x14ac:dyDescent="0.3">
      <c r="A119109" s="13" t="s">
        <v>561</v>
      </c>
      <c r="B119109" s="14" t="s">
        <v>1</v>
      </c>
      <c r="C119109" s="14" t="s">
        <v>558</v>
      </c>
      <c r="D119109" s="14" t="s">
        <v>406</v>
      </c>
      <c r="E119109" s="15">
        <v>45495</v>
      </c>
      <c r="F119109" s="14" t="s">
        <v>15</v>
      </c>
      <c r="G119109" s="16">
        <v>0.66923210188935978</v>
      </c>
    </row>
    <row r="119110" spans="1:7" x14ac:dyDescent="0.3">
      <c r="A119110" s="13" t="s">
        <v>561</v>
      </c>
      <c r="B119110" s="14" t="s">
        <v>1</v>
      </c>
      <c r="C119110" s="14" t="s">
        <v>558</v>
      </c>
      <c r="D119110" s="14" t="s">
        <v>406</v>
      </c>
      <c r="E119110" s="15">
        <v>45496</v>
      </c>
      <c r="F119110" s="14" t="s">
        <v>15</v>
      </c>
      <c r="G119110" s="16">
        <v>0.66823511619961118</v>
      </c>
    </row>
    <row r="119111" spans="1:7" x14ac:dyDescent="0.3">
      <c r="A119111" s="13" t="s">
        <v>561</v>
      </c>
      <c r="B119111" s="14" t="s">
        <v>1</v>
      </c>
      <c r="C119111" s="14" t="s">
        <v>558</v>
      </c>
      <c r="D119111" s="14" t="s">
        <v>406</v>
      </c>
      <c r="E119111" s="15">
        <v>45497</v>
      </c>
      <c r="F119111" s="14" t="s">
        <v>15</v>
      </c>
      <c r="G119111" s="16">
        <v>0.67123813050986247</v>
      </c>
    </row>
    <row r="119112" spans="1:7" x14ac:dyDescent="0.3">
      <c r="A119112" s="13" t="s">
        <v>561</v>
      </c>
      <c r="B119112" s="14" t="s">
        <v>1</v>
      </c>
      <c r="C119112" s="14" t="s">
        <v>558</v>
      </c>
      <c r="D119112" s="14" t="s">
        <v>406</v>
      </c>
      <c r="E119112" s="15">
        <v>45498</v>
      </c>
      <c r="F119112" s="14" t="s">
        <v>15</v>
      </c>
      <c r="G119112" s="16">
        <v>0.66924114482011388</v>
      </c>
    </row>
    <row r="119113" spans="1:7" x14ac:dyDescent="0.3">
      <c r="A119113" s="13" t="s">
        <v>561</v>
      </c>
      <c r="B119113" s="14" t="s">
        <v>1</v>
      </c>
      <c r="C119113" s="14" t="s">
        <v>558</v>
      </c>
      <c r="D119113" s="14" t="s">
        <v>406</v>
      </c>
      <c r="E119113" s="15">
        <v>45499</v>
      </c>
      <c r="F119113" s="14" t="s">
        <v>15</v>
      </c>
      <c r="G119113" s="16">
        <v>0.66924415913036539</v>
      </c>
    </row>
    <row r="119114" spans="1:7" x14ac:dyDescent="0.3">
      <c r="A119114" s="13" t="s">
        <v>561</v>
      </c>
      <c r="B119114" s="14" t="s">
        <v>1</v>
      </c>
      <c r="C119114" s="14" t="s">
        <v>558</v>
      </c>
      <c r="D119114" s="14" t="s">
        <v>406</v>
      </c>
      <c r="E119114" s="15">
        <v>45500</v>
      </c>
      <c r="F119114" s="14" t="s">
        <v>15</v>
      </c>
      <c r="G119114" s="16">
        <v>0.66924415913036539</v>
      </c>
    </row>
    <row r="119115" spans="1:7" x14ac:dyDescent="0.3">
      <c r="A119115" s="13" t="s">
        <v>561</v>
      </c>
      <c r="B119115" s="14" t="s">
        <v>1</v>
      </c>
      <c r="C119115" s="14" t="s">
        <v>558</v>
      </c>
      <c r="D119115" s="14" t="s">
        <v>406</v>
      </c>
      <c r="E119115" s="15">
        <v>45501</v>
      </c>
      <c r="F119115" s="14" t="s">
        <v>15</v>
      </c>
      <c r="G119115" s="16">
        <v>0.66924415913036539</v>
      </c>
    </row>
    <row r="119116" spans="1:7" x14ac:dyDescent="0.3">
      <c r="A119116" s="13" t="s">
        <v>561</v>
      </c>
      <c r="B119116" s="14" t="s">
        <v>1</v>
      </c>
      <c r="C119116" s="14" t="s">
        <v>558</v>
      </c>
      <c r="D119116" s="14" t="s">
        <v>406</v>
      </c>
      <c r="E119116" s="15">
        <v>45502</v>
      </c>
      <c r="F119116" s="14" t="s">
        <v>15</v>
      </c>
      <c r="G119116" s="16">
        <v>0.67024717344061679</v>
      </c>
    </row>
    <row r="119117" spans="1:7" x14ac:dyDescent="0.3">
      <c r="A119117" s="13" t="s">
        <v>561</v>
      </c>
      <c r="B119117" s="14" t="s">
        <v>1</v>
      </c>
      <c r="C119117" s="14" t="s">
        <v>558</v>
      </c>
      <c r="D119117" s="14" t="s">
        <v>406</v>
      </c>
      <c r="E119117" s="15">
        <v>45503</v>
      </c>
      <c r="F119117" s="14" t="s">
        <v>15</v>
      </c>
      <c r="G119117" s="16">
        <v>0.66625018775086819</v>
      </c>
    </row>
    <row r="119118" spans="1:7" x14ac:dyDescent="0.3">
      <c r="A119118" s="13" t="s">
        <v>561</v>
      </c>
      <c r="B119118" s="14" t="s">
        <v>1</v>
      </c>
      <c r="C119118" s="14" t="s">
        <v>558</v>
      </c>
      <c r="D119118" s="14" t="s">
        <v>406</v>
      </c>
      <c r="E119118" s="15">
        <v>45504</v>
      </c>
      <c r="F119118" s="14" t="s">
        <v>15</v>
      </c>
      <c r="G119118" s="16">
        <v>0.66625320206111971</v>
      </c>
    </row>
    <row r="119119" spans="1:7" x14ac:dyDescent="0.3">
      <c r="A119119" s="13" t="s">
        <v>561</v>
      </c>
      <c r="B119119" s="14" t="s">
        <v>1</v>
      </c>
      <c r="C119119" s="14" t="s">
        <v>558</v>
      </c>
      <c r="D119119" s="14" t="s">
        <v>406</v>
      </c>
      <c r="E119119" s="15">
        <v>45505</v>
      </c>
      <c r="F119119" s="14" t="s">
        <v>15</v>
      </c>
      <c r="G119119" s="16">
        <v>0.66425621637137111</v>
      </c>
    </row>
    <row r="119120" spans="1:7" x14ac:dyDescent="0.3">
      <c r="A119120" s="13" t="s">
        <v>561</v>
      </c>
      <c r="B119120" s="14" t="s">
        <v>1</v>
      </c>
      <c r="C119120" s="14" t="s">
        <v>558</v>
      </c>
      <c r="D119120" s="14" t="s">
        <v>406</v>
      </c>
      <c r="E119120" s="15">
        <v>45506</v>
      </c>
      <c r="F119120" s="14" t="s">
        <v>15</v>
      </c>
      <c r="G119120" s="16">
        <v>0.66325923068162251</v>
      </c>
    </row>
    <row r="119121" spans="1:7" x14ac:dyDescent="0.3">
      <c r="A119121" s="13" t="s">
        <v>561</v>
      </c>
      <c r="B119121" s="14" t="s">
        <v>1</v>
      </c>
      <c r="C119121" s="14" t="s">
        <v>558</v>
      </c>
      <c r="D119121" s="14" t="s">
        <v>406</v>
      </c>
      <c r="E119121" s="15">
        <v>45507</v>
      </c>
      <c r="F119121" s="14" t="s">
        <v>15</v>
      </c>
      <c r="G119121" s="16">
        <v>0.66325923068162251</v>
      </c>
    </row>
    <row r="119122" spans="1:7" x14ac:dyDescent="0.3">
      <c r="A119122" s="13" t="s">
        <v>561</v>
      </c>
      <c r="B119122" s="14" t="s">
        <v>1</v>
      </c>
      <c r="C119122" s="14" t="s">
        <v>558</v>
      </c>
      <c r="D119122" s="14" t="s">
        <v>406</v>
      </c>
      <c r="E119122" s="15">
        <v>45508</v>
      </c>
      <c r="F119122" s="14" t="s">
        <v>15</v>
      </c>
      <c r="G119122" s="16">
        <v>0.66325923068162251</v>
      </c>
    </row>
    <row r="119123" spans="1:7" x14ac:dyDescent="0.3">
      <c r="A119123" s="13" t="s">
        <v>561</v>
      </c>
      <c r="B119123" s="14" t="s">
        <v>1</v>
      </c>
      <c r="C119123" s="14" t="s">
        <v>558</v>
      </c>
      <c r="D119123" s="14" t="s">
        <v>406</v>
      </c>
      <c r="E119123" s="15">
        <v>45509</v>
      </c>
      <c r="F119123" s="14" t="s">
        <v>15</v>
      </c>
      <c r="G119123" s="16">
        <v>0.66325923068162251</v>
      </c>
    </row>
    <row r="119124" spans="1:7" x14ac:dyDescent="0.3">
      <c r="A119124" s="13" t="s">
        <v>561</v>
      </c>
      <c r="B119124" s="14" t="s">
        <v>1</v>
      </c>
      <c r="C119124" s="14" t="s">
        <v>558</v>
      </c>
      <c r="D119124" s="14" t="s">
        <v>406</v>
      </c>
      <c r="E119124" s="15">
        <v>45510</v>
      </c>
      <c r="F119124" s="14" t="s">
        <v>15</v>
      </c>
      <c r="G119124" s="16">
        <v>0.66426224499187392</v>
      </c>
    </row>
    <row r="119125" spans="1:7" x14ac:dyDescent="0.3">
      <c r="A119125" s="13" t="s">
        <v>561</v>
      </c>
      <c r="B119125" s="14" t="s">
        <v>1</v>
      </c>
      <c r="C119125" s="14" t="s">
        <v>558</v>
      </c>
      <c r="D119125" s="14" t="s">
        <v>406</v>
      </c>
      <c r="E119125" s="15">
        <v>45511</v>
      </c>
      <c r="F119125" s="14" t="s">
        <v>15</v>
      </c>
      <c r="G119125" s="16">
        <v>0.65826525930212532</v>
      </c>
    </row>
    <row r="119126" spans="1:7" x14ac:dyDescent="0.3">
      <c r="A119126" s="13" t="s">
        <v>561</v>
      </c>
      <c r="B119126" s="14" t="s">
        <v>1</v>
      </c>
      <c r="C119126" s="14" t="s">
        <v>558</v>
      </c>
      <c r="D119126" s="14" t="s">
        <v>406</v>
      </c>
      <c r="E119126" s="15">
        <v>45512</v>
      </c>
      <c r="F119126" s="14" t="s">
        <v>15</v>
      </c>
      <c r="G119126" s="16">
        <v>0.67326827361237673</v>
      </c>
    </row>
    <row r="119127" spans="1:7" x14ac:dyDescent="0.3">
      <c r="A119127" s="13" t="s">
        <v>561</v>
      </c>
      <c r="B119127" s="14" t="s">
        <v>1</v>
      </c>
      <c r="C119127" s="14" t="s">
        <v>558</v>
      </c>
      <c r="D119127" s="14" t="s">
        <v>406</v>
      </c>
      <c r="E119127" s="15">
        <v>45513</v>
      </c>
      <c r="F119127" s="14" t="s">
        <v>15</v>
      </c>
      <c r="G119127" s="16">
        <v>0.67127128792262813</v>
      </c>
    </row>
    <row r="119128" spans="1:7" x14ac:dyDescent="0.3">
      <c r="A119128" s="13" t="s">
        <v>561</v>
      </c>
      <c r="B119128" s="14" t="s">
        <v>1</v>
      </c>
      <c r="C119128" s="14" t="s">
        <v>558</v>
      </c>
      <c r="D119128" s="14" t="s">
        <v>406</v>
      </c>
      <c r="E119128" s="15">
        <v>45514</v>
      </c>
      <c r="F119128" s="14" t="s">
        <v>15</v>
      </c>
      <c r="G119128" s="16">
        <v>0.67127128792262813</v>
      </c>
    </row>
    <row r="119129" spans="1:7" x14ac:dyDescent="0.3">
      <c r="A119129" s="13" t="s">
        <v>561</v>
      </c>
      <c r="B119129" s="14" t="s">
        <v>1</v>
      </c>
      <c r="C119129" s="14" t="s">
        <v>558</v>
      </c>
      <c r="D119129" s="14" t="s">
        <v>406</v>
      </c>
      <c r="E119129" s="15">
        <v>45515</v>
      </c>
      <c r="F119129" s="14" t="s">
        <v>15</v>
      </c>
      <c r="G119129" s="16">
        <v>0.67127128792262813</v>
      </c>
    </row>
    <row r="119130" spans="1:7" x14ac:dyDescent="0.3">
      <c r="A119130" s="13" t="s">
        <v>561</v>
      </c>
      <c r="B119130" s="14" t="s">
        <v>1</v>
      </c>
      <c r="C119130" s="14" t="s">
        <v>558</v>
      </c>
      <c r="D119130" s="14" t="s">
        <v>406</v>
      </c>
      <c r="E119130" s="15">
        <v>45516</v>
      </c>
      <c r="F119130" s="14" t="s">
        <v>15</v>
      </c>
      <c r="G119130" s="16">
        <v>0.67127430223287954</v>
      </c>
    </row>
    <row r="119131" spans="1:7" x14ac:dyDescent="0.3">
      <c r="A119131" s="13" t="s">
        <v>561</v>
      </c>
      <c r="B119131" s="14" t="s">
        <v>1</v>
      </c>
      <c r="C119131" s="14" t="s">
        <v>558</v>
      </c>
      <c r="D119131" s="14" t="s">
        <v>406</v>
      </c>
      <c r="E119131" s="15">
        <v>45517</v>
      </c>
      <c r="F119131" s="14" t="s">
        <v>15</v>
      </c>
      <c r="G119131" s="16">
        <v>0.70627731654313097</v>
      </c>
    </row>
    <row r="119132" spans="1:7" x14ac:dyDescent="0.3">
      <c r="A119132" s="13" t="s">
        <v>561</v>
      </c>
      <c r="B119132" s="14" t="s">
        <v>1</v>
      </c>
      <c r="C119132" s="14" t="s">
        <v>558</v>
      </c>
      <c r="D119132" s="14" t="s">
        <v>406</v>
      </c>
      <c r="E119132" s="15">
        <v>45518</v>
      </c>
      <c r="F119132" s="14" t="s">
        <v>15</v>
      </c>
      <c r="G119132" s="16">
        <v>0.7272803308533824</v>
      </c>
    </row>
    <row r="119133" spans="1:7" x14ac:dyDescent="0.3">
      <c r="A119133" s="13" t="s">
        <v>561</v>
      </c>
      <c r="B119133" s="14" t="s">
        <v>1</v>
      </c>
      <c r="C119133" s="14" t="s">
        <v>558</v>
      </c>
      <c r="D119133" s="14" t="s">
        <v>406</v>
      </c>
      <c r="E119133" s="15">
        <v>45519</v>
      </c>
      <c r="F119133" s="14" t="s">
        <v>15</v>
      </c>
      <c r="G119133" s="16">
        <v>0.73828334516363381</v>
      </c>
    </row>
    <row r="119134" spans="1:7" x14ac:dyDescent="0.3">
      <c r="A119134" s="13" t="s">
        <v>561</v>
      </c>
      <c r="B119134" s="14" t="s">
        <v>1</v>
      </c>
      <c r="C119134" s="14" t="s">
        <v>558</v>
      </c>
      <c r="D119134" s="14" t="s">
        <v>406</v>
      </c>
      <c r="E119134" s="15">
        <v>45520</v>
      </c>
      <c r="F119134" s="14" t="s">
        <v>15</v>
      </c>
      <c r="G119134" s="16">
        <v>0.73528635947388521</v>
      </c>
    </row>
    <row r="119135" spans="1:7" x14ac:dyDescent="0.3">
      <c r="A119135" s="13" t="s">
        <v>561</v>
      </c>
      <c r="B119135" s="14" t="s">
        <v>1</v>
      </c>
      <c r="C119135" s="14" t="s">
        <v>558</v>
      </c>
      <c r="D119135" s="14" t="s">
        <v>406</v>
      </c>
      <c r="E119135" s="15">
        <v>45521</v>
      </c>
      <c r="F119135" s="14" t="s">
        <v>15</v>
      </c>
      <c r="G119135" s="16">
        <v>0.73528635947388521</v>
      </c>
    </row>
    <row r="119136" spans="1:7" x14ac:dyDescent="0.3">
      <c r="A119136" s="13" t="s">
        <v>561</v>
      </c>
      <c r="B119136" s="14" t="s">
        <v>1</v>
      </c>
      <c r="C119136" s="14" t="s">
        <v>558</v>
      </c>
      <c r="D119136" s="14" t="s">
        <v>406</v>
      </c>
      <c r="E119136" s="15">
        <v>45522</v>
      </c>
      <c r="F119136" s="14" t="s">
        <v>15</v>
      </c>
      <c r="G119136" s="16">
        <v>0.73528635947388521</v>
      </c>
    </row>
    <row r="119137" spans="1:7" x14ac:dyDescent="0.3">
      <c r="A119137" s="13" t="s">
        <v>561</v>
      </c>
      <c r="B119137" s="14" t="s">
        <v>1</v>
      </c>
      <c r="C119137" s="14" t="s">
        <v>558</v>
      </c>
      <c r="D119137" s="14" t="s">
        <v>406</v>
      </c>
      <c r="E119137" s="15">
        <v>45523</v>
      </c>
      <c r="F119137" s="14" t="s">
        <v>15</v>
      </c>
      <c r="G119137" s="16">
        <v>0.73328937378413661</v>
      </c>
    </row>
    <row r="119138" spans="1:7" x14ac:dyDescent="0.3">
      <c r="A119138" s="13" t="s">
        <v>561</v>
      </c>
      <c r="B119138" s="14" t="s">
        <v>1</v>
      </c>
      <c r="C119138" s="14" t="s">
        <v>558</v>
      </c>
      <c r="D119138" s="14" t="s">
        <v>406</v>
      </c>
      <c r="E119138" s="15">
        <v>45524</v>
      </c>
      <c r="F119138" s="14" t="s">
        <v>15</v>
      </c>
      <c r="G119138" s="16">
        <v>0.73329238809438801</v>
      </c>
    </row>
    <row r="119139" spans="1:7" x14ac:dyDescent="0.3">
      <c r="A119139" s="13" t="s">
        <v>561</v>
      </c>
      <c r="B119139" s="14" t="s">
        <v>1</v>
      </c>
      <c r="C119139" s="14" t="s">
        <v>558</v>
      </c>
      <c r="D119139" s="14" t="s">
        <v>406</v>
      </c>
      <c r="E119139" s="15">
        <v>45525</v>
      </c>
      <c r="F119139" s="14" t="s">
        <v>15</v>
      </c>
      <c r="G119139" s="16">
        <v>0.73129540240463942</v>
      </c>
    </row>
    <row r="119140" spans="1:7" x14ac:dyDescent="0.3">
      <c r="A119140" s="13" t="s">
        <v>561</v>
      </c>
      <c r="B119140" s="14" t="s">
        <v>1</v>
      </c>
      <c r="C119140" s="14" t="s">
        <v>558</v>
      </c>
      <c r="D119140" s="14" t="s">
        <v>406</v>
      </c>
      <c r="E119140" s="15">
        <v>45526</v>
      </c>
      <c r="F119140" s="14" t="s">
        <v>15</v>
      </c>
      <c r="G119140" s="16">
        <v>0.72929841671489082</v>
      </c>
    </row>
    <row r="119141" spans="1:7" x14ac:dyDescent="0.3">
      <c r="A119141" s="13" t="s">
        <v>561</v>
      </c>
      <c r="B119141" s="14" t="s">
        <v>1</v>
      </c>
      <c r="C119141" s="14" t="s">
        <v>558</v>
      </c>
      <c r="D119141" s="14" t="s">
        <v>406</v>
      </c>
      <c r="E119141" s="15">
        <v>45527</v>
      </c>
      <c r="F119141" s="14" t="s">
        <v>15</v>
      </c>
      <c r="G119141" s="16">
        <v>0.76330143102514225</v>
      </c>
    </row>
    <row r="119142" spans="1:7" x14ac:dyDescent="0.3">
      <c r="A119142" s="13" t="s">
        <v>561</v>
      </c>
      <c r="B119142" s="14" t="s">
        <v>1</v>
      </c>
      <c r="C119142" s="14" t="s">
        <v>558</v>
      </c>
      <c r="D119142" s="14" t="s">
        <v>406</v>
      </c>
      <c r="E119142" s="15">
        <v>45528</v>
      </c>
      <c r="F119142" s="14" t="s">
        <v>15</v>
      </c>
      <c r="G119142" s="16">
        <v>0.76330143102514225</v>
      </c>
    </row>
    <row r="119143" spans="1:7" x14ac:dyDescent="0.3">
      <c r="A119143" s="13" t="s">
        <v>561</v>
      </c>
      <c r="B119143" s="14" t="s">
        <v>1</v>
      </c>
      <c r="C119143" s="14" t="s">
        <v>558</v>
      </c>
      <c r="D119143" s="14" t="s">
        <v>406</v>
      </c>
      <c r="E119143" s="15">
        <v>45529</v>
      </c>
      <c r="F119143" s="14" t="s">
        <v>15</v>
      </c>
      <c r="G119143" s="16">
        <v>0.76330143102514225</v>
      </c>
    </row>
    <row r="119144" spans="1:7" x14ac:dyDescent="0.3">
      <c r="A119144" s="13" t="s">
        <v>561</v>
      </c>
      <c r="B119144" s="14" t="s">
        <v>1</v>
      </c>
      <c r="C119144" s="14" t="s">
        <v>558</v>
      </c>
      <c r="D119144" s="14" t="s">
        <v>406</v>
      </c>
      <c r="E119144" s="15">
        <v>45530</v>
      </c>
      <c r="F119144" s="14" t="s">
        <v>15</v>
      </c>
      <c r="G119144" s="16">
        <v>0.76230444533539377</v>
      </c>
    </row>
    <row r="119145" spans="1:7" x14ac:dyDescent="0.3">
      <c r="A119145" s="13" t="s">
        <v>561</v>
      </c>
      <c r="B119145" s="14" t="s">
        <v>1</v>
      </c>
      <c r="C119145" s="14" t="s">
        <v>558</v>
      </c>
      <c r="D119145" s="14" t="s">
        <v>406</v>
      </c>
      <c r="E119145" s="15">
        <v>45531</v>
      </c>
      <c r="F119145" s="14" t="s">
        <v>15</v>
      </c>
      <c r="G119145" s="16">
        <v>0.75730745964564528</v>
      </c>
    </row>
    <row r="119146" spans="1:7" x14ac:dyDescent="0.3">
      <c r="A119146" s="13" t="s">
        <v>561</v>
      </c>
      <c r="B119146" s="14" t="s">
        <v>1</v>
      </c>
      <c r="C119146" s="14" t="s">
        <v>558</v>
      </c>
      <c r="D119146" s="14" t="s">
        <v>406</v>
      </c>
      <c r="E119146" s="15">
        <v>45532</v>
      </c>
      <c r="F119146" s="14" t="s">
        <v>15</v>
      </c>
      <c r="G119146" s="16">
        <v>0.75531047395589668</v>
      </c>
    </row>
    <row r="119147" spans="1:7" x14ac:dyDescent="0.3">
      <c r="A119147" s="13" t="s">
        <v>561</v>
      </c>
      <c r="B119147" s="14" t="s">
        <v>1</v>
      </c>
      <c r="C119147" s="14" t="s">
        <v>558</v>
      </c>
      <c r="D119147" s="14" t="s">
        <v>406</v>
      </c>
      <c r="E119147" s="15">
        <v>45533</v>
      </c>
      <c r="F119147" s="14" t="s">
        <v>15</v>
      </c>
      <c r="G119147" s="16">
        <v>0.75331348826614808</v>
      </c>
    </row>
    <row r="119148" spans="1:7" x14ac:dyDescent="0.3">
      <c r="A119148" s="13" t="s">
        <v>561</v>
      </c>
      <c r="B119148" s="14" t="s">
        <v>1</v>
      </c>
      <c r="C119148" s="14" t="s">
        <v>558</v>
      </c>
      <c r="D119148" s="14" t="s">
        <v>406</v>
      </c>
      <c r="E119148" s="15">
        <v>45534</v>
      </c>
      <c r="F119148" s="14" t="s">
        <v>15</v>
      </c>
      <c r="G119148" s="16">
        <v>0.75131650257639948</v>
      </c>
    </row>
    <row r="119149" spans="1:7" x14ac:dyDescent="0.3">
      <c r="A119149" s="13" t="s">
        <v>561</v>
      </c>
      <c r="B119149" s="14" t="s">
        <v>1</v>
      </c>
      <c r="C119149" s="14" t="s">
        <v>558</v>
      </c>
      <c r="D119149" s="14" t="s">
        <v>406</v>
      </c>
      <c r="E119149" s="15">
        <v>45535</v>
      </c>
      <c r="F119149" s="14" t="s">
        <v>15</v>
      </c>
      <c r="G119149" s="16">
        <v>0.75131650257639948</v>
      </c>
    </row>
    <row r="119150" spans="1:7" x14ac:dyDescent="0.3">
      <c r="A119150" s="13" t="s">
        <v>561</v>
      </c>
      <c r="B119150" s="14" t="s">
        <v>1</v>
      </c>
      <c r="C119150" s="14" t="s">
        <v>558</v>
      </c>
      <c r="D119150" s="14" t="s">
        <v>406</v>
      </c>
      <c r="E119150" s="15">
        <v>45536</v>
      </c>
      <c r="F119150" s="14" t="s">
        <v>15</v>
      </c>
      <c r="G119150" s="16">
        <v>0.75131650257639948</v>
      </c>
    </row>
    <row r="119151" spans="1:7" x14ac:dyDescent="0.3">
      <c r="A119151" s="13" t="s">
        <v>561</v>
      </c>
      <c r="B119151" s="14" t="s">
        <v>1</v>
      </c>
      <c r="C119151" s="14" t="s">
        <v>558</v>
      </c>
      <c r="D119151" s="14" t="s">
        <v>406</v>
      </c>
      <c r="E119151" s="15">
        <v>45537</v>
      </c>
      <c r="F119151" s="14" t="s">
        <v>15</v>
      </c>
      <c r="G119151" s="16">
        <v>0.74931951688665088</v>
      </c>
    </row>
    <row r="119152" spans="1:7" x14ac:dyDescent="0.3">
      <c r="A119152" s="13" t="s">
        <v>561</v>
      </c>
      <c r="B119152" s="14" t="s">
        <v>1</v>
      </c>
      <c r="C119152" s="14" t="s">
        <v>558</v>
      </c>
      <c r="D119152" s="14" t="s">
        <v>406</v>
      </c>
      <c r="E119152" s="15">
        <v>45538</v>
      </c>
      <c r="F119152" s="14" t="s">
        <v>15</v>
      </c>
      <c r="G119152" s="16">
        <v>0.74632253119690228</v>
      </c>
    </row>
    <row r="119153" spans="1:7" x14ac:dyDescent="0.3">
      <c r="A119153" s="13" t="s">
        <v>561</v>
      </c>
      <c r="B119153" s="14" t="s">
        <v>1</v>
      </c>
      <c r="C119153" s="14" t="s">
        <v>558</v>
      </c>
      <c r="D119153" s="14" t="s">
        <v>406</v>
      </c>
      <c r="E119153" s="15">
        <v>45539</v>
      </c>
      <c r="F119153" s="14" t="s">
        <v>15</v>
      </c>
      <c r="G119153" s="16">
        <v>0.75032554550715369</v>
      </c>
    </row>
    <row r="119154" spans="1:7" x14ac:dyDescent="0.3">
      <c r="A119154" s="13" t="s">
        <v>561</v>
      </c>
      <c r="B119154" s="14" t="s">
        <v>1</v>
      </c>
      <c r="C119154" s="14" t="s">
        <v>558</v>
      </c>
      <c r="D119154" s="14" t="s">
        <v>406</v>
      </c>
      <c r="E119154" s="15">
        <v>45540</v>
      </c>
      <c r="F119154" s="14" t="s">
        <v>15</v>
      </c>
      <c r="G119154" s="16">
        <v>0.74832855981740509</v>
      </c>
    </row>
    <row r="119155" spans="1:7" x14ac:dyDescent="0.3">
      <c r="A119155" s="13" t="s">
        <v>561</v>
      </c>
      <c r="B119155" s="14" t="s">
        <v>1</v>
      </c>
      <c r="C119155" s="14" t="s">
        <v>558</v>
      </c>
      <c r="D119155" s="14" t="s">
        <v>406</v>
      </c>
      <c r="E119155" s="15">
        <v>45541</v>
      </c>
      <c r="F119155" s="14" t="s">
        <v>15</v>
      </c>
      <c r="G119155" s="16">
        <v>0.76433157412765662</v>
      </c>
    </row>
    <row r="119156" spans="1:7" x14ac:dyDescent="0.3">
      <c r="A119156" s="13" t="s">
        <v>561</v>
      </c>
      <c r="B119156" s="14" t="s">
        <v>1</v>
      </c>
      <c r="C119156" s="14" t="s">
        <v>558</v>
      </c>
      <c r="D119156" s="14" t="s">
        <v>406</v>
      </c>
      <c r="E119156" s="15">
        <v>45542</v>
      </c>
      <c r="F119156" s="14" t="s">
        <v>15</v>
      </c>
      <c r="G119156" s="16">
        <v>0.76433157412765662</v>
      </c>
    </row>
    <row r="119157" spans="1:7" x14ac:dyDescent="0.3">
      <c r="A119157" s="13" t="s">
        <v>561</v>
      </c>
      <c r="B119157" s="14" t="s">
        <v>1</v>
      </c>
      <c r="C119157" s="14" t="s">
        <v>558</v>
      </c>
      <c r="D119157" s="14" t="s">
        <v>406</v>
      </c>
      <c r="E119157" s="15">
        <v>45543</v>
      </c>
      <c r="F119157" s="14" t="s">
        <v>15</v>
      </c>
      <c r="G119157" s="16">
        <v>0.76433157412765662</v>
      </c>
    </row>
    <row r="119158" spans="1:7" x14ac:dyDescent="0.3">
      <c r="A119158" s="13" t="s">
        <v>561</v>
      </c>
      <c r="B119158" s="14" t="s">
        <v>1</v>
      </c>
      <c r="C119158" s="14" t="s">
        <v>558</v>
      </c>
      <c r="D119158" s="14" t="s">
        <v>406</v>
      </c>
      <c r="E119158" s="15">
        <v>45544</v>
      </c>
      <c r="F119158" s="14" t="s">
        <v>15</v>
      </c>
      <c r="G119158" s="16">
        <v>0.76233458843790802</v>
      </c>
    </row>
    <row r="119159" spans="1:7" x14ac:dyDescent="0.3">
      <c r="A119159" s="13" t="s">
        <v>561</v>
      </c>
      <c r="B119159" s="14" t="s">
        <v>1</v>
      </c>
      <c r="C119159" s="14" t="s">
        <v>558</v>
      </c>
      <c r="D119159" s="14" t="s">
        <v>406</v>
      </c>
      <c r="E119159" s="15">
        <v>45545</v>
      </c>
      <c r="F119159" s="14" t="s">
        <v>15</v>
      </c>
      <c r="G119159" s="16">
        <v>0.76833760274815943</v>
      </c>
    </row>
    <row r="119160" spans="1:7" x14ac:dyDescent="0.3">
      <c r="A119160" s="13" t="s">
        <v>561</v>
      </c>
      <c r="B119160" s="14" t="s">
        <v>1</v>
      </c>
      <c r="C119160" s="14" t="s">
        <v>558</v>
      </c>
      <c r="D119160" s="14" t="s">
        <v>406</v>
      </c>
      <c r="E119160" s="15">
        <v>45546</v>
      </c>
      <c r="F119160" s="14" t="s">
        <v>15</v>
      </c>
      <c r="G119160" s="16">
        <v>0.76634061705841083</v>
      </c>
    </row>
    <row r="119161" spans="1:7" x14ac:dyDescent="0.3">
      <c r="A119161" s="13" t="s">
        <v>561</v>
      </c>
      <c r="B119161" s="14" t="s">
        <v>1</v>
      </c>
      <c r="C119161" s="14" t="s">
        <v>558</v>
      </c>
      <c r="D119161" s="14" t="s">
        <v>406</v>
      </c>
      <c r="E119161" s="15">
        <v>45547</v>
      </c>
      <c r="F119161" s="14" t="s">
        <v>15</v>
      </c>
      <c r="G119161" s="16">
        <v>0.76434363136866224</v>
      </c>
    </row>
    <row r="119162" spans="1:7" x14ac:dyDescent="0.3">
      <c r="A119162" s="13" t="s">
        <v>561</v>
      </c>
      <c r="B119162" s="14" t="s">
        <v>1</v>
      </c>
      <c r="C119162" s="14" t="s">
        <v>558</v>
      </c>
      <c r="D119162" s="14" t="s">
        <v>406</v>
      </c>
      <c r="E119162" s="15">
        <v>45548</v>
      </c>
      <c r="F119162" s="14" t="s">
        <v>15</v>
      </c>
      <c r="G119162" s="16">
        <v>0.79534664567891356</v>
      </c>
    </row>
    <row r="119163" spans="1:7" x14ac:dyDescent="0.3">
      <c r="A119163" s="13" t="s">
        <v>561</v>
      </c>
      <c r="B119163" s="14" t="s">
        <v>1</v>
      </c>
      <c r="C119163" s="14" t="s">
        <v>558</v>
      </c>
      <c r="D119163" s="14" t="s">
        <v>406</v>
      </c>
      <c r="E119163" s="15">
        <v>45549</v>
      </c>
      <c r="F119163" s="14" t="s">
        <v>15</v>
      </c>
      <c r="G119163" s="16">
        <v>0.79534664567891356</v>
      </c>
    </row>
    <row r="119164" spans="1:7" x14ac:dyDescent="0.3">
      <c r="A119164" s="13" t="s">
        <v>561</v>
      </c>
      <c r="B119164" s="14" t="s">
        <v>1</v>
      </c>
      <c r="C119164" s="14" t="s">
        <v>558</v>
      </c>
      <c r="D119164" s="14" t="s">
        <v>406</v>
      </c>
      <c r="E119164" s="15">
        <v>45550</v>
      </c>
      <c r="F119164" s="14" t="s">
        <v>15</v>
      </c>
      <c r="G119164" s="16">
        <v>0.79534664567891356</v>
      </c>
    </row>
    <row r="119165" spans="1:7" x14ac:dyDescent="0.3">
      <c r="A119165" s="13" t="s">
        <v>561</v>
      </c>
      <c r="B119165" s="14" t="s">
        <v>1</v>
      </c>
      <c r="C119165" s="14" t="s">
        <v>558</v>
      </c>
      <c r="D119165" s="14" t="s">
        <v>406</v>
      </c>
      <c r="E119165" s="15">
        <v>45551</v>
      </c>
      <c r="F119165" s="14" t="s">
        <v>15</v>
      </c>
      <c r="G119165" s="16">
        <v>0.79434965998916507</v>
      </c>
    </row>
    <row r="119166" spans="1:7" x14ac:dyDescent="0.3">
      <c r="A119166" s="13" t="s">
        <v>561</v>
      </c>
      <c r="B119166" s="14" t="s">
        <v>1</v>
      </c>
      <c r="C119166" s="14" t="s">
        <v>558</v>
      </c>
      <c r="D119166" s="14" t="s">
        <v>406</v>
      </c>
      <c r="E119166" s="15">
        <v>45552</v>
      </c>
      <c r="F119166" s="14" t="s">
        <v>15</v>
      </c>
      <c r="G119166" s="16">
        <v>0.79035267429941647</v>
      </c>
    </row>
    <row r="119167" spans="1:7" x14ac:dyDescent="0.3">
      <c r="A119167" s="13" t="s">
        <v>561</v>
      </c>
      <c r="B119167" s="14" t="s">
        <v>1</v>
      </c>
      <c r="C119167" s="14" t="s">
        <v>558</v>
      </c>
      <c r="D119167" s="14" t="s">
        <v>406</v>
      </c>
      <c r="E119167" s="15">
        <v>45553</v>
      </c>
      <c r="F119167" s="14" t="s">
        <v>15</v>
      </c>
      <c r="G119167" s="16">
        <v>0.78835568860966787</v>
      </c>
    </row>
    <row r="119168" spans="1:7" x14ac:dyDescent="0.3">
      <c r="A119168" s="13" t="s">
        <v>561</v>
      </c>
      <c r="B119168" s="14" t="s">
        <v>1</v>
      </c>
      <c r="C119168" s="14" t="s">
        <v>558</v>
      </c>
      <c r="D119168" s="14" t="s">
        <v>406</v>
      </c>
      <c r="E119168" s="15">
        <v>45554</v>
      </c>
      <c r="F119168" s="14" t="s">
        <v>15</v>
      </c>
      <c r="G119168" s="16">
        <v>0.78635870291991927</v>
      </c>
    </row>
    <row r="119169" spans="1:7" x14ac:dyDescent="0.3">
      <c r="A119169" s="13" t="s">
        <v>561</v>
      </c>
      <c r="B119169" s="14" t="s">
        <v>1</v>
      </c>
      <c r="C119169" s="14" t="s">
        <v>558</v>
      </c>
      <c r="D119169" s="14" t="s">
        <v>406</v>
      </c>
      <c r="E119169" s="15">
        <v>45555</v>
      </c>
      <c r="F119169" s="14" t="s">
        <v>15</v>
      </c>
      <c r="G119169" s="16">
        <v>0.78436171723017067</v>
      </c>
    </row>
    <row r="119170" spans="1:7" x14ac:dyDescent="0.3">
      <c r="A119170" s="13" t="s">
        <v>561</v>
      </c>
      <c r="B119170" s="14" t="s">
        <v>1</v>
      </c>
      <c r="C119170" s="14" t="s">
        <v>558</v>
      </c>
      <c r="D119170" s="14" t="s">
        <v>406</v>
      </c>
      <c r="E119170" s="15">
        <v>45556</v>
      </c>
      <c r="F119170" s="14" t="s">
        <v>15</v>
      </c>
      <c r="G119170" s="16">
        <v>0.78436171723017067</v>
      </c>
    </row>
    <row r="119171" spans="1:7" x14ac:dyDescent="0.3">
      <c r="A119171" s="13" t="s">
        <v>561</v>
      </c>
      <c r="B119171" s="14" t="s">
        <v>1</v>
      </c>
      <c r="C119171" s="14" t="s">
        <v>558</v>
      </c>
      <c r="D119171" s="14" t="s">
        <v>406</v>
      </c>
      <c r="E119171" s="15">
        <v>45557</v>
      </c>
      <c r="F119171" s="14" t="s">
        <v>15</v>
      </c>
      <c r="G119171" s="16">
        <v>0.78436171723017067</v>
      </c>
    </row>
    <row r="119172" spans="1:7" x14ac:dyDescent="0.3">
      <c r="A119172" s="13" t="s">
        <v>561</v>
      </c>
      <c r="B119172" s="14" t="s">
        <v>1</v>
      </c>
      <c r="C119172" s="14" t="s">
        <v>558</v>
      </c>
      <c r="D119172" s="14" t="s">
        <v>406</v>
      </c>
      <c r="E119172" s="15">
        <v>45558</v>
      </c>
      <c r="F119172" s="14" t="s">
        <v>15</v>
      </c>
      <c r="G119172" s="16">
        <v>0.78236473154042208</v>
      </c>
    </row>
    <row r="119173" spans="1:7" x14ac:dyDescent="0.3">
      <c r="A119173" s="13" t="s">
        <v>561</v>
      </c>
      <c r="B119173" s="14" t="s">
        <v>1</v>
      </c>
      <c r="C119173" s="14" t="s">
        <v>558</v>
      </c>
      <c r="D119173" s="14" t="s">
        <v>406</v>
      </c>
      <c r="E119173" s="15">
        <v>45559</v>
      </c>
      <c r="F119173" s="14" t="s">
        <v>15</v>
      </c>
      <c r="G119173" s="16">
        <v>0.78736774585067359</v>
      </c>
    </row>
    <row r="119174" spans="1:7" x14ac:dyDescent="0.3">
      <c r="A119174" s="13" t="s">
        <v>561</v>
      </c>
      <c r="B119174" s="14" t="s">
        <v>1</v>
      </c>
      <c r="C119174" s="14" t="s">
        <v>558</v>
      </c>
      <c r="D119174" s="14" t="s">
        <v>406</v>
      </c>
      <c r="E119174" s="15">
        <v>45560</v>
      </c>
      <c r="F119174" s="14" t="s">
        <v>15</v>
      </c>
      <c r="G119174" s="16">
        <v>0.785370760160925</v>
      </c>
    </row>
    <row r="119175" spans="1:7" x14ac:dyDescent="0.3">
      <c r="A119175" s="13" t="s">
        <v>561</v>
      </c>
      <c r="B119175" s="14" t="s">
        <v>1</v>
      </c>
      <c r="C119175" s="14" t="s">
        <v>558</v>
      </c>
      <c r="D119175" s="14" t="s">
        <v>406</v>
      </c>
      <c r="E119175" s="15">
        <v>45561</v>
      </c>
      <c r="F119175" s="14" t="s">
        <v>15</v>
      </c>
      <c r="G119175" s="16">
        <v>0.8003737744711763</v>
      </c>
    </row>
    <row r="119176" spans="1:7" x14ac:dyDescent="0.3">
      <c r="A119176" s="13" t="s">
        <v>561</v>
      </c>
      <c r="B119176" s="14" t="s">
        <v>1</v>
      </c>
      <c r="C119176" s="14" t="s">
        <v>558</v>
      </c>
      <c r="D119176" s="14" t="s">
        <v>406</v>
      </c>
      <c r="E119176" s="15">
        <v>45562</v>
      </c>
      <c r="F119176" s="14" t="s">
        <v>15</v>
      </c>
      <c r="G119176" s="16">
        <v>0.7983767887814277</v>
      </c>
    </row>
    <row r="119177" spans="1:7" x14ac:dyDescent="0.3">
      <c r="A119177" s="13" t="s">
        <v>561</v>
      </c>
      <c r="B119177" s="14" t="s">
        <v>1</v>
      </c>
      <c r="C119177" s="14" t="s">
        <v>558</v>
      </c>
      <c r="D119177" s="14" t="s">
        <v>406</v>
      </c>
      <c r="E119177" s="15">
        <v>45563</v>
      </c>
      <c r="F119177" s="14" t="s">
        <v>15</v>
      </c>
      <c r="G119177" s="16">
        <v>0.7983767887814277</v>
      </c>
    </row>
    <row r="119178" spans="1:7" x14ac:dyDescent="0.3">
      <c r="A119178" s="13" t="s">
        <v>561</v>
      </c>
      <c r="B119178" s="14" t="s">
        <v>1</v>
      </c>
      <c r="C119178" s="14" t="s">
        <v>558</v>
      </c>
      <c r="D119178" s="14" t="s">
        <v>406</v>
      </c>
      <c r="E119178" s="15">
        <v>45564</v>
      </c>
      <c r="F119178" s="14" t="s">
        <v>15</v>
      </c>
      <c r="G119178" s="16">
        <v>0.7983767887814277</v>
      </c>
    </row>
    <row r="119179" spans="1:7" x14ac:dyDescent="0.3">
      <c r="A119179" s="13" t="s">
        <v>561</v>
      </c>
      <c r="B119179" s="14" t="s">
        <v>1</v>
      </c>
      <c r="C119179" s="14" t="s">
        <v>558</v>
      </c>
      <c r="D119179" s="14" t="s">
        <v>406</v>
      </c>
      <c r="E119179" s="15">
        <v>45565</v>
      </c>
      <c r="F119179" s="14" t="s">
        <v>15</v>
      </c>
      <c r="G119179" s="16">
        <v>0.82437980309167924</v>
      </c>
    </row>
    <row r="119180" spans="1:7" x14ac:dyDescent="0.3">
      <c r="A119180" s="13" t="s">
        <v>561</v>
      </c>
      <c r="B119180" s="14" t="s">
        <v>1</v>
      </c>
      <c r="C119180" s="14" t="s">
        <v>558</v>
      </c>
      <c r="D119180" s="14" t="s">
        <v>406</v>
      </c>
      <c r="E119180" s="15">
        <v>45566</v>
      </c>
      <c r="F119180" s="14" t="s">
        <v>15</v>
      </c>
      <c r="G119180" s="16">
        <v>0.81938281740193075</v>
      </c>
    </row>
    <row r="119181" spans="1:7" x14ac:dyDescent="0.3">
      <c r="A119181" s="13" t="s">
        <v>561</v>
      </c>
      <c r="B119181" s="14" t="s">
        <v>1</v>
      </c>
      <c r="C119181" s="14" t="s">
        <v>558</v>
      </c>
      <c r="D119181" s="14" t="s">
        <v>406</v>
      </c>
      <c r="E119181" s="15">
        <v>45567</v>
      </c>
      <c r="F119181" s="14" t="s">
        <v>15</v>
      </c>
      <c r="G119181" s="16">
        <v>0.81938583171218204</v>
      </c>
    </row>
    <row r="119182" spans="1:7" x14ac:dyDescent="0.3">
      <c r="A119182" s="13" t="s">
        <v>561</v>
      </c>
      <c r="B119182" s="14" t="s">
        <v>1</v>
      </c>
      <c r="C119182" s="14" t="s">
        <v>558</v>
      </c>
      <c r="D119182" s="14" t="s">
        <v>406</v>
      </c>
      <c r="E119182" s="15">
        <v>45568</v>
      </c>
      <c r="F119182" s="14" t="s">
        <v>15</v>
      </c>
      <c r="G119182" s="16">
        <v>0.82138884602243356</v>
      </c>
    </row>
    <row r="119183" spans="1:7" x14ac:dyDescent="0.3">
      <c r="A119183" s="13" t="s">
        <v>561</v>
      </c>
      <c r="B119183" s="14" t="s">
        <v>1</v>
      </c>
      <c r="C119183" s="14" t="s">
        <v>558</v>
      </c>
      <c r="D119183" s="14" t="s">
        <v>406</v>
      </c>
      <c r="E119183" s="15">
        <v>45569</v>
      </c>
      <c r="F119183" s="14" t="s">
        <v>15</v>
      </c>
      <c r="G119183" s="16">
        <v>0.81939186033268496</v>
      </c>
    </row>
    <row r="119184" spans="1:7" x14ac:dyDescent="0.3">
      <c r="A119184" s="13" t="s">
        <v>561</v>
      </c>
      <c r="B119184" s="14" t="s">
        <v>1</v>
      </c>
      <c r="C119184" s="14" t="s">
        <v>558</v>
      </c>
      <c r="D119184" s="14" t="s">
        <v>406</v>
      </c>
      <c r="E119184" s="15">
        <v>45570</v>
      </c>
      <c r="F119184" s="14" t="s">
        <v>15</v>
      </c>
      <c r="G119184" s="16">
        <v>0.81939186033268496</v>
      </c>
    </row>
    <row r="119185" spans="1:7" x14ac:dyDescent="0.3">
      <c r="A119185" s="13" t="s">
        <v>561</v>
      </c>
      <c r="B119185" s="14" t="s">
        <v>1</v>
      </c>
      <c r="C119185" s="14" t="s">
        <v>558</v>
      </c>
      <c r="D119185" s="14" t="s">
        <v>406</v>
      </c>
      <c r="E119185" s="15">
        <v>45571</v>
      </c>
      <c r="F119185" s="14" t="s">
        <v>15</v>
      </c>
      <c r="G119185" s="16">
        <v>0.81939186033268496</v>
      </c>
    </row>
    <row r="119186" spans="1:7" x14ac:dyDescent="0.3">
      <c r="A119186" s="13" t="s">
        <v>561</v>
      </c>
      <c r="B119186" s="14" t="s">
        <v>1</v>
      </c>
      <c r="C119186" s="14" t="s">
        <v>558</v>
      </c>
      <c r="D119186" s="14" t="s">
        <v>406</v>
      </c>
      <c r="E119186" s="15">
        <v>45572</v>
      </c>
      <c r="F119186" s="14" t="s">
        <v>15</v>
      </c>
      <c r="G119186" s="16">
        <v>0.81039487464293636</v>
      </c>
    </row>
    <row r="119187" spans="1:7" x14ac:dyDescent="0.3">
      <c r="A119187" s="13" t="s">
        <v>561</v>
      </c>
      <c r="B119187" s="14" t="s">
        <v>1</v>
      </c>
      <c r="C119187" s="14" t="s">
        <v>558</v>
      </c>
      <c r="D119187" s="14" t="s">
        <v>406</v>
      </c>
      <c r="E119187" s="15">
        <v>45573</v>
      </c>
      <c r="F119187" s="14" t="s">
        <v>15</v>
      </c>
      <c r="G119187" s="16">
        <v>0.81039788895318776</v>
      </c>
    </row>
    <row r="119188" spans="1:7" x14ac:dyDescent="0.3">
      <c r="A119188" s="13" t="s">
        <v>561</v>
      </c>
      <c r="B119188" s="14" t="s">
        <v>1</v>
      </c>
      <c r="C119188" s="14" t="s">
        <v>558</v>
      </c>
      <c r="D119188" s="14" t="s">
        <v>406</v>
      </c>
      <c r="E119188" s="15">
        <v>45574</v>
      </c>
      <c r="F119188" s="14" t="s">
        <v>15</v>
      </c>
      <c r="G119188" s="16">
        <v>0.82040090326343917</v>
      </c>
    </row>
    <row r="119189" spans="1:7" x14ac:dyDescent="0.3">
      <c r="A119189" s="13" t="s">
        <v>561</v>
      </c>
      <c r="B119189" s="14" t="s">
        <v>1</v>
      </c>
      <c r="C119189" s="14" t="s">
        <v>558</v>
      </c>
      <c r="D119189" s="14" t="s">
        <v>406</v>
      </c>
      <c r="E119189" s="15">
        <v>45575</v>
      </c>
      <c r="F119189" s="14" t="s">
        <v>15</v>
      </c>
      <c r="G119189" s="16">
        <v>0.82740391757369058</v>
      </c>
    </row>
    <row r="119190" spans="1:7" x14ac:dyDescent="0.3">
      <c r="A119190" s="13" t="s">
        <v>561</v>
      </c>
      <c r="B119190" s="14" t="s">
        <v>1</v>
      </c>
      <c r="C119190" s="14" t="s">
        <v>558</v>
      </c>
      <c r="D119190" s="14" t="s">
        <v>406</v>
      </c>
      <c r="E119190" s="15">
        <v>45576</v>
      </c>
      <c r="F119190" s="14" t="s">
        <v>15</v>
      </c>
      <c r="G119190" s="16">
        <v>0.82540693188394199</v>
      </c>
    </row>
    <row r="119191" spans="1:7" x14ac:dyDescent="0.3">
      <c r="A119191" s="13" t="s">
        <v>561</v>
      </c>
      <c r="B119191" s="14" t="s">
        <v>1</v>
      </c>
      <c r="C119191" s="14" t="s">
        <v>558</v>
      </c>
      <c r="D119191" s="14" t="s">
        <v>406</v>
      </c>
      <c r="E119191" s="15">
        <v>45577</v>
      </c>
      <c r="F119191" s="14" t="s">
        <v>15</v>
      </c>
      <c r="G119191" s="16">
        <v>0.82540693188394199</v>
      </c>
    </row>
    <row r="119192" spans="1:7" x14ac:dyDescent="0.3">
      <c r="A119192" s="13" t="s">
        <v>561</v>
      </c>
      <c r="B119192" s="14" t="s">
        <v>1</v>
      </c>
      <c r="C119192" s="14" t="s">
        <v>558</v>
      </c>
      <c r="D119192" s="14" t="s">
        <v>406</v>
      </c>
      <c r="E119192" s="15">
        <v>45578</v>
      </c>
      <c r="F119192" s="14" t="s">
        <v>15</v>
      </c>
      <c r="G119192" s="16">
        <v>0.82540693188394199</v>
      </c>
    </row>
    <row r="119193" spans="1:7" x14ac:dyDescent="0.3">
      <c r="A119193" s="13" t="s">
        <v>561</v>
      </c>
      <c r="B119193" s="14" t="s">
        <v>1</v>
      </c>
      <c r="C119193" s="14" t="s">
        <v>558</v>
      </c>
      <c r="D119193" s="14" t="s">
        <v>406</v>
      </c>
      <c r="E119193" s="15">
        <v>45579</v>
      </c>
      <c r="F119193" s="14" t="s">
        <v>15</v>
      </c>
      <c r="G119193" s="16">
        <v>0.8274099461941935</v>
      </c>
    </row>
    <row r="119194" spans="1:7" x14ac:dyDescent="0.3">
      <c r="A119194" s="13" t="s">
        <v>561</v>
      </c>
      <c r="B119194" s="14" t="s">
        <v>1</v>
      </c>
      <c r="C119194" s="14" t="s">
        <v>558</v>
      </c>
      <c r="D119194" s="14" t="s">
        <v>406</v>
      </c>
      <c r="E119194" s="15">
        <v>45580</v>
      </c>
      <c r="F119194" s="14" t="s">
        <v>15</v>
      </c>
      <c r="G119194" s="16">
        <v>0.82241296050444501</v>
      </c>
    </row>
    <row r="119195" spans="1:7" x14ac:dyDescent="0.3">
      <c r="A119195" s="13" t="s">
        <v>561</v>
      </c>
      <c r="B119195" s="14" t="s">
        <v>1</v>
      </c>
      <c r="C119195" s="14" t="s">
        <v>558</v>
      </c>
      <c r="D119195" s="14" t="s">
        <v>406</v>
      </c>
      <c r="E119195" s="15">
        <v>45581</v>
      </c>
      <c r="F119195" s="14" t="s">
        <v>15</v>
      </c>
      <c r="G119195" s="16">
        <v>0.81941597481469641</v>
      </c>
    </row>
    <row r="119196" spans="1:7" x14ac:dyDescent="0.3">
      <c r="A119196" s="13" t="s">
        <v>561</v>
      </c>
      <c r="B119196" s="14" t="s">
        <v>1</v>
      </c>
      <c r="C119196" s="14" t="s">
        <v>558</v>
      </c>
      <c r="D119196" s="14" t="s">
        <v>406</v>
      </c>
      <c r="E119196" s="15">
        <v>45582</v>
      </c>
      <c r="F119196" s="14" t="s">
        <v>15</v>
      </c>
      <c r="G119196" s="16">
        <v>0.81741898912494781</v>
      </c>
    </row>
    <row r="119197" spans="1:7" x14ac:dyDescent="0.3">
      <c r="A119197" s="13" t="s">
        <v>561</v>
      </c>
      <c r="B119197" s="14" t="s">
        <v>1</v>
      </c>
      <c r="C119197" s="14" t="s">
        <v>558</v>
      </c>
      <c r="D119197" s="14" t="s">
        <v>406</v>
      </c>
      <c r="E119197" s="15">
        <v>45583</v>
      </c>
      <c r="F119197" s="14" t="s">
        <v>15</v>
      </c>
      <c r="G119197" s="16">
        <v>0.81642200343519922</v>
      </c>
    </row>
    <row r="119198" spans="1:7" x14ac:dyDescent="0.3">
      <c r="A119198" s="13" t="s">
        <v>561</v>
      </c>
      <c r="B119198" s="14" t="s">
        <v>1</v>
      </c>
      <c r="C119198" s="14" t="s">
        <v>558</v>
      </c>
      <c r="D119198" s="14" t="s">
        <v>406</v>
      </c>
      <c r="E119198" s="15">
        <v>45584</v>
      </c>
      <c r="F119198" s="14" t="s">
        <v>15</v>
      </c>
      <c r="G119198" s="16">
        <v>0.81642200343519922</v>
      </c>
    </row>
    <row r="119199" spans="1:7" x14ac:dyDescent="0.3">
      <c r="A119199" s="13" t="s">
        <v>561</v>
      </c>
      <c r="B119199" s="14" t="s">
        <v>1</v>
      </c>
      <c r="C119199" s="14" t="s">
        <v>558</v>
      </c>
      <c r="D119199" s="14" t="s">
        <v>406</v>
      </c>
      <c r="E119199" s="15">
        <v>45585</v>
      </c>
      <c r="F119199" s="14" t="s">
        <v>15</v>
      </c>
      <c r="G119199" s="16">
        <v>0.81642200343519922</v>
      </c>
    </row>
    <row r="119200" spans="1:7" x14ac:dyDescent="0.3">
      <c r="A119200" s="13" t="s">
        <v>561</v>
      </c>
      <c r="B119200" s="14" t="s">
        <v>1</v>
      </c>
      <c r="C119200" s="14" t="s">
        <v>558</v>
      </c>
      <c r="D119200" s="14" t="s">
        <v>406</v>
      </c>
      <c r="E119200" s="15">
        <v>45586</v>
      </c>
      <c r="F119200" s="14" t="s">
        <v>15</v>
      </c>
      <c r="G119200" s="16">
        <v>0.81642501774545051</v>
      </c>
    </row>
    <row r="119201" spans="1:7" x14ac:dyDescent="0.3">
      <c r="A119201" s="13" t="s">
        <v>561</v>
      </c>
      <c r="B119201" s="14" t="s">
        <v>1</v>
      </c>
      <c r="C119201" s="14" t="s">
        <v>558</v>
      </c>
      <c r="D119201" s="14" t="s">
        <v>406</v>
      </c>
      <c r="E119201" s="15">
        <v>45587</v>
      </c>
      <c r="F119201" s="14" t="s">
        <v>15</v>
      </c>
      <c r="G119201" s="16">
        <v>0.81042803205570202</v>
      </c>
    </row>
    <row r="119202" spans="1:7" x14ac:dyDescent="0.3">
      <c r="A119202" s="13" t="s">
        <v>561</v>
      </c>
      <c r="B119202" s="14" t="s">
        <v>1</v>
      </c>
      <c r="C119202" s="14" t="s">
        <v>558</v>
      </c>
      <c r="D119202" s="14" t="s">
        <v>406</v>
      </c>
      <c r="E119202" s="15">
        <v>45588</v>
      </c>
      <c r="F119202" s="14" t="s">
        <v>15</v>
      </c>
      <c r="G119202" s="16">
        <v>0.80843104636595342</v>
      </c>
    </row>
    <row r="119203" spans="1:7" x14ac:dyDescent="0.3">
      <c r="A119203" s="13" t="s">
        <v>561</v>
      </c>
      <c r="B119203" s="14" t="s">
        <v>1</v>
      </c>
      <c r="C119203" s="14" t="s">
        <v>558</v>
      </c>
      <c r="D119203" s="14" t="s">
        <v>406</v>
      </c>
      <c r="E119203" s="15">
        <v>45589</v>
      </c>
      <c r="F119203" s="14" t="s">
        <v>15</v>
      </c>
      <c r="G119203" s="16">
        <v>0.80743406067620482</v>
      </c>
    </row>
    <row r="119204" spans="1:7" x14ac:dyDescent="0.3">
      <c r="A119204" s="13" t="s">
        <v>561</v>
      </c>
      <c r="B119204" s="14" t="s">
        <v>1</v>
      </c>
      <c r="C119204" s="14" t="s">
        <v>558</v>
      </c>
      <c r="D119204" s="14" t="s">
        <v>406</v>
      </c>
      <c r="E119204" s="15">
        <v>45590</v>
      </c>
      <c r="F119204" s="14" t="s">
        <v>15</v>
      </c>
      <c r="G119204" s="16">
        <v>0.80543707498645623</v>
      </c>
    </row>
    <row r="119205" spans="1:7" x14ac:dyDescent="0.3">
      <c r="A119205" s="13" t="s">
        <v>561</v>
      </c>
      <c r="B119205" s="14" t="s">
        <v>1</v>
      </c>
      <c r="C119205" s="14" t="s">
        <v>558</v>
      </c>
      <c r="D119205" s="14" t="s">
        <v>406</v>
      </c>
      <c r="E119205" s="15">
        <v>45591</v>
      </c>
      <c r="F119205" s="14" t="s">
        <v>15</v>
      </c>
      <c r="G119205" s="16">
        <v>0.80543707498645623</v>
      </c>
    </row>
    <row r="119206" spans="1:7" x14ac:dyDescent="0.3">
      <c r="A119206" s="13" t="s">
        <v>561</v>
      </c>
      <c r="B119206" s="14" t="s">
        <v>1</v>
      </c>
      <c r="C119206" s="14" t="s">
        <v>558</v>
      </c>
      <c r="D119206" s="14" t="s">
        <v>406</v>
      </c>
      <c r="E119206" s="15">
        <v>45592</v>
      </c>
      <c r="F119206" s="14" t="s">
        <v>15</v>
      </c>
      <c r="G119206" s="16">
        <v>0.80543707498645623</v>
      </c>
    </row>
    <row r="119207" spans="1:7" x14ac:dyDescent="0.3">
      <c r="A119207" s="13" t="s">
        <v>561</v>
      </c>
      <c r="B119207" s="14" t="s">
        <v>1</v>
      </c>
      <c r="C119207" s="14" t="s">
        <v>558</v>
      </c>
      <c r="D119207" s="14" t="s">
        <v>406</v>
      </c>
      <c r="E119207" s="15">
        <v>45593</v>
      </c>
      <c r="F119207" s="14" t="s">
        <v>15</v>
      </c>
      <c r="G119207" s="16">
        <v>0.80543707498645623</v>
      </c>
    </row>
    <row r="119208" spans="1:7" x14ac:dyDescent="0.3">
      <c r="A119208" s="13" t="s">
        <v>561</v>
      </c>
      <c r="B119208" s="14" t="s">
        <v>1</v>
      </c>
      <c r="C119208" s="14" t="s">
        <v>558</v>
      </c>
      <c r="D119208" s="14" t="s">
        <v>406</v>
      </c>
      <c r="E119208" s="15">
        <v>45594</v>
      </c>
      <c r="F119208" s="14" t="s">
        <v>15</v>
      </c>
      <c r="G119208" s="16">
        <v>0.80344008929670763</v>
      </c>
    </row>
    <row r="119209" spans="1:7" x14ac:dyDescent="0.3">
      <c r="A119209" s="13" t="s">
        <v>561</v>
      </c>
      <c r="B119209" s="14" t="s">
        <v>1</v>
      </c>
      <c r="C119209" s="14" t="s">
        <v>558</v>
      </c>
      <c r="D119209" s="14" t="s">
        <v>406</v>
      </c>
      <c r="E119209" s="15">
        <v>45595</v>
      </c>
      <c r="F119209" s="14" t="s">
        <v>15</v>
      </c>
      <c r="G119209" s="16">
        <v>0.81044310360695904</v>
      </c>
    </row>
    <row r="119210" spans="1:7" x14ac:dyDescent="0.3">
      <c r="A119210" s="13" t="s">
        <v>561</v>
      </c>
      <c r="B119210" s="14" t="s">
        <v>1</v>
      </c>
      <c r="C119210" s="14" t="s">
        <v>558</v>
      </c>
      <c r="D119210" s="14" t="s">
        <v>406</v>
      </c>
      <c r="E119210" s="15">
        <v>45596</v>
      </c>
      <c r="F119210" s="14" t="s">
        <v>15</v>
      </c>
      <c r="G119210" s="16">
        <v>0.80844611791721044</v>
      </c>
    </row>
    <row r="119211" spans="1:7" x14ac:dyDescent="0.3">
      <c r="A119211" s="13" t="s">
        <v>561</v>
      </c>
      <c r="B119211" s="14" t="s">
        <v>1</v>
      </c>
      <c r="C119211" s="14" t="s">
        <v>558</v>
      </c>
      <c r="D119211" s="14" t="s">
        <v>406</v>
      </c>
      <c r="E119211" s="15">
        <v>45597</v>
      </c>
      <c r="F119211" s="14" t="s">
        <v>15</v>
      </c>
      <c r="G119211" s="16">
        <v>0.80644913222746184</v>
      </c>
    </row>
    <row r="119212" spans="1:7" x14ac:dyDescent="0.3">
      <c r="A119212" s="13" t="s">
        <v>561</v>
      </c>
      <c r="B119212" s="14" t="s">
        <v>1</v>
      </c>
      <c r="C119212" s="14" t="s">
        <v>558</v>
      </c>
      <c r="D119212" s="14" t="s">
        <v>406</v>
      </c>
      <c r="E119212" s="15">
        <v>45598</v>
      </c>
      <c r="F119212" s="14" t="s">
        <v>15</v>
      </c>
      <c r="G119212" s="16">
        <v>0.80644913222746184</v>
      </c>
    </row>
    <row r="119213" spans="1:7" x14ac:dyDescent="0.3">
      <c r="A119213" s="13" t="s">
        <v>561</v>
      </c>
      <c r="B119213" s="14" t="s">
        <v>1</v>
      </c>
      <c r="C119213" s="14" t="s">
        <v>558</v>
      </c>
      <c r="D119213" s="14" t="s">
        <v>406</v>
      </c>
      <c r="E119213" s="15">
        <v>45599</v>
      </c>
      <c r="F119213" s="14" t="s">
        <v>15</v>
      </c>
      <c r="G119213" s="16">
        <v>0.80644913222746184</v>
      </c>
    </row>
    <row r="119214" spans="1:7" x14ac:dyDescent="0.3">
      <c r="A119214" s="13" t="s">
        <v>561</v>
      </c>
      <c r="B119214" s="14" t="s">
        <v>1</v>
      </c>
      <c r="C119214" s="14" t="s">
        <v>558</v>
      </c>
      <c r="D119214" s="14" t="s">
        <v>406</v>
      </c>
      <c r="E119214" s="15">
        <v>45600</v>
      </c>
      <c r="F119214" s="14" t="s">
        <v>15</v>
      </c>
      <c r="G119214" s="16">
        <v>0.80545214653771313</v>
      </c>
    </row>
    <row r="119215" spans="1:7" x14ac:dyDescent="0.3">
      <c r="A119215" s="13" t="s">
        <v>561</v>
      </c>
      <c r="B119215" s="14" t="s">
        <v>1</v>
      </c>
      <c r="C119215" s="14" t="s">
        <v>558</v>
      </c>
      <c r="D119215" s="14" t="s">
        <v>406</v>
      </c>
      <c r="E119215" s="15">
        <v>45601</v>
      </c>
      <c r="F119215" s="14" t="s">
        <v>15</v>
      </c>
      <c r="G119215" s="16">
        <v>0.79945516084796453</v>
      </c>
    </row>
    <row r="119216" spans="1:7" x14ac:dyDescent="0.3">
      <c r="A119216" s="13" t="s">
        <v>561</v>
      </c>
      <c r="B119216" s="14" t="s">
        <v>1</v>
      </c>
      <c r="C119216" s="14" t="s">
        <v>558</v>
      </c>
      <c r="D119216" s="14" t="s">
        <v>406</v>
      </c>
      <c r="E119216" s="15">
        <v>45602</v>
      </c>
      <c r="F119216" s="14" t="s">
        <v>15</v>
      </c>
      <c r="G119216" s="16">
        <v>0.79745817515821593</v>
      </c>
    </row>
    <row r="119217" spans="1:7" x14ac:dyDescent="0.3">
      <c r="A119217" s="13" t="s">
        <v>561</v>
      </c>
      <c r="B119217" s="14" t="s">
        <v>1</v>
      </c>
      <c r="C119217" s="14" t="s">
        <v>558</v>
      </c>
      <c r="D119217" s="14" t="s">
        <v>406</v>
      </c>
      <c r="E119217" s="15">
        <v>45603</v>
      </c>
      <c r="F119217" s="14" t="s">
        <v>15</v>
      </c>
      <c r="G119217" s="16">
        <v>0.79546118946846733</v>
      </c>
    </row>
    <row r="119218" spans="1:7" x14ac:dyDescent="0.3">
      <c r="A119218" s="13" t="s">
        <v>561</v>
      </c>
      <c r="B119218" s="14" t="s">
        <v>1</v>
      </c>
      <c r="C119218" s="14" t="s">
        <v>558</v>
      </c>
      <c r="D119218" s="14" t="s">
        <v>406</v>
      </c>
      <c r="E119218" s="15">
        <v>45604</v>
      </c>
      <c r="F119218" s="14" t="s">
        <v>15</v>
      </c>
      <c r="G119218" s="16">
        <v>0.79846420377871874</v>
      </c>
    </row>
    <row r="119219" spans="1:7" x14ac:dyDescent="0.3">
      <c r="A119219" s="13" t="s">
        <v>561</v>
      </c>
      <c r="B119219" s="14" t="s">
        <v>1</v>
      </c>
      <c r="C119219" s="14" t="s">
        <v>558</v>
      </c>
      <c r="D119219" s="14" t="s">
        <v>406</v>
      </c>
      <c r="E119219" s="15">
        <v>45605</v>
      </c>
      <c r="F119219" s="14" t="s">
        <v>15</v>
      </c>
      <c r="G119219" s="16">
        <v>0.79846420377871874</v>
      </c>
    </row>
    <row r="119220" spans="1:7" x14ac:dyDescent="0.3">
      <c r="A119220" s="13" t="s">
        <v>561</v>
      </c>
      <c r="B119220" s="14" t="s">
        <v>1</v>
      </c>
      <c r="C119220" s="14" t="s">
        <v>558</v>
      </c>
      <c r="D119220" s="14" t="s">
        <v>406</v>
      </c>
      <c r="E119220" s="15">
        <v>45606</v>
      </c>
      <c r="F119220" s="14" t="s">
        <v>15</v>
      </c>
      <c r="G119220" s="16">
        <v>0.79846420377871874</v>
      </c>
    </row>
    <row r="119221" spans="1:7" x14ac:dyDescent="0.3">
      <c r="A119221" s="13" t="s">
        <v>561</v>
      </c>
      <c r="B119221" s="14" t="s">
        <v>1</v>
      </c>
      <c r="C119221" s="14" t="s">
        <v>558</v>
      </c>
      <c r="D119221" s="14" t="s">
        <v>406</v>
      </c>
      <c r="E119221" s="15">
        <v>45607</v>
      </c>
      <c r="F119221" s="14" t="s">
        <v>15</v>
      </c>
      <c r="G119221" s="16">
        <v>0.79746721808897014</v>
      </c>
    </row>
    <row r="119222" spans="1:7" x14ac:dyDescent="0.3">
      <c r="A119222" s="13" t="s">
        <v>561</v>
      </c>
      <c r="B119222" s="14" t="s">
        <v>1</v>
      </c>
      <c r="C119222" s="14" t="s">
        <v>558</v>
      </c>
      <c r="D119222" s="14" t="s">
        <v>406</v>
      </c>
      <c r="E119222" s="15">
        <v>45608</v>
      </c>
      <c r="F119222" s="14" t="s">
        <v>15</v>
      </c>
      <c r="G119222" s="16">
        <v>0.80947023239922156</v>
      </c>
    </row>
    <row r="119223" spans="1:7" x14ac:dyDescent="0.3">
      <c r="A119223" s="13" t="s">
        <v>561</v>
      </c>
      <c r="B119223" s="14" t="s">
        <v>1</v>
      </c>
      <c r="C119223" s="14" t="s">
        <v>558</v>
      </c>
      <c r="D119223" s="14" t="s">
        <v>406</v>
      </c>
      <c r="E119223" s="15">
        <v>45609</v>
      </c>
      <c r="F119223" s="14" t="s">
        <v>15</v>
      </c>
      <c r="G119223" s="16">
        <v>0.80747324670947296</v>
      </c>
    </row>
    <row r="119224" spans="1:7" x14ac:dyDescent="0.3">
      <c r="A119224" s="13" t="s">
        <v>561</v>
      </c>
      <c r="B119224" s="14" t="s">
        <v>1</v>
      </c>
      <c r="C119224" s="14" t="s">
        <v>558</v>
      </c>
      <c r="D119224" s="14" t="s">
        <v>406</v>
      </c>
      <c r="E119224" s="15">
        <v>45610</v>
      </c>
      <c r="F119224" s="14" t="s">
        <v>15</v>
      </c>
      <c r="G119224" s="16">
        <v>0.80547626101972436</v>
      </c>
    </row>
    <row r="119225" spans="1:7" x14ac:dyDescent="0.3">
      <c r="A119225" s="13" t="s">
        <v>561</v>
      </c>
      <c r="B119225" s="14" t="s">
        <v>1</v>
      </c>
      <c r="C119225" s="14" t="s">
        <v>558</v>
      </c>
      <c r="D119225" s="14" t="s">
        <v>406</v>
      </c>
      <c r="E119225" s="15">
        <v>45611</v>
      </c>
      <c r="F119225" s="14" t="s">
        <v>15</v>
      </c>
      <c r="G119225" s="16">
        <v>0.80347927532997576</v>
      </c>
    </row>
    <row r="119226" spans="1:7" x14ac:dyDescent="0.3">
      <c r="A119226" s="13" t="s">
        <v>561</v>
      </c>
      <c r="B119226" s="14" t="s">
        <v>1</v>
      </c>
      <c r="C119226" s="14" t="s">
        <v>558</v>
      </c>
      <c r="D119226" s="14" t="s">
        <v>406</v>
      </c>
      <c r="E119226" s="15">
        <v>45612</v>
      </c>
      <c r="F119226" s="14" t="s">
        <v>15</v>
      </c>
      <c r="G119226" s="16">
        <v>0.80347927532997576</v>
      </c>
    </row>
    <row r="119227" spans="1:7" x14ac:dyDescent="0.3">
      <c r="A119227" s="13" t="s">
        <v>561</v>
      </c>
      <c r="B119227" s="14" t="s">
        <v>1</v>
      </c>
      <c r="C119227" s="14" t="s">
        <v>558</v>
      </c>
      <c r="D119227" s="14" t="s">
        <v>406</v>
      </c>
      <c r="E119227" s="15">
        <v>45613</v>
      </c>
      <c r="F119227" s="14" t="s">
        <v>15</v>
      </c>
      <c r="G119227" s="16">
        <v>0.80347927532997576</v>
      </c>
    </row>
    <row r="119228" spans="1:7" x14ac:dyDescent="0.3">
      <c r="A119228" s="13" t="s">
        <v>561</v>
      </c>
      <c r="B119228" s="14" t="s">
        <v>1</v>
      </c>
      <c r="C119228" s="14" t="s">
        <v>558</v>
      </c>
      <c r="D119228" s="14" t="s">
        <v>406</v>
      </c>
      <c r="E119228" s="15">
        <v>45614</v>
      </c>
      <c r="F119228" s="14" t="s">
        <v>15</v>
      </c>
      <c r="G119228" s="16">
        <v>0.80348228964022717</v>
      </c>
    </row>
    <row r="119229" spans="1:7" x14ac:dyDescent="0.3">
      <c r="A119229" s="13" t="s">
        <v>561</v>
      </c>
      <c r="B119229" s="14" t="s">
        <v>1</v>
      </c>
      <c r="C119229" s="14" t="s">
        <v>558</v>
      </c>
      <c r="D119229" s="14" t="s">
        <v>406</v>
      </c>
      <c r="E119229" s="15">
        <v>45615</v>
      </c>
      <c r="F119229" s="14" t="s">
        <v>15</v>
      </c>
      <c r="G119229" s="16">
        <v>0.79748530395047856</v>
      </c>
    </row>
    <row r="119230" spans="1:7" x14ac:dyDescent="0.3">
      <c r="A119230" s="13" t="s">
        <v>561</v>
      </c>
      <c r="B119230" s="14" t="s">
        <v>1</v>
      </c>
      <c r="C119230" s="14" t="s">
        <v>558</v>
      </c>
      <c r="D119230" s="14" t="s">
        <v>406</v>
      </c>
      <c r="E119230" s="15">
        <v>45616</v>
      </c>
      <c r="F119230" s="14" t="s">
        <v>15</v>
      </c>
      <c r="G119230" s="16">
        <v>0.80048831826072997</v>
      </c>
    </row>
    <row r="119231" spans="1:7" x14ac:dyDescent="0.3">
      <c r="A119231" s="13" t="s">
        <v>561</v>
      </c>
      <c r="B119231" s="14" t="s">
        <v>1</v>
      </c>
      <c r="C119231" s="14" t="s">
        <v>558</v>
      </c>
      <c r="D119231" s="14" t="s">
        <v>406</v>
      </c>
      <c r="E119231" s="15">
        <v>45617</v>
      </c>
      <c r="F119231" s="14" t="s">
        <v>15</v>
      </c>
      <c r="G119231" s="16">
        <v>0.79849133257098137</v>
      </c>
    </row>
    <row r="119232" spans="1:7" x14ac:dyDescent="0.3">
      <c r="A119232" s="13" t="s">
        <v>561</v>
      </c>
      <c r="B119232" s="14" t="s">
        <v>1</v>
      </c>
      <c r="C119232" s="14" t="s">
        <v>558</v>
      </c>
      <c r="D119232" s="14" t="s">
        <v>406</v>
      </c>
      <c r="E119232" s="15">
        <v>45618</v>
      </c>
      <c r="F119232" s="14" t="s">
        <v>15</v>
      </c>
      <c r="G119232" s="16">
        <v>0.80049434688123289</v>
      </c>
    </row>
    <row r="119233" spans="1:7" x14ac:dyDescent="0.3">
      <c r="A119233" s="13" t="s">
        <v>561</v>
      </c>
      <c r="B119233" s="14" t="s">
        <v>1</v>
      </c>
      <c r="C119233" s="14" t="s">
        <v>558</v>
      </c>
      <c r="D119233" s="14" t="s">
        <v>406</v>
      </c>
      <c r="E119233" s="15">
        <v>45619</v>
      </c>
      <c r="F119233" s="14" t="s">
        <v>15</v>
      </c>
      <c r="G119233" s="16">
        <v>0.80049434688123289</v>
      </c>
    </row>
    <row r="119234" spans="1:7" x14ac:dyDescent="0.3">
      <c r="A119234" s="13" t="s">
        <v>561</v>
      </c>
      <c r="B119234" s="14" t="s">
        <v>1</v>
      </c>
      <c r="C119234" s="14" t="s">
        <v>558</v>
      </c>
      <c r="D119234" s="14" t="s">
        <v>406</v>
      </c>
      <c r="E119234" s="15">
        <v>45620</v>
      </c>
      <c r="F119234" s="14" t="s">
        <v>15</v>
      </c>
      <c r="G119234" s="16">
        <v>0.80049434688123289</v>
      </c>
    </row>
    <row r="119235" spans="1:7" x14ac:dyDescent="0.3">
      <c r="A119235" s="13" t="s">
        <v>561</v>
      </c>
      <c r="B119235" s="14" t="s">
        <v>1</v>
      </c>
      <c r="C119235" s="14" t="s">
        <v>558</v>
      </c>
      <c r="D119235" s="14" t="s">
        <v>406</v>
      </c>
      <c r="E119235" s="15">
        <v>45621</v>
      </c>
      <c r="F119235" s="14" t="s">
        <v>15</v>
      </c>
      <c r="G119235" s="16">
        <v>0.80149736119148418</v>
      </c>
    </row>
    <row r="119236" spans="1:7" x14ac:dyDescent="0.3">
      <c r="A119236" s="13" t="s">
        <v>561</v>
      </c>
      <c r="B119236" s="14" t="s">
        <v>1</v>
      </c>
      <c r="C119236" s="14" t="s">
        <v>558</v>
      </c>
      <c r="D119236" s="14" t="s">
        <v>406</v>
      </c>
      <c r="E119236" s="15">
        <v>45622</v>
      </c>
      <c r="F119236" s="14" t="s">
        <v>15</v>
      </c>
      <c r="G119236" s="16">
        <v>0.79850037550173558</v>
      </c>
    </row>
    <row r="119237" spans="1:7" x14ac:dyDescent="0.3">
      <c r="A119237" s="13" t="s">
        <v>561</v>
      </c>
      <c r="B119237" s="14" t="s">
        <v>1</v>
      </c>
      <c r="C119237" s="14" t="s">
        <v>558</v>
      </c>
      <c r="D119237" s="14" t="s">
        <v>406</v>
      </c>
      <c r="E119237" s="15">
        <v>45623</v>
      </c>
      <c r="F119237" s="14" t="s">
        <v>15</v>
      </c>
      <c r="G119237" s="16">
        <v>0.81050338981198711</v>
      </c>
    </row>
    <row r="119238" spans="1:7" x14ac:dyDescent="0.3">
      <c r="A119238" s="13" t="s">
        <v>561</v>
      </c>
      <c r="B119238" s="14" t="s">
        <v>1</v>
      </c>
      <c r="C119238" s="14" t="s">
        <v>558</v>
      </c>
      <c r="D119238" s="14" t="s">
        <v>406</v>
      </c>
      <c r="E119238" s="15">
        <v>45624</v>
      </c>
      <c r="F119238" s="14" t="s">
        <v>15</v>
      </c>
      <c r="G119238" s="16">
        <v>0.80850640412223851</v>
      </c>
    </row>
    <row r="119239" spans="1:7" x14ac:dyDescent="0.3">
      <c r="A119239" s="13" t="s">
        <v>561</v>
      </c>
      <c r="B119239" s="14" t="s">
        <v>1</v>
      </c>
      <c r="C119239" s="14" t="s">
        <v>558</v>
      </c>
      <c r="D119239" s="14" t="s">
        <v>406</v>
      </c>
      <c r="E119239" s="15">
        <v>45625</v>
      </c>
      <c r="F119239" s="14" t="s">
        <v>15</v>
      </c>
      <c r="G119239" s="16">
        <v>0.81050941843248991</v>
      </c>
    </row>
    <row r="119240" spans="1:7" x14ac:dyDescent="0.3">
      <c r="A119240" s="13" t="s">
        <v>561</v>
      </c>
      <c r="B119240" s="14" t="s">
        <v>1</v>
      </c>
      <c r="C119240" s="14" t="s">
        <v>558</v>
      </c>
      <c r="D119240" s="14" t="s">
        <v>406</v>
      </c>
      <c r="E119240" s="15">
        <v>45626</v>
      </c>
      <c r="F119240" s="14" t="s">
        <v>15</v>
      </c>
      <c r="G119240" s="16">
        <v>0.81050941843248991</v>
      </c>
    </row>
    <row r="119241" spans="1:7" x14ac:dyDescent="0.3">
      <c r="A119241" s="13" t="s">
        <v>561</v>
      </c>
      <c r="B119241" s="14" t="s">
        <v>1</v>
      </c>
      <c r="C119241" s="14" t="s">
        <v>558</v>
      </c>
      <c r="D119241" s="14" t="s">
        <v>406</v>
      </c>
      <c r="E119241" s="15">
        <v>45627</v>
      </c>
      <c r="F119241" s="14" t="s">
        <v>15</v>
      </c>
      <c r="G119241" s="16">
        <v>0.81050941843248991</v>
      </c>
    </row>
    <row r="119242" spans="1:7" x14ac:dyDescent="0.3">
      <c r="A119242" s="13" t="s">
        <v>561</v>
      </c>
      <c r="B119242" s="14" t="s">
        <v>1</v>
      </c>
      <c r="C119242" s="14" t="s">
        <v>558</v>
      </c>
      <c r="D119242" s="14" t="s">
        <v>406</v>
      </c>
      <c r="E119242" s="15">
        <v>45628</v>
      </c>
      <c r="F119242" s="14" t="s">
        <v>15</v>
      </c>
      <c r="G119242" s="16">
        <v>0.80851243274274132</v>
      </c>
    </row>
    <row r="119243" spans="1:7" x14ac:dyDescent="0.3">
      <c r="A119243" s="13" t="s">
        <v>561</v>
      </c>
      <c r="B119243" s="14" t="s">
        <v>1</v>
      </c>
      <c r="C119243" s="14" t="s">
        <v>558</v>
      </c>
      <c r="D119243" s="14" t="s">
        <v>406</v>
      </c>
      <c r="E119243" s="15">
        <v>45629</v>
      </c>
      <c r="F119243" s="14" t="s">
        <v>15</v>
      </c>
      <c r="G119243" s="16">
        <v>0.80951544705299272</v>
      </c>
    </row>
    <row r="119244" spans="1:7" x14ac:dyDescent="0.3">
      <c r="A119244" s="13" t="s">
        <v>561</v>
      </c>
      <c r="B119244" s="14" t="s">
        <v>1</v>
      </c>
      <c r="C119244" s="14" t="s">
        <v>558</v>
      </c>
      <c r="D119244" s="14" t="s">
        <v>406</v>
      </c>
      <c r="E119244" s="15">
        <v>45630</v>
      </c>
      <c r="F119244" s="14" t="s">
        <v>15</v>
      </c>
      <c r="G119244" s="16">
        <v>0.80851846136324412</v>
      </c>
    </row>
    <row r="119245" spans="1:7" x14ac:dyDescent="0.3">
      <c r="A119245" s="13" t="s">
        <v>561</v>
      </c>
      <c r="B119245" s="14" t="s">
        <v>1</v>
      </c>
      <c r="C119245" s="14" t="s">
        <v>558</v>
      </c>
      <c r="D119245" s="14" t="s">
        <v>406</v>
      </c>
      <c r="E119245" s="15">
        <v>45631</v>
      </c>
      <c r="F119245" s="14" t="s">
        <v>15</v>
      </c>
      <c r="G119245" s="16">
        <v>0.80652147567349552</v>
      </c>
    </row>
    <row r="119246" spans="1:7" x14ac:dyDescent="0.3">
      <c r="A119246" s="13" t="s">
        <v>561</v>
      </c>
      <c r="B119246" s="14" t="s">
        <v>1</v>
      </c>
      <c r="C119246" s="14" t="s">
        <v>558</v>
      </c>
      <c r="D119246" s="14" t="s">
        <v>406</v>
      </c>
      <c r="E119246" s="15">
        <v>45632</v>
      </c>
      <c r="F119246" s="14" t="s">
        <v>15</v>
      </c>
      <c r="G119246" s="16">
        <v>0.80452448998374693</v>
      </c>
    </row>
    <row r="119247" spans="1:7" x14ac:dyDescent="0.3">
      <c r="A119247" s="13" t="s">
        <v>561</v>
      </c>
      <c r="B119247" s="14" t="s">
        <v>1</v>
      </c>
      <c r="C119247" s="14" t="s">
        <v>558</v>
      </c>
      <c r="D119247" s="14" t="s">
        <v>406</v>
      </c>
      <c r="E119247" s="15">
        <v>45633</v>
      </c>
      <c r="F119247" s="14" t="s">
        <v>15</v>
      </c>
      <c r="G119247" s="16">
        <v>0.80452448998374693</v>
      </c>
    </row>
    <row r="119248" spans="1:7" x14ac:dyDescent="0.3">
      <c r="A119248" s="13" t="s">
        <v>561</v>
      </c>
      <c r="B119248" s="14" t="s">
        <v>1</v>
      </c>
      <c r="C119248" s="14" t="s">
        <v>558</v>
      </c>
      <c r="D119248" s="14" t="s">
        <v>406</v>
      </c>
      <c r="E119248" s="15">
        <v>45634</v>
      </c>
      <c r="F119248" s="14" t="s">
        <v>15</v>
      </c>
      <c r="G119248" s="16">
        <v>0.80452448998374693</v>
      </c>
    </row>
    <row r="119249" spans="1:7" x14ac:dyDescent="0.3">
      <c r="A119249" s="13" t="s">
        <v>561</v>
      </c>
      <c r="B119249" s="14" t="s">
        <v>1</v>
      </c>
      <c r="C119249" s="14" t="s">
        <v>558</v>
      </c>
      <c r="D119249" s="14" t="s">
        <v>406</v>
      </c>
      <c r="E119249" s="15">
        <v>45635</v>
      </c>
      <c r="F119249" s="14" t="s">
        <v>15</v>
      </c>
      <c r="G119249" s="16">
        <v>0.80652750429399833</v>
      </c>
    </row>
    <row r="119250" spans="1:7" x14ac:dyDescent="0.3">
      <c r="A119250" s="13" t="s">
        <v>561</v>
      </c>
      <c r="B119250" s="14" t="s">
        <v>1</v>
      </c>
      <c r="C119250" s="14" t="s">
        <v>558</v>
      </c>
      <c r="D119250" s="14" t="s">
        <v>406</v>
      </c>
      <c r="E119250" s="15">
        <v>45636</v>
      </c>
      <c r="F119250" s="14" t="s">
        <v>15</v>
      </c>
      <c r="G119250" s="16">
        <v>0.82253051860424975</v>
      </c>
    </row>
    <row r="119251" spans="1:7" x14ac:dyDescent="0.3">
      <c r="A119251" s="13" t="s">
        <v>561</v>
      </c>
      <c r="B119251" s="14" t="s">
        <v>1</v>
      </c>
      <c r="C119251" s="14" t="s">
        <v>558</v>
      </c>
      <c r="D119251" s="14" t="s">
        <v>406</v>
      </c>
      <c r="E119251" s="15">
        <v>45637</v>
      </c>
      <c r="F119251" s="14" t="s">
        <v>15</v>
      </c>
      <c r="G119251" s="16">
        <v>0.82753353291450116</v>
      </c>
    </row>
    <row r="119252" spans="1:7" x14ac:dyDescent="0.3">
      <c r="A119252" s="13" t="s">
        <v>561</v>
      </c>
      <c r="B119252" s="14" t="s">
        <v>1</v>
      </c>
      <c r="C119252" s="14" t="s">
        <v>558</v>
      </c>
      <c r="D119252" s="14" t="s">
        <v>406</v>
      </c>
      <c r="E119252" s="15">
        <v>45638</v>
      </c>
      <c r="F119252" s="14" t="s">
        <v>15</v>
      </c>
      <c r="G119252" s="16">
        <v>0.82553654722475256</v>
      </c>
    </row>
    <row r="119253" spans="1:7" x14ac:dyDescent="0.3">
      <c r="A119253" s="13" t="s">
        <v>561</v>
      </c>
      <c r="B119253" s="14" t="s">
        <v>1</v>
      </c>
      <c r="C119253" s="14" t="s">
        <v>558</v>
      </c>
      <c r="D119253" s="14" t="s">
        <v>406</v>
      </c>
      <c r="E119253" s="15">
        <v>45639</v>
      </c>
      <c r="F119253" s="14" t="s">
        <v>15</v>
      </c>
      <c r="G119253" s="16">
        <v>0.87453956153500401</v>
      </c>
    </row>
    <row r="119254" spans="1:7" x14ac:dyDescent="0.3">
      <c r="A119254" s="13" t="s">
        <v>561</v>
      </c>
      <c r="B119254" s="14" t="s">
        <v>1</v>
      </c>
      <c r="C119254" s="14" t="s">
        <v>558</v>
      </c>
      <c r="D119254" s="14" t="s">
        <v>406</v>
      </c>
      <c r="E119254" s="15">
        <v>45640</v>
      </c>
      <c r="F119254" s="14" t="s">
        <v>15</v>
      </c>
      <c r="G119254" s="16">
        <v>0.87453956153500401</v>
      </c>
    </row>
    <row r="119255" spans="1:7" x14ac:dyDescent="0.3">
      <c r="A119255" s="13" t="s">
        <v>561</v>
      </c>
      <c r="B119255" s="14" t="s">
        <v>1</v>
      </c>
      <c r="C119255" s="14" t="s">
        <v>558</v>
      </c>
      <c r="D119255" s="14" t="s">
        <v>406</v>
      </c>
      <c r="E119255" s="15">
        <v>45641</v>
      </c>
      <c r="F119255" s="14" t="s">
        <v>15</v>
      </c>
      <c r="G119255" s="16">
        <v>0.87453956153500401</v>
      </c>
    </row>
    <row r="119256" spans="1:7" x14ac:dyDescent="0.3">
      <c r="A119256" s="13" t="s">
        <v>561</v>
      </c>
      <c r="B119256" s="14" t="s">
        <v>1</v>
      </c>
      <c r="C119256" s="14" t="s">
        <v>558</v>
      </c>
      <c r="D119256" s="14" t="s">
        <v>406</v>
      </c>
      <c r="E119256" s="15">
        <v>45642</v>
      </c>
      <c r="F119256" s="14" t="s">
        <v>15</v>
      </c>
      <c r="G119256" s="16">
        <v>0.87254257584525541</v>
      </c>
    </row>
    <row r="119257" spans="1:7" x14ac:dyDescent="0.3">
      <c r="A119257" s="13" t="s">
        <v>561</v>
      </c>
      <c r="B119257" s="14" t="s">
        <v>1</v>
      </c>
      <c r="C119257" s="14" t="s">
        <v>558</v>
      </c>
      <c r="D119257" s="14" t="s">
        <v>406</v>
      </c>
      <c r="E119257" s="15">
        <v>45643</v>
      </c>
      <c r="F119257" s="14" t="s">
        <v>15</v>
      </c>
      <c r="G119257" s="16">
        <v>0.86754559015550681</v>
      </c>
    </row>
    <row r="119258" spans="1:7" x14ac:dyDescent="0.3">
      <c r="A119258" s="13" t="s">
        <v>561</v>
      </c>
      <c r="B119258" s="14" t="s">
        <v>1</v>
      </c>
      <c r="C119258" s="14" t="s">
        <v>558</v>
      </c>
      <c r="D119258" s="14" t="s">
        <v>406</v>
      </c>
      <c r="E119258" s="15">
        <v>45644</v>
      </c>
      <c r="F119258" s="14" t="s">
        <v>15</v>
      </c>
      <c r="G119258" s="16">
        <v>0.88354860446575822</v>
      </c>
    </row>
    <row r="119259" spans="1:7" x14ac:dyDescent="0.3">
      <c r="A119259" s="13" t="s">
        <v>561</v>
      </c>
      <c r="B119259" s="14" t="s">
        <v>1</v>
      </c>
      <c r="C119259" s="14" t="s">
        <v>558</v>
      </c>
      <c r="D119259" s="14" t="s">
        <v>406</v>
      </c>
      <c r="E119259" s="15">
        <v>45645</v>
      </c>
      <c r="F119259" s="14" t="s">
        <v>15</v>
      </c>
      <c r="G119259" s="16">
        <v>0.88755161877600963</v>
      </c>
    </row>
    <row r="119260" spans="1:7" x14ac:dyDescent="0.3">
      <c r="A119260" s="13" t="s">
        <v>561</v>
      </c>
      <c r="B119260" s="14" t="s">
        <v>1</v>
      </c>
      <c r="C119260" s="14" t="s">
        <v>558</v>
      </c>
      <c r="D119260" s="14" t="s">
        <v>406</v>
      </c>
      <c r="E119260" s="15">
        <v>45646</v>
      </c>
      <c r="F119260" s="14" t="s">
        <v>15</v>
      </c>
      <c r="G119260" s="16">
        <v>0.88555463308626103</v>
      </c>
    </row>
    <row r="119261" spans="1:7" x14ac:dyDescent="0.3">
      <c r="A119261" s="13" t="s">
        <v>561</v>
      </c>
      <c r="B119261" s="14" t="s">
        <v>1</v>
      </c>
      <c r="C119261" s="14" t="s">
        <v>558</v>
      </c>
      <c r="D119261" s="14" t="s">
        <v>406</v>
      </c>
      <c r="E119261" s="15">
        <v>45647</v>
      </c>
      <c r="F119261" s="14" t="s">
        <v>15</v>
      </c>
      <c r="G119261" s="16">
        <v>0.88555463308626103</v>
      </c>
    </row>
    <row r="119262" spans="1:7" x14ac:dyDescent="0.3">
      <c r="A119262" s="13" t="s">
        <v>561</v>
      </c>
      <c r="B119262" s="14" t="s">
        <v>1</v>
      </c>
      <c r="C119262" s="14" t="s">
        <v>558</v>
      </c>
      <c r="D119262" s="14" t="s">
        <v>406</v>
      </c>
      <c r="E119262" s="15">
        <v>45648</v>
      </c>
      <c r="F119262" s="14" t="s">
        <v>15</v>
      </c>
      <c r="G119262" s="16">
        <v>0.88555463308626103</v>
      </c>
    </row>
    <row r="119263" spans="1:7" x14ac:dyDescent="0.3">
      <c r="A119263" s="13" t="s">
        <v>561</v>
      </c>
      <c r="B119263" s="14" t="s">
        <v>1</v>
      </c>
      <c r="C119263" s="14" t="s">
        <v>558</v>
      </c>
      <c r="D119263" s="14" t="s">
        <v>406</v>
      </c>
      <c r="E119263" s="15">
        <v>45649</v>
      </c>
      <c r="F119263" s="14" t="s">
        <v>15</v>
      </c>
      <c r="G119263" s="16">
        <v>0.88755764739651255</v>
      </c>
    </row>
    <row r="119264" spans="1:7" x14ac:dyDescent="0.3">
      <c r="A119264" s="13" t="s">
        <v>561</v>
      </c>
      <c r="B119264" s="14" t="s">
        <v>1</v>
      </c>
      <c r="C119264" s="14" t="s">
        <v>558</v>
      </c>
      <c r="D119264" s="14" t="s">
        <v>406</v>
      </c>
      <c r="E119264" s="15">
        <v>45650</v>
      </c>
      <c r="F119264" s="14" t="s">
        <v>15</v>
      </c>
      <c r="G119264" s="16">
        <v>0.88256066170676406</v>
      </c>
    </row>
    <row r="119265" spans="1:7" x14ac:dyDescent="0.3">
      <c r="A119265" s="13" t="s">
        <v>561</v>
      </c>
      <c r="B119265" s="14" t="s">
        <v>1</v>
      </c>
      <c r="C119265" s="14" t="s">
        <v>558</v>
      </c>
      <c r="D119265" s="14" t="s">
        <v>406</v>
      </c>
      <c r="E119265" s="15">
        <v>45651</v>
      </c>
      <c r="F119265" s="14" t="s">
        <v>15</v>
      </c>
      <c r="G119265" s="16">
        <v>0.88256066170676406</v>
      </c>
    </row>
    <row r="119266" spans="1:7" x14ac:dyDescent="0.3">
      <c r="A119266" s="13" t="s">
        <v>561</v>
      </c>
      <c r="B119266" s="14" t="s">
        <v>1</v>
      </c>
      <c r="C119266" s="14" t="s">
        <v>558</v>
      </c>
      <c r="D119266" s="14" t="s">
        <v>406</v>
      </c>
      <c r="E119266" s="15">
        <v>45652</v>
      </c>
      <c r="F119266" s="14" t="s">
        <v>15</v>
      </c>
      <c r="G119266" s="16">
        <v>0.88256066170676406</v>
      </c>
    </row>
    <row r="119267" spans="1:7" x14ac:dyDescent="0.3">
      <c r="A119267" s="13" t="s">
        <v>561</v>
      </c>
      <c r="B119267" s="14" t="s">
        <v>1</v>
      </c>
      <c r="C119267" s="14" t="s">
        <v>558</v>
      </c>
      <c r="D119267" s="14" t="s">
        <v>406</v>
      </c>
      <c r="E119267" s="15">
        <v>45653</v>
      </c>
      <c r="F119267" s="14" t="s">
        <v>15</v>
      </c>
      <c r="G119267" s="16">
        <v>0.88256066170676406</v>
      </c>
    </row>
    <row r="119268" spans="1:7" x14ac:dyDescent="0.3">
      <c r="A119268" s="13" t="s">
        <v>561</v>
      </c>
      <c r="B119268" s="14" t="s">
        <v>1</v>
      </c>
      <c r="C119268" s="14" t="s">
        <v>558</v>
      </c>
      <c r="D119268" s="14" t="s">
        <v>406</v>
      </c>
      <c r="E119268" s="15">
        <v>45654</v>
      </c>
      <c r="F119268" s="14" t="s">
        <v>15</v>
      </c>
      <c r="G119268" s="16">
        <v>0.88256066170676406</v>
      </c>
    </row>
    <row r="119269" spans="1:7" x14ac:dyDescent="0.3">
      <c r="A119269" s="13" t="s">
        <v>561</v>
      </c>
      <c r="B119269" s="14" t="s">
        <v>1</v>
      </c>
      <c r="C119269" s="14" t="s">
        <v>558</v>
      </c>
      <c r="D119269" s="14" t="s">
        <v>406</v>
      </c>
      <c r="E119269" s="15">
        <v>45655</v>
      </c>
      <c r="F119269" s="14" t="s">
        <v>15</v>
      </c>
      <c r="G119269" s="16">
        <v>0.88256066170676406</v>
      </c>
    </row>
    <row r="119270" spans="1:7" x14ac:dyDescent="0.3">
      <c r="A119270" s="13" t="s">
        <v>561</v>
      </c>
      <c r="B119270" s="14" t="s">
        <v>1</v>
      </c>
      <c r="C119270" s="14" t="s">
        <v>558</v>
      </c>
      <c r="D119270" s="14" t="s">
        <v>406</v>
      </c>
      <c r="E119270" s="15">
        <v>45656</v>
      </c>
      <c r="F119270" s="14" t="s">
        <v>15</v>
      </c>
      <c r="G119270" s="16">
        <v>0.88156367601701535</v>
      </c>
    </row>
    <row r="119271" spans="1:7" x14ac:dyDescent="0.3">
      <c r="A119271" s="13" t="s">
        <v>561</v>
      </c>
      <c r="B119271" s="14" t="s">
        <v>1</v>
      </c>
      <c r="C119271" s="14" t="s">
        <v>558</v>
      </c>
      <c r="D119271" s="14" t="s">
        <v>406</v>
      </c>
      <c r="E119271" s="15">
        <v>45657</v>
      </c>
      <c r="F119271" s="14" t="s">
        <v>15</v>
      </c>
      <c r="G119271" s="16">
        <v>0.90456669032726678</v>
      </c>
    </row>
    <row r="119272" spans="1:7" x14ac:dyDescent="0.3">
      <c r="A119272" s="13" t="s">
        <v>561</v>
      </c>
      <c r="B119272" s="14" t="s">
        <v>1</v>
      </c>
      <c r="C119272" s="14" t="s">
        <v>558</v>
      </c>
      <c r="D119272" s="14" t="s">
        <v>406</v>
      </c>
      <c r="E119272" s="15">
        <v>45658</v>
      </c>
      <c r="F119272" s="14" t="s">
        <v>15</v>
      </c>
      <c r="G119272" s="16">
        <v>0.90456669032726678</v>
      </c>
    </row>
    <row r="119273" spans="1:7" x14ac:dyDescent="0.3">
      <c r="A119273" s="13" t="s">
        <v>561</v>
      </c>
      <c r="B119273" s="14" t="s">
        <v>1</v>
      </c>
      <c r="C119273" s="14" t="s">
        <v>558</v>
      </c>
      <c r="D119273" s="14" t="s">
        <v>406</v>
      </c>
      <c r="E119273" s="15">
        <v>45659</v>
      </c>
      <c r="F119273" s="14" t="s">
        <v>15</v>
      </c>
      <c r="G119273" s="16">
        <v>0.90656970463751829</v>
      </c>
    </row>
    <row r="119274" spans="1:7" x14ac:dyDescent="0.3">
      <c r="A119274" s="13" t="s">
        <v>561</v>
      </c>
      <c r="B119274" s="14" t="s">
        <v>1</v>
      </c>
      <c r="C119274" s="14" t="s">
        <v>558</v>
      </c>
      <c r="D119274" s="14" t="s">
        <v>406</v>
      </c>
      <c r="E119274" s="15">
        <v>45660</v>
      </c>
      <c r="F119274" s="14" t="s">
        <v>15</v>
      </c>
      <c r="G119274" s="16">
        <v>0.93957271894776961</v>
      </c>
    </row>
    <row r="119275" spans="1:7" x14ac:dyDescent="0.3">
      <c r="A119275" s="13" t="s">
        <v>561</v>
      </c>
      <c r="B119275" s="14" t="s">
        <v>1</v>
      </c>
      <c r="C119275" s="14" t="s">
        <v>558</v>
      </c>
      <c r="D119275" s="14" t="s">
        <v>406</v>
      </c>
      <c r="E119275" s="15">
        <v>45661</v>
      </c>
      <c r="F119275" s="14" t="s">
        <v>15</v>
      </c>
      <c r="G119275" s="16">
        <v>0.93957271894776961</v>
      </c>
    </row>
    <row r="119276" spans="1:7" x14ac:dyDescent="0.3">
      <c r="A119276" s="13" t="s">
        <v>561</v>
      </c>
      <c r="B119276" s="14" t="s">
        <v>1</v>
      </c>
      <c r="C119276" s="14" t="s">
        <v>558</v>
      </c>
      <c r="D119276" s="14" t="s">
        <v>406</v>
      </c>
      <c r="E119276" s="15">
        <v>45662</v>
      </c>
      <c r="F119276" s="14" t="s">
        <v>15</v>
      </c>
      <c r="G119276" s="16">
        <v>0.93957271894776961</v>
      </c>
    </row>
    <row r="119277" spans="1:7" x14ac:dyDescent="0.3">
      <c r="A119277" s="13" t="s">
        <v>561</v>
      </c>
      <c r="B119277" s="14" t="s">
        <v>1</v>
      </c>
      <c r="C119277" s="14" t="s">
        <v>558</v>
      </c>
      <c r="D119277" s="14" t="s">
        <v>406</v>
      </c>
      <c r="E119277" s="15">
        <v>45663</v>
      </c>
      <c r="F119277" s="14" t="s">
        <v>15</v>
      </c>
      <c r="G119277" s="16">
        <v>0.93757573325802102</v>
      </c>
    </row>
    <row r="119278" spans="1:7" x14ac:dyDescent="0.3">
      <c r="A119278" s="13" t="s">
        <v>561</v>
      </c>
      <c r="B119278" s="14" t="s">
        <v>1</v>
      </c>
      <c r="C119278" s="14" t="s">
        <v>558</v>
      </c>
      <c r="D119278" s="14" t="s">
        <v>406</v>
      </c>
      <c r="E119278" s="15">
        <v>45664</v>
      </c>
      <c r="F119278" s="14" t="s">
        <v>15</v>
      </c>
      <c r="G119278" s="16">
        <v>0.93757874756827242</v>
      </c>
    </row>
    <row r="119279" spans="1:7" x14ac:dyDescent="0.3">
      <c r="A119279" s="13" t="s">
        <v>561</v>
      </c>
      <c r="B119279" s="14" t="s">
        <v>1</v>
      </c>
      <c r="C119279" s="14" t="s">
        <v>558</v>
      </c>
      <c r="D119279" s="14" t="s">
        <v>406</v>
      </c>
      <c r="E119279" s="15">
        <v>45665</v>
      </c>
      <c r="F119279" s="14" t="s">
        <v>15</v>
      </c>
      <c r="G119279" s="16">
        <v>0.93558176187852382</v>
      </c>
    </row>
    <row r="119280" spans="1:7" x14ac:dyDescent="0.3">
      <c r="A119280" s="13" t="s">
        <v>561</v>
      </c>
      <c r="B119280" s="14" t="s">
        <v>1</v>
      </c>
      <c r="C119280" s="14" t="s">
        <v>558</v>
      </c>
      <c r="D119280" s="14" t="s">
        <v>406</v>
      </c>
      <c r="E119280" s="15">
        <v>45666</v>
      </c>
      <c r="F119280" s="14" t="s">
        <v>15</v>
      </c>
      <c r="G119280" s="16">
        <v>0.93358477618877522</v>
      </c>
    </row>
    <row r="119281" spans="1:7" x14ac:dyDescent="0.3">
      <c r="A119281" s="13" t="s">
        <v>561</v>
      </c>
      <c r="B119281" s="14" t="s">
        <v>1</v>
      </c>
      <c r="C119281" s="14" t="s">
        <v>558</v>
      </c>
      <c r="D119281" s="14" t="s">
        <v>406</v>
      </c>
      <c r="E119281" s="15">
        <v>45667</v>
      </c>
      <c r="F119281" s="14" t="s">
        <v>15</v>
      </c>
      <c r="G119281" s="16">
        <v>0.93158779049902662</v>
      </c>
    </row>
    <row r="119282" spans="1:7" x14ac:dyDescent="0.3">
      <c r="A119282" s="13" t="s">
        <v>561</v>
      </c>
      <c r="B119282" s="14" t="s">
        <v>1</v>
      </c>
      <c r="C119282" s="14" t="s">
        <v>558</v>
      </c>
      <c r="D119282" s="14" t="s">
        <v>406</v>
      </c>
      <c r="E119282" s="15">
        <v>45668</v>
      </c>
      <c r="F119282" s="14" t="s">
        <v>15</v>
      </c>
      <c r="G119282" s="16">
        <v>0.93158779049902662</v>
      </c>
    </row>
    <row r="119283" spans="1:7" x14ac:dyDescent="0.3">
      <c r="A119283" s="13" t="s">
        <v>561</v>
      </c>
      <c r="B119283" s="14" t="s">
        <v>1</v>
      </c>
      <c r="C119283" s="14" t="s">
        <v>558</v>
      </c>
      <c r="D119283" s="14" t="s">
        <v>406</v>
      </c>
      <c r="E119283" s="15">
        <v>45669</v>
      </c>
      <c r="F119283" s="14" t="s">
        <v>15</v>
      </c>
      <c r="G119283" s="16">
        <v>0.93158779049902662</v>
      </c>
    </row>
    <row r="119284" spans="1:7" x14ac:dyDescent="0.3">
      <c r="A119284" s="13" t="s">
        <v>561</v>
      </c>
      <c r="B119284" s="14" t="s">
        <v>1</v>
      </c>
      <c r="C119284" s="14" t="s">
        <v>558</v>
      </c>
      <c r="D119284" s="14" t="s">
        <v>406</v>
      </c>
      <c r="E119284" s="15">
        <v>45670</v>
      </c>
      <c r="F119284" s="14" t="s">
        <v>15</v>
      </c>
      <c r="G119284" s="16">
        <v>0.92959080480927803</v>
      </c>
    </row>
    <row r="119285" spans="1:7" x14ac:dyDescent="0.3">
      <c r="A119285" s="13" t="s">
        <v>561</v>
      </c>
      <c r="B119285" s="14" t="s">
        <v>1</v>
      </c>
      <c r="C119285" s="14" t="s">
        <v>558</v>
      </c>
      <c r="D119285" s="14" t="s">
        <v>406</v>
      </c>
      <c r="E119285" s="15">
        <v>45671</v>
      </c>
      <c r="F119285" s="14" t="s">
        <v>15</v>
      </c>
      <c r="G119285" s="16">
        <v>0.92459381911952954</v>
      </c>
    </row>
    <row r="119286" spans="1:7" x14ac:dyDescent="0.3">
      <c r="A119286" s="13" t="s">
        <v>561</v>
      </c>
      <c r="B119286" s="14" t="s">
        <v>1</v>
      </c>
      <c r="C119286" s="14" t="s">
        <v>558</v>
      </c>
      <c r="D119286" s="14" t="s">
        <v>406</v>
      </c>
      <c r="E119286" s="15">
        <v>45672</v>
      </c>
      <c r="F119286" s="14" t="s">
        <v>15</v>
      </c>
      <c r="G119286" s="16">
        <v>0.92259683342978094</v>
      </c>
    </row>
    <row r="119287" spans="1:7" x14ac:dyDescent="0.3">
      <c r="A119287" s="13" t="s">
        <v>561</v>
      </c>
      <c r="B119287" s="14" t="s">
        <v>1</v>
      </c>
      <c r="C119287" s="14" t="s">
        <v>558</v>
      </c>
      <c r="D119287" s="14" t="s">
        <v>406</v>
      </c>
      <c r="E119287" s="15">
        <v>45673</v>
      </c>
      <c r="F119287" s="14" t="s">
        <v>15</v>
      </c>
      <c r="G119287" s="16">
        <v>0.92059984774003234</v>
      </c>
    </row>
    <row r="119288" spans="1:7" x14ac:dyDescent="0.3">
      <c r="A119288" s="13" t="s">
        <v>561</v>
      </c>
      <c r="B119288" s="14" t="s">
        <v>1</v>
      </c>
      <c r="C119288" s="14" t="s">
        <v>558</v>
      </c>
      <c r="D119288" s="14" t="s">
        <v>406</v>
      </c>
      <c r="E119288" s="15">
        <v>45674</v>
      </c>
      <c r="F119288" s="14" t="s">
        <v>15</v>
      </c>
      <c r="G119288" s="16">
        <v>0.91860286205028374</v>
      </c>
    </row>
    <row r="119289" spans="1:7" x14ac:dyDescent="0.3">
      <c r="A119289" s="13" t="s">
        <v>561</v>
      </c>
      <c r="B119289" s="14" t="s">
        <v>1</v>
      </c>
      <c r="C119289" s="14" t="s">
        <v>558</v>
      </c>
      <c r="D119289" s="14" t="s">
        <v>406</v>
      </c>
      <c r="E119289" s="15">
        <v>45675</v>
      </c>
      <c r="F119289" s="14" t="s">
        <v>15</v>
      </c>
      <c r="G119289" s="16">
        <v>0.91860286205028374</v>
      </c>
    </row>
    <row r="119290" spans="1:7" x14ac:dyDescent="0.3">
      <c r="A119290" s="13" t="s">
        <v>561</v>
      </c>
      <c r="B119290" s="14" t="s">
        <v>1</v>
      </c>
      <c r="C119290" s="14" t="s">
        <v>558</v>
      </c>
      <c r="D119290" s="14" t="s">
        <v>406</v>
      </c>
      <c r="E119290" s="15">
        <v>45676</v>
      </c>
      <c r="F119290" s="14" t="s">
        <v>15</v>
      </c>
      <c r="G119290" s="16">
        <v>0.91860286205028374</v>
      </c>
    </row>
    <row r="119291" spans="1:7" x14ac:dyDescent="0.3">
      <c r="A119291" s="13" t="s">
        <v>561</v>
      </c>
      <c r="B119291" s="14" t="s">
        <v>1</v>
      </c>
      <c r="C119291" s="14" t="s">
        <v>558</v>
      </c>
      <c r="D119291" s="14" t="s">
        <v>406</v>
      </c>
      <c r="E119291" s="15">
        <v>45677</v>
      </c>
      <c r="F119291" s="14" t="s">
        <v>15</v>
      </c>
      <c r="G119291" s="16">
        <v>0.92260587636053515</v>
      </c>
    </row>
    <row r="119292" spans="1:7" x14ac:dyDescent="0.3">
      <c r="A119292" s="13" t="s">
        <v>561</v>
      </c>
      <c r="B119292" s="14" t="s">
        <v>1</v>
      </c>
      <c r="C119292" s="14" t="s">
        <v>558</v>
      </c>
      <c r="D119292" s="14" t="s">
        <v>406</v>
      </c>
      <c r="E119292" s="15">
        <v>45678</v>
      </c>
      <c r="F119292" s="14" t="s">
        <v>15</v>
      </c>
      <c r="G119292" s="16">
        <v>0.91660889067078666</v>
      </c>
    </row>
    <row r="119293" spans="1:7" x14ac:dyDescent="0.3">
      <c r="A119293" s="13" t="s">
        <v>561</v>
      </c>
      <c r="B119293" s="14" t="s">
        <v>1</v>
      </c>
      <c r="C119293" s="14" t="s">
        <v>558</v>
      </c>
      <c r="D119293" s="14" t="s">
        <v>406</v>
      </c>
      <c r="E119293" s="15">
        <v>45679</v>
      </c>
      <c r="F119293" s="14" t="s">
        <v>15</v>
      </c>
      <c r="G119293" s="16">
        <v>0.91461190498103806</v>
      </c>
    </row>
    <row r="119294" spans="1:7" x14ac:dyDescent="0.3">
      <c r="A119294" s="13" t="s">
        <v>561</v>
      </c>
      <c r="B119294" s="14" t="s">
        <v>1</v>
      </c>
      <c r="C119294" s="14" t="s">
        <v>558</v>
      </c>
      <c r="D119294" s="14" t="s">
        <v>406</v>
      </c>
      <c r="E119294" s="15">
        <v>45680</v>
      </c>
      <c r="F119294" s="14" t="s">
        <v>15</v>
      </c>
      <c r="G119294" s="16">
        <v>0.91161491929128946</v>
      </c>
    </row>
    <row r="119295" spans="1:7" x14ac:dyDescent="0.3">
      <c r="A119295" s="13" t="s">
        <v>561</v>
      </c>
      <c r="B119295" s="14" t="s">
        <v>1</v>
      </c>
      <c r="C119295" s="14" t="s">
        <v>558</v>
      </c>
      <c r="D119295" s="14" t="s">
        <v>406</v>
      </c>
      <c r="E119295" s="15">
        <v>45681</v>
      </c>
      <c r="F119295" s="14" t="s">
        <v>15</v>
      </c>
      <c r="G119295" s="16">
        <v>0.90961793360154086</v>
      </c>
    </row>
    <row r="119296" spans="1:7" x14ac:dyDescent="0.3">
      <c r="A119296" s="13" t="s">
        <v>561</v>
      </c>
      <c r="B119296" s="14" t="s">
        <v>1</v>
      </c>
      <c r="C119296" s="14" t="s">
        <v>558</v>
      </c>
      <c r="D119296" s="14" t="s">
        <v>406</v>
      </c>
      <c r="E119296" s="15">
        <v>45682</v>
      </c>
      <c r="F119296" s="14" t="s">
        <v>15</v>
      </c>
      <c r="G119296" s="16">
        <v>0.90961793360154086</v>
      </c>
    </row>
    <row r="119297" spans="1:7" x14ac:dyDescent="0.3">
      <c r="A119297" s="13" t="s">
        <v>561</v>
      </c>
      <c r="B119297" s="14" t="s">
        <v>1</v>
      </c>
      <c r="C119297" s="14" t="s">
        <v>558</v>
      </c>
      <c r="D119297" s="14" t="s">
        <v>406</v>
      </c>
      <c r="E119297" s="15">
        <v>45683</v>
      </c>
      <c r="F119297" s="14" t="s">
        <v>15</v>
      </c>
      <c r="G119297" s="16">
        <v>0.90961793360154086</v>
      </c>
    </row>
    <row r="119298" spans="1:7" x14ac:dyDescent="0.3">
      <c r="A119298" s="13" t="s">
        <v>561</v>
      </c>
      <c r="B119298" s="14" t="s">
        <v>1</v>
      </c>
      <c r="C119298" s="14" t="s">
        <v>558</v>
      </c>
      <c r="D119298" s="14" t="s">
        <v>406</v>
      </c>
      <c r="E119298" s="15">
        <v>45684</v>
      </c>
      <c r="F119298" s="14" t="s">
        <v>15</v>
      </c>
      <c r="G119298" s="16">
        <v>0.90762094791179226</v>
      </c>
    </row>
    <row r="119299" spans="1:7" x14ac:dyDescent="0.3">
      <c r="A119299" s="13" t="s">
        <v>561</v>
      </c>
      <c r="B119299" s="14" t="s">
        <v>1</v>
      </c>
      <c r="C119299" s="14" t="s">
        <v>558</v>
      </c>
      <c r="D119299" s="14" t="s">
        <v>406</v>
      </c>
      <c r="E119299" s="15">
        <v>45685</v>
      </c>
      <c r="F119299" s="14" t="s">
        <v>15</v>
      </c>
      <c r="G119299" s="16">
        <v>0.90162396222204377</v>
      </c>
    </row>
    <row r="119300" spans="1:7" x14ac:dyDescent="0.3">
      <c r="A119300" s="13" t="s">
        <v>561</v>
      </c>
      <c r="B119300" s="14" t="s">
        <v>1</v>
      </c>
      <c r="C119300" s="14" t="s">
        <v>558</v>
      </c>
      <c r="D119300" s="14" t="s">
        <v>406</v>
      </c>
      <c r="E119300" s="15">
        <v>45686</v>
      </c>
      <c r="F119300" s="14" t="s">
        <v>15</v>
      </c>
      <c r="G119300" s="16">
        <v>0.89962697653229518</v>
      </c>
    </row>
    <row r="119301" spans="1:7" x14ac:dyDescent="0.3">
      <c r="A119301" s="13" t="s">
        <v>561</v>
      </c>
      <c r="B119301" s="14" t="s">
        <v>1</v>
      </c>
      <c r="C119301" s="14" t="s">
        <v>558</v>
      </c>
      <c r="D119301" s="14" t="s">
        <v>406</v>
      </c>
      <c r="E119301" s="15">
        <v>45687</v>
      </c>
      <c r="F119301" s="14" t="s">
        <v>15</v>
      </c>
      <c r="G119301" s="16">
        <v>0.89762999084254658</v>
      </c>
    </row>
    <row r="119302" spans="1:7" x14ac:dyDescent="0.3">
      <c r="A119302" s="13" t="s">
        <v>561</v>
      </c>
      <c r="B119302" s="14" t="s">
        <v>1</v>
      </c>
      <c r="C119302" s="14" t="s">
        <v>558</v>
      </c>
      <c r="D119302" s="14" t="s">
        <v>406</v>
      </c>
      <c r="E119302" s="15">
        <v>45688</v>
      </c>
      <c r="F119302" s="14" t="s">
        <v>15</v>
      </c>
      <c r="G119302" s="16">
        <v>0.89563300515279798</v>
      </c>
    </row>
    <row r="119303" spans="1:7" x14ac:dyDescent="0.3">
      <c r="A119303" s="13" t="s">
        <v>561</v>
      </c>
      <c r="B119303" s="14" t="s">
        <v>1</v>
      </c>
      <c r="C119303" s="14" t="s">
        <v>558</v>
      </c>
      <c r="D119303" s="14" t="s">
        <v>406</v>
      </c>
      <c r="E119303" s="15">
        <v>45689</v>
      </c>
      <c r="F119303" s="14" t="s">
        <v>15</v>
      </c>
      <c r="G119303" s="16">
        <v>0.89563300515279798</v>
      </c>
    </row>
    <row r="119304" spans="1:7" x14ac:dyDescent="0.3">
      <c r="A119304" s="13" t="s">
        <v>561</v>
      </c>
      <c r="B119304" s="14" t="s">
        <v>1</v>
      </c>
      <c r="C119304" s="14" t="s">
        <v>558</v>
      </c>
      <c r="D119304" s="14" t="s">
        <v>406</v>
      </c>
      <c r="E119304" s="15">
        <v>45690</v>
      </c>
      <c r="F119304" s="14" t="s">
        <v>15</v>
      </c>
      <c r="G119304" s="16">
        <v>0.89563300515279798</v>
      </c>
    </row>
    <row r="119305" spans="1:7" x14ac:dyDescent="0.3">
      <c r="A119305" s="13" t="s">
        <v>561</v>
      </c>
      <c r="B119305" s="14" t="s">
        <v>1</v>
      </c>
      <c r="C119305" s="14" t="s">
        <v>558</v>
      </c>
      <c r="D119305" s="14" t="s">
        <v>406</v>
      </c>
      <c r="E119305" s="15">
        <v>45691</v>
      </c>
      <c r="F119305" s="14" t="s">
        <v>15</v>
      </c>
      <c r="G119305" s="16">
        <v>0.89563300515279798</v>
      </c>
    </row>
    <row r="119306" spans="1:7" x14ac:dyDescent="0.3">
      <c r="A119306" s="13" t="s">
        <v>561</v>
      </c>
      <c r="B119306" s="14" t="s">
        <v>1</v>
      </c>
      <c r="C119306" s="14" t="s">
        <v>558</v>
      </c>
      <c r="D119306" s="14" t="s">
        <v>406</v>
      </c>
      <c r="E119306" s="15">
        <v>45692</v>
      </c>
      <c r="F119306" s="14" t="s">
        <v>15</v>
      </c>
      <c r="G119306" s="16">
        <v>0.89563601946304927</v>
      </c>
    </row>
    <row r="119307" spans="1:7" x14ac:dyDescent="0.3">
      <c r="A119307" s="13" t="s">
        <v>561</v>
      </c>
      <c r="B119307" s="14" t="s">
        <v>1</v>
      </c>
      <c r="C119307" s="14" t="s">
        <v>558</v>
      </c>
      <c r="D119307" s="14" t="s">
        <v>406</v>
      </c>
      <c r="E119307" s="15">
        <v>45693</v>
      </c>
      <c r="F119307" s="14" t="s">
        <v>15</v>
      </c>
      <c r="G119307" s="16">
        <v>0.88763903377330067</v>
      </c>
    </row>
    <row r="119308" spans="1:7" x14ac:dyDescent="0.3">
      <c r="A119308" s="13" t="s">
        <v>561</v>
      </c>
      <c r="B119308" s="14" t="s">
        <v>1</v>
      </c>
      <c r="C119308" s="14" t="s">
        <v>558</v>
      </c>
      <c r="D119308" s="14" t="s">
        <v>406</v>
      </c>
      <c r="E119308" s="15">
        <v>45694</v>
      </c>
      <c r="F119308" s="14" t="s">
        <v>15</v>
      </c>
      <c r="G119308" s="16">
        <v>0.88564204808355207</v>
      </c>
    </row>
    <row r="119309" spans="1:7" x14ac:dyDescent="0.3">
      <c r="A119309" s="13" t="s">
        <v>561</v>
      </c>
      <c r="B119309" s="14" t="s">
        <v>1</v>
      </c>
      <c r="C119309" s="14" t="s">
        <v>558</v>
      </c>
      <c r="D119309" s="14" t="s">
        <v>406</v>
      </c>
      <c r="E119309" s="15">
        <v>45695</v>
      </c>
      <c r="F119309" s="14" t="s">
        <v>15</v>
      </c>
      <c r="G119309" s="16">
        <v>0.88364506239380347</v>
      </c>
    </row>
    <row r="119310" spans="1:7" x14ac:dyDescent="0.3">
      <c r="A119310" s="13" t="s">
        <v>561</v>
      </c>
      <c r="B119310" s="14" t="s">
        <v>1</v>
      </c>
      <c r="C119310" s="14" t="s">
        <v>558</v>
      </c>
      <c r="D119310" s="14" t="s">
        <v>406</v>
      </c>
      <c r="E119310" s="15">
        <v>45696</v>
      </c>
      <c r="F119310" s="14" t="s">
        <v>15</v>
      </c>
      <c r="G119310" s="16">
        <v>0.88364506239380347</v>
      </c>
    </row>
    <row r="119311" spans="1:7" x14ac:dyDescent="0.3">
      <c r="A119311" s="13" t="s">
        <v>561</v>
      </c>
      <c r="B119311" s="14" t="s">
        <v>1</v>
      </c>
      <c r="C119311" s="14" t="s">
        <v>558</v>
      </c>
      <c r="D119311" s="14" t="s">
        <v>406</v>
      </c>
      <c r="E119311" s="15">
        <v>45697</v>
      </c>
      <c r="F119311" s="14" t="s">
        <v>15</v>
      </c>
      <c r="G119311" s="16">
        <v>0.88364506239380347</v>
      </c>
    </row>
    <row r="119312" spans="1:7" x14ac:dyDescent="0.3">
      <c r="A119312" s="13" t="s">
        <v>561</v>
      </c>
      <c r="B119312" s="14" t="s">
        <v>1</v>
      </c>
      <c r="C119312" s="14" t="s">
        <v>558</v>
      </c>
      <c r="D119312" s="14" t="s">
        <v>406</v>
      </c>
      <c r="E119312" s="15">
        <v>45698</v>
      </c>
      <c r="F119312" s="14" t="s">
        <v>15</v>
      </c>
      <c r="G119312" s="16">
        <v>0.88164807670405487</v>
      </c>
    </row>
    <row r="119313" spans="1:7" x14ac:dyDescent="0.3">
      <c r="A119313" s="13" t="s">
        <v>561</v>
      </c>
      <c r="B119313" s="14" t="s">
        <v>1</v>
      </c>
      <c r="C119313" s="14" t="s">
        <v>558</v>
      </c>
      <c r="D119313" s="14" t="s">
        <v>406</v>
      </c>
      <c r="E119313" s="15">
        <v>45699</v>
      </c>
      <c r="F119313" s="14" t="s">
        <v>15</v>
      </c>
      <c r="G119313" s="16">
        <v>0.87565109101430638</v>
      </c>
    </row>
    <row r="119314" spans="1:7" x14ac:dyDescent="0.3">
      <c r="A119314" s="13" t="s">
        <v>561</v>
      </c>
      <c r="B119314" s="14" t="s">
        <v>1</v>
      </c>
      <c r="C119314" s="14" t="s">
        <v>558</v>
      </c>
      <c r="D119314" s="14" t="s">
        <v>406</v>
      </c>
      <c r="E119314" s="15">
        <v>45700</v>
      </c>
      <c r="F119314" s="14" t="s">
        <v>15</v>
      </c>
      <c r="G119314" s="16">
        <v>0.87365410532455778</v>
      </c>
    </row>
    <row r="119315" spans="1:7" x14ac:dyDescent="0.3">
      <c r="A119315" s="13" t="s">
        <v>561</v>
      </c>
      <c r="B119315" s="14" t="s">
        <v>1</v>
      </c>
      <c r="C119315" s="14" t="s">
        <v>558</v>
      </c>
      <c r="D119315" s="14" t="s">
        <v>406</v>
      </c>
      <c r="E119315" s="15">
        <v>45701</v>
      </c>
      <c r="F119315" s="14" t="s">
        <v>15</v>
      </c>
      <c r="G119315" s="16">
        <v>0.87165711963480919</v>
      </c>
    </row>
    <row r="119316" spans="1:7" x14ac:dyDescent="0.3">
      <c r="A119316" s="13" t="s">
        <v>561</v>
      </c>
      <c r="B119316" s="14" t="s">
        <v>1</v>
      </c>
      <c r="C119316" s="14" t="s">
        <v>558</v>
      </c>
      <c r="D119316" s="14" t="s">
        <v>406</v>
      </c>
      <c r="E119316" s="15">
        <v>45702</v>
      </c>
      <c r="F119316" s="14" t="s">
        <v>15</v>
      </c>
      <c r="G119316" s="16">
        <v>0.86966013394506059</v>
      </c>
    </row>
    <row r="119317" spans="1:7" x14ac:dyDescent="0.3">
      <c r="A119317" s="13" t="s">
        <v>561</v>
      </c>
      <c r="B119317" s="14" t="s">
        <v>1</v>
      </c>
      <c r="C119317" s="14" t="s">
        <v>558</v>
      </c>
      <c r="D119317" s="14" t="s">
        <v>406</v>
      </c>
      <c r="E119317" s="15">
        <v>45703</v>
      </c>
      <c r="F119317" s="14" t="s">
        <v>15</v>
      </c>
      <c r="G119317" s="16">
        <v>0.86966013394506059</v>
      </c>
    </row>
    <row r="119318" spans="1:7" x14ac:dyDescent="0.3">
      <c r="A119318" s="13" t="s">
        <v>561</v>
      </c>
      <c r="B119318" s="14" t="s">
        <v>1</v>
      </c>
      <c r="C119318" s="14" t="s">
        <v>558</v>
      </c>
      <c r="D119318" s="14" t="s">
        <v>406</v>
      </c>
      <c r="E119318" s="15">
        <v>45704</v>
      </c>
      <c r="F119318" s="14" t="s">
        <v>15</v>
      </c>
      <c r="G119318" s="16">
        <v>0.86966013394506059</v>
      </c>
    </row>
    <row r="119319" spans="1:7" x14ac:dyDescent="0.3">
      <c r="A119319" s="13" t="s">
        <v>561</v>
      </c>
      <c r="B119319" s="14" t="s">
        <v>1</v>
      </c>
      <c r="C119319" s="14" t="s">
        <v>558</v>
      </c>
      <c r="D119319" s="14" t="s">
        <v>406</v>
      </c>
      <c r="E119319" s="15">
        <v>45705</v>
      </c>
      <c r="F119319" s="14" t="s">
        <v>15</v>
      </c>
      <c r="G119319" s="16">
        <v>0.87066314825531188</v>
      </c>
    </row>
    <row r="119320" spans="1:7" x14ac:dyDescent="0.3">
      <c r="A119320" s="13" t="s">
        <v>561</v>
      </c>
      <c r="B119320" s="14" t="s">
        <v>1</v>
      </c>
      <c r="C119320" s="14" t="s">
        <v>558</v>
      </c>
      <c r="D119320" s="14" t="s">
        <v>406</v>
      </c>
      <c r="E119320" s="15">
        <v>45706</v>
      </c>
      <c r="F119320" s="14" t="s">
        <v>15</v>
      </c>
      <c r="G119320" s="16">
        <v>0.86466616256556339</v>
      </c>
    </row>
    <row r="119321" spans="1:7" x14ac:dyDescent="0.3">
      <c r="A119321" s="13" t="s">
        <v>561</v>
      </c>
      <c r="B119321" s="14" t="s">
        <v>1</v>
      </c>
      <c r="C119321" s="14" t="s">
        <v>558</v>
      </c>
      <c r="D119321" s="14" t="s">
        <v>406</v>
      </c>
      <c r="E119321" s="15">
        <v>45707</v>
      </c>
      <c r="F119321" s="14" t="s">
        <v>15</v>
      </c>
      <c r="G119321" s="16">
        <v>0.90466917687581483</v>
      </c>
    </row>
    <row r="119322" spans="1:7" x14ac:dyDescent="0.3">
      <c r="A119322" s="13" t="s">
        <v>561</v>
      </c>
      <c r="B119322" s="14" t="s">
        <v>1</v>
      </c>
      <c r="C119322" s="14" t="s">
        <v>558</v>
      </c>
      <c r="D119322" s="14" t="s">
        <v>406</v>
      </c>
      <c r="E119322" s="15">
        <v>45708</v>
      </c>
      <c r="F119322" s="14" t="s">
        <v>15</v>
      </c>
      <c r="G119322" s="16">
        <v>0.90267219118606623</v>
      </c>
    </row>
    <row r="119323" spans="1:7" x14ac:dyDescent="0.3">
      <c r="A119323" s="13" t="s">
        <v>561</v>
      </c>
      <c r="B119323" s="14" t="s">
        <v>1</v>
      </c>
      <c r="C119323" s="14" t="s">
        <v>558</v>
      </c>
      <c r="D119323" s="14" t="s">
        <v>406</v>
      </c>
      <c r="E119323" s="15">
        <v>45709</v>
      </c>
      <c r="F119323" s="14" t="s">
        <v>15</v>
      </c>
      <c r="G119323" s="16">
        <v>0.90267520549631752</v>
      </c>
    </row>
    <row r="119324" spans="1:7" x14ac:dyDescent="0.3">
      <c r="A119324" s="13" t="s">
        <v>561</v>
      </c>
      <c r="B119324" s="14" t="s">
        <v>1</v>
      </c>
      <c r="C119324" s="14" t="s">
        <v>558</v>
      </c>
      <c r="D119324" s="14" t="s">
        <v>406</v>
      </c>
      <c r="E119324" s="15">
        <v>45710</v>
      </c>
      <c r="F119324" s="14" t="s">
        <v>15</v>
      </c>
      <c r="G119324" s="16">
        <v>0.90267520549631752</v>
      </c>
    </row>
    <row r="119325" spans="1:7" x14ac:dyDescent="0.3">
      <c r="A119325" s="13" t="s">
        <v>561</v>
      </c>
      <c r="B119325" s="14" t="s">
        <v>1</v>
      </c>
      <c r="C119325" s="14" t="s">
        <v>558</v>
      </c>
      <c r="D119325" s="14" t="s">
        <v>406</v>
      </c>
      <c r="E119325" s="15">
        <v>45711</v>
      </c>
      <c r="F119325" s="14" t="s">
        <v>15</v>
      </c>
      <c r="G119325" s="16">
        <v>0.90267520549631752</v>
      </c>
    </row>
    <row r="119326" spans="1:7" x14ac:dyDescent="0.3">
      <c r="A119326" s="13" t="s">
        <v>561</v>
      </c>
      <c r="B119326" s="14" t="s">
        <v>1</v>
      </c>
      <c r="C119326" s="14" t="s">
        <v>558</v>
      </c>
      <c r="D119326" s="14" t="s">
        <v>406</v>
      </c>
      <c r="E119326" s="15">
        <v>45712</v>
      </c>
      <c r="F119326" s="14" t="s">
        <v>15</v>
      </c>
      <c r="G119326" s="16">
        <v>0.90067821980656892</v>
      </c>
    </row>
    <row r="119327" spans="1:7" x14ac:dyDescent="0.3">
      <c r="A119327" s="13" t="s">
        <v>561</v>
      </c>
      <c r="B119327" s="14" t="s">
        <v>1</v>
      </c>
      <c r="C119327" s="14" t="s">
        <v>558</v>
      </c>
      <c r="D119327" s="14" t="s">
        <v>406</v>
      </c>
      <c r="E119327" s="15">
        <v>45713</v>
      </c>
      <c r="F119327" s="14" t="s">
        <v>15</v>
      </c>
      <c r="G119327" s="16">
        <v>0.89468123411682043</v>
      </c>
    </row>
    <row r="119328" spans="1:7" x14ac:dyDescent="0.3">
      <c r="A119328" s="13" t="s">
        <v>561</v>
      </c>
      <c r="B119328" s="14" t="s">
        <v>1</v>
      </c>
      <c r="C119328" s="14" t="s">
        <v>558</v>
      </c>
      <c r="D119328" s="14" t="s">
        <v>406</v>
      </c>
      <c r="E119328" s="15">
        <v>45714</v>
      </c>
      <c r="F119328" s="14" t="s">
        <v>15</v>
      </c>
      <c r="G119328" s="16">
        <v>0.89268424842707184</v>
      </c>
    </row>
    <row r="119329" spans="1:7" x14ac:dyDescent="0.3">
      <c r="A119329" s="13" t="s">
        <v>561</v>
      </c>
      <c r="B119329" s="14" t="s">
        <v>1</v>
      </c>
      <c r="C119329" s="14" t="s">
        <v>558</v>
      </c>
      <c r="D119329" s="14" t="s">
        <v>406</v>
      </c>
      <c r="E119329" s="15">
        <v>45715</v>
      </c>
      <c r="F119329" s="14" t="s">
        <v>15</v>
      </c>
      <c r="G119329" s="16">
        <v>0.88968726273732324</v>
      </c>
    </row>
    <row r="119330" spans="1:7" x14ac:dyDescent="0.3">
      <c r="A119330" s="13" t="s">
        <v>561</v>
      </c>
      <c r="B119330" s="14" t="s">
        <v>1</v>
      </c>
      <c r="C119330" s="14" t="s">
        <v>558</v>
      </c>
      <c r="D119330" s="14" t="s">
        <v>406</v>
      </c>
      <c r="E119330" s="15">
        <v>45716</v>
      </c>
      <c r="F119330" s="14" t="s">
        <v>15</v>
      </c>
      <c r="G119330" s="16">
        <v>0.92769027704757467</v>
      </c>
    </row>
    <row r="119331" spans="1:7" x14ac:dyDescent="0.3">
      <c r="A119331" s="13" t="s">
        <v>561</v>
      </c>
      <c r="B119331" s="14" t="s">
        <v>1</v>
      </c>
      <c r="C119331" s="14" t="s">
        <v>558</v>
      </c>
      <c r="D119331" s="14" t="s">
        <v>406</v>
      </c>
      <c r="E119331" s="15">
        <v>45717</v>
      </c>
      <c r="F119331" s="14" t="s">
        <v>15</v>
      </c>
      <c r="G119331" s="16">
        <v>0.92769027704757467</v>
      </c>
    </row>
    <row r="119332" spans="1:7" x14ac:dyDescent="0.3">
      <c r="A119332" s="13" t="s">
        <v>561</v>
      </c>
      <c r="B119332" s="14" t="s">
        <v>1</v>
      </c>
      <c r="C119332" s="14" t="s">
        <v>558</v>
      </c>
      <c r="D119332" s="14" t="s">
        <v>406</v>
      </c>
      <c r="E119332" s="15">
        <v>45718</v>
      </c>
      <c r="F119332" s="14" t="s">
        <v>15</v>
      </c>
      <c r="G119332" s="16">
        <v>0.92769027704757467</v>
      </c>
    </row>
    <row r="119333" spans="1:7" x14ac:dyDescent="0.3">
      <c r="A119333" s="13" t="s">
        <v>561</v>
      </c>
      <c r="B119333" s="14" t="s">
        <v>1</v>
      </c>
      <c r="C119333" s="14" t="s">
        <v>558</v>
      </c>
      <c r="D119333" s="14" t="s">
        <v>406</v>
      </c>
      <c r="E119333" s="15">
        <v>45719</v>
      </c>
      <c r="F119333" s="14" t="s">
        <v>15</v>
      </c>
      <c r="G119333" s="16">
        <v>0.93069329135782619</v>
      </c>
    </row>
    <row r="119334" spans="1:7" x14ac:dyDescent="0.3">
      <c r="A119334" s="13" t="s">
        <v>561</v>
      </c>
      <c r="B119334" s="14" t="s">
        <v>1</v>
      </c>
      <c r="C119334" s="14" t="s">
        <v>558</v>
      </c>
      <c r="D119334" s="14" t="s">
        <v>406</v>
      </c>
      <c r="E119334" s="15">
        <v>45720</v>
      </c>
      <c r="F119334" s="14" t="s">
        <v>15</v>
      </c>
      <c r="G119334" s="16">
        <v>0.92569630566807759</v>
      </c>
    </row>
    <row r="119335" spans="1:7" x14ac:dyDescent="0.3">
      <c r="A119335" s="13" t="s">
        <v>561</v>
      </c>
      <c r="B119335" s="14" t="s">
        <v>1</v>
      </c>
      <c r="C119335" s="14" t="s">
        <v>558</v>
      </c>
      <c r="D119335" s="14" t="s">
        <v>406</v>
      </c>
      <c r="E119335" s="15">
        <v>45721</v>
      </c>
      <c r="F119335" s="14" t="s">
        <v>15</v>
      </c>
      <c r="G119335" s="16">
        <v>0.92369931997832899</v>
      </c>
    </row>
    <row r="119336" spans="1:7" x14ac:dyDescent="0.3">
      <c r="A119336" s="13" t="s">
        <v>561</v>
      </c>
      <c r="B119336" s="14" t="s">
        <v>1</v>
      </c>
      <c r="C119336" s="14" t="s">
        <v>558</v>
      </c>
      <c r="D119336" s="14" t="s">
        <v>406</v>
      </c>
      <c r="E119336" s="15">
        <v>45722</v>
      </c>
      <c r="F119336" s="14" t="s">
        <v>15</v>
      </c>
      <c r="G119336" s="16">
        <v>0.94070233428858041</v>
      </c>
    </row>
    <row r="119337" spans="1:7" x14ac:dyDescent="0.3">
      <c r="A119337" s="13" t="s">
        <v>561</v>
      </c>
      <c r="B119337" s="14" t="s">
        <v>1</v>
      </c>
      <c r="C119337" s="14" t="s">
        <v>558</v>
      </c>
      <c r="D119337" s="14" t="s">
        <v>406</v>
      </c>
      <c r="E119337" s="15">
        <v>45723</v>
      </c>
      <c r="F119337" s="14" t="s">
        <v>15</v>
      </c>
      <c r="G119337" s="16">
        <v>0.93970534859883181</v>
      </c>
    </row>
    <row r="119338" spans="1:7" x14ac:dyDescent="0.3">
      <c r="A119338" s="13" t="s">
        <v>561</v>
      </c>
      <c r="B119338" s="14" t="s">
        <v>1</v>
      </c>
      <c r="C119338" s="14" t="s">
        <v>558</v>
      </c>
      <c r="D119338" s="14" t="s">
        <v>406</v>
      </c>
      <c r="E119338" s="15">
        <v>45724</v>
      </c>
      <c r="F119338" s="14" t="s">
        <v>15</v>
      </c>
      <c r="G119338" s="16">
        <v>0.93970534859883181</v>
      </c>
    </row>
    <row r="119339" spans="1:7" x14ac:dyDescent="0.3">
      <c r="A119339" s="13" t="s">
        <v>561</v>
      </c>
      <c r="B119339" s="14" t="s">
        <v>1</v>
      </c>
      <c r="C119339" s="14" t="s">
        <v>558</v>
      </c>
      <c r="D119339" s="14" t="s">
        <v>406</v>
      </c>
      <c r="E119339" s="15">
        <v>45725</v>
      </c>
      <c r="F119339" s="14" t="s">
        <v>15</v>
      </c>
      <c r="G119339" s="16">
        <v>0.93970534859883181</v>
      </c>
    </row>
    <row r="119340" spans="1:7" x14ac:dyDescent="0.3">
      <c r="A119340" s="13" t="s">
        <v>561</v>
      </c>
      <c r="B119340" s="14" t="s">
        <v>1</v>
      </c>
      <c r="C119340" s="14" t="s">
        <v>558</v>
      </c>
      <c r="D119340" s="14" t="s">
        <v>406</v>
      </c>
      <c r="E119340" s="15">
        <v>45726</v>
      </c>
      <c r="F119340" s="14" t="s">
        <v>15</v>
      </c>
      <c r="G119340" s="16">
        <v>0.93770836290908322</v>
      </c>
    </row>
    <row r="119341" spans="1:7" x14ac:dyDescent="0.3">
      <c r="A119341" s="13" t="s">
        <v>561</v>
      </c>
      <c r="B119341" s="14" t="s">
        <v>1</v>
      </c>
      <c r="C119341" s="14" t="s">
        <v>558</v>
      </c>
      <c r="D119341" s="14" t="s">
        <v>406</v>
      </c>
      <c r="E119341" s="15">
        <v>45727</v>
      </c>
      <c r="F119341" s="14" t="s">
        <v>15</v>
      </c>
      <c r="G119341" s="16">
        <v>0.93171137721933461</v>
      </c>
    </row>
    <row r="119342" spans="1:7" x14ac:dyDescent="0.3">
      <c r="A119342" s="13" t="s">
        <v>561</v>
      </c>
      <c r="B119342" s="14" t="s">
        <v>1</v>
      </c>
      <c r="C119342" s="14" t="s">
        <v>558</v>
      </c>
      <c r="D119342" s="14" t="s">
        <v>406</v>
      </c>
      <c r="E119342" s="15">
        <v>45728</v>
      </c>
      <c r="F119342" s="14" t="s">
        <v>15</v>
      </c>
      <c r="G119342" s="16">
        <v>0.93271439152958602</v>
      </c>
    </row>
    <row r="119343" spans="1:7" x14ac:dyDescent="0.3">
      <c r="A119343" s="13" t="s">
        <v>561</v>
      </c>
      <c r="B119343" s="14" t="s">
        <v>1</v>
      </c>
      <c r="C119343" s="14" t="s">
        <v>558</v>
      </c>
      <c r="D119343" s="14" t="s">
        <v>406</v>
      </c>
      <c r="E119343" s="15">
        <v>45729</v>
      </c>
      <c r="F119343" s="14" t="s">
        <v>15</v>
      </c>
      <c r="G119343" s="16">
        <v>0.94971740583983733</v>
      </c>
    </row>
    <row r="119344" spans="1:7" x14ac:dyDescent="0.3">
      <c r="A119344" s="13" t="s">
        <v>561</v>
      </c>
      <c r="B119344" s="14" t="s">
        <v>1</v>
      </c>
      <c r="C119344" s="14" t="s">
        <v>558</v>
      </c>
      <c r="D119344" s="14" t="s">
        <v>406</v>
      </c>
      <c r="E119344" s="15">
        <v>45730</v>
      </c>
      <c r="F119344" s="14" t="s">
        <v>15</v>
      </c>
      <c r="G119344" s="16">
        <v>0.95172042015008884</v>
      </c>
    </row>
    <row r="119345" spans="1:7" x14ac:dyDescent="0.3">
      <c r="A119345" s="13" t="s">
        <v>561</v>
      </c>
      <c r="B119345" s="14" t="s">
        <v>1</v>
      </c>
      <c r="C119345" s="14" t="s">
        <v>558</v>
      </c>
      <c r="D119345" s="14" t="s">
        <v>406</v>
      </c>
      <c r="E119345" s="15">
        <v>45731</v>
      </c>
      <c r="F119345" s="14" t="s">
        <v>15</v>
      </c>
      <c r="G119345" s="16">
        <v>0.95172042015008884</v>
      </c>
    </row>
    <row r="119346" spans="1:7" x14ac:dyDescent="0.3">
      <c r="A119346" s="13" t="s">
        <v>561</v>
      </c>
      <c r="B119346" s="14" t="s">
        <v>1</v>
      </c>
      <c r="C119346" s="14" t="s">
        <v>558</v>
      </c>
      <c r="D119346" s="14" t="s">
        <v>406</v>
      </c>
      <c r="E119346" s="15">
        <v>45732</v>
      </c>
      <c r="F119346" s="14" t="s">
        <v>15</v>
      </c>
      <c r="G119346" s="16">
        <v>0.95172042015008884</v>
      </c>
    </row>
    <row r="119347" spans="1:7" x14ac:dyDescent="0.3">
      <c r="A119347" s="13" t="s">
        <v>561</v>
      </c>
      <c r="B119347" s="14" t="s">
        <v>1</v>
      </c>
      <c r="C119347" s="14" t="s">
        <v>558</v>
      </c>
      <c r="D119347" s="14" t="s">
        <v>406</v>
      </c>
      <c r="E119347" s="15">
        <v>45733</v>
      </c>
      <c r="F119347" s="14" t="s">
        <v>15</v>
      </c>
      <c r="G119347" s="16">
        <v>0.95172042015008884</v>
      </c>
    </row>
    <row r="119348" spans="1:7" x14ac:dyDescent="0.3">
      <c r="A119348" s="13" t="s">
        <v>561</v>
      </c>
      <c r="B119348" s="14" t="s">
        <v>1</v>
      </c>
      <c r="C119348" s="14" t="s">
        <v>558</v>
      </c>
      <c r="D119348" s="14" t="s">
        <v>406</v>
      </c>
      <c r="E119348" s="15">
        <v>45734</v>
      </c>
      <c r="F119348" s="14" t="s">
        <v>15</v>
      </c>
      <c r="G119348" s="16">
        <v>0.95572343446034025</v>
      </c>
    </row>
    <row r="119349" spans="1:7" x14ac:dyDescent="0.3">
      <c r="A119349" s="13" t="s">
        <v>561</v>
      </c>
      <c r="B119349" s="14" t="s">
        <v>1</v>
      </c>
      <c r="C119349" s="14" t="s">
        <v>558</v>
      </c>
      <c r="D119349" s="14" t="s">
        <v>406</v>
      </c>
      <c r="E119349" s="15">
        <v>45735</v>
      </c>
      <c r="F119349" s="14" t="s">
        <v>15</v>
      </c>
      <c r="G119349" s="16">
        <v>1.0197264487705917</v>
      </c>
    </row>
    <row r="119350" spans="1:7" x14ac:dyDescent="0.3">
      <c r="A119350" s="13" t="s">
        <v>561</v>
      </c>
      <c r="B119350" s="14" t="s">
        <v>1</v>
      </c>
      <c r="C119350" s="14" t="s">
        <v>558</v>
      </c>
      <c r="D119350" s="14" t="s">
        <v>406</v>
      </c>
      <c r="E119350" s="15">
        <v>45736</v>
      </c>
      <c r="F119350" s="14" t="s">
        <v>15</v>
      </c>
      <c r="G119350" s="16">
        <v>1.0177294630808431</v>
      </c>
    </row>
    <row r="119351" spans="1:7" x14ac:dyDescent="0.3">
      <c r="A119351" s="13" t="s">
        <v>561</v>
      </c>
      <c r="B119351" s="14" t="s">
        <v>1</v>
      </c>
      <c r="C119351" s="14" t="s">
        <v>558</v>
      </c>
      <c r="D119351" s="14" t="s">
        <v>406</v>
      </c>
      <c r="E119351" s="15">
        <v>45737</v>
      </c>
      <c r="F119351" s="14" t="s">
        <v>15</v>
      </c>
      <c r="G119351" s="16">
        <v>1.0287324773910946</v>
      </c>
    </row>
    <row r="119352" spans="1:7" x14ac:dyDescent="0.3">
      <c r="A119352" s="13" t="s">
        <v>561</v>
      </c>
      <c r="B119352" s="14" t="s">
        <v>1</v>
      </c>
      <c r="C119352" s="14" t="s">
        <v>558</v>
      </c>
      <c r="D119352" s="14" t="s">
        <v>406</v>
      </c>
      <c r="E119352" s="15">
        <v>45738</v>
      </c>
      <c r="F119352" s="14" t="s">
        <v>15</v>
      </c>
      <c r="G119352" s="16">
        <v>1.0287324773910946</v>
      </c>
    </row>
    <row r="119353" spans="1:7" x14ac:dyDescent="0.3">
      <c r="A119353" s="13" t="s">
        <v>561</v>
      </c>
      <c r="B119353" s="14" t="s">
        <v>1</v>
      </c>
      <c r="C119353" s="14" t="s">
        <v>558</v>
      </c>
      <c r="D119353" s="14" t="s">
        <v>406</v>
      </c>
      <c r="E119353" s="15">
        <v>45739</v>
      </c>
      <c r="F119353" s="14" t="s">
        <v>15</v>
      </c>
      <c r="G119353" s="16">
        <v>1.0287324773910946</v>
      </c>
    </row>
    <row r="119354" spans="1:7" x14ac:dyDescent="0.3">
      <c r="A119354" s="13" t="s">
        <v>561</v>
      </c>
      <c r="B119354" s="14" t="s">
        <v>1</v>
      </c>
      <c r="C119354" s="14" t="s">
        <v>558</v>
      </c>
      <c r="D119354" s="14" t="s">
        <v>406</v>
      </c>
      <c r="E119354" s="15">
        <v>45740</v>
      </c>
      <c r="F119354" s="14" t="s">
        <v>15</v>
      </c>
      <c r="G119354" s="16">
        <v>1.0487354917013461</v>
      </c>
    </row>
    <row r="119355" spans="1:7" x14ac:dyDescent="0.3">
      <c r="A119355" s="13" t="s">
        <v>561</v>
      </c>
      <c r="B119355" s="14" t="s">
        <v>1</v>
      </c>
      <c r="C119355" s="14" t="s">
        <v>558</v>
      </c>
      <c r="D119355" s="14" t="s">
        <v>406</v>
      </c>
      <c r="E119355" s="15">
        <v>45741</v>
      </c>
      <c r="F119355" s="14" t="s">
        <v>15</v>
      </c>
      <c r="G119355" s="16">
        <v>1.0427385060115975</v>
      </c>
    </row>
    <row r="119356" spans="1:7" x14ac:dyDescent="0.3">
      <c r="A119356" s="13" t="s">
        <v>561</v>
      </c>
      <c r="B119356" s="14" t="s">
        <v>1</v>
      </c>
      <c r="C119356" s="14" t="s">
        <v>558</v>
      </c>
      <c r="D119356" s="14" t="s">
        <v>406</v>
      </c>
      <c r="E119356" s="15">
        <v>45742</v>
      </c>
      <c r="F119356" s="14" t="s">
        <v>15</v>
      </c>
      <c r="G119356" s="16">
        <v>1.0407415203218489</v>
      </c>
    </row>
    <row r="119357" spans="1:7" x14ac:dyDescent="0.3">
      <c r="A119357" s="13" t="s">
        <v>561</v>
      </c>
      <c r="B119357" s="14" t="s">
        <v>1</v>
      </c>
      <c r="C119357" s="14" t="s">
        <v>558</v>
      </c>
      <c r="D119357" s="14" t="s">
        <v>406</v>
      </c>
      <c r="E119357" s="15">
        <v>45743</v>
      </c>
      <c r="F119357" s="14" t="s">
        <v>15</v>
      </c>
      <c r="G119357" s="16">
        <v>1.0457445346321004</v>
      </c>
    </row>
    <row r="119358" spans="1:7" x14ac:dyDescent="0.3">
      <c r="A119358" s="13" t="s">
        <v>561</v>
      </c>
      <c r="B119358" s="14" t="s">
        <v>1</v>
      </c>
      <c r="C119358" s="14" t="s">
        <v>558</v>
      </c>
      <c r="D119358" s="14" t="s">
        <v>406</v>
      </c>
      <c r="E119358" s="15">
        <v>45744</v>
      </c>
      <c r="F119358" s="14" t="s">
        <v>15</v>
      </c>
      <c r="G119358" s="16">
        <v>1.0437475489423518</v>
      </c>
    </row>
    <row r="119359" spans="1:7" x14ac:dyDescent="0.3">
      <c r="A119359" s="13" t="s">
        <v>561</v>
      </c>
      <c r="B119359" s="14" t="s">
        <v>1</v>
      </c>
      <c r="C119359" s="14" t="s">
        <v>558</v>
      </c>
      <c r="D119359" s="14" t="s">
        <v>406</v>
      </c>
      <c r="E119359" s="15">
        <v>45745</v>
      </c>
      <c r="F119359" s="14" t="s">
        <v>15</v>
      </c>
      <c r="G119359" s="16">
        <v>1.0437475489423518</v>
      </c>
    </row>
    <row r="119360" spans="1:7" x14ac:dyDescent="0.3">
      <c r="A119360" s="13" t="s">
        <v>561</v>
      </c>
      <c r="B119360" s="14" t="s">
        <v>1</v>
      </c>
      <c r="C119360" s="14" t="s">
        <v>558</v>
      </c>
      <c r="D119360" s="14" t="s">
        <v>406</v>
      </c>
      <c r="E119360" s="15">
        <v>45746</v>
      </c>
      <c r="F119360" s="14" t="s">
        <v>15</v>
      </c>
      <c r="G119360" s="16">
        <v>1.0437475489423518</v>
      </c>
    </row>
    <row r="119361" spans="1:7" x14ac:dyDescent="0.3">
      <c r="A119361" s="13" t="s">
        <v>561</v>
      </c>
      <c r="B119361" s="14" t="s">
        <v>1</v>
      </c>
      <c r="C119361" s="14" t="s">
        <v>558</v>
      </c>
      <c r="D119361" s="14" t="s">
        <v>406</v>
      </c>
      <c r="E119361" s="15">
        <v>45747</v>
      </c>
      <c r="F119361" s="14" t="s">
        <v>15</v>
      </c>
      <c r="G119361" s="16">
        <v>1.0657505632526032</v>
      </c>
    </row>
    <row r="119362" spans="1:7" x14ac:dyDescent="0.3">
      <c r="A119362" s="13" t="s">
        <v>562</v>
      </c>
      <c r="B119362" s="14" t="s">
        <v>1</v>
      </c>
      <c r="C119362" s="14" t="s">
        <v>558</v>
      </c>
      <c r="D119362" s="14" t="s">
        <v>18</v>
      </c>
      <c r="E119362" s="15">
        <v>45383</v>
      </c>
      <c r="F119362" s="14" t="s">
        <v>15</v>
      </c>
      <c r="G119362" s="16">
        <v>0</v>
      </c>
    </row>
    <row r="119363" spans="1:7" x14ac:dyDescent="0.3">
      <c r="A119363" s="13" t="s">
        <v>562</v>
      </c>
      <c r="B119363" s="14" t="s">
        <v>1</v>
      </c>
      <c r="C119363" s="14" t="s">
        <v>558</v>
      </c>
      <c r="D119363" s="14" t="s">
        <v>18</v>
      </c>
      <c r="E119363" s="15">
        <v>45384</v>
      </c>
      <c r="F119363" s="14" t="s">
        <v>15</v>
      </c>
      <c r="G119363" s="16">
        <v>0</v>
      </c>
    </row>
    <row r="119364" spans="1:7" x14ac:dyDescent="0.3">
      <c r="A119364" s="13" t="s">
        <v>562</v>
      </c>
      <c r="B119364" s="14" t="s">
        <v>1</v>
      </c>
      <c r="C119364" s="14" t="s">
        <v>558</v>
      </c>
      <c r="D119364" s="14" t="s">
        <v>18</v>
      </c>
      <c r="E119364" s="15">
        <v>45385</v>
      </c>
      <c r="F119364" s="14" t="s">
        <v>15</v>
      </c>
      <c r="G119364" s="16">
        <v>0</v>
      </c>
    </row>
    <row r="119365" spans="1:7" x14ac:dyDescent="0.3">
      <c r="A119365" s="13" t="s">
        <v>562</v>
      </c>
      <c r="B119365" s="14" t="s">
        <v>1</v>
      </c>
      <c r="C119365" s="14" t="s">
        <v>558</v>
      </c>
      <c r="D119365" s="14" t="s">
        <v>18</v>
      </c>
      <c r="E119365" s="15">
        <v>45386</v>
      </c>
      <c r="F119365" s="14" t="s">
        <v>15</v>
      </c>
      <c r="G119365" s="16">
        <v>1.0933916296014105E-3</v>
      </c>
    </row>
    <row r="119366" spans="1:7" x14ac:dyDescent="0.3">
      <c r="A119366" s="13" t="s">
        <v>562</v>
      </c>
      <c r="B119366" s="14" t="s">
        <v>1</v>
      </c>
      <c r="C119366" s="14" t="s">
        <v>558</v>
      </c>
      <c r="D119366" s="14" t="s">
        <v>18</v>
      </c>
      <c r="E119366" s="15">
        <v>45387</v>
      </c>
      <c r="F119366" s="14" t="s">
        <v>15</v>
      </c>
      <c r="G119366" s="16">
        <v>0</v>
      </c>
    </row>
    <row r="119367" spans="1:7" x14ac:dyDescent="0.3">
      <c r="A119367" s="13" t="s">
        <v>562</v>
      </c>
      <c r="B119367" s="14" t="s">
        <v>1</v>
      </c>
      <c r="C119367" s="14" t="s">
        <v>558</v>
      </c>
      <c r="D119367" s="14" t="s">
        <v>18</v>
      </c>
      <c r="E119367" s="15">
        <v>45388</v>
      </c>
      <c r="F119367" s="14" t="s">
        <v>15</v>
      </c>
      <c r="G119367" s="16">
        <v>0</v>
      </c>
    </row>
    <row r="119368" spans="1:7" x14ac:dyDescent="0.3">
      <c r="A119368" s="13" t="s">
        <v>562</v>
      </c>
      <c r="B119368" s="14" t="s">
        <v>1</v>
      </c>
      <c r="C119368" s="14" t="s">
        <v>558</v>
      </c>
      <c r="D119368" s="14" t="s">
        <v>18</v>
      </c>
      <c r="E119368" s="15">
        <v>45389</v>
      </c>
      <c r="F119368" s="14" t="s">
        <v>15</v>
      </c>
      <c r="G119368" s="16">
        <v>0</v>
      </c>
    </row>
    <row r="119369" spans="1:7" x14ac:dyDescent="0.3">
      <c r="A119369" s="13" t="s">
        <v>562</v>
      </c>
      <c r="B119369" s="14" t="s">
        <v>1</v>
      </c>
      <c r="C119369" s="14" t="s">
        <v>558</v>
      </c>
      <c r="D119369" s="14" t="s">
        <v>18</v>
      </c>
      <c r="E119369" s="15">
        <v>45390</v>
      </c>
      <c r="F119369" s="14" t="s">
        <v>15</v>
      </c>
      <c r="G119369" s="16">
        <v>0</v>
      </c>
    </row>
    <row r="119370" spans="1:7" x14ac:dyDescent="0.3">
      <c r="A119370" s="13" t="s">
        <v>562</v>
      </c>
      <c r="B119370" s="14" t="s">
        <v>1</v>
      </c>
      <c r="C119370" s="14" t="s">
        <v>558</v>
      </c>
      <c r="D119370" s="14" t="s">
        <v>18</v>
      </c>
      <c r="E119370" s="15">
        <v>45391</v>
      </c>
      <c r="F119370" s="14" t="s">
        <v>15</v>
      </c>
      <c r="G119370" s="16">
        <v>3.9937013851668503E-3</v>
      </c>
    </row>
    <row r="119371" spans="1:7" x14ac:dyDescent="0.3">
      <c r="A119371" s="13" t="s">
        <v>562</v>
      </c>
      <c r="B119371" s="14" t="s">
        <v>1</v>
      </c>
      <c r="C119371" s="14" t="s">
        <v>558</v>
      </c>
      <c r="D119371" s="14" t="s">
        <v>18</v>
      </c>
      <c r="E119371" s="15">
        <v>45392</v>
      </c>
      <c r="F119371" s="14" t="s">
        <v>15</v>
      </c>
      <c r="G119371" s="16">
        <v>2.1746213964640097E-2</v>
      </c>
    </row>
    <row r="119372" spans="1:7" x14ac:dyDescent="0.3">
      <c r="A119372" s="13" t="s">
        <v>562</v>
      </c>
      <c r="B119372" s="14" t="s">
        <v>1</v>
      </c>
      <c r="C119372" s="14" t="s">
        <v>558</v>
      </c>
      <c r="D119372" s="14" t="s">
        <v>18</v>
      </c>
      <c r="E119372" s="15">
        <v>45393</v>
      </c>
      <c r="F119372" s="14" t="s">
        <v>15</v>
      </c>
      <c r="G119372" s="16">
        <v>3.6853202044076439E-2</v>
      </c>
    </row>
    <row r="119373" spans="1:7" x14ac:dyDescent="0.3">
      <c r="A119373" s="13" t="s">
        <v>562</v>
      </c>
      <c r="B119373" s="14" t="s">
        <v>1</v>
      </c>
      <c r="C119373" s="14" t="s">
        <v>558</v>
      </c>
      <c r="D119373" s="14" t="s">
        <v>18</v>
      </c>
      <c r="E119373" s="15">
        <v>45394</v>
      </c>
      <c r="F119373" s="14" t="s">
        <v>15</v>
      </c>
      <c r="G119373" s="16">
        <v>3.5057720784700853E-2</v>
      </c>
    </row>
    <row r="119374" spans="1:7" x14ac:dyDescent="0.3">
      <c r="A119374" s="13" t="s">
        <v>562</v>
      </c>
      <c r="B119374" s="14" t="s">
        <v>1</v>
      </c>
      <c r="C119374" s="14" t="s">
        <v>558</v>
      </c>
      <c r="D119374" s="14" t="s">
        <v>18</v>
      </c>
      <c r="E119374" s="15">
        <v>45395</v>
      </c>
      <c r="F119374" s="14" t="s">
        <v>15</v>
      </c>
      <c r="G119374" s="16">
        <v>3.5057720784700853E-2</v>
      </c>
    </row>
    <row r="119375" spans="1:7" x14ac:dyDescent="0.3">
      <c r="A119375" s="13" t="s">
        <v>562</v>
      </c>
      <c r="B119375" s="14" t="s">
        <v>1</v>
      </c>
      <c r="C119375" s="14" t="s">
        <v>558</v>
      </c>
      <c r="D119375" s="14" t="s">
        <v>18</v>
      </c>
      <c r="E119375" s="15">
        <v>45396</v>
      </c>
      <c r="F119375" s="14" t="s">
        <v>15</v>
      </c>
      <c r="G119375" s="16">
        <v>3.5057720784700853E-2</v>
      </c>
    </row>
    <row r="119376" spans="1:7" x14ac:dyDescent="0.3">
      <c r="A119376" s="13" t="s">
        <v>562</v>
      </c>
      <c r="B119376" s="14" t="s">
        <v>1</v>
      </c>
      <c r="C119376" s="14" t="s">
        <v>558</v>
      </c>
      <c r="D119376" s="14" t="s">
        <v>18</v>
      </c>
      <c r="E119376" s="15">
        <v>45397</v>
      </c>
      <c r="F119376" s="14" t="s">
        <v>15</v>
      </c>
      <c r="G119376" s="16">
        <v>5.6807520621107895E-2</v>
      </c>
    </row>
    <row r="119377" spans="1:7" x14ac:dyDescent="0.3">
      <c r="A119377" s="13" t="s">
        <v>562</v>
      </c>
      <c r="B119377" s="14" t="s">
        <v>1</v>
      </c>
      <c r="C119377" s="14" t="s">
        <v>558</v>
      </c>
      <c r="D119377" s="14" t="s">
        <v>18</v>
      </c>
      <c r="E119377" s="15">
        <v>45398</v>
      </c>
      <c r="F119377" s="14" t="s">
        <v>15</v>
      </c>
      <c r="G119377" s="16">
        <v>5.2202545623477495E-2</v>
      </c>
    </row>
    <row r="119378" spans="1:7" x14ac:dyDescent="0.3">
      <c r="A119378" s="13" t="s">
        <v>562</v>
      </c>
      <c r="B119378" s="14" t="s">
        <v>1</v>
      </c>
      <c r="C119378" s="14" t="s">
        <v>558</v>
      </c>
      <c r="D119378" s="14" t="s">
        <v>18</v>
      </c>
      <c r="E119378" s="15">
        <v>45399</v>
      </c>
      <c r="F119378" s="14" t="s">
        <v>15</v>
      </c>
      <c r="G119378" s="16">
        <v>5.0718864133544338E-2</v>
      </c>
    </row>
    <row r="119379" spans="1:7" x14ac:dyDescent="0.3">
      <c r="A119379" s="13" t="s">
        <v>562</v>
      </c>
      <c r="B119379" s="14" t="s">
        <v>1</v>
      </c>
      <c r="C119379" s="14" t="s">
        <v>558</v>
      </c>
      <c r="D119379" s="14" t="s">
        <v>18</v>
      </c>
      <c r="E119379" s="15">
        <v>45400</v>
      </c>
      <c r="F119379" s="14" t="s">
        <v>15</v>
      </c>
      <c r="G119379" s="16">
        <v>4.7465382457306304E-2</v>
      </c>
    </row>
    <row r="119380" spans="1:7" x14ac:dyDescent="0.3">
      <c r="A119380" s="13" t="s">
        <v>562</v>
      </c>
      <c r="B119380" s="14" t="s">
        <v>1</v>
      </c>
      <c r="C119380" s="14" t="s">
        <v>558</v>
      </c>
      <c r="D119380" s="14" t="s">
        <v>18</v>
      </c>
      <c r="E119380" s="15">
        <v>45401</v>
      </c>
      <c r="F119380" s="14" t="s">
        <v>15</v>
      </c>
      <c r="G119380" s="16">
        <v>4.6993440239555942E-2</v>
      </c>
    </row>
    <row r="119381" spans="1:7" x14ac:dyDescent="0.3">
      <c r="A119381" s="13" t="s">
        <v>562</v>
      </c>
      <c r="B119381" s="14" t="s">
        <v>1</v>
      </c>
      <c r="C119381" s="14" t="s">
        <v>558</v>
      </c>
      <c r="D119381" s="14" t="s">
        <v>18</v>
      </c>
      <c r="E119381" s="15">
        <v>45402</v>
      </c>
      <c r="F119381" s="14" t="s">
        <v>15</v>
      </c>
      <c r="G119381" s="16">
        <v>4.6993440239555942E-2</v>
      </c>
    </row>
    <row r="119382" spans="1:7" x14ac:dyDescent="0.3">
      <c r="A119382" s="13" t="s">
        <v>562</v>
      </c>
      <c r="B119382" s="14" t="s">
        <v>1</v>
      </c>
      <c r="C119382" s="14" t="s">
        <v>558</v>
      </c>
      <c r="D119382" s="14" t="s">
        <v>18</v>
      </c>
      <c r="E119382" s="15">
        <v>45403</v>
      </c>
      <c r="F119382" s="14" t="s">
        <v>15</v>
      </c>
      <c r="G119382" s="16">
        <v>4.6993440239555942E-2</v>
      </c>
    </row>
    <row r="119383" spans="1:7" x14ac:dyDescent="0.3">
      <c r="A119383" s="13" t="s">
        <v>562</v>
      </c>
      <c r="B119383" s="14" t="s">
        <v>1</v>
      </c>
      <c r="C119383" s="14" t="s">
        <v>558</v>
      </c>
      <c r="D119383" s="14" t="s">
        <v>18</v>
      </c>
      <c r="E119383" s="15">
        <v>45404</v>
      </c>
      <c r="F119383" s="14" t="s">
        <v>15</v>
      </c>
      <c r="G119383" s="16">
        <v>4.5221090273208885E-2</v>
      </c>
    </row>
    <row r="119384" spans="1:7" x14ac:dyDescent="0.3">
      <c r="A119384" s="13" t="s">
        <v>562</v>
      </c>
      <c r="B119384" s="14" t="s">
        <v>1</v>
      </c>
      <c r="C119384" s="14" t="s">
        <v>558</v>
      </c>
      <c r="D119384" s="14" t="s">
        <v>18</v>
      </c>
      <c r="E119384" s="15">
        <v>45405</v>
      </c>
      <c r="F119384" s="14" t="s">
        <v>15</v>
      </c>
      <c r="G119384" s="16">
        <v>4.7191895692991342E-2</v>
      </c>
    </row>
    <row r="119385" spans="1:7" x14ac:dyDescent="0.3">
      <c r="A119385" s="13" t="s">
        <v>562</v>
      </c>
      <c r="B119385" s="14" t="s">
        <v>1</v>
      </c>
      <c r="C119385" s="14" t="s">
        <v>558</v>
      </c>
      <c r="D119385" s="14" t="s">
        <v>18</v>
      </c>
      <c r="E119385" s="15">
        <v>45406</v>
      </c>
      <c r="F119385" s="14" t="s">
        <v>15</v>
      </c>
      <c r="G119385" s="16">
        <v>4.0623275253379318E-2</v>
      </c>
    </row>
    <row r="119386" spans="1:7" x14ac:dyDescent="0.3">
      <c r="A119386" s="13" t="s">
        <v>562</v>
      </c>
      <c r="B119386" s="14" t="s">
        <v>1</v>
      </c>
      <c r="C119386" s="14" t="s">
        <v>558</v>
      </c>
      <c r="D119386" s="14" t="s">
        <v>18</v>
      </c>
      <c r="E119386" s="15">
        <v>45407</v>
      </c>
      <c r="F119386" s="14" t="s">
        <v>15</v>
      </c>
      <c r="G119386" s="16">
        <v>4.4963961389224046E-2</v>
      </c>
    </row>
    <row r="119387" spans="1:7" x14ac:dyDescent="0.3">
      <c r="A119387" s="13" t="s">
        <v>562</v>
      </c>
      <c r="B119387" s="14" t="s">
        <v>1</v>
      </c>
      <c r="C119387" s="14" t="s">
        <v>558</v>
      </c>
      <c r="D119387" s="14" t="s">
        <v>18</v>
      </c>
      <c r="E119387" s="15">
        <v>45408</v>
      </c>
      <c r="F119387" s="14" t="s">
        <v>15</v>
      </c>
      <c r="G119387" s="16">
        <v>5.7655914023018923E-2</v>
      </c>
    </row>
    <row r="119388" spans="1:7" x14ac:dyDescent="0.3">
      <c r="A119388" s="13" t="s">
        <v>562</v>
      </c>
      <c r="B119388" s="14" t="s">
        <v>1</v>
      </c>
      <c r="C119388" s="14" t="s">
        <v>558</v>
      </c>
      <c r="D119388" s="14" t="s">
        <v>18</v>
      </c>
      <c r="E119388" s="15">
        <v>45409</v>
      </c>
      <c r="F119388" s="14" t="s">
        <v>15</v>
      </c>
      <c r="G119388" s="16">
        <v>5.7655914023018923E-2</v>
      </c>
    </row>
    <row r="119389" spans="1:7" x14ac:dyDescent="0.3">
      <c r="A119389" s="13" t="s">
        <v>562</v>
      </c>
      <c r="B119389" s="14" t="s">
        <v>1</v>
      </c>
      <c r="C119389" s="14" t="s">
        <v>558</v>
      </c>
      <c r="D119389" s="14" t="s">
        <v>18</v>
      </c>
      <c r="E119389" s="15">
        <v>45410</v>
      </c>
      <c r="F119389" s="14" t="s">
        <v>15</v>
      </c>
      <c r="G119389" s="16">
        <v>5.7655914023018923E-2</v>
      </c>
    </row>
    <row r="119390" spans="1:7" x14ac:dyDescent="0.3">
      <c r="A119390" s="13" t="s">
        <v>562</v>
      </c>
      <c r="B119390" s="14" t="s">
        <v>1</v>
      </c>
      <c r="C119390" s="14" t="s">
        <v>558</v>
      </c>
      <c r="D119390" s="14" t="s">
        <v>18</v>
      </c>
      <c r="E119390" s="15">
        <v>45411</v>
      </c>
      <c r="F119390" s="14" t="s">
        <v>15</v>
      </c>
      <c r="G119390" s="16">
        <v>8.3204810695105588E-2</v>
      </c>
    </row>
    <row r="119391" spans="1:7" x14ac:dyDescent="0.3">
      <c r="A119391" s="13" t="s">
        <v>562</v>
      </c>
      <c r="B119391" s="14" t="s">
        <v>1</v>
      </c>
      <c r="C119391" s="14" t="s">
        <v>558</v>
      </c>
      <c r="D119391" s="14" t="s">
        <v>18</v>
      </c>
      <c r="E119391" s="15">
        <v>45412</v>
      </c>
      <c r="F119391" s="14" t="s">
        <v>15</v>
      </c>
      <c r="G119391" s="16">
        <v>7.8890341155102614E-2</v>
      </c>
    </row>
    <row r="119392" spans="1:7" x14ac:dyDescent="0.3">
      <c r="A119392" s="13" t="s">
        <v>562</v>
      </c>
      <c r="B119392" s="14" t="s">
        <v>1</v>
      </c>
      <c r="C119392" s="14" t="s">
        <v>558</v>
      </c>
      <c r="D119392" s="14" t="s">
        <v>18</v>
      </c>
      <c r="E119392" s="15">
        <v>45413</v>
      </c>
      <c r="F119392" s="14" t="s">
        <v>15</v>
      </c>
      <c r="G119392" s="16">
        <v>7.7164877947348859E-2</v>
      </c>
    </row>
    <row r="119393" spans="1:7" x14ac:dyDescent="0.3">
      <c r="A119393" s="13" t="s">
        <v>562</v>
      </c>
      <c r="B119393" s="14" t="s">
        <v>1</v>
      </c>
      <c r="C119393" s="14" t="s">
        <v>558</v>
      </c>
      <c r="D119393" s="14" t="s">
        <v>18</v>
      </c>
      <c r="E119393" s="15">
        <v>45414</v>
      </c>
      <c r="F119393" s="14" t="s">
        <v>15</v>
      </c>
      <c r="G119393" s="16">
        <v>7.3362663740036749E-2</v>
      </c>
    </row>
    <row r="119394" spans="1:7" x14ac:dyDescent="0.3">
      <c r="A119394" s="13" t="s">
        <v>562</v>
      </c>
      <c r="B119394" s="14" t="s">
        <v>1</v>
      </c>
      <c r="C119394" s="14" t="s">
        <v>558</v>
      </c>
      <c r="D119394" s="14" t="s">
        <v>18</v>
      </c>
      <c r="E119394" s="15">
        <v>45415</v>
      </c>
      <c r="F119394" s="14" t="s">
        <v>15</v>
      </c>
      <c r="G119394" s="16">
        <v>9.5204882224377119E-2</v>
      </c>
    </row>
    <row r="119395" spans="1:7" x14ac:dyDescent="0.3">
      <c r="A119395" s="13" t="s">
        <v>562</v>
      </c>
      <c r="B119395" s="14" t="s">
        <v>1</v>
      </c>
      <c r="C119395" s="14" t="s">
        <v>558</v>
      </c>
      <c r="D119395" s="14" t="s">
        <v>18</v>
      </c>
      <c r="E119395" s="15">
        <v>45416</v>
      </c>
      <c r="F119395" s="14" t="s">
        <v>15</v>
      </c>
      <c r="G119395" s="16">
        <v>9.5204882224377119E-2</v>
      </c>
    </row>
    <row r="119396" spans="1:7" x14ac:dyDescent="0.3">
      <c r="A119396" s="13" t="s">
        <v>562</v>
      </c>
      <c r="B119396" s="14" t="s">
        <v>1</v>
      </c>
      <c r="C119396" s="14" t="s">
        <v>558</v>
      </c>
      <c r="D119396" s="14" t="s">
        <v>18</v>
      </c>
      <c r="E119396" s="15">
        <v>45417</v>
      </c>
      <c r="F119396" s="14" t="s">
        <v>15</v>
      </c>
      <c r="G119396" s="16">
        <v>9.5204882224377119E-2</v>
      </c>
    </row>
    <row r="119397" spans="1:7" x14ac:dyDescent="0.3">
      <c r="A119397" s="13" t="s">
        <v>562</v>
      </c>
      <c r="B119397" s="14" t="s">
        <v>1</v>
      </c>
      <c r="C119397" s="14" t="s">
        <v>558</v>
      </c>
      <c r="D119397" s="14" t="s">
        <v>18</v>
      </c>
      <c r="E119397" s="15">
        <v>45418</v>
      </c>
      <c r="F119397" s="14" t="s">
        <v>15</v>
      </c>
      <c r="G119397" s="16">
        <v>9.5204882224377119E-2</v>
      </c>
    </row>
    <row r="119398" spans="1:7" x14ac:dyDescent="0.3">
      <c r="A119398" s="13" t="s">
        <v>562</v>
      </c>
      <c r="B119398" s="14" t="s">
        <v>1</v>
      </c>
      <c r="C119398" s="14" t="s">
        <v>558</v>
      </c>
      <c r="D119398" s="14" t="s">
        <v>18</v>
      </c>
      <c r="E119398" s="15">
        <v>45419</v>
      </c>
      <c r="F119398" s="14" t="s">
        <v>15</v>
      </c>
      <c r="G119398" s="16">
        <v>0.13601122000437688</v>
      </c>
    </row>
    <row r="119399" spans="1:7" x14ac:dyDescent="0.3">
      <c r="A119399" s="13" t="s">
        <v>562</v>
      </c>
      <c r="B119399" s="14" t="s">
        <v>1</v>
      </c>
      <c r="C119399" s="14" t="s">
        <v>558</v>
      </c>
      <c r="D119399" s="14" t="s">
        <v>18</v>
      </c>
      <c r="E119399" s="15">
        <v>45420</v>
      </c>
      <c r="F119399" s="14" t="s">
        <v>15</v>
      </c>
      <c r="G119399" s="16">
        <v>0.12919670650803775</v>
      </c>
    </row>
    <row r="119400" spans="1:7" x14ac:dyDescent="0.3">
      <c r="A119400" s="13" t="s">
        <v>562</v>
      </c>
      <c r="B119400" s="14" t="s">
        <v>1</v>
      </c>
      <c r="C119400" s="14" t="s">
        <v>558</v>
      </c>
      <c r="D119400" s="14" t="s">
        <v>18</v>
      </c>
      <c r="E119400" s="15">
        <v>45421</v>
      </c>
      <c r="F119400" s="14" t="s">
        <v>15</v>
      </c>
      <c r="G119400" s="16">
        <v>0.12747194310265106</v>
      </c>
    </row>
    <row r="119401" spans="1:7" x14ac:dyDescent="0.3">
      <c r="A119401" s="13" t="s">
        <v>562</v>
      </c>
      <c r="B119401" s="14" t="s">
        <v>1</v>
      </c>
      <c r="C119401" s="14" t="s">
        <v>558</v>
      </c>
      <c r="D119401" s="14" t="s">
        <v>18</v>
      </c>
      <c r="E119401" s="15">
        <v>45422</v>
      </c>
      <c r="F119401" s="14" t="s">
        <v>15</v>
      </c>
      <c r="G119401" s="16">
        <v>0.12576659921295036</v>
      </c>
    </row>
    <row r="119402" spans="1:7" x14ac:dyDescent="0.3">
      <c r="A119402" s="13" t="s">
        <v>562</v>
      </c>
      <c r="B119402" s="14" t="s">
        <v>1</v>
      </c>
      <c r="C119402" s="14" t="s">
        <v>558</v>
      </c>
      <c r="D119402" s="14" t="s">
        <v>18</v>
      </c>
      <c r="E119402" s="15">
        <v>45423</v>
      </c>
      <c r="F119402" s="14" t="s">
        <v>15</v>
      </c>
      <c r="G119402" s="16">
        <v>0.12576659921295036</v>
      </c>
    </row>
    <row r="119403" spans="1:7" x14ac:dyDescent="0.3">
      <c r="A119403" s="13" t="s">
        <v>562</v>
      </c>
      <c r="B119403" s="14" t="s">
        <v>1</v>
      </c>
      <c r="C119403" s="14" t="s">
        <v>558</v>
      </c>
      <c r="D119403" s="14" t="s">
        <v>18</v>
      </c>
      <c r="E119403" s="15">
        <v>45424</v>
      </c>
      <c r="F119403" s="14" t="s">
        <v>15</v>
      </c>
      <c r="G119403" s="16">
        <v>0.12576659921295036</v>
      </c>
    </row>
    <row r="119404" spans="1:7" x14ac:dyDescent="0.3">
      <c r="A119404" s="13" t="s">
        <v>562</v>
      </c>
      <c r="B119404" s="14" t="s">
        <v>1</v>
      </c>
      <c r="C119404" s="14" t="s">
        <v>558</v>
      </c>
      <c r="D119404" s="14" t="s">
        <v>18</v>
      </c>
      <c r="E119404" s="15">
        <v>45425</v>
      </c>
      <c r="F119404" s="14" t="s">
        <v>15</v>
      </c>
      <c r="G119404" s="16">
        <v>0.1271334751899566</v>
      </c>
    </row>
    <row r="119405" spans="1:7" x14ac:dyDescent="0.3">
      <c r="A119405" s="13" t="s">
        <v>562</v>
      </c>
      <c r="B119405" s="14" t="s">
        <v>1</v>
      </c>
      <c r="C119405" s="14" t="s">
        <v>558</v>
      </c>
      <c r="D119405" s="14" t="s">
        <v>18</v>
      </c>
      <c r="E119405" s="15">
        <v>45426</v>
      </c>
      <c r="F119405" s="14" t="s">
        <v>15</v>
      </c>
      <c r="G119405" s="16">
        <v>0.12180315503886434</v>
      </c>
    </row>
    <row r="119406" spans="1:7" x14ac:dyDescent="0.3">
      <c r="A119406" s="13" t="s">
        <v>562</v>
      </c>
      <c r="B119406" s="14" t="s">
        <v>1</v>
      </c>
      <c r="C119406" s="14" t="s">
        <v>558</v>
      </c>
      <c r="D119406" s="14" t="s">
        <v>18</v>
      </c>
      <c r="E119406" s="15">
        <v>45427</v>
      </c>
      <c r="F119406" s="14" t="s">
        <v>15</v>
      </c>
      <c r="G119406" s="16">
        <v>0.12004042735506441</v>
      </c>
    </row>
    <row r="119407" spans="1:7" x14ac:dyDescent="0.3">
      <c r="A119407" s="13" t="s">
        <v>562</v>
      </c>
      <c r="B119407" s="14" t="s">
        <v>1</v>
      </c>
      <c r="C119407" s="14" t="s">
        <v>558</v>
      </c>
      <c r="D119407" s="14" t="s">
        <v>18</v>
      </c>
      <c r="E119407" s="15">
        <v>45428</v>
      </c>
      <c r="F119407" s="14" t="s">
        <v>15</v>
      </c>
      <c r="G119407" s="16">
        <v>0.16108968403173127</v>
      </c>
    </row>
    <row r="119408" spans="1:7" x14ac:dyDescent="0.3">
      <c r="A119408" s="13" t="s">
        <v>562</v>
      </c>
      <c r="B119408" s="14" t="s">
        <v>1</v>
      </c>
      <c r="C119408" s="14" t="s">
        <v>558</v>
      </c>
      <c r="D119408" s="14" t="s">
        <v>18</v>
      </c>
      <c r="E119408" s="15">
        <v>45429</v>
      </c>
      <c r="F119408" s="14" t="s">
        <v>15</v>
      </c>
      <c r="G119408" s="16">
        <v>0.18478331715343535</v>
      </c>
    </row>
    <row r="119409" spans="1:7" x14ac:dyDescent="0.3">
      <c r="A119409" s="13" t="s">
        <v>562</v>
      </c>
      <c r="B119409" s="14" t="s">
        <v>1</v>
      </c>
      <c r="C119409" s="14" t="s">
        <v>558</v>
      </c>
      <c r="D119409" s="14" t="s">
        <v>18</v>
      </c>
      <c r="E119409" s="15">
        <v>45430</v>
      </c>
      <c r="F119409" s="14" t="s">
        <v>15</v>
      </c>
      <c r="G119409" s="16">
        <v>0.18478331715343535</v>
      </c>
    </row>
    <row r="119410" spans="1:7" x14ac:dyDescent="0.3">
      <c r="A119410" s="13" t="s">
        <v>562</v>
      </c>
      <c r="B119410" s="14" t="s">
        <v>1</v>
      </c>
      <c r="C119410" s="14" t="s">
        <v>558</v>
      </c>
      <c r="D119410" s="14" t="s">
        <v>18</v>
      </c>
      <c r="E119410" s="15">
        <v>45431</v>
      </c>
      <c r="F119410" s="14" t="s">
        <v>15</v>
      </c>
      <c r="G119410" s="16">
        <v>0.18478331715343535</v>
      </c>
    </row>
    <row r="119411" spans="1:7" x14ac:dyDescent="0.3">
      <c r="A119411" s="13" t="s">
        <v>562</v>
      </c>
      <c r="B119411" s="14" t="s">
        <v>1</v>
      </c>
      <c r="C119411" s="14" t="s">
        <v>558</v>
      </c>
      <c r="D119411" s="14" t="s">
        <v>18</v>
      </c>
      <c r="E119411" s="15">
        <v>45432</v>
      </c>
      <c r="F119411" s="14" t="s">
        <v>15</v>
      </c>
      <c r="G119411" s="16">
        <v>0.25620784547369918</v>
      </c>
    </row>
    <row r="119412" spans="1:7" x14ac:dyDescent="0.3">
      <c r="A119412" s="13" t="s">
        <v>562</v>
      </c>
      <c r="B119412" s="14" t="s">
        <v>1</v>
      </c>
      <c r="C119412" s="14" t="s">
        <v>558</v>
      </c>
      <c r="D119412" s="14" t="s">
        <v>18</v>
      </c>
      <c r="E119412" s="15">
        <v>45433</v>
      </c>
      <c r="F119412" s="14" t="s">
        <v>15</v>
      </c>
      <c r="G119412" s="16">
        <v>0.25058675743909181</v>
      </c>
    </row>
    <row r="119413" spans="1:7" x14ac:dyDescent="0.3">
      <c r="A119413" s="13" t="s">
        <v>562</v>
      </c>
      <c r="B119413" s="14" t="s">
        <v>1</v>
      </c>
      <c r="C119413" s="14" t="s">
        <v>558</v>
      </c>
      <c r="D119413" s="14" t="s">
        <v>18</v>
      </c>
      <c r="E119413" s="15">
        <v>45434</v>
      </c>
      <c r="F119413" s="14" t="s">
        <v>15</v>
      </c>
      <c r="G119413" s="16">
        <v>0.24874923837731192</v>
      </c>
    </row>
    <row r="119414" spans="1:7" x14ac:dyDescent="0.3">
      <c r="A119414" s="13" t="s">
        <v>562</v>
      </c>
      <c r="B119414" s="14" t="s">
        <v>1</v>
      </c>
      <c r="C119414" s="14" t="s">
        <v>558</v>
      </c>
      <c r="D119414" s="14" t="s">
        <v>18</v>
      </c>
      <c r="E119414" s="15">
        <v>45435</v>
      </c>
      <c r="F119414" s="14" t="s">
        <v>15</v>
      </c>
      <c r="G119414" s="16">
        <v>0.24684768739894566</v>
      </c>
    </row>
    <row r="119415" spans="1:7" x14ac:dyDescent="0.3">
      <c r="A119415" s="13" t="s">
        <v>562</v>
      </c>
      <c r="B119415" s="14" t="s">
        <v>1</v>
      </c>
      <c r="C119415" s="14" t="s">
        <v>558</v>
      </c>
      <c r="D119415" s="14" t="s">
        <v>18</v>
      </c>
      <c r="E119415" s="15">
        <v>45436</v>
      </c>
      <c r="F119415" s="14" t="s">
        <v>15</v>
      </c>
      <c r="G119415" s="16">
        <v>0.24507629966085331</v>
      </c>
    </row>
    <row r="119416" spans="1:7" x14ac:dyDescent="0.3">
      <c r="A119416" s="13" t="s">
        <v>562</v>
      </c>
      <c r="B119416" s="14" t="s">
        <v>1</v>
      </c>
      <c r="C119416" s="14" t="s">
        <v>558</v>
      </c>
      <c r="D119416" s="14" t="s">
        <v>18</v>
      </c>
      <c r="E119416" s="15">
        <v>45437</v>
      </c>
      <c r="F119416" s="14" t="s">
        <v>15</v>
      </c>
      <c r="G119416" s="16">
        <v>0.24507629966085331</v>
      </c>
    </row>
    <row r="119417" spans="1:7" x14ac:dyDescent="0.3">
      <c r="A119417" s="13" t="s">
        <v>562</v>
      </c>
      <c r="B119417" s="14" t="s">
        <v>1</v>
      </c>
      <c r="C119417" s="14" t="s">
        <v>558</v>
      </c>
      <c r="D119417" s="14" t="s">
        <v>18</v>
      </c>
      <c r="E119417" s="15">
        <v>45438</v>
      </c>
      <c r="F119417" s="14" t="s">
        <v>15</v>
      </c>
      <c r="G119417" s="16">
        <v>0.24507629966085331</v>
      </c>
    </row>
    <row r="119418" spans="1:7" x14ac:dyDescent="0.3">
      <c r="A119418" s="13" t="s">
        <v>562</v>
      </c>
      <c r="B119418" s="14" t="s">
        <v>1</v>
      </c>
      <c r="C119418" s="14" t="s">
        <v>558</v>
      </c>
      <c r="D119418" s="14" t="s">
        <v>18</v>
      </c>
      <c r="E119418" s="15">
        <v>45439</v>
      </c>
      <c r="F119418" s="14" t="s">
        <v>15</v>
      </c>
      <c r="G119418" s="16">
        <v>0.26901626321576394</v>
      </c>
    </row>
    <row r="119419" spans="1:7" x14ac:dyDescent="0.3">
      <c r="A119419" s="13" t="s">
        <v>562</v>
      </c>
      <c r="B119419" s="14" t="s">
        <v>1</v>
      </c>
      <c r="C119419" s="14" t="s">
        <v>558</v>
      </c>
      <c r="D119419" s="14" t="s">
        <v>18</v>
      </c>
      <c r="E119419" s="15">
        <v>45440</v>
      </c>
      <c r="F119419" s="14" t="s">
        <v>15</v>
      </c>
      <c r="G119419" s="16">
        <v>0.26486755936145923</v>
      </c>
    </row>
    <row r="119420" spans="1:7" x14ac:dyDescent="0.3">
      <c r="A119420" s="13" t="s">
        <v>562</v>
      </c>
      <c r="B119420" s="14" t="s">
        <v>1</v>
      </c>
      <c r="C119420" s="14" t="s">
        <v>558</v>
      </c>
      <c r="D119420" s="14" t="s">
        <v>18</v>
      </c>
      <c r="E119420" s="15">
        <v>45441</v>
      </c>
      <c r="F119420" s="14" t="s">
        <v>15</v>
      </c>
      <c r="G119420" s="16">
        <v>0.26943340690890683</v>
      </c>
    </row>
    <row r="119421" spans="1:7" x14ac:dyDescent="0.3">
      <c r="A119421" s="13" t="s">
        <v>562</v>
      </c>
      <c r="B119421" s="14" t="s">
        <v>1</v>
      </c>
      <c r="C119421" s="14" t="s">
        <v>558</v>
      </c>
      <c r="D119421" s="14" t="s">
        <v>18</v>
      </c>
      <c r="E119421" s="15">
        <v>45442</v>
      </c>
      <c r="F119421" s="14" t="s">
        <v>15</v>
      </c>
      <c r="G119421" s="16">
        <v>0.28531357165174948</v>
      </c>
    </row>
    <row r="119422" spans="1:7" x14ac:dyDescent="0.3">
      <c r="A119422" s="13" t="s">
        <v>562</v>
      </c>
      <c r="B119422" s="14" t="s">
        <v>1</v>
      </c>
      <c r="C119422" s="14" t="s">
        <v>558</v>
      </c>
      <c r="D119422" s="14" t="s">
        <v>18</v>
      </c>
      <c r="E119422" s="15">
        <v>45443</v>
      </c>
      <c r="F119422" s="14" t="s">
        <v>15</v>
      </c>
      <c r="G119422" s="16">
        <v>0.28290002776657996</v>
      </c>
    </row>
    <row r="119423" spans="1:7" x14ac:dyDescent="0.3">
      <c r="A119423" s="13" t="s">
        <v>562</v>
      </c>
      <c r="B119423" s="14" t="s">
        <v>1</v>
      </c>
      <c r="C119423" s="14" t="s">
        <v>558</v>
      </c>
      <c r="D119423" s="14" t="s">
        <v>18</v>
      </c>
      <c r="E119423" s="15">
        <v>45444</v>
      </c>
      <c r="F119423" s="14" t="s">
        <v>15</v>
      </c>
      <c r="G119423" s="16">
        <v>0.28290002776657996</v>
      </c>
    </row>
    <row r="119424" spans="1:7" x14ac:dyDescent="0.3">
      <c r="A119424" s="13" t="s">
        <v>562</v>
      </c>
      <c r="B119424" s="14" t="s">
        <v>1</v>
      </c>
      <c r="C119424" s="14" t="s">
        <v>558</v>
      </c>
      <c r="D119424" s="14" t="s">
        <v>18</v>
      </c>
      <c r="E119424" s="15">
        <v>45445</v>
      </c>
      <c r="F119424" s="14" t="s">
        <v>15</v>
      </c>
      <c r="G119424" s="16">
        <v>0.28290002776657996</v>
      </c>
    </row>
    <row r="119425" spans="1:7" x14ac:dyDescent="0.3">
      <c r="A119425" s="13" t="s">
        <v>562</v>
      </c>
      <c r="B119425" s="14" t="s">
        <v>1</v>
      </c>
      <c r="C119425" s="14" t="s">
        <v>558</v>
      </c>
      <c r="D119425" s="14" t="s">
        <v>18</v>
      </c>
      <c r="E119425" s="15">
        <v>45446</v>
      </c>
      <c r="F119425" s="14" t="s">
        <v>15</v>
      </c>
      <c r="G119425" s="16">
        <v>0.28290002776657996</v>
      </c>
    </row>
    <row r="119426" spans="1:7" x14ac:dyDescent="0.3">
      <c r="A119426" s="13" t="s">
        <v>562</v>
      </c>
      <c r="B119426" s="14" t="s">
        <v>1</v>
      </c>
      <c r="C119426" s="14" t="s">
        <v>558</v>
      </c>
      <c r="D119426" s="14" t="s">
        <v>18</v>
      </c>
      <c r="E119426" s="15">
        <v>45447</v>
      </c>
      <c r="F119426" s="14" t="s">
        <v>15</v>
      </c>
      <c r="G119426" s="16">
        <v>0.30922631739317891</v>
      </c>
    </row>
    <row r="119427" spans="1:7" x14ac:dyDescent="0.3">
      <c r="A119427" s="13" t="s">
        <v>562</v>
      </c>
      <c r="B119427" s="14" t="s">
        <v>1</v>
      </c>
      <c r="C119427" s="14" t="s">
        <v>558</v>
      </c>
      <c r="D119427" s="14" t="s">
        <v>18</v>
      </c>
      <c r="E119427" s="15">
        <v>45448</v>
      </c>
      <c r="F119427" s="14" t="s">
        <v>15</v>
      </c>
      <c r="G119427" s="16">
        <v>0.30273678231324791</v>
      </c>
    </row>
    <row r="119428" spans="1:7" x14ac:dyDescent="0.3">
      <c r="A119428" s="13" t="s">
        <v>562</v>
      </c>
      <c r="B119428" s="14" t="s">
        <v>1</v>
      </c>
      <c r="C119428" s="14" t="s">
        <v>558</v>
      </c>
      <c r="D119428" s="14" t="s">
        <v>18</v>
      </c>
      <c r="E119428" s="15">
        <v>45449</v>
      </c>
      <c r="F119428" s="14" t="s">
        <v>15</v>
      </c>
      <c r="G119428" s="16">
        <v>0.33851368401770771</v>
      </c>
    </row>
    <row r="119429" spans="1:7" x14ac:dyDescent="0.3">
      <c r="A119429" s="13" t="s">
        <v>562</v>
      </c>
      <c r="B119429" s="14" t="s">
        <v>1</v>
      </c>
      <c r="C119429" s="14" t="s">
        <v>558</v>
      </c>
      <c r="D119429" s="14" t="s">
        <v>18</v>
      </c>
      <c r="E119429" s="15">
        <v>45450</v>
      </c>
      <c r="F119429" s="14" t="s">
        <v>15</v>
      </c>
      <c r="G119429" s="16">
        <v>0.33681326673094308</v>
      </c>
    </row>
    <row r="119430" spans="1:7" x14ac:dyDescent="0.3">
      <c r="A119430" s="13" t="s">
        <v>562</v>
      </c>
      <c r="B119430" s="14" t="s">
        <v>1</v>
      </c>
      <c r="C119430" s="14" t="s">
        <v>558</v>
      </c>
      <c r="D119430" s="14" t="s">
        <v>18</v>
      </c>
      <c r="E119430" s="15">
        <v>45451</v>
      </c>
      <c r="F119430" s="14" t="s">
        <v>15</v>
      </c>
      <c r="G119430" s="16">
        <v>0.33681326673094308</v>
      </c>
    </row>
    <row r="119431" spans="1:7" x14ac:dyDescent="0.3">
      <c r="A119431" s="13" t="s">
        <v>562</v>
      </c>
      <c r="B119431" s="14" t="s">
        <v>1</v>
      </c>
      <c r="C119431" s="14" t="s">
        <v>558</v>
      </c>
      <c r="D119431" s="14" t="s">
        <v>18</v>
      </c>
      <c r="E119431" s="15">
        <v>45452</v>
      </c>
      <c r="F119431" s="14" t="s">
        <v>15</v>
      </c>
      <c r="G119431" s="16">
        <v>0.33681326673094308</v>
      </c>
    </row>
    <row r="119432" spans="1:7" x14ac:dyDescent="0.3">
      <c r="A119432" s="13" t="s">
        <v>562</v>
      </c>
      <c r="B119432" s="14" t="s">
        <v>1</v>
      </c>
      <c r="C119432" s="14" t="s">
        <v>558</v>
      </c>
      <c r="D119432" s="14" t="s">
        <v>18</v>
      </c>
      <c r="E119432" s="15">
        <v>45453</v>
      </c>
      <c r="F119432" s="14" t="s">
        <v>15</v>
      </c>
      <c r="G119432" s="16">
        <v>0.33512126503085476</v>
      </c>
    </row>
    <row r="119433" spans="1:7" x14ac:dyDescent="0.3">
      <c r="A119433" s="13" t="s">
        <v>562</v>
      </c>
      <c r="B119433" s="14" t="s">
        <v>1</v>
      </c>
      <c r="C119433" s="14" t="s">
        <v>558</v>
      </c>
      <c r="D119433" s="14" t="s">
        <v>18</v>
      </c>
      <c r="E119433" s="15">
        <v>45454</v>
      </c>
      <c r="F119433" s="14" t="s">
        <v>15</v>
      </c>
      <c r="G119433" s="16">
        <v>0.33027317788178473</v>
      </c>
    </row>
    <row r="119434" spans="1:7" x14ac:dyDescent="0.3">
      <c r="A119434" s="13" t="s">
        <v>562</v>
      </c>
      <c r="B119434" s="14" t="s">
        <v>1</v>
      </c>
      <c r="C119434" s="14" t="s">
        <v>558</v>
      </c>
      <c r="D119434" s="14" t="s">
        <v>18</v>
      </c>
      <c r="E119434" s="15">
        <v>45455</v>
      </c>
      <c r="F119434" s="14" t="s">
        <v>15</v>
      </c>
      <c r="G119434" s="16">
        <v>0.33880827800151897</v>
      </c>
    </row>
    <row r="119435" spans="1:7" x14ac:dyDescent="0.3">
      <c r="A119435" s="13" t="s">
        <v>562</v>
      </c>
      <c r="B119435" s="14" t="s">
        <v>1</v>
      </c>
      <c r="C119435" s="14" t="s">
        <v>558</v>
      </c>
      <c r="D119435" s="14" t="s">
        <v>18</v>
      </c>
      <c r="E119435" s="15">
        <v>45456</v>
      </c>
      <c r="F119435" s="14" t="s">
        <v>15</v>
      </c>
      <c r="G119435" s="16">
        <v>0.40548137667112738</v>
      </c>
    </row>
    <row r="119436" spans="1:7" x14ac:dyDescent="0.3">
      <c r="A119436" s="13" t="s">
        <v>562</v>
      </c>
      <c r="B119436" s="14" t="s">
        <v>1</v>
      </c>
      <c r="C119436" s="14" t="s">
        <v>558</v>
      </c>
      <c r="D119436" s="14" t="s">
        <v>18</v>
      </c>
      <c r="E119436" s="15">
        <v>45457</v>
      </c>
      <c r="F119436" s="14" t="s">
        <v>15</v>
      </c>
      <c r="G119436" s="16">
        <v>0.42690867468843169</v>
      </c>
    </row>
    <row r="119437" spans="1:7" x14ac:dyDescent="0.3">
      <c r="A119437" s="13" t="s">
        <v>562</v>
      </c>
      <c r="B119437" s="14" t="s">
        <v>1</v>
      </c>
      <c r="C119437" s="14" t="s">
        <v>558</v>
      </c>
      <c r="D119437" s="14" t="s">
        <v>18</v>
      </c>
      <c r="E119437" s="15">
        <v>45458</v>
      </c>
      <c r="F119437" s="14" t="s">
        <v>15</v>
      </c>
      <c r="G119437" s="16">
        <v>0.42690867468843169</v>
      </c>
    </row>
    <row r="119438" spans="1:7" x14ac:dyDescent="0.3">
      <c r="A119438" s="13" t="s">
        <v>562</v>
      </c>
      <c r="B119438" s="14" t="s">
        <v>1</v>
      </c>
      <c r="C119438" s="14" t="s">
        <v>558</v>
      </c>
      <c r="D119438" s="14" t="s">
        <v>18</v>
      </c>
      <c r="E119438" s="15">
        <v>45459</v>
      </c>
      <c r="F119438" s="14" t="s">
        <v>15</v>
      </c>
      <c r="G119438" s="16">
        <v>0.42690867468843169</v>
      </c>
    </row>
    <row r="119439" spans="1:7" x14ac:dyDescent="0.3">
      <c r="A119439" s="13" t="s">
        <v>562</v>
      </c>
      <c r="B119439" s="14" t="s">
        <v>1</v>
      </c>
      <c r="C119439" s="14" t="s">
        <v>558</v>
      </c>
      <c r="D119439" s="14" t="s">
        <v>18</v>
      </c>
      <c r="E119439" s="15">
        <v>45460</v>
      </c>
      <c r="F119439" s="14" t="s">
        <v>15</v>
      </c>
      <c r="G119439" s="16">
        <v>0.43610404053466167</v>
      </c>
    </row>
    <row r="119440" spans="1:7" x14ac:dyDescent="0.3">
      <c r="A119440" s="13" t="s">
        <v>562</v>
      </c>
      <c r="B119440" s="14" t="s">
        <v>1</v>
      </c>
      <c r="C119440" s="14" t="s">
        <v>558</v>
      </c>
      <c r="D119440" s="14" t="s">
        <v>18</v>
      </c>
      <c r="E119440" s="15">
        <v>45461</v>
      </c>
      <c r="F119440" s="14" t="s">
        <v>15</v>
      </c>
      <c r="G119440" s="16">
        <v>0.43137798825281581</v>
      </c>
    </row>
    <row r="119441" spans="1:7" x14ac:dyDescent="0.3">
      <c r="A119441" s="13" t="s">
        <v>562</v>
      </c>
      <c r="B119441" s="14" t="s">
        <v>1</v>
      </c>
      <c r="C119441" s="14" t="s">
        <v>558</v>
      </c>
      <c r="D119441" s="14" t="s">
        <v>18</v>
      </c>
      <c r="E119441" s="15">
        <v>45462</v>
      </c>
      <c r="F119441" s="14" t="s">
        <v>15</v>
      </c>
      <c r="G119441" s="16">
        <v>0.42970008631854095</v>
      </c>
    </row>
    <row r="119442" spans="1:7" x14ac:dyDescent="0.3">
      <c r="A119442" s="13" t="s">
        <v>562</v>
      </c>
      <c r="B119442" s="14" t="s">
        <v>1</v>
      </c>
      <c r="C119442" s="14" t="s">
        <v>558</v>
      </c>
      <c r="D119442" s="14" t="s">
        <v>18</v>
      </c>
      <c r="E119442" s="15">
        <v>45463</v>
      </c>
      <c r="F119442" s="14" t="s">
        <v>15</v>
      </c>
      <c r="G119442" s="16">
        <v>0.42780325566299271</v>
      </c>
    </row>
    <row r="119443" spans="1:7" x14ac:dyDescent="0.3">
      <c r="A119443" s="13" t="s">
        <v>562</v>
      </c>
      <c r="B119443" s="14" t="s">
        <v>1</v>
      </c>
      <c r="C119443" s="14" t="s">
        <v>558</v>
      </c>
      <c r="D119443" s="14" t="s">
        <v>18</v>
      </c>
      <c r="E119443" s="15">
        <v>45464</v>
      </c>
      <c r="F119443" s="14" t="s">
        <v>15</v>
      </c>
      <c r="G119443" s="16">
        <v>0.4258800671416596</v>
      </c>
    </row>
    <row r="119444" spans="1:7" x14ac:dyDescent="0.3">
      <c r="A119444" s="13" t="s">
        <v>562</v>
      </c>
      <c r="B119444" s="14" t="s">
        <v>1</v>
      </c>
      <c r="C119444" s="14" t="s">
        <v>558</v>
      </c>
      <c r="D119444" s="14" t="s">
        <v>18</v>
      </c>
      <c r="E119444" s="15">
        <v>45465</v>
      </c>
      <c r="F119444" s="14" t="s">
        <v>15</v>
      </c>
      <c r="G119444" s="16">
        <v>0.4258800671416596</v>
      </c>
    </row>
    <row r="119445" spans="1:7" x14ac:dyDescent="0.3">
      <c r="A119445" s="13" t="s">
        <v>562</v>
      </c>
      <c r="B119445" s="14" t="s">
        <v>1</v>
      </c>
      <c r="C119445" s="14" t="s">
        <v>558</v>
      </c>
      <c r="D119445" s="14" t="s">
        <v>18</v>
      </c>
      <c r="E119445" s="15">
        <v>45466</v>
      </c>
      <c r="F119445" s="14" t="s">
        <v>15</v>
      </c>
      <c r="G119445" s="16">
        <v>0.4258800671416596</v>
      </c>
    </row>
    <row r="119446" spans="1:7" x14ac:dyDescent="0.3">
      <c r="A119446" s="13" t="s">
        <v>562</v>
      </c>
      <c r="B119446" s="14" t="s">
        <v>1</v>
      </c>
      <c r="C119446" s="14" t="s">
        <v>558</v>
      </c>
      <c r="D119446" s="14" t="s">
        <v>18</v>
      </c>
      <c r="E119446" s="15">
        <v>45467</v>
      </c>
      <c r="F119446" s="14" t="s">
        <v>15</v>
      </c>
      <c r="G119446" s="16">
        <v>0.42996877653213533</v>
      </c>
    </row>
    <row r="119447" spans="1:7" x14ac:dyDescent="0.3">
      <c r="A119447" s="13" t="s">
        <v>562</v>
      </c>
      <c r="B119447" s="14" t="s">
        <v>1</v>
      </c>
      <c r="C119447" s="14" t="s">
        <v>558</v>
      </c>
      <c r="D119447" s="14" t="s">
        <v>18</v>
      </c>
      <c r="E119447" s="15">
        <v>45468</v>
      </c>
      <c r="F119447" s="14" t="s">
        <v>15</v>
      </c>
      <c r="G119447" s="16">
        <v>0.42803564979911285</v>
      </c>
    </row>
    <row r="119448" spans="1:7" x14ac:dyDescent="0.3">
      <c r="A119448" s="13" t="s">
        <v>562</v>
      </c>
      <c r="B119448" s="14" t="s">
        <v>1</v>
      </c>
      <c r="C119448" s="14" t="s">
        <v>558</v>
      </c>
      <c r="D119448" s="14" t="s">
        <v>18</v>
      </c>
      <c r="E119448" s="15">
        <v>45469</v>
      </c>
      <c r="F119448" s="14" t="s">
        <v>15</v>
      </c>
      <c r="G119448" s="16">
        <v>0.43138360233859591</v>
      </c>
    </row>
    <row r="119449" spans="1:7" x14ac:dyDescent="0.3">
      <c r="A119449" s="13" t="s">
        <v>562</v>
      </c>
      <c r="B119449" s="14" t="s">
        <v>1</v>
      </c>
      <c r="C119449" s="14" t="s">
        <v>558</v>
      </c>
      <c r="D119449" s="14" t="s">
        <v>18</v>
      </c>
      <c r="E119449" s="15">
        <v>45470</v>
      </c>
      <c r="F119449" s="14" t="s">
        <v>15</v>
      </c>
      <c r="G119449" s="16">
        <v>0.44010236611989612</v>
      </c>
    </row>
    <row r="119450" spans="1:7" x14ac:dyDescent="0.3">
      <c r="A119450" s="13" t="s">
        <v>562</v>
      </c>
      <c r="B119450" s="14" t="s">
        <v>1</v>
      </c>
      <c r="C119450" s="14" t="s">
        <v>558</v>
      </c>
      <c r="D119450" s="14" t="s">
        <v>18</v>
      </c>
      <c r="E119450" s="15">
        <v>45471</v>
      </c>
      <c r="F119450" s="14" t="s">
        <v>15</v>
      </c>
      <c r="G119450" s="16">
        <v>0.5234143221685762</v>
      </c>
    </row>
    <row r="119451" spans="1:7" x14ac:dyDescent="0.3">
      <c r="A119451" s="13" t="s">
        <v>562</v>
      </c>
      <c r="B119451" s="14" t="s">
        <v>1</v>
      </c>
      <c r="C119451" s="14" t="s">
        <v>558</v>
      </c>
      <c r="D119451" s="14" t="s">
        <v>18</v>
      </c>
      <c r="E119451" s="15">
        <v>45472</v>
      </c>
      <c r="F119451" s="14" t="s">
        <v>15</v>
      </c>
      <c r="G119451" s="16">
        <v>0.5234143221685762</v>
      </c>
    </row>
    <row r="119452" spans="1:7" x14ac:dyDescent="0.3">
      <c r="A119452" s="13" t="s">
        <v>562</v>
      </c>
      <c r="B119452" s="14" t="s">
        <v>1</v>
      </c>
      <c r="C119452" s="14" t="s">
        <v>558</v>
      </c>
      <c r="D119452" s="14" t="s">
        <v>18</v>
      </c>
      <c r="E119452" s="15">
        <v>45473</v>
      </c>
      <c r="F119452" s="14" t="s">
        <v>15</v>
      </c>
      <c r="G119452" s="16">
        <v>0.5234143221685762</v>
      </c>
    </row>
    <row r="119453" spans="1:7" x14ac:dyDescent="0.3">
      <c r="A119453" s="13" t="s">
        <v>562</v>
      </c>
      <c r="B119453" s="14" t="s">
        <v>1</v>
      </c>
      <c r="C119453" s="14" t="s">
        <v>558</v>
      </c>
      <c r="D119453" s="14" t="s">
        <v>18</v>
      </c>
      <c r="E119453" s="15">
        <v>45474</v>
      </c>
      <c r="F119453" s="14" t="s">
        <v>15</v>
      </c>
      <c r="G119453" s="16">
        <v>0.52176853938222489</v>
      </c>
    </row>
    <row r="119454" spans="1:7" x14ac:dyDescent="0.3">
      <c r="A119454" s="13" t="s">
        <v>562</v>
      </c>
      <c r="B119454" s="14" t="s">
        <v>1</v>
      </c>
      <c r="C119454" s="14" t="s">
        <v>558</v>
      </c>
      <c r="D119454" s="14" t="s">
        <v>18</v>
      </c>
      <c r="E119454" s="15">
        <v>45475</v>
      </c>
      <c r="F119454" s="14" t="s">
        <v>15</v>
      </c>
      <c r="G119454" s="16">
        <v>0.54933072865480759</v>
      </c>
    </row>
    <row r="119455" spans="1:7" x14ac:dyDescent="0.3">
      <c r="A119455" s="13" t="s">
        <v>562</v>
      </c>
      <c r="B119455" s="14" t="s">
        <v>1</v>
      </c>
      <c r="C119455" s="14" t="s">
        <v>558</v>
      </c>
      <c r="D119455" s="14" t="s">
        <v>18</v>
      </c>
      <c r="E119455" s="15">
        <v>45476</v>
      </c>
      <c r="F119455" s="14" t="s">
        <v>15</v>
      </c>
      <c r="G119455" s="16">
        <v>0.54897748951629</v>
      </c>
    </row>
    <row r="119456" spans="1:7" x14ac:dyDescent="0.3">
      <c r="A119456" s="13" t="s">
        <v>562</v>
      </c>
      <c r="B119456" s="14" t="s">
        <v>1</v>
      </c>
      <c r="C119456" s="14" t="s">
        <v>558</v>
      </c>
      <c r="D119456" s="14" t="s">
        <v>18</v>
      </c>
      <c r="E119456" s="15">
        <v>45477</v>
      </c>
      <c r="F119456" s="14" t="s">
        <v>15</v>
      </c>
      <c r="G119456" s="16">
        <v>0.60131492037023515</v>
      </c>
    </row>
    <row r="119457" spans="1:7" x14ac:dyDescent="0.3">
      <c r="A119457" s="13" t="s">
        <v>562</v>
      </c>
      <c r="B119457" s="14" t="s">
        <v>1</v>
      </c>
      <c r="C119457" s="14" t="s">
        <v>558</v>
      </c>
      <c r="D119457" s="14" t="s">
        <v>18</v>
      </c>
      <c r="E119457" s="15">
        <v>45478</v>
      </c>
      <c r="F119457" s="14" t="s">
        <v>15</v>
      </c>
      <c r="G119457" s="16">
        <v>0.7284862210529075</v>
      </c>
    </row>
    <row r="119458" spans="1:7" x14ac:dyDescent="0.3">
      <c r="A119458" s="13" t="s">
        <v>562</v>
      </c>
      <c r="B119458" s="14" t="s">
        <v>1</v>
      </c>
      <c r="C119458" s="14" t="s">
        <v>558</v>
      </c>
      <c r="D119458" s="14" t="s">
        <v>18</v>
      </c>
      <c r="E119458" s="15">
        <v>45479</v>
      </c>
      <c r="F119458" s="14" t="s">
        <v>15</v>
      </c>
      <c r="G119458" s="16">
        <v>0.7284862210529075</v>
      </c>
    </row>
    <row r="119459" spans="1:7" x14ac:dyDescent="0.3">
      <c r="A119459" s="13" t="s">
        <v>562</v>
      </c>
      <c r="B119459" s="14" t="s">
        <v>1</v>
      </c>
      <c r="C119459" s="14" t="s">
        <v>558</v>
      </c>
      <c r="D119459" s="14" t="s">
        <v>18</v>
      </c>
      <c r="E119459" s="15">
        <v>45480</v>
      </c>
      <c r="F119459" s="14" t="s">
        <v>15</v>
      </c>
      <c r="G119459" s="16">
        <v>0.7284862210529075</v>
      </c>
    </row>
    <row r="119460" spans="1:7" x14ac:dyDescent="0.3">
      <c r="A119460" s="13" t="s">
        <v>562</v>
      </c>
      <c r="B119460" s="14" t="s">
        <v>1</v>
      </c>
      <c r="C119460" s="14" t="s">
        <v>558</v>
      </c>
      <c r="D119460" s="14" t="s">
        <v>18</v>
      </c>
      <c r="E119460" s="15">
        <v>45481</v>
      </c>
      <c r="F119460" s="14" t="s">
        <v>15</v>
      </c>
      <c r="G119460" s="16">
        <v>0.72932700763765046</v>
      </c>
    </row>
    <row r="119461" spans="1:7" x14ac:dyDescent="0.3">
      <c r="A119461" s="13" t="s">
        <v>562</v>
      </c>
      <c r="B119461" s="14" t="s">
        <v>1</v>
      </c>
      <c r="C119461" s="14" t="s">
        <v>558</v>
      </c>
      <c r="D119461" s="14" t="s">
        <v>18</v>
      </c>
      <c r="E119461" s="15">
        <v>45482</v>
      </c>
      <c r="F119461" s="14" t="s">
        <v>15</v>
      </c>
      <c r="G119461" s="16">
        <v>0.72687723792883352</v>
      </c>
    </row>
    <row r="119462" spans="1:7" x14ac:dyDescent="0.3">
      <c r="A119462" s="13" t="s">
        <v>562</v>
      </c>
      <c r="B119462" s="14" t="s">
        <v>1</v>
      </c>
      <c r="C119462" s="14" t="s">
        <v>558</v>
      </c>
      <c r="D119462" s="14" t="s">
        <v>18</v>
      </c>
      <c r="E119462" s="15">
        <v>45483</v>
      </c>
      <c r="F119462" s="14" t="s">
        <v>15</v>
      </c>
      <c r="G119462" s="16">
        <v>0.72550540410818076</v>
      </c>
    </row>
    <row r="119463" spans="1:7" x14ac:dyDescent="0.3">
      <c r="A119463" s="13" t="s">
        <v>562</v>
      </c>
      <c r="B119463" s="14" t="s">
        <v>1</v>
      </c>
      <c r="C119463" s="14" t="s">
        <v>558</v>
      </c>
      <c r="D119463" s="14" t="s">
        <v>18</v>
      </c>
      <c r="E119463" s="15">
        <v>45484</v>
      </c>
      <c r="F119463" s="14" t="s">
        <v>15</v>
      </c>
      <c r="G119463" s="16">
        <v>0.72398003211853001</v>
      </c>
    </row>
    <row r="119464" spans="1:7" x14ac:dyDescent="0.3">
      <c r="A119464" s="13" t="s">
        <v>562</v>
      </c>
      <c r="B119464" s="14" t="s">
        <v>1</v>
      </c>
      <c r="C119464" s="14" t="s">
        <v>558</v>
      </c>
      <c r="D119464" s="14" t="s">
        <v>18</v>
      </c>
      <c r="E119464" s="15">
        <v>45485</v>
      </c>
      <c r="F119464" s="14" t="s">
        <v>15</v>
      </c>
      <c r="G119464" s="16">
        <v>0.72469227053129037</v>
      </c>
    </row>
    <row r="119465" spans="1:7" x14ac:dyDescent="0.3">
      <c r="A119465" s="13" t="s">
        <v>562</v>
      </c>
      <c r="B119465" s="14" t="s">
        <v>1</v>
      </c>
      <c r="C119465" s="14" t="s">
        <v>558</v>
      </c>
      <c r="D119465" s="14" t="s">
        <v>18</v>
      </c>
      <c r="E119465" s="15">
        <v>45486</v>
      </c>
      <c r="F119465" s="14" t="s">
        <v>15</v>
      </c>
      <c r="G119465" s="16">
        <v>0.72469227053129037</v>
      </c>
    </row>
    <row r="119466" spans="1:7" x14ac:dyDescent="0.3">
      <c r="A119466" s="13" t="s">
        <v>562</v>
      </c>
      <c r="B119466" s="14" t="s">
        <v>1</v>
      </c>
      <c r="C119466" s="14" t="s">
        <v>558</v>
      </c>
      <c r="D119466" s="14" t="s">
        <v>18</v>
      </c>
      <c r="E119466" s="15">
        <v>45487</v>
      </c>
      <c r="F119466" s="14" t="s">
        <v>15</v>
      </c>
      <c r="G119466" s="16">
        <v>0.72469227053129037</v>
      </c>
    </row>
    <row r="119467" spans="1:7" x14ac:dyDescent="0.3">
      <c r="A119467" s="13" t="s">
        <v>562</v>
      </c>
      <c r="B119467" s="14" t="s">
        <v>1</v>
      </c>
      <c r="C119467" s="14" t="s">
        <v>558</v>
      </c>
      <c r="D119467" s="14" t="s">
        <v>18</v>
      </c>
      <c r="E119467" s="15">
        <v>45488</v>
      </c>
      <c r="F119467" s="14" t="s">
        <v>15</v>
      </c>
      <c r="G119467" s="16">
        <v>0.75016985021594063</v>
      </c>
    </row>
    <row r="119468" spans="1:7" x14ac:dyDescent="0.3">
      <c r="A119468" s="13" t="s">
        <v>562</v>
      </c>
      <c r="B119468" s="14" t="s">
        <v>1</v>
      </c>
      <c r="C119468" s="14" t="s">
        <v>558</v>
      </c>
      <c r="D119468" s="14" t="s">
        <v>18</v>
      </c>
      <c r="E119468" s="15">
        <v>45489</v>
      </c>
      <c r="F119468" s="14" t="s">
        <v>15</v>
      </c>
      <c r="G119468" s="16">
        <v>0.77592565869134278</v>
      </c>
    </row>
    <row r="119469" spans="1:7" x14ac:dyDescent="0.3">
      <c r="A119469" s="13" t="s">
        <v>562</v>
      </c>
      <c r="B119469" s="14" t="s">
        <v>1</v>
      </c>
      <c r="C119469" s="14" t="s">
        <v>558</v>
      </c>
      <c r="D119469" s="14" t="s">
        <v>18</v>
      </c>
      <c r="E119469" s="15">
        <v>45490</v>
      </c>
      <c r="F119469" s="14" t="s">
        <v>15</v>
      </c>
      <c r="G119469" s="16">
        <v>0.77448460287075238</v>
      </c>
    </row>
    <row r="119470" spans="1:7" x14ac:dyDescent="0.3">
      <c r="A119470" s="13" t="s">
        <v>562</v>
      </c>
      <c r="B119470" s="14" t="s">
        <v>1</v>
      </c>
      <c r="C119470" s="14" t="s">
        <v>558</v>
      </c>
      <c r="D119470" s="14" t="s">
        <v>18</v>
      </c>
      <c r="E119470" s="15">
        <v>45491</v>
      </c>
      <c r="F119470" s="14" t="s">
        <v>15</v>
      </c>
      <c r="G119470" s="16">
        <v>0.77501453291098599</v>
      </c>
    </row>
    <row r="119471" spans="1:7" x14ac:dyDescent="0.3">
      <c r="A119471" s="13" t="s">
        <v>562</v>
      </c>
      <c r="B119471" s="14" t="s">
        <v>1</v>
      </c>
      <c r="C119471" s="14" t="s">
        <v>558</v>
      </c>
      <c r="D119471" s="14" t="s">
        <v>18</v>
      </c>
      <c r="E119471" s="15">
        <v>45492</v>
      </c>
      <c r="F119471" s="14" t="s">
        <v>15</v>
      </c>
      <c r="G119471" s="16">
        <v>0.77364020433785641</v>
      </c>
    </row>
    <row r="119472" spans="1:7" x14ac:dyDescent="0.3">
      <c r="A119472" s="13" t="s">
        <v>562</v>
      </c>
      <c r="B119472" s="14" t="s">
        <v>1</v>
      </c>
      <c r="C119472" s="14" t="s">
        <v>558</v>
      </c>
      <c r="D119472" s="14" t="s">
        <v>18</v>
      </c>
      <c r="E119472" s="15">
        <v>45493</v>
      </c>
      <c r="F119472" s="14" t="s">
        <v>15</v>
      </c>
      <c r="G119472" s="16">
        <v>0.77364020433785641</v>
      </c>
    </row>
    <row r="119473" spans="1:7" x14ac:dyDescent="0.3">
      <c r="A119473" s="13" t="s">
        <v>562</v>
      </c>
      <c r="B119473" s="14" t="s">
        <v>1</v>
      </c>
      <c r="C119473" s="14" t="s">
        <v>558</v>
      </c>
      <c r="D119473" s="14" t="s">
        <v>18</v>
      </c>
      <c r="E119473" s="15">
        <v>45494</v>
      </c>
      <c r="F119473" s="14" t="s">
        <v>15</v>
      </c>
      <c r="G119473" s="16">
        <v>0.77364020433785641</v>
      </c>
    </row>
    <row r="119474" spans="1:7" x14ac:dyDescent="0.3">
      <c r="A119474" s="13" t="s">
        <v>562</v>
      </c>
      <c r="B119474" s="14" t="s">
        <v>1</v>
      </c>
      <c r="C119474" s="14" t="s">
        <v>558</v>
      </c>
      <c r="D119474" s="14" t="s">
        <v>18</v>
      </c>
      <c r="E119474" s="15">
        <v>45495</v>
      </c>
      <c r="F119474" s="14" t="s">
        <v>15</v>
      </c>
      <c r="G119474" s="16">
        <v>0.77450064277566943</v>
      </c>
    </row>
    <row r="119475" spans="1:7" x14ac:dyDescent="0.3">
      <c r="A119475" s="13" t="s">
        <v>562</v>
      </c>
      <c r="B119475" s="14" t="s">
        <v>1</v>
      </c>
      <c r="C119475" s="14" t="s">
        <v>558</v>
      </c>
      <c r="D119475" s="14" t="s">
        <v>18</v>
      </c>
      <c r="E119475" s="15">
        <v>45496</v>
      </c>
      <c r="F119475" s="14" t="s">
        <v>15</v>
      </c>
      <c r="G119475" s="16">
        <v>0.77316533772672447</v>
      </c>
    </row>
    <row r="119476" spans="1:7" x14ac:dyDescent="0.3">
      <c r="A119476" s="13" t="s">
        <v>562</v>
      </c>
      <c r="B119476" s="14" t="s">
        <v>1</v>
      </c>
      <c r="C119476" s="14" t="s">
        <v>558</v>
      </c>
      <c r="D119476" s="14" t="s">
        <v>18</v>
      </c>
      <c r="E119476" s="15">
        <v>45497</v>
      </c>
      <c r="F119476" s="14" t="s">
        <v>15</v>
      </c>
      <c r="G119476" s="16">
        <v>0.77688879212590367</v>
      </c>
    </row>
    <row r="119477" spans="1:7" x14ac:dyDescent="0.3">
      <c r="A119477" s="13" t="s">
        <v>562</v>
      </c>
      <c r="B119477" s="14" t="s">
        <v>1</v>
      </c>
      <c r="C119477" s="14" t="s">
        <v>558</v>
      </c>
      <c r="D119477" s="14" t="s">
        <v>18</v>
      </c>
      <c r="E119477" s="15">
        <v>45498</v>
      </c>
      <c r="F119477" s="14" t="s">
        <v>15</v>
      </c>
      <c r="G119477" s="16">
        <v>0.77552116606646981</v>
      </c>
    </row>
    <row r="119478" spans="1:7" x14ac:dyDescent="0.3">
      <c r="A119478" s="13" t="s">
        <v>562</v>
      </c>
      <c r="B119478" s="14" t="s">
        <v>1</v>
      </c>
      <c r="C119478" s="14" t="s">
        <v>558</v>
      </c>
      <c r="D119478" s="14" t="s">
        <v>18</v>
      </c>
      <c r="E119478" s="15">
        <v>45499</v>
      </c>
      <c r="F119478" s="14" t="s">
        <v>15</v>
      </c>
      <c r="G119478" s="16">
        <v>0.77548808495625265</v>
      </c>
    </row>
    <row r="119479" spans="1:7" x14ac:dyDescent="0.3">
      <c r="A119479" s="13" t="s">
        <v>562</v>
      </c>
      <c r="B119479" s="14" t="s">
        <v>1</v>
      </c>
      <c r="C119479" s="14" t="s">
        <v>558</v>
      </c>
      <c r="D119479" s="14" t="s">
        <v>18</v>
      </c>
      <c r="E119479" s="15">
        <v>45500</v>
      </c>
      <c r="F119479" s="14" t="s">
        <v>15</v>
      </c>
      <c r="G119479" s="16">
        <v>0.77548808495625265</v>
      </c>
    </row>
    <row r="119480" spans="1:7" x14ac:dyDescent="0.3">
      <c r="A119480" s="13" t="s">
        <v>562</v>
      </c>
      <c r="B119480" s="14" t="s">
        <v>1</v>
      </c>
      <c r="C119480" s="14" t="s">
        <v>558</v>
      </c>
      <c r="D119480" s="14" t="s">
        <v>18</v>
      </c>
      <c r="E119480" s="15">
        <v>45501</v>
      </c>
      <c r="F119480" s="14" t="s">
        <v>15</v>
      </c>
      <c r="G119480" s="16">
        <v>0.77548808495625265</v>
      </c>
    </row>
    <row r="119481" spans="1:7" x14ac:dyDescent="0.3">
      <c r="A119481" s="13" t="s">
        <v>562</v>
      </c>
      <c r="B119481" s="14" t="s">
        <v>1</v>
      </c>
      <c r="C119481" s="14" t="s">
        <v>558</v>
      </c>
      <c r="D119481" s="14" t="s">
        <v>18</v>
      </c>
      <c r="E119481" s="15">
        <v>45502</v>
      </c>
      <c r="F119481" s="14" t="s">
        <v>15</v>
      </c>
      <c r="G119481" s="16">
        <v>0.77731964315621882</v>
      </c>
    </row>
    <row r="119482" spans="1:7" x14ac:dyDescent="0.3">
      <c r="A119482" s="13" t="s">
        <v>562</v>
      </c>
      <c r="B119482" s="14" t="s">
        <v>1</v>
      </c>
      <c r="C119482" s="14" t="s">
        <v>558</v>
      </c>
      <c r="D119482" s="14" t="s">
        <v>18</v>
      </c>
      <c r="E119482" s="15">
        <v>45503</v>
      </c>
      <c r="F119482" s="14" t="s">
        <v>15</v>
      </c>
      <c r="G119482" s="16">
        <v>0.77323079653627314</v>
      </c>
    </row>
    <row r="119483" spans="1:7" x14ac:dyDescent="0.3">
      <c r="A119483" s="13" t="s">
        <v>562</v>
      </c>
      <c r="B119483" s="14" t="s">
        <v>1</v>
      </c>
      <c r="C119483" s="14" t="s">
        <v>558</v>
      </c>
      <c r="D119483" s="14" t="s">
        <v>18</v>
      </c>
      <c r="E119483" s="15">
        <v>45504</v>
      </c>
      <c r="F119483" s="14" t="s">
        <v>15</v>
      </c>
      <c r="G119483" s="16">
        <v>0.77445674538763265</v>
      </c>
    </row>
    <row r="119484" spans="1:7" x14ac:dyDescent="0.3">
      <c r="A119484" s="13" t="s">
        <v>562</v>
      </c>
      <c r="B119484" s="14" t="s">
        <v>1</v>
      </c>
      <c r="C119484" s="14" t="s">
        <v>558</v>
      </c>
      <c r="D119484" s="14" t="s">
        <v>18</v>
      </c>
      <c r="E119484" s="15">
        <v>45505</v>
      </c>
      <c r="F119484" s="14" t="s">
        <v>15</v>
      </c>
      <c r="G119484" s="16">
        <v>0.77296862302642255</v>
      </c>
    </row>
    <row r="119485" spans="1:7" x14ac:dyDescent="0.3">
      <c r="A119485" s="13" t="s">
        <v>562</v>
      </c>
      <c r="B119485" s="14" t="s">
        <v>1</v>
      </c>
      <c r="C119485" s="14" t="s">
        <v>558</v>
      </c>
      <c r="D119485" s="14" t="s">
        <v>18</v>
      </c>
      <c r="E119485" s="15">
        <v>45506</v>
      </c>
      <c r="F119485" s="14" t="s">
        <v>15</v>
      </c>
      <c r="G119485" s="16">
        <v>0.77333352228498964</v>
      </c>
    </row>
    <row r="119486" spans="1:7" x14ac:dyDescent="0.3">
      <c r="A119486" s="13" t="s">
        <v>562</v>
      </c>
      <c r="B119486" s="14" t="s">
        <v>1</v>
      </c>
      <c r="C119486" s="14" t="s">
        <v>558</v>
      </c>
      <c r="D119486" s="14" t="s">
        <v>18</v>
      </c>
      <c r="E119486" s="15">
        <v>45507</v>
      </c>
      <c r="F119486" s="14" t="s">
        <v>15</v>
      </c>
      <c r="G119486" s="16">
        <v>0.77333352228498964</v>
      </c>
    </row>
    <row r="119487" spans="1:7" x14ac:dyDescent="0.3">
      <c r="A119487" s="13" t="s">
        <v>562</v>
      </c>
      <c r="B119487" s="14" t="s">
        <v>1</v>
      </c>
      <c r="C119487" s="14" t="s">
        <v>558</v>
      </c>
      <c r="D119487" s="14" t="s">
        <v>18</v>
      </c>
      <c r="E119487" s="15">
        <v>45508</v>
      </c>
      <c r="F119487" s="14" t="s">
        <v>15</v>
      </c>
      <c r="G119487" s="16">
        <v>0.77333352228498964</v>
      </c>
    </row>
    <row r="119488" spans="1:7" x14ac:dyDescent="0.3">
      <c r="A119488" s="13" t="s">
        <v>562</v>
      </c>
      <c r="B119488" s="14" t="s">
        <v>1</v>
      </c>
      <c r="C119488" s="14" t="s">
        <v>558</v>
      </c>
      <c r="D119488" s="14" t="s">
        <v>18</v>
      </c>
      <c r="E119488" s="15">
        <v>45509</v>
      </c>
      <c r="F119488" s="14" t="s">
        <v>15</v>
      </c>
      <c r="G119488" s="16">
        <v>0.77333352228498964</v>
      </c>
    </row>
    <row r="119489" spans="1:7" x14ac:dyDescent="0.3">
      <c r="A119489" s="13" t="s">
        <v>562</v>
      </c>
      <c r="B119489" s="14" t="s">
        <v>1</v>
      </c>
      <c r="C119489" s="14" t="s">
        <v>558</v>
      </c>
      <c r="D119489" s="14" t="s">
        <v>18</v>
      </c>
      <c r="E119489" s="15">
        <v>45510</v>
      </c>
      <c r="F119489" s="14" t="s">
        <v>15</v>
      </c>
      <c r="G119489" s="16">
        <v>0.77514810078359297</v>
      </c>
    </row>
    <row r="119490" spans="1:7" x14ac:dyDescent="0.3">
      <c r="A119490" s="13" t="s">
        <v>562</v>
      </c>
      <c r="B119490" s="14" t="s">
        <v>1</v>
      </c>
      <c r="C119490" s="14" t="s">
        <v>558</v>
      </c>
      <c r="D119490" s="14" t="s">
        <v>18</v>
      </c>
      <c r="E119490" s="15">
        <v>45511</v>
      </c>
      <c r="F119490" s="14" t="s">
        <v>15</v>
      </c>
      <c r="G119490" s="16">
        <v>0.76937513588900552</v>
      </c>
    </row>
    <row r="119491" spans="1:7" x14ac:dyDescent="0.3">
      <c r="A119491" s="13" t="s">
        <v>562</v>
      </c>
      <c r="B119491" s="14" t="s">
        <v>1</v>
      </c>
      <c r="C119491" s="14" t="s">
        <v>558</v>
      </c>
      <c r="D119491" s="14" t="s">
        <v>18</v>
      </c>
      <c r="E119491" s="15">
        <v>45512</v>
      </c>
      <c r="F119491" s="14" t="s">
        <v>15</v>
      </c>
      <c r="G119491" s="16">
        <v>0.78671050193594705</v>
      </c>
    </row>
    <row r="119492" spans="1:7" x14ac:dyDescent="0.3">
      <c r="A119492" s="13" t="s">
        <v>562</v>
      </c>
      <c r="B119492" s="14" t="s">
        <v>1</v>
      </c>
      <c r="C119492" s="14" t="s">
        <v>558</v>
      </c>
      <c r="D119492" s="14" t="s">
        <v>18</v>
      </c>
      <c r="E119492" s="15">
        <v>45513</v>
      </c>
      <c r="F119492" s="14" t="s">
        <v>15</v>
      </c>
      <c r="G119492" s="16">
        <v>0.78551772346145887</v>
      </c>
    </row>
    <row r="119493" spans="1:7" x14ac:dyDescent="0.3">
      <c r="A119493" s="13" t="s">
        <v>562</v>
      </c>
      <c r="B119493" s="14" t="s">
        <v>1</v>
      </c>
      <c r="C119493" s="14" t="s">
        <v>558</v>
      </c>
      <c r="D119493" s="14" t="s">
        <v>18</v>
      </c>
      <c r="E119493" s="15">
        <v>45514</v>
      </c>
      <c r="F119493" s="14" t="s">
        <v>15</v>
      </c>
      <c r="G119493" s="16">
        <v>0.78551772346145887</v>
      </c>
    </row>
    <row r="119494" spans="1:7" x14ac:dyDescent="0.3">
      <c r="A119494" s="13" t="s">
        <v>562</v>
      </c>
      <c r="B119494" s="14" t="s">
        <v>1</v>
      </c>
      <c r="C119494" s="14" t="s">
        <v>558</v>
      </c>
      <c r="D119494" s="14" t="s">
        <v>18</v>
      </c>
      <c r="E119494" s="15">
        <v>45515</v>
      </c>
      <c r="F119494" s="14" t="s">
        <v>15</v>
      </c>
      <c r="G119494" s="16">
        <v>0.78551772346145887</v>
      </c>
    </row>
    <row r="119495" spans="1:7" x14ac:dyDescent="0.3">
      <c r="A119495" s="13" t="s">
        <v>562</v>
      </c>
      <c r="B119495" s="14" t="s">
        <v>1</v>
      </c>
      <c r="C119495" s="14" t="s">
        <v>558</v>
      </c>
      <c r="D119495" s="14" t="s">
        <v>18</v>
      </c>
      <c r="E119495" s="15">
        <v>45516</v>
      </c>
      <c r="F119495" s="14" t="s">
        <v>15</v>
      </c>
      <c r="G119495" s="16">
        <v>0.78567919683079523</v>
      </c>
    </row>
    <row r="119496" spans="1:7" x14ac:dyDescent="0.3">
      <c r="A119496" s="13" t="s">
        <v>562</v>
      </c>
      <c r="B119496" s="14" t="s">
        <v>1</v>
      </c>
      <c r="C119496" s="14" t="s">
        <v>558</v>
      </c>
      <c r="D119496" s="14" t="s">
        <v>18</v>
      </c>
      <c r="E119496" s="15">
        <v>45517</v>
      </c>
      <c r="F119496" s="14" t="s">
        <v>15</v>
      </c>
      <c r="G119496" s="16">
        <v>0.82502553469258544</v>
      </c>
    </row>
    <row r="119497" spans="1:7" x14ac:dyDescent="0.3">
      <c r="A119497" s="13" t="s">
        <v>562</v>
      </c>
      <c r="B119497" s="14" t="s">
        <v>1</v>
      </c>
      <c r="C119497" s="14" t="s">
        <v>558</v>
      </c>
      <c r="D119497" s="14" t="s">
        <v>18</v>
      </c>
      <c r="E119497" s="15">
        <v>45518</v>
      </c>
      <c r="F119497" s="14" t="s">
        <v>15</v>
      </c>
      <c r="G119497" s="16">
        <v>0.84905337788494328</v>
      </c>
    </row>
    <row r="119498" spans="1:7" x14ac:dyDescent="0.3">
      <c r="A119498" s="13" t="s">
        <v>562</v>
      </c>
      <c r="B119498" s="14" t="s">
        <v>1</v>
      </c>
      <c r="C119498" s="14" t="s">
        <v>558</v>
      </c>
      <c r="D119498" s="14" t="s">
        <v>18</v>
      </c>
      <c r="E119498" s="15">
        <v>45519</v>
      </c>
      <c r="F119498" s="14" t="s">
        <v>15</v>
      </c>
      <c r="G119498" s="16">
        <v>0.86259648431759972</v>
      </c>
    </row>
    <row r="119499" spans="1:7" x14ac:dyDescent="0.3">
      <c r="A119499" s="13" t="s">
        <v>562</v>
      </c>
      <c r="B119499" s="14" t="s">
        <v>1</v>
      </c>
      <c r="C119499" s="14" t="s">
        <v>558</v>
      </c>
      <c r="D119499" s="14" t="s">
        <v>18</v>
      </c>
      <c r="E119499" s="15">
        <v>45520</v>
      </c>
      <c r="F119499" s="14" t="s">
        <v>15</v>
      </c>
      <c r="G119499" s="16">
        <v>0.86023192935991533</v>
      </c>
    </row>
    <row r="119500" spans="1:7" x14ac:dyDescent="0.3">
      <c r="A119500" s="13" t="s">
        <v>562</v>
      </c>
      <c r="B119500" s="14" t="s">
        <v>1</v>
      </c>
      <c r="C119500" s="14" t="s">
        <v>558</v>
      </c>
      <c r="D119500" s="14" t="s">
        <v>18</v>
      </c>
      <c r="E119500" s="15">
        <v>45521</v>
      </c>
      <c r="F119500" s="14" t="s">
        <v>15</v>
      </c>
      <c r="G119500" s="16">
        <v>0.86023192935991533</v>
      </c>
    </row>
    <row r="119501" spans="1:7" x14ac:dyDescent="0.3">
      <c r="A119501" s="13" t="s">
        <v>562</v>
      </c>
      <c r="B119501" s="14" t="s">
        <v>1</v>
      </c>
      <c r="C119501" s="14" t="s">
        <v>558</v>
      </c>
      <c r="D119501" s="14" t="s">
        <v>18</v>
      </c>
      <c r="E119501" s="15">
        <v>45522</v>
      </c>
      <c r="F119501" s="14" t="s">
        <v>15</v>
      </c>
      <c r="G119501" s="16">
        <v>0.86023192935991533</v>
      </c>
    </row>
    <row r="119502" spans="1:7" x14ac:dyDescent="0.3">
      <c r="A119502" s="13" t="s">
        <v>562</v>
      </c>
      <c r="B119502" s="14" t="s">
        <v>1</v>
      </c>
      <c r="C119502" s="14" t="s">
        <v>558</v>
      </c>
      <c r="D119502" s="14" t="s">
        <v>18</v>
      </c>
      <c r="E119502" s="15">
        <v>45523</v>
      </c>
      <c r="F119502" s="14" t="s">
        <v>15</v>
      </c>
      <c r="G119502" s="16">
        <v>0.85834635223315381</v>
      </c>
    </row>
    <row r="119503" spans="1:7" x14ac:dyDescent="0.3">
      <c r="A119503" s="13" t="s">
        <v>562</v>
      </c>
      <c r="B119503" s="14" t="s">
        <v>1</v>
      </c>
      <c r="C119503" s="14" t="s">
        <v>558</v>
      </c>
      <c r="D119503" s="14" t="s">
        <v>18</v>
      </c>
      <c r="E119503" s="15">
        <v>45524</v>
      </c>
      <c r="F119503" s="14" t="s">
        <v>15</v>
      </c>
      <c r="G119503" s="16">
        <v>0.85894986056899136</v>
      </c>
    </row>
    <row r="119504" spans="1:7" x14ac:dyDescent="0.3">
      <c r="A119504" s="13" t="s">
        <v>562</v>
      </c>
      <c r="B119504" s="14" t="s">
        <v>1</v>
      </c>
      <c r="C119504" s="14" t="s">
        <v>558</v>
      </c>
      <c r="D119504" s="14" t="s">
        <v>18</v>
      </c>
      <c r="E119504" s="15">
        <v>45525</v>
      </c>
      <c r="F119504" s="14" t="s">
        <v>15</v>
      </c>
      <c r="G119504" s="16">
        <v>0.85755141748997321</v>
      </c>
    </row>
    <row r="119505" spans="1:7" x14ac:dyDescent="0.3">
      <c r="A119505" s="13" t="s">
        <v>562</v>
      </c>
      <c r="B119505" s="14" t="s">
        <v>1</v>
      </c>
      <c r="C119505" s="14" t="s">
        <v>558</v>
      </c>
      <c r="D119505" s="14" t="s">
        <v>18</v>
      </c>
      <c r="E119505" s="15">
        <v>45526</v>
      </c>
      <c r="F119505" s="14" t="s">
        <v>15</v>
      </c>
      <c r="G119505" s="16">
        <v>0.85613954064207454</v>
      </c>
    </row>
    <row r="119506" spans="1:7" x14ac:dyDescent="0.3">
      <c r="A119506" s="13" t="s">
        <v>562</v>
      </c>
      <c r="B119506" s="14" t="s">
        <v>1</v>
      </c>
      <c r="C119506" s="14" t="s">
        <v>558</v>
      </c>
      <c r="D119506" s="14" t="s">
        <v>18</v>
      </c>
      <c r="E119506" s="15">
        <v>45527</v>
      </c>
      <c r="F119506" s="14" t="s">
        <v>15</v>
      </c>
      <c r="G119506" s="16">
        <v>0.89360163249253477</v>
      </c>
    </row>
    <row r="119507" spans="1:7" x14ac:dyDescent="0.3">
      <c r="A119507" s="13" t="s">
        <v>562</v>
      </c>
      <c r="B119507" s="14" t="s">
        <v>1</v>
      </c>
      <c r="C119507" s="14" t="s">
        <v>558</v>
      </c>
      <c r="D119507" s="14" t="s">
        <v>18</v>
      </c>
      <c r="E119507" s="15">
        <v>45528</v>
      </c>
      <c r="F119507" s="14" t="s">
        <v>15</v>
      </c>
      <c r="G119507" s="16">
        <v>0.89360163249253477</v>
      </c>
    </row>
    <row r="119508" spans="1:7" x14ac:dyDescent="0.3">
      <c r="A119508" s="13" t="s">
        <v>562</v>
      </c>
      <c r="B119508" s="14" t="s">
        <v>1</v>
      </c>
      <c r="C119508" s="14" t="s">
        <v>558</v>
      </c>
      <c r="D119508" s="14" t="s">
        <v>18</v>
      </c>
      <c r="E119508" s="15">
        <v>45529</v>
      </c>
      <c r="F119508" s="14" t="s">
        <v>15</v>
      </c>
      <c r="G119508" s="16">
        <v>0.89360163249253477</v>
      </c>
    </row>
    <row r="119509" spans="1:7" x14ac:dyDescent="0.3">
      <c r="A119509" s="13" t="s">
        <v>562</v>
      </c>
      <c r="B119509" s="14" t="s">
        <v>1</v>
      </c>
      <c r="C119509" s="14" t="s">
        <v>558</v>
      </c>
      <c r="D119509" s="14" t="s">
        <v>18</v>
      </c>
      <c r="E119509" s="15">
        <v>45530</v>
      </c>
      <c r="F119509" s="14" t="s">
        <v>15</v>
      </c>
      <c r="G119509" s="16">
        <v>0.89293341070767163</v>
      </c>
    </row>
    <row r="119510" spans="1:7" x14ac:dyDescent="0.3">
      <c r="A119510" s="13" t="s">
        <v>562</v>
      </c>
      <c r="B119510" s="14" t="s">
        <v>1</v>
      </c>
      <c r="C119510" s="14" t="s">
        <v>558</v>
      </c>
      <c r="D119510" s="14" t="s">
        <v>18</v>
      </c>
      <c r="E119510" s="15">
        <v>45531</v>
      </c>
      <c r="F119510" s="14" t="s">
        <v>15</v>
      </c>
      <c r="G119510" s="16">
        <v>0.88718882354412576</v>
      </c>
    </row>
    <row r="119511" spans="1:7" x14ac:dyDescent="0.3">
      <c r="A119511" s="13" t="s">
        <v>562</v>
      </c>
      <c r="B119511" s="14" t="s">
        <v>1</v>
      </c>
      <c r="C119511" s="14" t="s">
        <v>558</v>
      </c>
      <c r="D119511" s="14" t="s">
        <v>18</v>
      </c>
      <c r="E119511" s="15">
        <v>45532</v>
      </c>
      <c r="F119511" s="14" t="s">
        <v>15</v>
      </c>
      <c r="G119511" s="16">
        <v>0.88599540536635735</v>
      </c>
    </row>
    <row r="119512" spans="1:7" x14ac:dyDescent="0.3">
      <c r="A119512" s="13" t="s">
        <v>562</v>
      </c>
      <c r="B119512" s="14" t="s">
        <v>1</v>
      </c>
      <c r="C119512" s="14" t="s">
        <v>558</v>
      </c>
      <c r="D119512" s="14" t="s">
        <v>18</v>
      </c>
      <c r="E119512" s="15">
        <v>45533</v>
      </c>
      <c r="F119512" s="14" t="s">
        <v>15</v>
      </c>
      <c r="G119512" s="16">
        <v>0.88466525061248258</v>
      </c>
    </row>
    <row r="119513" spans="1:7" x14ac:dyDescent="0.3">
      <c r="A119513" s="13" t="s">
        <v>562</v>
      </c>
      <c r="B119513" s="14" t="s">
        <v>1</v>
      </c>
      <c r="C119513" s="14" t="s">
        <v>558</v>
      </c>
      <c r="D119513" s="14" t="s">
        <v>18</v>
      </c>
      <c r="E119513" s="15">
        <v>45534</v>
      </c>
      <c r="F119513" s="14" t="s">
        <v>15</v>
      </c>
      <c r="G119513" s="16">
        <v>0.88329495447778572</v>
      </c>
    </row>
    <row r="119514" spans="1:7" x14ac:dyDescent="0.3">
      <c r="A119514" s="13" t="s">
        <v>562</v>
      </c>
      <c r="B119514" s="14" t="s">
        <v>1</v>
      </c>
      <c r="C119514" s="14" t="s">
        <v>558</v>
      </c>
      <c r="D119514" s="14" t="s">
        <v>18</v>
      </c>
      <c r="E119514" s="15">
        <v>45535</v>
      </c>
      <c r="F119514" s="14" t="s">
        <v>15</v>
      </c>
      <c r="G119514" s="16">
        <v>0.88329495447778572</v>
      </c>
    </row>
    <row r="119515" spans="1:7" x14ac:dyDescent="0.3">
      <c r="A119515" s="13" t="s">
        <v>562</v>
      </c>
      <c r="B119515" s="14" t="s">
        <v>1</v>
      </c>
      <c r="C119515" s="14" t="s">
        <v>558</v>
      </c>
      <c r="D119515" s="14" t="s">
        <v>18</v>
      </c>
      <c r="E119515" s="15">
        <v>45536</v>
      </c>
      <c r="F119515" s="14" t="s">
        <v>15</v>
      </c>
      <c r="G119515" s="16">
        <v>0.88329495447778572</v>
      </c>
    </row>
    <row r="119516" spans="1:7" x14ac:dyDescent="0.3">
      <c r="A119516" s="13" t="s">
        <v>562</v>
      </c>
      <c r="B119516" s="14" t="s">
        <v>1</v>
      </c>
      <c r="C119516" s="14" t="s">
        <v>558</v>
      </c>
      <c r="D119516" s="14" t="s">
        <v>18</v>
      </c>
      <c r="E119516" s="15">
        <v>45537</v>
      </c>
      <c r="F119516" s="14" t="s">
        <v>15</v>
      </c>
      <c r="G119516" s="16">
        <v>0.88200126281087265</v>
      </c>
    </row>
    <row r="119517" spans="1:7" x14ac:dyDescent="0.3">
      <c r="A119517" s="13" t="s">
        <v>562</v>
      </c>
      <c r="B119517" s="14" t="s">
        <v>1</v>
      </c>
      <c r="C119517" s="14" t="s">
        <v>558</v>
      </c>
      <c r="D119517" s="14" t="s">
        <v>18</v>
      </c>
      <c r="E119517" s="15">
        <v>45538</v>
      </c>
      <c r="F119517" s="14" t="s">
        <v>15</v>
      </c>
      <c r="G119517" s="16">
        <v>0.87904210365439994</v>
      </c>
    </row>
    <row r="119518" spans="1:7" x14ac:dyDescent="0.3">
      <c r="A119518" s="13" t="s">
        <v>562</v>
      </c>
      <c r="B119518" s="14" t="s">
        <v>1</v>
      </c>
      <c r="C119518" s="14" t="s">
        <v>558</v>
      </c>
      <c r="D119518" s="14" t="s">
        <v>18</v>
      </c>
      <c r="E119518" s="15">
        <v>45539</v>
      </c>
      <c r="F119518" s="14" t="s">
        <v>15</v>
      </c>
      <c r="G119518" s="16">
        <v>0.88374658979269372</v>
      </c>
    </row>
    <row r="119519" spans="1:7" x14ac:dyDescent="0.3">
      <c r="A119519" s="13" t="s">
        <v>562</v>
      </c>
      <c r="B119519" s="14" t="s">
        <v>1</v>
      </c>
      <c r="C119519" s="14" t="s">
        <v>558</v>
      </c>
      <c r="D119519" s="14" t="s">
        <v>18</v>
      </c>
      <c r="E119519" s="15">
        <v>45540</v>
      </c>
      <c r="F119519" s="14" t="s">
        <v>15</v>
      </c>
      <c r="G119519" s="16">
        <v>0.88235966137271615</v>
      </c>
    </row>
    <row r="119520" spans="1:7" x14ac:dyDescent="0.3">
      <c r="A119520" s="13" t="s">
        <v>562</v>
      </c>
      <c r="B119520" s="14" t="s">
        <v>1</v>
      </c>
      <c r="C119520" s="14" t="s">
        <v>558</v>
      </c>
      <c r="D119520" s="14" t="s">
        <v>18</v>
      </c>
      <c r="E119520" s="15">
        <v>45541</v>
      </c>
      <c r="F119520" s="14" t="s">
        <v>15</v>
      </c>
      <c r="G119520" s="16">
        <v>0.90080225522712676</v>
      </c>
    </row>
    <row r="119521" spans="1:7" x14ac:dyDescent="0.3">
      <c r="A119521" s="13" t="s">
        <v>562</v>
      </c>
      <c r="B119521" s="14" t="s">
        <v>1</v>
      </c>
      <c r="C119521" s="14" t="s">
        <v>558</v>
      </c>
      <c r="D119521" s="14" t="s">
        <v>18</v>
      </c>
      <c r="E119521" s="15">
        <v>45542</v>
      </c>
      <c r="F119521" s="14" t="s">
        <v>15</v>
      </c>
      <c r="G119521" s="16">
        <v>0.90080225522712676</v>
      </c>
    </row>
    <row r="119522" spans="1:7" x14ac:dyDescent="0.3">
      <c r="A119522" s="13" t="s">
        <v>562</v>
      </c>
      <c r="B119522" s="14" t="s">
        <v>1</v>
      </c>
      <c r="C119522" s="14" t="s">
        <v>558</v>
      </c>
      <c r="D119522" s="14" t="s">
        <v>18</v>
      </c>
      <c r="E119522" s="15">
        <v>45543</v>
      </c>
      <c r="F119522" s="14" t="s">
        <v>15</v>
      </c>
      <c r="G119522" s="16">
        <v>0.90080225522712676</v>
      </c>
    </row>
    <row r="119523" spans="1:7" x14ac:dyDescent="0.3">
      <c r="A119523" s="13" t="s">
        <v>562</v>
      </c>
      <c r="B119523" s="14" t="s">
        <v>1</v>
      </c>
      <c r="C119523" s="14" t="s">
        <v>558</v>
      </c>
      <c r="D119523" s="14" t="s">
        <v>18</v>
      </c>
      <c r="E119523" s="15">
        <v>45544</v>
      </c>
      <c r="F119523" s="14" t="s">
        <v>15</v>
      </c>
      <c r="G119523" s="16">
        <v>0.8998397699334495</v>
      </c>
    </row>
    <row r="119524" spans="1:7" x14ac:dyDescent="0.3">
      <c r="A119524" s="13" t="s">
        <v>562</v>
      </c>
      <c r="B119524" s="14" t="s">
        <v>1</v>
      </c>
      <c r="C119524" s="14" t="s">
        <v>558</v>
      </c>
      <c r="D119524" s="14" t="s">
        <v>18</v>
      </c>
      <c r="E119524" s="15">
        <v>45545</v>
      </c>
      <c r="F119524" s="14" t="s">
        <v>15</v>
      </c>
      <c r="G119524" s="16">
        <v>0.90804375286515038</v>
      </c>
    </row>
    <row r="119525" spans="1:7" x14ac:dyDescent="0.3">
      <c r="A119525" s="13" t="s">
        <v>562</v>
      </c>
      <c r="B119525" s="14" t="s">
        <v>1</v>
      </c>
      <c r="C119525" s="14" t="s">
        <v>558</v>
      </c>
      <c r="D119525" s="14" t="s">
        <v>18</v>
      </c>
      <c r="E119525" s="15">
        <v>45546</v>
      </c>
      <c r="F119525" s="14" t="s">
        <v>15</v>
      </c>
      <c r="G119525" s="16">
        <v>0.90669184819975457</v>
      </c>
    </row>
    <row r="119526" spans="1:7" x14ac:dyDescent="0.3">
      <c r="A119526" s="13" t="s">
        <v>562</v>
      </c>
      <c r="B119526" s="14" t="s">
        <v>1</v>
      </c>
      <c r="C119526" s="14" t="s">
        <v>558</v>
      </c>
      <c r="D119526" s="14" t="s">
        <v>18</v>
      </c>
      <c r="E119526" s="15">
        <v>45547</v>
      </c>
      <c r="F119526" s="14" t="s">
        <v>15</v>
      </c>
      <c r="G119526" s="16">
        <v>0.90534490123477895</v>
      </c>
    </row>
    <row r="119527" spans="1:7" x14ac:dyDescent="0.3">
      <c r="A119527" s="13" t="s">
        <v>562</v>
      </c>
      <c r="B119527" s="14" t="s">
        <v>1</v>
      </c>
      <c r="C119527" s="14" t="s">
        <v>558</v>
      </c>
      <c r="D119527" s="14" t="s">
        <v>18</v>
      </c>
      <c r="E119527" s="15">
        <v>45548</v>
      </c>
      <c r="F119527" s="14" t="s">
        <v>15</v>
      </c>
      <c r="G119527" s="16">
        <v>0.94053332770219045</v>
      </c>
    </row>
    <row r="119528" spans="1:7" x14ac:dyDescent="0.3">
      <c r="A119528" s="13" t="s">
        <v>562</v>
      </c>
      <c r="B119528" s="14" t="s">
        <v>1</v>
      </c>
      <c r="C119528" s="14" t="s">
        <v>558</v>
      </c>
      <c r="D119528" s="14" t="s">
        <v>18</v>
      </c>
      <c r="E119528" s="15">
        <v>45549</v>
      </c>
      <c r="F119528" s="14" t="s">
        <v>15</v>
      </c>
      <c r="G119528" s="16">
        <v>0.94053332770219045</v>
      </c>
    </row>
    <row r="119529" spans="1:7" x14ac:dyDescent="0.3">
      <c r="A119529" s="13" t="s">
        <v>562</v>
      </c>
      <c r="B119529" s="14" t="s">
        <v>1</v>
      </c>
      <c r="C119529" s="14" t="s">
        <v>558</v>
      </c>
      <c r="D119529" s="14" t="s">
        <v>18</v>
      </c>
      <c r="E119529" s="15">
        <v>45550</v>
      </c>
      <c r="F119529" s="14" t="s">
        <v>15</v>
      </c>
      <c r="G119529" s="16">
        <v>0.94053332770219045</v>
      </c>
    </row>
    <row r="119530" spans="1:7" x14ac:dyDescent="0.3">
      <c r="A119530" s="13" t="s">
        <v>562</v>
      </c>
      <c r="B119530" s="14" t="s">
        <v>1</v>
      </c>
      <c r="C119530" s="14" t="s">
        <v>558</v>
      </c>
      <c r="D119530" s="14" t="s">
        <v>18</v>
      </c>
      <c r="E119530" s="15">
        <v>45551</v>
      </c>
      <c r="F119530" s="14" t="s">
        <v>15</v>
      </c>
      <c r="G119530" s="16">
        <v>0.94009156087845802</v>
      </c>
    </row>
    <row r="119531" spans="1:7" x14ac:dyDescent="0.3">
      <c r="A119531" s="13" t="s">
        <v>562</v>
      </c>
      <c r="B119531" s="14" t="s">
        <v>1</v>
      </c>
      <c r="C119531" s="14" t="s">
        <v>558</v>
      </c>
      <c r="D119531" s="14" t="s">
        <v>18</v>
      </c>
      <c r="E119531" s="15">
        <v>45552</v>
      </c>
      <c r="F119531" s="14" t="s">
        <v>15</v>
      </c>
      <c r="G119531" s="16">
        <v>0.93607721116157472</v>
      </c>
    </row>
    <row r="119532" spans="1:7" x14ac:dyDescent="0.3">
      <c r="A119532" s="13" t="s">
        <v>562</v>
      </c>
      <c r="B119532" s="14" t="s">
        <v>1</v>
      </c>
      <c r="C119532" s="14" t="s">
        <v>558</v>
      </c>
      <c r="D119532" s="14" t="s">
        <v>18</v>
      </c>
      <c r="E119532" s="15">
        <v>45553</v>
      </c>
      <c r="F119532" s="14" t="s">
        <v>15</v>
      </c>
      <c r="G119532" s="16">
        <v>0.93460952020249322</v>
      </c>
    </row>
    <row r="119533" spans="1:7" x14ac:dyDescent="0.3">
      <c r="A119533" s="13" t="s">
        <v>562</v>
      </c>
      <c r="B119533" s="14" t="s">
        <v>1</v>
      </c>
      <c r="C119533" s="14" t="s">
        <v>558</v>
      </c>
      <c r="D119533" s="14" t="s">
        <v>18</v>
      </c>
      <c r="E119533" s="15">
        <v>45554</v>
      </c>
      <c r="F119533" s="14" t="s">
        <v>15</v>
      </c>
      <c r="G119533" s="16">
        <v>0.93326849049285776</v>
      </c>
    </row>
    <row r="119534" spans="1:7" x14ac:dyDescent="0.3">
      <c r="A119534" s="13" t="s">
        <v>562</v>
      </c>
      <c r="B119534" s="14" t="s">
        <v>1</v>
      </c>
      <c r="C119534" s="14" t="s">
        <v>558</v>
      </c>
      <c r="D119534" s="14" t="s">
        <v>18</v>
      </c>
      <c r="E119534" s="15">
        <v>45555</v>
      </c>
      <c r="F119534" s="14" t="s">
        <v>15</v>
      </c>
      <c r="G119534" s="16">
        <v>0.93197271979028462</v>
      </c>
    </row>
    <row r="119535" spans="1:7" x14ac:dyDescent="0.3">
      <c r="A119535" s="13" t="s">
        <v>562</v>
      </c>
      <c r="B119535" s="14" t="s">
        <v>1</v>
      </c>
      <c r="C119535" s="14" t="s">
        <v>558</v>
      </c>
      <c r="D119535" s="14" t="s">
        <v>18</v>
      </c>
      <c r="E119535" s="15">
        <v>45556</v>
      </c>
      <c r="F119535" s="14" t="s">
        <v>15</v>
      </c>
      <c r="G119535" s="16">
        <v>0.93197271979028462</v>
      </c>
    </row>
    <row r="119536" spans="1:7" x14ac:dyDescent="0.3">
      <c r="A119536" s="13" t="s">
        <v>562</v>
      </c>
      <c r="B119536" s="14" t="s">
        <v>1</v>
      </c>
      <c r="C119536" s="14" t="s">
        <v>558</v>
      </c>
      <c r="D119536" s="14" t="s">
        <v>18</v>
      </c>
      <c r="E119536" s="15">
        <v>45557</v>
      </c>
      <c r="F119536" s="14" t="s">
        <v>15</v>
      </c>
      <c r="G119536" s="16">
        <v>0.93197271979028462</v>
      </c>
    </row>
    <row r="119537" spans="1:7" x14ac:dyDescent="0.3">
      <c r="A119537" s="13" t="s">
        <v>562</v>
      </c>
      <c r="B119537" s="14" t="s">
        <v>1</v>
      </c>
      <c r="C119537" s="14" t="s">
        <v>558</v>
      </c>
      <c r="D119537" s="14" t="s">
        <v>18</v>
      </c>
      <c r="E119537" s="15">
        <v>45558</v>
      </c>
      <c r="F119537" s="14" t="s">
        <v>15</v>
      </c>
      <c r="G119537" s="16">
        <v>0.93062769193514894</v>
      </c>
    </row>
    <row r="119538" spans="1:7" x14ac:dyDescent="0.3">
      <c r="A119538" s="13" t="s">
        <v>562</v>
      </c>
      <c r="B119538" s="14" t="s">
        <v>1</v>
      </c>
      <c r="C119538" s="14" t="s">
        <v>558</v>
      </c>
      <c r="D119538" s="14" t="s">
        <v>18</v>
      </c>
      <c r="E119538" s="15">
        <v>45559</v>
      </c>
      <c r="F119538" s="14" t="s">
        <v>15</v>
      </c>
      <c r="G119538" s="16">
        <v>0.9375498694194887</v>
      </c>
    </row>
    <row r="119539" spans="1:7" x14ac:dyDescent="0.3">
      <c r="A119539" s="13" t="s">
        <v>562</v>
      </c>
      <c r="B119539" s="14" t="s">
        <v>1</v>
      </c>
      <c r="C119539" s="14" t="s">
        <v>558</v>
      </c>
      <c r="D119539" s="14" t="s">
        <v>18</v>
      </c>
      <c r="E119539" s="15">
        <v>45560</v>
      </c>
      <c r="F119539" s="14" t="s">
        <v>15</v>
      </c>
      <c r="G119539" s="16">
        <v>0.93612695769000942</v>
      </c>
    </row>
    <row r="119540" spans="1:7" x14ac:dyDescent="0.3">
      <c r="A119540" s="13" t="s">
        <v>562</v>
      </c>
      <c r="B119540" s="14" t="s">
        <v>1</v>
      </c>
      <c r="C119540" s="14" t="s">
        <v>558</v>
      </c>
      <c r="D119540" s="14" t="s">
        <v>18</v>
      </c>
      <c r="E119540" s="15">
        <v>45561</v>
      </c>
      <c r="F119540" s="14" t="s">
        <v>15</v>
      </c>
      <c r="G119540" s="16">
        <v>0.95280556974973574</v>
      </c>
    </row>
    <row r="119541" spans="1:7" x14ac:dyDescent="0.3">
      <c r="A119541" s="13" t="s">
        <v>562</v>
      </c>
      <c r="B119541" s="14" t="s">
        <v>1</v>
      </c>
      <c r="C119541" s="14" t="s">
        <v>558</v>
      </c>
      <c r="D119541" s="14" t="s">
        <v>18</v>
      </c>
      <c r="E119541" s="15">
        <v>45562</v>
      </c>
      <c r="F119541" s="14" t="s">
        <v>15</v>
      </c>
      <c r="G119541" s="16">
        <v>0.95157137048786555</v>
      </c>
    </row>
    <row r="119542" spans="1:7" x14ac:dyDescent="0.3">
      <c r="A119542" s="13" t="s">
        <v>562</v>
      </c>
      <c r="B119542" s="14" t="s">
        <v>1</v>
      </c>
      <c r="C119542" s="14" t="s">
        <v>558</v>
      </c>
      <c r="D119542" s="14" t="s">
        <v>18</v>
      </c>
      <c r="E119542" s="15">
        <v>45563</v>
      </c>
      <c r="F119542" s="14" t="s">
        <v>15</v>
      </c>
      <c r="G119542" s="16">
        <v>0.95157137048786555</v>
      </c>
    </row>
    <row r="119543" spans="1:7" x14ac:dyDescent="0.3">
      <c r="A119543" s="13" t="s">
        <v>562</v>
      </c>
      <c r="B119543" s="14" t="s">
        <v>1</v>
      </c>
      <c r="C119543" s="14" t="s">
        <v>558</v>
      </c>
      <c r="D119543" s="14" t="s">
        <v>18</v>
      </c>
      <c r="E119543" s="15">
        <v>45564</v>
      </c>
      <c r="F119543" s="14" t="s">
        <v>15</v>
      </c>
      <c r="G119543" s="16">
        <v>0.95157137048786555</v>
      </c>
    </row>
    <row r="119544" spans="1:7" x14ac:dyDescent="0.3">
      <c r="A119544" s="13" t="s">
        <v>562</v>
      </c>
      <c r="B119544" s="14" t="s">
        <v>1</v>
      </c>
      <c r="C119544" s="14" t="s">
        <v>558</v>
      </c>
      <c r="D119544" s="14" t="s">
        <v>18</v>
      </c>
      <c r="E119544" s="15">
        <v>45565</v>
      </c>
      <c r="F119544" s="14" t="s">
        <v>15</v>
      </c>
      <c r="G119544" s="16">
        <v>0.98136054134599893</v>
      </c>
    </row>
    <row r="119545" spans="1:7" x14ac:dyDescent="0.3">
      <c r="A119545" s="13" t="s">
        <v>562</v>
      </c>
      <c r="B119545" s="14" t="s">
        <v>1</v>
      </c>
      <c r="C119545" s="14" t="s">
        <v>558</v>
      </c>
      <c r="D119545" s="14" t="s">
        <v>18</v>
      </c>
      <c r="E119545" s="15">
        <v>45566</v>
      </c>
      <c r="F119545" s="14" t="s">
        <v>15</v>
      </c>
      <c r="G119545" s="16">
        <v>0.977081674322823</v>
      </c>
    </row>
    <row r="119546" spans="1:7" x14ac:dyDescent="0.3">
      <c r="A119546" s="13" t="s">
        <v>562</v>
      </c>
      <c r="B119546" s="14" t="s">
        <v>1</v>
      </c>
      <c r="C119546" s="14" t="s">
        <v>558</v>
      </c>
      <c r="D119546" s="14" t="s">
        <v>18</v>
      </c>
      <c r="E119546" s="15">
        <v>45567</v>
      </c>
      <c r="F119546" s="14" t="s">
        <v>15</v>
      </c>
      <c r="G119546" s="16">
        <v>0.97819406661792496</v>
      </c>
    </row>
    <row r="119547" spans="1:7" x14ac:dyDescent="0.3">
      <c r="A119547" s="13" t="s">
        <v>562</v>
      </c>
      <c r="B119547" s="14" t="s">
        <v>1</v>
      </c>
      <c r="C119547" s="14" t="s">
        <v>558</v>
      </c>
      <c r="D119547" s="14" t="s">
        <v>18</v>
      </c>
      <c r="E119547" s="15">
        <v>45568</v>
      </c>
      <c r="F119547" s="14" t="s">
        <v>15</v>
      </c>
      <c r="G119547" s="16">
        <v>0.98038414260450335</v>
      </c>
    </row>
    <row r="119548" spans="1:7" x14ac:dyDescent="0.3">
      <c r="A119548" s="13" t="s">
        <v>562</v>
      </c>
      <c r="B119548" s="14" t="s">
        <v>1</v>
      </c>
      <c r="C119548" s="14" t="s">
        <v>558</v>
      </c>
      <c r="D119548" s="14" t="s">
        <v>18</v>
      </c>
      <c r="E119548" s="15">
        <v>45569</v>
      </c>
      <c r="F119548" s="14" t="s">
        <v>15</v>
      </c>
      <c r="G119548" s="16">
        <v>0.97875170343248297</v>
      </c>
    </row>
    <row r="119549" spans="1:7" x14ac:dyDescent="0.3">
      <c r="A119549" s="13" t="s">
        <v>562</v>
      </c>
      <c r="B119549" s="14" t="s">
        <v>1</v>
      </c>
      <c r="C119549" s="14" t="s">
        <v>558</v>
      </c>
      <c r="D119549" s="14" t="s">
        <v>18</v>
      </c>
      <c r="E119549" s="15">
        <v>45570</v>
      </c>
      <c r="F119549" s="14" t="s">
        <v>15</v>
      </c>
      <c r="G119549" s="16">
        <v>0.97875170343248297</v>
      </c>
    </row>
    <row r="119550" spans="1:7" x14ac:dyDescent="0.3">
      <c r="A119550" s="13" t="s">
        <v>562</v>
      </c>
      <c r="B119550" s="14" t="s">
        <v>1</v>
      </c>
      <c r="C119550" s="14" t="s">
        <v>558</v>
      </c>
      <c r="D119550" s="14" t="s">
        <v>18</v>
      </c>
      <c r="E119550" s="15">
        <v>45571</v>
      </c>
      <c r="F119550" s="14" t="s">
        <v>15</v>
      </c>
      <c r="G119550" s="16">
        <v>0.97875170343248297</v>
      </c>
    </row>
    <row r="119551" spans="1:7" x14ac:dyDescent="0.3">
      <c r="A119551" s="13" t="s">
        <v>562</v>
      </c>
      <c r="B119551" s="14" t="s">
        <v>1</v>
      </c>
      <c r="C119551" s="14" t="s">
        <v>558</v>
      </c>
      <c r="D119551" s="14" t="s">
        <v>18</v>
      </c>
      <c r="E119551" s="15">
        <v>45572</v>
      </c>
      <c r="F119551" s="14" t="s">
        <v>15</v>
      </c>
      <c r="G119551" s="16">
        <v>0.9690996935530849</v>
      </c>
    </row>
    <row r="119552" spans="1:7" x14ac:dyDescent="0.3">
      <c r="A119552" s="13" t="s">
        <v>562</v>
      </c>
      <c r="B119552" s="14" t="s">
        <v>1</v>
      </c>
      <c r="C119552" s="14" t="s">
        <v>558</v>
      </c>
      <c r="D119552" s="14" t="s">
        <v>18</v>
      </c>
      <c r="E119552" s="15">
        <v>45573</v>
      </c>
      <c r="F119552" s="14" t="s">
        <v>15</v>
      </c>
      <c r="G119552" s="16">
        <v>0.97056304454383879</v>
      </c>
    </row>
    <row r="119553" spans="1:7" x14ac:dyDescent="0.3">
      <c r="A119553" s="13" t="s">
        <v>562</v>
      </c>
      <c r="B119553" s="14" t="s">
        <v>1</v>
      </c>
      <c r="C119553" s="14" t="s">
        <v>558</v>
      </c>
      <c r="D119553" s="14" t="s">
        <v>18</v>
      </c>
      <c r="E119553" s="15">
        <v>45574</v>
      </c>
      <c r="F119553" s="14" t="s">
        <v>15</v>
      </c>
      <c r="G119553" s="16">
        <v>0.98196597173695721</v>
      </c>
    </row>
    <row r="119554" spans="1:7" x14ac:dyDescent="0.3">
      <c r="A119554" s="13" t="s">
        <v>562</v>
      </c>
      <c r="B119554" s="14" t="s">
        <v>1</v>
      </c>
      <c r="C119554" s="14" t="s">
        <v>558</v>
      </c>
      <c r="D119554" s="14" t="s">
        <v>18</v>
      </c>
      <c r="E119554" s="15">
        <v>45575</v>
      </c>
      <c r="F119554" s="14" t="s">
        <v>15</v>
      </c>
      <c r="G119554" s="16">
        <v>0.99079231376320365</v>
      </c>
    </row>
    <row r="119555" spans="1:7" x14ac:dyDescent="0.3">
      <c r="A119555" s="13" t="s">
        <v>562</v>
      </c>
      <c r="B119555" s="14" t="s">
        <v>1</v>
      </c>
      <c r="C119555" s="14" t="s">
        <v>558</v>
      </c>
      <c r="D119555" s="14" t="s">
        <v>18</v>
      </c>
      <c r="E119555" s="15">
        <v>45576</v>
      </c>
      <c r="F119555" s="14" t="s">
        <v>15</v>
      </c>
      <c r="G119555" s="16">
        <v>0.98923585185891416</v>
      </c>
    </row>
    <row r="119556" spans="1:7" x14ac:dyDescent="0.3">
      <c r="A119556" s="13" t="s">
        <v>562</v>
      </c>
      <c r="B119556" s="14" t="s">
        <v>1</v>
      </c>
      <c r="C119556" s="14" t="s">
        <v>558</v>
      </c>
      <c r="D119556" s="14" t="s">
        <v>18</v>
      </c>
      <c r="E119556" s="15">
        <v>45577</v>
      </c>
      <c r="F119556" s="14" t="s">
        <v>15</v>
      </c>
      <c r="G119556" s="16">
        <v>0.98923585185891416</v>
      </c>
    </row>
    <row r="119557" spans="1:7" x14ac:dyDescent="0.3">
      <c r="A119557" s="13" t="s">
        <v>562</v>
      </c>
      <c r="B119557" s="14" t="s">
        <v>1</v>
      </c>
      <c r="C119557" s="14" t="s">
        <v>558</v>
      </c>
      <c r="D119557" s="14" t="s">
        <v>18</v>
      </c>
      <c r="E119557" s="15">
        <v>45578</v>
      </c>
      <c r="F119557" s="14" t="s">
        <v>15</v>
      </c>
      <c r="G119557" s="16">
        <v>0.98923585185891416</v>
      </c>
    </row>
    <row r="119558" spans="1:7" x14ac:dyDescent="0.3">
      <c r="A119558" s="13" t="s">
        <v>562</v>
      </c>
      <c r="B119558" s="14" t="s">
        <v>1</v>
      </c>
      <c r="C119558" s="14" t="s">
        <v>558</v>
      </c>
      <c r="D119558" s="14" t="s">
        <v>18</v>
      </c>
      <c r="E119558" s="15">
        <v>45579</v>
      </c>
      <c r="F119558" s="14" t="s">
        <v>15</v>
      </c>
      <c r="G119558" s="16">
        <v>0.99195111630221422</v>
      </c>
    </row>
    <row r="119559" spans="1:7" x14ac:dyDescent="0.3">
      <c r="A119559" s="13" t="s">
        <v>562</v>
      </c>
      <c r="B119559" s="14" t="s">
        <v>1</v>
      </c>
      <c r="C119559" s="14" t="s">
        <v>558</v>
      </c>
      <c r="D119559" s="14" t="s">
        <v>18</v>
      </c>
      <c r="E119559" s="15">
        <v>45580</v>
      </c>
      <c r="F119559" s="14" t="s">
        <v>15</v>
      </c>
      <c r="G119559" s="16">
        <v>0.98676937740802451</v>
      </c>
    </row>
    <row r="119560" spans="1:7" x14ac:dyDescent="0.3">
      <c r="A119560" s="13" t="s">
        <v>562</v>
      </c>
      <c r="B119560" s="14" t="s">
        <v>1</v>
      </c>
      <c r="C119560" s="14" t="s">
        <v>558</v>
      </c>
      <c r="D119560" s="14" t="s">
        <v>18</v>
      </c>
      <c r="E119560" s="15">
        <v>45581</v>
      </c>
      <c r="F119560" s="14" t="s">
        <v>15</v>
      </c>
      <c r="G119560" s="16">
        <v>0.98459513977215507</v>
      </c>
    </row>
    <row r="119561" spans="1:7" x14ac:dyDescent="0.3">
      <c r="A119561" s="13" t="s">
        <v>562</v>
      </c>
      <c r="B119561" s="14" t="s">
        <v>1</v>
      </c>
      <c r="C119561" s="14" t="s">
        <v>558</v>
      </c>
      <c r="D119561" s="14" t="s">
        <v>18</v>
      </c>
      <c r="E119561" s="15">
        <v>45582</v>
      </c>
      <c r="F119561" s="14" t="s">
        <v>15</v>
      </c>
      <c r="G119561" s="16">
        <v>0.98290392019074446</v>
      </c>
    </row>
    <row r="119562" spans="1:7" x14ac:dyDescent="0.3">
      <c r="A119562" s="13" t="s">
        <v>562</v>
      </c>
      <c r="B119562" s="14" t="s">
        <v>1</v>
      </c>
      <c r="C119562" s="14" t="s">
        <v>558</v>
      </c>
      <c r="D119562" s="14" t="s">
        <v>18</v>
      </c>
      <c r="E119562" s="15">
        <v>45583</v>
      </c>
      <c r="F119562" s="14" t="s">
        <v>15</v>
      </c>
      <c r="G119562" s="16">
        <v>0.98290366597983503</v>
      </c>
    </row>
    <row r="119563" spans="1:7" x14ac:dyDescent="0.3">
      <c r="A119563" s="13" t="s">
        <v>562</v>
      </c>
      <c r="B119563" s="14" t="s">
        <v>1</v>
      </c>
      <c r="C119563" s="14" t="s">
        <v>558</v>
      </c>
      <c r="D119563" s="14" t="s">
        <v>18</v>
      </c>
      <c r="E119563" s="15">
        <v>45584</v>
      </c>
      <c r="F119563" s="14" t="s">
        <v>15</v>
      </c>
      <c r="G119563" s="16">
        <v>0.98290366597983503</v>
      </c>
    </row>
    <row r="119564" spans="1:7" x14ac:dyDescent="0.3">
      <c r="A119564" s="13" t="s">
        <v>562</v>
      </c>
      <c r="B119564" s="14" t="s">
        <v>1</v>
      </c>
      <c r="C119564" s="14" t="s">
        <v>558</v>
      </c>
      <c r="D119564" s="14" t="s">
        <v>18</v>
      </c>
      <c r="E119564" s="15">
        <v>45585</v>
      </c>
      <c r="F119564" s="14" t="s">
        <v>15</v>
      </c>
      <c r="G119564" s="16">
        <v>0.98290366597983503</v>
      </c>
    </row>
    <row r="119565" spans="1:7" x14ac:dyDescent="0.3">
      <c r="A119565" s="13" t="s">
        <v>562</v>
      </c>
      <c r="B119565" s="14" t="s">
        <v>1</v>
      </c>
      <c r="C119565" s="14" t="s">
        <v>558</v>
      </c>
      <c r="D119565" s="14" t="s">
        <v>18</v>
      </c>
      <c r="E119565" s="15">
        <v>45586</v>
      </c>
      <c r="F119565" s="14" t="s">
        <v>15</v>
      </c>
      <c r="G119565" s="16">
        <v>0.98271700138737572</v>
      </c>
    </row>
    <row r="119566" spans="1:7" x14ac:dyDescent="0.3">
      <c r="A119566" s="13" t="s">
        <v>562</v>
      </c>
      <c r="B119566" s="14" t="s">
        <v>1</v>
      </c>
      <c r="C119566" s="14" t="s">
        <v>558</v>
      </c>
      <c r="D119566" s="14" t="s">
        <v>18</v>
      </c>
      <c r="E119566" s="15">
        <v>45587</v>
      </c>
      <c r="F119566" s="14" t="s">
        <v>15</v>
      </c>
      <c r="G119566" s="16">
        <v>0.97790064292821988</v>
      </c>
    </row>
    <row r="119567" spans="1:7" x14ac:dyDescent="0.3">
      <c r="A119567" s="13" t="s">
        <v>562</v>
      </c>
      <c r="B119567" s="14" t="s">
        <v>1</v>
      </c>
      <c r="C119567" s="14" t="s">
        <v>558</v>
      </c>
      <c r="D119567" s="14" t="s">
        <v>18</v>
      </c>
      <c r="E119567" s="15">
        <v>45588</v>
      </c>
      <c r="F119567" s="14" t="s">
        <v>15</v>
      </c>
      <c r="G119567" s="16">
        <v>0.97631700646884756</v>
      </c>
    </row>
    <row r="119568" spans="1:7" x14ac:dyDescent="0.3">
      <c r="A119568" s="13" t="s">
        <v>562</v>
      </c>
      <c r="B119568" s="14" t="s">
        <v>1</v>
      </c>
      <c r="C119568" s="14" t="s">
        <v>558</v>
      </c>
      <c r="D119568" s="14" t="s">
        <v>18</v>
      </c>
      <c r="E119568" s="15">
        <v>45589</v>
      </c>
      <c r="F119568" s="14" t="s">
        <v>15</v>
      </c>
      <c r="G119568" s="16">
        <v>0.97587153911365343</v>
      </c>
    </row>
    <row r="119569" spans="1:7" x14ac:dyDescent="0.3">
      <c r="A119569" s="13" t="s">
        <v>562</v>
      </c>
      <c r="B119569" s="14" t="s">
        <v>1</v>
      </c>
      <c r="C119569" s="14" t="s">
        <v>558</v>
      </c>
      <c r="D119569" s="14" t="s">
        <v>18</v>
      </c>
      <c r="E119569" s="15">
        <v>45590</v>
      </c>
      <c r="F119569" s="14" t="s">
        <v>15</v>
      </c>
      <c r="G119569" s="16">
        <v>0.97430941927868853</v>
      </c>
    </row>
    <row r="119570" spans="1:7" x14ac:dyDescent="0.3">
      <c r="A119570" s="13" t="s">
        <v>562</v>
      </c>
      <c r="B119570" s="14" t="s">
        <v>1</v>
      </c>
      <c r="C119570" s="14" t="s">
        <v>558</v>
      </c>
      <c r="D119570" s="14" t="s">
        <v>18</v>
      </c>
      <c r="E119570" s="15">
        <v>45591</v>
      </c>
      <c r="F119570" s="14" t="s">
        <v>15</v>
      </c>
      <c r="G119570" s="16">
        <v>0.97430941927868853</v>
      </c>
    </row>
    <row r="119571" spans="1:7" x14ac:dyDescent="0.3">
      <c r="A119571" s="13" t="s">
        <v>562</v>
      </c>
      <c r="B119571" s="14" t="s">
        <v>1</v>
      </c>
      <c r="C119571" s="14" t="s">
        <v>558</v>
      </c>
      <c r="D119571" s="14" t="s">
        <v>18</v>
      </c>
      <c r="E119571" s="15">
        <v>45592</v>
      </c>
      <c r="F119571" s="14" t="s">
        <v>15</v>
      </c>
      <c r="G119571" s="16">
        <v>0.97430941927868853</v>
      </c>
    </row>
    <row r="119572" spans="1:7" x14ac:dyDescent="0.3">
      <c r="A119572" s="13" t="s">
        <v>562</v>
      </c>
      <c r="B119572" s="14" t="s">
        <v>1</v>
      </c>
      <c r="C119572" s="14" t="s">
        <v>558</v>
      </c>
      <c r="D119572" s="14" t="s">
        <v>18</v>
      </c>
      <c r="E119572" s="15">
        <v>45593</v>
      </c>
      <c r="F119572" s="14" t="s">
        <v>15</v>
      </c>
      <c r="G119572" s="16">
        <v>0.97430941927868853</v>
      </c>
    </row>
    <row r="119573" spans="1:7" x14ac:dyDescent="0.3">
      <c r="A119573" s="13" t="s">
        <v>562</v>
      </c>
      <c r="B119573" s="14" t="s">
        <v>1</v>
      </c>
      <c r="C119573" s="14" t="s">
        <v>558</v>
      </c>
      <c r="D119573" s="14" t="s">
        <v>18</v>
      </c>
      <c r="E119573" s="15">
        <v>45594</v>
      </c>
      <c r="F119573" s="14" t="s">
        <v>15</v>
      </c>
      <c r="G119573" s="16">
        <v>0.97268677136945558</v>
      </c>
    </row>
    <row r="119574" spans="1:7" x14ac:dyDescent="0.3">
      <c r="A119574" s="13" t="s">
        <v>562</v>
      </c>
      <c r="B119574" s="14" t="s">
        <v>1</v>
      </c>
      <c r="C119574" s="14" t="s">
        <v>558</v>
      </c>
      <c r="D119574" s="14" t="s">
        <v>18</v>
      </c>
      <c r="E119574" s="15">
        <v>45595</v>
      </c>
      <c r="F119574" s="14" t="s">
        <v>15</v>
      </c>
      <c r="G119574" s="16">
        <v>0.98141100563096428</v>
      </c>
    </row>
    <row r="119575" spans="1:7" x14ac:dyDescent="0.3">
      <c r="A119575" s="13" t="s">
        <v>562</v>
      </c>
      <c r="B119575" s="14" t="s">
        <v>1</v>
      </c>
      <c r="C119575" s="14" t="s">
        <v>558</v>
      </c>
      <c r="D119575" s="14" t="s">
        <v>18</v>
      </c>
      <c r="E119575" s="15">
        <v>45596</v>
      </c>
      <c r="F119575" s="14" t="s">
        <v>15</v>
      </c>
      <c r="G119575" s="16">
        <v>0.9798078634466616</v>
      </c>
    </row>
    <row r="119576" spans="1:7" x14ac:dyDescent="0.3">
      <c r="A119576" s="13" t="s">
        <v>562</v>
      </c>
      <c r="B119576" s="14" t="s">
        <v>1</v>
      </c>
      <c r="C119576" s="14" t="s">
        <v>558</v>
      </c>
      <c r="D119576" s="14" t="s">
        <v>18</v>
      </c>
      <c r="E119576" s="15">
        <v>45597</v>
      </c>
      <c r="F119576" s="14" t="s">
        <v>15</v>
      </c>
      <c r="G119576" s="16">
        <v>0.9781721446908257</v>
      </c>
    </row>
    <row r="119577" spans="1:7" x14ac:dyDescent="0.3">
      <c r="A119577" s="13" t="s">
        <v>562</v>
      </c>
      <c r="B119577" s="14" t="s">
        <v>1</v>
      </c>
      <c r="C119577" s="14" t="s">
        <v>558</v>
      </c>
      <c r="D119577" s="14" t="s">
        <v>18</v>
      </c>
      <c r="E119577" s="15">
        <v>45598</v>
      </c>
      <c r="F119577" s="14" t="s">
        <v>15</v>
      </c>
      <c r="G119577" s="16">
        <v>0.9781721446908257</v>
      </c>
    </row>
    <row r="119578" spans="1:7" x14ac:dyDescent="0.3">
      <c r="A119578" s="13" t="s">
        <v>562</v>
      </c>
      <c r="B119578" s="14" t="s">
        <v>1</v>
      </c>
      <c r="C119578" s="14" t="s">
        <v>558</v>
      </c>
      <c r="D119578" s="14" t="s">
        <v>18</v>
      </c>
      <c r="E119578" s="15">
        <v>45599</v>
      </c>
      <c r="F119578" s="14" t="s">
        <v>15</v>
      </c>
      <c r="G119578" s="16">
        <v>0.9781721446908257</v>
      </c>
    </row>
    <row r="119579" spans="1:7" x14ac:dyDescent="0.3">
      <c r="A119579" s="13" t="s">
        <v>562</v>
      </c>
      <c r="B119579" s="14" t="s">
        <v>1</v>
      </c>
      <c r="C119579" s="14" t="s">
        <v>558</v>
      </c>
      <c r="D119579" s="14" t="s">
        <v>18</v>
      </c>
      <c r="E119579" s="15">
        <v>45600</v>
      </c>
      <c r="F119579" s="14" t="s">
        <v>15</v>
      </c>
      <c r="G119579" s="16">
        <v>0.97744716230828055</v>
      </c>
    </row>
    <row r="119580" spans="1:7" x14ac:dyDescent="0.3">
      <c r="A119580" s="13" t="s">
        <v>562</v>
      </c>
      <c r="B119580" s="14" t="s">
        <v>1</v>
      </c>
      <c r="C119580" s="14" t="s">
        <v>558</v>
      </c>
      <c r="D119580" s="14" t="s">
        <v>18</v>
      </c>
      <c r="E119580" s="15">
        <v>45601</v>
      </c>
      <c r="F119580" s="14" t="s">
        <v>15</v>
      </c>
      <c r="G119580" s="16">
        <v>0.97231026647243557</v>
      </c>
    </row>
    <row r="119581" spans="1:7" x14ac:dyDescent="0.3">
      <c r="A119581" s="13" t="s">
        <v>562</v>
      </c>
      <c r="B119581" s="14" t="s">
        <v>1</v>
      </c>
      <c r="C119581" s="14" t="s">
        <v>558</v>
      </c>
      <c r="D119581" s="14" t="s">
        <v>18</v>
      </c>
      <c r="E119581" s="15">
        <v>45602</v>
      </c>
      <c r="F119581" s="14" t="s">
        <v>15</v>
      </c>
      <c r="G119581" s="16">
        <v>0.97059913898619909</v>
      </c>
    </row>
    <row r="119582" spans="1:7" x14ac:dyDescent="0.3">
      <c r="A119582" s="13" t="s">
        <v>562</v>
      </c>
      <c r="B119582" s="14" t="s">
        <v>1</v>
      </c>
      <c r="C119582" s="14" t="s">
        <v>558</v>
      </c>
      <c r="D119582" s="14" t="s">
        <v>18</v>
      </c>
      <c r="E119582" s="15">
        <v>45603</v>
      </c>
      <c r="F119582" s="14" t="s">
        <v>15</v>
      </c>
      <c r="G119582" s="16">
        <v>0.96891978371170484</v>
      </c>
    </row>
    <row r="119583" spans="1:7" x14ac:dyDescent="0.3">
      <c r="A119583" s="13" t="s">
        <v>562</v>
      </c>
      <c r="B119583" s="14" t="s">
        <v>1</v>
      </c>
      <c r="C119583" s="14" t="s">
        <v>558</v>
      </c>
      <c r="D119583" s="14" t="s">
        <v>18</v>
      </c>
      <c r="E119583" s="15">
        <v>45604</v>
      </c>
      <c r="F119583" s="14" t="s">
        <v>15</v>
      </c>
      <c r="G119583" s="16">
        <v>0.97219689346897586</v>
      </c>
    </row>
    <row r="119584" spans="1:7" x14ac:dyDescent="0.3">
      <c r="A119584" s="13" t="s">
        <v>562</v>
      </c>
      <c r="B119584" s="14" t="s">
        <v>1</v>
      </c>
      <c r="C119584" s="14" t="s">
        <v>558</v>
      </c>
      <c r="D119584" s="14" t="s">
        <v>18</v>
      </c>
      <c r="E119584" s="15">
        <v>45605</v>
      </c>
      <c r="F119584" s="14" t="s">
        <v>15</v>
      </c>
      <c r="G119584" s="16">
        <v>0.97219689346897586</v>
      </c>
    </row>
    <row r="119585" spans="1:7" x14ac:dyDescent="0.3">
      <c r="A119585" s="13" t="s">
        <v>562</v>
      </c>
      <c r="B119585" s="14" t="s">
        <v>1</v>
      </c>
      <c r="C119585" s="14" t="s">
        <v>558</v>
      </c>
      <c r="D119585" s="14" t="s">
        <v>18</v>
      </c>
      <c r="E119585" s="15">
        <v>45606</v>
      </c>
      <c r="F119585" s="14" t="s">
        <v>15</v>
      </c>
      <c r="G119585" s="16">
        <v>0.97219689346897586</v>
      </c>
    </row>
    <row r="119586" spans="1:7" x14ac:dyDescent="0.3">
      <c r="A119586" s="13" t="s">
        <v>562</v>
      </c>
      <c r="B119586" s="14" t="s">
        <v>1</v>
      </c>
      <c r="C119586" s="14" t="s">
        <v>558</v>
      </c>
      <c r="D119586" s="14" t="s">
        <v>18</v>
      </c>
      <c r="E119586" s="15">
        <v>45607</v>
      </c>
      <c r="F119586" s="14" t="s">
        <v>15</v>
      </c>
      <c r="G119586" s="16">
        <v>0.97244458316362337</v>
      </c>
    </row>
    <row r="119587" spans="1:7" x14ac:dyDescent="0.3">
      <c r="A119587" s="13" t="s">
        <v>562</v>
      </c>
      <c r="B119587" s="14" t="s">
        <v>1</v>
      </c>
      <c r="C119587" s="14" t="s">
        <v>558</v>
      </c>
      <c r="D119587" s="14" t="s">
        <v>18</v>
      </c>
      <c r="E119587" s="15">
        <v>45608</v>
      </c>
      <c r="F119587" s="14" t="s">
        <v>15</v>
      </c>
      <c r="G119587" s="16">
        <v>0.98745046521246915</v>
      </c>
    </row>
    <row r="119588" spans="1:7" x14ac:dyDescent="0.3">
      <c r="A119588" s="13" t="s">
        <v>562</v>
      </c>
      <c r="B119588" s="14" t="s">
        <v>1</v>
      </c>
      <c r="C119588" s="14" t="s">
        <v>558</v>
      </c>
      <c r="D119588" s="14" t="s">
        <v>18</v>
      </c>
      <c r="E119588" s="15">
        <v>45609</v>
      </c>
      <c r="F119588" s="14" t="s">
        <v>15</v>
      </c>
      <c r="G119588" s="16">
        <v>0.98583907834030926</v>
      </c>
    </row>
    <row r="119589" spans="1:7" x14ac:dyDescent="0.3">
      <c r="A119589" s="13" t="s">
        <v>562</v>
      </c>
      <c r="B119589" s="14" t="s">
        <v>1</v>
      </c>
      <c r="C119589" s="14" t="s">
        <v>558</v>
      </c>
      <c r="D119589" s="14" t="s">
        <v>18</v>
      </c>
      <c r="E119589" s="15">
        <v>45610</v>
      </c>
      <c r="F119589" s="14" t="s">
        <v>15</v>
      </c>
      <c r="G119589" s="16">
        <v>0.98439761247398516</v>
      </c>
    </row>
    <row r="119590" spans="1:7" x14ac:dyDescent="0.3">
      <c r="A119590" s="13" t="s">
        <v>562</v>
      </c>
      <c r="B119590" s="14" t="s">
        <v>1</v>
      </c>
      <c r="C119590" s="14" t="s">
        <v>558</v>
      </c>
      <c r="D119590" s="14" t="s">
        <v>18</v>
      </c>
      <c r="E119590" s="15">
        <v>45611</v>
      </c>
      <c r="F119590" s="14" t="s">
        <v>15</v>
      </c>
      <c r="G119590" s="16">
        <v>0.98257085826780133</v>
      </c>
    </row>
    <row r="119591" spans="1:7" x14ac:dyDescent="0.3">
      <c r="A119591" s="13" t="s">
        <v>562</v>
      </c>
      <c r="B119591" s="14" t="s">
        <v>1</v>
      </c>
      <c r="C119591" s="14" t="s">
        <v>558</v>
      </c>
      <c r="D119591" s="14" t="s">
        <v>18</v>
      </c>
      <c r="E119591" s="15">
        <v>45612</v>
      </c>
      <c r="F119591" s="14" t="s">
        <v>15</v>
      </c>
      <c r="G119591" s="16">
        <v>0.98257085826780133</v>
      </c>
    </row>
    <row r="119592" spans="1:7" x14ac:dyDescent="0.3">
      <c r="A119592" s="13" t="s">
        <v>562</v>
      </c>
      <c r="B119592" s="14" t="s">
        <v>1</v>
      </c>
      <c r="C119592" s="14" t="s">
        <v>558</v>
      </c>
      <c r="D119592" s="14" t="s">
        <v>18</v>
      </c>
      <c r="E119592" s="15">
        <v>45613</v>
      </c>
      <c r="F119592" s="14" t="s">
        <v>15</v>
      </c>
      <c r="G119592" s="16">
        <v>0.98257085826780133</v>
      </c>
    </row>
    <row r="119593" spans="1:7" x14ac:dyDescent="0.3">
      <c r="A119593" s="13" t="s">
        <v>562</v>
      </c>
      <c r="B119593" s="14" t="s">
        <v>1</v>
      </c>
      <c r="C119593" s="14" t="s">
        <v>558</v>
      </c>
      <c r="D119593" s="14" t="s">
        <v>18</v>
      </c>
      <c r="E119593" s="15">
        <v>45614</v>
      </c>
      <c r="F119593" s="14" t="s">
        <v>15</v>
      </c>
      <c r="G119593" s="16">
        <v>0.98274032397277999</v>
      </c>
    </row>
    <row r="119594" spans="1:7" x14ac:dyDescent="0.3">
      <c r="A119594" s="13" t="s">
        <v>562</v>
      </c>
      <c r="B119594" s="14" t="s">
        <v>1</v>
      </c>
      <c r="C119594" s="14" t="s">
        <v>558</v>
      </c>
      <c r="D119594" s="14" t="s">
        <v>18</v>
      </c>
      <c r="E119594" s="15">
        <v>45615</v>
      </c>
      <c r="F119594" s="14" t="s">
        <v>15</v>
      </c>
      <c r="G119594" s="16">
        <v>0.97742144173423529</v>
      </c>
    </row>
    <row r="119595" spans="1:7" x14ac:dyDescent="0.3">
      <c r="A119595" s="13" t="s">
        <v>562</v>
      </c>
      <c r="B119595" s="14" t="s">
        <v>1</v>
      </c>
      <c r="C119595" s="14" t="s">
        <v>558</v>
      </c>
      <c r="D119595" s="14" t="s">
        <v>18</v>
      </c>
      <c r="E119595" s="15">
        <v>45616</v>
      </c>
      <c r="F119595" s="14" t="s">
        <v>15</v>
      </c>
      <c r="G119595" s="16">
        <v>0.98130362951338512</v>
      </c>
    </row>
    <row r="119596" spans="1:7" x14ac:dyDescent="0.3">
      <c r="A119596" s="13" t="s">
        <v>562</v>
      </c>
      <c r="B119596" s="14" t="s">
        <v>1</v>
      </c>
      <c r="C119596" s="14" t="s">
        <v>558</v>
      </c>
      <c r="D119596" s="14" t="s">
        <v>18</v>
      </c>
      <c r="E119596" s="15">
        <v>45617</v>
      </c>
      <c r="F119596" s="14" t="s">
        <v>15</v>
      </c>
      <c r="G119596" s="16">
        <v>0.97983781407124493</v>
      </c>
    </row>
    <row r="119597" spans="1:7" x14ac:dyDescent="0.3">
      <c r="A119597" s="13" t="s">
        <v>562</v>
      </c>
      <c r="B119597" s="14" t="s">
        <v>1</v>
      </c>
      <c r="C119597" s="14" t="s">
        <v>558</v>
      </c>
      <c r="D119597" s="14" t="s">
        <v>18</v>
      </c>
      <c r="E119597" s="15">
        <v>45618</v>
      </c>
      <c r="F119597" s="14" t="s">
        <v>15</v>
      </c>
      <c r="G119597" s="16">
        <v>0.98229826963516353</v>
      </c>
    </row>
    <row r="119598" spans="1:7" x14ac:dyDescent="0.3">
      <c r="A119598" s="13" t="s">
        <v>562</v>
      </c>
      <c r="B119598" s="14" t="s">
        <v>1</v>
      </c>
      <c r="C119598" s="14" t="s">
        <v>558</v>
      </c>
      <c r="D119598" s="14" t="s">
        <v>18</v>
      </c>
      <c r="E119598" s="15">
        <v>45619</v>
      </c>
      <c r="F119598" s="14" t="s">
        <v>15</v>
      </c>
      <c r="G119598" s="16">
        <v>0.98229826963516353</v>
      </c>
    </row>
    <row r="119599" spans="1:7" x14ac:dyDescent="0.3">
      <c r="A119599" s="13" t="s">
        <v>562</v>
      </c>
      <c r="B119599" s="14" t="s">
        <v>1</v>
      </c>
      <c r="C119599" s="14" t="s">
        <v>558</v>
      </c>
      <c r="D119599" s="14" t="s">
        <v>18</v>
      </c>
      <c r="E119599" s="15">
        <v>45620</v>
      </c>
      <c r="F119599" s="14" t="s">
        <v>15</v>
      </c>
      <c r="G119599" s="16">
        <v>0.98229826963516353</v>
      </c>
    </row>
    <row r="119600" spans="1:7" x14ac:dyDescent="0.3">
      <c r="A119600" s="13" t="s">
        <v>562</v>
      </c>
      <c r="B119600" s="14" t="s">
        <v>1</v>
      </c>
      <c r="C119600" s="14" t="s">
        <v>558</v>
      </c>
      <c r="D119600" s="14" t="s">
        <v>18</v>
      </c>
      <c r="E119600" s="15">
        <v>45621</v>
      </c>
      <c r="F119600" s="14" t="s">
        <v>15</v>
      </c>
      <c r="G119600" s="16">
        <v>0.98488420149533284</v>
      </c>
    </row>
    <row r="119601" spans="1:7" x14ac:dyDescent="0.3">
      <c r="A119601" s="13" t="s">
        <v>562</v>
      </c>
      <c r="B119601" s="14" t="s">
        <v>1</v>
      </c>
      <c r="C119601" s="14" t="s">
        <v>558</v>
      </c>
      <c r="D119601" s="14" t="s">
        <v>18</v>
      </c>
      <c r="E119601" s="15">
        <v>45622</v>
      </c>
      <c r="F119601" s="14" t="s">
        <v>15</v>
      </c>
      <c r="G119601" s="16">
        <v>0.9828937395362769</v>
      </c>
    </row>
    <row r="119602" spans="1:7" x14ac:dyDescent="0.3">
      <c r="A119602" s="13" t="s">
        <v>562</v>
      </c>
      <c r="B119602" s="14" t="s">
        <v>1</v>
      </c>
      <c r="C119602" s="14" t="s">
        <v>558</v>
      </c>
      <c r="D119602" s="14" t="s">
        <v>18</v>
      </c>
      <c r="E119602" s="15">
        <v>45623</v>
      </c>
      <c r="F119602" s="14" t="s">
        <v>15</v>
      </c>
      <c r="G119602" s="16">
        <v>0.99663289830167623</v>
      </c>
    </row>
    <row r="119603" spans="1:7" x14ac:dyDescent="0.3">
      <c r="A119603" s="13" t="s">
        <v>562</v>
      </c>
      <c r="B119603" s="14" t="s">
        <v>1</v>
      </c>
      <c r="C119603" s="14" t="s">
        <v>558</v>
      </c>
      <c r="D119603" s="14" t="s">
        <v>18</v>
      </c>
      <c r="E119603" s="15">
        <v>45624</v>
      </c>
      <c r="F119603" s="14" t="s">
        <v>15</v>
      </c>
      <c r="G119603" s="16">
        <v>0.99538512036637605</v>
      </c>
    </row>
    <row r="119604" spans="1:7" x14ac:dyDescent="0.3">
      <c r="A119604" s="13" t="s">
        <v>562</v>
      </c>
      <c r="B119604" s="14" t="s">
        <v>1</v>
      </c>
      <c r="C119604" s="14" t="s">
        <v>558</v>
      </c>
      <c r="D119604" s="14" t="s">
        <v>18</v>
      </c>
      <c r="E119604" s="15">
        <v>45625</v>
      </c>
      <c r="F119604" s="14" t="s">
        <v>15</v>
      </c>
      <c r="G119604" s="16">
        <v>0.99844343357713738</v>
      </c>
    </row>
    <row r="119605" spans="1:7" x14ac:dyDescent="0.3">
      <c r="A119605" s="13" t="s">
        <v>562</v>
      </c>
      <c r="B119605" s="14" t="s">
        <v>1</v>
      </c>
      <c r="C119605" s="14" t="s">
        <v>558</v>
      </c>
      <c r="D119605" s="14" t="s">
        <v>18</v>
      </c>
      <c r="E119605" s="15">
        <v>45626</v>
      </c>
      <c r="F119605" s="14" t="s">
        <v>15</v>
      </c>
      <c r="G119605" s="16">
        <v>0.99844343357713738</v>
      </c>
    </row>
    <row r="119606" spans="1:7" x14ac:dyDescent="0.3">
      <c r="A119606" s="13" t="s">
        <v>562</v>
      </c>
      <c r="B119606" s="14" t="s">
        <v>1</v>
      </c>
      <c r="C119606" s="14" t="s">
        <v>558</v>
      </c>
      <c r="D119606" s="14" t="s">
        <v>18</v>
      </c>
      <c r="E119606" s="15">
        <v>45627</v>
      </c>
      <c r="F119606" s="14" t="s">
        <v>15</v>
      </c>
      <c r="G119606" s="16">
        <v>0.99844343357713738</v>
      </c>
    </row>
    <row r="119607" spans="1:7" x14ac:dyDescent="0.3">
      <c r="A119607" s="13" t="s">
        <v>562</v>
      </c>
      <c r="B119607" s="14" t="s">
        <v>1</v>
      </c>
      <c r="C119607" s="14" t="s">
        <v>558</v>
      </c>
      <c r="D119607" s="14" t="s">
        <v>18</v>
      </c>
      <c r="E119607" s="15">
        <v>45628</v>
      </c>
      <c r="F119607" s="14" t="s">
        <v>15</v>
      </c>
      <c r="G119607" s="16">
        <v>0.99712962598514554</v>
      </c>
    </row>
    <row r="119608" spans="1:7" x14ac:dyDescent="0.3">
      <c r="A119608" s="13" t="s">
        <v>562</v>
      </c>
      <c r="B119608" s="14" t="s">
        <v>1</v>
      </c>
      <c r="C119608" s="14" t="s">
        <v>558</v>
      </c>
      <c r="D119608" s="14" t="s">
        <v>18</v>
      </c>
      <c r="E119608" s="15">
        <v>45629</v>
      </c>
      <c r="F119608" s="14" t="s">
        <v>15</v>
      </c>
      <c r="G119608" s="16">
        <v>0.99968244327428513</v>
      </c>
    </row>
    <row r="119609" spans="1:7" x14ac:dyDescent="0.3">
      <c r="A119609" s="13" t="s">
        <v>562</v>
      </c>
      <c r="B119609" s="14" t="s">
        <v>1</v>
      </c>
      <c r="C119609" s="14" t="s">
        <v>558</v>
      </c>
      <c r="D119609" s="14" t="s">
        <v>18</v>
      </c>
      <c r="E119609" s="15">
        <v>45630</v>
      </c>
      <c r="F119609" s="14" t="s">
        <v>15</v>
      </c>
      <c r="G119609" s="16">
        <v>0.99860502584295674</v>
      </c>
    </row>
    <row r="119610" spans="1:7" x14ac:dyDescent="0.3">
      <c r="A119610" s="13" t="s">
        <v>562</v>
      </c>
      <c r="B119610" s="14" t="s">
        <v>1</v>
      </c>
      <c r="C119610" s="14" t="s">
        <v>558</v>
      </c>
      <c r="D119610" s="14" t="s">
        <v>18</v>
      </c>
      <c r="E119610" s="15">
        <v>45631</v>
      </c>
      <c r="F119610" s="14" t="s">
        <v>15</v>
      </c>
      <c r="G119610" s="16">
        <v>0.99726368927022935</v>
      </c>
    </row>
    <row r="119611" spans="1:7" x14ac:dyDescent="0.3">
      <c r="A119611" s="13" t="s">
        <v>562</v>
      </c>
      <c r="B119611" s="14" t="s">
        <v>1</v>
      </c>
      <c r="C119611" s="14" t="s">
        <v>558</v>
      </c>
      <c r="D119611" s="14" t="s">
        <v>18</v>
      </c>
      <c r="E119611" s="15">
        <v>45632</v>
      </c>
      <c r="F119611" s="14" t="s">
        <v>15</v>
      </c>
      <c r="G119611" s="16">
        <v>0.99577493301080966</v>
      </c>
    </row>
    <row r="119612" spans="1:7" x14ac:dyDescent="0.3">
      <c r="A119612" s="13" t="s">
        <v>562</v>
      </c>
      <c r="B119612" s="14" t="s">
        <v>1</v>
      </c>
      <c r="C119612" s="14" t="s">
        <v>558</v>
      </c>
      <c r="D119612" s="14" t="s">
        <v>18</v>
      </c>
      <c r="E119612" s="15">
        <v>45633</v>
      </c>
      <c r="F119612" s="14" t="s">
        <v>15</v>
      </c>
      <c r="G119612" s="16">
        <v>0.99577493301080966</v>
      </c>
    </row>
    <row r="119613" spans="1:7" x14ac:dyDescent="0.3">
      <c r="A119613" s="13" t="s">
        <v>562</v>
      </c>
      <c r="B119613" s="14" t="s">
        <v>1</v>
      </c>
      <c r="C119613" s="14" t="s">
        <v>558</v>
      </c>
      <c r="D119613" s="14" t="s">
        <v>18</v>
      </c>
      <c r="E119613" s="15">
        <v>45634</v>
      </c>
      <c r="F119613" s="14" t="s">
        <v>15</v>
      </c>
      <c r="G119613" s="16">
        <v>0.99577493301080966</v>
      </c>
    </row>
    <row r="119614" spans="1:7" x14ac:dyDescent="0.3">
      <c r="A119614" s="13" t="s">
        <v>562</v>
      </c>
      <c r="B119614" s="14" t="s">
        <v>1</v>
      </c>
      <c r="C119614" s="14" t="s">
        <v>558</v>
      </c>
      <c r="D119614" s="14" t="s">
        <v>18</v>
      </c>
      <c r="E119614" s="15">
        <v>45635</v>
      </c>
      <c r="F119614" s="14" t="s">
        <v>15</v>
      </c>
      <c r="G119614" s="16">
        <v>0.9984446487253914</v>
      </c>
    </row>
    <row r="119615" spans="1:7" x14ac:dyDescent="0.3">
      <c r="A119615" s="13" t="s">
        <v>562</v>
      </c>
      <c r="B119615" s="14" t="s">
        <v>1</v>
      </c>
      <c r="C119615" s="14" t="s">
        <v>558</v>
      </c>
      <c r="D119615" s="14" t="s">
        <v>18</v>
      </c>
      <c r="E119615" s="15">
        <v>45636</v>
      </c>
      <c r="F119615" s="14" t="s">
        <v>15</v>
      </c>
      <c r="G119615" s="16">
        <v>1.0171689468283276</v>
      </c>
    </row>
    <row r="119616" spans="1:7" x14ac:dyDescent="0.3">
      <c r="A119616" s="13" t="s">
        <v>562</v>
      </c>
      <c r="B119616" s="14" t="s">
        <v>1</v>
      </c>
      <c r="C119616" s="14" t="s">
        <v>558</v>
      </c>
      <c r="D119616" s="14" t="s">
        <v>18</v>
      </c>
      <c r="E119616" s="15">
        <v>45637</v>
      </c>
      <c r="F119616" s="14" t="s">
        <v>15</v>
      </c>
      <c r="G119616" s="16">
        <v>1.0230699265280805</v>
      </c>
    </row>
    <row r="119617" spans="1:7" x14ac:dyDescent="0.3">
      <c r="A119617" s="13" t="s">
        <v>562</v>
      </c>
      <c r="B119617" s="14" t="s">
        <v>1</v>
      </c>
      <c r="C119617" s="14" t="s">
        <v>558</v>
      </c>
      <c r="D119617" s="14" t="s">
        <v>18</v>
      </c>
      <c r="E119617" s="15">
        <v>45638</v>
      </c>
      <c r="F119617" s="14" t="s">
        <v>15</v>
      </c>
      <c r="G119617" s="16">
        <v>1.0217405590774122</v>
      </c>
    </row>
    <row r="119618" spans="1:7" x14ac:dyDescent="0.3">
      <c r="A119618" s="13" t="s">
        <v>562</v>
      </c>
      <c r="B119618" s="14" t="s">
        <v>1</v>
      </c>
      <c r="C119618" s="14" t="s">
        <v>558</v>
      </c>
      <c r="D119618" s="14" t="s">
        <v>18</v>
      </c>
      <c r="E119618" s="15">
        <v>45639</v>
      </c>
      <c r="F119618" s="14" t="s">
        <v>15</v>
      </c>
      <c r="G119618" s="16">
        <v>1.075882692477651</v>
      </c>
    </row>
    <row r="119619" spans="1:7" x14ac:dyDescent="0.3">
      <c r="A119619" s="13" t="s">
        <v>562</v>
      </c>
      <c r="B119619" s="14" t="s">
        <v>1</v>
      </c>
      <c r="C119619" s="14" t="s">
        <v>558</v>
      </c>
      <c r="D119619" s="14" t="s">
        <v>18</v>
      </c>
      <c r="E119619" s="15">
        <v>45640</v>
      </c>
      <c r="F119619" s="14" t="s">
        <v>15</v>
      </c>
      <c r="G119619" s="16">
        <v>1.075882692477651</v>
      </c>
    </row>
    <row r="119620" spans="1:7" x14ac:dyDescent="0.3">
      <c r="A119620" s="13" t="s">
        <v>562</v>
      </c>
      <c r="B119620" s="14" t="s">
        <v>1</v>
      </c>
      <c r="C119620" s="14" t="s">
        <v>558</v>
      </c>
      <c r="D119620" s="14" t="s">
        <v>18</v>
      </c>
      <c r="E119620" s="15">
        <v>45641</v>
      </c>
      <c r="F119620" s="14" t="s">
        <v>15</v>
      </c>
      <c r="G119620" s="16">
        <v>1.075882692477651</v>
      </c>
    </row>
    <row r="119621" spans="1:7" x14ac:dyDescent="0.3">
      <c r="A119621" s="13" t="s">
        <v>562</v>
      </c>
      <c r="B119621" s="14" t="s">
        <v>1</v>
      </c>
      <c r="C119621" s="14" t="s">
        <v>558</v>
      </c>
      <c r="D119621" s="14" t="s">
        <v>18</v>
      </c>
      <c r="E119621" s="15">
        <v>45642</v>
      </c>
      <c r="F119621" s="14" t="s">
        <v>15</v>
      </c>
      <c r="G119621" s="16">
        <v>1.0744791835746417</v>
      </c>
    </row>
    <row r="119622" spans="1:7" x14ac:dyDescent="0.3">
      <c r="A119622" s="13" t="s">
        <v>562</v>
      </c>
      <c r="B119622" s="14" t="s">
        <v>1</v>
      </c>
      <c r="C119622" s="14" t="s">
        <v>558</v>
      </c>
      <c r="D119622" s="14" t="s">
        <v>18</v>
      </c>
      <c r="E119622" s="15">
        <v>45643</v>
      </c>
      <c r="F119622" s="14" t="s">
        <v>15</v>
      </c>
      <c r="G119622" s="16">
        <v>1.0701836516826231</v>
      </c>
    </row>
    <row r="119623" spans="1:7" x14ac:dyDescent="0.3">
      <c r="A119623" s="13" t="s">
        <v>562</v>
      </c>
      <c r="B119623" s="14" t="s">
        <v>1</v>
      </c>
      <c r="C119623" s="14" t="s">
        <v>558</v>
      </c>
      <c r="D119623" s="14" t="s">
        <v>18</v>
      </c>
      <c r="E119623" s="15">
        <v>45644</v>
      </c>
      <c r="F119623" s="14" t="s">
        <v>15</v>
      </c>
      <c r="G119623" s="16">
        <v>1.0886008577715776</v>
      </c>
    </row>
    <row r="119624" spans="1:7" x14ac:dyDescent="0.3">
      <c r="A119624" s="13" t="s">
        <v>562</v>
      </c>
      <c r="B119624" s="14" t="s">
        <v>1</v>
      </c>
      <c r="C119624" s="14" t="s">
        <v>558</v>
      </c>
      <c r="D119624" s="14" t="s">
        <v>18</v>
      </c>
      <c r="E119624" s="15">
        <v>45645</v>
      </c>
      <c r="F119624" s="14" t="s">
        <v>15</v>
      </c>
      <c r="G119624" s="16">
        <v>1.0934497162631041</v>
      </c>
    </row>
    <row r="119625" spans="1:7" x14ac:dyDescent="0.3">
      <c r="A119625" s="13" t="s">
        <v>562</v>
      </c>
      <c r="B119625" s="14" t="s">
        <v>1</v>
      </c>
      <c r="C119625" s="14" t="s">
        <v>558</v>
      </c>
      <c r="D119625" s="14" t="s">
        <v>18</v>
      </c>
      <c r="E119625" s="15">
        <v>45646</v>
      </c>
      <c r="F119625" s="14" t="s">
        <v>15</v>
      </c>
      <c r="G119625" s="16">
        <v>1.0920802361642012</v>
      </c>
    </row>
    <row r="119626" spans="1:7" x14ac:dyDescent="0.3">
      <c r="A119626" s="13" t="s">
        <v>562</v>
      </c>
      <c r="B119626" s="14" t="s">
        <v>1</v>
      </c>
      <c r="C119626" s="14" t="s">
        <v>558</v>
      </c>
      <c r="D119626" s="14" t="s">
        <v>18</v>
      </c>
      <c r="E119626" s="15">
        <v>45647</v>
      </c>
      <c r="F119626" s="14" t="s">
        <v>15</v>
      </c>
      <c r="G119626" s="16">
        <v>1.0920802361642012</v>
      </c>
    </row>
    <row r="119627" spans="1:7" x14ac:dyDescent="0.3">
      <c r="A119627" s="13" t="s">
        <v>562</v>
      </c>
      <c r="B119627" s="14" t="s">
        <v>1</v>
      </c>
      <c r="C119627" s="14" t="s">
        <v>558</v>
      </c>
      <c r="D119627" s="14" t="s">
        <v>18</v>
      </c>
      <c r="E119627" s="15">
        <v>45648</v>
      </c>
      <c r="F119627" s="14" t="s">
        <v>15</v>
      </c>
      <c r="G119627" s="16">
        <v>1.0920802361642012</v>
      </c>
    </row>
    <row r="119628" spans="1:7" x14ac:dyDescent="0.3">
      <c r="A119628" s="13" t="s">
        <v>562</v>
      </c>
      <c r="B119628" s="14" t="s">
        <v>1</v>
      </c>
      <c r="C119628" s="14" t="s">
        <v>558</v>
      </c>
      <c r="D119628" s="14" t="s">
        <v>18</v>
      </c>
      <c r="E119628" s="15">
        <v>45649</v>
      </c>
      <c r="F119628" s="14" t="s">
        <v>15</v>
      </c>
      <c r="G119628" s="16">
        <v>1.0954730872000165</v>
      </c>
    </row>
    <row r="119629" spans="1:7" x14ac:dyDescent="0.3">
      <c r="A119629" s="13" t="s">
        <v>562</v>
      </c>
      <c r="B119629" s="14" t="s">
        <v>1</v>
      </c>
      <c r="C119629" s="14" t="s">
        <v>558</v>
      </c>
      <c r="D119629" s="14" t="s">
        <v>18</v>
      </c>
      <c r="E119629" s="15">
        <v>45650</v>
      </c>
      <c r="F119629" s="14" t="s">
        <v>15</v>
      </c>
      <c r="G119629" s="16">
        <v>1.0925510429137502</v>
      </c>
    </row>
    <row r="119630" spans="1:7" x14ac:dyDescent="0.3">
      <c r="A119630" s="13" t="s">
        <v>562</v>
      </c>
      <c r="B119630" s="14" t="s">
        <v>1</v>
      </c>
      <c r="C119630" s="14" t="s">
        <v>558</v>
      </c>
      <c r="D119630" s="14" t="s">
        <v>18</v>
      </c>
      <c r="E119630" s="15">
        <v>45651</v>
      </c>
      <c r="F119630" s="14" t="s">
        <v>15</v>
      </c>
      <c r="G119630" s="16">
        <v>1.0925510429137502</v>
      </c>
    </row>
    <row r="119631" spans="1:7" x14ac:dyDescent="0.3">
      <c r="A119631" s="13" t="s">
        <v>562</v>
      </c>
      <c r="B119631" s="14" t="s">
        <v>1</v>
      </c>
      <c r="C119631" s="14" t="s">
        <v>558</v>
      </c>
      <c r="D119631" s="14" t="s">
        <v>18</v>
      </c>
      <c r="E119631" s="15">
        <v>45652</v>
      </c>
      <c r="F119631" s="14" t="s">
        <v>15</v>
      </c>
      <c r="G119631" s="16">
        <v>1.0925510429137502</v>
      </c>
    </row>
    <row r="119632" spans="1:7" x14ac:dyDescent="0.3">
      <c r="A119632" s="13" t="s">
        <v>562</v>
      </c>
      <c r="B119632" s="14" t="s">
        <v>1</v>
      </c>
      <c r="C119632" s="14" t="s">
        <v>558</v>
      </c>
      <c r="D119632" s="14" t="s">
        <v>18</v>
      </c>
      <c r="E119632" s="15">
        <v>45653</v>
      </c>
      <c r="F119632" s="14" t="s">
        <v>15</v>
      </c>
      <c r="G119632" s="16">
        <v>1.0925510429137502</v>
      </c>
    </row>
    <row r="119633" spans="1:7" x14ac:dyDescent="0.3">
      <c r="A119633" s="13" t="s">
        <v>562</v>
      </c>
      <c r="B119633" s="14" t="s">
        <v>1</v>
      </c>
      <c r="C119633" s="14" t="s">
        <v>558</v>
      </c>
      <c r="D119633" s="14" t="s">
        <v>18</v>
      </c>
      <c r="E119633" s="15">
        <v>45654</v>
      </c>
      <c r="F119633" s="14" t="s">
        <v>15</v>
      </c>
      <c r="G119633" s="16">
        <v>1.0925510429137502</v>
      </c>
    </row>
    <row r="119634" spans="1:7" x14ac:dyDescent="0.3">
      <c r="A119634" s="13" t="s">
        <v>562</v>
      </c>
      <c r="B119634" s="14" t="s">
        <v>1</v>
      </c>
      <c r="C119634" s="14" t="s">
        <v>558</v>
      </c>
      <c r="D119634" s="14" t="s">
        <v>18</v>
      </c>
      <c r="E119634" s="15">
        <v>45655</v>
      </c>
      <c r="F119634" s="14" t="s">
        <v>15</v>
      </c>
      <c r="G119634" s="16">
        <v>1.0925510429137502</v>
      </c>
    </row>
    <row r="119635" spans="1:7" x14ac:dyDescent="0.3">
      <c r="A119635" s="13" t="s">
        <v>562</v>
      </c>
      <c r="B119635" s="14" t="s">
        <v>1</v>
      </c>
      <c r="C119635" s="14" t="s">
        <v>558</v>
      </c>
      <c r="D119635" s="14" t="s">
        <v>18</v>
      </c>
      <c r="E119635" s="15">
        <v>45656</v>
      </c>
      <c r="F119635" s="14" t="s">
        <v>15</v>
      </c>
      <c r="G119635" s="16">
        <v>1.0919046749021126</v>
      </c>
    </row>
    <row r="119636" spans="1:7" x14ac:dyDescent="0.3">
      <c r="A119636" s="13" t="s">
        <v>562</v>
      </c>
      <c r="B119636" s="14" t="s">
        <v>1</v>
      </c>
      <c r="C119636" s="14" t="s">
        <v>558</v>
      </c>
      <c r="D119636" s="14" t="s">
        <v>18</v>
      </c>
      <c r="E119636" s="15">
        <v>45657</v>
      </c>
      <c r="F119636" s="14" t="s">
        <v>15</v>
      </c>
      <c r="G119636" s="16">
        <v>1.1217493914501391</v>
      </c>
    </row>
    <row r="119637" spans="1:7" x14ac:dyDescent="0.3">
      <c r="A119637" s="13" t="s">
        <v>562</v>
      </c>
      <c r="B119637" s="14" t="s">
        <v>1</v>
      </c>
      <c r="C119637" s="14" t="s">
        <v>558</v>
      </c>
      <c r="D119637" s="14" t="s">
        <v>18</v>
      </c>
      <c r="E119637" s="15">
        <v>45658</v>
      </c>
      <c r="F119637" s="14" t="s">
        <v>15</v>
      </c>
      <c r="G119637" s="16">
        <v>1.1217493914501391</v>
      </c>
    </row>
    <row r="119638" spans="1:7" x14ac:dyDescent="0.3">
      <c r="A119638" s="13" t="s">
        <v>562</v>
      </c>
      <c r="B119638" s="14" t="s">
        <v>1</v>
      </c>
      <c r="C119638" s="14" t="s">
        <v>558</v>
      </c>
      <c r="D119638" s="14" t="s">
        <v>18</v>
      </c>
      <c r="E119638" s="15">
        <v>45659</v>
      </c>
      <c r="F119638" s="14" t="s">
        <v>15</v>
      </c>
      <c r="G119638" s="16">
        <v>1.1241459286181141</v>
      </c>
    </row>
    <row r="119639" spans="1:7" x14ac:dyDescent="0.3">
      <c r="A119639" s="13" t="s">
        <v>562</v>
      </c>
      <c r="B119639" s="14" t="s">
        <v>1</v>
      </c>
      <c r="C119639" s="14" t="s">
        <v>558</v>
      </c>
      <c r="D119639" s="14" t="s">
        <v>18</v>
      </c>
      <c r="E119639" s="15">
        <v>45660</v>
      </c>
      <c r="F119639" s="14" t="s">
        <v>15</v>
      </c>
      <c r="G119639" s="16">
        <v>1.1612466628695481</v>
      </c>
    </row>
    <row r="119640" spans="1:7" x14ac:dyDescent="0.3">
      <c r="A119640" s="13" t="s">
        <v>562</v>
      </c>
      <c r="B119640" s="14" t="s">
        <v>1</v>
      </c>
      <c r="C119640" s="14" t="s">
        <v>558</v>
      </c>
      <c r="D119640" s="14" t="s">
        <v>18</v>
      </c>
      <c r="E119640" s="15">
        <v>45661</v>
      </c>
      <c r="F119640" s="14" t="s">
        <v>15</v>
      </c>
      <c r="G119640" s="16">
        <v>1.1612466628695481</v>
      </c>
    </row>
    <row r="119641" spans="1:7" x14ac:dyDescent="0.3">
      <c r="A119641" s="13" t="s">
        <v>562</v>
      </c>
      <c r="B119641" s="14" t="s">
        <v>1</v>
      </c>
      <c r="C119641" s="14" t="s">
        <v>558</v>
      </c>
      <c r="D119641" s="14" t="s">
        <v>18</v>
      </c>
      <c r="E119641" s="15">
        <v>45662</v>
      </c>
      <c r="F119641" s="14" t="s">
        <v>15</v>
      </c>
      <c r="G119641" s="16">
        <v>1.1612466628695481</v>
      </c>
    </row>
    <row r="119642" spans="1:7" x14ac:dyDescent="0.3">
      <c r="A119642" s="13" t="s">
        <v>562</v>
      </c>
      <c r="B119642" s="14" t="s">
        <v>1</v>
      </c>
      <c r="C119642" s="14" t="s">
        <v>558</v>
      </c>
      <c r="D119642" s="14" t="s">
        <v>18</v>
      </c>
      <c r="E119642" s="15">
        <v>45663</v>
      </c>
      <c r="F119642" s="14" t="s">
        <v>15</v>
      </c>
      <c r="G119642" s="16">
        <v>1.1598933365190223</v>
      </c>
    </row>
    <row r="119643" spans="1:7" x14ac:dyDescent="0.3">
      <c r="A119643" s="13" t="s">
        <v>562</v>
      </c>
      <c r="B119643" s="14" t="s">
        <v>1</v>
      </c>
      <c r="C119643" s="14" t="s">
        <v>558</v>
      </c>
      <c r="D119643" s="14" t="s">
        <v>18</v>
      </c>
      <c r="E119643" s="15">
        <v>45664</v>
      </c>
      <c r="F119643" s="14" t="s">
        <v>15</v>
      </c>
      <c r="G119643" s="16">
        <v>1.1628404131431671</v>
      </c>
    </row>
    <row r="119644" spans="1:7" x14ac:dyDescent="0.3">
      <c r="A119644" s="13" t="s">
        <v>562</v>
      </c>
      <c r="B119644" s="14" t="s">
        <v>1</v>
      </c>
      <c r="C119644" s="14" t="s">
        <v>558</v>
      </c>
      <c r="D119644" s="14" t="s">
        <v>18</v>
      </c>
      <c r="E119644" s="15">
        <v>45665</v>
      </c>
      <c r="F119644" s="14" t="s">
        <v>15</v>
      </c>
      <c r="G119644" s="16">
        <v>1.1613921813476831</v>
      </c>
    </row>
    <row r="119645" spans="1:7" x14ac:dyDescent="0.3">
      <c r="A119645" s="13" t="s">
        <v>562</v>
      </c>
      <c r="B119645" s="14" t="s">
        <v>1</v>
      </c>
      <c r="C119645" s="14" t="s">
        <v>558</v>
      </c>
      <c r="D119645" s="14" t="s">
        <v>18</v>
      </c>
      <c r="E119645" s="15">
        <v>45666</v>
      </c>
      <c r="F119645" s="14" t="s">
        <v>15</v>
      </c>
      <c r="G119645" s="16">
        <v>1.1598776036161405</v>
      </c>
    </row>
    <row r="119646" spans="1:7" x14ac:dyDescent="0.3">
      <c r="A119646" s="13" t="s">
        <v>562</v>
      </c>
      <c r="B119646" s="14" t="s">
        <v>1</v>
      </c>
      <c r="C119646" s="14" t="s">
        <v>558</v>
      </c>
      <c r="D119646" s="14" t="s">
        <v>18</v>
      </c>
      <c r="E119646" s="15">
        <v>45667</v>
      </c>
      <c r="F119646" s="14" t="s">
        <v>15</v>
      </c>
      <c r="G119646" s="16">
        <v>1.1584625447886858</v>
      </c>
    </row>
    <row r="119647" spans="1:7" x14ac:dyDescent="0.3">
      <c r="A119647" s="13" t="s">
        <v>562</v>
      </c>
      <c r="B119647" s="14" t="s">
        <v>1</v>
      </c>
      <c r="C119647" s="14" t="s">
        <v>558</v>
      </c>
      <c r="D119647" s="14" t="s">
        <v>18</v>
      </c>
      <c r="E119647" s="15">
        <v>45668</v>
      </c>
      <c r="F119647" s="14" t="s">
        <v>15</v>
      </c>
      <c r="G119647" s="16">
        <v>1.1584625447886858</v>
      </c>
    </row>
    <row r="119648" spans="1:7" x14ac:dyDescent="0.3">
      <c r="A119648" s="13" t="s">
        <v>562</v>
      </c>
      <c r="B119648" s="14" t="s">
        <v>1</v>
      </c>
      <c r="C119648" s="14" t="s">
        <v>558</v>
      </c>
      <c r="D119648" s="14" t="s">
        <v>18</v>
      </c>
      <c r="E119648" s="15">
        <v>45669</v>
      </c>
      <c r="F119648" s="14" t="s">
        <v>15</v>
      </c>
      <c r="G119648" s="16">
        <v>1.1584625447886858</v>
      </c>
    </row>
    <row r="119649" spans="1:7" x14ac:dyDescent="0.3">
      <c r="A119649" s="13" t="s">
        <v>562</v>
      </c>
      <c r="B119649" s="14" t="s">
        <v>1</v>
      </c>
      <c r="C119649" s="14" t="s">
        <v>558</v>
      </c>
      <c r="D119649" s="14" t="s">
        <v>18</v>
      </c>
      <c r="E119649" s="15">
        <v>45670</v>
      </c>
      <c r="F119649" s="14" t="s">
        <v>15</v>
      </c>
      <c r="G119649" s="16">
        <v>1.1569270966467933</v>
      </c>
    </row>
    <row r="119650" spans="1:7" x14ac:dyDescent="0.3">
      <c r="A119650" s="13" t="s">
        <v>562</v>
      </c>
      <c r="B119650" s="14" t="s">
        <v>1</v>
      </c>
      <c r="C119650" s="14" t="s">
        <v>558</v>
      </c>
      <c r="D119650" s="14" t="s">
        <v>18</v>
      </c>
      <c r="E119650" s="15">
        <v>45671</v>
      </c>
      <c r="F119650" s="14" t="s">
        <v>15</v>
      </c>
      <c r="G119650" s="16">
        <v>1.1521912259999199</v>
      </c>
    </row>
    <row r="119651" spans="1:7" x14ac:dyDescent="0.3">
      <c r="A119651" s="13" t="s">
        <v>562</v>
      </c>
      <c r="B119651" s="14" t="s">
        <v>1</v>
      </c>
      <c r="C119651" s="14" t="s">
        <v>558</v>
      </c>
      <c r="D119651" s="14" t="s">
        <v>18</v>
      </c>
      <c r="E119651" s="15">
        <v>45672</v>
      </c>
      <c r="F119651" s="14" t="s">
        <v>15</v>
      </c>
      <c r="G119651" s="16">
        <v>1.1507682583853855</v>
      </c>
    </row>
    <row r="119652" spans="1:7" x14ac:dyDescent="0.3">
      <c r="A119652" s="13" t="s">
        <v>562</v>
      </c>
      <c r="B119652" s="14" t="s">
        <v>1</v>
      </c>
      <c r="C119652" s="14" t="s">
        <v>558</v>
      </c>
      <c r="D119652" s="14" t="s">
        <v>18</v>
      </c>
      <c r="E119652" s="15">
        <v>45673</v>
      </c>
      <c r="F119652" s="14" t="s">
        <v>15</v>
      </c>
      <c r="G119652" s="16">
        <v>1.1493158525078313</v>
      </c>
    </row>
    <row r="119653" spans="1:7" x14ac:dyDescent="0.3">
      <c r="A119653" s="13" t="s">
        <v>562</v>
      </c>
      <c r="B119653" s="14" t="s">
        <v>1</v>
      </c>
      <c r="C119653" s="14" t="s">
        <v>558</v>
      </c>
      <c r="D119653" s="14" t="s">
        <v>18</v>
      </c>
      <c r="E119653" s="15">
        <v>45674</v>
      </c>
      <c r="F119653" s="14" t="s">
        <v>15</v>
      </c>
      <c r="G119653" s="16">
        <v>1.1478559772202575</v>
      </c>
    </row>
    <row r="119654" spans="1:7" x14ac:dyDescent="0.3">
      <c r="A119654" s="13" t="s">
        <v>562</v>
      </c>
      <c r="B119654" s="14" t="s">
        <v>1</v>
      </c>
      <c r="C119654" s="14" t="s">
        <v>558</v>
      </c>
      <c r="D119654" s="14" t="s">
        <v>18</v>
      </c>
      <c r="E119654" s="15">
        <v>45675</v>
      </c>
      <c r="F119654" s="14" t="s">
        <v>15</v>
      </c>
      <c r="G119654" s="16">
        <v>1.1478559772202575</v>
      </c>
    </row>
    <row r="119655" spans="1:7" x14ac:dyDescent="0.3">
      <c r="A119655" s="13" t="s">
        <v>562</v>
      </c>
      <c r="B119655" s="14" t="s">
        <v>1</v>
      </c>
      <c r="C119655" s="14" t="s">
        <v>558</v>
      </c>
      <c r="D119655" s="14" t="s">
        <v>18</v>
      </c>
      <c r="E119655" s="15">
        <v>45676</v>
      </c>
      <c r="F119655" s="14" t="s">
        <v>15</v>
      </c>
      <c r="G119655" s="16">
        <v>1.1478559772202575</v>
      </c>
    </row>
    <row r="119656" spans="1:7" x14ac:dyDescent="0.3">
      <c r="A119656" s="13" t="s">
        <v>562</v>
      </c>
      <c r="B119656" s="14" t="s">
        <v>1</v>
      </c>
      <c r="C119656" s="14" t="s">
        <v>558</v>
      </c>
      <c r="D119656" s="14" t="s">
        <v>18</v>
      </c>
      <c r="E119656" s="15">
        <v>45677</v>
      </c>
      <c r="F119656" s="14" t="s">
        <v>15</v>
      </c>
      <c r="G119656" s="16">
        <v>1.1527773946634758</v>
      </c>
    </row>
    <row r="119657" spans="1:7" x14ac:dyDescent="0.3">
      <c r="A119657" s="13" t="s">
        <v>562</v>
      </c>
      <c r="B119657" s="14" t="s">
        <v>1</v>
      </c>
      <c r="C119657" s="14" t="s">
        <v>558</v>
      </c>
      <c r="D119657" s="14" t="s">
        <v>18</v>
      </c>
      <c r="E119657" s="15">
        <v>45678</v>
      </c>
      <c r="F119657" s="14" t="s">
        <v>15</v>
      </c>
      <c r="G119657" s="16">
        <v>1.1483424973026968</v>
      </c>
    </row>
    <row r="119658" spans="1:7" x14ac:dyDescent="0.3">
      <c r="A119658" s="13" t="s">
        <v>562</v>
      </c>
      <c r="B119658" s="14" t="s">
        <v>1</v>
      </c>
      <c r="C119658" s="14" t="s">
        <v>558</v>
      </c>
      <c r="D119658" s="14" t="s">
        <v>18</v>
      </c>
      <c r="E119658" s="15">
        <v>45679</v>
      </c>
      <c r="F119658" s="14" t="s">
        <v>15</v>
      </c>
      <c r="G119658" s="16">
        <v>1.1468534034406335</v>
      </c>
    </row>
    <row r="119659" spans="1:7" x14ac:dyDescent="0.3">
      <c r="A119659" s="13" t="s">
        <v>562</v>
      </c>
      <c r="B119659" s="14" t="s">
        <v>1</v>
      </c>
      <c r="C119659" s="14" t="s">
        <v>558</v>
      </c>
      <c r="D119659" s="14" t="s">
        <v>18</v>
      </c>
      <c r="E119659" s="15">
        <v>45680</v>
      </c>
      <c r="F119659" s="14" t="s">
        <v>15</v>
      </c>
      <c r="G119659" s="16">
        <v>1.1445356444434254</v>
      </c>
    </row>
    <row r="119660" spans="1:7" x14ac:dyDescent="0.3">
      <c r="A119660" s="13" t="s">
        <v>562</v>
      </c>
      <c r="B119660" s="14" t="s">
        <v>1</v>
      </c>
      <c r="C119660" s="14" t="s">
        <v>558</v>
      </c>
      <c r="D119660" s="14" t="s">
        <v>18</v>
      </c>
      <c r="E119660" s="15">
        <v>45681</v>
      </c>
      <c r="F119660" s="14" t="s">
        <v>15</v>
      </c>
      <c r="G119660" s="16">
        <v>1.1428334527072659</v>
      </c>
    </row>
    <row r="119661" spans="1:7" x14ac:dyDescent="0.3">
      <c r="A119661" s="13" t="s">
        <v>562</v>
      </c>
      <c r="B119661" s="14" t="s">
        <v>1</v>
      </c>
      <c r="C119661" s="14" t="s">
        <v>558</v>
      </c>
      <c r="D119661" s="14" t="s">
        <v>18</v>
      </c>
      <c r="E119661" s="15">
        <v>45682</v>
      </c>
      <c r="F119661" s="14" t="s">
        <v>15</v>
      </c>
      <c r="G119661" s="16">
        <v>1.1428334527072659</v>
      </c>
    </row>
    <row r="119662" spans="1:7" x14ac:dyDescent="0.3">
      <c r="A119662" s="13" t="s">
        <v>562</v>
      </c>
      <c r="B119662" s="14" t="s">
        <v>1</v>
      </c>
      <c r="C119662" s="14" t="s">
        <v>558</v>
      </c>
      <c r="D119662" s="14" t="s">
        <v>18</v>
      </c>
      <c r="E119662" s="15">
        <v>45683</v>
      </c>
      <c r="F119662" s="14" t="s">
        <v>15</v>
      </c>
      <c r="G119662" s="16">
        <v>1.1428334527072659</v>
      </c>
    </row>
    <row r="119663" spans="1:7" x14ac:dyDescent="0.3">
      <c r="A119663" s="13" t="s">
        <v>562</v>
      </c>
      <c r="B119663" s="14" t="s">
        <v>1</v>
      </c>
      <c r="C119663" s="14" t="s">
        <v>558</v>
      </c>
      <c r="D119663" s="14" t="s">
        <v>18</v>
      </c>
      <c r="E119663" s="15">
        <v>45684</v>
      </c>
      <c r="F119663" s="14" t="s">
        <v>15</v>
      </c>
      <c r="G119663" s="16">
        <v>1.1414539834216706</v>
      </c>
    </row>
    <row r="119664" spans="1:7" x14ac:dyDescent="0.3">
      <c r="A119664" s="13" t="s">
        <v>562</v>
      </c>
      <c r="B119664" s="14" t="s">
        <v>1</v>
      </c>
      <c r="C119664" s="14" t="s">
        <v>558</v>
      </c>
      <c r="D119664" s="14" t="s">
        <v>18</v>
      </c>
      <c r="E119664" s="15">
        <v>45685</v>
      </c>
      <c r="F119664" s="14" t="s">
        <v>15</v>
      </c>
      <c r="G119664" s="16">
        <v>1.1370083213229218</v>
      </c>
    </row>
    <row r="119665" spans="1:7" x14ac:dyDescent="0.3">
      <c r="A119665" s="13" t="s">
        <v>562</v>
      </c>
      <c r="B119665" s="14" t="s">
        <v>1</v>
      </c>
      <c r="C119665" s="14" t="s">
        <v>558</v>
      </c>
      <c r="D119665" s="14" t="s">
        <v>18</v>
      </c>
      <c r="E119665" s="15">
        <v>45686</v>
      </c>
      <c r="F119665" s="14" t="s">
        <v>15</v>
      </c>
      <c r="G119665" s="16">
        <v>1.1355603092159678</v>
      </c>
    </row>
    <row r="119666" spans="1:7" x14ac:dyDescent="0.3">
      <c r="A119666" s="13" t="s">
        <v>562</v>
      </c>
      <c r="B119666" s="14" t="s">
        <v>1</v>
      </c>
      <c r="C119666" s="14" t="s">
        <v>558</v>
      </c>
      <c r="D119666" s="14" t="s">
        <v>18</v>
      </c>
      <c r="E119666" s="15">
        <v>45687</v>
      </c>
      <c r="F119666" s="14" t="s">
        <v>15</v>
      </c>
      <c r="G119666" s="16">
        <v>1.1341057064531139</v>
      </c>
    </row>
    <row r="119667" spans="1:7" x14ac:dyDescent="0.3">
      <c r="A119667" s="13" t="s">
        <v>562</v>
      </c>
      <c r="B119667" s="14" t="s">
        <v>1</v>
      </c>
      <c r="C119667" s="14" t="s">
        <v>558</v>
      </c>
      <c r="D119667" s="14" t="s">
        <v>18</v>
      </c>
      <c r="E119667" s="15">
        <v>45688</v>
      </c>
      <c r="F119667" s="14" t="s">
        <v>15</v>
      </c>
      <c r="G119667" s="16">
        <v>1.1327159118066088</v>
      </c>
    </row>
    <row r="119668" spans="1:7" x14ac:dyDescent="0.3">
      <c r="A119668" s="13" t="s">
        <v>562</v>
      </c>
      <c r="B119668" s="14" t="s">
        <v>1</v>
      </c>
      <c r="C119668" s="14" t="s">
        <v>558</v>
      </c>
      <c r="D119668" s="14" t="s">
        <v>18</v>
      </c>
      <c r="E119668" s="15">
        <v>45689</v>
      </c>
      <c r="F119668" s="14" t="s">
        <v>15</v>
      </c>
      <c r="G119668" s="16">
        <v>1.1327159118066088</v>
      </c>
    </row>
    <row r="119669" spans="1:7" x14ac:dyDescent="0.3">
      <c r="A119669" s="13" t="s">
        <v>562</v>
      </c>
      <c r="B119669" s="14" t="s">
        <v>1</v>
      </c>
      <c r="C119669" s="14" t="s">
        <v>558</v>
      </c>
      <c r="D119669" s="14" t="s">
        <v>18</v>
      </c>
      <c r="E119669" s="15">
        <v>45690</v>
      </c>
      <c r="F119669" s="14" t="s">
        <v>15</v>
      </c>
      <c r="G119669" s="16">
        <v>1.1327159118066088</v>
      </c>
    </row>
    <row r="119670" spans="1:7" x14ac:dyDescent="0.3">
      <c r="A119670" s="13" t="s">
        <v>562</v>
      </c>
      <c r="B119670" s="14" t="s">
        <v>1</v>
      </c>
      <c r="C119670" s="14" t="s">
        <v>558</v>
      </c>
      <c r="D119670" s="14" t="s">
        <v>18</v>
      </c>
      <c r="E119670" s="15">
        <v>45691</v>
      </c>
      <c r="F119670" s="14" t="s">
        <v>15</v>
      </c>
      <c r="G119670" s="16">
        <v>1.1327159118066088</v>
      </c>
    </row>
    <row r="119671" spans="1:7" x14ac:dyDescent="0.3">
      <c r="A119671" s="13" t="s">
        <v>562</v>
      </c>
      <c r="B119671" s="14" t="s">
        <v>1</v>
      </c>
      <c r="C119671" s="14" t="s">
        <v>558</v>
      </c>
      <c r="D119671" s="14" t="s">
        <v>18</v>
      </c>
      <c r="E119671" s="15">
        <v>45692</v>
      </c>
      <c r="F119671" s="14" t="s">
        <v>15</v>
      </c>
      <c r="G119671" s="16">
        <v>1.1332686031423278</v>
      </c>
    </row>
    <row r="119672" spans="1:7" x14ac:dyDescent="0.3">
      <c r="A119672" s="13" t="s">
        <v>562</v>
      </c>
      <c r="B119672" s="14" t="s">
        <v>1</v>
      </c>
      <c r="C119672" s="14" t="s">
        <v>558</v>
      </c>
      <c r="D119672" s="14" t="s">
        <v>18</v>
      </c>
      <c r="E119672" s="15">
        <v>45693</v>
      </c>
      <c r="F119672" s="14" t="s">
        <v>15</v>
      </c>
      <c r="G119672" s="16">
        <v>1.1278229188550375</v>
      </c>
    </row>
    <row r="119673" spans="1:7" x14ac:dyDescent="0.3">
      <c r="A119673" s="13" t="s">
        <v>562</v>
      </c>
      <c r="B119673" s="14" t="s">
        <v>1</v>
      </c>
      <c r="C119673" s="14" t="s">
        <v>558</v>
      </c>
      <c r="D119673" s="14" t="s">
        <v>18</v>
      </c>
      <c r="E119673" s="15">
        <v>45694</v>
      </c>
      <c r="F119673" s="14" t="s">
        <v>15</v>
      </c>
      <c r="G119673" s="16">
        <v>1.1262756075325253</v>
      </c>
    </row>
    <row r="119674" spans="1:7" x14ac:dyDescent="0.3">
      <c r="A119674" s="13" t="s">
        <v>562</v>
      </c>
      <c r="B119674" s="14" t="s">
        <v>1</v>
      </c>
      <c r="C119674" s="14" t="s">
        <v>558</v>
      </c>
      <c r="D119674" s="14" t="s">
        <v>18</v>
      </c>
      <c r="E119674" s="15">
        <v>45695</v>
      </c>
      <c r="F119674" s="14" t="s">
        <v>15</v>
      </c>
      <c r="G119674" s="16">
        <v>1.1247485075547727</v>
      </c>
    </row>
    <row r="119675" spans="1:7" x14ac:dyDescent="0.3">
      <c r="A119675" s="13" t="s">
        <v>562</v>
      </c>
      <c r="B119675" s="14" t="s">
        <v>1</v>
      </c>
      <c r="C119675" s="14" t="s">
        <v>558</v>
      </c>
      <c r="D119675" s="14" t="s">
        <v>18</v>
      </c>
      <c r="E119675" s="15">
        <v>45696</v>
      </c>
      <c r="F119675" s="14" t="s">
        <v>15</v>
      </c>
      <c r="G119675" s="16">
        <v>1.1247485075547727</v>
      </c>
    </row>
    <row r="119676" spans="1:7" x14ac:dyDescent="0.3">
      <c r="A119676" s="13" t="s">
        <v>562</v>
      </c>
      <c r="B119676" s="14" t="s">
        <v>1</v>
      </c>
      <c r="C119676" s="14" t="s">
        <v>558</v>
      </c>
      <c r="D119676" s="14" t="s">
        <v>18</v>
      </c>
      <c r="E119676" s="15">
        <v>45697</v>
      </c>
      <c r="F119676" s="14" t="s">
        <v>15</v>
      </c>
      <c r="G119676" s="16">
        <v>1.1247485075547727</v>
      </c>
    </row>
    <row r="119677" spans="1:7" x14ac:dyDescent="0.3">
      <c r="A119677" s="13" t="s">
        <v>562</v>
      </c>
      <c r="B119677" s="14" t="s">
        <v>1</v>
      </c>
      <c r="C119677" s="14" t="s">
        <v>558</v>
      </c>
      <c r="D119677" s="14" t="s">
        <v>18</v>
      </c>
      <c r="E119677" s="15">
        <v>45698</v>
      </c>
      <c r="F119677" s="14" t="s">
        <v>15</v>
      </c>
      <c r="G119677" s="16">
        <v>1.1231735154774811</v>
      </c>
    </row>
    <row r="119678" spans="1:7" x14ac:dyDescent="0.3">
      <c r="A119678" s="13" t="s">
        <v>562</v>
      </c>
      <c r="B119678" s="14" t="s">
        <v>1</v>
      </c>
      <c r="C119678" s="14" t="s">
        <v>558</v>
      </c>
      <c r="D119678" s="14" t="s">
        <v>18</v>
      </c>
      <c r="E119678" s="15">
        <v>45699</v>
      </c>
      <c r="F119678" s="14" t="s">
        <v>15</v>
      </c>
      <c r="G119678" s="16">
        <v>1.1185042104551965</v>
      </c>
    </row>
    <row r="119679" spans="1:7" x14ac:dyDescent="0.3">
      <c r="A119679" s="13" t="s">
        <v>562</v>
      </c>
      <c r="B119679" s="14" t="s">
        <v>1</v>
      </c>
      <c r="C119679" s="14" t="s">
        <v>558</v>
      </c>
      <c r="D119679" s="14" t="s">
        <v>18</v>
      </c>
      <c r="E119679" s="15">
        <v>45700</v>
      </c>
      <c r="F119679" s="14" t="s">
        <v>15</v>
      </c>
      <c r="G119679" s="16">
        <v>1.1172504030087591</v>
      </c>
    </row>
    <row r="119680" spans="1:7" x14ac:dyDescent="0.3">
      <c r="A119680" s="13" t="s">
        <v>562</v>
      </c>
      <c r="B119680" s="14" t="s">
        <v>1</v>
      </c>
      <c r="C119680" s="14" t="s">
        <v>558</v>
      </c>
      <c r="D119680" s="14" t="s">
        <v>18</v>
      </c>
      <c r="E119680" s="15">
        <v>45701</v>
      </c>
      <c r="F119680" s="14" t="s">
        <v>15</v>
      </c>
      <c r="G119680" s="16">
        <v>1.1157485672119558</v>
      </c>
    </row>
    <row r="119681" spans="1:7" x14ac:dyDescent="0.3">
      <c r="A119681" s="13" t="s">
        <v>562</v>
      </c>
      <c r="B119681" s="14" t="s">
        <v>1</v>
      </c>
      <c r="C119681" s="14" t="s">
        <v>558</v>
      </c>
      <c r="D119681" s="14" t="s">
        <v>18</v>
      </c>
      <c r="E119681" s="15">
        <v>45702</v>
      </c>
      <c r="F119681" s="14" t="s">
        <v>15</v>
      </c>
      <c r="G119681" s="16">
        <v>1.1143161529906314</v>
      </c>
    </row>
    <row r="119682" spans="1:7" x14ac:dyDescent="0.3">
      <c r="A119682" s="13" t="s">
        <v>562</v>
      </c>
      <c r="B119682" s="14" t="s">
        <v>1</v>
      </c>
      <c r="C119682" s="14" t="s">
        <v>558</v>
      </c>
      <c r="D119682" s="14" t="s">
        <v>18</v>
      </c>
      <c r="E119682" s="15">
        <v>45703</v>
      </c>
      <c r="F119682" s="14" t="s">
        <v>15</v>
      </c>
      <c r="G119682" s="16">
        <v>1.1143161529906314</v>
      </c>
    </row>
    <row r="119683" spans="1:7" x14ac:dyDescent="0.3">
      <c r="A119683" s="13" t="s">
        <v>562</v>
      </c>
      <c r="B119683" s="14" t="s">
        <v>1</v>
      </c>
      <c r="C119683" s="14" t="s">
        <v>558</v>
      </c>
      <c r="D119683" s="14" t="s">
        <v>18</v>
      </c>
      <c r="E119683" s="15">
        <v>45704</v>
      </c>
      <c r="F119683" s="14" t="s">
        <v>15</v>
      </c>
      <c r="G119683" s="16">
        <v>1.1143161529906314</v>
      </c>
    </row>
    <row r="119684" spans="1:7" x14ac:dyDescent="0.3">
      <c r="A119684" s="13" t="s">
        <v>562</v>
      </c>
      <c r="B119684" s="14" t="s">
        <v>1</v>
      </c>
      <c r="C119684" s="14" t="s">
        <v>558</v>
      </c>
      <c r="D119684" s="14" t="s">
        <v>18</v>
      </c>
      <c r="E119684" s="15">
        <v>45705</v>
      </c>
      <c r="F119684" s="14" t="s">
        <v>15</v>
      </c>
      <c r="G119684" s="16">
        <v>1.1157181601833148</v>
      </c>
    </row>
    <row r="119685" spans="1:7" x14ac:dyDescent="0.3">
      <c r="A119685" s="13" t="s">
        <v>562</v>
      </c>
      <c r="B119685" s="14" t="s">
        <v>1</v>
      </c>
      <c r="C119685" s="14" t="s">
        <v>558</v>
      </c>
      <c r="D119685" s="14" t="s">
        <v>18</v>
      </c>
      <c r="E119685" s="15">
        <v>45706</v>
      </c>
      <c r="F119685" s="14" t="s">
        <v>15</v>
      </c>
      <c r="G119685" s="16">
        <v>1.1111433212289286</v>
      </c>
    </row>
    <row r="119686" spans="1:7" x14ac:dyDescent="0.3">
      <c r="A119686" s="13" t="s">
        <v>562</v>
      </c>
      <c r="B119686" s="14" t="s">
        <v>1</v>
      </c>
      <c r="C119686" s="14" t="s">
        <v>558</v>
      </c>
      <c r="D119686" s="14" t="s">
        <v>18</v>
      </c>
      <c r="E119686" s="15">
        <v>45707</v>
      </c>
      <c r="F119686" s="14" t="s">
        <v>15</v>
      </c>
      <c r="G119686" s="16">
        <v>1.1568907763324727</v>
      </c>
    </row>
    <row r="119687" spans="1:7" x14ac:dyDescent="0.3">
      <c r="A119687" s="13" t="s">
        <v>562</v>
      </c>
      <c r="B119687" s="14" t="s">
        <v>1</v>
      </c>
      <c r="C119687" s="14" t="s">
        <v>558</v>
      </c>
      <c r="D119687" s="14" t="s">
        <v>18</v>
      </c>
      <c r="E119687" s="15">
        <v>45708</v>
      </c>
      <c r="F119687" s="14" t="s">
        <v>15</v>
      </c>
      <c r="G119687" s="16">
        <v>1.1554829672265081</v>
      </c>
    </row>
    <row r="119688" spans="1:7" x14ac:dyDescent="0.3">
      <c r="A119688" s="13" t="s">
        <v>562</v>
      </c>
      <c r="B119688" s="14" t="s">
        <v>1</v>
      </c>
      <c r="C119688" s="14" t="s">
        <v>558</v>
      </c>
      <c r="D119688" s="14" t="s">
        <v>18</v>
      </c>
      <c r="E119688" s="15">
        <v>45709</v>
      </c>
      <c r="F119688" s="14" t="s">
        <v>15</v>
      </c>
      <c r="G119688" s="16">
        <v>1.1561099132853658</v>
      </c>
    </row>
    <row r="119689" spans="1:7" x14ac:dyDescent="0.3">
      <c r="A119689" s="13" t="s">
        <v>562</v>
      </c>
      <c r="B119689" s="14" t="s">
        <v>1</v>
      </c>
      <c r="C119689" s="14" t="s">
        <v>558</v>
      </c>
      <c r="D119689" s="14" t="s">
        <v>18</v>
      </c>
      <c r="E119689" s="15">
        <v>45710</v>
      </c>
      <c r="F119689" s="14" t="s">
        <v>15</v>
      </c>
      <c r="G119689" s="16">
        <v>1.1561099132853658</v>
      </c>
    </row>
    <row r="119690" spans="1:7" x14ac:dyDescent="0.3">
      <c r="A119690" s="13" t="s">
        <v>562</v>
      </c>
      <c r="B119690" s="14" t="s">
        <v>1</v>
      </c>
      <c r="C119690" s="14" t="s">
        <v>558</v>
      </c>
      <c r="D119690" s="14" t="s">
        <v>18</v>
      </c>
      <c r="E119690" s="15">
        <v>45711</v>
      </c>
      <c r="F119690" s="14" t="s">
        <v>15</v>
      </c>
      <c r="G119690" s="16">
        <v>1.1561099132853658</v>
      </c>
    </row>
    <row r="119691" spans="1:7" x14ac:dyDescent="0.3">
      <c r="A119691" s="13" t="s">
        <v>562</v>
      </c>
      <c r="B119691" s="14" t="s">
        <v>1</v>
      </c>
      <c r="C119691" s="14" t="s">
        <v>558</v>
      </c>
      <c r="D119691" s="14" t="s">
        <v>18</v>
      </c>
      <c r="E119691" s="15">
        <v>45712</v>
      </c>
      <c r="F119691" s="14" t="s">
        <v>15</v>
      </c>
      <c r="G119691" s="16">
        <v>1.1545390952901438</v>
      </c>
    </row>
    <row r="119692" spans="1:7" x14ac:dyDescent="0.3">
      <c r="A119692" s="13" t="s">
        <v>562</v>
      </c>
      <c r="B119692" s="14" t="s">
        <v>1</v>
      </c>
      <c r="C119692" s="14" t="s">
        <v>558</v>
      </c>
      <c r="D119692" s="14" t="s">
        <v>18</v>
      </c>
      <c r="E119692" s="15">
        <v>45713</v>
      </c>
      <c r="F119692" s="14" t="s">
        <v>15</v>
      </c>
      <c r="G119692" s="16">
        <v>1.1499486847965019</v>
      </c>
    </row>
    <row r="119693" spans="1:7" x14ac:dyDescent="0.3">
      <c r="A119693" s="13" t="s">
        <v>562</v>
      </c>
      <c r="B119693" s="14" t="s">
        <v>1</v>
      </c>
      <c r="C119693" s="14" t="s">
        <v>558</v>
      </c>
      <c r="D119693" s="14" t="s">
        <v>18</v>
      </c>
      <c r="E119693" s="15">
        <v>45714</v>
      </c>
      <c r="F119693" s="14" t="s">
        <v>15</v>
      </c>
      <c r="G119693" s="16">
        <v>1.1483901292803835</v>
      </c>
    </row>
    <row r="119694" spans="1:7" x14ac:dyDescent="0.3">
      <c r="A119694" s="13" t="s">
        <v>562</v>
      </c>
      <c r="B119694" s="14" t="s">
        <v>1</v>
      </c>
      <c r="C119694" s="14" t="s">
        <v>558</v>
      </c>
      <c r="D119694" s="14" t="s">
        <v>18</v>
      </c>
      <c r="E119694" s="15">
        <v>45715</v>
      </c>
      <c r="F119694" s="14" t="s">
        <v>15</v>
      </c>
      <c r="G119694" s="16">
        <v>1.1460365518581006</v>
      </c>
    </row>
    <row r="119695" spans="1:7" x14ac:dyDescent="0.3">
      <c r="A119695" s="13" t="s">
        <v>562</v>
      </c>
      <c r="B119695" s="14" t="s">
        <v>1</v>
      </c>
      <c r="C119695" s="14" t="s">
        <v>558</v>
      </c>
      <c r="D119695" s="14" t="s">
        <v>18</v>
      </c>
      <c r="E119695" s="15">
        <v>45716</v>
      </c>
      <c r="F119695" s="14" t="s">
        <v>15</v>
      </c>
      <c r="G119695" s="16">
        <v>1.18863337229855</v>
      </c>
    </row>
    <row r="119696" spans="1:7" x14ac:dyDescent="0.3">
      <c r="A119696" s="13" t="s">
        <v>562</v>
      </c>
      <c r="B119696" s="14" t="s">
        <v>1</v>
      </c>
      <c r="C119696" s="14" t="s">
        <v>558</v>
      </c>
      <c r="D119696" s="14" t="s">
        <v>18</v>
      </c>
      <c r="E119696" s="15">
        <v>45717</v>
      </c>
      <c r="F119696" s="14" t="s">
        <v>15</v>
      </c>
      <c r="G119696" s="16">
        <v>1.18863337229855</v>
      </c>
    </row>
    <row r="119697" spans="1:7" x14ac:dyDescent="0.3">
      <c r="A119697" s="13" t="s">
        <v>562</v>
      </c>
      <c r="B119697" s="14" t="s">
        <v>1</v>
      </c>
      <c r="C119697" s="14" t="s">
        <v>558</v>
      </c>
      <c r="D119697" s="14" t="s">
        <v>18</v>
      </c>
      <c r="E119697" s="15">
        <v>45718</v>
      </c>
      <c r="F119697" s="14" t="s">
        <v>15</v>
      </c>
      <c r="G119697" s="16">
        <v>1.18863337229855</v>
      </c>
    </row>
    <row r="119698" spans="1:7" x14ac:dyDescent="0.3">
      <c r="A119698" s="13" t="s">
        <v>562</v>
      </c>
      <c r="B119698" s="14" t="s">
        <v>1</v>
      </c>
      <c r="C119698" s="14" t="s">
        <v>558</v>
      </c>
      <c r="D119698" s="14" t="s">
        <v>18</v>
      </c>
      <c r="E119698" s="15">
        <v>45719</v>
      </c>
      <c r="F119698" s="14" t="s">
        <v>15</v>
      </c>
      <c r="G119698" s="16">
        <v>1.1931076906641116</v>
      </c>
    </row>
    <row r="119699" spans="1:7" x14ac:dyDescent="0.3">
      <c r="A119699" s="13" t="s">
        <v>562</v>
      </c>
      <c r="B119699" s="14" t="s">
        <v>1</v>
      </c>
      <c r="C119699" s="14" t="s">
        <v>558</v>
      </c>
      <c r="D119699" s="14" t="s">
        <v>18</v>
      </c>
      <c r="E119699" s="15">
        <v>45720</v>
      </c>
      <c r="F119699" s="14" t="s">
        <v>15</v>
      </c>
      <c r="G119699" s="16">
        <v>1.1892739104428267</v>
      </c>
    </row>
    <row r="119700" spans="1:7" x14ac:dyDescent="0.3">
      <c r="A119700" s="13" t="s">
        <v>562</v>
      </c>
      <c r="B119700" s="14" t="s">
        <v>1</v>
      </c>
      <c r="C119700" s="14" t="s">
        <v>558</v>
      </c>
      <c r="D119700" s="14" t="s">
        <v>18</v>
      </c>
      <c r="E119700" s="15">
        <v>45721</v>
      </c>
      <c r="F119700" s="14" t="s">
        <v>15</v>
      </c>
      <c r="G119700" s="16">
        <v>1.1875630704121167</v>
      </c>
    </row>
    <row r="119701" spans="1:7" x14ac:dyDescent="0.3">
      <c r="A119701" s="13" t="s">
        <v>562</v>
      </c>
      <c r="B119701" s="14" t="s">
        <v>1</v>
      </c>
      <c r="C119701" s="14" t="s">
        <v>558</v>
      </c>
      <c r="D119701" s="14" t="s">
        <v>18</v>
      </c>
      <c r="E119701" s="15">
        <v>45722</v>
      </c>
      <c r="F119701" s="14" t="s">
        <v>15</v>
      </c>
      <c r="G119701" s="16">
        <v>1.2058295197934819</v>
      </c>
    </row>
    <row r="119702" spans="1:7" x14ac:dyDescent="0.3">
      <c r="A119702" s="13" t="s">
        <v>562</v>
      </c>
      <c r="B119702" s="14" t="s">
        <v>1</v>
      </c>
      <c r="C119702" s="14" t="s">
        <v>558</v>
      </c>
      <c r="D119702" s="14" t="s">
        <v>18</v>
      </c>
      <c r="E119702" s="15">
        <v>45723</v>
      </c>
      <c r="F119702" s="14" t="s">
        <v>15</v>
      </c>
      <c r="G119702" s="16">
        <v>1.2052590661372686</v>
      </c>
    </row>
    <row r="119703" spans="1:7" x14ac:dyDescent="0.3">
      <c r="A119703" s="13" t="s">
        <v>562</v>
      </c>
      <c r="B119703" s="14" t="s">
        <v>1</v>
      </c>
      <c r="C119703" s="14" t="s">
        <v>558</v>
      </c>
      <c r="D119703" s="14" t="s">
        <v>18</v>
      </c>
      <c r="E119703" s="15">
        <v>45724</v>
      </c>
      <c r="F119703" s="14" t="s">
        <v>15</v>
      </c>
      <c r="G119703" s="16">
        <v>1.2052590661372686</v>
      </c>
    </row>
    <row r="119704" spans="1:7" x14ac:dyDescent="0.3">
      <c r="A119704" s="13" t="s">
        <v>562</v>
      </c>
      <c r="B119704" s="14" t="s">
        <v>1</v>
      </c>
      <c r="C119704" s="14" t="s">
        <v>558</v>
      </c>
      <c r="D119704" s="14" t="s">
        <v>18</v>
      </c>
      <c r="E119704" s="15">
        <v>45725</v>
      </c>
      <c r="F119704" s="14" t="s">
        <v>15</v>
      </c>
      <c r="G119704" s="16">
        <v>1.2052590661372686</v>
      </c>
    </row>
    <row r="119705" spans="1:7" x14ac:dyDescent="0.3">
      <c r="A119705" s="13" t="s">
        <v>562</v>
      </c>
      <c r="B119705" s="14" t="s">
        <v>1</v>
      </c>
      <c r="C119705" s="14" t="s">
        <v>558</v>
      </c>
      <c r="D119705" s="14" t="s">
        <v>18</v>
      </c>
      <c r="E119705" s="15">
        <v>45726</v>
      </c>
      <c r="F119705" s="14" t="s">
        <v>15</v>
      </c>
      <c r="G119705" s="16">
        <v>1.2036544563012632</v>
      </c>
    </row>
    <row r="119706" spans="1:7" x14ac:dyDescent="0.3">
      <c r="A119706" s="13" t="s">
        <v>562</v>
      </c>
      <c r="B119706" s="14" t="s">
        <v>1</v>
      </c>
      <c r="C119706" s="14" t="s">
        <v>558</v>
      </c>
      <c r="D119706" s="14" t="s">
        <v>18</v>
      </c>
      <c r="E119706" s="15">
        <v>45727</v>
      </c>
      <c r="F119706" s="14" t="s">
        <v>15</v>
      </c>
      <c r="G119706" s="16">
        <v>1.198718029659769</v>
      </c>
    </row>
    <row r="119707" spans="1:7" x14ac:dyDescent="0.3">
      <c r="A119707" s="13" t="s">
        <v>562</v>
      </c>
      <c r="B119707" s="14" t="s">
        <v>1</v>
      </c>
      <c r="C119707" s="14" t="s">
        <v>558</v>
      </c>
      <c r="D119707" s="14" t="s">
        <v>18</v>
      </c>
      <c r="E119707" s="15">
        <v>45728</v>
      </c>
      <c r="F119707" s="14" t="s">
        <v>15</v>
      </c>
      <c r="G119707" s="16">
        <v>1.2000322778145278</v>
      </c>
    </row>
    <row r="119708" spans="1:7" x14ac:dyDescent="0.3">
      <c r="A119708" s="13" t="s">
        <v>562</v>
      </c>
      <c r="B119708" s="14" t="s">
        <v>1</v>
      </c>
      <c r="C119708" s="14" t="s">
        <v>558</v>
      </c>
      <c r="D119708" s="14" t="s">
        <v>18</v>
      </c>
      <c r="E119708" s="15">
        <v>45729</v>
      </c>
      <c r="F119708" s="14" t="s">
        <v>15</v>
      </c>
      <c r="G119708" s="16">
        <v>1.2186261476831799</v>
      </c>
    </row>
    <row r="119709" spans="1:7" x14ac:dyDescent="0.3">
      <c r="A119709" s="13" t="s">
        <v>562</v>
      </c>
      <c r="B119709" s="14" t="s">
        <v>1</v>
      </c>
      <c r="C119709" s="14" t="s">
        <v>558</v>
      </c>
      <c r="D119709" s="14" t="s">
        <v>18</v>
      </c>
      <c r="E119709" s="15">
        <v>45730</v>
      </c>
      <c r="F119709" s="14" t="s">
        <v>15</v>
      </c>
      <c r="G119709" s="16">
        <v>1.2215816762389529</v>
      </c>
    </row>
    <row r="119710" spans="1:7" x14ac:dyDescent="0.3">
      <c r="A119710" s="13" t="s">
        <v>562</v>
      </c>
      <c r="B119710" s="14" t="s">
        <v>1</v>
      </c>
      <c r="C119710" s="14" t="s">
        <v>558</v>
      </c>
      <c r="D119710" s="14" t="s">
        <v>18</v>
      </c>
      <c r="E119710" s="15">
        <v>45731</v>
      </c>
      <c r="F119710" s="14" t="s">
        <v>15</v>
      </c>
      <c r="G119710" s="16">
        <v>1.2215816762389529</v>
      </c>
    </row>
    <row r="119711" spans="1:7" x14ac:dyDescent="0.3">
      <c r="A119711" s="13" t="s">
        <v>562</v>
      </c>
      <c r="B119711" s="14" t="s">
        <v>1</v>
      </c>
      <c r="C119711" s="14" t="s">
        <v>558</v>
      </c>
      <c r="D119711" s="14" t="s">
        <v>18</v>
      </c>
      <c r="E119711" s="15">
        <v>45732</v>
      </c>
      <c r="F119711" s="14" t="s">
        <v>15</v>
      </c>
      <c r="G119711" s="16">
        <v>1.2215816762389529</v>
      </c>
    </row>
    <row r="119712" spans="1:7" x14ac:dyDescent="0.3">
      <c r="A119712" s="13" t="s">
        <v>562</v>
      </c>
      <c r="B119712" s="14" t="s">
        <v>1</v>
      </c>
      <c r="C119712" s="14" t="s">
        <v>558</v>
      </c>
      <c r="D119712" s="14" t="s">
        <v>18</v>
      </c>
      <c r="E119712" s="15">
        <v>45733</v>
      </c>
      <c r="F119712" s="14" t="s">
        <v>15</v>
      </c>
      <c r="G119712" s="16">
        <v>1.2215816762389529</v>
      </c>
    </row>
    <row r="119713" spans="1:7" x14ac:dyDescent="0.3">
      <c r="A119713" s="13" t="s">
        <v>562</v>
      </c>
      <c r="B119713" s="14" t="s">
        <v>1</v>
      </c>
      <c r="C119713" s="14" t="s">
        <v>558</v>
      </c>
      <c r="D119713" s="14" t="s">
        <v>18</v>
      </c>
      <c r="E119713" s="15">
        <v>45734</v>
      </c>
      <c r="F119713" s="14" t="s">
        <v>15</v>
      </c>
      <c r="G119713" s="16">
        <v>1.2259418804648325</v>
      </c>
    </row>
    <row r="119714" spans="1:7" x14ac:dyDescent="0.3">
      <c r="A119714" s="13" t="s">
        <v>562</v>
      </c>
      <c r="B119714" s="14" t="s">
        <v>1</v>
      </c>
      <c r="C119714" s="14" t="s">
        <v>558</v>
      </c>
      <c r="D119714" s="14" t="s">
        <v>18</v>
      </c>
      <c r="E119714" s="15">
        <v>45735</v>
      </c>
      <c r="F119714" s="14" t="s">
        <v>15</v>
      </c>
      <c r="G119714" s="16">
        <v>1.2987606730356427</v>
      </c>
    </row>
    <row r="119715" spans="1:7" x14ac:dyDescent="0.3">
      <c r="A119715" s="13" t="s">
        <v>562</v>
      </c>
      <c r="B119715" s="14" t="s">
        <v>1</v>
      </c>
      <c r="C119715" s="14" t="s">
        <v>558</v>
      </c>
      <c r="D119715" s="14" t="s">
        <v>18</v>
      </c>
      <c r="E119715" s="15">
        <v>45736</v>
      </c>
      <c r="F119715" s="14" t="s">
        <v>15</v>
      </c>
      <c r="G119715" s="16">
        <v>1.2969698139365531</v>
      </c>
    </row>
    <row r="119716" spans="1:7" x14ac:dyDescent="0.3">
      <c r="A119716" s="13" t="s">
        <v>562</v>
      </c>
      <c r="B119716" s="14" t="s">
        <v>1</v>
      </c>
      <c r="C119716" s="14" t="s">
        <v>558</v>
      </c>
      <c r="D119716" s="14" t="s">
        <v>18</v>
      </c>
      <c r="E119716" s="15">
        <v>45737</v>
      </c>
      <c r="F119716" s="14" t="s">
        <v>15</v>
      </c>
      <c r="G119716" s="16">
        <v>1.3095368599532493</v>
      </c>
    </row>
    <row r="119717" spans="1:7" x14ac:dyDescent="0.3">
      <c r="A119717" s="13" t="s">
        <v>562</v>
      </c>
      <c r="B119717" s="14" t="s">
        <v>1</v>
      </c>
      <c r="C119717" s="14" t="s">
        <v>558</v>
      </c>
      <c r="D119717" s="14" t="s">
        <v>18</v>
      </c>
      <c r="E119717" s="15">
        <v>45738</v>
      </c>
      <c r="F119717" s="14" t="s">
        <v>15</v>
      </c>
      <c r="G119717" s="16">
        <v>1.3095368599532493</v>
      </c>
    </row>
    <row r="119718" spans="1:7" x14ac:dyDescent="0.3">
      <c r="A119718" s="13" t="s">
        <v>562</v>
      </c>
      <c r="B119718" s="14" t="s">
        <v>1</v>
      </c>
      <c r="C119718" s="14" t="s">
        <v>558</v>
      </c>
      <c r="D119718" s="14" t="s">
        <v>18</v>
      </c>
      <c r="E119718" s="15">
        <v>45739</v>
      </c>
      <c r="F119718" s="14" t="s">
        <v>15</v>
      </c>
      <c r="G119718" s="16">
        <v>1.3095368599532493</v>
      </c>
    </row>
    <row r="119719" spans="1:7" x14ac:dyDescent="0.3">
      <c r="A119719" s="13" t="s">
        <v>562</v>
      </c>
      <c r="B119719" s="14" t="s">
        <v>1</v>
      </c>
      <c r="C119719" s="14" t="s">
        <v>558</v>
      </c>
      <c r="D119719" s="14" t="s">
        <v>18</v>
      </c>
      <c r="E119719" s="15">
        <v>45740</v>
      </c>
      <c r="F119719" s="14" t="s">
        <v>15</v>
      </c>
      <c r="G119719" s="16">
        <v>1.3317145438593785</v>
      </c>
    </row>
    <row r="119720" spans="1:7" x14ac:dyDescent="0.3">
      <c r="A119720" s="13" t="s">
        <v>562</v>
      </c>
      <c r="B119720" s="14" t="s">
        <v>1</v>
      </c>
      <c r="C119720" s="14" t="s">
        <v>558</v>
      </c>
      <c r="D119720" s="14" t="s">
        <v>18</v>
      </c>
      <c r="E119720" s="15">
        <v>45741</v>
      </c>
      <c r="F119720" s="14" t="s">
        <v>15</v>
      </c>
      <c r="G119720" s="16">
        <v>1.3266417836368782</v>
      </c>
    </row>
    <row r="119721" spans="1:7" x14ac:dyDescent="0.3">
      <c r="A119721" s="13" t="s">
        <v>562</v>
      </c>
      <c r="B119721" s="14" t="s">
        <v>1</v>
      </c>
      <c r="C119721" s="14" t="s">
        <v>558</v>
      </c>
      <c r="D119721" s="14" t="s">
        <v>18</v>
      </c>
      <c r="E119721" s="15">
        <v>45742</v>
      </c>
      <c r="F119721" s="14" t="s">
        <v>15</v>
      </c>
      <c r="G119721" s="16">
        <v>1.3249413005084234</v>
      </c>
    </row>
    <row r="119722" spans="1:7" x14ac:dyDescent="0.3">
      <c r="A119722" s="13" t="s">
        <v>562</v>
      </c>
      <c r="B119722" s="14" t="s">
        <v>1</v>
      </c>
      <c r="C119722" s="14" t="s">
        <v>558</v>
      </c>
      <c r="D119722" s="14" t="s">
        <v>18</v>
      </c>
      <c r="E119722" s="15">
        <v>45743</v>
      </c>
      <c r="F119722" s="14" t="s">
        <v>15</v>
      </c>
      <c r="G119722" s="16">
        <v>1.3304231782773868</v>
      </c>
    </row>
    <row r="119723" spans="1:7" x14ac:dyDescent="0.3">
      <c r="A119723" s="13" t="s">
        <v>562</v>
      </c>
      <c r="B119723" s="14" t="s">
        <v>1</v>
      </c>
      <c r="C119723" s="14" t="s">
        <v>558</v>
      </c>
      <c r="D119723" s="14" t="s">
        <v>18</v>
      </c>
      <c r="E119723" s="15">
        <v>45744</v>
      </c>
      <c r="F119723" s="14" t="s">
        <v>15</v>
      </c>
      <c r="G119723" s="16">
        <v>1.328756998437056</v>
      </c>
    </row>
    <row r="119724" spans="1:7" x14ac:dyDescent="0.3">
      <c r="A119724" s="13" t="s">
        <v>562</v>
      </c>
      <c r="B119724" s="14" t="s">
        <v>1</v>
      </c>
      <c r="C119724" s="14" t="s">
        <v>558</v>
      </c>
      <c r="D119724" s="14" t="s">
        <v>18</v>
      </c>
      <c r="E119724" s="15">
        <v>45745</v>
      </c>
      <c r="F119724" s="14" t="s">
        <v>15</v>
      </c>
      <c r="G119724" s="16">
        <v>1.328756998437056</v>
      </c>
    </row>
    <row r="119725" spans="1:7" x14ac:dyDescent="0.3">
      <c r="A119725" s="13" t="s">
        <v>562</v>
      </c>
      <c r="B119725" s="14" t="s">
        <v>1</v>
      </c>
      <c r="C119725" s="14" t="s">
        <v>558</v>
      </c>
      <c r="D119725" s="14" t="s">
        <v>18</v>
      </c>
      <c r="E119725" s="15">
        <v>45746</v>
      </c>
      <c r="F119725" s="14" t="s">
        <v>15</v>
      </c>
      <c r="G119725" s="16">
        <v>1.328756998437056</v>
      </c>
    </row>
    <row r="119726" spans="1:7" x14ac:dyDescent="0.3">
      <c r="A119726" s="13" t="s">
        <v>562</v>
      </c>
      <c r="B119726" s="14" t="s">
        <v>1</v>
      </c>
      <c r="C119726" s="14" t="s">
        <v>558</v>
      </c>
      <c r="D119726" s="14" t="s">
        <v>18</v>
      </c>
      <c r="E119726" s="15">
        <v>45747</v>
      </c>
      <c r="F119726" s="14" t="s">
        <v>15</v>
      </c>
      <c r="G119726" s="16">
        <v>1.3538509016194784</v>
      </c>
    </row>
    <row r="119727" spans="1:7" x14ac:dyDescent="0.3">
      <c r="A119727" s="13" t="s">
        <v>563</v>
      </c>
      <c r="B119727" s="14" t="s">
        <v>1</v>
      </c>
      <c r="C119727" s="14" t="s">
        <v>558</v>
      </c>
      <c r="D119727" s="14" t="s">
        <v>39</v>
      </c>
      <c r="E119727" s="15">
        <v>45383</v>
      </c>
      <c r="F119727" s="14" t="s">
        <v>15</v>
      </c>
      <c r="G119727" s="16">
        <v>0</v>
      </c>
    </row>
    <row r="119728" spans="1:7" x14ac:dyDescent="0.3">
      <c r="A119728" s="13" t="s">
        <v>563</v>
      </c>
      <c r="B119728" s="14" t="s">
        <v>1</v>
      </c>
      <c r="C119728" s="14" t="s">
        <v>558</v>
      </c>
      <c r="D119728" s="14" t="s">
        <v>39</v>
      </c>
      <c r="E119728" s="15">
        <v>45384</v>
      </c>
      <c r="F119728" s="14" t="s">
        <v>15</v>
      </c>
      <c r="G119728" s="16">
        <v>0</v>
      </c>
    </row>
    <row r="119729" spans="1:7" x14ac:dyDescent="0.3">
      <c r="A119729" s="13" t="s">
        <v>563</v>
      </c>
      <c r="B119729" s="14" t="s">
        <v>1</v>
      </c>
      <c r="C119729" s="14" t="s">
        <v>558</v>
      </c>
      <c r="D119729" s="14" t="s">
        <v>39</v>
      </c>
      <c r="E119729" s="15">
        <v>45385</v>
      </c>
      <c r="F119729" s="14" t="s">
        <v>15</v>
      </c>
      <c r="G119729" s="16">
        <v>0</v>
      </c>
    </row>
    <row r="119730" spans="1:7" x14ac:dyDescent="0.3">
      <c r="A119730" s="13" t="s">
        <v>563</v>
      </c>
      <c r="B119730" s="14" t="s">
        <v>1</v>
      </c>
      <c r="C119730" s="14" t="s">
        <v>558</v>
      </c>
      <c r="D119730" s="14" t="s">
        <v>39</v>
      </c>
      <c r="E119730" s="15">
        <v>45386</v>
      </c>
      <c r="F119730" s="14" t="s">
        <v>15</v>
      </c>
      <c r="G119730" s="16">
        <v>8.1936988371758329E-4</v>
      </c>
    </row>
    <row r="119731" spans="1:7" x14ac:dyDescent="0.3">
      <c r="A119731" s="13" t="s">
        <v>563</v>
      </c>
      <c r="B119731" s="14" t="s">
        <v>1</v>
      </c>
      <c r="C119731" s="14" t="s">
        <v>558</v>
      </c>
      <c r="D119731" s="14" t="s">
        <v>39</v>
      </c>
      <c r="E119731" s="15">
        <v>45387</v>
      </c>
      <c r="F119731" s="14" t="s">
        <v>15</v>
      </c>
      <c r="G119731" s="16">
        <v>0</v>
      </c>
    </row>
    <row r="119732" spans="1:7" x14ac:dyDescent="0.3">
      <c r="A119732" s="13" t="s">
        <v>563</v>
      </c>
      <c r="B119732" s="14" t="s">
        <v>1</v>
      </c>
      <c r="C119732" s="14" t="s">
        <v>558</v>
      </c>
      <c r="D119732" s="14" t="s">
        <v>39</v>
      </c>
      <c r="E119732" s="15">
        <v>45388</v>
      </c>
      <c r="F119732" s="14" t="s">
        <v>15</v>
      </c>
      <c r="G119732" s="16">
        <v>0</v>
      </c>
    </row>
    <row r="119733" spans="1:7" x14ac:dyDescent="0.3">
      <c r="A119733" s="13" t="s">
        <v>563</v>
      </c>
      <c r="B119733" s="14" t="s">
        <v>1</v>
      </c>
      <c r="C119733" s="14" t="s">
        <v>558</v>
      </c>
      <c r="D119733" s="14" t="s">
        <v>39</v>
      </c>
      <c r="E119733" s="15">
        <v>45389</v>
      </c>
      <c r="F119733" s="14" t="s">
        <v>15</v>
      </c>
      <c r="G119733" s="16">
        <v>0</v>
      </c>
    </row>
    <row r="119734" spans="1:7" x14ac:dyDescent="0.3">
      <c r="A119734" s="13" t="s">
        <v>563</v>
      </c>
      <c r="B119734" s="14" t="s">
        <v>1</v>
      </c>
      <c r="C119734" s="14" t="s">
        <v>558</v>
      </c>
      <c r="D119734" s="14" t="s">
        <v>39</v>
      </c>
      <c r="E119734" s="15">
        <v>45390</v>
      </c>
      <c r="F119734" s="14" t="s">
        <v>15</v>
      </c>
      <c r="G119734" s="16">
        <v>0</v>
      </c>
    </row>
    <row r="119735" spans="1:7" x14ac:dyDescent="0.3">
      <c r="A119735" s="13" t="s">
        <v>563</v>
      </c>
      <c r="B119735" s="14" t="s">
        <v>1</v>
      </c>
      <c r="C119735" s="14" t="s">
        <v>558</v>
      </c>
      <c r="D119735" s="14" t="s">
        <v>39</v>
      </c>
      <c r="E119735" s="15">
        <v>45391</v>
      </c>
      <c r="F119735" s="14" t="s">
        <v>15</v>
      </c>
      <c r="G119735" s="16">
        <v>3.4583457658871417E-3</v>
      </c>
    </row>
    <row r="119736" spans="1:7" x14ac:dyDescent="0.3">
      <c r="A119736" s="13" t="s">
        <v>563</v>
      </c>
      <c r="B119736" s="14" t="s">
        <v>1</v>
      </c>
      <c r="C119736" s="14" t="s">
        <v>558</v>
      </c>
      <c r="D119736" s="14" t="s">
        <v>39</v>
      </c>
      <c r="E119736" s="15">
        <v>45392</v>
      </c>
      <c r="F119736" s="14" t="s">
        <v>15</v>
      </c>
      <c r="G119736" s="16">
        <v>1.9788253355893522E-2</v>
      </c>
    </row>
    <row r="119737" spans="1:7" x14ac:dyDescent="0.3">
      <c r="A119737" s="13" t="s">
        <v>563</v>
      </c>
      <c r="B119737" s="14" t="s">
        <v>1</v>
      </c>
      <c r="C119737" s="14" t="s">
        <v>558</v>
      </c>
      <c r="D119737" s="14" t="s">
        <v>39</v>
      </c>
      <c r="E119737" s="15">
        <v>45393</v>
      </c>
      <c r="F119737" s="14" t="s">
        <v>15</v>
      </c>
      <c r="G119737" s="16">
        <v>3.368364241566061E-2</v>
      </c>
    </row>
    <row r="119738" spans="1:7" x14ac:dyDescent="0.3">
      <c r="A119738" s="13" t="s">
        <v>563</v>
      </c>
      <c r="B119738" s="14" t="s">
        <v>1</v>
      </c>
      <c r="C119738" s="14" t="s">
        <v>558</v>
      </c>
      <c r="D119738" s="14" t="s">
        <v>39</v>
      </c>
      <c r="E119738" s="15">
        <v>45394</v>
      </c>
      <c r="F119738" s="14" t="s">
        <v>15</v>
      </c>
      <c r="G119738" s="16">
        <v>3.2025068432213748E-2</v>
      </c>
    </row>
    <row r="119739" spans="1:7" x14ac:dyDescent="0.3">
      <c r="A119739" s="13" t="s">
        <v>563</v>
      </c>
      <c r="B119739" s="14" t="s">
        <v>1</v>
      </c>
      <c r="C119739" s="14" t="s">
        <v>558</v>
      </c>
      <c r="D119739" s="14" t="s">
        <v>39</v>
      </c>
      <c r="E119739" s="15">
        <v>45395</v>
      </c>
      <c r="F119739" s="14" t="s">
        <v>15</v>
      </c>
      <c r="G119739" s="16">
        <v>3.2025068432213748E-2</v>
      </c>
    </row>
    <row r="119740" spans="1:7" x14ac:dyDescent="0.3">
      <c r="A119740" s="13" t="s">
        <v>563</v>
      </c>
      <c r="B119740" s="14" t="s">
        <v>1</v>
      </c>
      <c r="C119740" s="14" t="s">
        <v>558</v>
      </c>
      <c r="D119740" s="14" t="s">
        <v>39</v>
      </c>
      <c r="E119740" s="15">
        <v>45396</v>
      </c>
      <c r="F119740" s="14" t="s">
        <v>15</v>
      </c>
      <c r="G119740" s="16">
        <v>3.2025068432213748E-2</v>
      </c>
    </row>
    <row r="119741" spans="1:7" x14ac:dyDescent="0.3">
      <c r="A119741" s="13" t="s">
        <v>563</v>
      </c>
      <c r="B119741" s="14" t="s">
        <v>1</v>
      </c>
      <c r="C119741" s="14" t="s">
        <v>558</v>
      </c>
      <c r="D119741" s="14" t="s">
        <v>39</v>
      </c>
      <c r="E119741" s="15">
        <v>45397</v>
      </c>
      <c r="F119741" s="14" t="s">
        <v>15</v>
      </c>
      <c r="G119741" s="16">
        <v>5.2033318590977755E-2</v>
      </c>
    </row>
    <row r="119742" spans="1:7" x14ac:dyDescent="0.3">
      <c r="A119742" s="13" t="s">
        <v>563</v>
      </c>
      <c r="B119742" s="14" t="s">
        <v>1</v>
      </c>
      <c r="C119742" s="14" t="s">
        <v>558</v>
      </c>
      <c r="D119742" s="14" t="s">
        <v>39</v>
      </c>
      <c r="E119742" s="15">
        <v>45398</v>
      </c>
      <c r="F119742" s="14" t="s">
        <v>15</v>
      </c>
      <c r="G119742" s="16">
        <v>4.7789472845301016E-2</v>
      </c>
    </row>
    <row r="119743" spans="1:7" x14ac:dyDescent="0.3">
      <c r="A119743" s="13" t="s">
        <v>563</v>
      </c>
      <c r="B119743" s="14" t="s">
        <v>1</v>
      </c>
      <c r="C119743" s="14" t="s">
        <v>558</v>
      </c>
      <c r="D119743" s="14" t="s">
        <v>39</v>
      </c>
      <c r="E119743" s="15">
        <v>45399</v>
      </c>
      <c r="F119743" s="14" t="s">
        <v>15</v>
      </c>
      <c r="G119743" s="16">
        <v>4.6417847541866786E-2</v>
      </c>
    </row>
    <row r="119744" spans="1:7" x14ac:dyDescent="0.3">
      <c r="A119744" s="13" t="s">
        <v>563</v>
      </c>
      <c r="B119744" s="14" t="s">
        <v>1</v>
      </c>
      <c r="C119744" s="14" t="s">
        <v>558</v>
      </c>
      <c r="D119744" s="14" t="s">
        <v>39</v>
      </c>
      <c r="E119744" s="15">
        <v>45400</v>
      </c>
      <c r="F119744" s="14" t="s">
        <v>15</v>
      </c>
      <c r="G119744" s="16">
        <v>4.3417572270223456E-2</v>
      </c>
    </row>
    <row r="119745" spans="1:7" x14ac:dyDescent="0.3">
      <c r="A119745" s="13" t="s">
        <v>563</v>
      </c>
      <c r="B119745" s="14" t="s">
        <v>1</v>
      </c>
      <c r="C119745" s="14" t="s">
        <v>558</v>
      </c>
      <c r="D119745" s="14" t="s">
        <v>39</v>
      </c>
      <c r="E119745" s="15">
        <v>45401</v>
      </c>
      <c r="F119745" s="14" t="s">
        <v>15</v>
      </c>
      <c r="G119745" s="16">
        <v>4.2977101962724841E-2</v>
      </c>
    </row>
    <row r="119746" spans="1:7" x14ac:dyDescent="0.3">
      <c r="A119746" s="13" t="s">
        <v>563</v>
      </c>
      <c r="B119746" s="14" t="s">
        <v>1</v>
      </c>
      <c r="C119746" s="14" t="s">
        <v>558</v>
      </c>
      <c r="D119746" s="14" t="s">
        <v>39</v>
      </c>
      <c r="E119746" s="15">
        <v>45402</v>
      </c>
      <c r="F119746" s="14" t="s">
        <v>15</v>
      </c>
      <c r="G119746" s="16">
        <v>4.2977101962724841E-2</v>
      </c>
    </row>
    <row r="119747" spans="1:7" x14ac:dyDescent="0.3">
      <c r="A119747" s="13" t="s">
        <v>563</v>
      </c>
      <c r="B119747" s="14" t="s">
        <v>1</v>
      </c>
      <c r="C119747" s="14" t="s">
        <v>558</v>
      </c>
      <c r="D119747" s="14" t="s">
        <v>39</v>
      </c>
      <c r="E119747" s="15">
        <v>45403</v>
      </c>
      <c r="F119747" s="14" t="s">
        <v>15</v>
      </c>
      <c r="G119747" s="16">
        <v>4.2977101962724841E-2</v>
      </c>
    </row>
    <row r="119748" spans="1:7" x14ac:dyDescent="0.3">
      <c r="A119748" s="13" t="s">
        <v>563</v>
      </c>
      <c r="B119748" s="14" t="s">
        <v>1</v>
      </c>
      <c r="C119748" s="14" t="s">
        <v>558</v>
      </c>
      <c r="D119748" s="14" t="s">
        <v>39</v>
      </c>
      <c r="E119748" s="15">
        <v>45404</v>
      </c>
      <c r="F119748" s="14" t="s">
        <v>15</v>
      </c>
      <c r="G119748" s="16">
        <v>4.1339856235211976E-2</v>
      </c>
    </row>
    <row r="119749" spans="1:7" x14ac:dyDescent="0.3">
      <c r="A119749" s="13" t="s">
        <v>563</v>
      </c>
      <c r="B119749" s="14" t="s">
        <v>1</v>
      </c>
      <c r="C119749" s="14" t="s">
        <v>558</v>
      </c>
      <c r="D119749" s="14" t="s">
        <v>39</v>
      </c>
      <c r="E119749" s="15">
        <v>45405</v>
      </c>
      <c r="F119749" s="14" t="s">
        <v>15</v>
      </c>
      <c r="G119749" s="16">
        <v>4.3147142062986504E-2</v>
      </c>
    </row>
    <row r="119750" spans="1:7" x14ac:dyDescent="0.3">
      <c r="A119750" s="13" t="s">
        <v>563</v>
      </c>
      <c r="B119750" s="14" t="s">
        <v>1</v>
      </c>
      <c r="C119750" s="14" t="s">
        <v>558</v>
      </c>
      <c r="D119750" s="14" t="s">
        <v>39</v>
      </c>
      <c r="E119750" s="15">
        <v>45406</v>
      </c>
      <c r="F119750" s="14" t="s">
        <v>15</v>
      </c>
      <c r="G119750" s="16">
        <v>3.7096295396904649E-2</v>
      </c>
    </row>
    <row r="119751" spans="1:7" x14ac:dyDescent="0.3">
      <c r="A119751" s="13" t="s">
        <v>563</v>
      </c>
      <c r="B119751" s="14" t="s">
        <v>1</v>
      </c>
      <c r="C119751" s="14" t="s">
        <v>558</v>
      </c>
      <c r="D119751" s="14" t="s">
        <v>39</v>
      </c>
      <c r="E119751" s="15">
        <v>45407</v>
      </c>
      <c r="F119751" s="14" t="s">
        <v>15</v>
      </c>
      <c r="G119751" s="16">
        <v>4.1084434287051122E-2</v>
      </c>
    </row>
    <row r="119752" spans="1:7" x14ac:dyDescent="0.3">
      <c r="A119752" s="13" t="s">
        <v>563</v>
      </c>
      <c r="B119752" s="14" t="s">
        <v>1</v>
      </c>
      <c r="C119752" s="14" t="s">
        <v>558</v>
      </c>
      <c r="D119752" s="14" t="s">
        <v>39</v>
      </c>
      <c r="E119752" s="15">
        <v>45408</v>
      </c>
      <c r="F119752" s="14" t="s">
        <v>15</v>
      </c>
      <c r="G119752" s="16">
        <v>5.2757599305225181E-2</v>
      </c>
    </row>
    <row r="119753" spans="1:7" x14ac:dyDescent="0.3">
      <c r="A119753" s="13" t="s">
        <v>563</v>
      </c>
      <c r="B119753" s="14" t="s">
        <v>1</v>
      </c>
      <c r="C119753" s="14" t="s">
        <v>558</v>
      </c>
      <c r="D119753" s="14" t="s">
        <v>39</v>
      </c>
      <c r="E119753" s="15">
        <v>45409</v>
      </c>
      <c r="F119753" s="14" t="s">
        <v>15</v>
      </c>
      <c r="G119753" s="16">
        <v>5.2757599305225181E-2</v>
      </c>
    </row>
    <row r="119754" spans="1:7" x14ac:dyDescent="0.3">
      <c r="A119754" s="13" t="s">
        <v>563</v>
      </c>
      <c r="B119754" s="14" t="s">
        <v>1</v>
      </c>
      <c r="C119754" s="14" t="s">
        <v>558</v>
      </c>
      <c r="D119754" s="14" t="s">
        <v>39</v>
      </c>
      <c r="E119754" s="15">
        <v>45410</v>
      </c>
      <c r="F119754" s="14" t="s">
        <v>15</v>
      </c>
      <c r="G119754" s="16">
        <v>5.2757599305225181E-2</v>
      </c>
    </row>
    <row r="119755" spans="1:7" x14ac:dyDescent="0.3">
      <c r="A119755" s="13" t="s">
        <v>563</v>
      </c>
      <c r="B119755" s="14" t="s">
        <v>1</v>
      </c>
      <c r="C119755" s="14" t="s">
        <v>558</v>
      </c>
      <c r="D119755" s="14" t="s">
        <v>39</v>
      </c>
      <c r="E119755" s="15">
        <v>45411</v>
      </c>
      <c r="F119755" s="14" t="s">
        <v>15</v>
      </c>
      <c r="G119755" s="16">
        <v>7.6261922198285731E-2</v>
      </c>
    </row>
    <row r="119756" spans="1:7" x14ac:dyDescent="0.3">
      <c r="A119756" s="13" t="s">
        <v>563</v>
      </c>
      <c r="B119756" s="14" t="s">
        <v>1</v>
      </c>
      <c r="C119756" s="14" t="s">
        <v>558</v>
      </c>
      <c r="D119756" s="14" t="s">
        <v>39</v>
      </c>
      <c r="E119756" s="15">
        <v>45412</v>
      </c>
      <c r="F119756" s="14" t="s">
        <v>15</v>
      </c>
      <c r="G119756" s="16">
        <v>7.2285303029855003E-2</v>
      </c>
    </row>
    <row r="119757" spans="1:7" x14ac:dyDescent="0.3">
      <c r="A119757" s="13" t="s">
        <v>563</v>
      </c>
      <c r="B119757" s="14" t="s">
        <v>1</v>
      </c>
      <c r="C119757" s="14" t="s">
        <v>558</v>
      </c>
      <c r="D119757" s="14" t="s">
        <v>39</v>
      </c>
      <c r="E119757" s="15">
        <v>45413</v>
      </c>
      <c r="F119757" s="14" t="s">
        <v>15</v>
      </c>
      <c r="G119757" s="16">
        <v>7.0691149277208279E-2</v>
      </c>
    </row>
    <row r="119758" spans="1:7" x14ac:dyDescent="0.3">
      <c r="A119758" s="13" t="s">
        <v>563</v>
      </c>
      <c r="B119758" s="14" t="s">
        <v>1</v>
      </c>
      <c r="C119758" s="14" t="s">
        <v>558</v>
      </c>
      <c r="D119758" s="14" t="s">
        <v>39</v>
      </c>
      <c r="E119758" s="15">
        <v>45414</v>
      </c>
      <c r="F119758" s="14" t="s">
        <v>15</v>
      </c>
      <c r="G119758" s="16">
        <v>6.7185855147984058E-2</v>
      </c>
    </row>
    <row r="119759" spans="1:7" x14ac:dyDescent="0.3">
      <c r="A119759" s="13" t="s">
        <v>563</v>
      </c>
      <c r="B119759" s="14" t="s">
        <v>1</v>
      </c>
      <c r="C119759" s="14" t="s">
        <v>558</v>
      </c>
      <c r="D119759" s="14" t="s">
        <v>39</v>
      </c>
      <c r="E119759" s="15">
        <v>45415</v>
      </c>
      <c r="F119759" s="14" t="s">
        <v>15</v>
      </c>
      <c r="G119759" s="16">
        <v>8.7279359847943341E-2</v>
      </c>
    </row>
    <row r="119760" spans="1:7" x14ac:dyDescent="0.3">
      <c r="A119760" s="13" t="s">
        <v>563</v>
      </c>
      <c r="B119760" s="14" t="s">
        <v>1</v>
      </c>
      <c r="C119760" s="14" t="s">
        <v>558</v>
      </c>
      <c r="D119760" s="14" t="s">
        <v>39</v>
      </c>
      <c r="E119760" s="15">
        <v>45416</v>
      </c>
      <c r="F119760" s="14" t="s">
        <v>15</v>
      </c>
      <c r="G119760" s="16">
        <v>8.7279359847943341E-2</v>
      </c>
    </row>
    <row r="119761" spans="1:7" x14ac:dyDescent="0.3">
      <c r="A119761" s="13" t="s">
        <v>563</v>
      </c>
      <c r="B119761" s="14" t="s">
        <v>1</v>
      </c>
      <c r="C119761" s="14" t="s">
        <v>558</v>
      </c>
      <c r="D119761" s="14" t="s">
        <v>39</v>
      </c>
      <c r="E119761" s="15">
        <v>45417</v>
      </c>
      <c r="F119761" s="14" t="s">
        <v>15</v>
      </c>
      <c r="G119761" s="16">
        <v>8.7279359847943341E-2</v>
      </c>
    </row>
    <row r="119762" spans="1:7" x14ac:dyDescent="0.3">
      <c r="A119762" s="13" t="s">
        <v>563</v>
      </c>
      <c r="B119762" s="14" t="s">
        <v>1</v>
      </c>
      <c r="C119762" s="14" t="s">
        <v>558</v>
      </c>
      <c r="D119762" s="14" t="s">
        <v>39</v>
      </c>
      <c r="E119762" s="15">
        <v>45418</v>
      </c>
      <c r="F119762" s="14" t="s">
        <v>15</v>
      </c>
      <c r="G119762" s="16">
        <v>8.7279359847943341E-2</v>
      </c>
    </row>
    <row r="119763" spans="1:7" x14ac:dyDescent="0.3">
      <c r="A119763" s="13" t="s">
        <v>563</v>
      </c>
      <c r="B119763" s="14" t="s">
        <v>1</v>
      </c>
      <c r="C119763" s="14" t="s">
        <v>558</v>
      </c>
      <c r="D119763" s="14" t="s">
        <v>39</v>
      </c>
      <c r="E119763" s="15">
        <v>45419</v>
      </c>
      <c r="F119763" s="14" t="s">
        <v>15</v>
      </c>
      <c r="G119763" s="16">
        <v>0.12482383538739927</v>
      </c>
    </row>
    <row r="119764" spans="1:7" x14ac:dyDescent="0.3">
      <c r="A119764" s="13" t="s">
        <v>563</v>
      </c>
      <c r="B119764" s="14" t="s">
        <v>1</v>
      </c>
      <c r="C119764" s="14" t="s">
        <v>558</v>
      </c>
      <c r="D119764" s="14" t="s">
        <v>39</v>
      </c>
      <c r="E119764" s="15">
        <v>45420</v>
      </c>
      <c r="F119764" s="14" t="s">
        <v>15</v>
      </c>
      <c r="G119764" s="16">
        <v>0.11854684680662514</v>
      </c>
    </row>
    <row r="119765" spans="1:7" x14ac:dyDescent="0.3">
      <c r="A119765" s="13" t="s">
        <v>563</v>
      </c>
      <c r="B119765" s="14" t="s">
        <v>1</v>
      </c>
      <c r="C119765" s="14" t="s">
        <v>558</v>
      </c>
      <c r="D119765" s="14" t="s">
        <v>39</v>
      </c>
      <c r="E119765" s="15">
        <v>45421</v>
      </c>
      <c r="F119765" s="14" t="s">
        <v>15</v>
      </c>
      <c r="G119765" s="16">
        <v>0.11695328072990074</v>
      </c>
    </row>
    <row r="119766" spans="1:7" x14ac:dyDescent="0.3">
      <c r="A119766" s="13" t="s">
        <v>563</v>
      </c>
      <c r="B119766" s="14" t="s">
        <v>1</v>
      </c>
      <c r="C119766" s="14" t="s">
        <v>558</v>
      </c>
      <c r="D119766" s="14" t="s">
        <v>39</v>
      </c>
      <c r="E119766" s="15">
        <v>45422</v>
      </c>
      <c r="F119766" s="14" t="s">
        <v>15</v>
      </c>
      <c r="G119766" s="16">
        <v>0.11537769635499465</v>
      </c>
    </row>
    <row r="119767" spans="1:7" x14ac:dyDescent="0.3">
      <c r="A119767" s="13" t="s">
        <v>563</v>
      </c>
      <c r="B119767" s="14" t="s">
        <v>1</v>
      </c>
      <c r="C119767" s="14" t="s">
        <v>558</v>
      </c>
      <c r="D119767" s="14" t="s">
        <v>39</v>
      </c>
      <c r="E119767" s="15">
        <v>45423</v>
      </c>
      <c r="F119767" s="14" t="s">
        <v>15</v>
      </c>
      <c r="G119767" s="16">
        <v>0.11537769635499465</v>
      </c>
    </row>
    <row r="119768" spans="1:7" x14ac:dyDescent="0.3">
      <c r="A119768" s="13" t="s">
        <v>563</v>
      </c>
      <c r="B119768" s="14" t="s">
        <v>1</v>
      </c>
      <c r="C119768" s="14" t="s">
        <v>558</v>
      </c>
      <c r="D119768" s="14" t="s">
        <v>39</v>
      </c>
      <c r="E119768" s="15">
        <v>45424</v>
      </c>
      <c r="F119768" s="14" t="s">
        <v>15</v>
      </c>
      <c r="G119768" s="16">
        <v>0.11537769635499465</v>
      </c>
    </row>
    <row r="119769" spans="1:7" x14ac:dyDescent="0.3">
      <c r="A119769" s="13" t="s">
        <v>563</v>
      </c>
      <c r="B119769" s="14" t="s">
        <v>1</v>
      </c>
      <c r="C119769" s="14" t="s">
        <v>558</v>
      </c>
      <c r="D119769" s="14" t="s">
        <v>39</v>
      </c>
      <c r="E119769" s="15">
        <v>45425</v>
      </c>
      <c r="F119769" s="14" t="s">
        <v>15</v>
      </c>
      <c r="G119769" s="16">
        <v>0.1166292490801811</v>
      </c>
    </row>
    <row r="119770" spans="1:7" x14ac:dyDescent="0.3">
      <c r="A119770" s="13" t="s">
        <v>563</v>
      </c>
      <c r="B119770" s="14" t="s">
        <v>1</v>
      </c>
      <c r="C119770" s="14" t="s">
        <v>558</v>
      </c>
      <c r="D119770" s="14" t="s">
        <v>39</v>
      </c>
      <c r="E119770" s="15">
        <v>45426</v>
      </c>
      <c r="F119770" s="14" t="s">
        <v>15</v>
      </c>
      <c r="G119770" s="16">
        <v>0.11171789874986222</v>
      </c>
    </row>
    <row r="119771" spans="1:7" x14ac:dyDescent="0.3">
      <c r="A119771" s="13" t="s">
        <v>563</v>
      </c>
      <c r="B119771" s="14" t="s">
        <v>1</v>
      </c>
      <c r="C119771" s="14" t="s">
        <v>558</v>
      </c>
      <c r="D119771" s="14" t="s">
        <v>39</v>
      </c>
      <c r="E119771" s="15">
        <v>45427</v>
      </c>
      <c r="F119771" s="14" t="s">
        <v>15</v>
      </c>
      <c r="G119771" s="16">
        <v>0.11008952082126583</v>
      </c>
    </row>
    <row r="119772" spans="1:7" x14ac:dyDescent="0.3">
      <c r="A119772" s="13" t="s">
        <v>563</v>
      </c>
      <c r="B119772" s="14" t="s">
        <v>1</v>
      </c>
      <c r="C119772" s="14" t="s">
        <v>558</v>
      </c>
      <c r="D119772" s="14" t="s">
        <v>39</v>
      </c>
      <c r="E119772" s="15">
        <v>45428</v>
      </c>
      <c r="F119772" s="14" t="s">
        <v>15</v>
      </c>
      <c r="G119772" s="16">
        <v>0.14785760863180861</v>
      </c>
    </row>
    <row r="119773" spans="1:7" x14ac:dyDescent="0.3">
      <c r="A119773" s="13" t="s">
        <v>563</v>
      </c>
      <c r="B119773" s="14" t="s">
        <v>1</v>
      </c>
      <c r="C119773" s="14" t="s">
        <v>558</v>
      </c>
      <c r="D119773" s="14" t="s">
        <v>39</v>
      </c>
      <c r="E119773" s="15">
        <v>45429</v>
      </c>
      <c r="F119773" s="14" t="s">
        <v>15</v>
      </c>
      <c r="G119773" s="16">
        <v>0.16965466170974916</v>
      </c>
    </row>
    <row r="119774" spans="1:7" x14ac:dyDescent="0.3">
      <c r="A119774" s="13" t="s">
        <v>563</v>
      </c>
      <c r="B119774" s="14" t="s">
        <v>1</v>
      </c>
      <c r="C119774" s="14" t="s">
        <v>558</v>
      </c>
      <c r="D119774" s="14" t="s">
        <v>39</v>
      </c>
      <c r="E119774" s="15">
        <v>45430</v>
      </c>
      <c r="F119774" s="14" t="s">
        <v>15</v>
      </c>
      <c r="G119774" s="16">
        <v>0.16965466170974916</v>
      </c>
    </row>
    <row r="119775" spans="1:7" x14ac:dyDescent="0.3">
      <c r="A119775" s="13" t="s">
        <v>563</v>
      </c>
      <c r="B119775" s="14" t="s">
        <v>1</v>
      </c>
      <c r="C119775" s="14" t="s">
        <v>558</v>
      </c>
      <c r="D119775" s="14" t="s">
        <v>39</v>
      </c>
      <c r="E119775" s="15">
        <v>45431</v>
      </c>
      <c r="F119775" s="14" t="s">
        <v>15</v>
      </c>
      <c r="G119775" s="16">
        <v>0.16965466170974916</v>
      </c>
    </row>
    <row r="119776" spans="1:7" x14ac:dyDescent="0.3">
      <c r="A119776" s="13" t="s">
        <v>563</v>
      </c>
      <c r="B119776" s="14" t="s">
        <v>1</v>
      </c>
      <c r="C119776" s="14" t="s">
        <v>558</v>
      </c>
      <c r="D119776" s="14" t="s">
        <v>39</v>
      </c>
      <c r="E119776" s="15">
        <v>45432</v>
      </c>
      <c r="F119776" s="14" t="s">
        <v>15</v>
      </c>
      <c r="G119776" s="16">
        <v>0.23537462945375867</v>
      </c>
    </row>
    <row r="119777" spans="1:7" x14ac:dyDescent="0.3">
      <c r="A119777" s="13" t="s">
        <v>563</v>
      </c>
      <c r="B119777" s="14" t="s">
        <v>1</v>
      </c>
      <c r="C119777" s="14" t="s">
        <v>558</v>
      </c>
      <c r="D119777" s="14" t="s">
        <v>39</v>
      </c>
      <c r="E119777" s="15">
        <v>45433</v>
      </c>
      <c r="F119777" s="14" t="s">
        <v>15</v>
      </c>
      <c r="G119777" s="16">
        <v>0.23019562565908833</v>
      </c>
    </row>
    <row r="119778" spans="1:7" x14ac:dyDescent="0.3">
      <c r="A119778" s="13" t="s">
        <v>563</v>
      </c>
      <c r="B119778" s="14" t="s">
        <v>1</v>
      </c>
      <c r="C119778" s="14" t="s">
        <v>558</v>
      </c>
      <c r="D119778" s="14" t="s">
        <v>39</v>
      </c>
      <c r="E119778" s="15">
        <v>45434</v>
      </c>
      <c r="F119778" s="14" t="s">
        <v>15</v>
      </c>
      <c r="G119778" s="16">
        <v>0.22849841934403733</v>
      </c>
    </row>
    <row r="119779" spans="1:7" x14ac:dyDescent="0.3">
      <c r="A119779" s="13" t="s">
        <v>563</v>
      </c>
      <c r="B119779" s="14" t="s">
        <v>1</v>
      </c>
      <c r="C119779" s="14" t="s">
        <v>558</v>
      </c>
      <c r="D119779" s="14" t="s">
        <v>39</v>
      </c>
      <c r="E119779" s="15">
        <v>45435</v>
      </c>
      <c r="F119779" s="14" t="s">
        <v>15</v>
      </c>
      <c r="G119779" s="16">
        <v>0.22674228986116288</v>
      </c>
    </row>
    <row r="119780" spans="1:7" x14ac:dyDescent="0.3">
      <c r="A119780" s="13" t="s">
        <v>563</v>
      </c>
      <c r="B119780" s="14" t="s">
        <v>1</v>
      </c>
      <c r="C119780" s="14" t="s">
        <v>558</v>
      </c>
      <c r="D119780" s="14" t="s">
        <v>39</v>
      </c>
      <c r="E119780" s="15">
        <v>45436</v>
      </c>
      <c r="F119780" s="14" t="s">
        <v>15</v>
      </c>
      <c r="G119780" s="16">
        <v>0.22510591040345357</v>
      </c>
    </row>
    <row r="119781" spans="1:7" x14ac:dyDescent="0.3">
      <c r="A119781" s="13" t="s">
        <v>563</v>
      </c>
      <c r="B119781" s="14" t="s">
        <v>1</v>
      </c>
      <c r="C119781" s="14" t="s">
        <v>558</v>
      </c>
      <c r="D119781" s="14" t="s">
        <v>39</v>
      </c>
      <c r="E119781" s="15">
        <v>45437</v>
      </c>
      <c r="F119781" s="14" t="s">
        <v>15</v>
      </c>
      <c r="G119781" s="16">
        <v>0.22510591040345357</v>
      </c>
    </row>
    <row r="119782" spans="1:7" x14ac:dyDescent="0.3">
      <c r="A119782" s="13" t="s">
        <v>563</v>
      </c>
      <c r="B119782" s="14" t="s">
        <v>1</v>
      </c>
      <c r="C119782" s="14" t="s">
        <v>558</v>
      </c>
      <c r="D119782" s="14" t="s">
        <v>39</v>
      </c>
      <c r="E119782" s="15">
        <v>45438</v>
      </c>
      <c r="F119782" s="14" t="s">
        <v>15</v>
      </c>
      <c r="G119782" s="16">
        <v>0.22510591040345357</v>
      </c>
    </row>
    <row r="119783" spans="1:7" x14ac:dyDescent="0.3">
      <c r="A119783" s="13" t="s">
        <v>563</v>
      </c>
      <c r="B119783" s="14" t="s">
        <v>1</v>
      </c>
      <c r="C119783" s="14" t="s">
        <v>558</v>
      </c>
      <c r="D119783" s="14" t="s">
        <v>39</v>
      </c>
      <c r="E119783" s="15">
        <v>45439</v>
      </c>
      <c r="F119783" s="14" t="s">
        <v>15</v>
      </c>
      <c r="G119783" s="16">
        <v>0.24712964816507985</v>
      </c>
    </row>
    <row r="119784" spans="1:7" x14ac:dyDescent="0.3">
      <c r="A119784" s="13" t="s">
        <v>563</v>
      </c>
      <c r="B119784" s="14" t="s">
        <v>1</v>
      </c>
      <c r="C119784" s="14" t="s">
        <v>558</v>
      </c>
      <c r="D119784" s="14" t="s">
        <v>39</v>
      </c>
      <c r="E119784" s="15">
        <v>45440</v>
      </c>
      <c r="F119784" s="14" t="s">
        <v>15</v>
      </c>
      <c r="G119784" s="16">
        <v>0.2433056399050563</v>
      </c>
    </row>
    <row r="119785" spans="1:7" x14ac:dyDescent="0.3">
      <c r="A119785" s="13" t="s">
        <v>563</v>
      </c>
      <c r="B119785" s="14" t="s">
        <v>1</v>
      </c>
      <c r="C119785" s="14" t="s">
        <v>558</v>
      </c>
      <c r="D119785" s="14" t="s">
        <v>39</v>
      </c>
      <c r="E119785" s="15">
        <v>45441</v>
      </c>
      <c r="F119785" s="14" t="s">
        <v>15</v>
      </c>
      <c r="G119785" s="16">
        <v>0.24750097746991376</v>
      </c>
    </row>
    <row r="119786" spans="1:7" x14ac:dyDescent="0.3">
      <c r="A119786" s="13" t="s">
        <v>563</v>
      </c>
      <c r="B119786" s="14" t="s">
        <v>1</v>
      </c>
      <c r="C119786" s="14" t="s">
        <v>558</v>
      </c>
      <c r="D119786" s="14" t="s">
        <v>39</v>
      </c>
      <c r="E119786" s="15">
        <v>45442</v>
      </c>
      <c r="F119786" s="14" t="s">
        <v>15</v>
      </c>
      <c r="G119786" s="16">
        <v>0.26210800190585337</v>
      </c>
    </row>
    <row r="119787" spans="1:7" x14ac:dyDescent="0.3">
      <c r="A119787" s="13" t="s">
        <v>563</v>
      </c>
      <c r="B119787" s="14" t="s">
        <v>1</v>
      </c>
      <c r="C119787" s="14" t="s">
        <v>558</v>
      </c>
      <c r="D119787" s="14" t="s">
        <v>39</v>
      </c>
      <c r="E119787" s="15">
        <v>45443</v>
      </c>
      <c r="F119787" s="14" t="s">
        <v>15</v>
      </c>
      <c r="G119787" s="16">
        <v>0.25988071682890035</v>
      </c>
    </row>
    <row r="119788" spans="1:7" x14ac:dyDescent="0.3">
      <c r="A119788" s="13" t="s">
        <v>563</v>
      </c>
      <c r="B119788" s="14" t="s">
        <v>1</v>
      </c>
      <c r="C119788" s="14" t="s">
        <v>558</v>
      </c>
      <c r="D119788" s="14" t="s">
        <v>39</v>
      </c>
      <c r="E119788" s="15">
        <v>45444</v>
      </c>
      <c r="F119788" s="14" t="s">
        <v>15</v>
      </c>
      <c r="G119788" s="16">
        <v>0.25988071682890035</v>
      </c>
    </row>
    <row r="119789" spans="1:7" x14ac:dyDescent="0.3">
      <c r="A119789" s="13" t="s">
        <v>563</v>
      </c>
      <c r="B119789" s="14" t="s">
        <v>1</v>
      </c>
      <c r="C119789" s="14" t="s">
        <v>558</v>
      </c>
      <c r="D119789" s="14" t="s">
        <v>39</v>
      </c>
      <c r="E119789" s="15">
        <v>45445</v>
      </c>
      <c r="F119789" s="14" t="s">
        <v>15</v>
      </c>
      <c r="G119789" s="16">
        <v>0.25988071682890035</v>
      </c>
    </row>
    <row r="119790" spans="1:7" x14ac:dyDescent="0.3">
      <c r="A119790" s="13" t="s">
        <v>563</v>
      </c>
      <c r="B119790" s="14" t="s">
        <v>1</v>
      </c>
      <c r="C119790" s="14" t="s">
        <v>558</v>
      </c>
      <c r="D119790" s="14" t="s">
        <v>39</v>
      </c>
      <c r="E119790" s="15">
        <v>45446</v>
      </c>
      <c r="F119790" s="14" t="s">
        <v>15</v>
      </c>
      <c r="G119790" s="16">
        <v>0.25988071682890035</v>
      </c>
    </row>
    <row r="119791" spans="1:7" x14ac:dyDescent="0.3">
      <c r="A119791" s="13" t="s">
        <v>563</v>
      </c>
      <c r="B119791" s="14" t="s">
        <v>1</v>
      </c>
      <c r="C119791" s="14" t="s">
        <v>558</v>
      </c>
      <c r="D119791" s="14" t="s">
        <v>39</v>
      </c>
      <c r="E119791" s="15">
        <v>45447</v>
      </c>
      <c r="F119791" s="14" t="s">
        <v>15</v>
      </c>
      <c r="G119791" s="16">
        <v>0.28410061438135731</v>
      </c>
    </row>
    <row r="119792" spans="1:7" x14ac:dyDescent="0.3">
      <c r="A119792" s="13" t="s">
        <v>563</v>
      </c>
      <c r="B119792" s="14" t="s">
        <v>1</v>
      </c>
      <c r="C119792" s="14" t="s">
        <v>558</v>
      </c>
      <c r="D119792" s="14" t="s">
        <v>39</v>
      </c>
      <c r="E119792" s="15">
        <v>45448</v>
      </c>
      <c r="F119792" s="14" t="s">
        <v>15</v>
      </c>
      <c r="G119792" s="16">
        <v>0.27812248606144746</v>
      </c>
    </row>
    <row r="119793" spans="1:7" x14ac:dyDescent="0.3">
      <c r="A119793" s="13" t="s">
        <v>563</v>
      </c>
      <c r="B119793" s="14" t="s">
        <v>1</v>
      </c>
      <c r="C119793" s="14" t="s">
        <v>558</v>
      </c>
      <c r="D119793" s="14" t="s">
        <v>39</v>
      </c>
      <c r="E119793" s="15">
        <v>45449</v>
      </c>
      <c r="F119793" s="14" t="s">
        <v>15</v>
      </c>
      <c r="G119793" s="16">
        <v>0.31103879130368034</v>
      </c>
    </row>
    <row r="119794" spans="1:7" x14ac:dyDescent="0.3">
      <c r="A119794" s="13" t="s">
        <v>563</v>
      </c>
      <c r="B119794" s="14" t="s">
        <v>1</v>
      </c>
      <c r="C119794" s="14" t="s">
        <v>558</v>
      </c>
      <c r="D119794" s="14" t="s">
        <v>39</v>
      </c>
      <c r="E119794" s="15">
        <v>45450</v>
      </c>
      <c r="F119794" s="14" t="s">
        <v>15</v>
      </c>
      <c r="G119794" s="16">
        <v>0.30946783995047267</v>
      </c>
    </row>
    <row r="119795" spans="1:7" x14ac:dyDescent="0.3">
      <c r="A119795" s="13" t="s">
        <v>563</v>
      </c>
      <c r="B119795" s="14" t="s">
        <v>1</v>
      </c>
      <c r="C119795" s="14" t="s">
        <v>558</v>
      </c>
      <c r="D119795" s="14" t="s">
        <v>39</v>
      </c>
      <c r="E119795" s="15">
        <v>45451</v>
      </c>
      <c r="F119795" s="14" t="s">
        <v>15</v>
      </c>
      <c r="G119795" s="16">
        <v>0.30946783995047267</v>
      </c>
    </row>
    <row r="119796" spans="1:7" x14ac:dyDescent="0.3">
      <c r="A119796" s="13" t="s">
        <v>563</v>
      </c>
      <c r="B119796" s="14" t="s">
        <v>1</v>
      </c>
      <c r="C119796" s="14" t="s">
        <v>558</v>
      </c>
      <c r="D119796" s="14" t="s">
        <v>39</v>
      </c>
      <c r="E119796" s="15">
        <v>45452</v>
      </c>
      <c r="F119796" s="14" t="s">
        <v>15</v>
      </c>
      <c r="G119796" s="16">
        <v>0.30946783995047267</v>
      </c>
    </row>
    <row r="119797" spans="1:7" x14ac:dyDescent="0.3">
      <c r="A119797" s="13" t="s">
        <v>563</v>
      </c>
      <c r="B119797" s="14" t="s">
        <v>1</v>
      </c>
      <c r="C119797" s="14" t="s">
        <v>558</v>
      </c>
      <c r="D119797" s="14" t="s">
        <v>39</v>
      </c>
      <c r="E119797" s="15">
        <v>45453</v>
      </c>
      <c r="F119797" s="14" t="s">
        <v>15</v>
      </c>
      <c r="G119797" s="16">
        <v>0.30790438388857555</v>
      </c>
    </row>
    <row r="119798" spans="1:7" x14ac:dyDescent="0.3">
      <c r="A119798" s="13" t="s">
        <v>563</v>
      </c>
      <c r="B119798" s="14" t="s">
        <v>1</v>
      </c>
      <c r="C119798" s="14" t="s">
        <v>558</v>
      </c>
      <c r="D119798" s="14" t="s">
        <v>39</v>
      </c>
      <c r="E119798" s="15">
        <v>45454</v>
      </c>
      <c r="F119798" s="14" t="s">
        <v>15</v>
      </c>
      <c r="G119798" s="16">
        <v>0.30343680148778501</v>
      </c>
    </row>
    <row r="119799" spans="1:7" x14ac:dyDescent="0.3">
      <c r="A119799" s="13" t="s">
        <v>563</v>
      </c>
      <c r="B119799" s="14" t="s">
        <v>1</v>
      </c>
      <c r="C119799" s="14" t="s">
        <v>558</v>
      </c>
      <c r="D119799" s="14" t="s">
        <v>39</v>
      </c>
      <c r="E119799" s="15">
        <v>45455</v>
      </c>
      <c r="F119799" s="14" t="s">
        <v>15</v>
      </c>
      <c r="G119799" s="16">
        <v>0.31128485907360809</v>
      </c>
    </row>
    <row r="119800" spans="1:7" x14ac:dyDescent="0.3">
      <c r="A119800" s="13" t="s">
        <v>563</v>
      </c>
      <c r="B119800" s="14" t="s">
        <v>1</v>
      </c>
      <c r="C119800" s="14" t="s">
        <v>558</v>
      </c>
      <c r="D119800" s="14" t="s">
        <v>39</v>
      </c>
      <c r="E119800" s="15">
        <v>45456</v>
      </c>
      <c r="F119800" s="14" t="s">
        <v>15</v>
      </c>
      <c r="G119800" s="16">
        <v>0.37263236377276454</v>
      </c>
    </row>
    <row r="119801" spans="1:7" x14ac:dyDescent="0.3">
      <c r="A119801" s="13" t="s">
        <v>563</v>
      </c>
      <c r="B119801" s="14" t="s">
        <v>1</v>
      </c>
      <c r="C119801" s="14" t="s">
        <v>558</v>
      </c>
      <c r="D119801" s="14" t="s">
        <v>39</v>
      </c>
      <c r="E119801" s="15">
        <v>45457</v>
      </c>
      <c r="F119801" s="14" t="s">
        <v>15</v>
      </c>
      <c r="G119801" s="16">
        <v>0.39234383264668793</v>
      </c>
    </row>
    <row r="119802" spans="1:7" x14ac:dyDescent="0.3">
      <c r="A119802" s="13" t="s">
        <v>563</v>
      </c>
      <c r="B119802" s="14" t="s">
        <v>1</v>
      </c>
      <c r="C119802" s="14" t="s">
        <v>558</v>
      </c>
      <c r="D119802" s="14" t="s">
        <v>39</v>
      </c>
      <c r="E119802" s="15">
        <v>45458</v>
      </c>
      <c r="F119802" s="14" t="s">
        <v>15</v>
      </c>
      <c r="G119802" s="16">
        <v>0.39234383264668793</v>
      </c>
    </row>
    <row r="119803" spans="1:7" x14ac:dyDescent="0.3">
      <c r="A119803" s="13" t="s">
        <v>563</v>
      </c>
      <c r="B119803" s="14" t="s">
        <v>1</v>
      </c>
      <c r="C119803" s="14" t="s">
        <v>558</v>
      </c>
      <c r="D119803" s="14" t="s">
        <v>39</v>
      </c>
      <c r="E119803" s="15">
        <v>45459</v>
      </c>
      <c r="F119803" s="14" t="s">
        <v>15</v>
      </c>
      <c r="G119803" s="16">
        <v>0.39234383264668793</v>
      </c>
    </row>
    <row r="119804" spans="1:7" x14ac:dyDescent="0.3">
      <c r="A119804" s="13" t="s">
        <v>563</v>
      </c>
      <c r="B119804" s="14" t="s">
        <v>1</v>
      </c>
      <c r="C119804" s="14" t="s">
        <v>558</v>
      </c>
      <c r="D119804" s="14" t="s">
        <v>39</v>
      </c>
      <c r="E119804" s="15">
        <v>45460</v>
      </c>
      <c r="F119804" s="14" t="s">
        <v>15</v>
      </c>
      <c r="G119804" s="16">
        <v>0.40079942269361218</v>
      </c>
    </row>
    <row r="119805" spans="1:7" x14ac:dyDescent="0.3">
      <c r="A119805" s="13" t="s">
        <v>563</v>
      </c>
      <c r="B119805" s="14" t="s">
        <v>1</v>
      </c>
      <c r="C119805" s="14" t="s">
        <v>558</v>
      </c>
      <c r="D119805" s="14" t="s">
        <v>39</v>
      </c>
      <c r="E119805" s="15">
        <v>45461</v>
      </c>
      <c r="F119805" s="14" t="s">
        <v>15</v>
      </c>
      <c r="G119805" s="16">
        <v>0.39644408166543366</v>
      </c>
    </row>
    <row r="119806" spans="1:7" x14ac:dyDescent="0.3">
      <c r="A119806" s="13" t="s">
        <v>563</v>
      </c>
      <c r="B119806" s="14" t="s">
        <v>1</v>
      </c>
      <c r="C119806" s="14" t="s">
        <v>558</v>
      </c>
      <c r="D119806" s="14" t="s">
        <v>39</v>
      </c>
      <c r="E119806" s="15">
        <v>45462</v>
      </c>
      <c r="F119806" s="14" t="s">
        <v>15</v>
      </c>
      <c r="G119806" s="16">
        <v>0.39489370086362124</v>
      </c>
    </row>
    <row r="119807" spans="1:7" x14ac:dyDescent="0.3">
      <c r="A119807" s="13" t="s">
        <v>563</v>
      </c>
      <c r="B119807" s="14" t="s">
        <v>1</v>
      </c>
      <c r="C119807" s="14" t="s">
        <v>558</v>
      </c>
      <c r="D119807" s="14" t="s">
        <v>39</v>
      </c>
      <c r="E119807" s="15">
        <v>45463</v>
      </c>
      <c r="F119807" s="14" t="s">
        <v>15</v>
      </c>
      <c r="G119807" s="16">
        <v>0.39314188756572632</v>
      </c>
    </row>
    <row r="119808" spans="1:7" x14ac:dyDescent="0.3">
      <c r="A119808" s="13" t="s">
        <v>563</v>
      </c>
      <c r="B119808" s="14" t="s">
        <v>1</v>
      </c>
      <c r="C119808" s="14" t="s">
        <v>558</v>
      </c>
      <c r="D119808" s="14" t="s">
        <v>39</v>
      </c>
      <c r="E119808" s="15">
        <v>45464</v>
      </c>
      <c r="F119808" s="14" t="s">
        <v>15</v>
      </c>
      <c r="G119808" s="16">
        <v>0.39136583608413389</v>
      </c>
    </row>
    <row r="119809" spans="1:7" x14ac:dyDescent="0.3">
      <c r="A119809" s="13" t="s">
        <v>563</v>
      </c>
      <c r="B119809" s="14" t="s">
        <v>1</v>
      </c>
      <c r="C119809" s="14" t="s">
        <v>558</v>
      </c>
      <c r="D119809" s="14" t="s">
        <v>39</v>
      </c>
      <c r="E119809" s="15">
        <v>45465</v>
      </c>
      <c r="F119809" s="14" t="s">
        <v>15</v>
      </c>
      <c r="G119809" s="16">
        <v>0.39136583608413389</v>
      </c>
    </row>
    <row r="119810" spans="1:7" x14ac:dyDescent="0.3">
      <c r="A119810" s="13" t="s">
        <v>563</v>
      </c>
      <c r="B119810" s="14" t="s">
        <v>1</v>
      </c>
      <c r="C119810" s="14" t="s">
        <v>558</v>
      </c>
      <c r="D119810" s="14" t="s">
        <v>39</v>
      </c>
      <c r="E119810" s="15">
        <v>45466</v>
      </c>
      <c r="F119810" s="14" t="s">
        <v>15</v>
      </c>
      <c r="G119810" s="16">
        <v>0.39136583608413389</v>
      </c>
    </row>
    <row r="119811" spans="1:7" x14ac:dyDescent="0.3">
      <c r="A119811" s="13" t="s">
        <v>563</v>
      </c>
      <c r="B119811" s="14" t="s">
        <v>1</v>
      </c>
      <c r="C119811" s="14" t="s">
        <v>558</v>
      </c>
      <c r="D119811" s="14" t="s">
        <v>39</v>
      </c>
      <c r="E119811" s="15">
        <v>45467</v>
      </c>
      <c r="F119811" s="14" t="s">
        <v>15</v>
      </c>
      <c r="G119811" s="16">
        <v>0.39512191047572326</v>
      </c>
    </row>
    <row r="119812" spans="1:7" x14ac:dyDescent="0.3">
      <c r="A119812" s="13" t="s">
        <v>563</v>
      </c>
      <c r="B119812" s="14" t="s">
        <v>1</v>
      </c>
      <c r="C119812" s="14" t="s">
        <v>558</v>
      </c>
      <c r="D119812" s="14" t="s">
        <v>39</v>
      </c>
      <c r="E119812" s="15">
        <v>45468</v>
      </c>
      <c r="F119812" s="14" t="s">
        <v>15</v>
      </c>
      <c r="G119812" s="16">
        <v>0.39333659138148197</v>
      </c>
    </row>
    <row r="119813" spans="1:7" x14ac:dyDescent="0.3">
      <c r="A119813" s="13" t="s">
        <v>563</v>
      </c>
      <c r="B119813" s="14" t="s">
        <v>1</v>
      </c>
      <c r="C119813" s="14" t="s">
        <v>558</v>
      </c>
      <c r="D119813" s="14" t="s">
        <v>39</v>
      </c>
      <c r="E119813" s="15">
        <v>45469</v>
      </c>
      <c r="F119813" s="14" t="s">
        <v>15</v>
      </c>
      <c r="G119813" s="16">
        <v>0.39641113271961143</v>
      </c>
    </row>
    <row r="119814" spans="1:7" x14ac:dyDescent="0.3">
      <c r="A119814" s="13" t="s">
        <v>563</v>
      </c>
      <c r="B119814" s="14" t="s">
        <v>1</v>
      </c>
      <c r="C119814" s="14" t="s">
        <v>558</v>
      </c>
      <c r="D119814" s="14" t="s">
        <v>39</v>
      </c>
      <c r="E119814" s="15">
        <v>45470</v>
      </c>
      <c r="F119814" s="14" t="s">
        <v>15</v>
      </c>
      <c r="G119814" s="16">
        <v>0.40442814595405097</v>
      </c>
    </row>
    <row r="119815" spans="1:7" x14ac:dyDescent="0.3">
      <c r="A119815" s="13" t="s">
        <v>563</v>
      </c>
      <c r="B119815" s="14" t="s">
        <v>1</v>
      </c>
      <c r="C119815" s="14" t="s">
        <v>558</v>
      </c>
      <c r="D119815" s="14" t="s">
        <v>39</v>
      </c>
      <c r="E119815" s="15">
        <v>45471</v>
      </c>
      <c r="F119815" s="14" t="s">
        <v>15</v>
      </c>
      <c r="G119815" s="16">
        <v>0.48108705405925239</v>
      </c>
    </row>
    <row r="119816" spans="1:7" x14ac:dyDescent="0.3">
      <c r="A119816" s="13" t="s">
        <v>563</v>
      </c>
      <c r="B119816" s="14" t="s">
        <v>1</v>
      </c>
      <c r="C119816" s="14" t="s">
        <v>558</v>
      </c>
      <c r="D119816" s="14" t="s">
        <v>39</v>
      </c>
      <c r="E119816" s="15">
        <v>45472</v>
      </c>
      <c r="F119816" s="14" t="s">
        <v>15</v>
      </c>
      <c r="G119816" s="16">
        <v>0.48108705405925239</v>
      </c>
    </row>
    <row r="119817" spans="1:7" x14ac:dyDescent="0.3">
      <c r="A119817" s="13" t="s">
        <v>563</v>
      </c>
      <c r="B119817" s="14" t="s">
        <v>1</v>
      </c>
      <c r="C119817" s="14" t="s">
        <v>558</v>
      </c>
      <c r="D119817" s="14" t="s">
        <v>39</v>
      </c>
      <c r="E119817" s="15">
        <v>45473</v>
      </c>
      <c r="F119817" s="14" t="s">
        <v>15</v>
      </c>
      <c r="G119817" s="16">
        <v>0.48108705405925239</v>
      </c>
    </row>
    <row r="119818" spans="1:7" x14ac:dyDescent="0.3">
      <c r="A119818" s="13" t="s">
        <v>563</v>
      </c>
      <c r="B119818" s="14" t="s">
        <v>1</v>
      </c>
      <c r="C119818" s="14" t="s">
        <v>558</v>
      </c>
      <c r="D119818" s="14" t="s">
        <v>39</v>
      </c>
      <c r="E119818" s="15">
        <v>45474</v>
      </c>
      <c r="F119818" s="14" t="s">
        <v>15</v>
      </c>
      <c r="G119818" s="16">
        <v>0.4795662656937914</v>
      </c>
    </row>
    <row r="119819" spans="1:7" x14ac:dyDescent="0.3">
      <c r="A119819" s="13" t="s">
        <v>563</v>
      </c>
      <c r="B119819" s="14" t="s">
        <v>1</v>
      </c>
      <c r="C119819" s="14" t="s">
        <v>558</v>
      </c>
      <c r="D119819" s="14" t="s">
        <v>39</v>
      </c>
      <c r="E119819" s="15">
        <v>45475</v>
      </c>
      <c r="F119819" s="14" t="s">
        <v>15</v>
      </c>
      <c r="G119819" s="16">
        <v>0.50492332195673817</v>
      </c>
    </row>
    <row r="119820" spans="1:7" x14ac:dyDescent="0.3">
      <c r="A119820" s="13" t="s">
        <v>563</v>
      </c>
      <c r="B119820" s="14" t="s">
        <v>1</v>
      </c>
      <c r="C119820" s="14" t="s">
        <v>558</v>
      </c>
      <c r="D119820" s="14" t="s">
        <v>39</v>
      </c>
      <c r="E119820" s="15">
        <v>45476</v>
      </c>
      <c r="F119820" s="14" t="s">
        <v>15</v>
      </c>
      <c r="G119820" s="16">
        <v>0.50459214243511308</v>
      </c>
    </row>
    <row r="119821" spans="1:7" x14ac:dyDescent="0.3">
      <c r="A119821" s="13" t="s">
        <v>563</v>
      </c>
      <c r="B119821" s="14" t="s">
        <v>1</v>
      </c>
      <c r="C119821" s="14" t="s">
        <v>558</v>
      </c>
      <c r="D119821" s="14" t="s">
        <v>39</v>
      </c>
      <c r="E119821" s="15">
        <v>45477</v>
      </c>
      <c r="F119821" s="14" t="s">
        <v>15</v>
      </c>
      <c r="G119821" s="16">
        <v>0.55274786456058655</v>
      </c>
    </row>
    <row r="119822" spans="1:7" x14ac:dyDescent="0.3">
      <c r="A119822" s="13" t="s">
        <v>563</v>
      </c>
      <c r="B119822" s="14" t="s">
        <v>1</v>
      </c>
      <c r="C119822" s="14" t="s">
        <v>558</v>
      </c>
      <c r="D119822" s="14" t="s">
        <v>39</v>
      </c>
      <c r="E119822" s="15">
        <v>45478</v>
      </c>
      <c r="F119822" s="14" t="s">
        <v>15</v>
      </c>
      <c r="G119822" s="16">
        <v>0.66976703361664558</v>
      </c>
    </row>
    <row r="119823" spans="1:7" x14ac:dyDescent="0.3">
      <c r="A119823" s="13" t="s">
        <v>563</v>
      </c>
      <c r="B119823" s="14" t="s">
        <v>1</v>
      </c>
      <c r="C119823" s="14" t="s">
        <v>558</v>
      </c>
      <c r="D119823" s="14" t="s">
        <v>39</v>
      </c>
      <c r="E119823" s="15">
        <v>45479</v>
      </c>
      <c r="F119823" s="14" t="s">
        <v>15</v>
      </c>
      <c r="G119823" s="16">
        <v>0.66976703361664558</v>
      </c>
    </row>
    <row r="119824" spans="1:7" x14ac:dyDescent="0.3">
      <c r="A119824" s="13" t="s">
        <v>563</v>
      </c>
      <c r="B119824" s="14" t="s">
        <v>1</v>
      </c>
      <c r="C119824" s="14" t="s">
        <v>558</v>
      </c>
      <c r="D119824" s="14" t="s">
        <v>39</v>
      </c>
      <c r="E119824" s="15">
        <v>45480</v>
      </c>
      <c r="F119824" s="14" t="s">
        <v>15</v>
      </c>
      <c r="G119824" s="16">
        <v>0.66976703361664558</v>
      </c>
    </row>
    <row r="119825" spans="1:7" x14ac:dyDescent="0.3">
      <c r="A119825" s="13" t="s">
        <v>563</v>
      </c>
      <c r="B119825" s="14" t="s">
        <v>1</v>
      </c>
      <c r="C119825" s="14" t="s">
        <v>558</v>
      </c>
      <c r="D119825" s="14" t="s">
        <v>39</v>
      </c>
      <c r="E119825" s="15">
        <v>45481</v>
      </c>
      <c r="F119825" s="14" t="s">
        <v>15</v>
      </c>
      <c r="G119825" s="16">
        <v>0.67053436312043668</v>
      </c>
    </row>
    <row r="119826" spans="1:7" x14ac:dyDescent="0.3">
      <c r="A119826" s="13" t="s">
        <v>563</v>
      </c>
      <c r="B119826" s="14" t="s">
        <v>1</v>
      </c>
      <c r="C119826" s="14" t="s">
        <v>558</v>
      </c>
      <c r="D119826" s="14" t="s">
        <v>39</v>
      </c>
      <c r="E119826" s="15">
        <v>45482</v>
      </c>
      <c r="F119826" s="14" t="s">
        <v>15</v>
      </c>
      <c r="G119826" s="16">
        <v>0.66827375799230415</v>
      </c>
    </row>
    <row r="119827" spans="1:7" x14ac:dyDescent="0.3">
      <c r="A119827" s="13" t="s">
        <v>563</v>
      </c>
      <c r="B119827" s="14" t="s">
        <v>1</v>
      </c>
      <c r="C119827" s="14" t="s">
        <v>558</v>
      </c>
      <c r="D119827" s="14" t="s">
        <v>39</v>
      </c>
      <c r="E119827" s="15">
        <v>45483</v>
      </c>
      <c r="F119827" s="14" t="s">
        <v>15</v>
      </c>
      <c r="G119827" s="16">
        <v>0.66700521466236595</v>
      </c>
    </row>
    <row r="119828" spans="1:7" x14ac:dyDescent="0.3">
      <c r="A119828" s="13" t="s">
        <v>563</v>
      </c>
      <c r="B119828" s="14" t="s">
        <v>1</v>
      </c>
      <c r="C119828" s="14" t="s">
        <v>558</v>
      </c>
      <c r="D119828" s="14" t="s">
        <v>39</v>
      </c>
      <c r="E119828" s="15">
        <v>45484</v>
      </c>
      <c r="F119828" s="14" t="s">
        <v>15</v>
      </c>
      <c r="G119828" s="16">
        <v>0.66559525848529955</v>
      </c>
    </row>
    <row r="119829" spans="1:7" x14ac:dyDescent="0.3">
      <c r="A119829" s="13" t="s">
        <v>563</v>
      </c>
      <c r="B119829" s="14" t="s">
        <v>1</v>
      </c>
      <c r="C119829" s="14" t="s">
        <v>558</v>
      </c>
      <c r="D119829" s="14" t="s">
        <v>39</v>
      </c>
      <c r="E119829" s="15">
        <v>45485</v>
      </c>
      <c r="F119829" s="14" t="s">
        <v>15</v>
      </c>
      <c r="G119829" s="16">
        <v>0.66624468878965293</v>
      </c>
    </row>
    <row r="119830" spans="1:7" x14ac:dyDescent="0.3">
      <c r="A119830" s="13" t="s">
        <v>563</v>
      </c>
      <c r="B119830" s="14" t="s">
        <v>1</v>
      </c>
      <c r="C119830" s="14" t="s">
        <v>558</v>
      </c>
      <c r="D119830" s="14" t="s">
        <v>39</v>
      </c>
      <c r="E119830" s="15">
        <v>45486</v>
      </c>
      <c r="F119830" s="14" t="s">
        <v>15</v>
      </c>
      <c r="G119830" s="16">
        <v>0.66624468878965293</v>
      </c>
    </row>
    <row r="119831" spans="1:7" x14ac:dyDescent="0.3">
      <c r="A119831" s="13" t="s">
        <v>563</v>
      </c>
      <c r="B119831" s="14" t="s">
        <v>1</v>
      </c>
      <c r="C119831" s="14" t="s">
        <v>558</v>
      </c>
      <c r="D119831" s="14" t="s">
        <v>39</v>
      </c>
      <c r="E119831" s="15">
        <v>45487</v>
      </c>
      <c r="F119831" s="14" t="s">
        <v>15</v>
      </c>
      <c r="G119831" s="16">
        <v>0.66624468878965293</v>
      </c>
    </row>
    <row r="119832" spans="1:7" x14ac:dyDescent="0.3">
      <c r="A119832" s="13" t="s">
        <v>563</v>
      </c>
      <c r="B119832" s="14" t="s">
        <v>1</v>
      </c>
      <c r="C119832" s="14" t="s">
        <v>558</v>
      </c>
      <c r="D119832" s="14" t="s">
        <v>39</v>
      </c>
      <c r="E119832" s="15">
        <v>45488</v>
      </c>
      <c r="F119832" s="14" t="s">
        <v>15</v>
      </c>
      <c r="G119832" s="16">
        <v>0.68968307169834808</v>
      </c>
    </row>
    <row r="119833" spans="1:7" x14ac:dyDescent="0.3">
      <c r="A119833" s="13" t="s">
        <v>563</v>
      </c>
      <c r="B119833" s="14" t="s">
        <v>1</v>
      </c>
      <c r="C119833" s="14" t="s">
        <v>558</v>
      </c>
      <c r="D119833" s="14" t="s">
        <v>39</v>
      </c>
      <c r="E119833" s="15">
        <v>45489</v>
      </c>
      <c r="F119833" s="14" t="s">
        <v>15</v>
      </c>
      <c r="G119833" s="16">
        <v>0.71337761604975358</v>
      </c>
    </row>
    <row r="119834" spans="1:7" x14ac:dyDescent="0.3">
      <c r="A119834" s="13" t="s">
        <v>563</v>
      </c>
      <c r="B119834" s="14" t="s">
        <v>1</v>
      </c>
      <c r="C119834" s="14" t="s">
        <v>558</v>
      </c>
      <c r="D119834" s="14" t="s">
        <v>39</v>
      </c>
      <c r="E119834" s="15">
        <v>45490</v>
      </c>
      <c r="F119834" s="14" t="s">
        <v>15</v>
      </c>
      <c r="G119834" s="16">
        <v>0.71204496883444757</v>
      </c>
    </row>
    <row r="119835" spans="1:7" x14ac:dyDescent="0.3">
      <c r="A119835" s="13" t="s">
        <v>563</v>
      </c>
      <c r="B119835" s="14" t="s">
        <v>1</v>
      </c>
      <c r="C119835" s="14" t="s">
        <v>558</v>
      </c>
      <c r="D119835" s="14" t="s">
        <v>39</v>
      </c>
      <c r="E119835" s="15">
        <v>45491</v>
      </c>
      <c r="F119835" s="14" t="s">
        <v>15</v>
      </c>
      <c r="G119835" s="16">
        <v>0.7125263885130283</v>
      </c>
    </row>
    <row r="119836" spans="1:7" x14ac:dyDescent="0.3">
      <c r="A119836" s="13" t="s">
        <v>563</v>
      </c>
      <c r="B119836" s="14" t="s">
        <v>1</v>
      </c>
      <c r="C119836" s="14" t="s">
        <v>558</v>
      </c>
      <c r="D119836" s="14" t="s">
        <v>39</v>
      </c>
      <c r="E119836" s="15">
        <v>45492</v>
      </c>
      <c r="F119836" s="14" t="s">
        <v>15</v>
      </c>
      <c r="G119836" s="16">
        <v>0.71125538018088352</v>
      </c>
    </row>
    <row r="119837" spans="1:7" x14ac:dyDescent="0.3">
      <c r="A119837" s="13" t="s">
        <v>563</v>
      </c>
      <c r="B119837" s="14" t="s">
        <v>1</v>
      </c>
      <c r="C119837" s="14" t="s">
        <v>558</v>
      </c>
      <c r="D119837" s="14" t="s">
        <v>39</v>
      </c>
      <c r="E119837" s="15">
        <v>45493</v>
      </c>
      <c r="F119837" s="14" t="s">
        <v>15</v>
      </c>
      <c r="G119837" s="16">
        <v>0.71125538018088352</v>
      </c>
    </row>
    <row r="119838" spans="1:7" x14ac:dyDescent="0.3">
      <c r="A119838" s="13" t="s">
        <v>563</v>
      </c>
      <c r="B119838" s="14" t="s">
        <v>1</v>
      </c>
      <c r="C119838" s="14" t="s">
        <v>558</v>
      </c>
      <c r="D119838" s="14" t="s">
        <v>39</v>
      </c>
      <c r="E119838" s="15">
        <v>45494</v>
      </c>
      <c r="F119838" s="14" t="s">
        <v>15</v>
      </c>
      <c r="G119838" s="16">
        <v>0.71125538018088352</v>
      </c>
    </row>
    <row r="119839" spans="1:7" x14ac:dyDescent="0.3">
      <c r="A119839" s="13" t="s">
        <v>563</v>
      </c>
      <c r="B119839" s="14" t="s">
        <v>1</v>
      </c>
      <c r="C119839" s="14" t="s">
        <v>558</v>
      </c>
      <c r="D119839" s="14" t="s">
        <v>39</v>
      </c>
      <c r="E119839" s="15">
        <v>45495</v>
      </c>
      <c r="F119839" s="14" t="s">
        <v>15</v>
      </c>
      <c r="G119839" s="16">
        <v>0.71204088931056386</v>
      </c>
    </row>
    <row r="119840" spans="1:7" x14ac:dyDescent="0.3">
      <c r="A119840" s="13" t="s">
        <v>563</v>
      </c>
      <c r="B119840" s="14" t="s">
        <v>1</v>
      </c>
      <c r="C119840" s="14" t="s">
        <v>558</v>
      </c>
      <c r="D119840" s="14" t="s">
        <v>39</v>
      </c>
      <c r="E119840" s="15">
        <v>45496</v>
      </c>
      <c r="F119840" s="14" t="s">
        <v>15</v>
      </c>
      <c r="G119840" s="16">
        <v>0.71080611149673867</v>
      </c>
    </row>
    <row r="119841" spans="1:7" x14ac:dyDescent="0.3">
      <c r="A119841" s="13" t="s">
        <v>563</v>
      </c>
      <c r="B119841" s="14" t="s">
        <v>1</v>
      </c>
      <c r="C119841" s="14" t="s">
        <v>558</v>
      </c>
      <c r="D119841" s="14" t="s">
        <v>39</v>
      </c>
      <c r="E119841" s="15">
        <v>45497</v>
      </c>
      <c r="F119841" s="14" t="s">
        <v>15</v>
      </c>
      <c r="G119841" s="16">
        <v>0.71422629278355387</v>
      </c>
    </row>
    <row r="119842" spans="1:7" x14ac:dyDescent="0.3">
      <c r="A119842" s="13" t="s">
        <v>563</v>
      </c>
      <c r="B119842" s="14" t="s">
        <v>1</v>
      </c>
      <c r="C119842" s="14" t="s">
        <v>558</v>
      </c>
      <c r="D119842" s="14" t="s">
        <v>39</v>
      </c>
      <c r="E119842" s="15">
        <v>45498</v>
      </c>
      <c r="F119842" s="14" t="s">
        <v>15</v>
      </c>
      <c r="G119842" s="16">
        <v>0.71296142918722816</v>
      </c>
    </row>
    <row r="119843" spans="1:7" x14ac:dyDescent="0.3">
      <c r="A119843" s="13" t="s">
        <v>563</v>
      </c>
      <c r="B119843" s="14" t="s">
        <v>1</v>
      </c>
      <c r="C119843" s="14" t="s">
        <v>558</v>
      </c>
      <c r="D119843" s="14" t="s">
        <v>39</v>
      </c>
      <c r="E119843" s="15">
        <v>45499</v>
      </c>
      <c r="F119843" s="14" t="s">
        <v>15</v>
      </c>
      <c r="G119843" s="16">
        <v>0.71292482043599859</v>
      </c>
    </row>
    <row r="119844" spans="1:7" x14ac:dyDescent="0.3">
      <c r="A119844" s="13" t="s">
        <v>563</v>
      </c>
      <c r="B119844" s="14" t="s">
        <v>1</v>
      </c>
      <c r="C119844" s="14" t="s">
        <v>558</v>
      </c>
      <c r="D119844" s="14" t="s">
        <v>39</v>
      </c>
      <c r="E119844" s="15">
        <v>45500</v>
      </c>
      <c r="F119844" s="14" t="s">
        <v>15</v>
      </c>
      <c r="G119844" s="16">
        <v>0.71292482043599859</v>
      </c>
    </row>
    <row r="119845" spans="1:7" x14ac:dyDescent="0.3">
      <c r="A119845" s="13" t="s">
        <v>563</v>
      </c>
      <c r="B119845" s="14" t="s">
        <v>1</v>
      </c>
      <c r="C119845" s="14" t="s">
        <v>558</v>
      </c>
      <c r="D119845" s="14" t="s">
        <v>39</v>
      </c>
      <c r="E119845" s="15">
        <v>45501</v>
      </c>
      <c r="F119845" s="14" t="s">
        <v>15</v>
      </c>
      <c r="G119845" s="16">
        <v>0.71292482043599859</v>
      </c>
    </row>
    <row r="119846" spans="1:7" x14ac:dyDescent="0.3">
      <c r="A119846" s="13" t="s">
        <v>563</v>
      </c>
      <c r="B119846" s="14" t="s">
        <v>1</v>
      </c>
      <c r="C119846" s="14" t="s">
        <v>558</v>
      </c>
      <c r="D119846" s="14" t="s">
        <v>39</v>
      </c>
      <c r="E119846" s="15">
        <v>45502</v>
      </c>
      <c r="F119846" s="14" t="s">
        <v>15</v>
      </c>
      <c r="G119846" s="16">
        <v>0.71460378659531076</v>
      </c>
    </row>
    <row r="119847" spans="1:7" x14ac:dyDescent="0.3">
      <c r="A119847" s="13" t="s">
        <v>563</v>
      </c>
      <c r="B119847" s="14" t="s">
        <v>1</v>
      </c>
      <c r="C119847" s="14" t="s">
        <v>558</v>
      </c>
      <c r="D119847" s="14" t="s">
        <v>39</v>
      </c>
      <c r="E119847" s="15">
        <v>45503</v>
      </c>
      <c r="F119847" s="14" t="s">
        <v>15</v>
      </c>
      <c r="G119847" s="16">
        <v>0.71083497673359275</v>
      </c>
    </row>
    <row r="119848" spans="1:7" x14ac:dyDescent="0.3">
      <c r="A119848" s="13" t="s">
        <v>563</v>
      </c>
      <c r="B119848" s="14" t="s">
        <v>1</v>
      </c>
      <c r="C119848" s="14" t="s">
        <v>558</v>
      </c>
      <c r="D119848" s="14" t="s">
        <v>39</v>
      </c>
      <c r="E119848" s="15">
        <v>45504</v>
      </c>
      <c r="F119848" s="14" t="s">
        <v>15</v>
      </c>
      <c r="G119848" s="16">
        <v>0.71195692791242904</v>
      </c>
    </row>
    <row r="119849" spans="1:7" x14ac:dyDescent="0.3">
      <c r="A119849" s="13" t="s">
        <v>563</v>
      </c>
      <c r="B119849" s="14" t="s">
        <v>1</v>
      </c>
      <c r="C119849" s="14" t="s">
        <v>558</v>
      </c>
      <c r="D119849" s="14" t="s">
        <v>39</v>
      </c>
      <c r="E119849" s="15">
        <v>45505</v>
      </c>
      <c r="F119849" s="14" t="s">
        <v>15</v>
      </c>
      <c r="G119849" s="16">
        <v>0.71058150945717136</v>
      </c>
    </row>
    <row r="119850" spans="1:7" x14ac:dyDescent="0.3">
      <c r="A119850" s="13" t="s">
        <v>563</v>
      </c>
      <c r="B119850" s="14" t="s">
        <v>1</v>
      </c>
      <c r="C119850" s="14" t="s">
        <v>558</v>
      </c>
      <c r="D119850" s="14" t="s">
        <v>39</v>
      </c>
      <c r="E119850" s="15">
        <v>45506</v>
      </c>
      <c r="F119850" s="14" t="s">
        <v>15</v>
      </c>
      <c r="G119850" s="16">
        <v>0.7109108756632927</v>
      </c>
    </row>
    <row r="119851" spans="1:7" x14ac:dyDescent="0.3">
      <c r="A119851" s="13" t="s">
        <v>563</v>
      </c>
      <c r="B119851" s="14" t="s">
        <v>1</v>
      </c>
      <c r="C119851" s="14" t="s">
        <v>558</v>
      </c>
      <c r="D119851" s="14" t="s">
        <v>39</v>
      </c>
      <c r="E119851" s="15">
        <v>45507</v>
      </c>
      <c r="F119851" s="14" t="s">
        <v>15</v>
      </c>
      <c r="G119851" s="16">
        <v>0.7109108756632927</v>
      </c>
    </row>
    <row r="119852" spans="1:7" x14ac:dyDescent="0.3">
      <c r="A119852" s="13" t="s">
        <v>563</v>
      </c>
      <c r="B119852" s="14" t="s">
        <v>1</v>
      </c>
      <c r="C119852" s="14" t="s">
        <v>558</v>
      </c>
      <c r="D119852" s="14" t="s">
        <v>39</v>
      </c>
      <c r="E119852" s="15">
        <v>45508</v>
      </c>
      <c r="F119852" s="14" t="s">
        <v>15</v>
      </c>
      <c r="G119852" s="16">
        <v>0.7109108756632927</v>
      </c>
    </row>
    <row r="119853" spans="1:7" x14ac:dyDescent="0.3">
      <c r="A119853" s="13" t="s">
        <v>563</v>
      </c>
      <c r="B119853" s="14" t="s">
        <v>1</v>
      </c>
      <c r="C119853" s="14" t="s">
        <v>558</v>
      </c>
      <c r="D119853" s="14" t="s">
        <v>39</v>
      </c>
      <c r="E119853" s="15">
        <v>45509</v>
      </c>
      <c r="F119853" s="14" t="s">
        <v>15</v>
      </c>
      <c r="G119853" s="16">
        <v>0.7109108756632927</v>
      </c>
    </row>
    <row r="119854" spans="1:7" x14ac:dyDescent="0.3">
      <c r="A119854" s="13" t="s">
        <v>563</v>
      </c>
      <c r="B119854" s="14" t="s">
        <v>1</v>
      </c>
      <c r="C119854" s="14" t="s">
        <v>558</v>
      </c>
      <c r="D119854" s="14" t="s">
        <v>39</v>
      </c>
      <c r="E119854" s="15">
        <v>45510</v>
      </c>
      <c r="F119854" s="14" t="s">
        <v>15</v>
      </c>
      <c r="G119854" s="16">
        <v>0.71257449679762397</v>
      </c>
    </row>
    <row r="119855" spans="1:7" x14ac:dyDescent="0.3">
      <c r="A119855" s="13" t="s">
        <v>563</v>
      </c>
      <c r="B119855" s="14" t="s">
        <v>1</v>
      </c>
      <c r="C119855" s="14" t="s">
        <v>558</v>
      </c>
      <c r="D119855" s="14" t="s">
        <v>39</v>
      </c>
      <c r="E119855" s="15">
        <v>45511</v>
      </c>
      <c r="F119855" s="14" t="s">
        <v>15</v>
      </c>
      <c r="G119855" s="16">
        <v>0.70725586053265044</v>
      </c>
    </row>
    <row r="119856" spans="1:7" x14ac:dyDescent="0.3">
      <c r="A119856" s="13" t="s">
        <v>563</v>
      </c>
      <c r="B119856" s="14" t="s">
        <v>1</v>
      </c>
      <c r="C119856" s="14" t="s">
        <v>558</v>
      </c>
      <c r="D119856" s="14" t="s">
        <v>39</v>
      </c>
      <c r="E119856" s="15">
        <v>45512</v>
      </c>
      <c r="F119856" s="14" t="s">
        <v>15</v>
      </c>
      <c r="G119856" s="16">
        <v>0.72320213409957113</v>
      </c>
    </row>
    <row r="119857" spans="1:7" x14ac:dyDescent="0.3">
      <c r="A119857" s="13" t="s">
        <v>563</v>
      </c>
      <c r="B119857" s="14" t="s">
        <v>1</v>
      </c>
      <c r="C119857" s="14" t="s">
        <v>558</v>
      </c>
      <c r="D119857" s="14" t="s">
        <v>39</v>
      </c>
      <c r="E119857" s="15">
        <v>45513</v>
      </c>
      <c r="F119857" s="14" t="s">
        <v>15</v>
      </c>
      <c r="G119857" s="16">
        <v>0.72209805140066485</v>
      </c>
    </row>
    <row r="119858" spans="1:7" x14ac:dyDescent="0.3">
      <c r="A119858" s="13" t="s">
        <v>563</v>
      </c>
      <c r="B119858" s="14" t="s">
        <v>1</v>
      </c>
      <c r="C119858" s="14" t="s">
        <v>558</v>
      </c>
      <c r="D119858" s="14" t="s">
        <v>39</v>
      </c>
      <c r="E119858" s="15">
        <v>45514</v>
      </c>
      <c r="F119858" s="14" t="s">
        <v>15</v>
      </c>
      <c r="G119858" s="16">
        <v>0.72209805140066485</v>
      </c>
    </row>
    <row r="119859" spans="1:7" x14ac:dyDescent="0.3">
      <c r="A119859" s="13" t="s">
        <v>563</v>
      </c>
      <c r="B119859" s="14" t="s">
        <v>1</v>
      </c>
      <c r="C119859" s="14" t="s">
        <v>558</v>
      </c>
      <c r="D119859" s="14" t="s">
        <v>39</v>
      </c>
      <c r="E119859" s="15">
        <v>45515</v>
      </c>
      <c r="F119859" s="14" t="s">
        <v>15</v>
      </c>
      <c r="G119859" s="16">
        <v>0.72209805140066485</v>
      </c>
    </row>
    <row r="119860" spans="1:7" x14ac:dyDescent="0.3">
      <c r="A119860" s="13" t="s">
        <v>563</v>
      </c>
      <c r="B119860" s="14" t="s">
        <v>1</v>
      </c>
      <c r="C119860" s="14" t="s">
        <v>558</v>
      </c>
      <c r="D119860" s="14" t="s">
        <v>39</v>
      </c>
      <c r="E119860" s="15">
        <v>45516</v>
      </c>
      <c r="F119860" s="14" t="s">
        <v>15</v>
      </c>
      <c r="G119860" s="16">
        <v>0.72224035360302785</v>
      </c>
    </row>
    <row r="119861" spans="1:7" x14ac:dyDescent="0.3">
      <c r="A119861" s="13" t="s">
        <v>563</v>
      </c>
      <c r="B119861" s="14" t="s">
        <v>1</v>
      </c>
      <c r="C119861" s="14" t="s">
        <v>558</v>
      </c>
      <c r="D119861" s="14" t="s">
        <v>39</v>
      </c>
      <c r="E119861" s="15">
        <v>45517</v>
      </c>
      <c r="F119861" s="14" t="s">
        <v>15</v>
      </c>
      <c r="G119861" s="16">
        <v>0.75844120332093412</v>
      </c>
    </row>
    <row r="119862" spans="1:7" x14ac:dyDescent="0.3">
      <c r="A119862" s="13" t="s">
        <v>563</v>
      </c>
      <c r="B119862" s="14" t="s">
        <v>1</v>
      </c>
      <c r="C119862" s="14" t="s">
        <v>558</v>
      </c>
      <c r="D119862" s="14" t="s">
        <v>39</v>
      </c>
      <c r="E119862" s="15">
        <v>45518</v>
      </c>
      <c r="F119862" s="14" t="s">
        <v>15</v>
      </c>
      <c r="G119862" s="16">
        <v>0.78054571429566377</v>
      </c>
    </row>
    <row r="119863" spans="1:7" x14ac:dyDescent="0.3">
      <c r="A119863" s="13" t="s">
        <v>563</v>
      </c>
      <c r="B119863" s="14" t="s">
        <v>1</v>
      </c>
      <c r="C119863" s="14" t="s">
        <v>558</v>
      </c>
      <c r="D119863" s="14" t="s">
        <v>39</v>
      </c>
      <c r="E119863" s="15">
        <v>45519</v>
      </c>
      <c r="F119863" s="14" t="s">
        <v>15</v>
      </c>
      <c r="G119863" s="16">
        <v>0.79296353128183383</v>
      </c>
    </row>
    <row r="119864" spans="1:7" x14ac:dyDescent="0.3">
      <c r="A119864" s="13" t="s">
        <v>563</v>
      </c>
      <c r="B119864" s="14" t="s">
        <v>1</v>
      </c>
      <c r="C119864" s="14" t="s">
        <v>558</v>
      </c>
      <c r="D119864" s="14" t="s">
        <v>39</v>
      </c>
      <c r="E119864" s="15">
        <v>45520</v>
      </c>
      <c r="F119864" s="14" t="s">
        <v>15</v>
      </c>
      <c r="G119864" s="16">
        <v>0.79078103480067674</v>
      </c>
    </row>
    <row r="119865" spans="1:7" x14ac:dyDescent="0.3">
      <c r="A119865" s="13" t="s">
        <v>563</v>
      </c>
      <c r="B119865" s="14" t="s">
        <v>1</v>
      </c>
      <c r="C119865" s="14" t="s">
        <v>558</v>
      </c>
      <c r="D119865" s="14" t="s">
        <v>39</v>
      </c>
      <c r="E119865" s="15">
        <v>45521</v>
      </c>
      <c r="F119865" s="14" t="s">
        <v>15</v>
      </c>
      <c r="G119865" s="16">
        <v>0.79078103480067674</v>
      </c>
    </row>
    <row r="119866" spans="1:7" x14ac:dyDescent="0.3">
      <c r="A119866" s="13" t="s">
        <v>563</v>
      </c>
      <c r="B119866" s="14" t="s">
        <v>1</v>
      </c>
      <c r="C119866" s="14" t="s">
        <v>558</v>
      </c>
      <c r="D119866" s="14" t="s">
        <v>39</v>
      </c>
      <c r="E119866" s="15">
        <v>45522</v>
      </c>
      <c r="F119866" s="14" t="s">
        <v>15</v>
      </c>
      <c r="G119866" s="16">
        <v>0.79078103480067674</v>
      </c>
    </row>
    <row r="119867" spans="1:7" x14ac:dyDescent="0.3">
      <c r="A119867" s="13" t="s">
        <v>563</v>
      </c>
      <c r="B119867" s="14" t="s">
        <v>1</v>
      </c>
      <c r="C119867" s="14" t="s">
        <v>558</v>
      </c>
      <c r="D119867" s="14" t="s">
        <v>39</v>
      </c>
      <c r="E119867" s="15">
        <v>45523</v>
      </c>
      <c r="F119867" s="14" t="s">
        <v>15</v>
      </c>
      <c r="G119867" s="16">
        <v>0.7890395520726281</v>
      </c>
    </row>
    <row r="119868" spans="1:7" x14ac:dyDescent="0.3">
      <c r="A119868" s="13" t="s">
        <v>563</v>
      </c>
      <c r="B119868" s="14" t="s">
        <v>1</v>
      </c>
      <c r="C119868" s="14" t="s">
        <v>558</v>
      </c>
      <c r="D119868" s="14" t="s">
        <v>39</v>
      </c>
      <c r="E119868" s="15">
        <v>45524</v>
      </c>
      <c r="F119868" s="14" t="s">
        <v>15</v>
      </c>
      <c r="G119868" s="16">
        <v>0.78958850837596817</v>
      </c>
    </row>
    <row r="119869" spans="1:7" x14ac:dyDescent="0.3">
      <c r="A119869" s="13" t="s">
        <v>563</v>
      </c>
      <c r="B119869" s="14" t="s">
        <v>1</v>
      </c>
      <c r="C119869" s="14" t="s">
        <v>558</v>
      </c>
      <c r="D119869" s="14" t="s">
        <v>39</v>
      </c>
      <c r="E119869" s="15">
        <v>45525</v>
      </c>
      <c r="F119869" s="14" t="s">
        <v>15</v>
      </c>
      <c r="G119869" s="16">
        <v>0.7882951977740924</v>
      </c>
    </row>
    <row r="119870" spans="1:7" x14ac:dyDescent="0.3">
      <c r="A119870" s="13" t="s">
        <v>563</v>
      </c>
      <c r="B119870" s="14" t="s">
        <v>1</v>
      </c>
      <c r="C119870" s="14" t="s">
        <v>558</v>
      </c>
      <c r="D119870" s="14" t="s">
        <v>39</v>
      </c>
      <c r="E119870" s="15">
        <v>45526</v>
      </c>
      <c r="F119870" s="14" t="s">
        <v>15</v>
      </c>
      <c r="G119870" s="16">
        <v>0.78698976303504331</v>
      </c>
    </row>
    <row r="119871" spans="1:7" x14ac:dyDescent="0.3">
      <c r="A119871" s="13" t="s">
        <v>563</v>
      </c>
      <c r="B119871" s="14" t="s">
        <v>1</v>
      </c>
      <c r="C119871" s="14" t="s">
        <v>558</v>
      </c>
      <c r="D119871" s="14" t="s">
        <v>39</v>
      </c>
      <c r="E119871" s="15">
        <v>45527</v>
      </c>
      <c r="F119871" s="14" t="s">
        <v>15</v>
      </c>
      <c r="G119871" s="16">
        <v>0.82145701954693606</v>
      </c>
    </row>
    <row r="119872" spans="1:7" x14ac:dyDescent="0.3">
      <c r="A119872" s="13" t="s">
        <v>563</v>
      </c>
      <c r="B119872" s="14" t="s">
        <v>1</v>
      </c>
      <c r="C119872" s="14" t="s">
        <v>558</v>
      </c>
      <c r="D119872" s="14" t="s">
        <v>39</v>
      </c>
      <c r="E119872" s="15">
        <v>45528</v>
      </c>
      <c r="F119872" s="14" t="s">
        <v>15</v>
      </c>
      <c r="G119872" s="16">
        <v>0.82145701954693606</v>
      </c>
    </row>
    <row r="119873" spans="1:7" x14ac:dyDescent="0.3">
      <c r="A119873" s="13" t="s">
        <v>563</v>
      </c>
      <c r="B119873" s="14" t="s">
        <v>1</v>
      </c>
      <c r="C119873" s="14" t="s">
        <v>558</v>
      </c>
      <c r="D119873" s="14" t="s">
        <v>39</v>
      </c>
      <c r="E119873" s="15">
        <v>45529</v>
      </c>
      <c r="F119873" s="14" t="s">
        <v>15</v>
      </c>
      <c r="G119873" s="16">
        <v>0.82145701954693606</v>
      </c>
    </row>
    <row r="119874" spans="1:7" x14ac:dyDescent="0.3">
      <c r="A119874" s="13" t="s">
        <v>563</v>
      </c>
      <c r="B119874" s="14" t="s">
        <v>1</v>
      </c>
      <c r="C119874" s="14" t="s">
        <v>558</v>
      </c>
      <c r="D119874" s="14" t="s">
        <v>39</v>
      </c>
      <c r="E119874" s="15">
        <v>45530</v>
      </c>
      <c r="F119874" s="14" t="s">
        <v>15</v>
      </c>
      <c r="G119874" s="16">
        <v>0.82083587243799139</v>
      </c>
    </row>
    <row r="119875" spans="1:7" x14ac:dyDescent="0.3">
      <c r="A119875" s="13" t="s">
        <v>563</v>
      </c>
      <c r="B119875" s="14" t="s">
        <v>1</v>
      </c>
      <c r="C119875" s="14" t="s">
        <v>558</v>
      </c>
      <c r="D119875" s="14" t="s">
        <v>39</v>
      </c>
      <c r="E119875" s="15">
        <v>45531</v>
      </c>
      <c r="F119875" s="14" t="s">
        <v>15</v>
      </c>
      <c r="G119875" s="16">
        <v>0.81554347261660154</v>
      </c>
    </row>
    <row r="119876" spans="1:7" x14ac:dyDescent="0.3">
      <c r="A119876" s="13" t="s">
        <v>563</v>
      </c>
      <c r="B119876" s="14" t="s">
        <v>1</v>
      </c>
      <c r="C119876" s="14" t="s">
        <v>558</v>
      </c>
      <c r="D119876" s="14" t="s">
        <v>39</v>
      </c>
      <c r="E119876" s="15">
        <v>45532</v>
      </c>
      <c r="F119876" s="14" t="s">
        <v>15</v>
      </c>
      <c r="G119876" s="16">
        <v>0.81443872233100856</v>
      </c>
    </row>
    <row r="119877" spans="1:7" x14ac:dyDescent="0.3">
      <c r="A119877" s="13" t="s">
        <v>563</v>
      </c>
      <c r="B119877" s="14" t="s">
        <v>1</v>
      </c>
      <c r="C119877" s="14" t="s">
        <v>558</v>
      </c>
      <c r="D119877" s="14" t="s">
        <v>39</v>
      </c>
      <c r="E119877" s="15">
        <v>45533</v>
      </c>
      <c r="F119877" s="14" t="s">
        <v>15</v>
      </c>
      <c r="G119877" s="16">
        <v>0.81320874847621294</v>
      </c>
    </row>
    <row r="119878" spans="1:7" x14ac:dyDescent="0.3">
      <c r="A119878" s="13" t="s">
        <v>563</v>
      </c>
      <c r="B119878" s="14" t="s">
        <v>1</v>
      </c>
      <c r="C119878" s="14" t="s">
        <v>558</v>
      </c>
      <c r="D119878" s="14" t="s">
        <v>39</v>
      </c>
      <c r="E119878" s="15">
        <v>45534</v>
      </c>
      <c r="F119878" s="14" t="s">
        <v>15</v>
      </c>
      <c r="G119878" s="16">
        <v>0.81194140494746136</v>
      </c>
    </row>
    <row r="119879" spans="1:7" x14ac:dyDescent="0.3">
      <c r="A119879" s="13" t="s">
        <v>563</v>
      </c>
      <c r="B119879" s="14" t="s">
        <v>1</v>
      </c>
      <c r="C119879" s="14" t="s">
        <v>558</v>
      </c>
      <c r="D119879" s="14" t="s">
        <v>39</v>
      </c>
      <c r="E119879" s="15">
        <v>45535</v>
      </c>
      <c r="F119879" s="14" t="s">
        <v>15</v>
      </c>
      <c r="G119879" s="16">
        <v>0.81194140494746136</v>
      </c>
    </row>
    <row r="119880" spans="1:7" x14ac:dyDescent="0.3">
      <c r="A119880" s="13" t="s">
        <v>563</v>
      </c>
      <c r="B119880" s="14" t="s">
        <v>1</v>
      </c>
      <c r="C119880" s="14" t="s">
        <v>558</v>
      </c>
      <c r="D119880" s="14" t="s">
        <v>39</v>
      </c>
      <c r="E119880" s="15">
        <v>45536</v>
      </c>
      <c r="F119880" s="14" t="s">
        <v>15</v>
      </c>
      <c r="G119880" s="16">
        <v>0.81194140494746136</v>
      </c>
    </row>
    <row r="119881" spans="1:7" x14ac:dyDescent="0.3">
      <c r="A119881" s="13" t="s">
        <v>563</v>
      </c>
      <c r="B119881" s="14" t="s">
        <v>1</v>
      </c>
      <c r="C119881" s="14" t="s">
        <v>558</v>
      </c>
      <c r="D119881" s="14" t="s">
        <v>39</v>
      </c>
      <c r="E119881" s="15">
        <v>45537</v>
      </c>
      <c r="F119881" s="14" t="s">
        <v>15</v>
      </c>
      <c r="G119881" s="16">
        <v>0.81074478302908892</v>
      </c>
    </row>
    <row r="119882" spans="1:7" x14ac:dyDescent="0.3">
      <c r="A119882" s="13" t="s">
        <v>563</v>
      </c>
      <c r="B119882" s="14" t="s">
        <v>1</v>
      </c>
      <c r="C119882" s="14" t="s">
        <v>558</v>
      </c>
      <c r="D119882" s="14" t="s">
        <v>39</v>
      </c>
      <c r="E119882" s="15">
        <v>45538</v>
      </c>
      <c r="F119882" s="14" t="s">
        <v>15</v>
      </c>
      <c r="G119882" s="16">
        <v>0.80801553470463128</v>
      </c>
    </row>
    <row r="119883" spans="1:7" x14ac:dyDescent="0.3">
      <c r="A119883" s="13" t="s">
        <v>563</v>
      </c>
      <c r="B119883" s="14" t="s">
        <v>1</v>
      </c>
      <c r="C119883" s="14" t="s">
        <v>558</v>
      </c>
      <c r="D119883" s="14" t="s">
        <v>39</v>
      </c>
      <c r="E119883" s="15">
        <v>45539</v>
      </c>
      <c r="F119883" s="14" t="s">
        <v>15</v>
      </c>
      <c r="G119883" s="16">
        <v>0.8123385836661996</v>
      </c>
    </row>
    <row r="119884" spans="1:7" x14ac:dyDescent="0.3">
      <c r="A119884" s="13" t="s">
        <v>563</v>
      </c>
      <c r="B119884" s="14" t="s">
        <v>1</v>
      </c>
      <c r="C119884" s="14" t="s">
        <v>558</v>
      </c>
      <c r="D119884" s="14" t="s">
        <v>39</v>
      </c>
      <c r="E119884" s="15">
        <v>45540</v>
      </c>
      <c r="F119884" s="14" t="s">
        <v>15</v>
      </c>
      <c r="G119884" s="16">
        <v>0.81105589978267345</v>
      </c>
    </row>
    <row r="119885" spans="1:7" x14ac:dyDescent="0.3">
      <c r="A119885" s="13" t="s">
        <v>563</v>
      </c>
      <c r="B119885" s="14" t="s">
        <v>1</v>
      </c>
      <c r="C119885" s="14" t="s">
        <v>558</v>
      </c>
      <c r="D119885" s="14" t="s">
        <v>39</v>
      </c>
      <c r="E119885" s="15">
        <v>45541</v>
      </c>
      <c r="F119885" s="14" t="s">
        <v>15</v>
      </c>
      <c r="G119885" s="16">
        <v>0.82802099258992201</v>
      </c>
    </row>
    <row r="119886" spans="1:7" x14ac:dyDescent="0.3">
      <c r="A119886" s="13" t="s">
        <v>563</v>
      </c>
      <c r="B119886" s="14" t="s">
        <v>1</v>
      </c>
      <c r="C119886" s="14" t="s">
        <v>558</v>
      </c>
      <c r="D119886" s="14" t="s">
        <v>39</v>
      </c>
      <c r="E119886" s="15">
        <v>45542</v>
      </c>
      <c r="F119886" s="14" t="s">
        <v>15</v>
      </c>
      <c r="G119886" s="16">
        <v>0.82802099258992201</v>
      </c>
    </row>
    <row r="119887" spans="1:7" x14ac:dyDescent="0.3">
      <c r="A119887" s="13" t="s">
        <v>563</v>
      </c>
      <c r="B119887" s="14" t="s">
        <v>1</v>
      </c>
      <c r="C119887" s="14" t="s">
        <v>558</v>
      </c>
      <c r="D119887" s="14" t="s">
        <v>39</v>
      </c>
      <c r="E119887" s="15">
        <v>45543</v>
      </c>
      <c r="F119887" s="14" t="s">
        <v>15</v>
      </c>
      <c r="G119887" s="16">
        <v>0.82802099258992201</v>
      </c>
    </row>
    <row r="119888" spans="1:7" x14ac:dyDescent="0.3">
      <c r="A119888" s="13" t="s">
        <v>563</v>
      </c>
      <c r="B119888" s="14" t="s">
        <v>1</v>
      </c>
      <c r="C119888" s="14" t="s">
        <v>558</v>
      </c>
      <c r="D119888" s="14" t="s">
        <v>39</v>
      </c>
      <c r="E119888" s="15">
        <v>45544</v>
      </c>
      <c r="F119888" s="14" t="s">
        <v>15</v>
      </c>
      <c r="G119888" s="16">
        <v>0.82712882965320911</v>
      </c>
    </row>
    <row r="119889" spans="1:7" x14ac:dyDescent="0.3">
      <c r="A119889" s="13" t="s">
        <v>563</v>
      </c>
      <c r="B119889" s="14" t="s">
        <v>1</v>
      </c>
      <c r="C119889" s="14" t="s">
        <v>558</v>
      </c>
      <c r="D119889" s="14" t="s">
        <v>39</v>
      </c>
      <c r="E119889" s="15">
        <v>45545</v>
      </c>
      <c r="F119889" s="14" t="s">
        <v>15</v>
      </c>
      <c r="G119889" s="16">
        <v>0.83467195124579752</v>
      </c>
    </row>
    <row r="119890" spans="1:7" x14ac:dyDescent="0.3">
      <c r="A119890" s="13" t="s">
        <v>563</v>
      </c>
      <c r="B119890" s="14" t="s">
        <v>1</v>
      </c>
      <c r="C119890" s="14" t="s">
        <v>558</v>
      </c>
      <c r="D119890" s="14" t="s">
        <v>39</v>
      </c>
      <c r="E119890" s="15">
        <v>45546</v>
      </c>
      <c r="F119890" s="14" t="s">
        <v>15</v>
      </c>
      <c r="G119890" s="16">
        <v>0.8334217557283794</v>
      </c>
    </row>
    <row r="119891" spans="1:7" x14ac:dyDescent="0.3">
      <c r="A119891" s="13" t="s">
        <v>563</v>
      </c>
      <c r="B119891" s="14" t="s">
        <v>1</v>
      </c>
      <c r="C119891" s="14" t="s">
        <v>558</v>
      </c>
      <c r="D119891" s="14" t="s">
        <v>39</v>
      </c>
      <c r="E119891" s="15">
        <v>45547</v>
      </c>
      <c r="F119891" s="14" t="s">
        <v>15</v>
      </c>
      <c r="G119891" s="16">
        <v>0.83217608439401447</v>
      </c>
    </row>
    <row r="119892" spans="1:7" x14ac:dyDescent="0.3">
      <c r="A119892" s="13" t="s">
        <v>563</v>
      </c>
      <c r="B119892" s="14" t="s">
        <v>1</v>
      </c>
      <c r="C119892" s="14" t="s">
        <v>558</v>
      </c>
      <c r="D119892" s="14" t="s">
        <v>39</v>
      </c>
      <c r="E119892" s="15">
        <v>45548</v>
      </c>
      <c r="F119892" s="14" t="s">
        <v>15</v>
      </c>
      <c r="G119892" s="16">
        <v>0.86455089549381925</v>
      </c>
    </row>
    <row r="119893" spans="1:7" x14ac:dyDescent="0.3">
      <c r="A119893" s="13" t="s">
        <v>563</v>
      </c>
      <c r="B119893" s="14" t="s">
        <v>1</v>
      </c>
      <c r="C119893" s="14" t="s">
        <v>558</v>
      </c>
      <c r="D119893" s="14" t="s">
        <v>39</v>
      </c>
      <c r="E119893" s="15">
        <v>45549</v>
      </c>
      <c r="F119893" s="14" t="s">
        <v>15</v>
      </c>
      <c r="G119893" s="16">
        <v>0.86455089549381925</v>
      </c>
    </row>
    <row r="119894" spans="1:7" x14ac:dyDescent="0.3">
      <c r="A119894" s="13" t="s">
        <v>563</v>
      </c>
      <c r="B119894" s="14" t="s">
        <v>1</v>
      </c>
      <c r="C119894" s="14" t="s">
        <v>558</v>
      </c>
      <c r="D119894" s="14" t="s">
        <v>39</v>
      </c>
      <c r="E119894" s="15">
        <v>45550</v>
      </c>
      <c r="F119894" s="14" t="s">
        <v>15</v>
      </c>
      <c r="G119894" s="16">
        <v>0.86455089549381925</v>
      </c>
    </row>
    <row r="119895" spans="1:7" x14ac:dyDescent="0.3">
      <c r="A119895" s="13" t="s">
        <v>563</v>
      </c>
      <c r="B119895" s="14" t="s">
        <v>1</v>
      </c>
      <c r="C119895" s="14" t="s">
        <v>558</v>
      </c>
      <c r="D119895" s="14" t="s">
        <v>39</v>
      </c>
      <c r="E119895" s="15">
        <v>45551</v>
      </c>
      <c r="F119895" s="14" t="s">
        <v>15</v>
      </c>
      <c r="G119895" s="16">
        <v>0.86413816246157971</v>
      </c>
    </row>
    <row r="119896" spans="1:7" x14ac:dyDescent="0.3">
      <c r="A119896" s="13" t="s">
        <v>563</v>
      </c>
      <c r="B119896" s="14" t="s">
        <v>1</v>
      </c>
      <c r="C119896" s="14" t="s">
        <v>558</v>
      </c>
      <c r="D119896" s="14" t="s">
        <v>39</v>
      </c>
      <c r="E119896" s="15">
        <v>45552</v>
      </c>
      <c r="F119896" s="14" t="s">
        <v>15</v>
      </c>
      <c r="G119896" s="16">
        <v>0.86043773964458292</v>
      </c>
    </row>
    <row r="119897" spans="1:7" x14ac:dyDescent="0.3">
      <c r="A119897" s="13" t="s">
        <v>563</v>
      </c>
      <c r="B119897" s="14" t="s">
        <v>1</v>
      </c>
      <c r="C119897" s="14" t="s">
        <v>558</v>
      </c>
      <c r="D119897" s="14" t="s">
        <v>39</v>
      </c>
      <c r="E119897" s="15">
        <v>45553</v>
      </c>
      <c r="F119897" s="14" t="s">
        <v>15</v>
      </c>
      <c r="G119897" s="16">
        <v>0.85908077715306685</v>
      </c>
    </row>
    <row r="119898" spans="1:7" x14ac:dyDescent="0.3">
      <c r="A119898" s="13" t="s">
        <v>563</v>
      </c>
      <c r="B119898" s="14" t="s">
        <v>1</v>
      </c>
      <c r="C119898" s="14" t="s">
        <v>558</v>
      </c>
      <c r="D119898" s="14" t="s">
        <v>39</v>
      </c>
      <c r="E119898" s="15">
        <v>45554</v>
      </c>
      <c r="F119898" s="14" t="s">
        <v>15</v>
      </c>
      <c r="G119898" s="16">
        <v>0.85784058025728094</v>
      </c>
    </row>
    <row r="119899" spans="1:7" x14ac:dyDescent="0.3">
      <c r="A119899" s="13" t="s">
        <v>563</v>
      </c>
      <c r="B119899" s="14" t="s">
        <v>1</v>
      </c>
      <c r="C119899" s="14" t="s">
        <v>558</v>
      </c>
      <c r="D119899" s="14" t="s">
        <v>39</v>
      </c>
      <c r="E119899" s="15">
        <v>45555</v>
      </c>
      <c r="F119899" s="14" t="s">
        <v>15</v>
      </c>
      <c r="G119899" s="16">
        <v>0.85664171262283528</v>
      </c>
    </row>
    <row r="119900" spans="1:7" x14ac:dyDescent="0.3">
      <c r="A119900" s="13" t="s">
        <v>563</v>
      </c>
      <c r="B119900" s="14" t="s">
        <v>1</v>
      </c>
      <c r="C119900" s="14" t="s">
        <v>558</v>
      </c>
      <c r="D119900" s="14" t="s">
        <v>39</v>
      </c>
      <c r="E119900" s="15">
        <v>45556</v>
      </c>
      <c r="F119900" s="14" t="s">
        <v>15</v>
      </c>
      <c r="G119900" s="16">
        <v>0.85664171262283528</v>
      </c>
    </row>
    <row r="119901" spans="1:7" x14ac:dyDescent="0.3">
      <c r="A119901" s="13" t="s">
        <v>563</v>
      </c>
      <c r="B119901" s="14" t="s">
        <v>1</v>
      </c>
      <c r="C119901" s="14" t="s">
        <v>558</v>
      </c>
      <c r="D119901" s="14" t="s">
        <v>39</v>
      </c>
      <c r="E119901" s="15">
        <v>45557</v>
      </c>
      <c r="F119901" s="14" t="s">
        <v>15</v>
      </c>
      <c r="G119901" s="16">
        <v>0.85664171262283528</v>
      </c>
    </row>
    <row r="119902" spans="1:7" x14ac:dyDescent="0.3">
      <c r="A119902" s="13" t="s">
        <v>563</v>
      </c>
      <c r="B119902" s="14" t="s">
        <v>1</v>
      </c>
      <c r="C119902" s="14" t="s">
        <v>558</v>
      </c>
      <c r="D119902" s="14" t="s">
        <v>39</v>
      </c>
      <c r="E119902" s="15">
        <v>45558</v>
      </c>
      <c r="F119902" s="14" t="s">
        <v>15</v>
      </c>
      <c r="G119902" s="16">
        <v>0.85539754542382096</v>
      </c>
    </row>
    <row r="119903" spans="1:7" x14ac:dyDescent="0.3">
      <c r="A119903" s="13" t="s">
        <v>563</v>
      </c>
      <c r="B119903" s="14" t="s">
        <v>1</v>
      </c>
      <c r="C119903" s="14" t="s">
        <v>558</v>
      </c>
      <c r="D119903" s="14" t="s">
        <v>39</v>
      </c>
      <c r="E119903" s="15">
        <v>45559</v>
      </c>
      <c r="F119903" s="14" t="s">
        <v>15</v>
      </c>
      <c r="G119903" s="16">
        <v>0.86176133083893725</v>
      </c>
    </row>
    <row r="119904" spans="1:7" x14ac:dyDescent="0.3">
      <c r="A119904" s="13" t="s">
        <v>563</v>
      </c>
      <c r="B119904" s="14" t="s">
        <v>1</v>
      </c>
      <c r="C119904" s="14" t="s">
        <v>558</v>
      </c>
      <c r="D119904" s="14" t="s">
        <v>39</v>
      </c>
      <c r="E119904" s="15">
        <v>45560</v>
      </c>
      <c r="F119904" s="14" t="s">
        <v>15</v>
      </c>
      <c r="G119904" s="16">
        <v>0.86044560147269544</v>
      </c>
    </row>
    <row r="119905" spans="1:7" x14ac:dyDescent="0.3">
      <c r="A119905" s="13" t="s">
        <v>563</v>
      </c>
      <c r="B119905" s="14" t="s">
        <v>1</v>
      </c>
      <c r="C119905" s="14" t="s">
        <v>558</v>
      </c>
      <c r="D119905" s="14" t="s">
        <v>39</v>
      </c>
      <c r="E119905" s="15">
        <v>45561</v>
      </c>
      <c r="F119905" s="14" t="s">
        <v>15</v>
      </c>
      <c r="G119905" s="16">
        <v>0.87578694595971829</v>
      </c>
    </row>
    <row r="119906" spans="1:7" x14ac:dyDescent="0.3">
      <c r="A119906" s="13" t="s">
        <v>563</v>
      </c>
      <c r="B119906" s="14" t="s">
        <v>1</v>
      </c>
      <c r="C119906" s="14" t="s">
        <v>558</v>
      </c>
      <c r="D119906" s="14" t="s">
        <v>39</v>
      </c>
      <c r="E119906" s="15">
        <v>45562</v>
      </c>
      <c r="F119906" s="14" t="s">
        <v>15</v>
      </c>
      <c r="G119906" s="16">
        <v>0.87464502762651486</v>
      </c>
    </row>
    <row r="119907" spans="1:7" x14ac:dyDescent="0.3">
      <c r="A119907" s="13" t="s">
        <v>563</v>
      </c>
      <c r="B119907" s="14" t="s">
        <v>1</v>
      </c>
      <c r="C119907" s="14" t="s">
        <v>558</v>
      </c>
      <c r="D119907" s="14" t="s">
        <v>39</v>
      </c>
      <c r="E119907" s="15">
        <v>45563</v>
      </c>
      <c r="F119907" s="14" t="s">
        <v>15</v>
      </c>
      <c r="G119907" s="16">
        <v>0.87464502762651486</v>
      </c>
    </row>
    <row r="119908" spans="1:7" x14ac:dyDescent="0.3">
      <c r="A119908" s="13" t="s">
        <v>563</v>
      </c>
      <c r="B119908" s="14" t="s">
        <v>1</v>
      </c>
      <c r="C119908" s="14" t="s">
        <v>558</v>
      </c>
      <c r="D119908" s="14" t="s">
        <v>39</v>
      </c>
      <c r="E119908" s="15">
        <v>45564</v>
      </c>
      <c r="F119908" s="14" t="s">
        <v>15</v>
      </c>
      <c r="G119908" s="16">
        <v>0.87464502762651486</v>
      </c>
    </row>
    <row r="119909" spans="1:7" x14ac:dyDescent="0.3">
      <c r="A119909" s="13" t="s">
        <v>563</v>
      </c>
      <c r="B119909" s="14" t="s">
        <v>1</v>
      </c>
      <c r="C119909" s="14" t="s">
        <v>558</v>
      </c>
      <c r="D119909" s="14" t="s">
        <v>39</v>
      </c>
      <c r="E119909" s="15">
        <v>45565</v>
      </c>
      <c r="F119909" s="14" t="s">
        <v>15</v>
      </c>
      <c r="G119909" s="16">
        <v>0.90205111916892156</v>
      </c>
    </row>
    <row r="119910" spans="1:7" x14ac:dyDescent="0.3">
      <c r="A119910" s="13" t="s">
        <v>563</v>
      </c>
      <c r="B119910" s="14" t="s">
        <v>1</v>
      </c>
      <c r="C119910" s="14" t="s">
        <v>558</v>
      </c>
      <c r="D119910" s="14" t="s">
        <v>39</v>
      </c>
      <c r="E119910" s="15">
        <v>45566</v>
      </c>
      <c r="F119910" s="14" t="s">
        <v>15</v>
      </c>
      <c r="G119910" s="16">
        <v>0.8981073447326855</v>
      </c>
    </row>
    <row r="119911" spans="1:7" x14ac:dyDescent="0.3">
      <c r="A119911" s="13" t="s">
        <v>563</v>
      </c>
      <c r="B119911" s="14" t="s">
        <v>1</v>
      </c>
      <c r="C119911" s="14" t="s">
        <v>558</v>
      </c>
      <c r="D119911" s="14" t="s">
        <v>39</v>
      </c>
      <c r="E119911" s="15">
        <v>45567</v>
      </c>
      <c r="F119911" s="14" t="s">
        <v>15</v>
      </c>
      <c r="G119911" s="16">
        <v>0.89912447075435953</v>
      </c>
    </row>
    <row r="119912" spans="1:7" x14ac:dyDescent="0.3">
      <c r="A119912" s="13" t="s">
        <v>563</v>
      </c>
      <c r="B119912" s="14" t="s">
        <v>1</v>
      </c>
      <c r="C119912" s="14" t="s">
        <v>558</v>
      </c>
      <c r="D119912" s="14" t="s">
        <v>39</v>
      </c>
      <c r="E119912" s="15">
        <v>45568</v>
      </c>
      <c r="F119912" s="14" t="s">
        <v>15</v>
      </c>
      <c r="G119912" s="16">
        <v>0.90113374697865511</v>
      </c>
    </row>
    <row r="119913" spans="1:7" x14ac:dyDescent="0.3">
      <c r="A119913" s="13" t="s">
        <v>563</v>
      </c>
      <c r="B119913" s="14" t="s">
        <v>1</v>
      </c>
      <c r="C119913" s="14" t="s">
        <v>558</v>
      </c>
      <c r="D119913" s="14" t="s">
        <v>39</v>
      </c>
      <c r="E119913" s="15">
        <v>45569</v>
      </c>
      <c r="F119913" s="14" t="s">
        <v>15</v>
      </c>
      <c r="G119913" s="16">
        <v>0.89962525537758531</v>
      </c>
    </row>
    <row r="119914" spans="1:7" x14ac:dyDescent="0.3">
      <c r="A119914" s="13" t="s">
        <v>563</v>
      </c>
      <c r="B119914" s="14" t="s">
        <v>1</v>
      </c>
      <c r="C119914" s="14" t="s">
        <v>558</v>
      </c>
      <c r="D119914" s="14" t="s">
        <v>39</v>
      </c>
      <c r="E119914" s="15">
        <v>45570</v>
      </c>
      <c r="F119914" s="14" t="s">
        <v>15</v>
      </c>
      <c r="G119914" s="16">
        <v>0.89962525537758531</v>
      </c>
    </row>
    <row r="119915" spans="1:7" x14ac:dyDescent="0.3">
      <c r="A119915" s="13" t="s">
        <v>563</v>
      </c>
      <c r="B119915" s="14" t="s">
        <v>1</v>
      </c>
      <c r="C119915" s="14" t="s">
        <v>558</v>
      </c>
      <c r="D119915" s="14" t="s">
        <v>39</v>
      </c>
      <c r="E119915" s="15">
        <v>45571</v>
      </c>
      <c r="F119915" s="14" t="s">
        <v>15</v>
      </c>
      <c r="G119915" s="16">
        <v>0.89962525537758531</v>
      </c>
    </row>
    <row r="119916" spans="1:7" x14ac:dyDescent="0.3">
      <c r="A119916" s="13" t="s">
        <v>563</v>
      </c>
      <c r="B119916" s="14" t="s">
        <v>1</v>
      </c>
      <c r="C119916" s="14" t="s">
        <v>558</v>
      </c>
      <c r="D119916" s="14" t="s">
        <v>39</v>
      </c>
      <c r="E119916" s="15">
        <v>45572</v>
      </c>
      <c r="F119916" s="14" t="s">
        <v>15</v>
      </c>
      <c r="G119916" s="16">
        <v>0.89073703923069347</v>
      </c>
    </row>
    <row r="119917" spans="1:7" x14ac:dyDescent="0.3">
      <c r="A119917" s="13" t="s">
        <v>563</v>
      </c>
      <c r="B119917" s="14" t="s">
        <v>1</v>
      </c>
      <c r="C119917" s="14" t="s">
        <v>558</v>
      </c>
      <c r="D119917" s="14" t="s">
        <v>39</v>
      </c>
      <c r="E119917" s="15">
        <v>45573</v>
      </c>
      <c r="F119917" s="14" t="s">
        <v>15</v>
      </c>
      <c r="G119917" s="16">
        <v>0.89207747296107842</v>
      </c>
    </row>
    <row r="119918" spans="1:7" x14ac:dyDescent="0.3">
      <c r="A119918" s="13" t="s">
        <v>563</v>
      </c>
      <c r="B119918" s="14" t="s">
        <v>1</v>
      </c>
      <c r="C119918" s="14" t="s">
        <v>558</v>
      </c>
      <c r="D119918" s="14" t="s">
        <v>39</v>
      </c>
      <c r="E119918" s="15">
        <v>45574</v>
      </c>
      <c r="F119918" s="14" t="s">
        <v>15</v>
      </c>
      <c r="G119918" s="16">
        <v>0.90256411415332771</v>
      </c>
    </row>
    <row r="119919" spans="1:7" x14ac:dyDescent="0.3">
      <c r="A119919" s="13" t="s">
        <v>563</v>
      </c>
      <c r="B119919" s="14" t="s">
        <v>1</v>
      </c>
      <c r="C119919" s="14" t="s">
        <v>558</v>
      </c>
      <c r="D119919" s="14" t="s">
        <v>39</v>
      </c>
      <c r="E119919" s="15">
        <v>45575</v>
      </c>
      <c r="F119919" s="14" t="s">
        <v>15</v>
      </c>
      <c r="G119919" s="16">
        <v>0.91068027205996172</v>
      </c>
    </row>
    <row r="119920" spans="1:7" x14ac:dyDescent="0.3">
      <c r="A119920" s="13" t="s">
        <v>563</v>
      </c>
      <c r="B119920" s="14" t="s">
        <v>1</v>
      </c>
      <c r="C119920" s="14" t="s">
        <v>558</v>
      </c>
      <c r="D119920" s="14" t="s">
        <v>39</v>
      </c>
      <c r="E119920" s="15">
        <v>45576</v>
      </c>
      <c r="F119920" s="14" t="s">
        <v>15</v>
      </c>
      <c r="G119920" s="16">
        <v>0.90924172358215583</v>
      </c>
    </row>
    <row r="119921" spans="1:7" x14ac:dyDescent="0.3">
      <c r="A119921" s="13" t="s">
        <v>563</v>
      </c>
      <c r="B119921" s="14" t="s">
        <v>1</v>
      </c>
      <c r="C119921" s="14" t="s">
        <v>558</v>
      </c>
      <c r="D119921" s="14" t="s">
        <v>39</v>
      </c>
      <c r="E119921" s="15">
        <v>45577</v>
      </c>
      <c r="F119921" s="14" t="s">
        <v>15</v>
      </c>
      <c r="G119921" s="16">
        <v>0.90924172358215583</v>
      </c>
    </row>
    <row r="119922" spans="1:7" x14ac:dyDescent="0.3">
      <c r="A119922" s="13" t="s">
        <v>563</v>
      </c>
      <c r="B119922" s="14" t="s">
        <v>1</v>
      </c>
      <c r="C119922" s="14" t="s">
        <v>558</v>
      </c>
      <c r="D119922" s="14" t="s">
        <v>39</v>
      </c>
      <c r="E119922" s="15">
        <v>45578</v>
      </c>
      <c r="F119922" s="14" t="s">
        <v>15</v>
      </c>
      <c r="G119922" s="16">
        <v>0.90924172358215583</v>
      </c>
    </row>
    <row r="119923" spans="1:7" x14ac:dyDescent="0.3">
      <c r="A119923" s="13" t="s">
        <v>563</v>
      </c>
      <c r="B119923" s="14" t="s">
        <v>1</v>
      </c>
      <c r="C119923" s="14" t="s">
        <v>558</v>
      </c>
      <c r="D119923" s="14" t="s">
        <v>39</v>
      </c>
      <c r="E119923" s="15">
        <v>45579</v>
      </c>
      <c r="F119923" s="14" t="s">
        <v>15</v>
      </c>
      <c r="G119923" s="16">
        <v>0.91173401576189561</v>
      </c>
    </row>
    <row r="119924" spans="1:7" x14ac:dyDescent="0.3">
      <c r="A119924" s="13" t="s">
        <v>563</v>
      </c>
      <c r="B119924" s="14" t="s">
        <v>1</v>
      </c>
      <c r="C119924" s="14" t="s">
        <v>558</v>
      </c>
      <c r="D119924" s="14" t="s">
        <v>39</v>
      </c>
      <c r="E119924" s="15">
        <v>45580</v>
      </c>
      <c r="F119924" s="14" t="s">
        <v>15</v>
      </c>
      <c r="G119924" s="16">
        <v>0.90695934162708935</v>
      </c>
    </row>
    <row r="119925" spans="1:7" x14ac:dyDescent="0.3">
      <c r="A119925" s="13" t="s">
        <v>563</v>
      </c>
      <c r="B119925" s="14" t="s">
        <v>1</v>
      </c>
      <c r="C119925" s="14" t="s">
        <v>558</v>
      </c>
      <c r="D119925" s="14" t="s">
        <v>39</v>
      </c>
      <c r="E119925" s="15">
        <v>45581</v>
      </c>
      <c r="F119925" s="14" t="s">
        <v>15</v>
      </c>
      <c r="G119925" s="16">
        <v>0.90495204369680959</v>
      </c>
    </row>
    <row r="119926" spans="1:7" x14ac:dyDescent="0.3">
      <c r="A119926" s="13" t="s">
        <v>563</v>
      </c>
      <c r="B119926" s="14" t="s">
        <v>1</v>
      </c>
      <c r="C119926" s="14" t="s">
        <v>558</v>
      </c>
      <c r="D119926" s="14" t="s">
        <v>39</v>
      </c>
      <c r="E119926" s="15">
        <v>45582</v>
      </c>
      <c r="F119926" s="14" t="s">
        <v>15</v>
      </c>
      <c r="G119926" s="16">
        <v>0.9033894447839288</v>
      </c>
    </row>
    <row r="119927" spans="1:7" x14ac:dyDescent="0.3">
      <c r="A119927" s="13" t="s">
        <v>563</v>
      </c>
      <c r="B119927" s="14" t="s">
        <v>1</v>
      </c>
      <c r="C119927" s="14" t="s">
        <v>558</v>
      </c>
      <c r="D119927" s="14" t="s">
        <v>39</v>
      </c>
      <c r="E119927" s="15">
        <v>45583</v>
      </c>
      <c r="F119927" s="14" t="s">
        <v>15</v>
      </c>
      <c r="G119927" s="16">
        <v>0.90338302027955386</v>
      </c>
    </row>
    <row r="119928" spans="1:7" x14ac:dyDescent="0.3">
      <c r="A119928" s="13" t="s">
        <v>563</v>
      </c>
      <c r="B119928" s="14" t="s">
        <v>1</v>
      </c>
      <c r="C119928" s="14" t="s">
        <v>558</v>
      </c>
      <c r="D119928" s="14" t="s">
        <v>39</v>
      </c>
      <c r="E119928" s="15">
        <v>45584</v>
      </c>
      <c r="F119928" s="14" t="s">
        <v>15</v>
      </c>
      <c r="G119928" s="16">
        <v>0.90338302027955386</v>
      </c>
    </row>
    <row r="119929" spans="1:7" x14ac:dyDescent="0.3">
      <c r="A119929" s="13" t="s">
        <v>563</v>
      </c>
      <c r="B119929" s="14" t="s">
        <v>1</v>
      </c>
      <c r="C119929" s="14" t="s">
        <v>558</v>
      </c>
      <c r="D119929" s="14" t="s">
        <v>39</v>
      </c>
      <c r="E119929" s="15">
        <v>45585</v>
      </c>
      <c r="F119929" s="14" t="s">
        <v>15</v>
      </c>
      <c r="G119929" s="16">
        <v>0.90338302027955386</v>
      </c>
    </row>
    <row r="119930" spans="1:7" x14ac:dyDescent="0.3">
      <c r="A119930" s="13" t="s">
        <v>563</v>
      </c>
      <c r="B119930" s="14" t="s">
        <v>1</v>
      </c>
      <c r="C119930" s="14" t="s">
        <v>558</v>
      </c>
      <c r="D119930" s="14" t="s">
        <v>39</v>
      </c>
      <c r="E119930" s="15">
        <v>45586</v>
      </c>
      <c r="F119930" s="14" t="s">
        <v>15</v>
      </c>
      <c r="G119930" s="16">
        <v>0.90320528271468337</v>
      </c>
    </row>
    <row r="119931" spans="1:7" x14ac:dyDescent="0.3">
      <c r="A119931" s="13" t="s">
        <v>563</v>
      </c>
      <c r="B119931" s="14" t="s">
        <v>1</v>
      </c>
      <c r="C119931" s="14" t="s">
        <v>558</v>
      </c>
      <c r="D119931" s="14" t="s">
        <v>39</v>
      </c>
      <c r="E119931" s="15">
        <v>45587</v>
      </c>
      <c r="F119931" s="14" t="s">
        <v>15</v>
      </c>
      <c r="G119931" s="16">
        <v>0.89876682385465656</v>
      </c>
    </row>
    <row r="119932" spans="1:7" x14ac:dyDescent="0.3">
      <c r="A119932" s="13" t="s">
        <v>563</v>
      </c>
      <c r="B119932" s="14" t="s">
        <v>1</v>
      </c>
      <c r="C119932" s="14" t="s">
        <v>558</v>
      </c>
      <c r="D119932" s="14" t="s">
        <v>39</v>
      </c>
      <c r="E119932" s="15">
        <v>45588</v>
      </c>
      <c r="F119932" s="14" t="s">
        <v>15</v>
      </c>
      <c r="G119932" s="16">
        <v>0.89730298328641334</v>
      </c>
    </row>
    <row r="119933" spans="1:7" x14ac:dyDescent="0.3">
      <c r="A119933" s="13" t="s">
        <v>563</v>
      </c>
      <c r="B119933" s="14" t="s">
        <v>1</v>
      </c>
      <c r="C119933" s="14" t="s">
        <v>558</v>
      </c>
      <c r="D119933" s="14" t="s">
        <v>39</v>
      </c>
      <c r="E119933" s="15">
        <v>45589</v>
      </c>
      <c r="F119933" s="14" t="s">
        <v>15</v>
      </c>
      <c r="G119933" s="16">
        <v>0.8968864231197885</v>
      </c>
    </row>
    <row r="119934" spans="1:7" x14ac:dyDescent="0.3">
      <c r="A119934" s="13" t="s">
        <v>563</v>
      </c>
      <c r="B119934" s="14" t="s">
        <v>1</v>
      </c>
      <c r="C119934" s="14" t="s">
        <v>558</v>
      </c>
      <c r="D119934" s="14" t="s">
        <v>39</v>
      </c>
      <c r="E119934" s="15">
        <v>45590</v>
      </c>
      <c r="F119934" s="14" t="s">
        <v>15</v>
      </c>
      <c r="G119934" s="16">
        <v>0.89544280772570573</v>
      </c>
    </row>
    <row r="119935" spans="1:7" x14ac:dyDescent="0.3">
      <c r="A119935" s="13" t="s">
        <v>563</v>
      </c>
      <c r="B119935" s="14" t="s">
        <v>1</v>
      </c>
      <c r="C119935" s="14" t="s">
        <v>558</v>
      </c>
      <c r="D119935" s="14" t="s">
        <v>39</v>
      </c>
      <c r="E119935" s="15">
        <v>45591</v>
      </c>
      <c r="F119935" s="14" t="s">
        <v>15</v>
      </c>
      <c r="G119935" s="16">
        <v>0.89544280772570573</v>
      </c>
    </row>
    <row r="119936" spans="1:7" x14ac:dyDescent="0.3">
      <c r="A119936" s="13" t="s">
        <v>563</v>
      </c>
      <c r="B119936" s="14" t="s">
        <v>1</v>
      </c>
      <c r="C119936" s="14" t="s">
        <v>558</v>
      </c>
      <c r="D119936" s="14" t="s">
        <v>39</v>
      </c>
      <c r="E119936" s="15">
        <v>45592</v>
      </c>
      <c r="F119936" s="14" t="s">
        <v>15</v>
      </c>
      <c r="G119936" s="16">
        <v>0.89544280772570573</v>
      </c>
    </row>
    <row r="119937" spans="1:7" x14ac:dyDescent="0.3">
      <c r="A119937" s="13" t="s">
        <v>563</v>
      </c>
      <c r="B119937" s="14" t="s">
        <v>1</v>
      </c>
      <c r="C119937" s="14" t="s">
        <v>558</v>
      </c>
      <c r="D119937" s="14" t="s">
        <v>39</v>
      </c>
      <c r="E119937" s="15">
        <v>45593</v>
      </c>
      <c r="F119937" s="14" t="s">
        <v>15</v>
      </c>
      <c r="G119937" s="16">
        <v>0.89544280772570573</v>
      </c>
    </row>
    <row r="119938" spans="1:7" x14ac:dyDescent="0.3">
      <c r="A119938" s="13" t="s">
        <v>563</v>
      </c>
      <c r="B119938" s="14" t="s">
        <v>1</v>
      </c>
      <c r="C119938" s="14" t="s">
        <v>558</v>
      </c>
      <c r="D119938" s="14" t="s">
        <v>39</v>
      </c>
      <c r="E119938" s="15">
        <v>45594</v>
      </c>
      <c r="F119938" s="14" t="s">
        <v>15</v>
      </c>
      <c r="G119938" s="16">
        <v>0.89394322280519933</v>
      </c>
    </row>
    <row r="119939" spans="1:7" x14ac:dyDescent="0.3">
      <c r="A119939" s="13" t="s">
        <v>563</v>
      </c>
      <c r="B119939" s="14" t="s">
        <v>1</v>
      </c>
      <c r="C119939" s="14" t="s">
        <v>558</v>
      </c>
      <c r="D119939" s="14" t="s">
        <v>39</v>
      </c>
      <c r="E119939" s="15">
        <v>45595</v>
      </c>
      <c r="F119939" s="14" t="s">
        <v>15</v>
      </c>
      <c r="G119939" s="16">
        <v>0.90196520564390026</v>
      </c>
    </row>
    <row r="119940" spans="1:7" x14ac:dyDescent="0.3">
      <c r="A119940" s="13" t="s">
        <v>563</v>
      </c>
      <c r="B119940" s="14" t="s">
        <v>1</v>
      </c>
      <c r="C119940" s="14" t="s">
        <v>558</v>
      </c>
      <c r="D119940" s="14" t="s">
        <v>39</v>
      </c>
      <c r="E119940" s="15">
        <v>45596</v>
      </c>
      <c r="F119940" s="14" t="s">
        <v>15</v>
      </c>
      <c r="G119940" s="16">
        <v>0.90048345990171186</v>
      </c>
    </row>
    <row r="119941" spans="1:7" x14ac:dyDescent="0.3">
      <c r="A119941" s="13" t="s">
        <v>563</v>
      </c>
      <c r="B119941" s="14" t="s">
        <v>1</v>
      </c>
      <c r="C119941" s="14" t="s">
        <v>558</v>
      </c>
      <c r="D119941" s="14" t="s">
        <v>39</v>
      </c>
      <c r="E119941" s="15">
        <v>45597</v>
      </c>
      <c r="F119941" s="14" t="s">
        <v>15</v>
      </c>
      <c r="G119941" s="16">
        <v>0.89897192512935242</v>
      </c>
    </row>
    <row r="119942" spans="1:7" x14ac:dyDescent="0.3">
      <c r="A119942" s="13" t="s">
        <v>563</v>
      </c>
      <c r="B119942" s="14" t="s">
        <v>1</v>
      </c>
      <c r="C119942" s="14" t="s">
        <v>558</v>
      </c>
      <c r="D119942" s="14" t="s">
        <v>39</v>
      </c>
      <c r="E119942" s="15">
        <v>45598</v>
      </c>
      <c r="F119942" s="14" t="s">
        <v>15</v>
      </c>
      <c r="G119942" s="16">
        <v>0.89897192512935242</v>
      </c>
    </row>
    <row r="119943" spans="1:7" x14ac:dyDescent="0.3">
      <c r="A119943" s="13" t="s">
        <v>563</v>
      </c>
      <c r="B119943" s="14" t="s">
        <v>1</v>
      </c>
      <c r="C119943" s="14" t="s">
        <v>558</v>
      </c>
      <c r="D119943" s="14" t="s">
        <v>39</v>
      </c>
      <c r="E119943" s="15">
        <v>45599</v>
      </c>
      <c r="F119943" s="14" t="s">
        <v>15</v>
      </c>
      <c r="G119943" s="16">
        <v>0.89897192512935242</v>
      </c>
    </row>
    <row r="119944" spans="1:7" x14ac:dyDescent="0.3">
      <c r="A119944" s="13" t="s">
        <v>563</v>
      </c>
      <c r="B119944" s="14" t="s">
        <v>1</v>
      </c>
      <c r="C119944" s="14" t="s">
        <v>558</v>
      </c>
      <c r="D119944" s="14" t="s">
        <v>39</v>
      </c>
      <c r="E119944" s="15">
        <v>45600</v>
      </c>
      <c r="F119944" s="14" t="s">
        <v>15</v>
      </c>
      <c r="G119944" s="16">
        <v>0.89829845177828926</v>
      </c>
    </row>
    <row r="119945" spans="1:7" x14ac:dyDescent="0.3">
      <c r="A119945" s="13" t="s">
        <v>563</v>
      </c>
      <c r="B119945" s="14" t="s">
        <v>1</v>
      </c>
      <c r="C119945" s="14" t="s">
        <v>558</v>
      </c>
      <c r="D119945" s="14" t="s">
        <v>39</v>
      </c>
      <c r="E119945" s="15">
        <v>45601</v>
      </c>
      <c r="F119945" s="14" t="s">
        <v>15</v>
      </c>
      <c r="G119945" s="16">
        <v>0.89356533388793635</v>
      </c>
    </row>
    <row r="119946" spans="1:7" x14ac:dyDescent="0.3">
      <c r="A119946" s="13" t="s">
        <v>563</v>
      </c>
      <c r="B119946" s="14" t="s">
        <v>1</v>
      </c>
      <c r="C119946" s="14" t="s">
        <v>558</v>
      </c>
      <c r="D119946" s="14" t="s">
        <v>39</v>
      </c>
      <c r="E119946" s="15">
        <v>45602</v>
      </c>
      <c r="F119946" s="14" t="s">
        <v>15</v>
      </c>
      <c r="G119946" s="16">
        <v>0.89198452828222941</v>
      </c>
    </row>
    <row r="119947" spans="1:7" x14ac:dyDescent="0.3">
      <c r="A119947" s="13" t="s">
        <v>563</v>
      </c>
      <c r="B119947" s="14" t="s">
        <v>1</v>
      </c>
      <c r="C119947" s="14" t="s">
        <v>558</v>
      </c>
      <c r="D119947" s="14" t="s">
        <v>39</v>
      </c>
      <c r="E119947" s="15">
        <v>45603</v>
      </c>
      <c r="F119947" s="14" t="s">
        <v>15</v>
      </c>
      <c r="G119947" s="16">
        <v>0.8904327441857024</v>
      </c>
    </row>
    <row r="119948" spans="1:7" x14ac:dyDescent="0.3">
      <c r="A119948" s="13" t="s">
        <v>563</v>
      </c>
      <c r="B119948" s="14" t="s">
        <v>1</v>
      </c>
      <c r="C119948" s="14" t="s">
        <v>558</v>
      </c>
      <c r="D119948" s="14" t="s">
        <v>39</v>
      </c>
      <c r="E119948" s="15">
        <v>45604</v>
      </c>
      <c r="F119948" s="14" t="s">
        <v>15</v>
      </c>
      <c r="G119948" s="16">
        <v>0.89344217744499999</v>
      </c>
    </row>
    <row r="119949" spans="1:7" x14ac:dyDescent="0.3">
      <c r="A119949" s="13" t="s">
        <v>563</v>
      </c>
      <c r="B119949" s="14" t="s">
        <v>1</v>
      </c>
      <c r="C119949" s="14" t="s">
        <v>558</v>
      </c>
      <c r="D119949" s="14" t="s">
        <v>39</v>
      </c>
      <c r="E119949" s="15">
        <v>45605</v>
      </c>
      <c r="F119949" s="14" t="s">
        <v>15</v>
      </c>
      <c r="G119949" s="16">
        <v>0.89344217744499999</v>
      </c>
    </row>
    <row r="119950" spans="1:7" x14ac:dyDescent="0.3">
      <c r="A119950" s="13" t="s">
        <v>563</v>
      </c>
      <c r="B119950" s="14" t="s">
        <v>1</v>
      </c>
      <c r="C119950" s="14" t="s">
        <v>558</v>
      </c>
      <c r="D119950" s="14" t="s">
        <v>39</v>
      </c>
      <c r="E119950" s="15">
        <v>45606</v>
      </c>
      <c r="F119950" s="14" t="s">
        <v>15</v>
      </c>
      <c r="G119950" s="16">
        <v>0.89344217744499999</v>
      </c>
    </row>
    <row r="119951" spans="1:7" x14ac:dyDescent="0.3">
      <c r="A119951" s="13" t="s">
        <v>563</v>
      </c>
      <c r="B119951" s="14" t="s">
        <v>1</v>
      </c>
      <c r="C119951" s="14" t="s">
        <v>558</v>
      </c>
      <c r="D119951" s="14" t="s">
        <v>39</v>
      </c>
      <c r="E119951" s="15">
        <v>45607</v>
      </c>
      <c r="F119951" s="14" t="s">
        <v>15</v>
      </c>
      <c r="G119951" s="16">
        <v>0.89366353253796338</v>
      </c>
    </row>
    <row r="119952" spans="1:7" x14ac:dyDescent="0.3">
      <c r="A119952" s="13" t="s">
        <v>563</v>
      </c>
      <c r="B119952" s="14" t="s">
        <v>1</v>
      </c>
      <c r="C119952" s="14" t="s">
        <v>558</v>
      </c>
      <c r="D119952" s="14" t="s">
        <v>39</v>
      </c>
      <c r="E119952" s="15">
        <v>45608</v>
      </c>
      <c r="F119952" s="14" t="s">
        <v>15</v>
      </c>
      <c r="G119952" s="16">
        <v>0.90746563192889995</v>
      </c>
    </row>
    <row r="119953" spans="1:7" x14ac:dyDescent="0.3">
      <c r="A119953" s="13" t="s">
        <v>563</v>
      </c>
      <c r="B119953" s="14" t="s">
        <v>1</v>
      </c>
      <c r="C119953" s="14" t="s">
        <v>558</v>
      </c>
      <c r="D119953" s="14" t="s">
        <v>39</v>
      </c>
      <c r="E119953" s="15">
        <v>45609</v>
      </c>
      <c r="F119953" s="14" t="s">
        <v>15</v>
      </c>
      <c r="G119953" s="16">
        <v>0.90597614926157444</v>
      </c>
    </row>
    <row r="119954" spans="1:7" x14ac:dyDescent="0.3">
      <c r="A119954" s="13" t="s">
        <v>563</v>
      </c>
      <c r="B119954" s="14" t="s">
        <v>1</v>
      </c>
      <c r="C119954" s="14" t="s">
        <v>558</v>
      </c>
      <c r="D119954" s="14" t="s">
        <v>39</v>
      </c>
      <c r="E119954" s="15">
        <v>45610</v>
      </c>
      <c r="F119954" s="14" t="s">
        <v>15</v>
      </c>
      <c r="G119954" s="16">
        <v>0.90464371046620984</v>
      </c>
    </row>
    <row r="119955" spans="1:7" x14ac:dyDescent="0.3">
      <c r="A119955" s="13" t="s">
        <v>563</v>
      </c>
      <c r="B119955" s="14" t="s">
        <v>1</v>
      </c>
      <c r="C119955" s="14" t="s">
        <v>558</v>
      </c>
      <c r="D119955" s="14" t="s">
        <v>39</v>
      </c>
      <c r="E119955" s="15">
        <v>45611</v>
      </c>
      <c r="F119955" s="14" t="s">
        <v>15</v>
      </c>
      <c r="G119955" s="16">
        <v>0.90295621997067899</v>
      </c>
    </row>
    <row r="119956" spans="1:7" x14ac:dyDescent="0.3">
      <c r="A119956" s="13" t="s">
        <v>563</v>
      </c>
      <c r="B119956" s="14" t="s">
        <v>1</v>
      </c>
      <c r="C119956" s="14" t="s">
        <v>558</v>
      </c>
      <c r="D119956" s="14" t="s">
        <v>39</v>
      </c>
      <c r="E119956" s="15">
        <v>45612</v>
      </c>
      <c r="F119956" s="14" t="s">
        <v>15</v>
      </c>
      <c r="G119956" s="16">
        <v>0.90295621997067899</v>
      </c>
    </row>
    <row r="119957" spans="1:7" x14ac:dyDescent="0.3">
      <c r="A119957" s="13" t="s">
        <v>563</v>
      </c>
      <c r="B119957" s="14" t="s">
        <v>1</v>
      </c>
      <c r="C119957" s="14" t="s">
        <v>558</v>
      </c>
      <c r="D119957" s="14" t="s">
        <v>39</v>
      </c>
      <c r="E119957" s="15">
        <v>45613</v>
      </c>
      <c r="F119957" s="14" t="s">
        <v>15</v>
      </c>
      <c r="G119957" s="16">
        <v>0.90295621997067899</v>
      </c>
    </row>
    <row r="119958" spans="1:7" x14ac:dyDescent="0.3">
      <c r="A119958" s="13" t="s">
        <v>563</v>
      </c>
      <c r="B119958" s="14" t="s">
        <v>1</v>
      </c>
      <c r="C119958" s="14" t="s">
        <v>558</v>
      </c>
      <c r="D119958" s="14" t="s">
        <v>39</v>
      </c>
      <c r="E119958" s="15">
        <v>45614</v>
      </c>
      <c r="F119958" s="14" t="s">
        <v>15</v>
      </c>
      <c r="G119958" s="16">
        <v>0.90310563218876683</v>
      </c>
    </row>
    <row r="119959" spans="1:7" x14ac:dyDescent="0.3">
      <c r="A119959" s="13" t="s">
        <v>563</v>
      </c>
      <c r="B119959" s="14" t="s">
        <v>1</v>
      </c>
      <c r="C119959" s="14" t="s">
        <v>558</v>
      </c>
      <c r="D119959" s="14" t="s">
        <v>39</v>
      </c>
      <c r="E119959" s="15">
        <v>45615</v>
      </c>
      <c r="F119959" s="14" t="s">
        <v>15</v>
      </c>
      <c r="G119959" s="16">
        <v>0.89820460305293481</v>
      </c>
    </row>
    <row r="119960" spans="1:7" x14ac:dyDescent="0.3">
      <c r="A119960" s="13" t="s">
        <v>563</v>
      </c>
      <c r="B119960" s="14" t="s">
        <v>1</v>
      </c>
      <c r="C119960" s="14" t="s">
        <v>558</v>
      </c>
      <c r="D119960" s="14" t="s">
        <v>39</v>
      </c>
      <c r="E119960" s="15">
        <v>45616</v>
      </c>
      <c r="F119960" s="14" t="s">
        <v>15</v>
      </c>
      <c r="G119960" s="16">
        <v>0.9017708062460722</v>
      </c>
    </row>
    <row r="119961" spans="1:7" x14ac:dyDescent="0.3">
      <c r="A119961" s="13" t="s">
        <v>563</v>
      </c>
      <c r="B119961" s="14" t="s">
        <v>1</v>
      </c>
      <c r="C119961" s="14" t="s">
        <v>558</v>
      </c>
      <c r="D119961" s="14" t="s">
        <v>39</v>
      </c>
      <c r="E119961" s="15">
        <v>45617</v>
      </c>
      <c r="F119961" s="14" t="s">
        <v>15</v>
      </c>
      <c r="G119961" s="16">
        <v>0.90041593549185694</v>
      </c>
    </row>
    <row r="119962" spans="1:7" x14ac:dyDescent="0.3">
      <c r="A119962" s="13" t="s">
        <v>563</v>
      </c>
      <c r="B119962" s="14" t="s">
        <v>1</v>
      </c>
      <c r="C119962" s="14" t="s">
        <v>558</v>
      </c>
      <c r="D119962" s="14" t="s">
        <v>39</v>
      </c>
      <c r="E119962" s="15">
        <v>45618</v>
      </c>
      <c r="F119962" s="14" t="s">
        <v>15</v>
      </c>
      <c r="G119962" s="16">
        <v>0.90267397930420823</v>
      </c>
    </row>
    <row r="119963" spans="1:7" x14ac:dyDescent="0.3">
      <c r="A119963" s="13" t="s">
        <v>563</v>
      </c>
      <c r="B119963" s="14" t="s">
        <v>1</v>
      </c>
      <c r="C119963" s="14" t="s">
        <v>558</v>
      </c>
      <c r="D119963" s="14" t="s">
        <v>39</v>
      </c>
      <c r="E119963" s="15">
        <v>45619</v>
      </c>
      <c r="F119963" s="14" t="s">
        <v>15</v>
      </c>
      <c r="G119963" s="16">
        <v>0.90267397930420823</v>
      </c>
    </row>
    <row r="119964" spans="1:7" x14ac:dyDescent="0.3">
      <c r="A119964" s="13" t="s">
        <v>563</v>
      </c>
      <c r="B119964" s="14" t="s">
        <v>1</v>
      </c>
      <c r="C119964" s="14" t="s">
        <v>558</v>
      </c>
      <c r="D119964" s="14" t="s">
        <v>39</v>
      </c>
      <c r="E119964" s="15">
        <v>45620</v>
      </c>
      <c r="F119964" s="14" t="s">
        <v>15</v>
      </c>
      <c r="G119964" s="16">
        <v>0.90267397930420823</v>
      </c>
    </row>
    <row r="119965" spans="1:7" x14ac:dyDescent="0.3">
      <c r="A119965" s="13" t="s">
        <v>563</v>
      </c>
      <c r="B119965" s="14" t="s">
        <v>1</v>
      </c>
      <c r="C119965" s="14" t="s">
        <v>558</v>
      </c>
      <c r="D119965" s="14" t="s">
        <v>39</v>
      </c>
      <c r="E119965" s="15">
        <v>45621</v>
      </c>
      <c r="F119965" s="14" t="s">
        <v>15</v>
      </c>
      <c r="G119965" s="16">
        <v>0.90504705093507642</v>
      </c>
    </row>
    <row r="119966" spans="1:7" x14ac:dyDescent="0.3">
      <c r="A119966" s="13" t="s">
        <v>563</v>
      </c>
      <c r="B119966" s="14" t="s">
        <v>1</v>
      </c>
      <c r="C119966" s="14" t="s">
        <v>558</v>
      </c>
      <c r="D119966" s="14" t="s">
        <v>39</v>
      </c>
      <c r="E119966" s="15">
        <v>45622</v>
      </c>
      <c r="F119966" s="14" t="s">
        <v>15</v>
      </c>
      <c r="G119966" s="16">
        <v>0.90320906776923371</v>
      </c>
    </row>
    <row r="119967" spans="1:7" x14ac:dyDescent="0.3">
      <c r="A119967" s="13" t="s">
        <v>563</v>
      </c>
      <c r="B119967" s="14" t="s">
        <v>1</v>
      </c>
      <c r="C119967" s="14" t="s">
        <v>558</v>
      </c>
      <c r="D119967" s="14" t="s">
        <v>39</v>
      </c>
      <c r="E119967" s="15">
        <v>45623</v>
      </c>
      <c r="F119967" s="14" t="s">
        <v>15</v>
      </c>
      <c r="G119967" s="16">
        <v>0.91584566923797517</v>
      </c>
    </row>
    <row r="119968" spans="1:7" x14ac:dyDescent="0.3">
      <c r="A119968" s="13" t="s">
        <v>563</v>
      </c>
      <c r="B119968" s="14" t="s">
        <v>1</v>
      </c>
      <c r="C119968" s="14" t="s">
        <v>558</v>
      </c>
      <c r="D119968" s="14" t="s">
        <v>39</v>
      </c>
      <c r="E119968" s="15">
        <v>45624</v>
      </c>
      <c r="F119968" s="14" t="s">
        <v>15</v>
      </c>
      <c r="G119968" s="16">
        <v>0.91469093230815579</v>
      </c>
    </row>
    <row r="119969" spans="1:7" x14ac:dyDescent="0.3">
      <c r="A119969" s="13" t="s">
        <v>563</v>
      </c>
      <c r="B119969" s="14" t="s">
        <v>1</v>
      </c>
      <c r="C119969" s="14" t="s">
        <v>558</v>
      </c>
      <c r="D119969" s="14" t="s">
        <v>39</v>
      </c>
      <c r="E119969" s="15">
        <v>45625</v>
      </c>
      <c r="F119969" s="14" t="s">
        <v>15</v>
      </c>
      <c r="G119969" s="16">
        <v>0.9174988124096578</v>
      </c>
    </row>
    <row r="119970" spans="1:7" x14ac:dyDescent="0.3">
      <c r="A119970" s="13" t="s">
        <v>563</v>
      </c>
      <c r="B119970" s="14" t="s">
        <v>1</v>
      </c>
      <c r="C119970" s="14" t="s">
        <v>558</v>
      </c>
      <c r="D119970" s="14" t="s">
        <v>39</v>
      </c>
      <c r="E119970" s="15">
        <v>45626</v>
      </c>
      <c r="F119970" s="14" t="s">
        <v>15</v>
      </c>
      <c r="G119970" s="16">
        <v>0.9174988124096578</v>
      </c>
    </row>
    <row r="119971" spans="1:7" x14ac:dyDescent="0.3">
      <c r="A119971" s="13" t="s">
        <v>563</v>
      </c>
      <c r="B119971" s="14" t="s">
        <v>1</v>
      </c>
      <c r="C119971" s="14" t="s">
        <v>558</v>
      </c>
      <c r="D119971" s="14" t="s">
        <v>39</v>
      </c>
      <c r="E119971" s="15">
        <v>45627</v>
      </c>
      <c r="F119971" s="14" t="s">
        <v>15</v>
      </c>
      <c r="G119971" s="16">
        <v>0.9174988124096578</v>
      </c>
    </row>
    <row r="119972" spans="1:7" x14ac:dyDescent="0.3">
      <c r="A119972" s="13" t="s">
        <v>563</v>
      </c>
      <c r="B119972" s="14" t="s">
        <v>1</v>
      </c>
      <c r="C119972" s="14" t="s">
        <v>558</v>
      </c>
      <c r="D119972" s="14" t="s">
        <v>39</v>
      </c>
      <c r="E119972" s="15">
        <v>45628</v>
      </c>
      <c r="F119972" s="14" t="s">
        <v>15</v>
      </c>
      <c r="G119972" s="16">
        <v>0.91628371447886814</v>
      </c>
    </row>
    <row r="119973" spans="1:7" x14ac:dyDescent="0.3">
      <c r="A119973" s="13" t="s">
        <v>563</v>
      </c>
      <c r="B119973" s="14" t="s">
        <v>1</v>
      </c>
      <c r="C119973" s="14" t="s">
        <v>558</v>
      </c>
      <c r="D119973" s="14" t="s">
        <v>39</v>
      </c>
      <c r="E119973" s="15">
        <v>45629</v>
      </c>
      <c r="F119973" s="14" t="s">
        <v>15</v>
      </c>
      <c r="G119973" s="16">
        <v>0.91862681311253536</v>
      </c>
    </row>
    <row r="119974" spans="1:7" x14ac:dyDescent="0.3">
      <c r="A119974" s="13" t="s">
        <v>563</v>
      </c>
      <c r="B119974" s="14" t="s">
        <v>1</v>
      </c>
      <c r="C119974" s="14" t="s">
        <v>558</v>
      </c>
      <c r="D119974" s="14" t="s">
        <v>39</v>
      </c>
      <c r="E119974" s="15">
        <v>45630</v>
      </c>
      <c r="F119974" s="14" t="s">
        <v>15</v>
      </c>
      <c r="G119974" s="16">
        <v>0.91762893906163467</v>
      </c>
    </row>
    <row r="119975" spans="1:7" x14ac:dyDescent="0.3">
      <c r="A119975" s="13" t="s">
        <v>563</v>
      </c>
      <c r="B119975" s="14" t="s">
        <v>1</v>
      </c>
      <c r="C119975" s="14" t="s">
        <v>558</v>
      </c>
      <c r="D119975" s="14" t="s">
        <v>39</v>
      </c>
      <c r="E119975" s="15">
        <v>45631</v>
      </c>
      <c r="F119975" s="14" t="s">
        <v>15</v>
      </c>
      <c r="G119975" s="16">
        <v>0.91638835675823427</v>
      </c>
    </row>
    <row r="119976" spans="1:7" x14ac:dyDescent="0.3">
      <c r="A119976" s="13" t="s">
        <v>563</v>
      </c>
      <c r="B119976" s="14" t="s">
        <v>1</v>
      </c>
      <c r="C119976" s="14" t="s">
        <v>558</v>
      </c>
      <c r="D119976" s="14" t="s">
        <v>39</v>
      </c>
      <c r="E119976" s="15">
        <v>45632</v>
      </c>
      <c r="F119976" s="14" t="s">
        <v>15</v>
      </c>
      <c r="G119976" s="16">
        <v>0.9150119210992661</v>
      </c>
    </row>
    <row r="119977" spans="1:7" x14ac:dyDescent="0.3">
      <c r="A119977" s="13" t="s">
        <v>563</v>
      </c>
      <c r="B119977" s="14" t="s">
        <v>1</v>
      </c>
      <c r="C119977" s="14" t="s">
        <v>558</v>
      </c>
      <c r="D119977" s="14" t="s">
        <v>39</v>
      </c>
      <c r="E119977" s="15">
        <v>45633</v>
      </c>
      <c r="F119977" s="14" t="s">
        <v>15</v>
      </c>
      <c r="G119977" s="16">
        <v>0.9150119210992661</v>
      </c>
    </row>
    <row r="119978" spans="1:7" x14ac:dyDescent="0.3">
      <c r="A119978" s="13" t="s">
        <v>563</v>
      </c>
      <c r="B119978" s="14" t="s">
        <v>1</v>
      </c>
      <c r="C119978" s="14" t="s">
        <v>558</v>
      </c>
      <c r="D119978" s="14" t="s">
        <v>39</v>
      </c>
      <c r="E119978" s="15">
        <v>45634</v>
      </c>
      <c r="F119978" s="14" t="s">
        <v>15</v>
      </c>
      <c r="G119978" s="16">
        <v>0.9150119210992661</v>
      </c>
    </row>
    <row r="119979" spans="1:7" x14ac:dyDescent="0.3">
      <c r="A119979" s="13" t="s">
        <v>563</v>
      </c>
      <c r="B119979" s="14" t="s">
        <v>1</v>
      </c>
      <c r="C119979" s="14" t="s">
        <v>558</v>
      </c>
      <c r="D119979" s="14" t="s">
        <v>39</v>
      </c>
      <c r="E119979" s="15">
        <v>45635</v>
      </c>
      <c r="F119979" s="14" t="s">
        <v>15</v>
      </c>
      <c r="G119979" s="16">
        <v>0.91746214010605609</v>
      </c>
    </row>
    <row r="119980" spans="1:7" x14ac:dyDescent="0.3">
      <c r="A119980" s="13" t="s">
        <v>563</v>
      </c>
      <c r="B119980" s="14" t="s">
        <v>1</v>
      </c>
      <c r="C119980" s="14" t="s">
        <v>558</v>
      </c>
      <c r="D119980" s="14" t="s">
        <v>39</v>
      </c>
      <c r="E119980" s="15">
        <v>45636</v>
      </c>
      <c r="F119980" s="14" t="s">
        <v>15</v>
      </c>
      <c r="G119980" s="16">
        <v>0.93468646197008309</v>
      </c>
    </row>
    <row r="119981" spans="1:7" x14ac:dyDescent="0.3">
      <c r="A119981" s="13" t="s">
        <v>563</v>
      </c>
      <c r="B119981" s="14" t="s">
        <v>1</v>
      </c>
      <c r="C119981" s="14" t="s">
        <v>558</v>
      </c>
      <c r="D119981" s="14" t="s">
        <v>39</v>
      </c>
      <c r="E119981" s="15">
        <v>45637</v>
      </c>
      <c r="F119981" s="14" t="s">
        <v>15</v>
      </c>
      <c r="G119981" s="16">
        <v>0.94011021070038425</v>
      </c>
    </row>
    <row r="119982" spans="1:7" x14ac:dyDescent="0.3">
      <c r="A119982" s="13" t="s">
        <v>563</v>
      </c>
      <c r="B119982" s="14" t="s">
        <v>1</v>
      </c>
      <c r="C119982" s="14" t="s">
        <v>558</v>
      </c>
      <c r="D119982" s="14" t="s">
        <v>39</v>
      </c>
      <c r="E119982" s="15">
        <v>45638</v>
      </c>
      <c r="F119982" s="14" t="s">
        <v>15</v>
      </c>
      <c r="G119982" s="16">
        <v>0.93888036978926237</v>
      </c>
    </row>
    <row r="119983" spans="1:7" x14ac:dyDescent="0.3">
      <c r="A119983" s="13" t="s">
        <v>563</v>
      </c>
      <c r="B119983" s="14" t="s">
        <v>1</v>
      </c>
      <c r="C119983" s="14" t="s">
        <v>558</v>
      </c>
      <c r="D119983" s="14" t="s">
        <v>39</v>
      </c>
      <c r="E119983" s="15">
        <v>45639</v>
      </c>
      <c r="F119983" s="14" t="s">
        <v>15</v>
      </c>
      <c r="G119983" s="16">
        <v>0.9886968204594937</v>
      </c>
    </row>
    <row r="119984" spans="1:7" x14ac:dyDescent="0.3">
      <c r="A119984" s="13" t="s">
        <v>563</v>
      </c>
      <c r="B119984" s="14" t="s">
        <v>1</v>
      </c>
      <c r="C119984" s="14" t="s">
        <v>558</v>
      </c>
      <c r="D119984" s="14" t="s">
        <v>39</v>
      </c>
      <c r="E119984" s="15">
        <v>45640</v>
      </c>
      <c r="F119984" s="14" t="s">
        <v>15</v>
      </c>
      <c r="G119984" s="16">
        <v>0.9886968204594937</v>
      </c>
    </row>
    <row r="119985" spans="1:7" x14ac:dyDescent="0.3">
      <c r="A119985" s="13" t="s">
        <v>563</v>
      </c>
      <c r="B119985" s="14" t="s">
        <v>1</v>
      </c>
      <c r="C119985" s="14" t="s">
        <v>558</v>
      </c>
      <c r="D119985" s="14" t="s">
        <v>39</v>
      </c>
      <c r="E119985" s="15">
        <v>45641</v>
      </c>
      <c r="F119985" s="14" t="s">
        <v>15</v>
      </c>
      <c r="G119985" s="16">
        <v>0.9886968204594937</v>
      </c>
    </row>
    <row r="119986" spans="1:7" x14ac:dyDescent="0.3">
      <c r="A119986" s="13" t="s">
        <v>563</v>
      </c>
      <c r="B119986" s="14" t="s">
        <v>1</v>
      </c>
      <c r="C119986" s="14" t="s">
        <v>558</v>
      </c>
      <c r="D119986" s="14" t="s">
        <v>39</v>
      </c>
      <c r="E119986" s="15">
        <v>45642</v>
      </c>
      <c r="F119986" s="14" t="s">
        <v>15</v>
      </c>
      <c r="G119986" s="16">
        <v>0.98739882514353849</v>
      </c>
    </row>
    <row r="119987" spans="1:7" x14ac:dyDescent="0.3">
      <c r="A119987" s="13" t="s">
        <v>563</v>
      </c>
      <c r="B119987" s="14" t="s">
        <v>1</v>
      </c>
      <c r="C119987" s="14" t="s">
        <v>558</v>
      </c>
      <c r="D119987" s="14" t="s">
        <v>39</v>
      </c>
      <c r="E119987" s="15">
        <v>45643</v>
      </c>
      <c r="F119987" s="14" t="s">
        <v>15</v>
      </c>
      <c r="G119987" s="16">
        <v>0.98344019417071649</v>
      </c>
    </row>
    <row r="119988" spans="1:7" x14ac:dyDescent="0.3">
      <c r="A119988" s="13" t="s">
        <v>563</v>
      </c>
      <c r="B119988" s="14" t="s">
        <v>1</v>
      </c>
      <c r="C119988" s="14" t="s">
        <v>558</v>
      </c>
      <c r="D119988" s="14" t="s">
        <v>39</v>
      </c>
      <c r="E119988" s="15">
        <v>45644</v>
      </c>
      <c r="F119988" s="14" t="s">
        <v>15</v>
      </c>
      <c r="G119988" s="16">
        <v>1.0003820624804052</v>
      </c>
    </row>
    <row r="119989" spans="1:7" x14ac:dyDescent="0.3">
      <c r="A119989" s="13" t="s">
        <v>563</v>
      </c>
      <c r="B119989" s="14" t="s">
        <v>1</v>
      </c>
      <c r="C119989" s="14" t="s">
        <v>558</v>
      </c>
      <c r="D119989" s="14" t="s">
        <v>39</v>
      </c>
      <c r="E119989" s="15">
        <v>45645</v>
      </c>
      <c r="F119989" s="14" t="s">
        <v>15</v>
      </c>
      <c r="G119989" s="16">
        <v>1.0048379001667789</v>
      </c>
    </row>
    <row r="119990" spans="1:7" x14ac:dyDescent="0.3">
      <c r="A119990" s="13" t="s">
        <v>563</v>
      </c>
      <c r="B119990" s="14" t="s">
        <v>1</v>
      </c>
      <c r="C119990" s="14" t="s">
        <v>558</v>
      </c>
      <c r="D119990" s="14" t="s">
        <v>39</v>
      </c>
      <c r="E119990" s="15">
        <v>45646</v>
      </c>
      <c r="F119990" s="14" t="s">
        <v>15</v>
      </c>
      <c r="G119990" s="16">
        <v>1.0035714021146371</v>
      </c>
    </row>
    <row r="119991" spans="1:7" x14ac:dyDescent="0.3">
      <c r="A119991" s="13" t="s">
        <v>563</v>
      </c>
      <c r="B119991" s="14" t="s">
        <v>1</v>
      </c>
      <c r="C119991" s="14" t="s">
        <v>558</v>
      </c>
      <c r="D119991" s="14" t="s">
        <v>39</v>
      </c>
      <c r="E119991" s="15">
        <v>45647</v>
      </c>
      <c r="F119991" s="14" t="s">
        <v>15</v>
      </c>
      <c r="G119991" s="16">
        <v>1.0035714021146371</v>
      </c>
    </row>
    <row r="119992" spans="1:7" x14ac:dyDescent="0.3">
      <c r="A119992" s="13" t="s">
        <v>563</v>
      </c>
      <c r="B119992" s="14" t="s">
        <v>1</v>
      </c>
      <c r="C119992" s="14" t="s">
        <v>558</v>
      </c>
      <c r="D119992" s="14" t="s">
        <v>39</v>
      </c>
      <c r="E119992" s="15">
        <v>45648</v>
      </c>
      <c r="F119992" s="14" t="s">
        <v>15</v>
      </c>
      <c r="G119992" s="16">
        <v>1.0035714021146371</v>
      </c>
    </row>
    <row r="119993" spans="1:7" x14ac:dyDescent="0.3">
      <c r="A119993" s="13" t="s">
        <v>563</v>
      </c>
      <c r="B119993" s="14" t="s">
        <v>1</v>
      </c>
      <c r="C119993" s="14" t="s">
        <v>558</v>
      </c>
      <c r="D119993" s="14" t="s">
        <v>39</v>
      </c>
      <c r="E119993" s="15">
        <v>45649</v>
      </c>
      <c r="F119993" s="14" t="s">
        <v>15</v>
      </c>
      <c r="G119993" s="16">
        <v>1.0066871670854267</v>
      </c>
    </row>
    <row r="119994" spans="1:7" x14ac:dyDescent="0.3">
      <c r="A119994" s="13" t="s">
        <v>563</v>
      </c>
      <c r="B119994" s="14" t="s">
        <v>1</v>
      </c>
      <c r="C119994" s="14" t="s">
        <v>558</v>
      </c>
      <c r="D119994" s="14" t="s">
        <v>39</v>
      </c>
      <c r="E119994" s="15">
        <v>45650</v>
      </c>
      <c r="F119994" s="14" t="s">
        <v>15</v>
      </c>
      <c r="G119994" s="16">
        <v>1.0039921401509877</v>
      </c>
    </row>
    <row r="119995" spans="1:7" x14ac:dyDescent="0.3">
      <c r="A119995" s="13" t="s">
        <v>563</v>
      </c>
      <c r="B119995" s="14" t="s">
        <v>1</v>
      </c>
      <c r="C119995" s="14" t="s">
        <v>558</v>
      </c>
      <c r="D119995" s="14" t="s">
        <v>39</v>
      </c>
      <c r="E119995" s="15">
        <v>45651</v>
      </c>
      <c r="F119995" s="14" t="s">
        <v>15</v>
      </c>
      <c r="G119995" s="16">
        <v>1.0039921401509877</v>
      </c>
    </row>
    <row r="119996" spans="1:7" x14ac:dyDescent="0.3">
      <c r="A119996" s="13" t="s">
        <v>563</v>
      </c>
      <c r="B119996" s="14" t="s">
        <v>1</v>
      </c>
      <c r="C119996" s="14" t="s">
        <v>558</v>
      </c>
      <c r="D119996" s="14" t="s">
        <v>39</v>
      </c>
      <c r="E119996" s="15">
        <v>45652</v>
      </c>
      <c r="F119996" s="14" t="s">
        <v>15</v>
      </c>
      <c r="G119996" s="16">
        <v>1.0039921401509877</v>
      </c>
    </row>
    <row r="119997" spans="1:7" x14ac:dyDescent="0.3">
      <c r="A119997" s="13" t="s">
        <v>563</v>
      </c>
      <c r="B119997" s="14" t="s">
        <v>1</v>
      </c>
      <c r="C119997" s="14" t="s">
        <v>558</v>
      </c>
      <c r="D119997" s="14" t="s">
        <v>39</v>
      </c>
      <c r="E119997" s="15">
        <v>45653</v>
      </c>
      <c r="F119997" s="14" t="s">
        <v>15</v>
      </c>
      <c r="G119997" s="16">
        <v>1.0039921401509877</v>
      </c>
    </row>
    <row r="119998" spans="1:7" x14ac:dyDescent="0.3">
      <c r="A119998" s="13" t="s">
        <v>563</v>
      </c>
      <c r="B119998" s="14" t="s">
        <v>1</v>
      </c>
      <c r="C119998" s="14" t="s">
        <v>558</v>
      </c>
      <c r="D119998" s="14" t="s">
        <v>39</v>
      </c>
      <c r="E119998" s="15">
        <v>45654</v>
      </c>
      <c r="F119998" s="14" t="s">
        <v>15</v>
      </c>
      <c r="G119998" s="16">
        <v>1.0039921401509877</v>
      </c>
    </row>
    <row r="119999" spans="1:7" x14ac:dyDescent="0.3">
      <c r="A119999" s="13" t="s">
        <v>563</v>
      </c>
      <c r="B119999" s="14" t="s">
        <v>1</v>
      </c>
      <c r="C119999" s="14" t="s">
        <v>558</v>
      </c>
      <c r="D119999" s="14" t="s">
        <v>39</v>
      </c>
      <c r="E119999" s="15">
        <v>45655</v>
      </c>
      <c r="F119999" s="14" t="s">
        <v>15</v>
      </c>
      <c r="G119999" s="16">
        <v>1.0039921401509877</v>
      </c>
    </row>
    <row r="120000" spans="1:7" x14ac:dyDescent="0.3">
      <c r="A120000" s="13" t="s">
        <v>563</v>
      </c>
      <c r="B120000" s="14" t="s">
        <v>1</v>
      </c>
      <c r="C120000" s="14" t="s">
        <v>558</v>
      </c>
      <c r="D120000" s="14" t="s">
        <v>39</v>
      </c>
      <c r="E120000" s="15">
        <v>45656</v>
      </c>
      <c r="F120000" s="14" t="s">
        <v>15</v>
      </c>
      <c r="G120000" s="16">
        <v>1.0033913504893501</v>
      </c>
    </row>
    <row r="120001" spans="1:7" x14ac:dyDescent="0.3">
      <c r="A120001" s="13" t="s">
        <v>563</v>
      </c>
      <c r="B120001" s="14" t="s">
        <v>1</v>
      </c>
      <c r="C120001" s="14" t="s">
        <v>558</v>
      </c>
      <c r="D120001" s="14" t="s">
        <v>39</v>
      </c>
      <c r="E120001" s="15">
        <v>45657</v>
      </c>
      <c r="F120001" s="14" t="s">
        <v>15</v>
      </c>
      <c r="G120001" s="16">
        <v>1.030848172181652</v>
      </c>
    </row>
    <row r="120002" spans="1:7" x14ac:dyDescent="0.3">
      <c r="A120002" s="13" t="s">
        <v>563</v>
      </c>
      <c r="B120002" s="14" t="s">
        <v>1</v>
      </c>
      <c r="C120002" s="14" t="s">
        <v>558</v>
      </c>
      <c r="D120002" s="14" t="s">
        <v>39</v>
      </c>
      <c r="E120002" s="15">
        <v>45658</v>
      </c>
      <c r="F120002" s="14" t="s">
        <v>15</v>
      </c>
      <c r="G120002" s="16">
        <v>1.030848172181652</v>
      </c>
    </row>
    <row r="120003" spans="1:7" x14ac:dyDescent="0.3">
      <c r="A120003" s="13" t="s">
        <v>563</v>
      </c>
      <c r="B120003" s="14" t="s">
        <v>1</v>
      </c>
      <c r="C120003" s="14" t="s">
        <v>558</v>
      </c>
      <c r="D120003" s="14" t="s">
        <v>39</v>
      </c>
      <c r="E120003" s="15">
        <v>45659</v>
      </c>
      <c r="F120003" s="14" t="s">
        <v>15</v>
      </c>
      <c r="G120003" s="16">
        <v>1.0330469203462671</v>
      </c>
    </row>
    <row r="120004" spans="1:7" x14ac:dyDescent="0.3">
      <c r="A120004" s="13" t="s">
        <v>563</v>
      </c>
      <c r="B120004" s="14" t="s">
        <v>1</v>
      </c>
      <c r="C120004" s="14" t="s">
        <v>558</v>
      </c>
      <c r="D120004" s="14" t="s">
        <v>39</v>
      </c>
      <c r="E120004" s="15">
        <v>45660</v>
      </c>
      <c r="F120004" s="14" t="s">
        <v>15</v>
      </c>
      <c r="G120004" s="16">
        <v>1.067182083758405</v>
      </c>
    </row>
    <row r="120005" spans="1:7" x14ac:dyDescent="0.3">
      <c r="A120005" s="13" t="s">
        <v>563</v>
      </c>
      <c r="B120005" s="14" t="s">
        <v>1</v>
      </c>
      <c r="C120005" s="14" t="s">
        <v>558</v>
      </c>
      <c r="D120005" s="14" t="s">
        <v>39</v>
      </c>
      <c r="E120005" s="15">
        <v>45661</v>
      </c>
      <c r="F120005" s="14" t="s">
        <v>15</v>
      </c>
      <c r="G120005" s="16">
        <v>1.067182083758405</v>
      </c>
    </row>
    <row r="120006" spans="1:7" x14ac:dyDescent="0.3">
      <c r="A120006" s="13" t="s">
        <v>563</v>
      </c>
      <c r="B120006" s="14" t="s">
        <v>1</v>
      </c>
      <c r="C120006" s="14" t="s">
        <v>558</v>
      </c>
      <c r="D120006" s="14" t="s">
        <v>39</v>
      </c>
      <c r="E120006" s="15">
        <v>45662</v>
      </c>
      <c r="F120006" s="14" t="s">
        <v>15</v>
      </c>
      <c r="G120006" s="16">
        <v>1.067182083758405</v>
      </c>
    </row>
    <row r="120007" spans="1:7" x14ac:dyDescent="0.3">
      <c r="A120007" s="13" t="s">
        <v>563</v>
      </c>
      <c r="B120007" s="14" t="s">
        <v>1</v>
      </c>
      <c r="C120007" s="14" t="s">
        <v>558</v>
      </c>
      <c r="D120007" s="14" t="s">
        <v>39</v>
      </c>
      <c r="E120007" s="15">
        <v>45663</v>
      </c>
      <c r="F120007" s="14" t="s">
        <v>15</v>
      </c>
      <c r="G120007" s="16">
        <v>1.065930144218272</v>
      </c>
    </row>
    <row r="120008" spans="1:7" x14ac:dyDescent="0.3">
      <c r="A120008" s="13" t="s">
        <v>563</v>
      </c>
      <c r="B120008" s="14" t="s">
        <v>1</v>
      </c>
      <c r="C120008" s="14" t="s">
        <v>558</v>
      </c>
      <c r="D120008" s="14" t="s">
        <v>39</v>
      </c>
      <c r="E120008" s="15">
        <v>45664</v>
      </c>
      <c r="F120008" s="14" t="s">
        <v>15</v>
      </c>
      <c r="G120008" s="16">
        <v>1.0686358319125087</v>
      </c>
    </row>
    <row r="120009" spans="1:7" x14ac:dyDescent="0.3">
      <c r="A120009" s="13" t="s">
        <v>563</v>
      </c>
      <c r="B120009" s="14" t="s">
        <v>1</v>
      </c>
      <c r="C120009" s="14" t="s">
        <v>558</v>
      </c>
      <c r="D120009" s="14" t="s">
        <v>39</v>
      </c>
      <c r="E120009" s="15">
        <v>45665</v>
      </c>
      <c r="F120009" s="14" t="s">
        <v>15</v>
      </c>
      <c r="G120009" s="16">
        <v>1.0672963061053116</v>
      </c>
    </row>
    <row r="120010" spans="1:7" x14ac:dyDescent="0.3">
      <c r="A120010" s="13" t="s">
        <v>563</v>
      </c>
      <c r="B120010" s="14" t="s">
        <v>1</v>
      </c>
      <c r="C120010" s="14" t="s">
        <v>558</v>
      </c>
      <c r="D120010" s="14" t="s">
        <v>39</v>
      </c>
      <c r="E120010" s="15">
        <v>45666</v>
      </c>
      <c r="F120010" s="14" t="s">
        <v>15</v>
      </c>
      <c r="G120010" s="16">
        <v>1.0658958616362997</v>
      </c>
    </row>
    <row r="120011" spans="1:7" x14ac:dyDescent="0.3">
      <c r="A120011" s="13" t="s">
        <v>563</v>
      </c>
      <c r="B120011" s="14" t="s">
        <v>1</v>
      </c>
      <c r="C120011" s="14" t="s">
        <v>558</v>
      </c>
      <c r="D120011" s="14" t="s">
        <v>39</v>
      </c>
      <c r="E120011" s="15">
        <v>45667</v>
      </c>
      <c r="F120011" s="14" t="s">
        <v>15</v>
      </c>
      <c r="G120011" s="16">
        <v>1.0645870769751888</v>
      </c>
    </row>
    <row r="120012" spans="1:7" x14ac:dyDescent="0.3">
      <c r="A120012" s="13" t="s">
        <v>563</v>
      </c>
      <c r="B120012" s="14" t="s">
        <v>1</v>
      </c>
      <c r="C120012" s="14" t="s">
        <v>558</v>
      </c>
      <c r="D120012" s="14" t="s">
        <v>39</v>
      </c>
      <c r="E120012" s="15">
        <v>45668</v>
      </c>
      <c r="F120012" s="14" t="s">
        <v>15</v>
      </c>
      <c r="G120012" s="16">
        <v>1.0645870769751888</v>
      </c>
    </row>
    <row r="120013" spans="1:7" x14ac:dyDescent="0.3">
      <c r="A120013" s="13" t="s">
        <v>563</v>
      </c>
      <c r="B120013" s="14" t="s">
        <v>1</v>
      </c>
      <c r="C120013" s="14" t="s">
        <v>558</v>
      </c>
      <c r="D120013" s="14" t="s">
        <v>39</v>
      </c>
      <c r="E120013" s="15">
        <v>45669</v>
      </c>
      <c r="F120013" s="14" t="s">
        <v>15</v>
      </c>
      <c r="G120013" s="16">
        <v>1.0645870769751888</v>
      </c>
    </row>
    <row r="120014" spans="1:7" x14ac:dyDescent="0.3">
      <c r="A120014" s="13" t="s">
        <v>563</v>
      </c>
      <c r="B120014" s="14" t="s">
        <v>1</v>
      </c>
      <c r="C120014" s="14" t="s">
        <v>558</v>
      </c>
      <c r="D120014" s="14" t="s">
        <v>39</v>
      </c>
      <c r="E120014" s="15">
        <v>45670</v>
      </c>
      <c r="F120014" s="14" t="s">
        <v>15</v>
      </c>
      <c r="G120014" s="16">
        <v>1.0631675111265211</v>
      </c>
    </row>
    <row r="120015" spans="1:7" x14ac:dyDescent="0.3">
      <c r="A120015" s="13" t="s">
        <v>563</v>
      </c>
      <c r="B120015" s="14" t="s">
        <v>1</v>
      </c>
      <c r="C120015" s="14" t="s">
        <v>558</v>
      </c>
      <c r="D120015" s="14" t="s">
        <v>39</v>
      </c>
      <c r="E120015" s="15">
        <v>45671</v>
      </c>
      <c r="F120015" s="14" t="s">
        <v>15</v>
      </c>
      <c r="G120015" s="16">
        <v>1.0588034266026904</v>
      </c>
    </row>
    <row r="120016" spans="1:7" x14ac:dyDescent="0.3">
      <c r="A120016" s="13" t="s">
        <v>563</v>
      </c>
      <c r="B120016" s="14" t="s">
        <v>1</v>
      </c>
      <c r="C120016" s="14" t="s">
        <v>558</v>
      </c>
      <c r="D120016" s="14" t="s">
        <v>39</v>
      </c>
      <c r="E120016" s="15">
        <v>45672</v>
      </c>
      <c r="F120016" s="14" t="s">
        <v>15</v>
      </c>
      <c r="G120016" s="16">
        <v>1.0574873044061406</v>
      </c>
    </row>
    <row r="120017" spans="1:7" x14ac:dyDescent="0.3">
      <c r="A120017" s="13" t="s">
        <v>563</v>
      </c>
      <c r="B120017" s="14" t="s">
        <v>1</v>
      </c>
      <c r="C120017" s="14" t="s">
        <v>558</v>
      </c>
      <c r="D120017" s="14" t="s">
        <v>39</v>
      </c>
      <c r="E120017" s="15">
        <v>45673</v>
      </c>
      <c r="F120017" s="14" t="s">
        <v>15</v>
      </c>
      <c r="G120017" s="16">
        <v>1.056143821041027</v>
      </c>
    </row>
    <row r="120018" spans="1:7" x14ac:dyDescent="0.3">
      <c r="A120018" s="13" t="s">
        <v>563</v>
      </c>
      <c r="B120018" s="14" t="s">
        <v>1</v>
      </c>
      <c r="C120018" s="14" t="s">
        <v>558</v>
      </c>
      <c r="D120018" s="14" t="s">
        <v>39</v>
      </c>
      <c r="E120018" s="15">
        <v>45674</v>
      </c>
      <c r="F120018" s="14" t="s">
        <v>15</v>
      </c>
      <c r="G120018" s="16">
        <v>1.054793588247432</v>
      </c>
    </row>
    <row r="120019" spans="1:7" x14ac:dyDescent="0.3">
      <c r="A120019" s="13" t="s">
        <v>563</v>
      </c>
      <c r="B120019" s="14" t="s">
        <v>1</v>
      </c>
      <c r="C120019" s="14" t="s">
        <v>558</v>
      </c>
      <c r="D120019" s="14" t="s">
        <v>39</v>
      </c>
      <c r="E120019" s="15">
        <v>45675</v>
      </c>
      <c r="F120019" s="14" t="s">
        <v>15</v>
      </c>
      <c r="G120019" s="16">
        <v>1.054793588247432</v>
      </c>
    </row>
    <row r="120020" spans="1:7" x14ac:dyDescent="0.3">
      <c r="A120020" s="13" t="s">
        <v>563</v>
      </c>
      <c r="B120020" s="14" t="s">
        <v>1</v>
      </c>
      <c r="C120020" s="14" t="s">
        <v>558</v>
      </c>
      <c r="D120020" s="14" t="s">
        <v>39</v>
      </c>
      <c r="E120020" s="15">
        <v>45676</v>
      </c>
      <c r="F120020" s="14" t="s">
        <v>15</v>
      </c>
      <c r="G120020" s="16">
        <v>1.054793588247432</v>
      </c>
    </row>
    <row r="120021" spans="1:7" x14ac:dyDescent="0.3">
      <c r="A120021" s="13" t="s">
        <v>563</v>
      </c>
      <c r="B120021" s="14" t="s">
        <v>1</v>
      </c>
      <c r="C120021" s="14" t="s">
        <v>558</v>
      </c>
      <c r="D120021" s="14" t="s">
        <v>39</v>
      </c>
      <c r="E120021" s="15">
        <v>45677</v>
      </c>
      <c r="F120021" s="14" t="s">
        <v>15</v>
      </c>
      <c r="G120021" s="16">
        <v>1.0593158060785703</v>
      </c>
    </row>
    <row r="120022" spans="1:7" x14ac:dyDescent="0.3">
      <c r="A120022" s="13" t="s">
        <v>563</v>
      </c>
      <c r="B120022" s="14" t="s">
        <v>1</v>
      </c>
      <c r="C120022" s="14" t="s">
        <v>558</v>
      </c>
      <c r="D120022" s="14" t="s">
        <v>39</v>
      </c>
      <c r="E120022" s="15">
        <v>45678</v>
      </c>
      <c r="F120022" s="14" t="s">
        <v>15</v>
      </c>
      <c r="G120022" s="16">
        <v>1.0552284505566389</v>
      </c>
    </row>
    <row r="120023" spans="1:7" x14ac:dyDescent="0.3">
      <c r="A120023" s="13" t="s">
        <v>563</v>
      </c>
      <c r="B120023" s="14" t="s">
        <v>1</v>
      </c>
      <c r="C120023" s="14" t="s">
        <v>558</v>
      </c>
      <c r="D120023" s="14" t="s">
        <v>39</v>
      </c>
      <c r="E120023" s="15">
        <v>45679</v>
      </c>
      <c r="F120023" s="14" t="s">
        <v>15</v>
      </c>
      <c r="G120023" s="16">
        <v>1.0538516369177189</v>
      </c>
    </row>
    <row r="120024" spans="1:7" x14ac:dyDescent="0.3">
      <c r="A120024" s="13" t="s">
        <v>563</v>
      </c>
      <c r="B120024" s="14" t="s">
        <v>1</v>
      </c>
      <c r="C120024" s="14" t="s">
        <v>558</v>
      </c>
      <c r="D120024" s="14" t="s">
        <v>39</v>
      </c>
      <c r="E120024" s="15">
        <v>45680</v>
      </c>
      <c r="F120024" s="14" t="s">
        <v>15</v>
      </c>
      <c r="G120024" s="16">
        <v>1.0517122563969745</v>
      </c>
    </row>
    <row r="120025" spans="1:7" x14ac:dyDescent="0.3">
      <c r="A120025" s="13" t="s">
        <v>563</v>
      </c>
      <c r="B120025" s="14" t="s">
        <v>1</v>
      </c>
      <c r="C120025" s="14" t="s">
        <v>558</v>
      </c>
      <c r="D120025" s="14" t="s">
        <v>39</v>
      </c>
      <c r="E120025" s="15">
        <v>45681</v>
      </c>
      <c r="F120025" s="14" t="s">
        <v>15</v>
      </c>
      <c r="G120025" s="16">
        <v>1.0501392807442802</v>
      </c>
    </row>
    <row r="120026" spans="1:7" x14ac:dyDescent="0.3">
      <c r="A120026" s="13" t="s">
        <v>563</v>
      </c>
      <c r="B120026" s="14" t="s">
        <v>1</v>
      </c>
      <c r="C120026" s="14" t="s">
        <v>558</v>
      </c>
      <c r="D120026" s="14" t="s">
        <v>39</v>
      </c>
      <c r="E120026" s="15">
        <v>45682</v>
      </c>
      <c r="F120026" s="14" t="s">
        <v>15</v>
      </c>
      <c r="G120026" s="16">
        <v>1.0501392807442802</v>
      </c>
    </row>
    <row r="120027" spans="1:7" x14ac:dyDescent="0.3">
      <c r="A120027" s="13" t="s">
        <v>563</v>
      </c>
      <c r="B120027" s="14" t="s">
        <v>1</v>
      </c>
      <c r="C120027" s="14" t="s">
        <v>558</v>
      </c>
      <c r="D120027" s="14" t="s">
        <v>39</v>
      </c>
      <c r="E120027" s="15">
        <v>45683</v>
      </c>
      <c r="F120027" s="14" t="s">
        <v>15</v>
      </c>
      <c r="G120027" s="16">
        <v>1.0501392807442802</v>
      </c>
    </row>
    <row r="120028" spans="1:7" x14ac:dyDescent="0.3">
      <c r="A120028" s="13" t="s">
        <v>563</v>
      </c>
      <c r="B120028" s="14" t="s">
        <v>1</v>
      </c>
      <c r="C120028" s="14" t="s">
        <v>558</v>
      </c>
      <c r="D120028" s="14" t="s">
        <v>39</v>
      </c>
      <c r="E120028" s="15">
        <v>45684</v>
      </c>
      <c r="F120028" s="14" t="s">
        <v>15</v>
      </c>
      <c r="G120028" s="16">
        <v>1.0488636759064891</v>
      </c>
    </row>
    <row r="120029" spans="1:7" x14ac:dyDescent="0.3">
      <c r="A120029" s="13" t="s">
        <v>563</v>
      </c>
      <c r="B120029" s="14" t="s">
        <v>1</v>
      </c>
      <c r="C120029" s="14" t="s">
        <v>558</v>
      </c>
      <c r="D120029" s="14" t="s">
        <v>39</v>
      </c>
      <c r="E120029" s="15">
        <v>45685</v>
      </c>
      <c r="F120029" s="14" t="s">
        <v>15</v>
      </c>
      <c r="G120029" s="16">
        <v>1.0447667522978272</v>
      </c>
    </row>
    <row r="120030" spans="1:7" x14ac:dyDescent="0.3">
      <c r="A120030" s="13" t="s">
        <v>563</v>
      </c>
      <c r="B120030" s="14" t="s">
        <v>1</v>
      </c>
      <c r="C120030" s="14" t="s">
        <v>558</v>
      </c>
      <c r="D120030" s="14" t="s">
        <v>39</v>
      </c>
      <c r="E120030" s="15">
        <v>45686</v>
      </c>
      <c r="F120030" s="14" t="s">
        <v>15</v>
      </c>
      <c r="G120030" s="16">
        <v>1.0434283433369351</v>
      </c>
    </row>
    <row r="120031" spans="1:7" x14ac:dyDescent="0.3">
      <c r="A120031" s="13" t="s">
        <v>563</v>
      </c>
      <c r="B120031" s="14" t="s">
        <v>1</v>
      </c>
      <c r="C120031" s="14" t="s">
        <v>558</v>
      </c>
      <c r="D120031" s="14" t="s">
        <v>39</v>
      </c>
      <c r="E120031" s="15">
        <v>45687</v>
      </c>
      <c r="F120031" s="14" t="s">
        <v>15</v>
      </c>
      <c r="G120031" s="16">
        <v>1.042083581794973</v>
      </c>
    </row>
    <row r="120032" spans="1:7" x14ac:dyDescent="0.3">
      <c r="A120032" s="13" t="s">
        <v>563</v>
      </c>
      <c r="B120032" s="14" t="s">
        <v>1</v>
      </c>
      <c r="C120032" s="14" t="s">
        <v>558</v>
      </c>
      <c r="D120032" s="14" t="s">
        <v>39</v>
      </c>
      <c r="E120032" s="15">
        <v>45688</v>
      </c>
      <c r="F120032" s="14" t="s">
        <v>15</v>
      </c>
      <c r="G120032" s="16">
        <v>1.0407978545476859</v>
      </c>
    </row>
    <row r="120033" spans="1:7" x14ac:dyDescent="0.3">
      <c r="A120033" s="13" t="s">
        <v>563</v>
      </c>
      <c r="B120033" s="14" t="s">
        <v>1</v>
      </c>
      <c r="C120033" s="14" t="s">
        <v>558</v>
      </c>
      <c r="D120033" s="14" t="s">
        <v>39</v>
      </c>
      <c r="E120033" s="15">
        <v>45689</v>
      </c>
      <c r="F120033" s="14" t="s">
        <v>15</v>
      </c>
      <c r="G120033" s="16">
        <v>1.0407978545476859</v>
      </c>
    </row>
    <row r="120034" spans="1:7" x14ac:dyDescent="0.3">
      <c r="A120034" s="13" t="s">
        <v>563</v>
      </c>
      <c r="B120034" s="14" t="s">
        <v>1</v>
      </c>
      <c r="C120034" s="14" t="s">
        <v>558</v>
      </c>
      <c r="D120034" s="14" t="s">
        <v>39</v>
      </c>
      <c r="E120034" s="15">
        <v>45690</v>
      </c>
      <c r="F120034" s="14" t="s">
        <v>15</v>
      </c>
      <c r="G120034" s="16">
        <v>1.0407978545476859</v>
      </c>
    </row>
    <row r="120035" spans="1:7" x14ac:dyDescent="0.3">
      <c r="A120035" s="13" t="s">
        <v>563</v>
      </c>
      <c r="B120035" s="14" t="s">
        <v>1</v>
      </c>
      <c r="C120035" s="14" t="s">
        <v>558</v>
      </c>
      <c r="D120035" s="14" t="s">
        <v>39</v>
      </c>
      <c r="E120035" s="15">
        <v>45691</v>
      </c>
      <c r="F120035" s="14" t="s">
        <v>15</v>
      </c>
      <c r="G120035" s="16">
        <v>1.0407978545476859</v>
      </c>
    </row>
    <row r="120036" spans="1:7" x14ac:dyDescent="0.3">
      <c r="A120036" s="13" t="s">
        <v>563</v>
      </c>
      <c r="B120036" s="14" t="s">
        <v>1</v>
      </c>
      <c r="C120036" s="14" t="s">
        <v>558</v>
      </c>
      <c r="D120036" s="14" t="s">
        <v>39</v>
      </c>
      <c r="E120036" s="15">
        <v>45692</v>
      </c>
      <c r="F120036" s="14" t="s">
        <v>15</v>
      </c>
      <c r="G120036" s="16">
        <v>1.0413002065052719</v>
      </c>
    </row>
    <row r="120037" spans="1:7" x14ac:dyDescent="0.3">
      <c r="A120037" s="13" t="s">
        <v>563</v>
      </c>
      <c r="B120037" s="14" t="s">
        <v>1</v>
      </c>
      <c r="C120037" s="14" t="s">
        <v>558</v>
      </c>
      <c r="D120037" s="14" t="s">
        <v>39</v>
      </c>
      <c r="E120037" s="15">
        <v>45693</v>
      </c>
      <c r="F120037" s="14" t="s">
        <v>15</v>
      </c>
      <c r="G120037" s="16">
        <v>1.0362831459439523</v>
      </c>
    </row>
    <row r="120038" spans="1:7" x14ac:dyDescent="0.3">
      <c r="A120038" s="13" t="s">
        <v>563</v>
      </c>
      <c r="B120038" s="14" t="s">
        <v>1</v>
      </c>
      <c r="C120038" s="14" t="s">
        <v>558</v>
      </c>
      <c r="D120038" s="14" t="s">
        <v>39</v>
      </c>
      <c r="E120038" s="15">
        <v>45694</v>
      </c>
      <c r="F120038" s="14" t="s">
        <v>15</v>
      </c>
      <c r="G120038" s="16">
        <v>1.0348531011642992</v>
      </c>
    </row>
    <row r="120039" spans="1:7" x14ac:dyDescent="0.3">
      <c r="A120039" s="13" t="s">
        <v>563</v>
      </c>
      <c r="B120039" s="14" t="s">
        <v>1</v>
      </c>
      <c r="C120039" s="14" t="s">
        <v>558</v>
      </c>
      <c r="D120039" s="14" t="s">
        <v>39</v>
      </c>
      <c r="E120039" s="15">
        <v>45695</v>
      </c>
      <c r="F120039" s="14" t="s">
        <v>15</v>
      </c>
      <c r="G120039" s="16">
        <v>1.0334413265525388</v>
      </c>
    </row>
    <row r="120040" spans="1:7" x14ac:dyDescent="0.3">
      <c r="A120040" s="13" t="s">
        <v>563</v>
      </c>
      <c r="B120040" s="14" t="s">
        <v>1</v>
      </c>
      <c r="C120040" s="14" t="s">
        <v>558</v>
      </c>
      <c r="D120040" s="14" t="s">
        <v>39</v>
      </c>
      <c r="E120040" s="15">
        <v>45696</v>
      </c>
      <c r="F120040" s="14" t="s">
        <v>15</v>
      </c>
      <c r="G120040" s="16">
        <v>1.0334413265525388</v>
      </c>
    </row>
    <row r="120041" spans="1:7" x14ac:dyDescent="0.3">
      <c r="A120041" s="13" t="s">
        <v>563</v>
      </c>
      <c r="B120041" s="14" t="s">
        <v>1</v>
      </c>
      <c r="C120041" s="14" t="s">
        <v>558</v>
      </c>
      <c r="D120041" s="14" t="s">
        <v>39</v>
      </c>
      <c r="E120041" s="15">
        <v>45697</v>
      </c>
      <c r="F120041" s="14" t="s">
        <v>15</v>
      </c>
      <c r="G120041" s="16">
        <v>1.0334413265525388</v>
      </c>
    </row>
    <row r="120042" spans="1:7" x14ac:dyDescent="0.3">
      <c r="A120042" s="13" t="s">
        <v>563</v>
      </c>
      <c r="B120042" s="14" t="s">
        <v>1</v>
      </c>
      <c r="C120042" s="14" t="s">
        <v>558</v>
      </c>
      <c r="D120042" s="14" t="s">
        <v>39</v>
      </c>
      <c r="E120042" s="15">
        <v>45698</v>
      </c>
      <c r="F120042" s="14" t="s">
        <v>15</v>
      </c>
      <c r="G120042" s="16">
        <v>1.0319855378163409</v>
      </c>
    </row>
    <row r="120043" spans="1:7" x14ac:dyDescent="0.3">
      <c r="A120043" s="13" t="s">
        <v>563</v>
      </c>
      <c r="B120043" s="14" t="s">
        <v>1</v>
      </c>
      <c r="C120043" s="14" t="s">
        <v>558</v>
      </c>
      <c r="D120043" s="14" t="s">
        <v>39</v>
      </c>
      <c r="E120043" s="15">
        <v>45699</v>
      </c>
      <c r="F120043" s="14" t="s">
        <v>15</v>
      </c>
      <c r="G120043" s="16">
        <v>1.0276833733161439</v>
      </c>
    </row>
    <row r="120044" spans="1:7" x14ac:dyDescent="0.3">
      <c r="A120044" s="13" t="s">
        <v>563</v>
      </c>
      <c r="B120044" s="14" t="s">
        <v>1</v>
      </c>
      <c r="C120044" s="14" t="s">
        <v>558</v>
      </c>
      <c r="D120044" s="14" t="s">
        <v>39</v>
      </c>
      <c r="E120044" s="15">
        <v>45700</v>
      </c>
      <c r="F120044" s="14" t="s">
        <v>15</v>
      </c>
      <c r="G120044" s="16">
        <v>1.0265228848313255</v>
      </c>
    </row>
    <row r="120045" spans="1:7" x14ac:dyDescent="0.3">
      <c r="A120045" s="13" t="s">
        <v>563</v>
      </c>
      <c r="B120045" s="14" t="s">
        <v>1</v>
      </c>
      <c r="C120045" s="14" t="s">
        <v>558</v>
      </c>
      <c r="D120045" s="14" t="s">
        <v>39</v>
      </c>
      <c r="E120045" s="15">
        <v>45701</v>
      </c>
      <c r="F120045" s="14" t="s">
        <v>15</v>
      </c>
      <c r="G120045" s="16">
        <v>1.0251349475671663</v>
      </c>
    </row>
    <row r="120046" spans="1:7" x14ac:dyDescent="0.3">
      <c r="A120046" s="13" t="s">
        <v>563</v>
      </c>
      <c r="B120046" s="14" t="s">
        <v>1</v>
      </c>
      <c r="C120046" s="14" t="s">
        <v>558</v>
      </c>
      <c r="D120046" s="14" t="s">
        <v>39</v>
      </c>
      <c r="E120046" s="15">
        <v>45702</v>
      </c>
      <c r="F120046" s="14" t="s">
        <v>15</v>
      </c>
      <c r="G120046" s="16">
        <v>1.0238105328603633</v>
      </c>
    </row>
    <row r="120047" spans="1:7" x14ac:dyDescent="0.3">
      <c r="A120047" s="13" t="s">
        <v>563</v>
      </c>
      <c r="B120047" s="14" t="s">
        <v>1</v>
      </c>
      <c r="C120047" s="14" t="s">
        <v>558</v>
      </c>
      <c r="D120047" s="14" t="s">
        <v>39</v>
      </c>
      <c r="E120047" s="15">
        <v>45703</v>
      </c>
      <c r="F120047" s="14" t="s">
        <v>15</v>
      </c>
      <c r="G120047" s="16">
        <v>1.0238105328603633</v>
      </c>
    </row>
    <row r="120048" spans="1:7" x14ac:dyDescent="0.3">
      <c r="A120048" s="13" t="s">
        <v>563</v>
      </c>
      <c r="B120048" s="14" t="s">
        <v>1</v>
      </c>
      <c r="C120048" s="14" t="s">
        <v>558</v>
      </c>
      <c r="D120048" s="14" t="s">
        <v>39</v>
      </c>
      <c r="E120048" s="15">
        <v>45704</v>
      </c>
      <c r="F120048" s="14" t="s">
        <v>15</v>
      </c>
      <c r="G120048" s="16">
        <v>1.0238105328603633</v>
      </c>
    </row>
    <row r="120049" spans="1:7" x14ac:dyDescent="0.3">
      <c r="A120049" s="13" t="s">
        <v>563</v>
      </c>
      <c r="B120049" s="14" t="s">
        <v>1</v>
      </c>
      <c r="C120049" s="14" t="s">
        <v>558</v>
      </c>
      <c r="D120049" s="14" t="s">
        <v>39</v>
      </c>
      <c r="E120049" s="15">
        <v>45705</v>
      </c>
      <c r="F120049" s="14" t="s">
        <v>15</v>
      </c>
      <c r="G120049" s="16">
        <v>1.0250940183967474</v>
      </c>
    </row>
    <row r="120050" spans="1:7" x14ac:dyDescent="0.3">
      <c r="A120050" s="13" t="s">
        <v>563</v>
      </c>
      <c r="B120050" s="14" t="s">
        <v>1</v>
      </c>
      <c r="C120050" s="14" t="s">
        <v>558</v>
      </c>
      <c r="D120050" s="14" t="s">
        <v>39</v>
      </c>
      <c r="E120050" s="15">
        <v>45706</v>
      </c>
      <c r="F120050" s="14" t="s">
        <v>15</v>
      </c>
      <c r="G120050" s="16">
        <v>1.0208777161607219</v>
      </c>
    </row>
    <row r="120051" spans="1:7" x14ac:dyDescent="0.3">
      <c r="A120051" s="13" t="s">
        <v>563</v>
      </c>
      <c r="B120051" s="14" t="s">
        <v>1</v>
      </c>
      <c r="C120051" s="14" t="s">
        <v>558</v>
      </c>
      <c r="D120051" s="14" t="s">
        <v>39</v>
      </c>
      <c r="E120051" s="15">
        <v>45707</v>
      </c>
      <c r="F120051" s="14" t="s">
        <v>15</v>
      </c>
      <c r="G120051" s="16">
        <v>1.0629689008570566</v>
      </c>
    </row>
    <row r="120052" spans="1:7" x14ac:dyDescent="0.3">
      <c r="A120052" s="13" t="s">
        <v>563</v>
      </c>
      <c r="B120052" s="14" t="s">
        <v>1</v>
      </c>
      <c r="C120052" s="14" t="s">
        <v>558</v>
      </c>
      <c r="D120052" s="14" t="s">
        <v>39</v>
      </c>
      <c r="E120052" s="15">
        <v>45708</v>
      </c>
      <c r="F120052" s="14" t="s">
        <v>15</v>
      </c>
      <c r="G120052" s="16">
        <v>1.0616669796454048</v>
      </c>
    </row>
    <row r="120053" spans="1:7" x14ac:dyDescent="0.3">
      <c r="A120053" s="13" t="s">
        <v>563</v>
      </c>
      <c r="B120053" s="14" t="s">
        <v>1</v>
      </c>
      <c r="C120053" s="14" t="s">
        <v>558</v>
      </c>
      <c r="D120053" s="14" t="s">
        <v>39</v>
      </c>
      <c r="E120053" s="15">
        <v>45709</v>
      </c>
      <c r="F120053" s="14" t="s">
        <v>15</v>
      </c>
      <c r="G120053" s="16">
        <v>1.0622376322116578</v>
      </c>
    </row>
    <row r="120054" spans="1:7" x14ac:dyDescent="0.3">
      <c r="A120054" s="13" t="s">
        <v>563</v>
      </c>
      <c r="B120054" s="14" t="s">
        <v>1</v>
      </c>
      <c r="C120054" s="14" t="s">
        <v>558</v>
      </c>
      <c r="D120054" s="14" t="s">
        <v>39</v>
      </c>
      <c r="E120054" s="15">
        <v>45710</v>
      </c>
      <c r="F120054" s="14" t="s">
        <v>15</v>
      </c>
      <c r="G120054" s="16">
        <v>1.0622376322116578</v>
      </c>
    </row>
    <row r="120055" spans="1:7" x14ac:dyDescent="0.3">
      <c r="A120055" s="13" t="s">
        <v>563</v>
      </c>
      <c r="B120055" s="14" t="s">
        <v>1</v>
      </c>
      <c r="C120055" s="14" t="s">
        <v>558</v>
      </c>
      <c r="D120055" s="14" t="s">
        <v>39</v>
      </c>
      <c r="E120055" s="15">
        <v>45711</v>
      </c>
      <c r="F120055" s="14" t="s">
        <v>15</v>
      </c>
      <c r="G120055" s="16">
        <v>1.0622376322116578</v>
      </c>
    </row>
    <row r="120056" spans="1:7" x14ac:dyDescent="0.3">
      <c r="A120056" s="13" t="s">
        <v>563</v>
      </c>
      <c r="B120056" s="14" t="s">
        <v>1</v>
      </c>
      <c r="C120056" s="14" t="s">
        <v>558</v>
      </c>
      <c r="D120056" s="14" t="s">
        <v>39</v>
      </c>
      <c r="E120056" s="15">
        <v>45712</v>
      </c>
      <c r="F120056" s="14" t="s">
        <v>15</v>
      </c>
      <c r="G120056" s="16">
        <v>1.0607858531556658</v>
      </c>
    </row>
    <row r="120057" spans="1:7" x14ac:dyDescent="0.3">
      <c r="A120057" s="13" t="s">
        <v>563</v>
      </c>
      <c r="B120057" s="14" t="s">
        <v>1</v>
      </c>
      <c r="C120057" s="14" t="s">
        <v>558</v>
      </c>
      <c r="D120057" s="14" t="s">
        <v>39</v>
      </c>
      <c r="E120057" s="15">
        <v>45713</v>
      </c>
      <c r="F120057" s="14" t="s">
        <v>15</v>
      </c>
      <c r="G120057" s="16">
        <v>1.0565556792181316</v>
      </c>
    </row>
    <row r="120058" spans="1:7" x14ac:dyDescent="0.3">
      <c r="A120058" s="13" t="s">
        <v>563</v>
      </c>
      <c r="B120058" s="14" t="s">
        <v>1</v>
      </c>
      <c r="C120058" s="14" t="s">
        <v>558</v>
      </c>
      <c r="D120058" s="14" t="s">
        <v>39</v>
      </c>
      <c r="E120058" s="15">
        <v>45714</v>
      </c>
      <c r="F120058" s="14" t="s">
        <v>15</v>
      </c>
      <c r="G120058" s="16">
        <v>1.0551152677546218</v>
      </c>
    </row>
    <row r="120059" spans="1:7" x14ac:dyDescent="0.3">
      <c r="A120059" s="13" t="s">
        <v>563</v>
      </c>
      <c r="B120059" s="14" t="s">
        <v>1</v>
      </c>
      <c r="C120059" s="14" t="s">
        <v>558</v>
      </c>
      <c r="D120059" s="14" t="s">
        <v>39</v>
      </c>
      <c r="E120059" s="15">
        <v>45715</v>
      </c>
      <c r="F120059" s="14" t="s">
        <v>15</v>
      </c>
      <c r="G120059" s="16">
        <v>1.0529433313134204</v>
      </c>
    </row>
    <row r="120060" spans="1:7" x14ac:dyDescent="0.3">
      <c r="A120060" s="13" t="s">
        <v>563</v>
      </c>
      <c r="B120060" s="14" t="s">
        <v>1</v>
      </c>
      <c r="C120060" s="14" t="s">
        <v>558</v>
      </c>
      <c r="D120060" s="14" t="s">
        <v>39</v>
      </c>
      <c r="E120060" s="15">
        <v>45716</v>
      </c>
      <c r="F120060" s="14" t="s">
        <v>15</v>
      </c>
      <c r="G120060" s="16">
        <v>1.0921356655463115</v>
      </c>
    </row>
    <row r="120061" spans="1:7" x14ac:dyDescent="0.3">
      <c r="A120061" s="13" t="s">
        <v>563</v>
      </c>
      <c r="B120061" s="14" t="s">
        <v>1</v>
      </c>
      <c r="C120061" s="14" t="s">
        <v>558</v>
      </c>
      <c r="D120061" s="14" t="s">
        <v>39</v>
      </c>
      <c r="E120061" s="15">
        <v>45717</v>
      </c>
      <c r="F120061" s="14" t="s">
        <v>15</v>
      </c>
      <c r="G120061" s="16">
        <v>1.0921356655463115</v>
      </c>
    </row>
    <row r="120062" spans="1:7" x14ac:dyDescent="0.3">
      <c r="A120062" s="13" t="s">
        <v>563</v>
      </c>
      <c r="B120062" s="14" t="s">
        <v>1</v>
      </c>
      <c r="C120062" s="14" t="s">
        <v>558</v>
      </c>
      <c r="D120062" s="14" t="s">
        <v>39</v>
      </c>
      <c r="E120062" s="15">
        <v>45718</v>
      </c>
      <c r="F120062" s="14" t="s">
        <v>15</v>
      </c>
      <c r="G120062" s="16">
        <v>1.0921356655463115</v>
      </c>
    </row>
    <row r="120063" spans="1:7" x14ac:dyDescent="0.3">
      <c r="A120063" s="13" t="s">
        <v>563</v>
      </c>
      <c r="B120063" s="14" t="s">
        <v>1</v>
      </c>
      <c r="C120063" s="14" t="s">
        <v>558</v>
      </c>
      <c r="D120063" s="14" t="s">
        <v>39</v>
      </c>
      <c r="E120063" s="15">
        <v>45719</v>
      </c>
      <c r="F120063" s="14" t="s">
        <v>15</v>
      </c>
      <c r="G120063" s="16">
        <v>1.0962464978871005</v>
      </c>
    </row>
    <row r="120064" spans="1:7" x14ac:dyDescent="0.3">
      <c r="A120064" s="13" t="s">
        <v>563</v>
      </c>
      <c r="B120064" s="14" t="s">
        <v>1</v>
      </c>
      <c r="C120064" s="14" t="s">
        <v>558</v>
      </c>
      <c r="D120064" s="14" t="s">
        <v>39</v>
      </c>
      <c r="E120064" s="15">
        <v>45720</v>
      </c>
      <c r="F120064" s="14" t="s">
        <v>15</v>
      </c>
      <c r="G120064" s="16">
        <v>1.0927130096052098</v>
      </c>
    </row>
    <row r="120065" spans="1:7" x14ac:dyDescent="0.3">
      <c r="A120065" s="13" t="s">
        <v>563</v>
      </c>
      <c r="B120065" s="14" t="s">
        <v>1</v>
      </c>
      <c r="C120065" s="14" t="s">
        <v>558</v>
      </c>
      <c r="D120065" s="14" t="s">
        <v>39</v>
      </c>
      <c r="E120065" s="15">
        <v>45721</v>
      </c>
      <c r="F120065" s="14" t="s">
        <v>15</v>
      </c>
      <c r="G120065" s="16">
        <v>1.0911320354395195</v>
      </c>
    </row>
    <row r="120066" spans="1:7" x14ac:dyDescent="0.3">
      <c r="A120066" s="13" t="s">
        <v>563</v>
      </c>
      <c r="B120066" s="14" t="s">
        <v>1</v>
      </c>
      <c r="C120066" s="14" t="s">
        <v>558</v>
      </c>
      <c r="D120066" s="14" t="s">
        <v>39</v>
      </c>
      <c r="E120066" s="15">
        <v>45722</v>
      </c>
      <c r="F120066" s="14" t="s">
        <v>15</v>
      </c>
      <c r="G120066" s="16">
        <v>1.1079350635978311</v>
      </c>
    </row>
    <row r="120067" spans="1:7" x14ac:dyDescent="0.3">
      <c r="A120067" s="13" t="s">
        <v>563</v>
      </c>
      <c r="B120067" s="14" t="s">
        <v>1</v>
      </c>
      <c r="C120067" s="14" t="s">
        <v>558</v>
      </c>
      <c r="D120067" s="14" t="s">
        <v>39</v>
      </c>
      <c r="E120067" s="15">
        <v>45723</v>
      </c>
      <c r="F120067" s="14" t="s">
        <v>15</v>
      </c>
      <c r="G120067" s="16">
        <v>1.1074041107744881</v>
      </c>
    </row>
    <row r="120068" spans="1:7" x14ac:dyDescent="0.3">
      <c r="A120068" s="13" t="s">
        <v>563</v>
      </c>
      <c r="B120068" s="14" t="s">
        <v>1</v>
      </c>
      <c r="C120068" s="14" t="s">
        <v>558</v>
      </c>
      <c r="D120068" s="14" t="s">
        <v>39</v>
      </c>
      <c r="E120068" s="15">
        <v>45724</v>
      </c>
      <c r="F120068" s="14" t="s">
        <v>15</v>
      </c>
      <c r="G120068" s="16">
        <v>1.1074041107744881</v>
      </c>
    </row>
    <row r="120069" spans="1:7" x14ac:dyDescent="0.3">
      <c r="A120069" s="13" t="s">
        <v>563</v>
      </c>
      <c r="B120069" s="14" t="s">
        <v>1</v>
      </c>
      <c r="C120069" s="14" t="s">
        <v>558</v>
      </c>
      <c r="D120069" s="14" t="s">
        <v>39</v>
      </c>
      <c r="E120069" s="15">
        <v>45725</v>
      </c>
      <c r="F120069" s="14" t="s">
        <v>15</v>
      </c>
      <c r="G120069" s="16">
        <v>1.1074041107744881</v>
      </c>
    </row>
    <row r="120070" spans="1:7" x14ac:dyDescent="0.3">
      <c r="A120070" s="13" t="s">
        <v>563</v>
      </c>
      <c r="B120070" s="14" t="s">
        <v>1</v>
      </c>
      <c r="C120070" s="14" t="s">
        <v>558</v>
      </c>
      <c r="D120070" s="14" t="s">
        <v>39</v>
      </c>
      <c r="E120070" s="15">
        <v>45726</v>
      </c>
      <c r="F120070" s="14" t="s">
        <v>15</v>
      </c>
      <c r="G120070" s="16">
        <v>1.1059209912281769</v>
      </c>
    </row>
    <row r="120071" spans="1:7" x14ac:dyDescent="0.3">
      <c r="A120071" s="13" t="s">
        <v>563</v>
      </c>
      <c r="B120071" s="14" t="s">
        <v>1</v>
      </c>
      <c r="C120071" s="14" t="s">
        <v>558</v>
      </c>
      <c r="D120071" s="14" t="s">
        <v>39</v>
      </c>
      <c r="E120071" s="15">
        <v>45727</v>
      </c>
      <c r="F120071" s="14" t="s">
        <v>15</v>
      </c>
      <c r="G120071" s="16">
        <v>1.1013722174939617</v>
      </c>
    </row>
    <row r="120072" spans="1:7" x14ac:dyDescent="0.3">
      <c r="A120072" s="13" t="s">
        <v>563</v>
      </c>
      <c r="B120072" s="14" t="s">
        <v>1</v>
      </c>
      <c r="C120072" s="14" t="s">
        <v>558</v>
      </c>
      <c r="D120072" s="14" t="s">
        <v>39</v>
      </c>
      <c r="E120072" s="15">
        <v>45728</v>
      </c>
      <c r="F120072" s="14" t="s">
        <v>15</v>
      </c>
      <c r="G120072" s="16">
        <v>1.1025746584209914</v>
      </c>
    </row>
    <row r="120073" spans="1:7" x14ac:dyDescent="0.3">
      <c r="A120073" s="13" t="s">
        <v>563</v>
      </c>
      <c r="B120073" s="14" t="s">
        <v>1</v>
      </c>
      <c r="C120073" s="14" t="s">
        <v>558</v>
      </c>
      <c r="D120073" s="14" t="s">
        <v>39</v>
      </c>
      <c r="E120073" s="15">
        <v>45729</v>
      </c>
      <c r="F120073" s="14" t="s">
        <v>15</v>
      </c>
      <c r="G120073" s="16">
        <v>1.1196785692018332</v>
      </c>
    </row>
    <row r="120074" spans="1:7" x14ac:dyDescent="0.3">
      <c r="A120074" s="13" t="s">
        <v>563</v>
      </c>
      <c r="B120074" s="14" t="s">
        <v>1</v>
      </c>
      <c r="C120074" s="14" t="s">
        <v>558</v>
      </c>
      <c r="D120074" s="14" t="s">
        <v>39</v>
      </c>
      <c r="E120074" s="15">
        <v>45730</v>
      </c>
      <c r="F120074" s="14" t="s">
        <v>15</v>
      </c>
      <c r="G120074" s="16">
        <v>1.1223913641933834</v>
      </c>
    </row>
    <row r="120075" spans="1:7" x14ac:dyDescent="0.3">
      <c r="A120075" s="13" t="s">
        <v>563</v>
      </c>
      <c r="B120075" s="14" t="s">
        <v>1</v>
      </c>
      <c r="C120075" s="14" t="s">
        <v>558</v>
      </c>
      <c r="D120075" s="14" t="s">
        <v>39</v>
      </c>
      <c r="E120075" s="15">
        <v>45731</v>
      </c>
      <c r="F120075" s="14" t="s">
        <v>15</v>
      </c>
      <c r="G120075" s="16">
        <v>1.1223913641933834</v>
      </c>
    </row>
    <row r="120076" spans="1:7" x14ac:dyDescent="0.3">
      <c r="A120076" s="13" t="s">
        <v>563</v>
      </c>
      <c r="B120076" s="14" t="s">
        <v>1</v>
      </c>
      <c r="C120076" s="14" t="s">
        <v>558</v>
      </c>
      <c r="D120076" s="14" t="s">
        <v>39</v>
      </c>
      <c r="E120076" s="15">
        <v>45732</v>
      </c>
      <c r="F120076" s="14" t="s">
        <v>15</v>
      </c>
      <c r="G120076" s="16">
        <v>1.1223913641933834</v>
      </c>
    </row>
    <row r="120077" spans="1:7" x14ac:dyDescent="0.3">
      <c r="A120077" s="13" t="s">
        <v>563</v>
      </c>
      <c r="B120077" s="14" t="s">
        <v>1</v>
      </c>
      <c r="C120077" s="14" t="s">
        <v>558</v>
      </c>
      <c r="D120077" s="14" t="s">
        <v>39</v>
      </c>
      <c r="E120077" s="15">
        <v>45733</v>
      </c>
      <c r="F120077" s="14" t="s">
        <v>15</v>
      </c>
      <c r="G120077" s="16">
        <v>1.1223913641933834</v>
      </c>
    </row>
    <row r="120078" spans="1:7" x14ac:dyDescent="0.3">
      <c r="A120078" s="13" t="s">
        <v>563</v>
      </c>
      <c r="B120078" s="14" t="s">
        <v>1</v>
      </c>
      <c r="C120078" s="14" t="s">
        <v>558</v>
      </c>
      <c r="D120078" s="14" t="s">
        <v>39</v>
      </c>
      <c r="E120078" s="15">
        <v>45734</v>
      </c>
      <c r="F120078" s="14" t="s">
        <v>15</v>
      </c>
      <c r="G120078" s="16">
        <v>1.1263968897313665</v>
      </c>
    </row>
    <row r="120079" spans="1:7" x14ac:dyDescent="0.3">
      <c r="A120079" s="13" t="s">
        <v>563</v>
      </c>
      <c r="B120079" s="14" t="s">
        <v>1</v>
      </c>
      <c r="C120079" s="14" t="s">
        <v>558</v>
      </c>
      <c r="D120079" s="14" t="s">
        <v>39</v>
      </c>
      <c r="E120079" s="15">
        <v>45735</v>
      </c>
      <c r="F120079" s="14" t="s">
        <v>15</v>
      </c>
      <c r="G120079" s="16">
        <v>1.1934002669490607</v>
      </c>
    </row>
    <row r="120080" spans="1:7" x14ac:dyDescent="0.3">
      <c r="A120080" s="13" t="s">
        <v>563</v>
      </c>
      <c r="B120080" s="14" t="s">
        <v>1</v>
      </c>
      <c r="C120080" s="14" t="s">
        <v>558</v>
      </c>
      <c r="D120080" s="14" t="s">
        <v>39</v>
      </c>
      <c r="E120080" s="15">
        <v>45736</v>
      </c>
      <c r="F120080" s="14" t="s">
        <v>15</v>
      </c>
      <c r="G120080" s="16">
        <v>1.1917456294998721</v>
      </c>
    </row>
    <row r="120081" spans="1:7" x14ac:dyDescent="0.3">
      <c r="A120081" s="13" t="s">
        <v>563</v>
      </c>
      <c r="B120081" s="14" t="s">
        <v>1</v>
      </c>
      <c r="C120081" s="14" t="s">
        <v>558</v>
      </c>
      <c r="D120081" s="14" t="s">
        <v>39</v>
      </c>
      <c r="E120081" s="15">
        <v>45737</v>
      </c>
      <c r="F120081" s="14" t="s">
        <v>15</v>
      </c>
      <c r="G120081" s="16">
        <v>1.2033031604716173</v>
      </c>
    </row>
    <row r="120082" spans="1:7" x14ac:dyDescent="0.3">
      <c r="A120082" s="13" t="s">
        <v>563</v>
      </c>
      <c r="B120082" s="14" t="s">
        <v>1</v>
      </c>
      <c r="C120082" s="14" t="s">
        <v>558</v>
      </c>
      <c r="D120082" s="14" t="s">
        <v>39</v>
      </c>
      <c r="E120082" s="15">
        <v>45738</v>
      </c>
      <c r="F120082" s="14" t="s">
        <v>15</v>
      </c>
      <c r="G120082" s="16">
        <v>1.2033031604716173</v>
      </c>
    </row>
    <row r="120083" spans="1:7" x14ac:dyDescent="0.3">
      <c r="A120083" s="13" t="s">
        <v>563</v>
      </c>
      <c r="B120083" s="14" t="s">
        <v>1</v>
      </c>
      <c r="C120083" s="14" t="s">
        <v>558</v>
      </c>
      <c r="D120083" s="14" t="s">
        <v>39</v>
      </c>
      <c r="E120083" s="15">
        <v>45739</v>
      </c>
      <c r="F120083" s="14" t="s">
        <v>15</v>
      </c>
      <c r="G120083" s="16">
        <v>1.2033031604716173</v>
      </c>
    </row>
    <row r="120084" spans="1:7" x14ac:dyDescent="0.3">
      <c r="A120084" s="13" t="s">
        <v>563</v>
      </c>
      <c r="B120084" s="14" t="s">
        <v>1</v>
      </c>
      <c r="C120084" s="14" t="s">
        <v>558</v>
      </c>
      <c r="D120084" s="14" t="s">
        <v>39</v>
      </c>
      <c r="E120084" s="15">
        <v>45740</v>
      </c>
      <c r="F120084" s="14" t="s">
        <v>15</v>
      </c>
      <c r="G120084" s="16">
        <v>1.2237052043846233</v>
      </c>
    </row>
    <row r="120085" spans="1:7" x14ac:dyDescent="0.3">
      <c r="A120085" s="13" t="s">
        <v>563</v>
      </c>
      <c r="B120085" s="14" t="s">
        <v>1</v>
      </c>
      <c r="C120085" s="14" t="s">
        <v>558</v>
      </c>
      <c r="D120085" s="14" t="s">
        <v>39</v>
      </c>
      <c r="E120085" s="15">
        <v>45741</v>
      </c>
      <c r="F120085" s="14" t="s">
        <v>15</v>
      </c>
      <c r="G120085" s="16">
        <v>1.2190311765594741</v>
      </c>
    </row>
    <row r="120086" spans="1:7" x14ac:dyDescent="0.3">
      <c r="A120086" s="13" t="s">
        <v>563</v>
      </c>
      <c r="B120086" s="14" t="s">
        <v>1</v>
      </c>
      <c r="C120086" s="14" t="s">
        <v>558</v>
      </c>
      <c r="D120086" s="14" t="s">
        <v>39</v>
      </c>
      <c r="E120086" s="15">
        <v>45742</v>
      </c>
      <c r="F120086" s="14" t="s">
        <v>15</v>
      </c>
      <c r="G120086" s="16">
        <v>1.2174594199084188</v>
      </c>
    </row>
    <row r="120087" spans="1:7" x14ac:dyDescent="0.3">
      <c r="A120087" s="13" t="s">
        <v>563</v>
      </c>
      <c r="B120087" s="14" t="s">
        <v>1</v>
      </c>
      <c r="C120087" s="14" t="s">
        <v>558</v>
      </c>
      <c r="D120087" s="14" t="s">
        <v>39</v>
      </c>
      <c r="E120087" s="15">
        <v>45743</v>
      </c>
      <c r="F120087" s="14" t="s">
        <v>15</v>
      </c>
      <c r="G120087" s="16">
        <v>1.2224970937419957</v>
      </c>
    </row>
    <row r="120088" spans="1:7" x14ac:dyDescent="0.3">
      <c r="A120088" s="13" t="s">
        <v>563</v>
      </c>
      <c r="B120088" s="14" t="s">
        <v>1</v>
      </c>
      <c r="C120088" s="14" t="s">
        <v>558</v>
      </c>
      <c r="D120088" s="14" t="s">
        <v>39</v>
      </c>
      <c r="E120088" s="15">
        <v>45744</v>
      </c>
      <c r="F120088" s="14" t="s">
        <v>15</v>
      </c>
      <c r="G120088" s="16">
        <v>1.2209573527909698</v>
      </c>
    </row>
    <row r="120089" spans="1:7" x14ac:dyDescent="0.3">
      <c r="A120089" s="13" t="s">
        <v>563</v>
      </c>
      <c r="B120089" s="14" t="s">
        <v>1</v>
      </c>
      <c r="C120089" s="14" t="s">
        <v>558</v>
      </c>
      <c r="D120089" s="14" t="s">
        <v>39</v>
      </c>
      <c r="E120089" s="15">
        <v>45745</v>
      </c>
      <c r="F120089" s="14" t="s">
        <v>15</v>
      </c>
      <c r="G120089" s="16">
        <v>1.2209573527909698</v>
      </c>
    </row>
    <row r="120090" spans="1:7" x14ac:dyDescent="0.3">
      <c r="A120090" s="13" t="s">
        <v>563</v>
      </c>
      <c r="B120090" s="14" t="s">
        <v>1</v>
      </c>
      <c r="C120090" s="14" t="s">
        <v>558</v>
      </c>
      <c r="D120090" s="14" t="s">
        <v>39</v>
      </c>
      <c r="E120090" s="15">
        <v>45746</v>
      </c>
      <c r="F120090" s="14" t="s">
        <v>15</v>
      </c>
      <c r="G120090" s="16">
        <v>1.2209573527909698</v>
      </c>
    </row>
    <row r="120091" spans="1:7" x14ac:dyDescent="0.3">
      <c r="A120091" s="13" t="s">
        <v>563</v>
      </c>
      <c r="B120091" s="14" t="s">
        <v>1</v>
      </c>
      <c r="C120091" s="14" t="s">
        <v>558</v>
      </c>
      <c r="D120091" s="14" t="s">
        <v>39</v>
      </c>
      <c r="E120091" s="15">
        <v>45747</v>
      </c>
      <c r="F120091" s="14" t="s">
        <v>15</v>
      </c>
      <c r="G120091" s="16">
        <v>1.2440423379475154</v>
      </c>
    </row>
    <row r="120092" spans="1:7" x14ac:dyDescent="0.3">
      <c r="A120092" s="13" t="s">
        <v>564</v>
      </c>
      <c r="B120092" s="14" t="s">
        <v>1</v>
      </c>
      <c r="C120092" s="14" t="s">
        <v>565</v>
      </c>
      <c r="D120092" s="14" t="s">
        <v>14</v>
      </c>
      <c r="E120092" s="15">
        <v>45383</v>
      </c>
      <c r="F120092" s="14" t="s">
        <v>15</v>
      </c>
      <c r="G120092" s="16">
        <v>0</v>
      </c>
    </row>
    <row r="120093" spans="1:7" x14ac:dyDescent="0.3">
      <c r="A120093" s="13" t="s">
        <v>564</v>
      </c>
      <c r="B120093" s="14" t="s">
        <v>1</v>
      </c>
      <c r="C120093" s="14" t="s">
        <v>565</v>
      </c>
      <c r="D120093" s="14" t="s">
        <v>14</v>
      </c>
      <c r="E120093" s="15">
        <v>45384</v>
      </c>
      <c r="F120093" s="14" t="s">
        <v>15</v>
      </c>
      <c r="G120093" s="16">
        <v>0</v>
      </c>
    </row>
    <row r="120094" spans="1:7" x14ac:dyDescent="0.3">
      <c r="A120094" s="13" t="s">
        <v>564</v>
      </c>
      <c r="B120094" s="14" t="s">
        <v>1</v>
      </c>
      <c r="C120094" s="14" t="s">
        <v>565</v>
      </c>
      <c r="D120094" s="14" t="s">
        <v>14</v>
      </c>
      <c r="E120094" s="15">
        <v>45385</v>
      </c>
      <c r="F120094" s="14" t="s">
        <v>15</v>
      </c>
      <c r="G120094" s="16">
        <v>0</v>
      </c>
    </row>
    <row r="120095" spans="1:7" x14ac:dyDescent="0.3">
      <c r="A120095" s="13" t="s">
        <v>564</v>
      </c>
      <c r="B120095" s="14" t="s">
        <v>1</v>
      </c>
      <c r="C120095" s="14" t="s">
        <v>565</v>
      </c>
      <c r="D120095" s="14" t="s">
        <v>14</v>
      </c>
      <c r="E120095" s="15">
        <v>45386</v>
      </c>
      <c r="F120095" s="14" t="s">
        <v>15</v>
      </c>
      <c r="G120095" s="16">
        <v>0</v>
      </c>
    </row>
    <row r="120096" spans="1:7" x14ac:dyDescent="0.3">
      <c r="A120096" s="13" t="s">
        <v>564</v>
      </c>
      <c r="B120096" s="14" t="s">
        <v>1</v>
      </c>
      <c r="C120096" s="14" t="s">
        <v>565</v>
      </c>
      <c r="D120096" s="14" t="s">
        <v>14</v>
      </c>
      <c r="E120096" s="15">
        <v>45387</v>
      </c>
      <c r="F120096" s="14" t="s">
        <v>15</v>
      </c>
      <c r="G120096" s="16">
        <v>0</v>
      </c>
    </row>
    <row r="120097" spans="1:7" x14ac:dyDescent="0.3">
      <c r="A120097" s="13" t="s">
        <v>564</v>
      </c>
      <c r="B120097" s="14" t="s">
        <v>1</v>
      </c>
      <c r="C120097" s="14" t="s">
        <v>565</v>
      </c>
      <c r="D120097" s="14" t="s">
        <v>14</v>
      </c>
      <c r="E120097" s="15">
        <v>45388</v>
      </c>
      <c r="F120097" s="14" t="s">
        <v>15</v>
      </c>
      <c r="G120097" s="16">
        <v>0</v>
      </c>
    </row>
    <row r="120098" spans="1:7" x14ac:dyDescent="0.3">
      <c r="A120098" s="13" t="s">
        <v>564</v>
      </c>
      <c r="B120098" s="14" t="s">
        <v>1</v>
      </c>
      <c r="C120098" s="14" t="s">
        <v>565</v>
      </c>
      <c r="D120098" s="14" t="s">
        <v>14</v>
      </c>
      <c r="E120098" s="15">
        <v>45389</v>
      </c>
      <c r="F120098" s="14" t="s">
        <v>15</v>
      </c>
      <c r="G120098" s="16">
        <v>0</v>
      </c>
    </row>
    <row r="120099" spans="1:7" x14ac:dyDescent="0.3">
      <c r="A120099" s="13" t="s">
        <v>564</v>
      </c>
      <c r="B120099" s="14" t="s">
        <v>1</v>
      </c>
      <c r="C120099" s="14" t="s">
        <v>565</v>
      </c>
      <c r="D120099" s="14" t="s">
        <v>14</v>
      </c>
      <c r="E120099" s="15">
        <v>45390</v>
      </c>
      <c r="F120099" s="14" t="s">
        <v>15</v>
      </c>
      <c r="G120099" s="16">
        <v>0</v>
      </c>
    </row>
    <row r="120100" spans="1:7" x14ac:dyDescent="0.3">
      <c r="A120100" s="13" t="s">
        <v>564</v>
      </c>
      <c r="B120100" s="14" t="s">
        <v>1</v>
      </c>
      <c r="C120100" s="14" t="s">
        <v>565</v>
      </c>
      <c r="D120100" s="14" t="s">
        <v>14</v>
      </c>
      <c r="E120100" s="15">
        <v>45391</v>
      </c>
      <c r="F120100" s="14" t="s">
        <v>15</v>
      </c>
      <c r="G120100" s="16">
        <v>2.5880392086841456E-2</v>
      </c>
    </row>
    <row r="120101" spans="1:7" x14ac:dyDescent="0.3">
      <c r="A120101" s="13" t="s">
        <v>564</v>
      </c>
      <c r="B120101" s="14" t="s">
        <v>1</v>
      </c>
      <c r="C120101" s="14" t="s">
        <v>565</v>
      </c>
      <c r="D120101" s="14" t="s">
        <v>14</v>
      </c>
      <c r="E120101" s="15">
        <v>45392</v>
      </c>
      <c r="F120101" s="14" t="s">
        <v>15</v>
      </c>
      <c r="G120101" s="16">
        <v>2.235630000067285E-2</v>
      </c>
    </row>
    <row r="120102" spans="1:7" x14ac:dyDescent="0.3">
      <c r="A120102" s="13" t="s">
        <v>564</v>
      </c>
      <c r="B120102" s="14" t="s">
        <v>1</v>
      </c>
      <c r="C120102" s="14" t="s">
        <v>565</v>
      </c>
      <c r="D120102" s="14" t="s">
        <v>14</v>
      </c>
      <c r="E120102" s="15">
        <v>45393</v>
      </c>
      <c r="F120102" s="14" t="s">
        <v>15</v>
      </c>
      <c r="G120102" s="16">
        <v>1.8816102847482068E-2</v>
      </c>
    </row>
    <row r="120103" spans="1:7" x14ac:dyDescent="0.3">
      <c r="A120103" s="13" t="s">
        <v>564</v>
      </c>
      <c r="B120103" s="14" t="s">
        <v>1</v>
      </c>
      <c r="C120103" s="14" t="s">
        <v>565</v>
      </c>
      <c r="D120103" s="14" t="s">
        <v>14</v>
      </c>
      <c r="E120103" s="15">
        <v>45394</v>
      </c>
      <c r="F120103" s="14" t="s">
        <v>15</v>
      </c>
      <c r="G120103" s="16">
        <v>1.9024368791626778E-2</v>
      </c>
    </row>
    <row r="120104" spans="1:7" x14ac:dyDescent="0.3">
      <c r="A120104" s="13" t="s">
        <v>564</v>
      </c>
      <c r="B120104" s="14" t="s">
        <v>1</v>
      </c>
      <c r="C120104" s="14" t="s">
        <v>565</v>
      </c>
      <c r="D120104" s="14" t="s">
        <v>14</v>
      </c>
      <c r="E120104" s="15">
        <v>45395</v>
      </c>
      <c r="F120104" s="14" t="s">
        <v>15</v>
      </c>
      <c r="G120104" s="16">
        <v>1.9024368791626778E-2</v>
      </c>
    </row>
    <row r="120105" spans="1:7" x14ac:dyDescent="0.3">
      <c r="A120105" s="13" t="s">
        <v>564</v>
      </c>
      <c r="B120105" s="14" t="s">
        <v>1</v>
      </c>
      <c r="C120105" s="14" t="s">
        <v>565</v>
      </c>
      <c r="D120105" s="14" t="s">
        <v>14</v>
      </c>
      <c r="E120105" s="15">
        <v>45396</v>
      </c>
      <c r="F120105" s="14" t="s">
        <v>15</v>
      </c>
      <c r="G120105" s="16">
        <v>1.9024368791626778E-2</v>
      </c>
    </row>
    <row r="120106" spans="1:7" x14ac:dyDescent="0.3">
      <c r="A120106" s="13" t="s">
        <v>564</v>
      </c>
      <c r="B120106" s="14" t="s">
        <v>1</v>
      </c>
      <c r="C120106" s="14" t="s">
        <v>565</v>
      </c>
      <c r="D120106" s="14" t="s">
        <v>14</v>
      </c>
      <c r="E120106" s="15">
        <v>45397</v>
      </c>
      <c r="F120106" s="14" t="s">
        <v>15</v>
      </c>
      <c r="G120106" s="16">
        <v>1.5475750309434808E-2</v>
      </c>
    </row>
    <row r="120107" spans="1:7" x14ac:dyDescent="0.3">
      <c r="A120107" s="13" t="s">
        <v>564</v>
      </c>
      <c r="B120107" s="14" t="s">
        <v>1</v>
      </c>
      <c r="C120107" s="14" t="s">
        <v>565</v>
      </c>
      <c r="D120107" s="14" t="s">
        <v>14</v>
      </c>
      <c r="E120107" s="15">
        <v>45398</v>
      </c>
      <c r="F120107" s="14" t="s">
        <v>15</v>
      </c>
      <c r="G120107" s="16">
        <v>4.9364570644508249E-3</v>
      </c>
    </row>
    <row r="120108" spans="1:7" x14ac:dyDescent="0.3">
      <c r="A120108" s="13" t="s">
        <v>564</v>
      </c>
      <c r="B120108" s="14" t="s">
        <v>1</v>
      </c>
      <c r="C120108" s="14" t="s">
        <v>565</v>
      </c>
      <c r="D120108" s="14" t="s">
        <v>14</v>
      </c>
      <c r="E120108" s="15">
        <v>45399</v>
      </c>
      <c r="F120108" s="14" t="s">
        <v>15</v>
      </c>
      <c r="G120108" s="16">
        <v>1.4744811017902851E-3</v>
      </c>
    </row>
    <row r="120109" spans="1:7" x14ac:dyDescent="0.3">
      <c r="A120109" s="13" t="s">
        <v>564</v>
      </c>
      <c r="B120109" s="14" t="s">
        <v>1</v>
      </c>
      <c r="C120109" s="14" t="s">
        <v>565</v>
      </c>
      <c r="D120109" s="14" t="s">
        <v>14</v>
      </c>
      <c r="E120109" s="15">
        <v>45400</v>
      </c>
      <c r="F120109" s="14" t="s">
        <v>15</v>
      </c>
      <c r="G120109" s="16">
        <v>6.6123890203450927E-2</v>
      </c>
    </row>
    <row r="120110" spans="1:7" x14ac:dyDescent="0.3">
      <c r="A120110" s="13" t="s">
        <v>564</v>
      </c>
      <c r="B120110" s="14" t="s">
        <v>1</v>
      </c>
      <c r="C120110" s="14" t="s">
        <v>565</v>
      </c>
      <c r="D120110" s="14" t="s">
        <v>14</v>
      </c>
      <c r="E120110" s="15">
        <v>45401</v>
      </c>
      <c r="F120110" s="14" t="s">
        <v>15</v>
      </c>
      <c r="G120110" s="16">
        <v>6.2571223005393001E-2</v>
      </c>
    </row>
    <row r="120111" spans="1:7" x14ac:dyDescent="0.3">
      <c r="A120111" s="13" t="s">
        <v>564</v>
      </c>
      <c r="B120111" s="14" t="s">
        <v>1</v>
      </c>
      <c r="C120111" s="14" t="s">
        <v>565</v>
      </c>
      <c r="D120111" s="14" t="s">
        <v>14</v>
      </c>
      <c r="E120111" s="15">
        <v>45402</v>
      </c>
      <c r="F120111" s="14" t="s">
        <v>15</v>
      </c>
      <c r="G120111" s="16">
        <v>6.2571223005393001E-2</v>
      </c>
    </row>
    <row r="120112" spans="1:7" x14ac:dyDescent="0.3">
      <c r="A120112" s="13" t="s">
        <v>564</v>
      </c>
      <c r="B120112" s="14" t="s">
        <v>1</v>
      </c>
      <c r="C120112" s="14" t="s">
        <v>565</v>
      </c>
      <c r="D120112" s="14" t="s">
        <v>14</v>
      </c>
      <c r="E120112" s="15">
        <v>45403</v>
      </c>
      <c r="F120112" s="14" t="s">
        <v>15</v>
      </c>
      <c r="G120112" s="16">
        <v>6.2571223005393001E-2</v>
      </c>
    </row>
    <row r="120113" spans="1:7" x14ac:dyDescent="0.3">
      <c r="A120113" s="13" t="s">
        <v>564</v>
      </c>
      <c r="B120113" s="14" t="s">
        <v>1</v>
      </c>
      <c r="C120113" s="14" t="s">
        <v>565</v>
      </c>
      <c r="D120113" s="14" t="s">
        <v>14</v>
      </c>
      <c r="E120113" s="15">
        <v>45404</v>
      </c>
      <c r="F120113" s="14" t="s">
        <v>15</v>
      </c>
      <c r="G120113" s="16">
        <v>5.9164957373048006E-2</v>
      </c>
    </row>
    <row r="120114" spans="1:7" x14ac:dyDescent="0.3">
      <c r="A120114" s="13" t="s">
        <v>564</v>
      </c>
      <c r="B120114" s="14" t="s">
        <v>1</v>
      </c>
      <c r="C120114" s="14" t="s">
        <v>565</v>
      </c>
      <c r="D120114" s="14" t="s">
        <v>14</v>
      </c>
      <c r="E120114" s="15">
        <v>45405</v>
      </c>
      <c r="F120114" s="14" t="s">
        <v>15</v>
      </c>
      <c r="G120114" s="16">
        <v>4.9109080802459015E-2</v>
      </c>
    </row>
    <row r="120115" spans="1:7" x14ac:dyDescent="0.3">
      <c r="A120115" s="13" t="s">
        <v>564</v>
      </c>
      <c r="B120115" s="14" t="s">
        <v>1</v>
      </c>
      <c r="C120115" s="14" t="s">
        <v>565</v>
      </c>
      <c r="D120115" s="14" t="s">
        <v>14</v>
      </c>
      <c r="E120115" s="15">
        <v>45406</v>
      </c>
      <c r="F120115" s="14" t="s">
        <v>15</v>
      </c>
      <c r="G120115" s="16">
        <v>4.5559860696512119E-2</v>
      </c>
    </row>
    <row r="120116" spans="1:7" x14ac:dyDescent="0.3">
      <c r="A120116" s="13" t="s">
        <v>564</v>
      </c>
      <c r="B120116" s="14" t="s">
        <v>1</v>
      </c>
      <c r="C120116" s="14" t="s">
        <v>565</v>
      </c>
      <c r="D120116" s="14" t="s">
        <v>14</v>
      </c>
      <c r="E120116" s="15">
        <v>45407</v>
      </c>
      <c r="F120116" s="14" t="s">
        <v>15</v>
      </c>
      <c r="G120116" s="16">
        <v>4.0004701519838849E-2</v>
      </c>
    </row>
    <row r="120117" spans="1:7" x14ac:dyDescent="0.3">
      <c r="A120117" s="13" t="s">
        <v>564</v>
      </c>
      <c r="B120117" s="14" t="s">
        <v>1</v>
      </c>
      <c r="C120117" s="14" t="s">
        <v>565</v>
      </c>
      <c r="D120117" s="14" t="s">
        <v>14</v>
      </c>
      <c r="E120117" s="15">
        <v>45408</v>
      </c>
      <c r="F120117" s="14" t="s">
        <v>15</v>
      </c>
      <c r="G120117" s="16">
        <v>3.6704918697491547E-2</v>
      </c>
    </row>
    <row r="120118" spans="1:7" x14ac:dyDescent="0.3">
      <c r="A120118" s="13" t="s">
        <v>564</v>
      </c>
      <c r="B120118" s="14" t="s">
        <v>1</v>
      </c>
      <c r="C120118" s="14" t="s">
        <v>565</v>
      </c>
      <c r="D120118" s="14" t="s">
        <v>14</v>
      </c>
      <c r="E120118" s="15">
        <v>45409</v>
      </c>
      <c r="F120118" s="14" t="s">
        <v>15</v>
      </c>
      <c r="G120118" s="16">
        <v>3.6704918697491547E-2</v>
      </c>
    </row>
    <row r="120119" spans="1:7" x14ac:dyDescent="0.3">
      <c r="A120119" s="13" t="s">
        <v>564</v>
      </c>
      <c r="B120119" s="14" t="s">
        <v>1</v>
      </c>
      <c r="C120119" s="14" t="s">
        <v>565</v>
      </c>
      <c r="D120119" s="14" t="s">
        <v>14</v>
      </c>
      <c r="E120119" s="15">
        <v>45410</v>
      </c>
      <c r="F120119" s="14" t="s">
        <v>15</v>
      </c>
      <c r="G120119" s="16">
        <v>3.6704918697491547E-2</v>
      </c>
    </row>
    <row r="120120" spans="1:7" x14ac:dyDescent="0.3">
      <c r="A120120" s="13" t="s">
        <v>564</v>
      </c>
      <c r="B120120" s="14" t="s">
        <v>1</v>
      </c>
      <c r="C120120" s="14" t="s">
        <v>565</v>
      </c>
      <c r="D120120" s="14" t="s">
        <v>14</v>
      </c>
      <c r="E120120" s="15">
        <v>45411</v>
      </c>
      <c r="F120120" s="14" t="s">
        <v>15</v>
      </c>
      <c r="G120120" s="16">
        <v>3.0661652030608992E-2</v>
      </c>
    </row>
    <row r="120121" spans="1:7" x14ac:dyDescent="0.3">
      <c r="A120121" s="13" t="s">
        <v>564</v>
      </c>
      <c r="B120121" s="14" t="s">
        <v>1</v>
      </c>
      <c r="C120121" s="14" t="s">
        <v>565</v>
      </c>
      <c r="D120121" s="14" t="s">
        <v>14</v>
      </c>
      <c r="E120121" s="15">
        <v>45412</v>
      </c>
      <c r="F120121" s="14" t="s">
        <v>15</v>
      </c>
      <c r="G120121" s="16">
        <v>2.2561710521123365E-2</v>
      </c>
    </row>
    <row r="120122" spans="1:7" x14ac:dyDescent="0.3">
      <c r="A120122" s="13" t="s">
        <v>564</v>
      </c>
      <c r="B120122" s="14" t="s">
        <v>1</v>
      </c>
      <c r="C120122" s="14" t="s">
        <v>565</v>
      </c>
      <c r="D120122" s="14" t="s">
        <v>14</v>
      </c>
      <c r="E120122" s="15">
        <v>45413</v>
      </c>
      <c r="F120122" s="14" t="s">
        <v>15</v>
      </c>
      <c r="G120122" s="16">
        <v>2.2561710521123365E-2</v>
      </c>
    </row>
    <row r="120123" spans="1:7" x14ac:dyDescent="0.3">
      <c r="A120123" s="13" t="s">
        <v>564</v>
      </c>
      <c r="B120123" s="14" t="s">
        <v>1</v>
      </c>
      <c r="C120123" s="14" t="s">
        <v>565</v>
      </c>
      <c r="D120123" s="14" t="s">
        <v>14</v>
      </c>
      <c r="E120123" s="15">
        <v>45414</v>
      </c>
      <c r="F120123" s="14" t="s">
        <v>15</v>
      </c>
      <c r="G120123" s="16">
        <v>2.2561710521123365E-2</v>
      </c>
    </row>
    <row r="120124" spans="1:7" x14ac:dyDescent="0.3">
      <c r="A120124" s="13" t="s">
        <v>564</v>
      </c>
      <c r="B120124" s="14" t="s">
        <v>1</v>
      </c>
      <c r="C120124" s="14" t="s">
        <v>565</v>
      </c>
      <c r="D120124" s="14" t="s">
        <v>14</v>
      </c>
      <c r="E120124" s="15">
        <v>45415</v>
      </c>
      <c r="F120124" s="14" t="s">
        <v>15</v>
      </c>
      <c r="G120124" s="16">
        <v>2.2561710521123365E-2</v>
      </c>
    </row>
    <row r="120125" spans="1:7" x14ac:dyDescent="0.3">
      <c r="A120125" s="13" t="s">
        <v>564</v>
      </c>
      <c r="B120125" s="14" t="s">
        <v>1</v>
      </c>
      <c r="C120125" s="14" t="s">
        <v>565</v>
      </c>
      <c r="D120125" s="14" t="s">
        <v>14</v>
      </c>
      <c r="E120125" s="15">
        <v>45416</v>
      </c>
      <c r="F120125" s="14" t="s">
        <v>15</v>
      </c>
      <c r="G120125" s="16">
        <v>2.2561710521123365E-2</v>
      </c>
    </row>
    <row r="120126" spans="1:7" x14ac:dyDescent="0.3">
      <c r="A120126" s="13" t="s">
        <v>564</v>
      </c>
      <c r="B120126" s="14" t="s">
        <v>1</v>
      </c>
      <c r="C120126" s="14" t="s">
        <v>565</v>
      </c>
      <c r="D120126" s="14" t="s">
        <v>14</v>
      </c>
      <c r="E120126" s="15">
        <v>45417</v>
      </c>
      <c r="F120126" s="14" t="s">
        <v>15</v>
      </c>
      <c r="G120126" s="16">
        <v>2.2561710521123365E-2</v>
      </c>
    </row>
    <row r="120127" spans="1:7" x14ac:dyDescent="0.3">
      <c r="A120127" s="13" t="s">
        <v>564</v>
      </c>
      <c r="B120127" s="14" t="s">
        <v>1</v>
      </c>
      <c r="C120127" s="14" t="s">
        <v>565</v>
      </c>
      <c r="D120127" s="14" t="s">
        <v>14</v>
      </c>
      <c r="E120127" s="15">
        <v>45418</v>
      </c>
      <c r="F120127" s="14" t="s">
        <v>15</v>
      </c>
      <c r="G120127" s="16">
        <v>2.2561710521123365E-2</v>
      </c>
    </row>
    <row r="120128" spans="1:7" x14ac:dyDescent="0.3">
      <c r="A120128" s="13" t="s">
        <v>564</v>
      </c>
      <c r="B120128" s="14" t="s">
        <v>1</v>
      </c>
      <c r="C120128" s="14" t="s">
        <v>565</v>
      </c>
      <c r="D120128" s="14" t="s">
        <v>14</v>
      </c>
      <c r="E120128" s="15">
        <v>45419</v>
      </c>
      <c r="F120128" s="14" t="s">
        <v>15</v>
      </c>
      <c r="G120128" s="16">
        <v>1.6586145929253133E-2</v>
      </c>
    </row>
    <row r="120129" spans="1:7" x14ac:dyDescent="0.3">
      <c r="A120129" s="13" t="s">
        <v>564</v>
      </c>
      <c r="B120129" s="14" t="s">
        <v>1</v>
      </c>
      <c r="C120129" s="14" t="s">
        <v>565</v>
      </c>
      <c r="D120129" s="14" t="s">
        <v>14</v>
      </c>
      <c r="E120129" s="15">
        <v>45420</v>
      </c>
      <c r="F120129" s="14" t="s">
        <v>15</v>
      </c>
      <c r="G120129" s="16">
        <v>0</v>
      </c>
    </row>
    <row r="120130" spans="1:7" x14ac:dyDescent="0.3">
      <c r="A120130" s="13" t="s">
        <v>564</v>
      </c>
      <c r="B120130" s="14" t="s">
        <v>1</v>
      </c>
      <c r="C120130" s="14" t="s">
        <v>565</v>
      </c>
      <c r="D120130" s="14" t="s">
        <v>14</v>
      </c>
      <c r="E120130" s="15">
        <v>45421</v>
      </c>
      <c r="F120130" s="14" t="s">
        <v>15</v>
      </c>
      <c r="G120130" s="16">
        <v>0</v>
      </c>
    </row>
    <row r="120131" spans="1:7" x14ac:dyDescent="0.3">
      <c r="A120131" s="13" t="s">
        <v>564</v>
      </c>
      <c r="B120131" s="14" t="s">
        <v>1</v>
      </c>
      <c r="C120131" s="14" t="s">
        <v>565</v>
      </c>
      <c r="D120131" s="14" t="s">
        <v>14</v>
      </c>
      <c r="E120131" s="15">
        <v>45422</v>
      </c>
      <c r="F120131" s="14" t="s">
        <v>15</v>
      </c>
      <c r="G120131" s="16">
        <v>4.1955663242904624E-2</v>
      </c>
    </row>
    <row r="120132" spans="1:7" x14ac:dyDescent="0.3">
      <c r="A120132" s="13" t="s">
        <v>564</v>
      </c>
      <c r="B120132" s="14" t="s">
        <v>1</v>
      </c>
      <c r="C120132" s="14" t="s">
        <v>565</v>
      </c>
      <c r="D120132" s="14" t="s">
        <v>14</v>
      </c>
      <c r="E120132" s="15">
        <v>45423</v>
      </c>
      <c r="F120132" s="14" t="s">
        <v>15</v>
      </c>
      <c r="G120132" s="16">
        <v>4.1955663242904624E-2</v>
      </c>
    </row>
    <row r="120133" spans="1:7" x14ac:dyDescent="0.3">
      <c r="A120133" s="13" t="s">
        <v>564</v>
      </c>
      <c r="B120133" s="14" t="s">
        <v>1</v>
      </c>
      <c r="C120133" s="14" t="s">
        <v>565</v>
      </c>
      <c r="D120133" s="14" t="s">
        <v>14</v>
      </c>
      <c r="E120133" s="15">
        <v>45424</v>
      </c>
      <c r="F120133" s="14" t="s">
        <v>15</v>
      </c>
      <c r="G120133" s="16">
        <v>4.1955663242904624E-2</v>
      </c>
    </row>
    <row r="120134" spans="1:7" x14ac:dyDescent="0.3">
      <c r="A120134" s="13" t="s">
        <v>564</v>
      </c>
      <c r="B120134" s="14" t="s">
        <v>1</v>
      </c>
      <c r="C120134" s="14" t="s">
        <v>565</v>
      </c>
      <c r="D120134" s="14" t="s">
        <v>14</v>
      </c>
      <c r="E120134" s="15">
        <v>45425</v>
      </c>
      <c r="F120134" s="14" t="s">
        <v>15</v>
      </c>
      <c r="G120134" s="16">
        <v>5.6962847778948056E-2</v>
      </c>
    </row>
    <row r="120135" spans="1:7" x14ac:dyDescent="0.3">
      <c r="A120135" s="13" t="s">
        <v>564</v>
      </c>
      <c r="B120135" s="14" t="s">
        <v>1</v>
      </c>
      <c r="C120135" s="14" t="s">
        <v>565</v>
      </c>
      <c r="D120135" s="14" t="s">
        <v>14</v>
      </c>
      <c r="E120135" s="15">
        <v>45426</v>
      </c>
      <c r="F120135" s="14" t="s">
        <v>15</v>
      </c>
      <c r="G120135" s="16">
        <v>4.6145035017160753E-2</v>
      </c>
    </row>
    <row r="120136" spans="1:7" x14ac:dyDescent="0.3">
      <c r="A120136" s="13" t="s">
        <v>564</v>
      </c>
      <c r="B120136" s="14" t="s">
        <v>1</v>
      </c>
      <c r="C120136" s="14" t="s">
        <v>565</v>
      </c>
      <c r="D120136" s="14" t="s">
        <v>14</v>
      </c>
      <c r="E120136" s="15">
        <v>45427</v>
      </c>
      <c r="F120136" s="14" t="s">
        <v>15</v>
      </c>
      <c r="G120136" s="16">
        <v>4.6145035017160753E-2</v>
      </c>
    </row>
    <row r="120137" spans="1:7" x14ac:dyDescent="0.3">
      <c r="A120137" s="13" t="s">
        <v>564</v>
      </c>
      <c r="B120137" s="14" t="s">
        <v>1</v>
      </c>
      <c r="C120137" s="14" t="s">
        <v>565</v>
      </c>
      <c r="D120137" s="14" t="s">
        <v>14</v>
      </c>
      <c r="E120137" s="15">
        <v>45428</v>
      </c>
      <c r="F120137" s="14" t="s">
        <v>15</v>
      </c>
      <c r="G120137" s="16">
        <v>4.252168081234417E-2</v>
      </c>
    </row>
    <row r="120138" spans="1:7" x14ac:dyDescent="0.3">
      <c r="A120138" s="13" t="s">
        <v>564</v>
      </c>
      <c r="B120138" s="14" t="s">
        <v>1</v>
      </c>
      <c r="C120138" s="14" t="s">
        <v>565</v>
      </c>
      <c r="D120138" s="14" t="s">
        <v>14</v>
      </c>
      <c r="E120138" s="15">
        <v>45429</v>
      </c>
      <c r="F120138" s="14" t="s">
        <v>15</v>
      </c>
      <c r="G120138" s="16">
        <v>6.2281872593186904E-2</v>
      </c>
    </row>
    <row r="120139" spans="1:7" x14ac:dyDescent="0.3">
      <c r="A120139" s="13" t="s">
        <v>564</v>
      </c>
      <c r="B120139" s="14" t="s">
        <v>1</v>
      </c>
      <c r="C120139" s="14" t="s">
        <v>565</v>
      </c>
      <c r="D120139" s="14" t="s">
        <v>14</v>
      </c>
      <c r="E120139" s="15">
        <v>45430</v>
      </c>
      <c r="F120139" s="14" t="s">
        <v>15</v>
      </c>
      <c r="G120139" s="16">
        <v>6.2281872593186904E-2</v>
      </c>
    </row>
    <row r="120140" spans="1:7" x14ac:dyDescent="0.3">
      <c r="A120140" s="13" t="s">
        <v>564</v>
      </c>
      <c r="B120140" s="14" t="s">
        <v>1</v>
      </c>
      <c r="C120140" s="14" t="s">
        <v>565</v>
      </c>
      <c r="D120140" s="14" t="s">
        <v>14</v>
      </c>
      <c r="E120140" s="15">
        <v>45431</v>
      </c>
      <c r="F120140" s="14" t="s">
        <v>15</v>
      </c>
      <c r="G120140" s="16">
        <v>6.2281872593186904E-2</v>
      </c>
    </row>
    <row r="120141" spans="1:7" x14ac:dyDescent="0.3">
      <c r="A120141" s="13" t="s">
        <v>564</v>
      </c>
      <c r="B120141" s="14" t="s">
        <v>1</v>
      </c>
      <c r="C120141" s="14" t="s">
        <v>565</v>
      </c>
      <c r="D120141" s="14" t="s">
        <v>14</v>
      </c>
      <c r="E120141" s="15">
        <v>45432</v>
      </c>
      <c r="F120141" s="14" t="s">
        <v>15</v>
      </c>
      <c r="G120141" s="16">
        <v>0.10756638302321289</v>
      </c>
    </row>
    <row r="120142" spans="1:7" x14ac:dyDescent="0.3">
      <c r="A120142" s="13" t="s">
        <v>564</v>
      </c>
      <c r="B120142" s="14" t="s">
        <v>1</v>
      </c>
      <c r="C120142" s="14" t="s">
        <v>565</v>
      </c>
      <c r="D120142" s="14" t="s">
        <v>14</v>
      </c>
      <c r="E120142" s="15">
        <v>45433</v>
      </c>
      <c r="F120142" s="14" t="s">
        <v>15</v>
      </c>
      <c r="G120142" s="16">
        <v>0.10482669009911826</v>
      </c>
    </row>
    <row r="120143" spans="1:7" x14ac:dyDescent="0.3">
      <c r="A120143" s="13" t="s">
        <v>564</v>
      </c>
      <c r="B120143" s="14" t="s">
        <v>1</v>
      </c>
      <c r="C120143" s="14" t="s">
        <v>565</v>
      </c>
      <c r="D120143" s="14" t="s">
        <v>14</v>
      </c>
      <c r="E120143" s="15">
        <v>45434</v>
      </c>
      <c r="F120143" s="14" t="s">
        <v>15</v>
      </c>
      <c r="G120143" s="16">
        <v>0.10111152955115062</v>
      </c>
    </row>
    <row r="120144" spans="1:7" x14ac:dyDescent="0.3">
      <c r="A120144" s="13" t="s">
        <v>564</v>
      </c>
      <c r="B120144" s="14" t="s">
        <v>1</v>
      </c>
      <c r="C120144" s="14" t="s">
        <v>565</v>
      </c>
      <c r="D120144" s="14" t="s">
        <v>14</v>
      </c>
      <c r="E120144" s="15">
        <v>45435</v>
      </c>
      <c r="F120144" s="14" t="s">
        <v>15</v>
      </c>
      <c r="G120144" s="16">
        <v>0.11443457023420441</v>
      </c>
    </row>
    <row r="120145" spans="1:7" x14ac:dyDescent="0.3">
      <c r="A120145" s="13" t="s">
        <v>564</v>
      </c>
      <c r="B120145" s="14" t="s">
        <v>1</v>
      </c>
      <c r="C120145" s="14" t="s">
        <v>565</v>
      </c>
      <c r="D120145" s="14" t="s">
        <v>14</v>
      </c>
      <c r="E120145" s="15">
        <v>45436</v>
      </c>
      <c r="F120145" s="14" t="s">
        <v>15</v>
      </c>
      <c r="G120145" s="16">
        <v>0.11076817471725386</v>
      </c>
    </row>
    <row r="120146" spans="1:7" x14ac:dyDescent="0.3">
      <c r="A120146" s="13" t="s">
        <v>564</v>
      </c>
      <c r="B120146" s="14" t="s">
        <v>1</v>
      </c>
      <c r="C120146" s="14" t="s">
        <v>565</v>
      </c>
      <c r="D120146" s="14" t="s">
        <v>14</v>
      </c>
      <c r="E120146" s="15">
        <v>45437</v>
      </c>
      <c r="F120146" s="14" t="s">
        <v>15</v>
      </c>
      <c r="G120146" s="16">
        <v>0.11076817471725386</v>
      </c>
    </row>
    <row r="120147" spans="1:7" x14ac:dyDescent="0.3">
      <c r="A120147" s="13" t="s">
        <v>564</v>
      </c>
      <c r="B120147" s="14" t="s">
        <v>1</v>
      </c>
      <c r="C120147" s="14" t="s">
        <v>565</v>
      </c>
      <c r="D120147" s="14" t="s">
        <v>14</v>
      </c>
      <c r="E120147" s="15">
        <v>45438</v>
      </c>
      <c r="F120147" s="14" t="s">
        <v>15</v>
      </c>
      <c r="G120147" s="16">
        <v>0.11076817471725386</v>
      </c>
    </row>
    <row r="120148" spans="1:7" x14ac:dyDescent="0.3">
      <c r="A120148" s="13" t="s">
        <v>564</v>
      </c>
      <c r="B120148" s="14" t="s">
        <v>1</v>
      </c>
      <c r="C120148" s="14" t="s">
        <v>565</v>
      </c>
      <c r="D120148" s="14" t="s">
        <v>14</v>
      </c>
      <c r="E120148" s="15">
        <v>45439</v>
      </c>
      <c r="F120148" s="14" t="s">
        <v>15</v>
      </c>
      <c r="G120148" s="16">
        <v>0.10650340554915849</v>
      </c>
    </row>
    <row r="120149" spans="1:7" x14ac:dyDescent="0.3">
      <c r="A120149" s="13" t="s">
        <v>564</v>
      </c>
      <c r="B120149" s="14" t="s">
        <v>1</v>
      </c>
      <c r="C120149" s="14" t="s">
        <v>565</v>
      </c>
      <c r="D120149" s="14" t="s">
        <v>14</v>
      </c>
      <c r="E120149" s="15">
        <v>45440</v>
      </c>
      <c r="F120149" s="14" t="s">
        <v>15</v>
      </c>
      <c r="G120149" s="16">
        <v>9.8567898772309689E-2</v>
      </c>
    </row>
    <row r="120150" spans="1:7" x14ac:dyDescent="0.3">
      <c r="A120150" s="13" t="s">
        <v>564</v>
      </c>
      <c r="B120150" s="14" t="s">
        <v>1</v>
      </c>
      <c r="C120150" s="14" t="s">
        <v>565</v>
      </c>
      <c r="D120150" s="14" t="s">
        <v>14</v>
      </c>
      <c r="E120150" s="15">
        <v>45441</v>
      </c>
      <c r="F120150" s="14" t="s">
        <v>15</v>
      </c>
      <c r="G120150" s="16">
        <v>9.3121412619703872E-2</v>
      </c>
    </row>
    <row r="120151" spans="1:7" x14ac:dyDescent="0.3">
      <c r="A120151" s="13" t="s">
        <v>564</v>
      </c>
      <c r="B120151" s="14" t="s">
        <v>1</v>
      </c>
      <c r="C120151" s="14" t="s">
        <v>565</v>
      </c>
      <c r="D120151" s="14" t="s">
        <v>14</v>
      </c>
      <c r="E120151" s="15">
        <v>45442</v>
      </c>
      <c r="F120151" s="14" t="s">
        <v>15</v>
      </c>
      <c r="G120151" s="16">
        <v>0.13147410749347288</v>
      </c>
    </row>
    <row r="120152" spans="1:7" x14ac:dyDescent="0.3">
      <c r="A120152" s="13" t="s">
        <v>564</v>
      </c>
      <c r="B120152" s="14" t="s">
        <v>1</v>
      </c>
      <c r="C120152" s="14" t="s">
        <v>565</v>
      </c>
      <c r="D120152" s="14" t="s">
        <v>14</v>
      </c>
      <c r="E120152" s="15">
        <v>45443</v>
      </c>
      <c r="F120152" s="14" t="s">
        <v>15</v>
      </c>
      <c r="G120152" s="16">
        <v>0.163171544658123</v>
      </c>
    </row>
    <row r="120153" spans="1:7" x14ac:dyDescent="0.3">
      <c r="A120153" s="13" t="s">
        <v>564</v>
      </c>
      <c r="B120153" s="14" t="s">
        <v>1</v>
      </c>
      <c r="C120153" s="14" t="s">
        <v>565</v>
      </c>
      <c r="D120153" s="14" t="s">
        <v>14</v>
      </c>
      <c r="E120153" s="15">
        <v>45444</v>
      </c>
      <c r="F120153" s="14" t="s">
        <v>15</v>
      </c>
      <c r="G120153" s="16">
        <v>0.163171544658123</v>
      </c>
    </row>
    <row r="120154" spans="1:7" x14ac:dyDescent="0.3">
      <c r="A120154" s="13" t="s">
        <v>564</v>
      </c>
      <c r="B120154" s="14" t="s">
        <v>1</v>
      </c>
      <c r="C120154" s="14" t="s">
        <v>565</v>
      </c>
      <c r="D120154" s="14" t="s">
        <v>14</v>
      </c>
      <c r="E120154" s="15">
        <v>45445</v>
      </c>
      <c r="F120154" s="14" t="s">
        <v>15</v>
      </c>
      <c r="G120154" s="16">
        <v>0.163171544658123</v>
      </c>
    </row>
    <row r="120155" spans="1:7" x14ac:dyDescent="0.3">
      <c r="A120155" s="13" t="s">
        <v>564</v>
      </c>
      <c r="B120155" s="14" t="s">
        <v>1</v>
      </c>
      <c r="C120155" s="14" t="s">
        <v>565</v>
      </c>
      <c r="D120155" s="14" t="s">
        <v>14</v>
      </c>
      <c r="E120155" s="15">
        <v>45446</v>
      </c>
      <c r="F120155" s="14" t="s">
        <v>15</v>
      </c>
      <c r="G120155" s="16">
        <v>0.163171544658123</v>
      </c>
    </row>
    <row r="120156" spans="1:7" x14ac:dyDescent="0.3">
      <c r="A120156" s="13" t="s">
        <v>564</v>
      </c>
      <c r="B120156" s="14" t="s">
        <v>1</v>
      </c>
      <c r="C120156" s="14" t="s">
        <v>565</v>
      </c>
      <c r="D120156" s="14" t="s">
        <v>14</v>
      </c>
      <c r="E120156" s="15">
        <v>45447</v>
      </c>
      <c r="F120156" s="14" t="s">
        <v>15</v>
      </c>
      <c r="G120156" s="16">
        <v>0.17338898768092298</v>
      </c>
    </row>
    <row r="120157" spans="1:7" x14ac:dyDescent="0.3">
      <c r="A120157" s="13" t="s">
        <v>564</v>
      </c>
      <c r="B120157" s="14" t="s">
        <v>1</v>
      </c>
      <c r="C120157" s="14" t="s">
        <v>565</v>
      </c>
      <c r="D120157" s="14" t="s">
        <v>14</v>
      </c>
      <c r="E120157" s="15">
        <v>45448</v>
      </c>
      <c r="F120157" s="14" t="s">
        <v>15</v>
      </c>
      <c r="G120157" s="16">
        <v>0.20298952851183752</v>
      </c>
    </row>
    <row r="120158" spans="1:7" x14ac:dyDescent="0.3">
      <c r="A120158" s="13" t="s">
        <v>564</v>
      </c>
      <c r="B120158" s="14" t="s">
        <v>1</v>
      </c>
      <c r="C120158" s="14" t="s">
        <v>565</v>
      </c>
      <c r="D120158" s="14" t="s">
        <v>14</v>
      </c>
      <c r="E120158" s="15">
        <v>45449</v>
      </c>
      <c r="F120158" s="14" t="s">
        <v>15</v>
      </c>
      <c r="G120158" s="16">
        <v>0.19941932702867415</v>
      </c>
    </row>
    <row r="120159" spans="1:7" x14ac:dyDescent="0.3">
      <c r="A120159" s="13" t="s">
        <v>564</v>
      </c>
      <c r="B120159" s="14" t="s">
        <v>1</v>
      </c>
      <c r="C120159" s="14" t="s">
        <v>565</v>
      </c>
      <c r="D120159" s="14" t="s">
        <v>14</v>
      </c>
      <c r="E120159" s="15">
        <v>45450</v>
      </c>
      <c r="F120159" s="14" t="s">
        <v>15</v>
      </c>
      <c r="G120159" s="16">
        <v>0.19580386758864218</v>
      </c>
    </row>
    <row r="120160" spans="1:7" x14ac:dyDescent="0.3">
      <c r="A120160" s="13" t="s">
        <v>564</v>
      </c>
      <c r="B120160" s="14" t="s">
        <v>1</v>
      </c>
      <c r="C120160" s="14" t="s">
        <v>565</v>
      </c>
      <c r="D120160" s="14" t="s">
        <v>14</v>
      </c>
      <c r="E120160" s="15">
        <v>45451</v>
      </c>
      <c r="F120160" s="14" t="s">
        <v>15</v>
      </c>
      <c r="G120160" s="16">
        <v>0.19580386758864218</v>
      </c>
    </row>
    <row r="120161" spans="1:7" x14ac:dyDescent="0.3">
      <c r="A120161" s="13" t="s">
        <v>564</v>
      </c>
      <c r="B120161" s="14" t="s">
        <v>1</v>
      </c>
      <c r="C120161" s="14" t="s">
        <v>565</v>
      </c>
      <c r="D120161" s="14" t="s">
        <v>14</v>
      </c>
      <c r="E120161" s="15">
        <v>45452</v>
      </c>
      <c r="F120161" s="14" t="s">
        <v>15</v>
      </c>
      <c r="G120161" s="16">
        <v>0.19580386758864218</v>
      </c>
    </row>
    <row r="120162" spans="1:7" x14ac:dyDescent="0.3">
      <c r="A120162" s="13" t="s">
        <v>564</v>
      </c>
      <c r="B120162" s="14" t="s">
        <v>1</v>
      </c>
      <c r="C120162" s="14" t="s">
        <v>565</v>
      </c>
      <c r="D120162" s="14" t="s">
        <v>14</v>
      </c>
      <c r="E120162" s="15">
        <v>45453</v>
      </c>
      <c r="F120162" s="14" t="s">
        <v>15</v>
      </c>
      <c r="G120162" s="16">
        <v>0.19580386758864218</v>
      </c>
    </row>
    <row r="120163" spans="1:7" x14ac:dyDescent="0.3">
      <c r="A120163" s="13" t="s">
        <v>564</v>
      </c>
      <c r="B120163" s="14" t="s">
        <v>1</v>
      </c>
      <c r="C120163" s="14" t="s">
        <v>565</v>
      </c>
      <c r="D120163" s="14" t="s">
        <v>14</v>
      </c>
      <c r="E120163" s="15">
        <v>45454</v>
      </c>
      <c r="F120163" s="14" t="s">
        <v>15</v>
      </c>
      <c r="G120163" s="16">
        <v>0.19523338352715439</v>
      </c>
    </row>
    <row r="120164" spans="1:7" x14ac:dyDescent="0.3">
      <c r="A120164" s="13" t="s">
        <v>564</v>
      </c>
      <c r="B120164" s="14" t="s">
        <v>1</v>
      </c>
      <c r="C120164" s="14" t="s">
        <v>565</v>
      </c>
      <c r="D120164" s="14" t="s">
        <v>14</v>
      </c>
      <c r="E120164" s="15">
        <v>45455</v>
      </c>
      <c r="F120164" s="14" t="s">
        <v>15</v>
      </c>
      <c r="G120164" s="16">
        <v>0.18382470431858378</v>
      </c>
    </row>
    <row r="120165" spans="1:7" x14ac:dyDescent="0.3">
      <c r="A120165" s="13" t="s">
        <v>564</v>
      </c>
      <c r="B120165" s="14" t="s">
        <v>1</v>
      </c>
      <c r="C120165" s="14" t="s">
        <v>565</v>
      </c>
      <c r="D120165" s="14" t="s">
        <v>14</v>
      </c>
      <c r="E120165" s="15">
        <v>45456</v>
      </c>
      <c r="F120165" s="14" t="s">
        <v>15</v>
      </c>
      <c r="G120165" s="16">
        <v>0.24563371311864279</v>
      </c>
    </row>
    <row r="120166" spans="1:7" x14ac:dyDescent="0.3">
      <c r="A120166" s="13" t="s">
        <v>564</v>
      </c>
      <c r="B120166" s="14" t="s">
        <v>1</v>
      </c>
      <c r="C120166" s="14" t="s">
        <v>565</v>
      </c>
      <c r="D120166" s="14" t="s">
        <v>14</v>
      </c>
      <c r="E120166" s="15">
        <v>45457</v>
      </c>
      <c r="F120166" s="14" t="s">
        <v>15</v>
      </c>
      <c r="G120166" s="16">
        <v>0.26490854621694632</v>
      </c>
    </row>
    <row r="120167" spans="1:7" x14ac:dyDescent="0.3">
      <c r="A120167" s="13" t="s">
        <v>564</v>
      </c>
      <c r="B120167" s="14" t="s">
        <v>1</v>
      </c>
      <c r="C120167" s="14" t="s">
        <v>565</v>
      </c>
      <c r="D120167" s="14" t="s">
        <v>14</v>
      </c>
      <c r="E120167" s="15">
        <v>45458</v>
      </c>
      <c r="F120167" s="14" t="s">
        <v>15</v>
      </c>
      <c r="G120167" s="16">
        <v>0.26490854621694632</v>
      </c>
    </row>
    <row r="120168" spans="1:7" x14ac:dyDescent="0.3">
      <c r="A120168" s="13" t="s">
        <v>564</v>
      </c>
      <c r="B120168" s="14" t="s">
        <v>1</v>
      </c>
      <c r="C120168" s="14" t="s">
        <v>565</v>
      </c>
      <c r="D120168" s="14" t="s">
        <v>14</v>
      </c>
      <c r="E120168" s="15">
        <v>45459</v>
      </c>
      <c r="F120168" s="14" t="s">
        <v>15</v>
      </c>
      <c r="G120168" s="16">
        <v>0.26490854621694632</v>
      </c>
    </row>
    <row r="120169" spans="1:7" x14ac:dyDescent="0.3">
      <c r="A120169" s="13" t="s">
        <v>564</v>
      </c>
      <c r="B120169" s="14" t="s">
        <v>1</v>
      </c>
      <c r="C120169" s="14" t="s">
        <v>565</v>
      </c>
      <c r="D120169" s="14" t="s">
        <v>14</v>
      </c>
      <c r="E120169" s="15">
        <v>45460</v>
      </c>
      <c r="F120169" s="14" t="s">
        <v>15</v>
      </c>
      <c r="G120169" s="16">
        <v>0.28100326061603664</v>
      </c>
    </row>
    <row r="120170" spans="1:7" x14ac:dyDescent="0.3">
      <c r="A120170" s="13" t="s">
        <v>564</v>
      </c>
      <c r="B120170" s="14" t="s">
        <v>1</v>
      </c>
      <c r="C120170" s="14" t="s">
        <v>565</v>
      </c>
      <c r="D120170" s="14" t="s">
        <v>14</v>
      </c>
      <c r="E120170" s="15">
        <v>45461</v>
      </c>
      <c r="F120170" s="14" t="s">
        <v>15</v>
      </c>
      <c r="G120170" s="16">
        <v>0.27001320700018644</v>
      </c>
    </row>
    <row r="120171" spans="1:7" x14ac:dyDescent="0.3">
      <c r="A120171" s="13" t="s">
        <v>564</v>
      </c>
      <c r="B120171" s="14" t="s">
        <v>1</v>
      </c>
      <c r="C120171" s="14" t="s">
        <v>565</v>
      </c>
      <c r="D120171" s="14" t="s">
        <v>14</v>
      </c>
      <c r="E120171" s="15">
        <v>45462</v>
      </c>
      <c r="F120171" s="14" t="s">
        <v>15</v>
      </c>
      <c r="G120171" s="16">
        <v>0.28700042002917614</v>
      </c>
    </row>
    <row r="120172" spans="1:7" x14ac:dyDescent="0.3">
      <c r="A120172" s="13" t="s">
        <v>564</v>
      </c>
      <c r="B120172" s="14" t="s">
        <v>1</v>
      </c>
      <c r="C120172" s="14" t="s">
        <v>565</v>
      </c>
      <c r="D120172" s="14" t="s">
        <v>14</v>
      </c>
      <c r="E120172" s="15">
        <v>45463</v>
      </c>
      <c r="F120172" s="14" t="s">
        <v>15</v>
      </c>
      <c r="G120172" s="16">
        <v>0.28331865892904923</v>
      </c>
    </row>
    <row r="120173" spans="1:7" x14ac:dyDescent="0.3">
      <c r="A120173" s="13" t="s">
        <v>564</v>
      </c>
      <c r="B120173" s="14" t="s">
        <v>1</v>
      </c>
      <c r="C120173" s="14" t="s">
        <v>565</v>
      </c>
      <c r="D120173" s="14" t="s">
        <v>14</v>
      </c>
      <c r="E120173" s="15">
        <v>45464</v>
      </c>
      <c r="F120173" s="14" t="s">
        <v>15</v>
      </c>
      <c r="G120173" s="16">
        <v>0.30580547400610275</v>
      </c>
    </row>
    <row r="120174" spans="1:7" x14ac:dyDescent="0.3">
      <c r="A120174" s="13" t="s">
        <v>564</v>
      </c>
      <c r="B120174" s="14" t="s">
        <v>1</v>
      </c>
      <c r="C120174" s="14" t="s">
        <v>565</v>
      </c>
      <c r="D120174" s="14" t="s">
        <v>14</v>
      </c>
      <c r="E120174" s="15">
        <v>45465</v>
      </c>
      <c r="F120174" s="14" t="s">
        <v>15</v>
      </c>
      <c r="G120174" s="16">
        <v>0.30580547400610275</v>
      </c>
    </row>
    <row r="120175" spans="1:7" x14ac:dyDescent="0.3">
      <c r="A120175" s="13" t="s">
        <v>564</v>
      </c>
      <c r="B120175" s="14" t="s">
        <v>1</v>
      </c>
      <c r="C120175" s="14" t="s">
        <v>565</v>
      </c>
      <c r="D120175" s="14" t="s">
        <v>14</v>
      </c>
      <c r="E120175" s="15">
        <v>45466</v>
      </c>
      <c r="F120175" s="14" t="s">
        <v>15</v>
      </c>
      <c r="G120175" s="16">
        <v>0.30580547400610275</v>
      </c>
    </row>
    <row r="120176" spans="1:7" x14ac:dyDescent="0.3">
      <c r="A120176" s="13" t="s">
        <v>564</v>
      </c>
      <c r="B120176" s="14" t="s">
        <v>1</v>
      </c>
      <c r="C120176" s="14" t="s">
        <v>565</v>
      </c>
      <c r="D120176" s="14" t="s">
        <v>14</v>
      </c>
      <c r="E120176" s="15">
        <v>45467</v>
      </c>
      <c r="F120176" s="14" t="s">
        <v>15</v>
      </c>
      <c r="G120176" s="16">
        <v>0.30510905709643021</v>
      </c>
    </row>
    <row r="120177" spans="1:7" x14ac:dyDescent="0.3">
      <c r="A120177" s="13" t="s">
        <v>564</v>
      </c>
      <c r="B120177" s="14" t="s">
        <v>1</v>
      </c>
      <c r="C120177" s="14" t="s">
        <v>565</v>
      </c>
      <c r="D120177" s="14" t="s">
        <v>14</v>
      </c>
      <c r="E120177" s="15">
        <v>45468</v>
      </c>
      <c r="F120177" s="14" t="s">
        <v>15</v>
      </c>
      <c r="G120177" s="16">
        <v>0.29399171376386601</v>
      </c>
    </row>
    <row r="120178" spans="1:7" x14ac:dyDescent="0.3">
      <c r="A120178" s="13" t="s">
        <v>564</v>
      </c>
      <c r="B120178" s="14" t="s">
        <v>1</v>
      </c>
      <c r="C120178" s="14" t="s">
        <v>565</v>
      </c>
      <c r="D120178" s="14" t="s">
        <v>14</v>
      </c>
      <c r="E120178" s="15">
        <v>45469</v>
      </c>
      <c r="F120178" s="14" t="s">
        <v>15</v>
      </c>
      <c r="G120178" s="16">
        <v>0.29646332384732599</v>
      </c>
    </row>
    <row r="120179" spans="1:7" x14ac:dyDescent="0.3">
      <c r="A120179" s="13" t="s">
        <v>564</v>
      </c>
      <c r="B120179" s="14" t="s">
        <v>1</v>
      </c>
      <c r="C120179" s="14" t="s">
        <v>565</v>
      </c>
      <c r="D120179" s="14" t="s">
        <v>14</v>
      </c>
      <c r="E120179" s="15">
        <v>45470</v>
      </c>
      <c r="F120179" s="14" t="s">
        <v>15</v>
      </c>
      <c r="G120179" s="16">
        <v>0.30020953439499903</v>
      </c>
    </row>
    <row r="120180" spans="1:7" x14ac:dyDescent="0.3">
      <c r="A120180" s="13" t="s">
        <v>564</v>
      </c>
      <c r="B120180" s="14" t="s">
        <v>1</v>
      </c>
      <c r="C120180" s="14" t="s">
        <v>565</v>
      </c>
      <c r="D120180" s="14" t="s">
        <v>14</v>
      </c>
      <c r="E120180" s="15">
        <v>45471</v>
      </c>
      <c r="F120180" s="14" t="s">
        <v>15</v>
      </c>
      <c r="G120180" s="16">
        <v>0.31909809654494958</v>
      </c>
    </row>
    <row r="120181" spans="1:7" x14ac:dyDescent="0.3">
      <c r="A120181" s="13" t="s">
        <v>564</v>
      </c>
      <c r="B120181" s="14" t="s">
        <v>1</v>
      </c>
      <c r="C120181" s="14" t="s">
        <v>565</v>
      </c>
      <c r="D120181" s="14" t="s">
        <v>14</v>
      </c>
      <c r="E120181" s="15">
        <v>45472</v>
      </c>
      <c r="F120181" s="14" t="s">
        <v>15</v>
      </c>
      <c r="G120181" s="16">
        <v>0.31909809654494958</v>
      </c>
    </row>
    <row r="120182" spans="1:7" x14ac:dyDescent="0.3">
      <c r="A120182" s="13" t="s">
        <v>564</v>
      </c>
      <c r="B120182" s="14" t="s">
        <v>1</v>
      </c>
      <c r="C120182" s="14" t="s">
        <v>565</v>
      </c>
      <c r="D120182" s="14" t="s">
        <v>14</v>
      </c>
      <c r="E120182" s="15">
        <v>45473</v>
      </c>
      <c r="F120182" s="14" t="s">
        <v>15</v>
      </c>
      <c r="G120182" s="16">
        <v>0.31909809654494958</v>
      </c>
    </row>
    <row r="120183" spans="1:7" x14ac:dyDescent="0.3">
      <c r="A120183" s="13" t="s">
        <v>564</v>
      </c>
      <c r="B120183" s="14" t="s">
        <v>1</v>
      </c>
      <c r="C120183" s="14" t="s">
        <v>565</v>
      </c>
      <c r="D120183" s="14" t="s">
        <v>14</v>
      </c>
      <c r="E120183" s="15">
        <v>45474</v>
      </c>
      <c r="F120183" s="14" t="s">
        <v>15</v>
      </c>
      <c r="G120183" s="16">
        <v>0.31909809654494958</v>
      </c>
    </row>
    <row r="120184" spans="1:7" x14ac:dyDescent="0.3">
      <c r="A120184" s="13" t="s">
        <v>564</v>
      </c>
      <c r="B120184" s="14" t="s">
        <v>1</v>
      </c>
      <c r="C120184" s="14" t="s">
        <v>565</v>
      </c>
      <c r="D120184" s="14" t="s">
        <v>14</v>
      </c>
      <c r="E120184" s="15">
        <v>45475</v>
      </c>
      <c r="F120184" s="14" t="s">
        <v>15</v>
      </c>
      <c r="G120184" s="16">
        <v>0.3153924362925995</v>
      </c>
    </row>
    <row r="120185" spans="1:7" x14ac:dyDescent="0.3">
      <c r="A120185" s="13" t="s">
        <v>564</v>
      </c>
      <c r="B120185" s="14" t="s">
        <v>1</v>
      </c>
      <c r="C120185" s="14" t="s">
        <v>565</v>
      </c>
      <c r="D120185" s="14" t="s">
        <v>14</v>
      </c>
      <c r="E120185" s="15">
        <v>45476</v>
      </c>
      <c r="F120185" s="14" t="s">
        <v>15</v>
      </c>
      <c r="G120185" s="16">
        <v>0.33219860041151122</v>
      </c>
    </row>
    <row r="120186" spans="1:7" x14ac:dyDescent="0.3">
      <c r="A120186" s="13" t="s">
        <v>564</v>
      </c>
      <c r="B120186" s="14" t="s">
        <v>1</v>
      </c>
      <c r="C120186" s="14" t="s">
        <v>565</v>
      </c>
      <c r="D120186" s="14" t="s">
        <v>14</v>
      </c>
      <c r="E120186" s="15">
        <v>45477</v>
      </c>
      <c r="F120186" s="14" t="s">
        <v>15</v>
      </c>
      <c r="G120186" s="16">
        <v>0.36179914996121615</v>
      </c>
    </row>
    <row r="120187" spans="1:7" x14ac:dyDescent="0.3">
      <c r="A120187" s="13" t="s">
        <v>564</v>
      </c>
      <c r="B120187" s="14" t="s">
        <v>1</v>
      </c>
      <c r="C120187" s="14" t="s">
        <v>565</v>
      </c>
      <c r="D120187" s="14" t="s">
        <v>14</v>
      </c>
      <c r="E120187" s="15">
        <v>45478</v>
      </c>
      <c r="F120187" s="14" t="s">
        <v>15</v>
      </c>
      <c r="G120187" s="16">
        <v>0.39138663293340809</v>
      </c>
    </row>
    <row r="120188" spans="1:7" x14ac:dyDescent="0.3">
      <c r="A120188" s="13" t="s">
        <v>564</v>
      </c>
      <c r="B120188" s="14" t="s">
        <v>1</v>
      </c>
      <c r="C120188" s="14" t="s">
        <v>565</v>
      </c>
      <c r="D120188" s="14" t="s">
        <v>14</v>
      </c>
      <c r="E120188" s="15">
        <v>45479</v>
      </c>
      <c r="F120188" s="14" t="s">
        <v>15</v>
      </c>
      <c r="G120188" s="16">
        <v>0.39138663293340809</v>
      </c>
    </row>
    <row r="120189" spans="1:7" x14ac:dyDescent="0.3">
      <c r="A120189" s="13" t="s">
        <v>564</v>
      </c>
      <c r="B120189" s="14" t="s">
        <v>1</v>
      </c>
      <c r="C120189" s="14" t="s">
        <v>565</v>
      </c>
      <c r="D120189" s="14" t="s">
        <v>14</v>
      </c>
      <c r="E120189" s="15">
        <v>45480</v>
      </c>
      <c r="F120189" s="14" t="s">
        <v>15</v>
      </c>
      <c r="G120189" s="16">
        <v>0.39138663293340809</v>
      </c>
    </row>
    <row r="120190" spans="1:7" x14ac:dyDescent="0.3">
      <c r="A120190" s="13" t="s">
        <v>564</v>
      </c>
      <c r="B120190" s="14" t="s">
        <v>1</v>
      </c>
      <c r="C120190" s="14" t="s">
        <v>565</v>
      </c>
      <c r="D120190" s="14" t="s">
        <v>14</v>
      </c>
      <c r="E120190" s="15">
        <v>45481</v>
      </c>
      <c r="F120190" s="14" t="s">
        <v>15</v>
      </c>
      <c r="G120190" s="16">
        <v>0.38762498587196731</v>
      </c>
    </row>
    <row r="120191" spans="1:7" x14ac:dyDescent="0.3">
      <c r="A120191" s="13" t="s">
        <v>564</v>
      </c>
      <c r="B120191" s="14" t="s">
        <v>1</v>
      </c>
      <c r="C120191" s="14" t="s">
        <v>565</v>
      </c>
      <c r="D120191" s="14" t="s">
        <v>14</v>
      </c>
      <c r="E120191" s="15">
        <v>45482</v>
      </c>
      <c r="F120191" s="14" t="s">
        <v>15</v>
      </c>
      <c r="G120191" s="16">
        <v>0.37632239632321163</v>
      </c>
    </row>
    <row r="120192" spans="1:7" x14ac:dyDescent="0.3">
      <c r="A120192" s="13" t="s">
        <v>564</v>
      </c>
      <c r="B120192" s="14" t="s">
        <v>1</v>
      </c>
      <c r="C120192" s="14" t="s">
        <v>565</v>
      </c>
      <c r="D120192" s="14" t="s">
        <v>14</v>
      </c>
      <c r="E120192" s="15">
        <v>45483</v>
      </c>
      <c r="F120192" s="14" t="s">
        <v>15</v>
      </c>
      <c r="G120192" s="16">
        <v>0.37986309943761432</v>
      </c>
    </row>
    <row r="120193" spans="1:7" x14ac:dyDescent="0.3">
      <c r="A120193" s="13" t="s">
        <v>564</v>
      </c>
      <c r="B120193" s="14" t="s">
        <v>1</v>
      </c>
      <c r="C120193" s="14" t="s">
        <v>565</v>
      </c>
      <c r="D120193" s="14" t="s">
        <v>14</v>
      </c>
      <c r="E120193" s="15">
        <v>45484</v>
      </c>
      <c r="F120193" s="14" t="s">
        <v>15</v>
      </c>
      <c r="G120193" s="16">
        <v>0.37928952759353662</v>
      </c>
    </row>
    <row r="120194" spans="1:7" x14ac:dyDescent="0.3">
      <c r="A120194" s="13" t="s">
        <v>564</v>
      </c>
      <c r="B120194" s="14" t="s">
        <v>1</v>
      </c>
      <c r="C120194" s="14" t="s">
        <v>565</v>
      </c>
      <c r="D120194" s="14" t="s">
        <v>14</v>
      </c>
      <c r="E120194" s="15">
        <v>45485</v>
      </c>
      <c r="F120194" s="14" t="s">
        <v>15</v>
      </c>
      <c r="G120194" s="16">
        <v>0.37548834140793302</v>
      </c>
    </row>
    <row r="120195" spans="1:7" x14ac:dyDescent="0.3">
      <c r="A120195" s="13" t="s">
        <v>564</v>
      </c>
      <c r="B120195" s="14" t="s">
        <v>1</v>
      </c>
      <c r="C120195" s="14" t="s">
        <v>565</v>
      </c>
      <c r="D120195" s="14" t="s">
        <v>14</v>
      </c>
      <c r="E120195" s="15">
        <v>45486</v>
      </c>
      <c r="F120195" s="14" t="s">
        <v>15</v>
      </c>
      <c r="G120195" s="16">
        <v>0.37548834140793302</v>
      </c>
    </row>
    <row r="120196" spans="1:7" x14ac:dyDescent="0.3">
      <c r="A120196" s="13" t="s">
        <v>564</v>
      </c>
      <c r="B120196" s="14" t="s">
        <v>1</v>
      </c>
      <c r="C120196" s="14" t="s">
        <v>565</v>
      </c>
      <c r="D120196" s="14" t="s">
        <v>14</v>
      </c>
      <c r="E120196" s="15">
        <v>45487</v>
      </c>
      <c r="F120196" s="14" t="s">
        <v>15</v>
      </c>
      <c r="G120196" s="16">
        <v>0.37548834140793302</v>
      </c>
    </row>
    <row r="120197" spans="1:7" x14ac:dyDescent="0.3">
      <c r="A120197" s="13" t="s">
        <v>564</v>
      </c>
      <c r="B120197" s="14" t="s">
        <v>1</v>
      </c>
      <c r="C120197" s="14" t="s">
        <v>565</v>
      </c>
      <c r="D120197" s="14" t="s">
        <v>14</v>
      </c>
      <c r="E120197" s="15">
        <v>45488</v>
      </c>
      <c r="F120197" s="14" t="s">
        <v>15</v>
      </c>
      <c r="G120197" s="16">
        <v>0.37295410415365604</v>
      </c>
    </row>
    <row r="120198" spans="1:7" x14ac:dyDescent="0.3">
      <c r="A120198" s="13" t="s">
        <v>564</v>
      </c>
      <c r="B120198" s="14" t="s">
        <v>1</v>
      </c>
      <c r="C120198" s="14" t="s">
        <v>565</v>
      </c>
      <c r="D120198" s="14" t="s">
        <v>14</v>
      </c>
      <c r="E120198" s="15">
        <v>45489</v>
      </c>
      <c r="F120198" s="14" t="s">
        <v>15</v>
      </c>
      <c r="G120198" s="16">
        <v>0.36144448571443449</v>
      </c>
    </row>
    <row r="120199" spans="1:7" x14ac:dyDescent="0.3">
      <c r="A120199" s="13" t="s">
        <v>564</v>
      </c>
      <c r="B120199" s="14" t="s">
        <v>1</v>
      </c>
      <c r="C120199" s="14" t="s">
        <v>565</v>
      </c>
      <c r="D120199" s="14" t="s">
        <v>14</v>
      </c>
      <c r="E120199" s="15">
        <v>45490</v>
      </c>
      <c r="F120199" s="14" t="s">
        <v>15</v>
      </c>
      <c r="G120199" s="16">
        <v>0.36738994817866699</v>
      </c>
    </row>
    <row r="120200" spans="1:7" x14ac:dyDescent="0.3">
      <c r="A120200" s="13" t="s">
        <v>564</v>
      </c>
      <c r="B120200" s="14" t="s">
        <v>1</v>
      </c>
      <c r="C120200" s="14" t="s">
        <v>565</v>
      </c>
      <c r="D120200" s="14" t="s">
        <v>14</v>
      </c>
      <c r="E120200" s="15">
        <v>45491</v>
      </c>
      <c r="F120200" s="14" t="s">
        <v>15</v>
      </c>
      <c r="G120200" s="16">
        <v>0.36358859229725154</v>
      </c>
    </row>
    <row r="120201" spans="1:7" x14ac:dyDescent="0.3">
      <c r="A120201" s="13" t="s">
        <v>564</v>
      </c>
      <c r="B120201" s="14" t="s">
        <v>1</v>
      </c>
      <c r="C120201" s="14" t="s">
        <v>565</v>
      </c>
      <c r="D120201" s="14" t="s">
        <v>14</v>
      </c>
      <c r="E120201" s="15">
        <v>45492</v>
      </c>
      <c r="F120201" s="14" t="s">
        <v>15</v>
      </c>
      <c r="G120201" s="16">
        <v>0.41656830354234903</v>
      </c>
    </row>
    <row r="120202" spans="1:7" x14ac:dyDescent="0.3">
      <c r="A120202" s="13" t="s">
        <v>564</v>
      </c>
      <c r="B120202" s="14" t="s">
        <v>1</v>
      </c>
      <c r="C120202" s="14" t="s">
        <v>565</v>
      </c>
      <c r="D120202" s="14" t="s">
        <v>14</v>
      </c>
      <c r="E120202" s="15">
        <v>45493</v>
      </c>
      <c r="F120202" s="14" t="s">
        <v>15</v>
      </c>
      <c r="G120202" s="16">
        <v>0.41656830354234903</v>
      </c>
    </row>
    <row r="120203" spans="1:7" x14ac:dyDescent="0.3">
      <c r="A120203" s="13" t="s">
        <v>564</v>
      </c>
      <c r="B120203" s="14" t="s">
        <v>1</v>
      </c>
      <c r="C120203" s="14" t="s">
        <v>565</v>
      </c>
      <c r="D120203" s="14" t="s">
        <v>14</v>
      </c>
      <c r="E120203" s="15">
        <v>45494</v>
      </c>
      <c r="F120203" s="14" t="s">
        <v>15</v>
      </c>
      <c r="G120203" s="16">
        <v>0.41656830354234903</v>
      </c>
    </row>
    <row r="120204" spans="1:7" x14ac:dyDescent="0.3">
      <c r="A120204" s="13" t="s">
        <v>564</v>
      </c>
      <c r="B120204" s="14" t="s">
        <v>1</v>
      </c>
      <c r="C120204" s="14" t="s">
        <v>565</v>
      </c>
      <c r="D120204" s="14" t="s">
        <v>14</v>
      </c>
      <c r="E120204" s="15">
        <v>45495</v>
      </c>
      <c r="F120204" s="14" t="s">
        <v>15</v>
      </c>
      <c r="G120204" s="16">
        <v>0.41280648678509629</v>
      </c>
    </row>
    <row r="120205" spans="1:7" x14ac:dyDescent="0.3">
      <c r="A120205" s="13" t="s">
        <v>564</v>
      </c>
      <c r="B120205" s="14" t="s">
        <v>1</v>
      </c>
      <c r="C120205" s="14" t="s">
        <v>565</v>
      </c>
      <c r="D120205" s="14" t="s">
        <v>14</v>
      </c>
      <c r="E120205" s="15">
        <v>45496</v>
      </c>
      <c r="F120205" s="14" t="s">
        <v>15</v>
      </c>
      <c r="G120205" s="16">
        <v>0.40166731430315927</v>
      </c>
    </row>
    <row r="120206" spans="1:7" x14ac:dyDescent="0.3">
      <c r="A120206" s="13" t="s">
        <v>564</v>
      </c>
      <c r="B120206" s="14" t="s">
        <v>1</v>
      </c>
      <c r="C120206" s="14" t="s">
        <v>565</v>
      </c>
      <c r="D120206" s="14" t="s">
        <v>14</v>
      </c>
      <c r="E120206" s="15">
        <v>45497</v>
      </c>
      <c r="F120206" s="14" t="s">
        <v>15</v>
      </c>
      <c r="G120206" s="16">
        <v>0.40189419760361245</v>
      </c>
    </row>
    <row r="120207" spans="1:7" x14ac:dyDescent="0.3">
      <c r="A120207" s="13" t="s">
        <v>564</v>
      </c>
      <c r="B120207" s="14" t="s">
        <v>1</v>
      </c>
      <c r="C120207" s="14" t="s">
        <v>565</v>
      </c>
      <c r="D120207" s="14" t="s">
        <v>14</v>
      </c>
      <c r="E120207" s="15">
        <v>45498</v>
      </c>
      <c r="F120207" s="14" t="s">
        <v>15</v>
      </c>
      <c r="G120207" s="16">
        <v>0.39832210076401625</v>
      </c>
    </row>
    <row r="120208" spans="1:7" x14ac:dyDescent="0.3">
      <c r="A120208" s="13" t="s">
        <v>564</v>
      </c>
      <c r="B120208" s="14" t="s">
        <v>1</v>
      </c>
      <c r="C120208" s="14" t="s">
        <v>565</v>
      </c>
      <c r="D120208" s="14" t="s">
        <v>14</v>
      </c>
      <c r="E120208" s="15">
        <v>45499</v>
      </c>
      <c r="F120208" s="14" t="s">
        <v>15</v>
      </c>
      <c r="G120208" s="16">
        <v>0.39464530160850408</v>
      </c>
    </row>
    <row r="120209" spans="1:7" x14ac:dyDescent="0.3">
      <c r="A120209" s="13" t="s">
        <v>564</v>
      </c>
      <c r="B120209" s="14" t="s">
        <v>1</v>
      </c>
      <c r="C120209" s="14" t="s">
        <v>565</v>
      </c>
      <c r="D120209" s="14" t="s">
        <v>14</v>
      </c>
      <c r="E120209" s="15">
        <v>45500</v>
      </c>
      <c r="F120209" s="14" t="s">
        <v>15</v>
      </c>
      <c r="G120209" s="16">
        <v>0.39464530160850408</v>
      </c>
    </row>
    <row r="120210" spans="1:7" x14ac:dyDescent="0.3">
      <c r="A120210" s="13" t="s">
        <v>564</v>
      </c>
      <c r="B120210" s="14" t="s">
        <v>1</v>
      </c>
      <c r="C120210" s="14" t="s">
        <v>565</v>
      </c>
      <c r="D120210" s="14" t="s">
        <v>14</v>
      </c>
      <c r="E120210" s="15">
        <v>45501</v>
      </c>
      <c r="F120210" s="14" t="s">
        <v>15</v>
      </c>
      <c r="G120210" s="16">
        <v>0.39464530160850408</v>
      </c>
    </row>
    <row r="120211" spans="1:7" x14ac:dyDescent="0.3">
      <c r="A120211" s="13" t="s">
        <v>564</v>
      </c>
      <c r="B120211" s="14" t="s">
        <v>1</v>
      </c>
      <c r="C120211" s="14" t="s">
        <v>565</v>
      </c>
      <c r="D120211" s="14" t="s">
        <v>14</v>
      </c>
      <c r="E120211" s="15">
        <v>45502</v>
      </c>
      <c r="F120211" s="14" t="s">
        <v>15</v>
      </c>
      <c r="G120211" s="16">
        <v>0.39100736279390719</v>
      </c>
    </row>
    <row r="120212" spans="1:7" x14ac:dyDescent="0.3">
      <c r="A120212" s="13" t="s">
        <v>564</v>
      </c>
      <c r="B120212" s="14" t="s">
        <v>1</v>
      </c>
      <c r="C120212" s="14" t="s">
        <v>565</v>
      </c>
      <c r="D120212" s="14" t="s">
        <v>14</v>
      </c>
      <c r="E120212" s="15">
        <v>45503</v>
      </c>
      <c r="F120212" s="14" t="s">
        <v>15</v>
      </c>
      <c r="G120212" s="16">
        <v>0.38202213925187484</v>
      </c>
    </row>
    <row r="120213" spans="1:7" x14ac:dyDescent="0.3">
      <c r="A120213" s="13" t="s">
        <v>564</v>
      </c>
      <c r="B120213" s="14" t="s">
        <v>1</v>
      </c>
      <c r="C120213" s="14" t="s">
        <v>565</v>
      </c>
      <c r="D120213" s="14" t="s">
        <v>14</v>
      </c>
      <c r="E120213" s="15">
        <v>45504</v>
      </c>
      <c r="F120213" s="14" t="s">
        <v>15</v>
      </c>
      <c r="G120213" s="16">
        <v>0.38042682892460433</v>
      </c>
    </row>
    <row r="120214" spans="1:7" x14ac:dyDescent="0.3">
      <c r="A120214" s="13" t="s">
        <v>564</v>
      </c>
      <c r="B120214" s="14" t="s">
        <v>1</v>
      </c>
      <c r="C120214" s="14" t="s">
        <v>565</v>
      </c>
      <c r="D120214" s="14" t="s">
        <v>14</v>
      </c>
      <c r="E120214" s="15">
        <v>45505</v>
      </c>
      <c r="F120214" s="14" t="s">
        <v>15</v>
      </c>
      <c r="G120214" s="16">
        <v>0.39164304330512462</v>
      </c>
    </row>
    <row r="120215" spans="1:7" x14ac:dyDescent="0.3">
      <c r="A120215" s="13" t="s">
        <v>564</v>
      </c>
      <c r="B120215" s="14" t="s">
        <v>1</v>
      </c>
      <c r="C120215" s="14" t="s">
        <v>565</v>
      </c>
      <c r="D120215" s="14" t="s">
        <v>14</v>
      </c>
      <c r="E120215" s="15">
        <v>45506</v>
      </c>
      <c r="F120215" s="14" t="s">
        <v>15</v>
      </c>
      <c r="G120215" s="16">
        <v>0.38796692293285984</v>
      </c>
    </row>
    <row r="120216" spans="1:7" x14ac:dyDescent="0.3">
      <c r="A120216" s="13" t="s">
        <v>564</v>
      </c>
      <c r="B120216" s="14" t="s">
        <v>1</v>
      </c>
      <c r="C120216" s="14" t="s">
        <v>565</v>
      </c>
      <c r="D120216" s="14" t="s">
        <v>14</v>
      </c>
      <c r="E120216" s="15">
        <v>45507</v>
      </c>
      <c r="F120216" s="14" t="s">
        <v>15</v>
      </c>
      <c r="G120216" s="16">
        <v>0.38796692293285984</v>
      </c>
    </row>
    <row r="120217" spans="1:7" x14ac:dyDescent="0.3">
      <c r="A120217" s="13" t="s">
        <v>564</v>
      </c>
      <c r="B120217" s="14" t="s">
        <v>1</v>
      </c>
      <c r="C120217" s="14" t="s">
        <v>565</v>
      </c>
      <c r="D120217" s="14" t="s">
        <v>14</v>
      </c>
      <c r="E120217" s="15">
        <v>45508</v>
      </c>
      <c r="F120217" s="14" t="s">
        <v>15</v>
      </c>
      <c r="G120217" s="16">
        <v>0.38796692293285984</v>
      </c>
    </row>
    <row r="120218" spans="1:7" x14ac:dyDescent="0.3">
      <c r="A120218" s="13" t="s">
        <v>564</v>
      </c>
      <c r="B120218" s="14" t="s">
        <v>1</v>
      </c>
      <c r="C120218" s="14" t="s">
        <v>565</v>
      </c>
      <c r="D120218" s="14" t="s">
        <v>14</v>
      </c>
      <c r="E120218" s="15">
        <v>45509</v>
      </c>
      <c r="F120218" s="14" t="s">
        <v>15</v>
      </c>
      <c r="G120218" s="16">
        <v>0.38796692293285984</v>
      </c>
    </row>
    <row r="120219" spans="1:7" x14ac:dyDescent="0.3">
      <c r="A120219" s="13" t="s">
        <v>564</v>
      </c>
      <c r="B120219" s="14" t="s">
        <v>1</v>
      </c>
      <c r="C120219" s="14" t="s">
        <v>565</v>
      </c>
      <c r="D120219" s="14" t="s">
        <v>14</v>
      </c>
      <c r="E120219" s="15">
        <v>45510</v>
      </c>
      <c r="F120219" s="14" t="s">
        <v>15</v>
      </c>
      <c r="G120219" s="16">
        <v>0.38426483910138093</v>
      </c>
    </row>
    <row r="120220" spans="1:7" x14ac:dyDescent="0.3">
      <c r="A120220" s="13" t="s">
        <v>564</v>
      </c>
      <c r="B120220" s="14" t="s">
        <v>1</v>
      </c>
      <c r="C120220" s="14" t="s">
        <v>565</v>
      </c>
      <c r="D120220" s="14" t="s">
        <v>14</v>
      </c>
      <c r="E120220" s="15">
        <v>45511</v>
      </c>
      <c r="F120220" s="14" t="s">
        <v>15</v>
      </c>
      <c r="G120220" s="16">
        <v>0.37924727333638419</v>
      </c>
    </row>
    <row r="120221" spans="1:7" x14ac:dyDescent="0.3">
      <c r="A120221" s="13" t="s">
        <v>564</v>
      </c>
      <c r="B120221" s="14" t="s">
        <v>1</v>
      </c>
      <c r="C120221" s="14" t="s">
        <v>565</v>
      </c>
      <c r="D120221" s="14" t="s">
        <v>14</v>
      </c>
      <c r="E120221" s="15">
        <v>45512</v>
      </c>
      <c r="F120221" s="14" t="s">
        <v>15</v>
      </c>
      <c r="G120221" s="16">
        <v>0.37575781835716243</v>
      </c>
    </row>
    <row r="120222" spans="1:7" x14ac:dyDescent="0.3">
      <c r="A120222" s="13" t="s">
        <v>564</v>
      </c>
      <c r="B120222" s="14" t="s">
        <v>1</v>
      </c>
      <c r="C120222" s="14" t="s">
        <v>565</v>
      </c>
      <c r="D120222" s="14" t="s">
        <v>14</v>
      </c>
      <c r="E120222" s="15">
        <v>45513</v>
      </c>
      <c r="F120222" s="14" t="s">
        <v>15</v>
      </c>
      <c r="G120222" s="16">
        <v>0.39031788871033091</v>
      </c>
    </row>
    <row r="120223" spans="1:7" x14ac:dyDescent="0.3">
      <c r="A120223" s="13" t="s">
        <v>564</v>
      </c>
      <c r="B120223" s="14" t="s">
        <v>1</v>
      </c>
      <c r="C120223" s="14" t="s">
        <v>565</v>
      </c>
      <c r="D120223" s="14" t="s">
        <v>14</v>
      </c>
      <c r="E120223" s="15">
        <v>45514</v>
      </c>
      <c r="F120223" s="14" t="s">
        <v>15</v>
      </c>
      <c r="G120223" s="16">
        <v>0.39031788871033091</v>
      </c>
    </row>
    <row r="120224" spans="1:7" x14ac:dyDescent="0.3">
      <c r="A120224" s="13" t="s">
        <v>564</v>
      </c>
      <c r="B120224" s="14" t="s">
        <v>1</v>
      </c>
      <c r="C120224" s="14" t="s">
        <v>565</v>
      </c>
      <c r="D120224" s="14" t="s">
        <v>14</v>
      </c>
      <c r="E120224" s="15">
        <v>45515</v>
      </c>
      <c r="F120224" s="14" t="s">
        <v>15</v>
      </c>
      <c r="G120224" s="16">
        <v>0.39031788871033091</v>
      </c>
    </row>
    <row r="120225" spans="1:7" x14ac:dyDescent="0.3">
      <c r="A120225" s="13" t="s">
        <v>564</v>
      </c>
      <c r="B120225" s="14" t="s">
        <v>1</v>
      </c>
      <c r="C120225" s="14" t="s">
        <v>565</v>
      </c>
      <c r="D120225" s="14" t="s">
        <v>14</v>
      </c>
      <c r="E120225" s="15">
        <v>45516</v>
      </c>
      <c r="F120225" s="14" t="s">
        <v>15</v>
      </c>
      <c r="G120225" s="16">
        <v>0.40277669863404164</v>
      </c>
    </row>
    <row r="120226" spans="1:7" x14ac:dyDescent="0.3">
      <c r="A120226" s="13" t="s">
        <v>564</v>
      </c>
      <c r="B120226" s="14" t="s">
        <v>1</v>
      </c>
      <c r="C120226" s="14" t="s">
        <v>565</v>
      </c>
      <c r="D120226" s="14" t="s">
        <v>14</v>
      </c>
      <c r="E120226" s="15">
        <v>45517</v>
      </c>
      <c r="F120226" s="14" t="s">
        <v>15</v>
      </c>
      <c r="G120226" s="16">
        <v>0.40609703923034124</v>
      </c>
    </row>
    <row r="120227" spans="1:7" x14ac:dyDescent="0.3">
      <c r="A120227" s="13" t="s">
        <v>564</v>
      </c>
      <c r="B120227" s="14" t="s">
        <v>1</v>
      </c>
      <c r="C120227" s="14" t="s">
        <v>565</v>
      </c>
      <c r="D120227" s="14" t="s">
        <v>14</v>
      </c>
      <c r="E120227" s="15">
        <v>45518</v>
      </c>
      <c r="F120227" s="14" t="s">
        <v>15</v>
      </c>
      <c r="G120227" s="16">
        <v>0.40246994376326328</v>
      </c>
    </row>
    <row r="120228" spans="1:7" x14ac:dyDescent="0.3">
      <c r="A120228" s="13" t="s">
        <v>564</v>
      </c>
      <c r="B120228" s="14" t="s">
        <v>1</v>
      </c>
      <c r="C120228" s="14" t="s">
        <v>565</v>
      </c>
      <c r="D120228" s="14" t="s">
        <v>14</v>
      </c>
      <c r="E120228" s="15">
        <v>45519</v>
      </c>
      <c r="F120228" s="14" t="s">
        <v>15</v>
      </c>
      <c r="G120228" s="16">
        <v>0.41305179519352103</v>
      </c>
    </row>
    <row r="120229" spans="1:7" x14ac:dyDescent="0.3">
      <c r="A120229" s="13" t="s">
        <v>564</v>
      </c>
      <c r="B120229" s="14" t="s">
        <v>1</v>
      </c>
      <c r="C120229" s="14" t="s">
        <v>565</v>
      </c>
      <c r="D120229" s="14" t="s">
        <v>14</v>
      </c>
      <c r="E120229" s="15">
        <v>45520</v>
      </c>
      <c r="F120229" s="14" t="s">
        <v>15</v>
      </c>
      <c r="G120229" s="16">
        <v>0.45356012069860452</v>
      </c>
    </row>
    <row r="120230" spans="1:7" x14ac:dyDescent="0.3">
      <c r="A120230" s="13" t="s">
        <v>564</v>
      </c>
      <c r="B120230" s="14" t="s">
        <v>1</v>
      </c>
      <c r="C120230" s="14" t="s">
        <v>565</v>
      </c>
      <c r="D120230" s="14" t="s">
        <v>14</v>
      </c>
      <c r="E120230" s="15">
        <v>45521</v>
      </c>
      <c r="F120230" s="14" t="s">
        <v>15</v>
      </c>
      <c r="G120230" s="16">
        <v>0.45356012069860452</v>
      </c>
    </row>
    <row r="120231" spans="1:7" x14ac:dyDescent="0.3">
      <c r="A120231" s="13" t="s">
        <v>564</v>
      </c>
      <c r="B120231" s="14" t="s">
        <v>1</v>
      </c>
      <c r="C120231" s="14" t="s">
        <v>565</v>
      </c>
      <c r="D120231" s="14" t="s">
        <v>14</v>
      </c>
      <c r="E120231" s="15">
        <v>45522</v>
      </c>
      <c r="F120231" s="14" t="s">
        <v>15</v>
      </c>
      <c r="G120231" s="16">
        <v>0.45356012069860452</v>
      </c>
    </row>
    <row r="120232" spans="1:7" x14ac:dyDescent="0.3">
      <c r="A120232" s="13" t="s">
        <v>564</v>
      </c>
      <c r="B120232" s="14" t="s">
        <v>1</v>
      </c>
      <c r="C120232" s="14" t="s">
        <v>565</v>
      </c>
      <c r="D120232" s="14" t="s">
        <v>14</v>
      </c>
      <c r="E120232" s="15">
        <v>45523</v>
      </c>
      <c r="F120232" s="14" t="s">
        <v>15</v>
      </c>
      <c r="G120232" s="16">
        <v>0.45523961212762742</v>
      </c>
    </row>
    <row r="120233" spans="1:7" x14ac:dyDescent="0.3">
      <c r="A120233" s="13" t="s">
        <v>564</v>
      </c>
      <c r="B120233" s="14" t="s">
        <v>1</v>
      </c>
      <c r="C120233" s="14" t="s">
        <v>565</v>
      </c>
      <c r="D120233" s="14" t="s">
        <v>14</v>
      </c>
      <c r="E120233" s="15">
        <v>45524</v>
      </c>
      <c r="F120233" s="14" t="s">
        <v>15</v>
      </c>
      <c r="G120233" s="16">
        <v>0.44936735018402568</v>
      </c>
    </row>
    <row r="120234" spans="1:7" x14ac:dyDescent="0.3">
      <c r="A120234" s="13" t="s">
        <v>564</v>
      </c>
      <c r="B120234" s="14" t="s">
        <v>1</v>
      </c>
      <c r="C120234" s="14" t="s">
        <v>565</v>
      </c>
      <c r="D120234" s="14" t="s">
        <v>14</v>
      </c>
      <c r="E120234" s="15">
        <v>45525</v>
      </c>
      <c r="F120234" s="14" t="s">
        <v>15</v>
      </c>
      <c r="G120234" s="16">
        <v>0.445624498161937</v>
      </c>
    </row>
    <row r="120235" spans="1:7" x14ac:dyDescent="0.3">
      <c r="A120235" s="13" t="s">
        <v>564</v>
      </c>
      <c r="B120235" s="14" t="s">
        <v>1</v>
      </c>
      <c r="C120235" s="14" t="s">
        <v>565</v>
      </c>
      <c r="D120235" s="14" t="s">
        <v>14</v>
      </c>
      <c r="E120235" s="15">
        <v>45526</v>
      </c>
      <c r="F120235" s="14" t="s">
        <v>15</v>
      </c>
      <c r="G120235" s="16">
        <v>0.44079319406229178</v>
      </c>
    </row>
    <row r="120236" spans="1:7" x14ac:dyDescent="0.3">
      <c r="A120236" s="13" t="s">
        <v>564</v>
      </c>
      <c r="B120236" s="14" t="s">
        <v>1</v>
      </c>
      <c r="C120236" s="14" t="s">
        <v>565</v>
      </c>
      <c r="D120236" s="14" t="s">
        <v>14</v>
      </c>
      <c r="E120236" s="15">
        <v>45527</v>
      </c>
      <c r="F120236" s="14" t="s">
        <v>15</v>
      </c>
      <c r="G120236" s="16">
        <v>0.43700676310184611</v>
      </c>
    </row>
    <row r="120237" spans="1:7" x14ac:dyDescent="0.3">
      <c r="A120237" s="13" t="s">
        <v>564</v>
      </c>
      <c r="B120237" s="14" t="s">
        <v>1</v>
      </c>
      <c r="C120237" s="14" t="s">
        <v>565</v>
      </c>
      <c r="D120237" s="14" t="s">
        <v>14</v>
      </c>
      <c r="E120237" s="15">
        <v>45528</v>
      </c>
      <c r="F120237" s="14" t="s">
        <v>15</v>
      </c>
      <c r="G120237" s="16">
        <v>0.43700676310184611</v>
      </c>
    </row>
    <row r="120238" spans="1:7" x14ac:dyDescent="0.3">
      <c r="A120238" s="13" t="s">
        <v>564</v>
      </c>
      <c r="B120238" s="14" t="s">
        <v>1</v>
      </c>
      <c r="C120238" s="14" t="s">
        <v>565</v>
      </c>
      <c r="D120238" s="14" t="s">
        <v>14</v>
      </c>
      <c r="E120238" s="15">
        <v>45529</v>
      </c>
      <c r="F120238" s="14" t="s">
        <v>15</v>
      </c>
      <c r="G120238" s="16">
        <v>0.43700676310184611</v>
      </c>
    </row>
    <row r="120239" spans="1:7" x14ac:dyDescent="0.3">
      <c r="A120239" s="13" t="s">
        <v>564</v>
      </c>
      <c r="B120239" s="14" t="s">
        <v>1</v>
      </c>
      <c r="C120239" s="14" t="s">
        <v>565</v>
      </c>
      <c r="D120239" s="14" t="s">
        <v>14</v>
      </c>
      <c r="E120239" s="15">
        <v>45530</v>
      </c>
      <c r="F120239" s="14" t="s">
        <v>15</v>
      </c>
      <c r="G120239" s="16">
        <v>0.44272003001253607</v>
      </c>
    </row>
    <row r="120240" spans="1:7" x14ac:dyDescent="0.3">
      <c r="A120240" s="13" t="s">
        <v>564</v>
      </c>
      <c r="B120240" s="14" t="s">
        <v>1</v>
      </c>
      <c r="C120240" s="14" t="s">
        <v>565</v>
      </c>
      <c r="D120240" s="14" t="s">
        <v>14</v>
      </c>
      <c r="E120240" s="15">
        <v>45531</v>
      </c>
      <c r="F120240" s="14" t="s">
        <v>15</v>
      </c>
      <c r="G120240" s="16">
        <v>0.42988807542914381</v>
      </c>
    </row>
    <row r="120241" spans="1:7" x14ac:dyDescent="0.3">
      <c r="A120241" s="13" t="s">
        <v>564</v>
      </c>
      <c r="B120241" s="14" t="s">
        <v>1</v>
      </c>
      <c r="C120241" s="14" t="s">
        <v>565</v>
      </c>
      <c r="D120241" s="14" t="s">
        <v>14</v>
      </c>
      <c r="E120241" s="15">
        <v>45532</v>
      </c>
      <c r="F120241" s="14" t="s">
        <v>15</v>
      </c>
      <c r="G120241" s="16">
        <v>0.4266216978151065</v>
      </c>
    </row>
    <row r="120242" spans="1:7" x14ac:dyDescent="0.3">
      <c r="A120242" s="13" t="s">
        <v>564</v>
      </c>
      <c r="B120242" s="14" t="s">
        <v>1</v>
      </c>
      <c r="C120242" s="14" t="s">
        <v>565</v>
      </c>
      <c r="D120242" s="14" t="s">
        <v>14</v>
      </c>
      <c r="E120242" s="15">
        <v>45533</v>
      </c>
      <c r="F120242" s="14" t="s">
        <v>15</v>
      </c>
      <c r="G120242" s="16">
        <v>0.42492807727716314</v>
      </c>
    </row>
    <row r="120243" spans="1:7" x14ac:dyDescent="0.3">
      <c r="A120243" s="13" t="s">
        <v>564</v>
      </c>
      <c r="B120243" s="14" t="s">
        <v>1</v>
      </c>
      <c r="C120243" s="14" t="s">
        <v>565</v>
      </c>
      <c r="D120243" s="14" t="s">
        <v>14</v>
      </c>
      <c r="E120243" s="15">
        <v>45534</v>
      </c>
      <c r="F120243" s="14" t="s">
        <v>15</v>
      </c>
      <c r="G120243" s="16">
        <v>0.42510869154902542</v>
      </c>
    </row>
    <row r="120244" spans="1:7" x14ac:dyDescent="0.3">
      <c r="A120244" s="13" t="s">
        <v>564</v>
      </c>
      <c r="B120244" s="14" t="s">
        <v>1</v>
      </c>
      <c r="C120244" s="14" t="s">
        <v>565</v>
      </c>
      <c r="D120244" s="14" t="s">
        <v>14</v>
      </c>
      <c r="E120244" s="15">
        <v>45535</v>
      </c>
      <c r="F120244" s="14" t="s">
        <v>15</v>
      </c>
      <c r="G120244" s="16">
        <v>0.42510869154902542</v>
      </c>
    </row>
    <row r="120245" spans="1:7" x14ac:dyDescent="0.3">
      <c r="A120245" s="13" t="s">
        <v>564</v>
      </c>
      <c r="B120245" s="14" t="s">
        <v>1</v>
      </c>
      <c r="C120245" s="14" t="s">
        <v>565</v>
      </c>
      <c r="D120245" s="14" t="s">
        <v>14</v>
      </c>
      <c r="E120245" s="15">
        <v>45536</v>
      </c>
      <c r="F120245" s="14" t="s">
        <v>15</v>
      </c>
      <c r="G120245" s="16">
        <v>0.42510869154902542</v>
      </c>
    </row>
    <row r="120246" spans="1:7" x14ac:dyDescent="0.3">
      <c r="A120246" s="13" t="s">
        <v>564</v>
      </c>
      <c r="B120246" s="14" t="s">
        <v>1</v>
      </c>
      <c r="C120246" s="14" t="s">
        <v>565</v>
      </c>
      <c r="D120246" s="14" t="s">
        <v>14</v>
      </c>
      <c r="E120246" s="15">
        <v>45537</v>
      </c>
      <c r="F120246" s="14" t="s">
        <v>15</v>
      </c>
      <c r="G120246" s="16">
        <v>0.42140601386073456</v>
      </c>
    </row>
    <row r="120247" spans="1:7" x14ac:dyDescent="0.3">
      <c r="A120247" s="13" t="s">
        <v>564</v>
      </c>
      <c r="B120247" s="14" t="s">
        <v>1</v>
      </c>
      <c r="C120247" s="14" t="s">
        <v>565</v>
      </c>
      <c r="D120247" s="14" t="s">
        <v>14</v>
      </c>
      <c r="E120247" s="15">
        <v>45538</v>
      </c>
      <c r="F120247" s="14" t="s">
        <v>15</v>
      </c>
      <c r="G120247" s="16">
        <v>0.41021473821439108</v>
      </c>
    </row>
    <row r="120248" spans="1:7" x14ac:dyDescent="0.3">
      <c r="A120248" s="13" t="s">
        <v>564</v>
      </c>
      <c r="B120248" s="14" t="s">
        <v>1</v>
      </c>
      <c r="C120248" s="14" t="s">
        <v>565</v>
      </c>
      <c r="D120248" s="14" t="s">
        <v>14</v>
      </c>
      <c r="E120248" s="15">
        <v>45539</v>
      </c>
      <c r="F120248" s="14" t="s">
        <v>15</v>
      </c>
      <c r="G120248" s="16">
        <v>0.40650031464037117</v>
      </c>
    </row>
    <row r="120249" spans="1:7" x14ac:dyDescent="0.3">
      <c r="A120249" s="13" t="s">
        <v>564</v>
      </c>
      <c r="B120249" s="14" t="s">
        <v>1</v>
      </c>
      <c r="C120249" s="14" t="s">
        <v>565</v>
      </c>
      <c r="D120249" s="14" t="s">
        <v>14</v>
      </c>
      <c r="E120249" s="15">
        <v>45540</v>
      </c>
      <c r="F120249" s="14" t="s">
        <v>15</v>
      </c>
      <c r="G120249" s="16">
        <v>0.40279321096615339</v>
      </c>
    </row>
    <row r="120250" spans="1:7" x14ac:dyDescent="0.3">
      <c r="A120250" s="13" t="s">
        <v>564</v>
      </c>
      <c r="B120250" s="14" t="s">
        <v>1</v>
      </c>
      <c r="C120250" s="14" t="s">
        <v>565</v>
      </c>
      <c r="D120250" s="14" t="s">
        <v>14</v>
      </c>
      <c r="E120250" s="15">
        <v>45541</v>
      </c>
      <c r="F120250" s="14" t="s">
        <v>15</v>
      </c>
      <c r="G120250" s="16">
        <v>0.41446402516465158</v>
      </c>
    </row>
    <row r="120251" spans="1:7" x14ac:dyDescent="0.3">
      <c r="A120251" s="13" t="s">
        <v>564</v>
      </c>
      <c r="B120251" s="14" t="s">
        <v>1</v>
      </c>
      <c r="C120251" s="14" t="s">
        <v>565</v>
      </c>
      <c r="D120251" s="14" t="s">
        <v>14</v>
      </c>
      <c r="E120251" s="15">
        <v>45542</v>
      </c>
      <c r="F120251" s="14" t="s">
        <v>15</v>
      </c>
      <c r="G120251" s="16">
        <v>0.41446402516465158</v>
      </c>
    </row>
    <row r="120252" spans="1:7" x14ac:dyDescent="0.3">
      <c r="A120252" s="13" t="s">
        <v>564</v>
      </c>
      <c r="B120252" s="14" t="s">
        <v>1</v>
      </c>
      <c r="C120252" s="14" t="s">
        <v>565</v>
      </c>
      <c r="D120252" s="14" t="s">
        <v>14</v>
      </c>
      <c r="E120252" s="15">
        <v>45543</v>
      </c>
      <c r="F120252" s="14" t="s">
        <v>15</v>
      </c>
      <c r="G120252" s="16">
        <v>0.41446402516465158</v>
      </c>
    </row>
    <row r="120253" spans="1:7" x14ac:dyDescent="0.3">
      <c r="A120253" s="13" t="s">
        <v>564</v>
      </c>
      <c r="B120253" s="14" t="s">
        <v>1</v>
      </c>
      <c r="C120253" s="14" t="s">
        <v>565</v>
      </c>
      <c r="D120253" s="14" t="s">
        <v>14</v>
      </c>
      <c r="E120253" s="15">
        <v>45544</v>
      </c>
      <c r="F120253" s="14" t="s">
        <v>15</v>
      </c>
      <c r="G120253" s="16">
        <v>0.42600478346899068</v>
      </c>
    </row>
    <row r="120254" spans="1:7" x14ac:dyDescent="0.3">
      <c r="A120254" s="13" t="s">
        <v>564</v>
      </c>
      <c r="B120254" s="14" t="s">
        <v>1</v>
      </c>
      <c r="C120254" s="14" t="s">
        <v>565</v>
      </c>
      <c r="D120254" s="14" t="s">
        <v>14</v>
      </c>
      <c r="E120254" s="15">
        <v>45545</v>
      </c>
      <c r="F120254" s="14" t="s">
        <v>15</v>
      </c>
      <c r="G120254" s="16">
        <v>0.45854548315455074</v>
      </c>
    </row>
    <row r="120255" spans="1:7" x14ac:dyDescent="0.3">
      <c r="A120255" s="13" t="s">
        <v>564</v>
      </c>
      <c r="B120255" s="14" t="s">
        <v>1</v>
      </c>
      <c r="C120255" s="14" t="s">
        <v>565</v>
      </c>
      <c r="D120255" s="14" t="s">
        <v>14</v>
      </c>
      <c r="E120255" s="15">
        <v>45546</v>
      </c>
      <c r="F120255" s="14" t="s">
        <v>15</v>
      </c>
      <c r="G120255" s="16">
        <v>0.45492417551522329</v>
      </c>
    </row>
    <row r="120256" spans="1:7" x14ac:dyDescent="0.3">
      <c r="A120256" s="13" t="s">
        <v>564</v>
      </c>
      <c r="B120256" s="14" t="s">
        <v>1</v>
      </c>
      <c r="C120256" s="14" t="s">
        <v>565</v>
      </c>
      <c r="D120256" s="14" t="s">
        <v>14</v>
      </c>
      <c r="E120256" s="15">
        <v>45547</v>
      </c>
      <c r="F120256" s="14" t="s">
        <v>15</v>
      </c>
      <c r="G120256" s="16">
        <v>0.45910537037430105</v>
      </c>
    </row>
    <row r="120257" spans="1:7" x14ac:dyDescent="0.3">
      <c r="A120257" s="13" t="s">
        <v>564</v>
      </c>
      <c r="B120257" s="14" t="s">
        <v>1</v>
      </c>
      <c r="C120257" s="14" t="s">
        <v>565</v>
      </c>
      <c r="D120257" s="14" t="s">
        <v>14</v>
      </c>
      <c r="E120257" s="15">
        <v>45548</v>
      </c>
      <c r="F120257" s="14" t="s">
        <v>15</v>
      </c>
      <c r="G120257" s="16">
        <v>0.48112788473485918</v>
      </c>
    </row>
    <row r="120258" spans="1:7" x14ac:dyDescent="0.3">
      <c r="A120258" s="13" t="s">
        <v>564</v>
      </c>
      <c r="B120258" s="14" t="s">
        <v>1</v>
      </c>
      <c r="C120258" s="14" t="s">
        <v>565</v>
      </c>
      <c r="D120258" s="14" t="s">
        <v>14</v>
      </c>
      <c r="E120258" s="15">
        <v>45549</v>
      </c>
      <c r="F120258" s="14" t="s">
        <v>15</v>
      </c>
      <c r="G120258" s="16">
        <v>0.48112788473485918</v>
      </c>
    </row>
    <row r="120259" spans="1:7" x14ac:dyDescent="0.3">
      <c r="A120259" s="13" t="s">
        <v>564</v>
      </c>
      <c r="B120259" s="14" t="s">
        <v>1</v>
      </c>
      <c r="C120259" s="14" t="s">
        <v>565</v>
      </c>
      <c r="D120259" s="14" t="s">
        <v>14</v>
      </c>
      <c r="E120259" s="15">
        <v>45550</v>
      </c>
      <c r="F120259" s="14" t="s">
        <v>15</v>
      </c>
      <c r="G120259" s="16">
        <v>0.48112788473485918</v>
      </c>
    </row>
    <row r="120260" spans="1:7" x14ac:dyDescent="0.3">
      <c r="A120260" s="13" t="s">
        <v>564</v>
      </c>
      <c r="B120260" s="14" t="s">
        <v>1</v>
      </c>
      <c r="C120260" s="14" t="s">
        <v>565</v>
      </c>
      <c r="D120260" s="14" t="s">
        <v>14</v>
      </c>
      <c r="E120260" s="15">
        <v>45551</v>
      </c>
      <c r="F120260" s="14" t="s">
        <v>15</v>
      </c>
      <c r="G120260" s="16">
        <v>0.48112788473485918</v>
      </c>
    </row>
    <row r="120261" spans="1:7" x14ac:dyDescent="0.3">
      <c r="A120261" s="13" t="s">
        <v>564</v>
      </c>
      <c r="B120261" s="14" t="s">
        <v>1</v>
      </c>
      <c r="C120261" s="14" t="s">
        <v>565</v>
      </c>
      <c r="D120261" s="14" t="s">
        <v>14</v>
      </c>
      <c r="E120261" s="15">
        <v>45552</v>
      </c>
      <c r="F120261" s="14" t="s">
        <v>15</v>
      </c>
      <c r="G120261" s="16">
        <v>0.48112788473485918</v>
      </c>
    </row>
    <row r="120262" spans="1:7" x14ac:dyDescent="0.3">
      <c r="A120262" s="13" t="s">
        <v>564</v>
      </c>
      <c r="B120262" s="14" t="s">
        <v>1</v>
      </c>
      <c r="C120262" s="14" t="s">
        <v>565</v>
      </c>
      <c r="D120262" s="14" t="s">
        <v>14</v>
      </c>
      <c r="E120262" s="15">
        <v>45553</v>
      </c>
      <c r="F120262" s="14" t="s">
        <v>15</v>
      </c>
      <c r="G120262" s="16">
        <v>0.48112788473485918</v>
      </c>
    </row>
    <row r="120263" spans="1:7" x14ac:dyDescent="0.3">
      <c r="A120263" s="13" t="s">
        <v>564</v>
      </c>
      <c r="B120263" s="14" t="s">
        <v>1</v>
      </c>
      <c r="C120263" s="14" t="s">
        <v>565</v>
      </c>
      <c r="D120263" s="14" t="s">
        <v>14</v>
      </c>
      <c r="E120263" s="15">
        <v>45554</v>
      </c>
      <c r="F120263" s="14" t="s">
        <v>15</v>
      </c>
      <c r="G120263" s="16">
        <v>0.5162017804426462</v>
      </c>
    </row>
    <row r="120264" spans="1:7" x14ac:dyDescent="0.3">
      <c r="A120264" s="13" t="s">
        <v>564</v>
      </c>
      <c r="B120264" s="14" t="s">
        <v>1</v>
      </c>
      <c r="C120264" s="14" t="s">
        <v>565</v>
      </c>
      <c r="D120264" s="14" t="s">
        <v>14</v>
      </c>
      <c r="E120264" s="15">
        <v>45555</v>
      </c>
      <c r="F120264" s="14" t="s">
        <v>15</v>
      </c>
      <c r="G120264" s="16">
        <v>0.50463276392046619</v>
      </c>
    </row>
    <row r="120265" spans="1:7" x14ac:dyDescent="0.3">
      <c r="A120265" s="13" t="s">
        <v>564</v>
      </c>
      <c r="B120265" s="14" t="s">
        <v>1</v>
      </c>
      <c r="C120265" s="14" t="s">
        <v>565</v>
      </c>
      <c r="D120265" s="14" t="s">
        <v>14</v>
      </c>
      <c r="E120265" s="15">
        <v>45556</v>
      </c>
      <c r="F120265" s="14" t="s">
        <v>15</v>
      </c>
      <c r="G120265" s="16">
        <v>0.50463276392046619</v>
      </c>
    </row>
    <row r="120266" spans="1:7" x14ac:dyDescent="0.3">
      <c r="A120266" s="13" t="s">
        <v>564</v>
      </c>
      <c r="B120266" s="14" t="s">
        <v>1</v>
      </c>
      <c r="C120266" s="14" t="s">
        <v>565</v>
      </c>
      <c r="D120266" s="14" t="s">
        <v>14</v>
      </c>
      <c r="E120266" s="15">
        <v>45557</v>
      </c>
      <c r="F120266" s="14" t="s">
        <v>15</v>
      </c>
      <c r="G120266" s="16">
        <v>0.50463276392046619</v>
      </c>
    </row>
    <row r="120267" spans="1:7" x14ac:dyDescent="0.3">
      <c r="A120267" s="13" t="s">
        <v>564</v>
      </c>
      <c r="B120267" s="14" t="s">
        <v>1</v>
      </c>
      <c r="C120267" s="14" t="s">
        <v>565</v>
      </c>
      <c r="D120267" s="14" t="s">
        <v>14</v>
      </c>
      <c r="E120267" s="15">
        <v>45558</v>
      </c>
      <c r="F120267" s="14" t="s">
        <v>15</v>
      </c>
      <c r="G120267" s="16">
        <v>0.50088480499153887</v>
      </c>
    </row>
    <row r="120268" spans="1:7" x14ac:dyDescent="0.3">
      <c r="A120268" s="13" t="s">
        <v>564</v>
      </c>
      <c r="B120268" s="14" t="s">
        <v>1</v>
      </c>
      <c r="C120268" s="14" t="s">
        <v>565</v>
      </c>
      <c r="D120268" s="14" t="s">
        <v>14</v>
      </c>
      <c r="E120268" s="15">
        <v>45559</v>
      </c>
      <c r="F120268" s="14" t="s">
        <v>15</v>
      </c>
      <c r="G120268" s="16">
        <v>0.4895265334915696</v>
      </c>
    </row>
    <row r="120269" spans="1:7" x14ac:dyDescent="0.3">
      <c r="A120269" s="13" t="s">
        <v>564</v>
      </c>
      <c r="B120269" s="14" t="s">
        <v>1</v>
      </c>
      <c r="C120269" s="14" t="s">
        <v>565</v>
      </c>
      <c r="D120269" s="14" t="s">
        <v>14</v>
      </c>
      <c r="E120269" s="15">
        <v>45560</v>
      </c>
      <c r="F120269" s="14" t="s">
        <v>15</v>
      </c>
      <c r="G120269" s="16">
        <v>0.48567779542271139</v>
      </c>
    </row>
    <row r="120270" spans="1:7" x14ac:dyDescent="0.3">
      <c r="A120270" s="13" t="s">
        <v>564</v>
      </c>
      <c r="B120270" s="14" t="s">
        <v>1</v>
      </c>
      <c r="C120270" s="14" t="s">
        <v>565</v>
      </c>
      <c r="D120270" s="14" t="s">
        <v>14</v>
      </c>
      <c r="E120270" s="15">
        <v>45561</v>
      </c>
      <c r="F120270" s="14" t="s">
        <v>15</v>
      </c>
      <c r="G120270" s="16">
        <v>0.48183594393505447</v>
      </c>
    </row>
    <row r="120271" spans="1:7" x14ac:dyDescent="0.3">
      <c r="A120271" s="13" t="s">
        <v>564</v>
      </c>
      <c r="B120271" s="14" t="s">
        <v>1</v>
      </c>
      <c r="C120271" s="14" t="s">
        <v>565</v>
      </c>
      <c r="D120271" s="14" t="s">
        <v>14</v>
      </c>
      <c r="E120271" s="15">
        <v>45562</v>
      </c>
      <c r="F120271" s="14" t="s">
        <v>15</v>
      </c>
      <c r="G120271" s="16">
        <v>0.47837509255235761</v>
      </c>
    </row>
    <row r="120272" spans="1:7" x14ac:dyDescent="0.3">
      <c r="A120272" s="13" t="s">
        <v>564</v>
      </c>
      <c r="B120272" s="14" t="s">
        <v>1</v>
      </c>
      <c r="C120272" s="14" t="s">
        <v>565</v>
      </c>
      <c r="D120272" s="14" t="s">
        <v>14</v>
      </c>
      <c r="E120272" s="15">
        <v>45563</v>
      </c>
      <c r="F120272" s="14" t="s">
        <v>15</v>
      </c>
      <c r="G120272" s="16">
        <v>0.47837509255235761</v>
      </c>
    </row>
    <row r="120273" spans="1:7" x14ac:dyDescent="0.3">
      <c r="A120273" s="13" t="s">
        <v>564</v>
      </c>
      <c r="B120273" s="14" t="s">
        <v>1</v>
      </c>
      <c r="C120273" s="14" t="s">
        <v>565</v>
      </c>
      <c r="D120273" s="14" t="s">
        <v>14</v>
      </c>
      <c r="E120273" s="15">
        <v>45564</v>
      </c>
      <c r="F120273" s="14" t="s">
        <v>15</v>
      </c>
      <c r="G120273" s="16">
        <v>0.47837509255235761</v>
      </c>
    </row>
    <row r="120274" spans="1:7" x14ac:dyDescent="0.3">
      <c r="A120274" s="13" t="s">
        <v>564</v>
      </c>
      <c r="B120274" s="14" t="s">
        <v>1</v>
      </c>
      <c r="C120274" s="14" t="s">
        <v>565</v>
      </c>
      <c r="D120274" s="14" t="s">
        <v>14</v>
      </c>
      <c r="E120274" s="15">
        <v>45565</v>
      </c>
      <c r="F120274" s="14" t="s">
        <v>15</v>
      </c>
      <c r="G120274" s="16">
        <v>0.49536015642716297</v>
      </c>
    </row>
    <row r="120275" spans="1:7" x14ac:dyDescent="0.3">
      <c r="A120275" s="13" t="s">
        <v>564</v>
      </c>
      <c r="B120275" s="14" t="s">
        <v>1</v>
      </c>
      <c r="C120275" s="14" t="s">
        <v>565</v>
      </c>
      <c r="D120275" s="14" t="s">
        <v>14</v>
      </c>
      <c r="E120275" s="15">
        <v>45566</v>
      </c>
      <c r="F120275" s="14" t="s">
        <v>15</v>
      </c>
      <c r="G120275" s="16">
        <v>0.49536015642716297</v>
      </c>
    </row>
    <row r="120276" spans="1:7" x14ac:dyDescent="0.3">
      <c r="A120276" s="13" t="s">
        <v>564</v>
      </c>
      <c r="B120276" s="14" t="s">
        <v>1</v>
      </c>
      <c r="C120276" s="14" t="s">
        <v>565</v>
      </c>
      <c r="D120276" s="14" t="s">
        <v>14</v>
      </c>
      <c r="E120276" s="15">
        <v>45567</v>
      </c>
      <c r="F120276" s="14" t="s">
        <v>15</v>
      </c>
      <c r="G120276" s="16">
        <v>0.49536015642716297</v>
      </c>
    </row>
    <row r="120277" spans="1:7" x14ac:dyDescent="0.3">
      <c r="A120277" s="13" t="s">
        <v>564</v>
      </c>
      <c r="B120277" s="14" t="s">
        <v>1</v>
      </c>
      <c r="C120277" s="14" t="s">
        <v>565</v>
      </c>
      <c r="D120277" s="14" t="s">
        <v>14</v>
      </c>
      <c r="E120277" s="15">
        <v>45568</v>
      </c>
      <c r="F120277" s="14" t="s">
        <v>15</v>
      </c>
      <c r="G120277" s="16">
        <v>0.49536015642716297</v>
      </c>
    </row>
    <row r="120278" spans="1:7" x14ac:dyDescent="0.3">
      <c r="A120278" s="13" t="s">
        <v>564</v>
      </c>
      <c r="B120278" s="14" t="s">
        <v>1</v>
      </c>
      <c r="C120278" s="14" t="s">
        <v>565</v>
      </c>
      <c r="D120278" s="14" t="s">
        <v>14</v>
      </c>
      <c r="E120278" s="15">
        <v>45569</v>
      </c>
      <c r="F120278" s="14" t="s">
        <v>15</v>
      </c>
      <c r="G120278" s="16">
        <v>0.49536015642716297</v>
      </c>
    </row>
    <row r="120279" spans="1:7" x14ac:dyDescent="0.3">
      <c r="A120279" s="13" t="s">
        <v>564</v>
      </c>
      <c r="B120279" s="14" t="s">
        <v>1</v>
      </c>
      <c r="C120279" s="14" t="s">
        <v>565</v>
      </c>
      <c r="D120279" s="14" t="s">
        <v>14</v>
      </c>
      <c r="E120279" s="15">
        <v>45570</v>
      </c>
      <c r="F120279" s="14" t="s">
        <v>15</v>
      </c>
      <c r="G120279" s="16">
        <v>0.49536015642716297</v>
      </c>
    </row>
    <row r="120280" spans="1:7" x14ac:dyDescent="0.3">
      <c r="A120280" s="13" t="s">
        <v>564</v>
      </c>
      <c r="B120280" s="14" t="s">
        <v>1</v>
      </c>
      <c r="C120280" s="14" t="s">
        <v>565</v>
      </c>
      <c r="D120280" s="14" t="s">
        <v>14</v>
      </c>
      <c r="E120280" s="15">
        <v>45571</v>
      </c>
      <c r="F120280" s="14" t="s">
        <v>15</v>
      </c>
      <c r="G120280" s="16">
        <v>0.49536015642716297</v>
      </c>
    </row>
    <row r="120281" spans="1:7" x14ac:dyDescent="0.3">
      <c r="A120281" s="13" t="s">
        <v>564</v>
      </c>
      <c r="B120281" s="14" t="s">
        <v>1</v>
      </c>
      <c r="C120281" s="14" t="s">
        <v>565</v>
      </c>
      <c r="D120281" s="14" t="s">
        <v>14</v>
      </c>
      <c r="E120281" s="15">
        <v>45572</v>
      </c>
      <c r="F120281" s="14" t="s">
        <v>15</v>
      </c>
      <c r="G120281" s="16">
        <v>0.49536015642716297</v>
      </c>
    </row>
    <row r="120282" spans="1:7" x14ac:dyDescent="0.3">
      <c r="A120282" s="13" t="s">
        <v>564</v>
      </c>
      <c r="B120282" s="14" t="s">
        <v>1</v>
      </c>
      <c r="C120282" s="14" t="s">
        <v>565</v>
      </c>
      <c r="D120282" s="14" t="s">
        <v>14</v>
      </c>
      <c r="E120282" s="15">
        <v>45573</v>
      </c>
      <c r="F120282" s="14" t="s">
        <v>15</v>
      </c>
      <c r="G120282" s="16">
        <v>0.48337625531697659</v>
      </c>
    </row>
    <row r="120283" spans="1:7" x14ac:dyDescent="0.3">
      <c r="A120283" s="13" t="s">
        <v>564</v>
      </c>
      <c r="B120283" s="14" t="s">
        <v>1</v>
      </c>
      <c r="C120283" s="14" t="s">
        <v>565</v>
      </c>
      <c r="D120283" s="14" t="s">
        <v>14</v>
      </c>
      <c r="E120283" s="15">
        <v>45574</v>
      </c>
      <c r="F120283" s="14" t="s">
        <v>15</v>
      </c>
      <c r="G120283" s="16">
        <v>0.46289224617449709</v>
      </c>
    </row>
    <row r="120284" spans="1:7" x14ac:dyDescent="0.3">
      <c r="A120284" s="13" t="s">
        <v>564</v>
      </c>
      <c r="B120284" s="14" t="s">
        <v>1</v>
      </c>
      <c r="C120284" s="14" t="s">
        <v>565</v>
      </c>
      <c r="D120284" s="14" t="s">
        <v>14</v>
      </c>
      <c r="E120284" s="15">
        <v>45575</v>
      </c>
      <c r="F120284" s="14" t="s">
        <v>15</v>
      </c>
      <c r="G120284" s="16">
        <v>0.45894198057887653</v>
      </c>
    </row>
    <row r="120285" spans="1:7" x14ac:dyDescent="0.3">
      <c r="A120285" s="13" t="s">
        <v>564</v>
      </c>
      <c r="B120285" s="14" t="s">
        <v>1</v>
      </c>
      <c r="C120285" s="14" t="s">
        <v>565</v>
      </c>
      <c r="D120285" s="14" t="s">
        <v>14</v>
      </c>
      <c r="E120285" s="15">
        <v>45576</v>
      </c>
      <c r="F120285" s="14" t="s">
        <v>15</v>
      </c>
      <c r="G120285" s="16">
        <v>0.45894198057887653</v>
      </c>
    </row>
    <row r="120286" spans="1:7" x14ac:dyDescent="0.3">
      <c r="A120286" s="13" t="s">
        <v>564</v>
      </c>
      <c r="B120286" s="14" t="s">
        <v>1</v>
      </c>
      <c r="C120286" s="14" t="s">
        <v>565</v>
      </c>
      <c r="D120286" s="14" t="s">
        <v>14</v>
      </c>
      <c r="E120286" s="15">
        <v>45577</v>
      </c>
      <c r="F120286" s="14" t="s">
        <v>15</v>
      </c>
      <c r="G120286" s="16">
        <v>0.45894198057887653</v>
      </c>
    </row>
    <row r="120287" spans="1:7" x14ac:dyDescent="0.3">
      <c r="A120287" s="13" t="s">
        <v>564</v>
      </c>
      <c r="B120287" s="14" t="s">
        <v>1</v>
      </c>
      <c r="C120287" s="14" t="s">
        <v>565</v>
      </c>
      <c r="D120287" s="14" t="s">
        <v>14</v>
      </c>
      <c r="E120287" s="15">
        <v>45578</v>
      </c>
      <c r="F120287" s="14" t="s">
        <v>15</v>
      </c>
      <c r="G120287" s="16">
        <v>0.45894198057887653</v>
      </c>
    </row>
    <row r="120288" spans="1:7" x14ac:dyDescent="0.3">
      <c r="A120288" s="13" t="s">
        <v>564</v>
      </c>
      <c r="B120288" s="14" t="s">
        <v>1</v>
      </c>
      <c r="C120288" s="14" t="s">
        <v>565</v>
      </c>
      <c r="D120288" s="14" t="s">
        <v>14</v>
      </c>
      <c r="E120288" s="15">
        <v>45579</v>
      </c>
      <c r="F120288" s="14" t="s">
        <v>15</v>
      </c>
      <c r="G120288" s="16">
        <v>0.45502296504357587</v>
      </c>
    </row>
    <row r="120289" spans="1:7" x14ac:dyDescent="0.3">
      <c r="A120289" s="13" t="s">
        <v>564</v>
      </c>
      <c r="B120289" s="14" t="s">
        <v>1</v>
      </c>
      <c r="C120289" s="14" t="s">
        <v>565</v>
      </c>
      <c r="D120289" s="14" t="s">
        <v>14</v>
      </c>
      <c r="E120289" s="15">
        <v>45580</v>
      </c>
      <c r="F120289" s="14" t="s">
        <v>15</v>
      </c>
      <c r="G120289" s="16">
        <v>0.43958852672835641</v>
      </c>
    </row>
    <row r="120290" spans="1:7" x14ac:dyDescent="0.3">
      <c r="A120290" s="13" t="s">
        <v>564</v>
      </c>
      <c r="B120290" s="14" t="s">
        <v>1</v>
      </c>
      <c r="C120290" s="14" t="s">
        <v>565</v>
      </c>
      <c r="D120290" s="14" t="s">
        <v>14</v>
      </c>
      <c r="E120290" s="15">
        <v>45581</v>
      </c>
      <c r="F120290" s="14" t="s">
        <v>15</v>
      </c>
      <c r="G120290" s="16">
        <v>0.44257155156140554</v>
      </c>
    </row>
    <row r="120291" spans="1:7" x14ac:dyDescent="0.3">
      <c r="A120291" s="13" t="s">
        <v>564</v>
      </c>
      <c r="B120291" s="14" t="s">
        <v>1</v>
      </c>
      <c r="C120291" s="14" t="s">
        <v>565</v>
      </c>
      <c r="D120291" s="14" t="s">
        <v>14</v>
      </c>
      <c r="E120291" s="15">
        <v>45582</v>
      </c>
      <c r="F120291" s="14" t="s">
        <v>15</v>
      </c>
      <c r="G120291" s="16">
        <v>0.43865930613352838</v>
      </c>
    </row>
    <row r="120292" spans="1:7" x14ac:dyDescent="0.3">
      <c r="A120292" s="13" t="s">
        <v>564</v>
      </c>
      <c r="B120292" s="14" t="s">
        <v>1</v>
      </c>
      <c r="C120292" s="14" t="s">
        <v>565</v>
      </c>
      <c r="D120292" s="14" t="s">
        <v>14</v>
      </c>
      <c r="E120292" s="15">
        <v>45583</v>
      </c>
      <c r="F120292" s="14" t="s">
        <v>15</v>
      </c>
      <c r="G120292" s="16">
        <v>0.43478307197198462</v>
      </c>
    </row>
    <row r="120293" spans="1:7" x14ac:dyDescent="0.3">
      <c r="A120293" s="13" t="s">
        <v>564</v>
      </c>
      <c r="B120293" s="14" t="s">
        <v>1</v>
      </c>
      <c r="C120293" s="14" t="s">
        <v>565</v>
      </c>
      <c r="D120293" s="14" t="s">
        <v>14</v>
      </c>
      <c r="E120293" s="15">
        <v>45584</v>
      </c>
      <c r="F120293" s="14" t="s">
        <v>15</v>
      </c>
      <c r="G120293" s="16">
        <v>0.43478307197198462</v>
      </c>
    </row>
    <row r="120294" spans="1:7" x14ac:dyDescent="0.3">
      <c r="A120294" s="13" t="s">
        <v>564</v>
      </c>
      <c r="B120294" s="14" t="s">
        <v>1</v>
      </c>
      <c r="C120294" s="14" t="s">
        <v>565</v>
      </c>
      <c r="D120294" s="14" t="s">
        <v>14</v>
      </c>
      <c r="E120294" s="15">
        <v>45585</v>
      </c>
      <c r="F120294" s="14" t="s">
        <v>15</v>
      </c>
      <c r="G120294" s="16">
        <v>0.43478307197198462</v>
      </c>
    </row>
    <row r="120295" spans="1:7" x14ac:dyDescent="0.3">
      <c r="A120295" s="13" t="s">
        <v>564</v>
      </c>
      <c r="B120295" s="14" t="s">
        <v>1</v>
      </c>
      <c r="C120295" s="14" t="s">
        <v>565</v>
      </c>
      <c r="D120295" s="14" t="s">
        <v>14</v>
      </c>
      <c r="E120295" s="15">
        <v>45586</v>
      </c>
      <c r="F120295" s="14" t="s">
        <v>15</v>
      </c>
      <c r="G120295" s="16">
        <v>0.43791620669777476</v>
      </c>
    </row>
    <row r="120296" spans="1:7" x14ac:dyDescent="0.3">
      <c r="A120296" s="13" t="s">
        <v>564</v>
      </c>
      <c r="B120296" s="14" t="s">
        <v>1</v>
      </c>
      <c r="C120296" s="14" t="s">
        <v>565</v>
      </c>
      <c r="D120296" s="14" t="s">
        <v>14</v>
      </c>
      <c r="E120296" s="15">
        <v>45587</v>
      </c>
      <c r="F120296" s="14" t="s">
        <v>15</v>
      </c>
      <c r="G120296" s="16">
        <v>0.42619925342740811</v>
      </c>
    </row>
    <row r="120297" spans="1:7" x14ac:dyDescent="0.3">
      <c r="A120297" s="13" t="s">
        <v>564</v>
      </c>
      <c r="B120297" s="14" t="s">
        <v>1</v>
      </c>
      <c r="C120297" s="14" t="s">
        <v>565</v>
      </c>
      <c r="D120297" s="14" t="s">
        <v>14</v>
      </c>
      <c r="E120297" s="15">
        <v>45588</v>
      </c>
      <c r="F120297" s="14" t="s">
        <v>15</v>
      </c>
      <c r="G120297" s="16">
        <v>0.4223064819032134</v>
      </c>
    </row>
    <row r="120298" spans="1:7" x14ac:dyDescent="0.3">
      <c r="A120298" s="13" t="s">
        <v>564</v>
      </c>
      <c r="B120298" s="14" t="s">
        <v>1</v>
      </c>
      <c r="C120298" s="14" t="s">
        <v>565</v>
      </c>
      <c r="D120298" s="14" t="s">
        <v>14</v>
      </c>
      <c r="E120298" s="15">
        <v>45589</v>
      </c>
      <c r="F120298" s="14" t="s">
        <v>15</v>
      </c>
      <c r="G120298" s="16">
        <v>0.41844338489891569</v>
      </c>
    </row>
    <row r="120299" spans="1:7" x14ac:dyDescent="0.3">
      <c r="A120299" s="13" t="s">
        <v>564</v>
      </c>
      <c r="B120299" s="14" t="s">
        <v>1</v>
      </c>
      <c r="C120299" s="14" t="s">
        <v>565</v>
      </c>
      <c r="D120299" s="14" t="s">
        <v>14</v>
      </c>
      <c r="E120299" s="15">
        <v>45590</v>
      </c>
      <c r="F120299" s="14" t="s">
        <v>15</v>
      </c>
      <c r="G120299" s="16">
        <v>0.41652474172182619</v>
      </c>
    </row>
    <row r="120300" spans="1:7" x14ac:dyDescent="0.3">
      <c r="A120300" s="13" t="s">
        <v>564</v>
      </c>
      <c r="B120300" s="14" t="s">
        <v>1</v>
      </c>
      <c r="C120300" s="14" t="s">
        <v>565</v>
      </c>
      <c r="D120300" s="14" t="s">
        <v>14</v>
      </c>
      <c r="E120300" s="15">
        <v>45591</v>
      </c>
      <c r="F120300" s="14" t="s">
        <v>15</v>
      </c>
      <c r="G120300" s="16">
        <v>0.41652474172182619</v>
      </c>
    </row>
    <row r="120301" spans="1:7" x14ac:dyDescent="0.3">
      <c r="A120301" s="13" t="s">
        <v>564</v>
      </c>
      <c r="B120301" s="14" t="s">
        <v>1</v>
      </c>
      <c r="C120301" s="14" t="s">
        <v>565</v>
      </c>
      <c r="D120301" s="14" t="s">
        <v>14</v>
      </c>
      <c r="E120301" s="15">
        <v>45592</v>
      </c>
      <c r="F120301" s="14" t="s">
        <v>15</v>
      </c>
      <c r="G120301" s="16">
        <v>0.41652474172182619</v>
      </c>
    </row>
    <row r="120302" spans="1:7" x14ac:dyDescent="0.3">
      <c r="A120302" s="13" t="s">
        <v>564</v>
      </c>
      <c r="B120302" s="14" t="s">
        <v>1</v>
      </c>
      <c r="C120302" s="14" t="s">
        <v>565</v>
      </c>
      <c r="D120302" s="14" t="s">
        <v>14</v>
      </c>
      <c r="E120302" s="15">
        <v>45593</v>
      </c>
      <c r="F120302" s="14" t="s">
        <v>15</v>
      </c>
      <c r="G120302" s="16">
        <v>0.41652474172182619</v>
      </c>
    </row>
    <row r="120303" spans="1:7" x14ac:dyDescent="0.3">
      <c r="A120303" s="13" t="s">
        <v>564</v>
      </c>
      <c r="B120303" s="14" t="s">
        <v>1</v>
      </c>
      <c r="C120303" s="14" t="s">
        <v>565</v>
      </c>
      <c r="D120303" s="14" t="s">
        <v>14</v>
      </c>
      <c r="E120303" s="15">
        <v>45594</v>
      </c>
      <c r="F120303" s="14" t="s">
        <v>15</v>
      </c>
      <c r="G120303" s="16">
        <v>0.41299084642263567</v>
      </c>
    </row>
    <row r="120304" spans="1:7" x14ac:dyDescent="0.3">
      <c r="A120304" s="13" t="s">
        <v>564</v>
      </c>
      <c r="B120304" s="14" t="s">
        <v>1</v>
      </c>
      <c r="C120304" s="14" t="s">
        <v>565</v>
      </c>
      <c r="D120304" s="14" t="s">
        <v>14</v>
      </c>
      <c r="E120304" s="15">
        <v>45595</v>
      </c>
      <c r="F120304" s="14" t="s">
        <v>15</v>
      </c>
      <c r="G120304" s="16">
        <v>0.42247293741326053</v>
      </c>
    </row>
    <row r="120305" spans="1:7" x14ac:dyDescent="0.3">
      <c r="A120305" s="13" t="s">
        <v>564</v>
      </c>
      <c r="B120305" s="14" t="s">
        <v>1</v>
      </c>
      <c r="C120305" s="14" t="s">
        <v>565</v>
      </c>
      <c r="D120305" s="14" t="s">
        <v>14</v>
      </c>
      <c r="E120305" s="15">
        <v>45596</v>
      </c>
      <c r="F120305" s="14" t="s">
        <v>15</v>
      </c>
      <c r="G120305" s="16">
        <v>0.43878124986373007</v>
      </c>
    </row>
    <row r="120306" spans="1:7" x14ac:dyDescent="0.3">
      <c r="A120306" s="13" t="s">
        <v>564</v>
      </c>
      <c r="B120306" s="14" t="s">
        <v>1</v>
      </c>
      <c r="C120306" s="14" t="s">
        <v>565</v>
      </c>
      <c r="D120306" s="14" t="s">
        <v>14</v>
      </c>
      <c r="E120306" s="15">
        <v>45597</v>
      </c>
      <c r="F120306" s="14" t="s">
        <v>15</v>
      </c>
      <c r="G120306" s="16">
        <v>0.43497394713903031</v>
      </c>
    </row>
    <row r="120307" spans="1:7" x14ac:dyDescent="0.3">
      <c r="A120307" s="13" t="s">
        <v>564</v>
      </c>
      <c r="B120307" s="14" t="s">
        <v>1</v>
      </c>
      <c r="C120307" s="14" t="s">
        <v>565</v>
      </c>
      <c r="D120307" s="14" t="s">
        <v>14</v>
      </c>
      <c r="E120307" s="15">
        <v>45598</v>
      </c>
      <c r="F120307" s="14" t="s">
        <v>15</v>
      </c>
      <c r="G120307" s="16">
        <v>0.43497394713903031</v>
      </c>
    </row>
    <row r="120308" spans="1:7" x14ac:dyDescent="0.3">
      <c r="A120308" s="13" t="s">
        <v>564</v>
      </c>
      <c r="B120308" s="14" t="s">
        <v>1</v>
      </c>
      <c r="C120308" s="14" t="s">
        <v>565</v>
      </c>
      <c r="D120308" s="14" t="s">
        <v>14</v>
      </c>
      <c r="E120308" s="15">
        <v>45599</v>
      </c>
      <c r="F120308" s="14" t="s">
        <v>15</v>
      </c>
      <c r="G120308" s="16">
        <v>0.43497394713903031</v>
      </c>
    </row>
    <row r="120309" spans="1:7" x14ac:dyDescent="0.3">
      <c r="A120309" s="13" t="s">
        <v>564</v>
      </c>
      <c r="B120309" s="14" t="s">
        <v>1</v>
      </c>
      <c r="C120309" s="14" t="s">
        <v>565</v>
      </c>
      <c r="D120309" s="14" t="s">
        <v>14</v>
      </c>
      <c r="E120309" s="15">
        <v>45600</v>
      </c>
      <c r="F120309" s="14" t="s">
        <v>15</v>
      </c>
      <c r="G120309" s="16">
        <v>0.43119415516715176</v>
      </c>
    </row>
    <row r="120310" spans="1:7" x14ac:dyDescent="0.3">
      <c r="A120310" s="13" t="s">
        <v>564</v>
      </c>
      <c r="B120310" s="14" t="s">
        <v>1</v>
      </c>
      <c r="C120310" s="14" t="s">
        <v>565</v>
      </c>
      <c r="D120310" s="14" t="s">
        <v>14</v>
      </c>
      <c r="E120310" s="15">
        <v>45601</v>
      </c>
      <c r="F120310" s="14" t="s">
        <v>15</v>
      </c>
      <c r="G120310" s="16">
        <v>0.41985508836109831</v>
      </c>
    </row>
    <row r="120311" spans="1:7" x14ac:dyDescent="0.3">
      <c r="A120311" s="13" t="s">
        <v>564</v>
      </c>
      <c r="B120311" s="14" t="s">
        <v>1</v>
      </c>
      <c r="C120311" s="14" t="s">
        <v>565</v>
      </c>
      <c r="D120311" s="14" t="s">
        <v>14</v>
      </c>
      <c r="E120311" s="15">
        <v>45602</v>
      </c>
      <c r="F120311" s="14" t="s">
        <v>15</v>
      </c>
      <c r="G120311" s="16">
        <v>0.41605613159511962</v>
      </c>
    </row>
    <row r="120312" spans="1:7" x14ac:dyDescent="0.3">
      <c r="A120312" s="13" t="s">
        <v>564</v>
      </c>
      <c r="B120312" s="14" t="s">
        <v>1</v>
      </c>
      <c r="C120312" s="14" t="s">
        <v>565</v>
      </c>
      <c r="D120312" s="14" t="s">
        <v>14</v>
      </c>
      <c r="E120312" s="15">
        <v>45603</v>
      </c>
      <c r="F120312" s="14" t="s">
        <v>15</v>
      </c>
      <c r="G120312" s="16">
        <v>0.42041859512955876</v>
      </c>
    </row>
    <row r="120313" spans="1:7" x14ac:dyDescent="0.3">
      <c r="A120313" s="13" t="s">
        <v>564</v>
      </c>
      <c r="B120313" s="14" t="s">
        <v>1</v>
      </c>
      <c r="C120313" s="14" t="s">
        <v>565</v>
      </c>
      <c r="D120313" s="14" t="s">
        <v>14</v>
      </c>
      <c r="E120313" s="15">
        <v>45604</v>
      </c>
      <c r="F120313" s="14" t="s">
        <v>15</v>
      </c>
      <c r="G120313" s="16">
        <v>0.42220602128897877</v>
      </c>
    </row>
    <row r="120314" spans="1:7" x14ac:dyDescent="0.3">
      <c r="A120314" s="13" t="s">
        <v>564</v>
      </c>
      <c r="B120314" s="14" t="s">
        <v>1</v>
      </c>
      <c r="C120314" s="14" t="s">
        <v>565</v>
      </c>
      <c r="D120314" s="14" t="s">
        <v>14</v>
      </c>
      <c r="E120314" s="15">
        <v>45605</v>
      </c>
      <c r="F120314" s="14" t="s">
        <v>15</v>
      </c>
      <c r="G120314" s="16">
        <v>0.42220602128897877</v>
      </c>
    </row>
    <row r="120315" spans="1:7" x14ac:dyDescent="0.3">
      <c r="A120315" s="13" t="s">
        <v>564</v>
      </c>
      <c r="B120315" s="14" t="s">
        <v>1</v>
      </c>
      <c r="C120315" s="14" t="s">
        <v>565</v>
      </c>
      <c r="D120315" s="14" t="s">
        <v>14</v>
      </c>
      <c r="E120315" s="15">
        <v>45606</v>
      </c>
      <c r="F120315" s="14" t="s">
        <v>15</v>
      </c>
      <c r="G120315" s="16">
        <v>0.42220602128897877</v>
      </c>
    </row>
    <row r="120316" spans="1:7" x14ac:dyDescent="0.3">
      <c r="A120316" s="13" t="s">
        <v>564</v>
      </c>
      <c r="B120316" s="14" t="s">
        <v>1</v>
      </c>
      <c r="C120316" s="14" t="s">
        <v>565</v>
      </c>
      <c r="D120316" s="14" t="s">
        <v>14</v>
      </c>
      <c r="E120316" s="15">
        <v>45607</v>
      </c>
      <c r="F120316" s="14" t="s">
        <v>15</v>
      </c>
      <c r="G120316" s="16">
        <v>0.41838800547648269</v>
      </c>
    </row>
    <row r="120317" spans="1:7" x14ac:dyDescent="0.3">
      <c r="A120317" s="13" t="s">
        <v>564</v>
      </c>
      <c r="B120317" s="14" t="s">
        <v>1</v>
      </c>
      <c r="C120317" s="14" t="s">
        <v>565</v>
      </c>
      <c r="D120317" s="14" t="s">
        <v>14</v>
      </c>
      <c r="E120317" s="15">
        <v>45608</v>
      </c>
      <c r="F120317" s="14" t="s">
        <v>15</v>
      </c>
      <c r="G120317" s="16">
        <v>0.40678408499434299</v>
      </c>
    </row>
    <row r="120318" spans="1:7" x14ac:dyDescent="0.3">
      <c r="A120318" s="13" t="s">
        <v>564</v>
      </c>
      <c r="B120318" s="14" t="s">
        <v>1</v>
      </c>
      <c r="C120318" s="14" t="s">
        <v>565</v>
      </c>
      <c r="D120318" s="14" t="s">
        <v>14</v>
      </c>
      <c r="E120318" s="15">
        <v>45609</v>
      </c>
      <c r="F120318" s="14" t="s">
        <v>15</v>
      </c>
      <c r="G120318" s="16">
        <v>0.41719854430231651</v>
      </c>
    </row>
    <row r="120319" spans="1:7" x14ac:dyDescent="0.3">
      <c r="A120319" s="13" t="s">
        <v>564</v>
      </c>
      <c r="B120319" s="14" t="s">
        <v>1</v>
      </c>
      <c r="C120319" s="14" t="s">
        <v>565</v>
      </c>
      <c r="D120319" s="14" t="s">
        <v>14</v>
      </c>
      <c r="E120319" s="15">
        <v>45610</v>
      </c>
      <c r="F120319" s="14" t="s">
        <v>15</v>
      </c>
      <c r="G120319" s="16">
        <v>0.41304409472812886</v>
      </c>
    </row>
    <row r="120320" spans="1:7" x14ac:dyDescent="0.3">
      <c r="A120320" s="13" t="s">
        <v>564</v>
      </c>
      <c r="B120320" s="14" t="s">
        <v>1</v>
      </c>
      <c r="C120320" s="14" t="s">
        <v>565</v>
      </c>
      <c r="D120320" s="14" t="s">
        <v>14</v>
      </c>
      <c r="E120320" s="15">
        <v>45611</v>
      </c>
      <c r="F120320" s="14" t="s">
        <v>15</v>
      </c>
      <c r="G120320" s="16">
        <v>0.4508539415385967</v>
      </c>
    </row>
    <row r="120321" spans="1:7" x14ac:dyDescent="0.3">
      <c r="A120321" s="13" t="s">
        <v>564</v>
      </c>
      <c r="B120321" s="14" t="s">
        <v>1</v>
      </c>
      <c r="C120321" s="14" t="s">
        <v>565</v>
      </c>
      <c r="D120321" s="14" t="s">
        <v>14</v>
      </c>
      <c r="E120321" s="15">
        <v>45612</v>
      </c>
      <c r="F120321" s="14" t="s">
        <v>15</v>
      </c>
      <c r="G120321" s="16">
        <v>0.4508539415385967</v>
      </c>
    </row>
    <row r="120322" spans="1:7" x14ac:dyDescent="0.3">
      <c r="A120322" s="13" t="s">
        <v>564</v>
      </c>
      <c r="B120322" s="14" t="s">
        <v>1</v>
      </c>
      <c r="C120322" s="14" t="s">
        <v>565</v>
      </c>
      <c r="D120322" s="14" t="s">
        <v>14</v>
      </c>
      <c r="E120322" s="15">
        <v>45613</v>
      </c>
      <c r="F120322" s="14" t="s">
        <v>15</v>
      </c>
      <c r="G120322" s="16">
        <v>0.4508539415385967</v>
      </c>
    </row>
    <row r="120323" spans="1:7" x14ac:dyDescent="0.3">
      <c r="A120323" s="13" t="s">
        <v>564</v>
      </c>
      <c r="B120323" s="14" t="s">
        <v>1</v>
      </c>
      <c r="C120323" s="14" t="s">
        <v>565</v>
      </c>
      <c r="D120323" s="14" t="s">
        <v>14</v>
      </c>
      <c r="E120323" s="15">
        <v>45614</v>
      </c>
      <c r="F120323" s="14" t="s">
        <v>15</v>
      </c>
      <c r="G120323" s="16">
        <v>0.44860928045943133</v>
      </c>
    </row>
    <row r="120324" spans="1:7" x14ac:dyDescent="0.3">
      <c r="A120324" s="13" t="s">
        <v>564</v>
      </c>
      <c r="B120324" s="14" t="s">
        <v>1</v>
      </c>
      <c r="C120324" s="14" t="s">
        <v>565</v>
      </c>
      <c r="D120324" s="14" t="s">
        <v>14</v>
      </c>
      <c r="E120324" s="15">
        <v>45615</v>
      </c>
      <c r="F120324" s="14" t="s">
        <v>15</v>
      </c>
      <c r="G120324" s="16">
        <v>0.43765090689357683</v>
      </c>
    </row>
    <row r="120325" spans="1:7" x14ac:dyDescent="0.3">
      <c r="A120325" s="13" t="s">
        <v>564</v>
      </c>
      <c r="B120325" s="14" t="s">
        <v>1</v>
      </c>
      <c r="C120325" s="14" t="s">
        <v>565</v>
      </c>
      <c r="D120325" s="14" t="s">
        <v>14</v>
      </c>
      <c r="E120325" s="15">
        <v>45616</v>
      </c>
      <c r="F120325" s="14" t="s">
        <v>15</v>
      </c>
      <c r="G120325" s="16">
        <v>0.43463564857649517</v>
      </c>
    </row>
    <row r="120326" spans="1:7" x14ac:dyDescent="0.3">
      <c r="A120326" s="13" t="s">
        <v>564</v>
      </c>
      <c r="B120326" s="14" t="s">
        <v>1</v>
      </c>
      <c r="C120326" s="14" t="s">
        <v>565</v>
      </c>
      <c r="D120326" s="14" t="s">
        <v>14</v>
      </c>
      <c r="E120326" s="15">
        <v>45617</v>
      </c>
      <c r="F120326" s="14" t="s">
        <v>15</v>
      </c>
      <c r="G120326" s="16">
        <v>0.46065735595410584</v>
      </c>
    </row>
    <row r="120327" spans="1:7" x14ac:dyDescent="0.3">
      <c r="A120327" s="13" t="s">
        <v>564</v>
      </c>
      <c r="B120327" s="14" t="s">
        <v>1</v>
      </c>
      <c r="C120327" s="14" t="s">
        <v>565</v>
      </c>
      <c r="D120327" s="14" t="s">
        <v>14</v>
      </c>
      <c r="E120327" s="15">
        <v>45618</v>
      </c>
      <c r="F120327" s="14" t="s">
        <v>15</v>
      </c>
      <c r="G120327" s="16">
        <v>0.47047950450019643</v>
      </c>
    </row>
    <row r="120328" spans="1:7" x14ac:dyDescent="0.3">
      <c r="A120328" s="13" t="s">
        <v>564</v>
      </c>
      <c r="B120328" s="14" t="s">
        <v>1</v>
      </c>
      <c r="C120328" s="14" t="s">
        <v>565</v>
      </c>
      <c r="D120328" s="14" t="s">
        <v>14</v>
      </c>
      <c r="E120328" s="15">
        <v>45619</v>
      </c>
      <c r="F120328" s="14" t="s">
        <v>15</v>
      </c>
      <c r="G120328" s="16">
        <v>0.47047950450019643</v>
      </c>
    </row>
    <row r="120329" spans="1:7" x14ac:dyDescent="0.3">
      <c r="A120329" s="13" t="s">
        <v>564</v>
      </c>
      <c r="B120329" s="14" t="s">
        <v>1</v>
      </c>
      <c r="C120329" s="14" t="s">
        <v>565</v>
      </c>
      <c r="D120329" s="14" t="s">
        <v>14</v>
      </c>
      <c r="E120329" s="15">
        <v>45620</v>
      </c>
      <c r="F120329" s="14" t="s">
        <v>15</v>
      </c>
      <c r="G120329" s="16">
        <v>0.47047950450019643</v>
      </c>
    </row>
    <row r="120330" spans="1:7" x14ac:dyDescent="0.3">
      <c r="A120330" s="13" t="s">
        <v>564</v>
      </c>
      <c r="B120330" s="14" t="s">
        <v>1</v>
      </c>
      <c r="C120330" s="14" t="s">
        <v>565</v>
      </c>
      <c r="D120330" s="14" t="s">
        <v>14</v>
      </c>
      <c r="E120330" s="15">
        <v>45621</v>
      </c>
      <c r="F120330" s="14" t="s">
        <v>15</v>
      </c>
      <c r="G120330" s="16">
        <v>0.46669708353580514</v>
      </c>
    </row>
    <row r="120331" spans="1:7" x14ac:dyDescent="0.3">
      <c r="A120331" s="13" t="s">
        <v>564</v>
      </c>
      <c r="B120331" s="14" t="s">
        <v>1</v>
      </c>
      <c r="C120331" s="14" t="s">
        <v>565</v>
      </c>
      <c r="D120331" s="14" t="s">
        <v>14</v>
      </c>
      <c r="E120331" s="15">
        <v>45622</v>
      </c>
      <c r="F120331" s="14" t="s">
        <v>15</v>
      </c>
      <c r="G120331" s="16">
        <v>0.4565486488820879</v>
      </c>
    </row>
    <row r="120332" spans="1:7" x14ac:dyDescent="0.3">
      <c r="A120332" s="13" t="s">
        <v>564</v>
      </c>
      <c r="B120332" s="14" t="s">
        <v>1</v>
      </c>
      <c r="C120332" s="14" t="s">
        <v>565</v>
      </c>
      <c r="D120332" s="14" t="s">
        <v>14</v>
      </c>
      <c r="E120332" s="15">
        <v>45623</v>
      </c>
      <c r="F120332" s="14" t="s">
        <v>15</v>
      </c>
      <c r="G120332" s="16">
        <v>0.45151775423219886</v>
      </c>
    </row>
    <row r="120333" spans="1:7" x14ac:dyDescent="0.3">
      <c r="A120333" s="13" t="s">
        <v>564</v>
      </c>
      <c r="B120333" s="14" t="s">
        <v>1</v>
      </c>
      <c r="C120333" s="14" t="s">
        <v>565</v>
      </c>
      <c r="D120333" s="14" t="s">
        <v>14</v>
      </c>
      <c r="E120333" s="15">
        <v>45624</v>
      </c>
      <c r="F120333" s="14" t="s">
        <v>15</v>
      </c>
      <c r="G120333" s="16">
        <v>0.45036982038082157</v>
      </c>
    </row>
    <row r="120334" spans="1:7" x14ac:dyDescent="0.3">
      <c r="A120334" s="13" t="s">
        <v>564</v>
      </c>
      <c r="B120334" s="14" t="s">
        <v>1</v>
      </c>
      <c r="C120334" s="14" t="s">
        <v>565</v>
      </c>
      <c r="D120334" s="14" t="s">
        <v>14</v>
      </c>
      <c r="E120334" s="15">
        <v>45625</v>
      </c>
      <c r="F120334" s="14" t="s">
        <v>15</v>
      </c>
      <c r="G120334" s="16">
        <v>0.44669208375922059</v>
      </c>
    </row>
    <row r="120335" spans="1:7" x14ac:dyDescent="0.3">
      <c r="A120335" s="13" t="s">
        <v>564</v>
      </c>
      <c r="B120335" s="14" t="s">
        <v>1</v>
      </c>
      <c r="C120335" s="14" t="s">
        <v>565</v>
      </c>
      <c r="D120335" s="14" t="s">
        <v>14</v>
      </c>
      <c r="E120335" s="15">
        <v>45626</v>
      </c>
      <c r="F120335" s="14" t="s">
        <v>15</v>
      </c>
      <c r="G120335" s="16">
        <v>0.44669208375922059</v>
      </c>
    </row>
    <row r="120336" spans="1:7" x14ac:dyDescent="0.3">
      <c r="A120336" s="13" t="s">
        <v>564</v>
      </c>
      <c r="B120336" s="14" t="s">
        <v>1</v>
      </c>
      <c r="C120336" s="14" t="s">
        <v>565</v>
      </c>
      <c r="D120336" s="14" t="s">
        <v>14</v>
      </c>
      <c r="E120336" s="15">
        <v>45627</v>
      </c>
      <c r="F120336" s="14" t="s">
        <v>15</v>
      </c>
      <c r="G120336" s="16">
        <v>0.44669208375922059</v>
      </c>
    </row>
    <row r="120337" spans="1:7" x14ac:dyDescent="0.3">
      <c r="A120337" s="13" t="s">
        <v>564</v>
      </c>
      <c r="B120337" s="14" t="s">
        <v>1</v>
      </c>
      <c r="C120337" s="14" t="s">
        <v>565</v>
      </c>
      <c r="D120337" s="14" t="s">
        <v>14</v>
      </c>
      <c r="E120337" s="15">
        <v>45628</v>
      </c>
      <c r="F120337" s="14" t="s">
        <v>15</v>
      </c>
      <c r="G120337" s="16">
        <v>0.44327246844580837</v>
      </c>
    </row>
    <row r="120338" spans="1:7" x14ac:dyDescent="0.3">
      <c r="A120338" s="13" t="s">
        <v>564</v>
      </c>
      <c r="B120338" s="14" t="s">
        <v>1</v>
      </c>
      <c r="C120338" s="14" t="s">
        <v>565</v>
      </c>
      <c r="D120338" s="14" t="s">
        <v>14</v>
      </c>
      <c r="E120338" s="15">
        <v>45629</v>
      </c>
      <c r="F120338" s="14" t="s">
        <v>15</v>
      </c>
      <c r="G120338" s="16">
        <v>0.43227787556082981</v>
      </c>
    </row>
    <row r="120339" spans="1:7" x14ac:dyDescent="0.3">
      <c r="A120339" s="13" t="s">
        <v>564</v>
      </c>
      <c r="B120339" s="14" t="s">
        <v>1</v>
      </c>
      <c r="C120339" s="14" t="s">
        <v>565</v>
      </c>
      <c r="D120339" s="14" t="s">
        <v>14</v>
      </c>
      <c r="E120339" s="15">
        <v>45630</v>
      </c>
      <c r="F120339" s="14" t="s">
        <v>15</v>
      </c>
      <c r="G120339" s="16">
        <v>0.42894195137529589</v>
      </c>
    </row>
    <row r="120340" spans="1:7" x14ac:dyDescent="0.3">
      <c r="A120340" s="13" t="s">
        <v>564</v>
      </c>
      <c r="B120340" s="14" t="s">
        <v>1</v>
      </c>
      <c r="C120340" s="14" t="s">
        <v>565</v>
      </c>
      <c r="D120340" s="14" t="s">
        <v>14</v>
      </c>
      <c r="E120340" s="15">
        <v>45631</v>
      </c>
      <c r="F120340" s="14" t="s">
        <v>15</v>
      </c>
      <c r="G120340" s="16">
        <v>0.42521994798202967</v>
      </c>
    </row>
    <row r="120341" spans="1:7" x14ac:dyDescent="0.3">
      <c r="A120341" s="13" t="s">
        <v>564</v>
      </c>
      <c r="B120341" s="14" t="s">
        <v>1</v>
      </c>
      <c r="C120341" s="14" t="s">
        <v>565</v>
      </c>
      <c r="D120341" s="14" t="s">
        <v>14</v>
      </c>
      <c r="E120341" s="15">
        <v>45632</v>
      </c>
      <c r="F120341" s="14" t="s">
        <v>15</v>
      </c>
      <c r="G120341" s="16">
        <v>0.42149104826089295</v>
      </c>
    </row>
    <row r="120342" spans="1:7" x14ac:dyDescent="0.3">
      <c r="A120342" s="13" t="s">
        <v>564</v>
      </c>
      <c r="B120342" s="14" t="s">
        <v>1</v>
      </c>
      <c r="C120342" s="14" t="s">
        <v>565</v>
      </c>
      <c r="D120342" s="14" t="s">
        <v>14</v>
      </c>
      <c r="E120342" s="15">
        <v>45633</v>
      </c>
      <c r="F120342" s="14" t="s">
        <v>15</v>
      </c>
      <c r="G120342" s="16">
        <v>0.42149104826089295</v>
      </c>
    </row>
    <row r="120343" spans="1:7" x14ac:dyDescent="0.3">
      <c r="A120343" s="13" t="s">
        <v>564</v>
      </c>
      <c r="B120343" s="14" t="s">
        <v>1</v>
      </c>
      <c r="C120343" s="14" t="s">
        <v>565</v>
      </c>
      <c r="D120343" s="14" t="s">
        <v>14</v>
      </c>
      <c r="E120343" s="15">
        <v>45634</v>
      </c>
      <c r="F120343" s="14" t="s">
        <v>15</v>
      </c>
      <c r="G120343" s="16">
        <v>0.42149104826089295</v>
      </c>
    </row>
    <row r="120344" spans="1:7" x14ac:dyDescent="0.3">
      <c r="A120344" s="13" t="s">
        <v>564</v>
      </c>
      <c r="B120344" s="14" t="s">
        <v>1</v>
      </c>
      <c r="C120344" s="14" t="s">
        <v>565</v>
      </c>
      <c r="D120344" s="14" t="s">
        <v>14</v>
      </c>
      <c r="E120344" s="15">
        <v>45635</v>
      </c>
      <c r="F120344" s="14" t="s">
        <v>15</v>
      </c>
      <c r="G120344" s="16">
        <v>0.42482494742072752</v>
      </c>
    </row>
    <row r="120345" spans="1:7" x14ac:dyDescent="0.3">
      <c r="A120345" s="13" t="s">
        <v>564</v>
      </c>
      <c r="B120345" s="14" t="s">
        <v>1</v>
      </c>
      <c r="C120345" s="14" t="s">
        <v>565</v>
      </c>
      <c r="D120345" s="14" t="s">
        <v>14</v>
      </c>
      <c r="E120345" s="15">
        <v>45636</v>
      </c>
      <c r="F120345" s="14" t="s">
        <v>15</v>
      </c>
      <c r="G120345" s="16">
        <v>0.41364045144769929</v>
      </c>
    </row>
    <row r="120346" spans="1:7" x14ac:dyDescent="0.3">
      <c r="A120346" s="13" t="s">
        <v>564</v>
      </c>
      <c r="B120346" s="14" t="s">
        <v>1</v>
      </c>
      <c r="C120346" s="14" t="s">
        <v>565</v>
      </c>
      <c r="D120346" s="14" t="s">
        <v>14</v>
      </c>
      <c r="E120346" s="15">
        <v>45637</v>
      </c>
      <c r="F120346" s="14" t="s">
        <v>15</v>
      </c>
      <c r="G120346" s="16">
        <v>0.40989408357425</v>
      </c>
    </row>
    <row r="120347" spans="1:7" x14ac:dyDescent="0.3">
      <c r="A120347" s="13" t="s">
        <v>564</v>
      </c>
      <c r="B120347" s="14" t="s">
        <v>1</v>
      </c>
      <c r="C120347" s="14" t="s">
        <v>565</v>
      </c>
      <c r="D120347" s="14" t="s">
        <v>14</v>
      </c>
      <c r="E120347" s="15">
        <v>45638</v>
      </c>
      <c r="F120347" s="14" t="s">
        <v>15</v>
      </c>
      <c r="G120347" s="16">
        <v>0.40635591719187747</v>
      </c>
    </row>
    <row r="120348" spans="1:7" x14ac:dyDescent="0.3">
      <c r="A120348" s="13" t="s">
        <v>564</v>
      </c>
      <c r="B120348" s="14" t="s">
        <v>1</v>
      </c>
      <c r="C120348" s="14" t="s">
        <v>565</v>
      </c>
      <c r="D120348" s="14" t="s">
        <v>14</v>
      </c>
      <c r="E120348" s="15">
        <v>45639</v>
      </c>
      <c r="F120348" s="14" t="s">
        <v>15</v>
      </c>
      <c r="G120348" s="16">
        <v>0.42868021584733251</v>
      </c>
    </row>
    <row r="120349" spans="1:7" x14ac:dyDescent="0.3">
      <c r="A120349" s="13" t="s">
        <v>564</v>
      </c>
      <c r="B120349" s="14" t="s">
        <v>1</v>
      </c>
      <c r="C120349" s="14" t="s">
        <v>565</v>
      </c>
      <c r="D120349" s="14" t="s">
        <v>14</v>
      </c>
      <c r="E120349" s="15">
        <v>45640</v>
      </c>
      <c r="F120349" s="14" t="s">
        <v>15</v>
      </c>
      <c r="G120349" s="16">
        <v>0.42868021584733251</v>
      </c>
    </row>
    <row r="120350" spans="1:7" x14ac:dyDescent="0.3">
      <c r="A120350" s="13" t="s">
        <v>564</v>
      </c>
      <c r="B120350" s="14" t="s">
        <v>1</v>
      </c>
      <c r="C120350" s="14" t="s">
        <v>565</v>
      </c>
      <c r="D120350" s="14" t="s">
        <v>14</v>
      </c>
      <c r="E120350" s="15">
        <v>45641</v>
      </c>
      <c r="F120350" s="14" t="s">
        <v>15</v>
      </c>
      <c r="G120350" s="16">
        <v>0.42868021584733251</v>
      </c>
    </row>
    <row r="120351" spans="1:7" x14ac:dyDescent="0.3">
      <c r="A120351" s="13" t="s">
        <v>564</v>
      </c>
      <c r="B120351" s="14" t="s">
        <v>1</v>
      </c>
      <c r="C120351" s="14" t="s">
        <v>565</v>
      </c>
      <c r="D120351" s="14" t="s">
        <v>14</v>
      </c>
      <c r="E120351" s="15">
        <v>45642</v>
      </c>
      <c r="F120351" s="14" t="s">
        <v>15</v>
      </c>
      <c r="G120351" s="16">
        <v>0.42491543559712142</v>
      </c>
    </row>
    <row r="120352" spans="1:7" x14ac:dyDescent="0.3">
      <c r="A120352" s="13" t="s">
        <v>564</v>
      </c>
      <c r="B120352" s="14" t="s">
        <v>1</v>
      </c>
      <c r="C120352" s="14" t="s">
        <v>565</v>
      </c>
      <c r="D120352" s="14" t="s">
        <v>14</v>
      </c>
      <c r="E120352" s="15">
        <v>45643</v>
      </c>
      <c r="F120352" s="14" t="s">
        <v>15</v>
      </c>
      <c r="G120352" s="16">
        <v>0.4136554016681469</v>
      </c>
    </row>
    <row r="120353" spans="1:7" x14ac:dyDescent="0.3">
      <c r="A120353" s="13" t="s">
        <v>564</v>
      </c>
      <c r="B120353" s="14" t="s">
        <v>1</v>
      </c>
      <c r="C120353" s="14" t="s">
        <v>565</v>
      </c>
      <c r="D120353" s="14" t="s">
        <v>14</v>
      </c>
      <c r="E120353" s="15">
        <v>45644</v>
      </c>
      <c r="F120353" s="14" t="s">
        <v>15</v>
      </c>
      <c r="G120353" s="16">
        <v>0.40992540035181935</v>
      </c>
    </row>
    <row r="120354" spans="1:7" x14ac:dyDescent="0.3">
      <c r="A120354" s="13" t="s">
        <v>564</v>
      </c>
      <c r="B120354" s="14" t="s">
        <v>1</v>
      </c>
      <c r="C120354" s="14" t="s">
        <v>565</v>
      </c>
      <c r="D120354" s="14" t="s">
        <v>14</v>
      </c>
      <c r="E120354" s="15">
        <v>45645</v>
      </c>
      <c r="F120354" s="14" t="s">
        <v>15</v>
      </c>
      <c r="G120354" s="16">
        <v>0.40622640107157804</v>
      </c>
    </row>
    <row r="120355" spans="1:7" x14ac:dyDescent="0.3">
      <c r="A120355" s="13" t="s">
        <v>564</v>
      </c>
      <c r="B120355" s="14" t="s">
        <v>1</v>
      </c>
      <c r="C120355" s="14" t="s">
        <v>565</v>
      </c>
      <c r="D120355" s="14" t="s">
        <v>14</v>
      </c>
      <c r="E120355" s="15">
        <v>45646</v>
      </c>
      <c r="F120355" s="14" t="s">
        <v>15</v>
      </c>
      <c r="G120355" s="16">
        <v>0.40251528424423705</v>
      </c>
    </row>
    <row r="120356" spans="1:7" x14ac:dyDescent="0.3">
      <c r="A120356" s="13" t="s">
        <v>564</v>
      </c>
      <c r="B120356" s="14" t="s">
        <v>1</v>
      </c>
      <c r="C120356" s="14" t="s">
        <v>565</v>
      </c>
      <c r="D120356" s="14" t="s">
        <v>14</v>
      </c>
      <c r="E120356" s="15">
        <v>45647</v>
      </c>
      <c r="F120356" s="14" t="s">
        <v>15</v>
      </c>
      <c r="G120356" s="16">
        <v>0.40251528424423705</v>
      </c>
    </row>
    <row r="120357" spans="1:7" x14ac:dyDescent="0.3">
      <c r="A120357" s="13" t="s">
        <v>564</v>
      </c>
      <c r="B120357" s="14" t="s">
        <v>1</v>
      </c>
      <c r="C120357" s="14" t="s">
        <v>565</v>
      </c>
      <c r="D120357" s="14" t="s">
        <v>14</v>
      </c>
      <c r="E120357" s="15">
        <v>45648</v>
      </c>
      <c r="F120357" s="14" t="s">
        <v>15</v>
      </c>
      <c r="G120357" s="16">
        <v>0.40251528424423705</v>
      </c>
    </row>
    <row r="120358" spans="1:7" x14ac:dyDescent="0.3">
      <c r="A120358" s="13" t="s">
        <v>564</v>
      </c>
      <c r="B120358" s="14" t="s">
        <v>1</v>
      </c>
      <c r="C120358" s="14" t="s">
        <v>565</v>
      </c>
      <c r="D120358" s="14" t="s">
        <v>14</v>
      </c>
      <c r="E120358" s="15">
        <v>45649</v>
      </c>
      <c r="F120358" s="14" t="s">
        <v>15</v>
      </c>
      <c r="G120358" s="16">
        <v>0.39884256587783534</v>
      </c>
    </row>
    <row r="120359" spans="1:7" x14ac:dyDescent="0.3">
      <c r="A120359" s="13" t="s">
        <v>564</v>
      </c>
      <c r="B120359" s="14" t="s">
        <v>1</v>
      </c>
      <c r="C120359" s="14" t="s">
        <v>565</v>
      </c>
      <c r="D120359" s="14" t="s">
        <v>14</v>
      </c>
      <c r="E120359" s="15">
        <v>45650</v>
      </c>
      <c r="F120359" s="14" t="s">
        <v>15</v>
      </c>
      <c r="G120359" s="16">
        <v>0.38788421166042103</v>
      </c>
    </row>
    <row r="120360" spans="1:7" x14ac:dyDescent="0.3">
      <c r="A120360" s="13" t="s">
        <v>564</v>
      </c>
      <c r="B120360" s="14" t="s">
        <v>1</v>
      </c>
      <c r="C120360" s="14" t="s">
        <v>565</v>
      </c>
      <c r="D120360" s="14" t="s">
        <v>14</v>
      </c>
      <c r="E120360" s="15">
        <v>45651</v>
      </c>
      <c r="F120360" s="14" t="s">
        <v>15</v>
      </c>
      <c r="G120360" s="16">
        <v>0.38788421166042103</v>
      </c>
    </row>
    <row r="120361" spans="1:7" x14ac:dyDescent="0.3">
      <c r="A120361" s="13" t="s">
        <v>564</v>
      </c>
      <c r="B120361" s="14" t="s">
        <v>1</v>
      </c>
      <c r="C120361" s="14" t="s">
        <v>565</v>
      </c>
      <c r="D120361" s="14" t="s">
        <v>14</v>
      </c>
      <c r="E120361" s="15">
        <v>45652</v>
      </c>
      <c r="F120361" s="14" t="s">
        <v>15</v>
      </c>
      <c r="G120361" s="16">
        <v>0.38788421166042103</v>
      </c>
    </row>
    <row r="120362" spans="1:7" x14ac:dyDescent="0.3">
      <c r="A120362" s="13" t="s">
        <v>564</v>
      </c>
      <c r="B120362" s="14" t="s">
        <v>1</v>
      </c>
      <c r="C120362" s="14" t="s">
        <v>565</v>
      </c>
      <c r="D120362" s="14" t="s">
        <v>14</v>
      </c>
      <c r="E120362" s="15">
        <v>45653</v>
      </c>
      <c r="F120362" s="14" t="s">
        <v>15</v>
      </c>
      <c r="G120362" s="16">
        <v>0.38788421166042103</v>
      </c>
    </row>
    <row r="120363" spans="1:7" x14ac:dyDescent="0.3">
      <c r="A120363" s="13" t="s">
        <v>564</v>
      </c>
      <c r="B120363" s="14" t="s">
        <v>1</v>
      </c>
      <c r="C120363" s="14" t="s">
        <v>565</v>
      </c>
      <c r="D120363" s="14" t="s">
        <v>14</v>
      </c>
      <c r="E120363" s="15">
        <v>45654</v>
      </c>
      <c r="F120363" s="14" t="s">
        <v>15</v>
      </c>
      <c r="G120363" s="16">
        <v>0.38788421166042103</v>
      </c>
    </row>
    <row r="120364" spans="1:7" x14ac:dyDescent="0.3">
      <c r="A120364" s="13" t="s">
        <v>564</v>
      </c>
      <c r="B120364" s="14" t="s">
        <v>1</v>
      </c>
      <c r="C120364" s="14" t="s">
        <v>565</v>
      </c>
      <c r="D120364" s="14" t="s">
        <v>14</v>
      </c>
      <c r="E120364" s="15">
        <v>45655</v>
      </c>
      <c r="F120364" s="14" t="s">
        <v>15</v>
      </c>
      <c r="G120364" s="16">
        <v>0.38788421166042103</v>
      </c>
    </row>
    <row r="120365" spans="1:7" x14ac:dyDescent="0.3">
      <c r="A120365" s="13" t="s">
        <v>564</v>
      </c>
      <c r="B120365" s="14" t="s">
        <v>1</v>
      </c>
      <c r="C120365" s="14" t="s">
        <v>565</v>
      </c>
      <c r="D120365" s="14" t="s">
        <v>14</v>
      </c>
      <c r="E120365" s="15">
        <v>45656</v>
      </c>
      <c r="F120365" s="14" t="s">
        <v>15</v>
      </c>
      <c r="G120365" s="16">
        <v>0.38420519846435719</v>
      </c>
    </row>
    <row r="120366" spans="1:7" x14ac:dyDescent="0.3">
      <c r="A120366" s="13" t="s">
        <v>564</v>
      </c>
      <c r="B120366" s="14" t="s">
        <v>1</v>
      </c>
      <c r="C120366" s="14" t="s">
        <v>565</v>
      </c>
      <c r="D120366" s="14" t="s">
        <v>14</v>
      </c>
      <c r="E120366" s="15">
        <v>45657</v>
      </c>
      <c r="F120366" s="14" t="s">
        <v>15</v>
      </c>
      <c r="G120366" s="16">
        <v>0.40083613843184923</v>
      </c>
    </row>
    <row r="120367" spans="1:7" x14ac:dyDescent="0.3">
      <c r="A120367" s="13" t="s">
        <v>564</v>
      </c>
      <c r="B120367" s="14" t="s">
        <v>1</v>
      </c>
      <c r="C120367" s="14" t="s">
        <v>565</v>
      </c>
      <c r="D120367" s="14" t="s">
        <v>14</v>
      </c>
      <c r="E120367" s="15">
        <v>45658</v>
      </c>
      <c r="F120367" s="14" t="s">
        <v>15</v>
      </c>
      <c r="G120367" s="16">
        <v>0.40083613843184923</v>
      </c>
    </row>
    <row r="120368" spans="1:7" x14ac:dyDescent="0.3">
      <c r="A120368" s="13" t="s">
        <v>564</v>
      </c>
      <c r="B120368" s="14" t="s">
        <v>1</v>
      </c>
      <c r="C120368" s="14" t="s">
        <v>565</v>
      </c>
      <c r="D120368" s="14" t="s">
        <v>14</v>
      </c>
      <c r="E120368" s="15">
        <v>45659</v>
      </c>
      <c r="F120368" s="14" t="s">
        <v>15</v>
      </c>
      <c r="G120368" s="16">
        <v>0.39715020092315695</v>
      </c>
    </row>
    <row r="120369" spans="1:7" x14ac:dyDescent="0.3">
      <c r="A120369" s="13" t="s">
        <v>564</v>
      </c>
      <c r="B120369" s="14" t="s">
        <v>1</v>
      </c>
      <c r="C120369" s="14" t="s">
        <v>565</v>
      </c>
      <c r="D120369" s="14" t="s">
        <v>14</v>
      </c>
      <c r="E120369" s="15">
        <v>45660</v>
      </c>
      <c r="F120369" s="14" t="s">
        <v>15</v>
      </c>
      <c r="G120369" s="16">
        <v>0.43595499311717789</v>
      </c>
    </row>
    <row r="120370" spans="1:7" x14ac:dyDescent="0.3">
      <c r="A120370" s="13" t="s">
        <v>564</v>
      </c>
      <c r="B120370" s="14" t="s">
        <v>1</v>
      </c>
      <c r="C120370" s="14" t="s">
        <v>565</v>
      </c>
      <c r="D120370" s="14" t="s">
        <v>14</v>
      </c>
      <c r="E120370" s="15">
        <v>45661</v>
      </c>
      <c r="F120370" s="14" t="s">
        <v>15</v>
      </c>
      <c r="G120370" s="16">
        <v>0.43595499311717789</v>
      </c>
    </row>
    <row r="120371" spans="1:7" x14ac:dyDescent="0.3">
      <c r="A120371" s="13" t="s">
        <v>564</v>
      </c>
      <c r="B120371" s="14" t="s">
        <v>1</v>
      </c>
      <c r="C120371" s="14" t="s">
        <v>565</v>
      </c>
      <c r="D120371" s="14" t="s">
        <v>14</v>
      </c>
      <c r="E120371" s="15">
        <v>45662</v>
      </c>
      <c r="F120371" s="14" t="s">
        <v>15</v>
      </c>
      <c r="G120371" s="16">
        <v>0.43595499311717789</v>
      </c>
    </row>
    <row r="120372" spans="1:7" x14ac:dyDescent="0.3">
      <c r="A120372" s="13" t="s">
        <v>564</v>
      </c>
      <c r="B120372" s="14" t="s">
        <v>1</v>
      </c>
      <c r="C120372" s="14" t="s">
        <v>565</v>
      </c>
      <c r="D120372" s="14" t="s">
        <v>14</v>
      </c>
      <c r="E120372" s="15">
        <v>45663</v>
      </c>
      <c r="F120372" s="14" t="s">
        <v>15</v>
      </c>
      <c r="G120372" s="16">
        <v>0.43229706760048237</v>
      </c>
    </row>
    <row r="120373" spans="1:7" x14ac:dyDescent="0.3">
      <c r="A120373" s="13" t="s">
        <v>564</v>
      </c>
      <c r="B120373" s="14" t="s">
        <v>1</v>
      </c>
      <c r="C120373" s="14" t="s">
        <v>565</v>
      </c>
      <c r="D120373" s="14" t="s">
        <v>14</v>
      </c>
      <c r="E120373" s="15">
        <v>45664</v>
      </c>
      <c r="F120373" s="14" t="s">
        <v>15</v>
      </c>
      <c r="G120373" s="16">
        <v>0.42131211772774535</v>
      </c>
    </row>
    <row r="120374" spans="1:7" x14ac:dyDescent="0.3">
      <c r="A120374" s="13" t="s">
        <v>564</v>
      </c>
      <c r="B120374" s="14" t="s">
        <v>1</v>
      </c>
      <c r="C120374" s="14" t="s">
        <v>565</v>
      </c>
      <c r="D120374" s="14" t="s">
        <v>14</v>
      </c>
      <c r="E120374" s="15">
        <v>45665</v>
      </c>
      <c r="F120374" s="14" t="s">
        <v>15</v>
      </c>
      <c r="G120374" s="16">
        <v>0.41763483560983861</v>
      </c>
    </row>
    <row r="120375" spans="1:7" x14ac:dyDescent="0.3">
      <c r="A120375" s="13" t="s">
        <v>564</v>
      </c>
      <c r="B120375" s="14" t="s">
        <v>1</v>
      </c>
      <c r="C120375" s="14" t="s">
        <v>565</v>
      </c>
      <c r="D120375" s="14" t="s">
        <v>14</v>
      </c>
      <c r="E120375" s="15">
        <v>45666</v>
      </c>
      <c r="F120375" s="14" t="s">
        <v>15</v>
      </c>
      <c r="G120375" s="16">
        <v>0.41395597978451626</v>
      </c>
    </row>
    <row r="120376" spans="1:7" x14ac:dyDescent="0.3">
      <c r="A120376" s="13" t="s">
        <v>564</v>
      </c>
      <c r="B120376" s="14" t="s">
        <v>1</v>
      </c>
      <c r="C120376" s="14" t="s">
        <v>565</v>
      </c>
      <c r="D120376" s="14" t="s">
        <v>14</v>
      </c>
      <c r="E120376" s="15">
        <v>45667</v>
      </c>
      <c r="F120376" s="14" t="s">
        <v>15</v>
      </c>
      <c r="G120376" s="16">
        <v>0.4170675140865342</v>
      </c>
    </row>
    <row r="120377" spans="1:7" x14ac:dyDescent="0.3">
      <c r="A120377" s="13" t="s">
        <v>564</v>
      </c>
      <c r="B120377" s="14" t="s">
        <v>1</v>
      </c>
      <c r="C120377" s="14" t="s">
        <v>565</v>
      </c>
      <c r="D120377" s="14" t="s">
        <v>14</v>
      </c>
      <c r="E120377" s="15">
        <v>45668</v>
      </c>
      <c r="F120377" s="14" t="s">
        <v>15</v>
      </c>
      <c r="G120377" s="16">
        <v>0.4170675140865342</v>
      </c>
    </row>
    <row r="120378" spans="1:7" x14ac:dyDescent="0.3">
      <c r="A120378" s="13" t="s">
        <v>564</v>
      </c>
      <c r="B120378" s="14" t="s">
        <v>1</v>
      </c>
      <c r="C120378" s="14" t="s">
        <v>565</v>
      </c>
      <c r="D120378" s="14" t="s">
        <v>14</v>
      </c>
      <c r="E120378" s="15">
        <v>45669</v>
      </c>
      <c r="F120378" s="14" t="s">
        <v>15</v>
      </c>
      <c r="G120378" s="16">
        <v>0.4170675140865342</v>
      </c>
    </row>
    <row r="120379" spans="1:7" x14ac:dyDescent="0.3">
      <c r="A120379" s="13" t="s">
        <v>564</v>
      </c>
      <c r="B120379" s="14" t="s">
        <v>1</v>
      </c>
      <c r="C120379" s="14" t="s">
        <v>565</v>
      </c>
      <c r="D120379" s="14" t="s">
        <v>14</v>
      </c>
      <c r="E120379" s="15">
        <v>45670</v>
      </c>
      <c r="F120379" s="14" t="s">
        <v>15</v>
      </c>
      <c r="G120379" s="16">
        <v>0.41344169220111576</v>
      </c>
    </row>
    <row r="120380" spans="1:7" x14ac:dyDescent="0.3">
      <c r="A120380" s="13" t="s">
        <v>564</v>
      </c>
      <c r="B120380" s="14" t="s">
        <v>1</v>
      </c>
      <c r="C120380" s="14" t="s">
        <v>565</v>
      </c>
      <c r="D120380" s="14" t="s">
        <v>14</v>
      </c>
      <c r="E120380" s="15">
        <v>45671</v>
      </c>
      <c r="F120380" s="14" t="s">
        <v>15</v>
      </c>
      <c r="G120380" s="16">
        <v>0.40262748958296546</v>
      </c>
    </row>
    <row r="120381" spans="1:7" x14ac:dyDescent="0.3">
      <c r="A120381" s="13" t="s">
        <v>564</v>
      </c>
      <c r="B120381" s="14" t="s">
        <v>1</v>
      </c>
      <c r="C120381" s="14" t="s">
        <v>565</v>
      </c>
      <c r="D120381" s="14" t="s">
        <v>14</v>
      </c>
      <c r="E120381" s="15">
        <v>45672</v>
      </c>
      <c r="F120381" s="14" t="s">
        <v>15</v>
      </c>
      <c r="G120381" s="16">
        <v>0.39909593277173827</v>
      </c>
    </row>
    <row r="120382" spans="1:7" x14ac:dyDescent="0.3">
      <c r="A120382" s="13" t="s">
        <v>564</v>
      </c>
      <c r="B120382" s="14" t="s">
        <v>1</v>
      </c>
      <c r="C120382" s="14" t="s">
        <v>565</v>
      </c>
      <c r="D120382" s="14" t="s">
        <v>14</v>
      </c>
      <c r="E120382" s="15">
        <v>45673</v>
      </c>
      <c r="F120382" s="14" t="s">
        <v>15</v>
      </c>
      <c r="G120382" s="16">
        <v>0.39553101336330154</v>
      </c>
    </row>
    <row r="120383" spans="1:7" x14ac:dyDescent="0.3">
      <c r="A120383" s="13" t="s">
        <v>564</v>
      </c>
      <c r="B120383" s="14" t="s">
        <v>1</v>
      </c>
      <c r="C120383" s="14" t="s">
        <v>565</v>
      </c>
      <c r="D120383" s="14" t="s">
        <v>14</v>
      </c>
      <c r="E120383" s="15">
        <v>45674</v>
      </c>
      <c r="F120383" s="14" t="s">
        <v>15</v>
      </c>
      <c r="G120383" s="16">
        <v>0.39196782503302191</v>
      </c>
    </row>
    <row r="120384" spans="1:7" x14ac:dyDescent="0.3">
      <c r="A120384" s="13" t="s">
        <v>564</v>
      </c>
      <c r="B120384" s="14" t="s">
        <v>1</v>
      </c>
      <c r="C120384" s="14" t="s">
        <v>565</v>
      </c>
      <c r="D120384" s="14" t="s">
        <v>14</v>
      </c>
      <c r="E120384" s="15">
        <v>45675</v>
      </c>
      <c r="F120384" s="14" t="s">
        <v>15</v>
      </c>
      <c r="G120384" s="16">
        <v>0.39196782503302191</v>
      </c>
    </row>
    <row r="120385" spans="1:7" x14ac:dyDescent="0.3">
      <c r="A120385" s="13" t="s">
        <v>564</v>
      </c>
      <c r="B120385" s="14" t="s">
        <v>1</v>
      </c>
      <c r="C120385" s="14" t="s">
        <v>565</v>
      </c>
      <c r="D120385" s="14" t="s">
        <v>14</v>
      </c>
      <c r="E120385" s="15">
        <v>45676</v>
      </c>
      <c r="F120385" s="14" t="s">
        <v>15</v>
      </c>
      <c r="G120385" s="16">
        <v>0.39196782503302191</v>
      </c>
    </row>
    <row r="120386" spans="1:7" x14ac:dyDescent="0.3">
      <c r="A120386" s="13" t="s">
        <v>564</v>
      </c>
      <c r="B120386" s="14" t="s">
        <v>1</v>
      </c>
      <c r="C120386" s="14" t="s">
        <v>565</v>
      </c>
      <c r="D120386" s="14" t="s">
        <v>14</v>
      </c>
      <c r="E120386" s="15">
        <v>45677</v>
      </c>
      <c r="F120386" s="14" t="s">
        <v>15</v>
      </c>
      <c r="G120386" s="16">
        <v>0.38835522228989405</v>
      </c>
    </row>
    <row r="120387" spans="1:7" x14ac:dyDescent="0.3">
      <c r="A120387" s="13" t="s">
        <v>564</v>
      </c>
      <c r="B120387" s="14" t="s">
        <v>1</v>
      </c>
      <c r="C120387" s="14" t="s">
        <v>565</v>
      </c>
      <c r="D120387" s="14" t="s">
        <v>14</v>
      </c>
      <c r="E120387" s="15">
        <v>45678</v>
      </c>
      <c r="F120387" s="14" t="s">
        <v>15</v>
      </c>
      <c r="G120387" s="16">
        <v>0.37752732841722852</v>
      </c>
    </row>
    <row r="120388" spans="1:7" x14ac:dyDescent="0.3">
      <c r="A120388" s="13" t="s">
        <v>564</v>
      </c>
      <c r="B120388" s="14" t="s">
        <v>1</v>
      </c>
      <c r="C120388" s="14" t="s">
        <v>565</v>
      </c>
      <c r="D120388" s="14" t="s">
        <v>14</v>
      </c>
      <c r="E120388" s="15">
        <v>45679</v>
      </c>
      <c r="F120388" s="14" t="s">
        <v>15</v>
      </c>
      <c r="G120388" s="16">
        <v>0.37408783348981078</v>
      </c>
    </row>
    <row r="120389" spans="1:7" x14ac:dyDescent="0.3">
      <c r="A120389" s="13" t="s">
        <v>564</v>
      </c>
      <c r="B120389" s="14" t="s">
        <v>1</v>
      </c>
      <c r="C120389" s="14" t="s">
        <v>565</v>
      </c>
      <c r="D120389" s="14" t="s">
        <v>14</v>
      </c>
      <c r="E120389" s="15">
        <v>45680</v>
      </c>
      <c r="F120389" s="14" t="s">
        <v>15</v>
      </c>
      <c r="G120389" s="16">
        <v>0.3704338422416541</v>
      </c>
    </row>
    <row r="120390" spans="1:7" x14ac:dyDescent="0.3">
      <c r="A120390" s="13" t="s">
        <v>564</v>
      </c>
      <c r="B120390" s="14" t="s">
        <v>1</v>
      </c>
      <c r="C120390" s="14" t="s">
        <v>565</v>
      </c>
      <c r="D120390" s="14" t="s">
        <v>14</v>
      </c>
      <c r="E120390" s="15">
        <v>45681</v>
      </c>
      <c r="F120390" s="14" t="s">
        <v>15</v>
      </c>
      <c r="G120390" s="16">
        <v>0.36678567371093496</v>
      </c>
    </row>
    <row r="120391" spans="1:7" x14ac:dyDescent="0.3">
      <c r="A120391" s="13" t="s">
        <v>564</v>
      </c>
      <c r="B120391" s="14" t="s">
        <v>1</v>
      </c>
      <c r="C120391" s="14" t="s">
        <v>565</v>
      </c>
      <c r="D120391" s="14" t="s">
        <v>14</v>
      </c>
      <c r="E120391" s="15">
        <v>45682</v>
      </c>
      <c r="F120391" s="14" t="s">
        <v>15</v>
      </c>
      <c r="G120391" s="16">
        <v>0.36678567371093496</v>
      </c>
    </row>
    <row r="120392" spans="1:7" x14ac:dyDescent="0.3">
      <c r="A120392" s="13" t="s">
        <v>564</v>
      </c>
      <c r="B120392" s="14" t="s">
        <v>1</v>
      </c>
      <c r="C120392" s="14" t="s">
        <v>565</v>
      </c>
      <c r="D120392" s="14" t="s">
        <v>14</v>
      </c>
      <c r="E120392" s="15">
        <v>45683</v>
      </c>
      <c r="F120392" s="14" t="s">
        <v>15</v>
      </c>
      <c r="G120392" s="16">
        <v>0.36678567371093496</v>
      </c>
    </row>
    <row r="120393" spans="1:7" x14ac:dyDescent="0.3">
      <c r="A120393" s="13" t="s">
        <v>564</v>
      </c>
      <c r="B120393" s="14" t="s">
        <v>1</v>
      </c>
      <c r="C120393" s="14" t="s">
        <v>565</v>
      </c>
      <c r="D120393" s="14" t="s">
        <v>14</v>
      </c>
      <c r="E120393" s="15">
        <v>45684</v>
      </c>
      <c r="F120393" s="14" t="s">
        <v>15</v>
      </c>
      <c r="G120393" s="16">
        <v>0.36720081772715607</v>
      </c>
    </row>
    <row r="120394" spans="1:7" x14ac:dyDescent="0.3">
      <c r="A120394" s="13" t="s">
        <v>564</v>
      </c>
      <c r="B120394" s="14" t="s">
        <v>1</v>
      </c>
      <c r="C120394" s="14" t="s">
        <v>565</v>
      </c>
      <c r="D120394" s="14" t="s">
        <v>14</v>
      </c>
      <c r="E120394" s="15">
        <v>45685</v>
      </c>
      <c r="F120394" s="14" t="s">
        <v>15</v>
      </c>
      <c r="G120394" s="16">
        <v>0.36720081772715607</v>
      </c>
    </row>
    <row r="120395" spans="1:7" x14ac:dyDescent="0.3">
      <c r="A120395" s="13" t="s">
        <v>564</v>
      </c>
      <c r="B120395" s="14" t="s">
        <v>1</v>
      </c>
      <c r="C120395" s="14" t="s">
        <v>565</v>
      </c>
      <c r="D120395" s="14" t="s">
        <v>14</v>
      </c>
      <c r="E120395" s="15">
        <v>45686</v>
      </c>
      <c r="F120395" s="14" t="s">
        <v>15</v>
      </c>
      <c r="G120395" s="16">
        <v>0.36720081772715607</v>
      </c>
    </row>
    <row r="120396" spans="1:7" x14ac:dyDescent="0.3">
      <c r="A120396" s="13" t="s">
        <v>564</v>
      </c>
      <c r="B120396" s="14" t="s">
        <v>1</v>
      </c>
      <c r="C120396" s="14" t="s">
        <v>565</v>
      </c>
      <c r="D120396" s="14" t="s">
        <v>14</v>
      </c>
      <c r="E120396" s="15">
        <v>45687</v>
      </c>
      <c r="F120396" s="14" t="s">
        <v>15</v>
      </c>
      <c r="G120396" s="16">
        <v>0.36720081772715607</v>
      </c>
    </row>
    <row r="120397" spans="1:7" x14ac:dyDescent="0.3">
      <c r="A120397" s="13" t="s">
        <v>564</v>
      </c>
      <c r="B120397" s="14" t="s">
        <v>1</v>
      </c>
      <c r="C120397" s="14" t="s">
        <v>565</v>
      </c>
      <c r="D120397" s="14" t="s">
        <v>14</v>
      </c>
      <c r="E120397" s="15">
        <v>45688</v>
      </c>
      <c r="F120397" s="14" t="s">
        <v>15</v>
      </c>
      <c r="G120397" s="16">
        <v>0.36720081772715607</v>
      </c>
    </row>
    <row r="120398" spans="1:7" x14ac:dyDescent="0.3">
      <c r="A120398" s="13" t="s">
        <v>564</v>
      </c>
      <c r="B120398" s="14" t="s">
        <v>1</v>
      </c>
      <c r="C120398" s="14" t="s">
        <v>565</v>
      </c>
      <c r="D120398" s="14" t="s">
        <v>14</v>
      </c>
      <c r="E120398" s="15">
        <v>45689</v>
      </c>
      <c r="F120398" s="14" t="s">
        <v>15</v>
      </c>
      <c r="G120398" s="16">
        <v>0.36720081772715607</v>
      </c>
    </row>
    <row r="120399" spans="1:7" x14ac:dyDescent="0.3">
      <c r="A120399" s="13" t="s">
        <v>564</v>
      </c>
      <c r="B120399" s="14" t="s">
        <v>1</v>
      </c>
      <c r="C120399" s="14" t="s">
        <v>565</v>
      </c>
      <c r="D120399" s="14" t="s">
        <v>14</v>
      </c>
      <c r="E120399" s="15">
        <v>45690</v>
      </c>
      <c r="F120399" s="14" t="s">
        <v>15</v>
      </c>
      <c r="G120399" s="16">
        <v>0.36720081772715607</v>
      </c>
    </row>
    <row r="120400" spans="1:7" x14ac:dyDescent="0.3">
      <c r="A120400" s="13" t="s">
        <v>564</v>
      </c>
      <c r="B120400" s="14" t="s">
        <v>1</v>
      </c>
      <c r="C120400" s="14" t="s">
        <v>565</v>
      </c>
      <c r="D120400" s="14" t="s">
        <v>14</v>
      </c>
      <c r="E120400" s="15">
        <v>45691</v>
      </c>
      <c r="F120400" s="14" t="s">
        <v>15</v>
      </c>
      <c r="G120400" s="16">
        <v>0.36720081772715607</v>
      </c>
    </row>
    <row r="120401" spans="1:7" x14ac:dyDescent="0.3">
      <c r="A120401" s="13" t="s">
        <v>564</v>
      </c>
      <c r="B120401" s="14" t="s">
        <v>1</v>
      </c>
      <c r="C120401" s="14" t="s">
        <v>565</v>
      </c>
      <c r="D120401" s="14" t="s">
        <v>14</v>
      </c>
      <c r="E120401" s="15">
        <v>45692</v>
      </c>
      <c r="F120401" s="14" t="s">
        <v>15</v>
      </c>
      <c r="G120401" s="16">
        <v>0.36720081772715607</v>
      </c>
    </row>
    <row r="120402" spans="1:7" x14ac:dyDescent="0.3">
      <c r="A120402" s="13" t="s">
        <v>564</v>
      </c>
      <c r="B120402" s="14" t="s">
        <v>1</v>
      </c>
      <c r="C120402" s="14" t="s">
        <v>565</v>
      </c>
      <c r="D120402" s="14" t="s">
        <v>14</v>
      </c>
      <c r="E120402" s="15">
        <v>45693</v>
      </c>
      <c r="F120402" s="14" t="s">
        <v>15</v>
      </c>
      <c r="G120402" s="16">
        <v>0.35620516664399332</v>
      </c>
    </row>
    <row r="120403" spans="1:7" x14ac:dyDescent="0.3">
      <c r="A120403" s="13" t="s">
        <v>564</v>
      </c>
      <c r="B120403" s="14" t="s">
        <v>1</v>
      </c>
      <c r="C120403" s="14" t="s">
        <v>565</v>
      </c>
      <c r="D120403" s="14" t="s">
        <v>14</v>
      </c>
      <c r="E120403" s="15">
        <v>45694</v>
      </c>
      <c r="F120403" s="14" t="s">
        <v>15</v>
      </c>
      <c r="G120403" s="16">
        <v>0.32427322684588722</v>
      </c>
    </row>
    <row r="120404" spans="1:7" x14ac:dyDescent="0.3">
      <c r="A120404" s="13" t="s">
        <v>564</v>
      </c>
      <c r="B120404" s="14" t="s">
        <v>1</v>
      </c>
      <c r="C120404" s="14" t="s">
        <v>565</v>
      </c>
      <c r="D120404" s="14" t="s">
        <v>14</v>
      </c>
      <c r="E120404" s="15">
        <v>45695</v>
      </c>
      <c r="F120404" s="14" t="s">
        <v>15</v>
      </c>
      <c r="G120404" s="16">
        <v>0.32058618774200404</v>
      </c>
    </row>
    <row r="120405" spans="1:7" x14ac:dyDescent="0.3">
      <c r="A120405" s="13" t="s">
        <v>564</v>
      </c>
      <c r="B120405" s="14" t="s">
        <v>1</v>
      </c>
      <c r="C120405" s="14" t="s">
        <v>565</v>
      </c>
      <c r="D120405" s="14" t="s">
        <v>14</v>
      </c>
      <c r="E120405" s="15">
        <v>45696</v>
      </c>
      <c r="F120405" s="14" t="s">
        <v>15</v>
      </c>
      <c r="G120405" s="16">
        <v>0.32058618774200404</v>
      </c>
    </row>
    <row r="120406" spans="1:7" x14ac:dyDescent="0.3">
      <c r="A120406" s="13" t="s">
        <v>564</v>
      </c>
      <c r="B120406" s="14" t="s">
        <v>1</v>
      </c>
      <c r="C120406" s="14" t="s">
        <v>565</v>
      </c>
      <c r="D120406" s="14" t="s">
        <v>14</v>
      </c>
      <c r="E120406" s="15">
        <v>45697</v>
      </c>
      <c r="F120406" s="14" t="s">
        <v>15</v>
      </c>
      <c r="G120406" s="16">
        <v>0.32058618774200404</v>
      </c>
    </row>
    <row r="120407" spans="1:7" x14ac:dyDescent="0.3">
      <c r="A120407" s="13" t="s">
        <v>564</v>
      </c>
      <c r="B120407" s="14" t="s">
        <v>1</v>
      </c>
      <c r="C120407" s="14" t="s">
        <v>565</v>
      </c>
      <c r="D120407" s="14" t="s">
        <v>14</v>
      </c>
      <c r="E120407" s="15">
        <v>45698</v>
      </c>
      <c r="F120407" s="14" t="s">
        <v>15</v>
      </c>
      <c r="G120407" s="16">
        <v>0.32433869307437396</v>
      </c>
    </row>
    <row r="120408" spans="1:7" x14ac:dyDescent="0.3">
      <c r="A120408" s="13" t="s">
        <v>564</v>
      </c>
      <c r="B120408" s="14" t="s">
        <v>1</v>
      </c>
      <c r="C120408" s="14" t="s">
        <v>565</v>
      </c>
      <c r="D120408" s="14" t="s">
        <v>14</v>
      </c>
      <c r="E120408" s="15">
        <v>45699</v>
      </c>
      <c r="F120408" s="14" t="s">
        <v>15</v>
      </c>
      <c r="G120408" s="16">
        <v>0.31312602773860737</v>
      </c>
    </row>
    <row r="120409" spans="1:7" x14ac:dyDescent="0.3">
      <c r="A120409" s="13" t="s">
        <v>564</v>
      </c>
      <c r="B120409" s="14" t="s">
        <v>1</v>
      </c>
      <c r="C120409" s="14" t="s">
        <v>565</v>
      </c>
      <c r="D120409" s="14" t="s">
        <v>14</v>
      </c>
      <c r="E120409" s="15">
        <v>45700</v>
      </c>
      <c r="F120409" s="14" t="s">
        <v>15</v>
      </c>
      <c r="G120409" s="16">
        <v>0.30940153439823426</v>
      </c>
    </row>
    <row r="120410" spans="1:7" x14ac:dyDescent="0.3">
      <c r="A120410" s="13" t="s">
        <v>564</v>
      </c>
      <c r="B120410" s="14" t="s">
        <v>1</v>
      </c>
      <c r="C120410" s="14" t="s">
        <v>565</v>
      </c>
      <c r="D120410" s="14" t="s">
        <v>14</v>
      </c>
      <c r="E120410" s="15">
        <v>45701</v>
      </c>
      <c r="F120410" s="14" t="s">
        <v>15</v>
      </c>
      <c r="G120410" s="16">
        <v>0.30567782791156889</v>
      </c>
    </row>
    <row r="120411" spans="1:7" x14ac:dyDescent="0.3">
      <c r="A120411" s="13" t="s">
        <v>564</v>
      </c>
      <c r="B120411" s="14" t="s">
        <v>1</v>
      </c>
      <c r="C120411" s="14" t="s">
        <v>565</v>
      </c>
      <c r="D120411" s="14" t="s">
        <v>14</v>
      </c>
      <c r="E120411" s="15">
        <v>45702</v>
      </c>
      <c r="F120411" s="14" t="s">
        <v>15</v>
      </c>
      <c r="G120411" s="16">
        <v>0.30192233253510947</v>
      </c>
    </row>
    <row r="120412" spans="1:7" x14ac:dyDescent="0.3">
      <c r="A120412" s="13" t="s">
        <v>564</v>
      </c>
      <c r="B120412" s="14" t="s">
        <v>1</v>
      </c>
      <c r="C120412" s="14" t="s">
        <v>565</v>
      </c>
      <c r="D120412" s="14" t="s">
        <v>14</v>
      </c>
      <c r="E120412" s="15">
        <v>45703</v>
      </c>
      <c r="F120412" s="14" t="s">
        <v>15</v>
      </c>
      <c r="G120412" s="16">
        <v>0.30192233253510947</v>
      </c>
    </row>
    <row r="120413" spans="1:7" x14ac:dyDescent="0.3">
      <c r="A120413" s="13" t="s">
        <v>564</v>
      </c>
      <c r="B120413" s="14" t="s">
        <v>1</v>
      </c>
      <c r="C120413" s="14" t="s">
        <v>565</v>
      </c>
      <c r="D120413" s="14" t="s">
        <v>14</v>
      </c>
      <c r="E120413" s="15">
        <v>45704</v>
      </c>
      <c r="F120413" s="14" t="s">
        <v>15</v>
      </c>
      <c r="G120413" s="16">
        <v>0.30192233253510947</v>
      </c>
    </row>
    <row r="120414" spans="1:7" x14ac:dyDescent="0.3">
      <c r="A120414" s="13" t="s">
        <v>564</v>
      </c>
      <c r="B120414" s="14" t="s">
        <v>1</v>
      </c>
      <c r="C120414" s="14" t="s">
        <v>565</v>
      </c>
      <c r="D120414" s="14" t="s">
        <v>14</v>
      </c>
      <c r="E120414" s="15">
        <v>45705</v>
      </c>
      <c r="F120414" s="14" t="s">
        <v>15</v>
      </c>
      <c r="G120414" s="16">
        <v>0.29816211603640341</v>
      </c>
    </row>
    <row r="120415" spans="1:7" x14ac:dyDescent="0.3">
      <c r="A120415" s="13" t="s">
        <v>564</v>
      </c>
      <c r="B120415" s="14" t="s">
        <v>1</v>
      </c>
      <c r="C120415" s="14" t="s">
        <v>565</v>
      </c>
      <c r="D120415" s="14" t="s">
        <v>14</v>
      </c>
      <c r="E120415" s="15">
        <v>45706</v>
      </c>
      <c r="F120415" s="14" t="s">
        <v>15</v>
      </c>
      <c r="G120415" s="16">
        <v>0.28674235080475097</v>
      </c>
    </row>
    <row r="120416" spans="1:7" x14ac:dyDescent="0.3">
      <c r="A120416" s="13" t="s">
        <v>564</v>
      </c>
      <c r="B120416" s="14" t="s">
        <v>1</v>
      </c>
      <c r="C120416" s="14" t="s">
        <v>565</v>
      </c>
      <c r="D120416" s="14" t="s">
        <v>14</v>
      </c>
      <c r="E120416" s="15">
        <v>45707</v>
      </c>
      <c r="F120416" s="14" t="s">
        <v>15</v>
      </c>
      <c r="G120416" s="16">
        <v>0.2828990425545041</v>
      </c>
    </row>
    <row r="120417" spans="1:7" x14ac:dyDescent="0.3">
      <c r="A120417" s="13" t="s">
        <v>564</v>
      </c>
      <c r="B120417" s="14" t="s">
        <v>1</v>
      </c>
      <c r="C120417" s="14" t="s">
        <v>565</v>
      </c>
      <c r="D120417" s="14" t="s">
        <v>14</v>
      </c>
      <c r="E120417" s="15">
        <v>45708</v>
      </c>
      <c r="F120417" s="14" t="s">
        <v>15</v>
      </c>
      <c r="G120417" s="16">
        <v>0.27903858089342776</v>
      </c>
    </row>
    <row r="120418" spans="1:7" x14ac:dyDescent="0.3">
      <c r="A120418" s="13" t="s">
        <v>564</v>
      </c>
      <c r="B120418" s="14" t="s">
        <v>1</v>
      </c>
      <c r="C120418" s="14" t="s">
        <v>565</v>
      </c>
      <c r="D120418" s="14" t="s">
        <v>14</v>
      </c>
      <c r="E120418" s="15">
        <v>45709</v>
      </c>
      <c r="F120418" s="14" t="s">
        <v>15</v>
      </c>
      <c r="G120418" s="16">
        <v>0.27517224509939348</v>
      </c>
    </row>
    <row r="120419" spans="1:7" x14ac:dyDescent="0.3">
      <c r="A120419" s="13" t="s">
        <v>564</v>
      </c>
      <c r="B120419" s="14" t="s">
        <v>1</v>
      </c>
      <c r="C120419" s="14" t="s">
        <v>565</v>
      </c>
      <c r="D120419" s="14" t="s">
        <v>14</v>
      </c>
      <c r="E120419" s="15">
        <v>45710</v>
      </c>
      <c r="F120419" s="14" t="s">
        <v>15</v>
      </c>
      <c r="G120419" s="16">
        <v>0.27517224509939348</v>
      </c>
    </row>
    <row r="120420" spans="1:7" x14ac:dyDescent="0.3">
      <c r="A120420" s="13" t="s">
        <v>564</v>
      </c>
      <c r="B120420" s="14" t="s">
        <v>1</v>
      </c>
      <c r="C120420" s="14" t="s">
        <v>565</v>
      </c>
      <c r="D120420" s="14" t="s">
        <v>14</v>
      </c>
      <c r="E120420" s="15">
        <v>45711</v>
      </c>
      <c r="F120420" s="14" t="s">
        <v>15</v>
      </c>
      <c r="G120420" s="16">
        <v>0.27517224509939348</v>
      </c>
    </row>
    <row r="120421" spans="1:7" x14ac:dyDescent="0.3">
      <c r="A120421" s="13" t="s">
        <v>564</v>
      </c>
      <c r="B120421" s="14" t="s">
        <v>1</v>
      </c>
      <c r="C120421" s="14" t="s">
        <v>565</v>
      </c>
      <c r="D120421" s="14" t="s">
        <v>14</v>
      </c>
      <c r="E120421" s="15">
        <v>45712</v>
      </c>
      <c r="F120421" s="14" t="s">
        <v>15</v>
      </c>
      <c r="G120421" s="16">
        <v>0.27133101025637185</v>
      </c>
    </row>
    <row r="120422" spans="1:7" x14ac:dyDescent="0.3">
      <c r="A120422" s="13" t="s">
        <v>564</v>
      </c>
      <c r="B120422" s="14" t="s">
        <v>1</v>
      </c>
      <c r="C120422" s="14" t="s">
        <v>565</v>
      </c>
      <c r="D120422" s="14" t="s">
        <v>14</v>
      </c>
      <c r="E120422" s="15">
        <v>45713</v>
      </c>
      <c r="F120422" s="14" t="s">
        <v>15</v>
      </c>
      <c r="G120422" s="16">
        <v>0.25961944326375302</v>
      </c>
    </row>
    <row r="120423" spans="1:7" x14ac:dyDescent="0.3">
      <c r="A120423" s="13" t="s">
        <v>564</v>
      </c>
      <c r="B120423" s="14" t="s">
        <v>1</v>
      </c>
      <c r="C120423" s="14" t="s">
        <v>565</v>
      </c>
      <c r="D120423" s="14" t="s">
        <v>14</v>
      </c>
      <c r="E120423" s="15">
        <v>45714</v>
      </c>
      <c r="F120423" s="14" t="s">
        <v>15</v>
      </c>
      <c r="G120423" s="16">
        <v>0.25575200239640372</v>
      </c>
    </row>
    <row r="120424" spans="1:7" x14ac:dyDescent="0.3">
      <c r="A120424" s="13" t="s">
        <v>564</v>
      </c>
      <c r="B120424" s="14" t="s">
        <v>1</v>
      </c>
      <c r="C120424" s="14" t="s">
        <v>565</v>
      </c>
      <c r="D120424" s="14" t="s">
        <v>14</v>
      </c>
      <c r="E120424" s="15">
        <v>45715</v>
      </c>
      <c r="F120424" s="14" t="s">
        <v>15</v>
      </c>
      <c r="G120424" s="16">
        <v>0.25236274253922669</v>
      </c>
    </row>
    <row r="120425" spans="1:7" x14ac:dyDescent="0.3">
      <c r="A120425" s="13" t="s">
        <v>564</v>
      </c>
      <c r="B120425" s="14" t="s">
        <v>1</v>
      </c>
      <c r="C120425" s="14" t="s">
        <v>565</v>
      </c>
      <c r="D120425" s="14" t="s">
        <v>14</v>
      </c>
      <c r="E120425" s="15">
        <v>45716</v>
      </c>
      <c r="F120425" s="14" t="s">
        <v>15</v>
      </c>
      <c r="G120425" s="16">
        <v>0.26273606574735209</v>
      </c>
    </row>
    <row r="120426" spans="1:7" x14ac:dyDescent="0.3">
      <c r="A120426" s="13" t="s">
        <v>564</v>
      </c>
      <c r="B120426" s="14" t="s">
        <v>1</v>
      </c>
      <c r="C120426" s="14" t="s">
        <v>565</v>
      </c>
      <c r="D120426" s="14" t="s">
        <v>14</v>
      </c>
      <c r="E120426" s="15">
        <v>45717</v>
      </c>
      <c r="F120426" s="14" t="s">
        <v>15</v>
      </c>
      <c r="G120426" s="16">
        <v>0.26273606574735209</v>
      </c>
    </row>
    <row r="120427" spans="1:7" x14ac:dyDescent="0.3">
      <c r="A120427" s="13" t="s">
        <v>564</v>
      </c>
      <c r="B120427" s="14" t="s">
        <v>1</v>
      </c>
      <c r="C120427" s="14" t="s">
        <v>565</v>
      </c>
      <c r="D120427" s="14" t="s">
        <v>14</v>
      </c>
      <c r="E120427" s="15">
        <v>45718</v>
      </c>
      <c r="F120427" s="14" t="s">
        <v>15</v>
      </c>
      <c r="G120427" s="16">
        <v>0.26273606574735209</v>
      </c>
    </row>
    <row r="120428" spans="1:7" x14ac:dyDescent="0.3">
      <c r="A120428" s="13" t="s">
        <v>564</v>
      </c>
      <c r="B120428" s="14" t="s">
        <v>1</v>
      </c>
      <c r="C120428" s="14" t="s">
        <v>565</v>
      </c>
      <c r="D120428" s="14" t="s">
        <v>14</v>
      </c>
      <c r="E120428" s="15">
        <v>45719</v>
      </c>
      <c r="F120428" s="14" t="s">
        <v>15</v>
      </c>
      <c r="G120428" s="16">
        <v>0.25888093855408445</v>
      </c>
    </row>
    <row r="120429" spans="1:7" x14ac:dyDescent="0.3">
      <c r="A120429" s="13" t="s">
        <v>564</v>
      </c>
      <c r="B120429" s="14" t="s">
        <v>1</v>
      </c>
      <c r="C120429" s="14" t="s">
        <v>565</v>
      </c>
      <c r="D120429" s="14" t="s">
        <v>14</v>
      </c>
      <c r="E120429" s="15">
        <v>45720</v>
      </c>
      <c r="F120429" s="14" t="s">
        <v>15</v>
      </c>
      <c r="G120429" s="16">
        <v>0.24757998523180508</v>
      </c>
    </row>
    <row r="120430" spans="1:7" x14ac:dyDescent="0.3">
      <c r="A120430" s="13" t="s">
        <v>564</v>
      </c>
      <c r="B120430" s="14" t="s">
        <v>1</v>
      </c>
      <c r="C120430" s="14" t="s">
        <v>565</v>
      </c>
      <c r="D120430" s="14" t="s">
        <v>14</v>
      </c>
      <c r="E120430" s="15">
        <v>45721</v>
      </c>
      <c r="F120430" s="14" t="s">
        <v>15</v>
      </c>
      <c r="G120430" s="16">
        <v>0.2438260511806703</v>
      </c>
    </row>
    <row r="120431" spans="1:7" x14ac:dyDescent="0.3">
      <c r="A120431" s="13" t="s">
        <v>564</v>
      </c>
      <c r="B120431" s="14" t="s">
        <v>1</v>
      </c>
      <c r="C120431" s="14" t="s">
        <v>565</v>
      </c>
      <c r="D120431" s="14" t="s">
        <v>14</v>
      </c>
      <c r="E120431" s="15">
        <v>45722</v>
      </c>
      <c r="F120431" s="14" t="s">
        <v>15</v>
      </c>
      <c r="G120431" s="16">
        <v>0.24077604883120549</v>
      </c>
    </row>
    <row r="120432" spans="1:7" x14ac:dyDescent="0.3">
      <c r="A120432" s="13" t="s">
        <v>564</v>
      </c>
      <c r="B120432" s="14" t="s">
        <v>1</v>
      </c>
      <c r="C120432" s="14" t="s">
        <v>565</v>
      </c>
      <c r="D120432" s="14" t="s">
        <v>14</v>
      </c>
      <c r="E120432" s="15">
        <v>45723</v>
      </c>
      <c r="F120432" s="14" t="s">
        <v>15</v>
      </c>
      <c r="G120432" s="16">
        <v>0.23697317581897684</v>
      </c>
    </row>
    <row r="120433" spans="1:7" x14ac:dyDescent="0.3">
      <c r="A120433" s="13" t="s">
        <v>564</v>
      </c>
      <c r="B120433" s="14" t="s">
        <v>1</v>
      </c>
      <c r="C120433" s="14" t="s">
        <v>565</v>
      </c>
      <c r="D120433" s="14" t="s">
        <v>14</v>
      </c>
      <c r="E120433" s="15">
        <v>45724</v>
      </c>
      <c r="F120433" s="14" t="s">
        <v>15</v>
      </c>
      <c r="G120433" s="16">
        <v>0.23697317581897684</v>
      </c>
    </row>
    <row r="120434" spans="1:7" x14ac:dyDescent="0.3">
      <c r="A120434" s="13" t="s">
        <v>564</v>
      </c>
      <c r="B120434" s="14" t="s">
        <v>1</v>
      </c>
      <c r="C120434" s="14" t="s">
        <v>565</v>
      </c>
      <c r="D120434" s="14" t="s">
        <v>14</v>
      </c>
      <c r="E120434" s="15">
        <v>45725</v>
      </c>
      <c r="F120434" s="14" t="s">
        <v>15</v>
      </c>
      <c r="G120434" s="16">
        <v>0.23697317581897684</v>
      </c>
    </row>
    <row r="120435" spans="1:7" x14ac:dyDescent="0.3">
      <c r="A120435" s="13" t="s">
        <v>564</v>
      </c>
      <c r="B120435" s="14" t="s">
        <v>1</v>
      </c>
      <c r="C120435" s="14" t="s">
        <v>565</v>
      </c>
      <c r="D120435" s="14" t="s">
        <v>14</v>
      </c>
      <c r="E120435" s="15">
        <v>45726</v>
      </c>
      <c r="F120435" s="14" t="s">
        <v>15</v>
      </c>
      <c r="G120435" s="16">
        <v>0.2402143558519407</v>
      </c>
    </row>
    <row r="120436" spans="1:7" x14ac:dyDescent="0.3">
      <c r="A120436" s="13" t="s">
        <v>564</v>
      </c>
      <c r="B120436" s="14" t="s">
        <v>1</v>
      </c>
      <c r="C120436" s="14" t="s">
        <v>565</v>
      </c>
      <c r="D120436" s="14" t="s">
        <v>14</v>
      </c>
      <c r="E120436" s="15">
        <v>45727</v>
      </c>
      <c r="F120436" s="14" t="s">
        <v>15</v>
      </c>
      <c r="G120436" s="16">
        <v>0.23174491609798434</v>
      </c>
    </row>
    <row r="120437" spans="1:7" x14ac:dyDescent="0.3">
      <c r="A120437" s="13" t="s">
        <v>564</v>
      </c>
      <c r="B120437" s="14" t="s">
        <v>1</v>
      </c>
      <c r="C120437" s="14" t="s">
        <v>565</v>
      </c>
      <c r="D120437" s="14" t="s">
        <v>14</v>
      </c>
      <c r="E120437" s="15">
        <v>45728</v>
      </c>
      <c r="F120437" s="14" t="s">
        <v>15</v>
      </c>
      <c r="G120437" s="16">
        <v>0.2279392014686599</v>
      </c>
    </row>
    <row r="120438" spans="1:7" x14ac:dyDescent="0.3">
      <c r="A120438" s="13" t="s">
        <v>564</v>
      </c>
      <c r="B120438" s="14" t="s">
        <v>1</v>
      </c>
      <c r="C120438" s="14" t="s">
        <v>565</v>
      </c>
      <c r="D120438" s="14" t="s">
        <v>14</v>
      </c>
      <c r="E120438" s="15">
        <v>45729</v>
      </c>
      <c r="F120438" s="14" t="s">
        <v>15</v>
      </c>
      <c r="G120438" s="16">
        <v>0.22416506036262188</v>
      </c>
    </row>
    <row r="120439" spans="1:7" x14ac:dyDescent="0.3">
      <c r="A120439" s="13" t="s">
        <v>564</v>
      </c>
      <c r="B120439" s="14" t="s">
        <v>1</v>
      </c>
      <c r="C120439" s="14" t="s">
        <v>565</v>
      </c>
      <c r="D120439" s="14" t="s">
        <v>14</v>
      </c>
      <c r="E120439" s="15">
        <v>45730</v>
      </c>
      <c r="F120439" s="14" t="s">
        <v>15</v>
      </c>
      <c r="G120439" s="16">
        <v>0.22037229087784485</v>
      </c>
    </row>
    <row r="120440" spans="1:7" x14ac:dyDescent="0.3">
      <c r="A120440" s="13" t="s">
        <v>564</v>
      </c>
      <c r="B120440" s="14" t="s">
        <v>1</v>
      </c>
      <c r="C120440" s="14" t="s">
        <v>565</v>
      </c>
      <c r="D120440" s="14" t="s">
        <v>14</v>
      </c>
      <c r="E120440" s="15">
        <v>45731</v>
      </c>
      <c r="F120440" s="14" t="s">
        <v>15</v>
      </c>
      <c r="G120440" s="16">
        <v>0.22037229087784485</v>
      </c>
    </row>
    <row r="120441" spans="1:7" x14ac:dyDescent="0.3">
      <c r="A120441" s="13" t="s">
        <v>564</v>
      </c>
      <c r="B120441" s="14" t="s">
        <v>1</v>
      </c>
      <c r="C120441" s="14" t="s">
        <v>565</v>
      </c>
      <c r="D120441" s="14" t="s">
        <v>14</v>
      </c>
      <c r="E120441" s="15">
        <v>45732</v>
      </c>
      <c r="F120441" s="14" t="s">
        <v>15</v>
      </c>
      <c r="G120441" s="16">
        <v>0.22037229087784485</v>
      </c>
    </row>
    <row r="120442" spans="1:7" x14ac:dyDescent="0.3">
      <c r="A120442" s="13" t="s">
        <v>564</v>
      </c>
      <c r="B120442" s="14" t="s">
        <v>1</v>
      </c>
      <c r="C120442" s="14" t="s">
        <v>565</v>
      </c>
      <c r="D120442" s="14" t="s">
        <v>14</v>
      </c>
      <c r="E120442" s="15">
        <v>45733</v>
      </c>
      <c r="F120442" s="14" t="s">
        <v>15</v>
      </c>
      <c r="G120442" s="16">
        <v>0.22037229087784485</v>
      </c>
    </row>
    <row r="120443" spans="1:7" x14ac:dyDescent="0.3">
      <c r="A120443" s="13" t="s">
        <v>564</v>
      </c>
      <c r="B120443" s="14" t="s">
        <v>1</v>
      </c>
      <c r="C120443" s="14" t="s">
        <v>565</v>
      </c>
      <c r="D120443" s="14" t="s">
        <v>14</v>
      </c>
      <c r="E120443" s="15">
        <v>45734</v>
      </c>
      <c r="F120443" s="14" t="s">
        <v>15</v>
      </c>
      <c r="G120443" s="16">
        <v>0.23054543794833457</v>
      </c>
    </row>
    <row r="120444" spans="1:7" x14ac:dyDescent="0.3">
      <c r="A120444" s="13" t="s">
        <v>564</v>
      </c>
      <c r="B120444" s="14" t="s">
        <v>1</v>
      </c>
      <c r="C120444" s="14" t="s">
        <v>565</v>
      </c>
      <c r="D120444" s="14" t="s">
        <v>14</v>
      </c>
      <c r="E120444" s="15">
        <v>45735</v>
      </c>
      <c r="F120444" s="14" t="s">
        <v>15</v>
      </c>
      <c r="G120444" s="16">
        <v>0.24298414318223885</v>
      </c>
    </row>
    <row r="120445" spans="1:7" x14ac:dyDescent="0.3">
      <c r="A120445" s="13" t="s">
        <v>564</v>
      </c>
      <c r="B120445" s="14" t="s">
        <v>1</v>
      </c>
      <c r="C120445" s="14" t="s">
        <v>565</v>
      </c>
      <c r="D120445" s="14" t="s">
        <v>14</v>
      </c>
      <c r="E120445" s="15">
        <v>45736</v>
      </c>
      <c r="F120445" s="14" t="s">
        <v>15</v>
      </c>
      <c r="G120445" s="16">
        <v>0.23911607084442379</v>
      </c>
    </row>
    <row r="120446" spans="1:7" x14ac:dyDescent="0.3">
      <c r="A120446" s="13" t="s">
        <v>564</v>
      </c>
      <c r="B120446" s="14" t="s">
        <v>1</v>
      </c>
      <c r="C120446" s="14" t="s">
        <v>565</v>
      </c>
      <c r="D120446" s="14" t="s">
        <v>14</v>
      </c>
      <c r="E120446" s="15">
        <v>45737</v>
      </c>
      <c r="F120446" s="14" t="s">
        <v>15</v>
      </c>
      <c r="G120446" s="16">
        <v>0.23525752453103962</v>
      </c>
    </row>
    <row r="120447" spans="1:7" x14ac:dyDescent="0.3">
      <c r="A120447" s="13" t="s">
        <v>564</v>
      </c>
      <c r="B120447" s="14" t="s">
        <v>1</v>
      </c>
      <c r="C120447" s="14" t="s">
        <v>565</v>
      </c>
      <c r="D120447" s="14" t="s">
        <v>14</v>
      </c>
      <c r="E120447" s="15">
        <v>45738</v>
      </c>
      <c r="F120447" s="14" t="s">
        <v>15</v>
      </c>
      <c r="G120447" s="16">
        <v>0.23525752453103962</v>
      </c>
    </row>
    <row r="120448" spans="1:7" x14ac:dyDescent="0.3">
      <c r="A120448" s="13" t="s">
        <v>564</v>
      </c>
      <c r="B120448" s="14" t="s">
        <v>1</v>
      </c>
      <c r="C120448" s="14" t="s">
        <v>565</v>
      </c>
      <c r="D120448" s="14" t="s">
        <v>14</v>
      </c>
      <c r="E120448" s="15">
        <v>45739</v>
      </c>
      <c r="F120448" s="14" t="s">
        <v>15</v>
      </c>
      <c r="G120448" s="16">
        <v>0.23525752453103962</v>
      </c>
    </row>
    <row r="120449" spans="1:7" x14ac:dyDescent="0.3">
      <c r="A120449" s="13" t="s">
        <v>564</v>
      </c>
      <c r="B120449" s="14" t="s">
        <v>1</v>
      </c>
      <c r="C120449" s="14" t="s">
        <v>565</v>
      </c>
      <c r="D120449" s="14" t="s">
        <v>14</v>
      </c>
      <c r="E120449" s="15">
        <v>45740</v>
      </c>
      <c r="F120449" s="14" t="s">
        <v>15</v>
      </c>
      <c r="G120449" s="16">
        <v>0.27884111510558546</v>
      </c>
    </row>
    <row r="120450" spans="1:7" x14ac:dyDescent="0.3">
      <c r="A120450" s="13" t="s">
        <v>564</v>
      </c>
      <c r="B120450" s="14" t="s">
        <v>1</v>
      </c>
      <c r="C120450" s="14" t="s">
        <v>565</v>
      </c>
      <c r="D120450" s="14" t="s">
        <v>14</v>
      </c>
      <c r="E120450" s="15">
        <v>45741</v>
      </c>
      <c r="F120450" s="14" t="s">
        <v>15</v>
      </c>
      <c r="G120450" s="16">
        <v>0.26739407472987198</v>
      </c>
    </row>
    <row r="120451" spans="1:7" x14ac:dyDescent="0.3">
      <c r="A120451" s="13" t="s">
        <v>564</v>
      </c>
      <c r="B120451" s="14" t="s">
        <v>1</v>
      </c>
      <c r="C120451" s="14" t="s">
        <v>565</v>
      </c>
      <c r="D120451" s="14" t="s">
        <v>14</v>
      </c>
      <c r="E120451" s="15">
        <v>45742</v>
      </c>
      <c r="F120451" s="14" t="s">
        <v>15</v>
      </c>
      <c r="G120451" s="16">
        <v>0.28713694915437843</v>
      </c>
    </row>
    <row r="120452" spans="1:7" x14ac:dyDescent="0.3">
      <c r="A120452" s="13" t="s">
        <v>564</v>
      </c>
      <c r="B120452" s="14" t="s">
        <v>1</v>
      </c>
      <c r="C120452" s="14" t="s">
        <v>565</v>
      </c>
      <c r="D120452" s="14" t="s">
        <v>14</v>
      </c>
      <c r="E120452" s="15">
        <v>45743</v>
      </c>
      <c r="F120452" s="14" t="s">
        <v>15</v>
      </c>
      <c r="G120452" s="16">
        <v>0.28354709264274969</v>
      </c>
    </row>
    <row r="120453" spans="1:7" x14ac:dyDescent="0.3">
      <c r="A120453" s="13" t="s">
        <v>564</v>
      </c>
      <c r="B120453" s="14" t="s">
        <v>1</v>
      </c>
      <c r="C120453" s="14" t="s">
        <v>565</v>
      </c>
      <c r="D120453" s="14" t="s">
        <v>14</v>
      </c>
      <c r="E120453" s="15">
        <v>45744</v>
      </c>
      <c r="F120453" s="14" t="s">
        <v>15</v>
      </c>
      <c r="G120453" s="16">
        <v>0.32927802523261651</v>
      </c>
    </row>
    <row r="120454" spans="1:7" x14ac:dyDescent="0.3">
      <c r="A120454" s="13" t="s">
        <v>564</v>
      </c>
      <c r="B120454" s="14" t="s">
        <v>1</v>
      </c>
      <c r="C120454" s="14" t="s">
        <v>565</v>
      </c>
      <c r="D120454" s="14" t="s">
        <v>14</v>
      </c>
      <c r="E120454" s="15">
        <v>45745</v>
      </c>
      <c r="F120454" s="14" t="s">
        <v>15</v>
      </c>
      <c r="G120454" s="16">
        <v>0.32927802523261651</v>
      </c>
    </row>
    <row r="120455" spans="1:7" x14ac:dyDescent="0.3">
      <c r="A120455" s="13" t="s">
        <v>564</v>
      </c>
      <c r="B120455" s="14" t="s">
        <v>1</v>
      </c>
      <c r="C120455" s="14" t="s">
        <v>565</v>
      </c>
      <c r="D120455" s="14" t="s">
        <v>14</v>
      </c>
      <c r="E120455" s="15">
        <v>45746</v>
      </c>
      <c r="F120455" s="14" t="s">
        <v>15</v>
      </c>
      <c r="G120455" s="16">
        <v>0.32927802523261651</v>
      </c>
    </row>
    <row r="120456" spans="1:7" x14ac:dyDescent="0.3">
      <c r="A120456" s="13" t="s">
        <v>564</v>
      </c>
      <c r="B120456" s="14" t="s">
        <v>1</v>
      </c>
      <c r="C120456" s="14" t="s">
        <v>565</v>
      </c>
      <c r="D120456" s="14" t="s">
        <v>14</v>
      </c>
      <c r="E120456" s="15">
        <v>45747</v>
      </c>
      <c r="F120456" s="14" t="s">
        <v>15</v>
      </c>
      <c r="G120456" s="16">
        <v>0.32927802523261651</v>
      </c>
    </row>
    <row r="120457" spans="1:7" x14ac:dyDescent="0.3">
      <c r="A120457" s="13" t="s">
        <v>566</v>
      </c>
      <c r="B120457" s="14" t="s">
        <v>1</v>
      </c>
      <c r="C120457" s="14" t="s">
        <v>565</v>
      </c>
      <c r="D120457" s="14" t="s">
        <v>122</v>
      </c>
      <c r="E120457" s="15">
        <v>45383</v>
      </c>
      <c r="F120457" s="14" t="s">
        <v>15</v>
      </c>
      <c r="G120457" s="16">
        <v>0</v>
      </c>
    </row>
    <row r="120458" spans="1:7" x14ac:dyDescent="0.3">
      <c r="A120458" s="13" t="s">
        <v>566</v>
      </c>
      <c r="B120458" s="14" t="s">
        <v>1</v>
      </c>
      <c r="C120458" s="14" t="s">
        <v>565</v>
      </c>
      <c r="D120458" s="14" t="s">
        <v>122</v>
      </c>
      <c r="E120458" s="15">
        <v>45384</v>
      </c>
      <c r="F120458" s="14" t="s">
        <v>15</v>
      </c>
      <c r="G120458" s="16">
        <v>0</v>
      </c>
    </row>
    <row r="120459" spans="1:7" x14ac:dyDescent="0.3">
      <c r="A120459" s="13" t="s">
        <v>566</v>
      </c>
      <c r="B120459" s="14" t="s">
        <v>1</v>
      </c>
      <c r="C120459" s="14" t="s">
        <v>565</v>
      </c>
      <c r="D120459" s="14" t="s">
        <v>122</v>
      </c>
      <c r="E120459" s="15">
        <v>45385</v>
      </c>
      <c r="F120459" s="14" t="s">
        <v>15</v>
      </c>
      <c r="G120459" s="16">
        <v>0</v>
      </c>
    </row>
    <row r="120460" spans="1:7" x14ac:dyDescent="0.3">
      <c r="A120460" s="13" t="s">
        <v>566</v>
      </c>
      <c r="B120460" s="14" t="s">
        <v>1</v>
      </c>
      <c r="C120460" s="14" t="s">
        <v>565</v>
      </c>
      <c r="D120460" s="14" t="s">
        <v>122</v>
      </c>
      <c r="E120460" s="15">
        <v>45386</v>
      </c>
      <c r="F120460" s="14" t="s">
        <v>15</v>
      </c>
      <c r="G120460" s="16">
        <v>0</v>
      </c>
    </row>
    <row r="120461" spans="1:7" x14ac:dyDescent="0.3">
      <c r="A120461" s="13" t="s">
        <v>566</v>
      </c>
      <c r="B120461" s="14" t="s">
        <v>1</v>
      </c>
      <c r="C120461" s="14" t="s">
        <v>565</v>
      </c>
      <c r="D120461" s="14" t="s">
        <v>122</v>
      </c>
      <c r="E120461" s="15">
        <v>45387</v>
      </c>
      <c r="F120461" s="14" t="s">
        <v>15</v>
      </c>
      <c r="G120461" s="16">
        <v>0</v>
      </c>
    </row>
    <row r="120462" spans="1:7" x14ac:dyDescent="0.3">
      <c r="A120462" s="13" t="s">
        <v>566</v>
      </c>
      <c r="B120462" s="14" t="s">
        <v>1</v>
      </c>
      <c r="C120462" s="14" t="s">
        <v>565</v>
      </c>
      <c r="D120462" s="14" t="s">
        <v>122</v>
      </c>
      <c r="E120462" s="15">
        <v>45388</v>
      </c>
      <c r="F120462" s="14" t="s">
        <v>15</v>
      </c>
      <c r="G120462" s="16">
        <v>0</v>
      </c>
    </row>
    <row r="120463" spans="1:7" x14ac:dyDescent="0.3">
      <c r="A120463" s="13" t="s">
        <v>566</v>
      </c>
      <c r="B120463" s="14" t="s">
        <v>1</v>
      </c>
      <c r="C120463" s="14" t="s">
        <v>565</v>
      </c>
      <c r="D120463" s="14" t="s">
        <v>122</v>
      </c>
      <c r="E120463" s="15">
        <v>45389</v>
      </c>
      <c r="F120463" s="14" t="s">
        <v>15</v>
      </c>
      <c r="G120463" s="16">
        <v>0</v>
      </c>
    </row>
    <row r="120464" spans="1:7" x14ac:dyDescent="0.3">
      <c r="A120464" s="13" t="s">
        <v>566</v>
      </c>
      <c r="B120464" s="14" t="s">
        <v>1</v>
      </c>
      <c r="C120464" s="14" t="s">
        <v>565</v>
      </c>
      <c r="D120464" s="14" t="s">
        <v>122</v>
      </c>
      <c r="E120464" s="15">
        <v>45390</v>
      </c>
      <c r="F120464" s="14" t="s">
        <v>15</v>
      </c>
      <c r="G120464" s="16">
        <v>0</v>
      </c>
    </row>
    <row r="120465" spans="1:7" x14ac:dyDescent="0.3">
      <c r="A120465" s="13" t="s">
        <v>566</v>
      </c>
      <c r="B120465" s="14" t="s">
        <v>1</v>
      </c>
      <c r="C120465" s="14" t="s">
        <v>565</v>
      </c>
      <c r="D120465" s="14" t="s">
        <v>122</v>
      </c>
      <c r="E120465" s="15">
        <v>45391</v>
      </c>
      <c r="F120465" s="14" t="s">
        <v>15</v>
      </c>
      <c r="G120465" s="16">
        <v>2.4279753158977374E-2</v>
      </c>
    </row>
    <row r="120466" spans="1:7" x14ac:dyDescent="0.3">
      <c r="A120466" s="13" t="s">
        <v>566</v>
      </c>
      <c r="B120466" s="14" t="s">
        <v>1</v>
      </c>
      <c r="C120466" s="14" t="s">
        <v>565</v>
      </c>
      <c r="D120466" s="14" t="s">
        <v>122</v>
      </c>
      <c r="E120466" s="15">
        <v>45392</v>
      </c>
      <c r="F120466" s="14" t="s">
        <v>15</v>
      </c>
      <c r="G120466" s="16">
        <v>2.0933881868939169E-2</v>
      </c>
    </row>
    <row r="120467" spans="1:7" x14ac:dyDescent="0.3">
      <c r="A120467" s="13" t="s">
        <v>566</v>
      </c>
      <c r="B120467" s="14" t="s">
        <v>1</v>
      </c>
      <c r="C120467" s="14" t="s">
        <v>565</v>
      </c>
      <c r="D120467" s="14" t="s">
        <v>122</v>
      </c>
      <c r="E120467" s="15">
        <v>45393</v>
      </c>
      <c r="F120467" s="14" t="s">
        <v>15</v>
      </c>
      <c r="G120467" s="16">
        <v>1.7572729944166907E-2</v>
      </c>
    </row>
    <row r="120468" spans="1:7" x14ac:dyDescent="0.3">
      <c r="A120468" s="13" t="s">
        <v>566</v>
      </c>
      <c r="B120468" s="14" t="s">
        <v>1</v>
      </c>
      <c r="C120468" s="14" t="s">
        <v>565</v>
      </c>
      <c r="D120468" s="14" t="s">
        <v>122</v>
      </c>
      <c r="E120468" s="15">
        <v>45394</v>
      </c>
      <c r="F120468" s="14" t="s">
        <v>15</v>
      </c>
      <c r="G120468" s="16">
        <v>1.7770790478989117E-2</v>
      </c>
    </row>
    <row r="120469" spans="1:7" x14ac:dyDescent="0.3">
      <c r="A120469" s="13" t="s">
        <v>566</v>
      </c>
      <c r="B120469" s="14" t="s">
        <v>1</v>
      </c>
      <c r="C120469" s="14" t="s">
        <v>565</v>
      </c>
      <c r="D120469" s="14" t="s">
        <v>122</v>
      </c>
      <c r="E120469" s="15">
        <v>45395</v>
      </c>
      <c r="F120469" s="14" t="s">
        <v>15</v>
      </c>
      <c r="G120469" s="16">
        <v>1.7770790478989117E-2</v>
      </c>
    </row>
    <row r="120470" spans="1:7" x14ac:dyDescent="0.3">
      <c r="A120470" s="13" t="s">
        <v>566</v>
      </c>
      <c r="B120470" s="14" t="s">
        <v>1</v>
      </c>
      <c r="C120470" s="14" t="s">
        <v>565</v>
      </c>
      <c r="D120470" s="14" t="s">
        <v>122</v>
      </c>
      <c r="E120470" s="15">
        <v>45396</v>
      </c>
      <c r="F120470" s="14" t="s">
        <v>15</v>
      </c>
      <c r="G120470" s="16">
        <v>1.7770790478989117E-2</v>
      </c>
    </row>
    <row r="120471" spans="1:7" x14ac:dyDescent="0.3">
      <c r="A120471" s="13" t="s">
        <v>566</v>
      </c>
      <c r="B120471" s="14" t="s">
        <v>1</v>
      </c>
      <c r="C120471" s="14" t="s">
        <v>565</v>
      </c>
      <c r="D120471" s="14" t="s">
        <v>122</v>
      </c>
      <c r="E120471" s="15">
        <v>45397</v>
      </c>
      <c r="F120471" s="14" t="s">
        <v>15</v>
      </c>
      <c r="G120471" s="16">
        <v>1.4401998236849825E-2</v>
      </c>
    </row>
    <row r="120472" spans="1:7" x14ac:dyDescent="0.3">
      <c r="A120472" s="13" t="s">
        <v>566</v>
      </c>
      <c r="B120472" s="14" t="s">
        <v>1</v>
      </c>
      <c r="C120472" s="14" t="s">
        <v>565</v>
      </c>
      <c r="D120472" s="14" t="s">
        <v>122</v>
      </c>
      <c r="E120472" s="15">
        <v>45398</v>
      </c>
      <c r="F120472" s="14" t="s">
        <v>15</v>
      </c>
      <c r="G120472" s="16">
        <v>4.3955333529238751E-3</v>
      </c>
    </row>
    <row r="120473" spans="1:7" x14ac:dyDescent="0.3">
      <c r="A120473" s="13" t="s">
        <v>566</v>
      </c>
      <c r="B120473" s="14" t="s">
        <v>1</v>
      </c>
      <c r="C120473" s="14" t="s">
        <v>565</v>
      </c>
      <c r="D120473" s="14" t="s">
        <v>122</v>
      </c>
      <c r="E120473" s="15">
        <v>45399</v>
      </c>
      <c r="F120473" s="14" t="s">
        <v>15</v>
      </c>
      <c r="G120473" s="16">
        <v>1.1084337349397406E-3</v>
      </c>
    </row>
    <row r="120474" spans="1:7" x14ac:dyDescent="0.3">
      <c r="A120474" s="13" t="s">
        <v>566</v>
      </c>
      <c r="B120474" s="14" t="s">
        <v>1</v>
      </c>
      <c r="C120474" s="14" t="s">
        <v>565</v>
      </c>
      <c r="D120474" s="14" t="s">
        <v>122</v>
      </c>
      <c r="E120474" s="15">
        <v>45400</v>
      </c>
      <c r="F120474" s="14" t="s">
        <v>15</v>
      </c>
      <c r="G120474" s="16">
        <v>6.2487217161328212E-2</v>
      </c>
    </row>
    <row r="120475" spans="1:7" x14ac:dyDescent="0.3">
      <c r="A120475" s="13" t="s">
        <v>566</v>
      </c>
      <c r="B120475" s="14" t="s">
        <v>1</v>
      </c>
      <c r="C120475" s="14" t="s">
        <v>565</v>
      </c>
      <c r="D120475" s="14" t="s">
        <v>122</v>
      </c>
      <c r="E120475" s="15">
        <v>45401</v>
      </c>
      <c r="F120475" s="14" t="s">
        <v>15</v>
      </c>
      <c r="G120475" s="16">
        <v>5.9114310902145133E-2</v>
      </c>
    </row>
    <row r="120476" spans="1:7" x14ac:dyDescent="0.3">
      <c r="A120476" s="13" t="s">
        <v>566</v>
      </c>
      <c r="B120476" s="14" t="s">
        <v>1</v>
      </c>
      <c r="C120476" s="14" t="s">
        <v>565</v>
      </c>
      <c r="D120476" s="14" t="s">
        <v>122</v>
      </c>
      <c r="E120476" s="15">
        <v>45402</v>
      </c>
      <c r="F120476" s="14" t="s">
        <v>15</v>
      </c>
      <c r="G120476" s="16">
        <v>5.9114310902145133E-2</v>
      </c>
    </row>
    <row r="120477" spans="1:7" x14ac:dyDescent="0.3">
      <c r="A120477" s="13" t="s">
        <v>566</v>
      </c>
      <c r="B120477" s="14" t="s">
        <v>1</v>
      </c>
      <c r="C120477" s="14" t="s">
        <v>565</v>
      </c>
      <c r="D120477" s="14" t="s">
        <v>122</v>
      </c>
      <c r="E120477" s="15">
        <v>45403</v>
      </c>
      <c r="F120477" s="14" t="s">
        <v>15</v>
      </c>
      <c r="G120477" s="16">
        <v>5.9114310902145133E-2</v>
      </c>
    </row>
    <row r="120478" spans="1:7" x14ac:dyDescent="0.3">
      <c r="A120478" s="13" t="s">
        <v>566</v>
      </c>
      <c r="B120478" s="14" t="s">
        <v>1</v>
      </c>
      <c r="C120478" s="14" t="s">
        <v>565</v>
      </c>
      <c r="D120478" s="14" t="s">
        <v>122</v>
      </c>
      <c r="E120478" s="15">
        <v>45404</v>
      </c>
      <c r="F120478" s="14" t="s">
        <v>15</v>
      </c>
      <c r="G120478" s="16">
        <v>5.5880105789009663E-2</v>
      </c>
    </row>
    <row r="120479" spans="1:7" x14ac:dyDescent="0.3">
      <c r="A120479" s="13" t="s">
        <v>566</v>
      </c>
      <c r="B120479" s="14" t="s">
        <v>1</v>
      </c>
      <c r="C120479" s="14" t="s">
        <v>565</v>
      </c>
      <c r="D120479" s="14" t="s">
        <v>122</v>
      </c>
      <c r="E120479" s="15">
        <v>45405</v>
      </c>
      <c r="F120479" s="14" t="s">
        <v>15</v>
      </c>
      <c r="G120479" s="16">
        <v>4.6333235380546539E-2</v>
      </c>
    </row>
    <row r="120480" spans="1:7" x14ac:dyDescent="0.3">
      <c r="A120480" s="13" t="s">
        <v>566</v>
      </c>
      <c r="B120480" s="14" t="s">
        <v>1</v>
      </c>
      <c r="C120480" s="14" t="s">
        <v>565</v>
      </c>
      <c r="D120480" s="14" t="s">
        <v>122</v>
      </c>
      <c r="E120480" s="15">
        <v>45406</v>
      </c>
      <c r="F120480" s="14" t="s">
        <v>15</v>
      </c>
      <c r="G120480" s="16">
        <v>4.2963267704966168E-2</v>
      </c>
    </row>
    <row r="120481" spans="1:7" x14ac:dyDescent="0.3">
      <c r="A120481" s="13" t="s">
        <v>566</v>
      </c>
      <c r="B120481" s="14" t="s">
        <v>1</v>
      </c>
      <c r="C120481" s="14" t="s">
        <v>565</v>
      </c>
      <c r="D120481" s="14" t="s">
        <v>122</v>
      </c>
      <c r="E120481" s="15">
        <v>45407</v>
      </c>
      <c r="F120481" s="14" t="s">
        <v>15</v>
      </c>
      <c r="G120481" s="16">
        <v>3.7689097854833931E-2</v>
      </c>
    </row>
    <row r="120482" spans="1:7" x14ac:dyDescent="0.3">
      <c r="A120482" s="13" t="s">
        <v>566</v>
      </c>
      <c r="B120482" s="14" t="s">
        <v>1</v>
      </c>
      <c r="C120482" s="14" t="s">
        <v>565</v>
      </c>
      <c r="D120482" s="14" t="s">
        <v>122</v>
      </c>
      <c r="E120482" s="15">
        <v>45408</v>
      </c>
      <c r="F120482" s="14" t="s">
        <v>15</v>
      </c>
      <c r="G120482" s="16">
        <v>3.4555980017631459E-2</v>
      </c>
    </row>
    <row r="120483" spans="1:7" x14ac:dyDescent="0.3">
      <c r="A120483" s="13" t="s">
        <v>566</v>
      </c>
      <c r="B120483" s="14" t="s">
        <v>1</v>
      </c>
      <c r="C120483" s="14" t="s">
        <v>565</v>
      </c>
      <c r="D120483" s="14" t="s">
        <v>122</v>
      </c>
      <c r="E120483" s="15">
        <v>45409</v>
      </c>
      <c r="F120483" s="14" t="s">
        <v>15</v>
      </c>
      <c r="G120483" s="16">
        <v>3.4555980017631459E-2</v>
      </c>
    </row>
    <row r="120484" spans="1:7" x14ac:dyDescent="0.3">
      <c r="A120484" s="13" t="s">
        <v>566</v>
      </c>
      <c r="B120484" s="14" t="s">
        <v>1</v>
      </c>
      <c r="C120484" s="14" t="s">
        <v>565</v>
      </c>
      <c r="D120484" s="14" t="s">
        <v>122</v>
      </c>
      <c r="E120484" s="15">
        <v>45410</v>
      </c>
      <c r="F120484" s="14" t="s">
        <v>15</v>
      </c>
      <c r="G120484" s="16">
        <v>3.4555980017631459E-2</v>
      </c>
    </row>
    <row r="120485" spans="1:7" x14ac:dyDescent="0.3">
      <c r="A120485" s="13" t="s">
        <v>566</v>
      </c>
      <c r="B120485" s="14" t="s">
        <v>1</v>
      </c>
      <c r="C120485" s="14" t="s">
        <v>565</v>
      </c>
      <c r="D120485" s="14" t="s">
        <v>122</v>
      </c>
      <c r="E120485" s="15">
        <v>45411</v>
      </c>
      <c r="F120485" s="14" t="s">
        <v>15</v>
      </c>
      <c r="G120485" s="16">
        <v>2.8818101674992606E-2</v>
      </c>
    </row>
    <row r="120486" spans="1:7" x14ac:dyDescent="0.3">
      <c r="A120486" s="13" t="s">
        <v>566</v>
      </c>
      <c r="B120486" s="14" t="s">
        <v>1</v>
      </c>
      <c r="C120486" s="14" t="s">
        <v>565</v>
      </c>
      <c r="D120486" s="14" t="s">
        <v>122</v>
      </c>
      <c r="E120486" s="15">
        <v>45412</v>
      </c>
      <c r="F120486" s="14" t="s">
        <v>15</v>
      </c>
      <c r="G120486" s="16">
        <v>2.1127828386717548E-2</v>
      </c>
    </row>
    <row r="120487" spans="1:7" x14ac:dyDescent="0.3">
      <c r="A120487" s="13" t="s">
        <v>566</v>
      </c>
      <c r="B120487" s="14" t="s">
        <v>1</v>
      </c>
      <c r="C120487" s="14" t="s">
        <v>565</v>
      </c>
      <c r="D120487" s="14" t="s">
        <v>122</v>
      </c>
      <c r="E120487" s="15">
        <v>45413</v>
      </c>
      <c r="F120487" s="14" t="s">
        <v>15</v>
      </c>
      <c r="G120487" s="16">
        <v>2.1127828386717548E-2</v>
      </c>
    </row>
    <row r="120488" spans="1:7" x14ac:dyDescent="0.3">
      <c r="A120488" s="13" t="s">
        <v>566</v>
      </c>
      <c r="B120488" s="14" t="s">
        <v>1</v>
      </c>
      <c r="C120488" s="14" t="s">
        <v>565</v>
      </c>
      <c r="D120488" s="14" t="s">
        <v>122</v>
      </c>
      <c r="E120488" s="15">
        <v>45414</v>
      </c>
      <c r="F120488" s="14" t="s">
        <v>15</v>
      </c>
      <c r="G120488" s="16">
        <v>2.1127828386717548E-2</v>
      </c>
    </row>
    <row r="120489" spans="1:7" x14ac:dyDescent="0.3">
      <c r="A120489" s="13" t="s">
        <v>566</v>
      </c>
      <c r="B120489" s="14" t="s">
        <v>1</v>
      </c>
      <c r="C120489" s="14" t="s">
        <v>565</v>
      </c>
      <c r="D120489" s="14" t="s">
        <v>122</v>
      </c>
      <c r="E120489" s="15">
        <v>45415</v>
      </c>
      <c r="F120489" s="14" t="s">
        <v>15</v>
      </c>
      <c r="G120489" s="16">
        <v>2.1127828386717548E-2</v>
      </c>
    </row>
    <row r="120490" spans="1:7" x14ac:dyDescent="0.3">
      <c r="A120490" s="13" t="s">
        <v>566</v>
      </c>
      <c r="B120490" s="14" t="s">
        <v>1</v>
      </c>
      <c r="C120490" s="14" t="s">
        <v>565</v>
      </c>
      <c r="D120490" s="14" t="s">
        <v>122</v>
      </c>
      <c r="E120490" s="15">
        <v>45416</v>
      </c>
      <c r="F120490" s="14" t="s">
        <v>15</v>
      </c>
      <c r="G120490" s="16">
        <v>2.1127828386717548E-2</v>
      </c>
    </row>
    <row r="120491" spans="1:7" x14ac:dyDescent="0.3">
      <c r="A120491" s="13" t="s">
        <v>566</v>
      </c>
      <c r="B120491" s="14" t="s">
        <v>1</v>
      </c>
      <c r="C120491" s="14" t="s">
        <v>565</v>
      </c>
      <c r="D120491" s="14" t="s">
        <v>122</v>
      </c>
      <c r="E120491" s="15">
        <v>45417</v>
      </c>
      <c r="F120491" s="14" t="s">
        <v>15</v>
      </c>
      <c r="G120491" s="16">
        <v>2.1127828386717548E-2</v>
      </c>
    </row>
    <row r="120492" spans="1:7" x14ac:dyDescent="0.3">
      <c r="A120492" s="13" t="s">
        <v>566</v>
      </c>
      <c r="B120492" s="14" t="s">
        <v>1</v>
      </c>
      <c r="C120492" s="14" t="s">
        <v>565</v>
      </c>
      <c r="D120492" s="14" t="s">
        <v>122</v>
      </c>
      <c r="E120492" s="15">
        <v>45418</v>
      </c>
      <c r="F120492" s="14" t="s">
        <v>15</v>
      </c>
      <c r="G120492" s="16">
        <v>2.1127828386717548E-2</v>
      </c>
    </row>
    <row r="120493" spans="1:7" x14ac:dyDescent="0.3">
      <c r="A120493" s="13" t="s">
        <v>566</v>
      </c>
      <c r="B120493" s="14" t="s">
        <v>1</v>
      </c>
      <c r="C120493" s="14" t="s">
        <v>565</v>
      </c>
      <c r="D120493" s="14" t="s">
        <v>122</v>
      </c>
      <c r="E120493" s="15">
        <v>45419</v>
      </c>
      <c r="F120493" s="14" t="s">
        <v>15</v>
      </c>
      <c r="G120493" s="16">
        <v>1.5454011166617633E-2</v>
      </c>
    </row>
    <row r="120494" spans="1:7" x14ac:dyDescent="0.3">
      <c r="A120494" s="13" t="s">
        <v>566</v>
      </c>
      <c r="B120494" s="14" t="s">
        <v>1</v>
      </c>
      <c r="C120494" s="14" t="s">
        <v>565</v>
      </c>
      <c r="D120494" s="14" t="s">
        <v>122</v>
      </c>
      <c r="E120494" s="15">
        <v>45420</v>
      </c>
      <c r="F120494" s="14" t="s">
        <v>15</v>
      </c>
      <c r="G120494" s="16">
        <v>0</v>
      </c>
    </row>
    <row r="120495" spans="1:7" x14ac:dyDescent="0.3">
      <c r="A120495" s="13" t="s">
        <v>566</v>
      </c>
      <c r="B120495" s="14" t="s">
        <v>1</v>
      </c>
      <c r="C120495" s="14" t="s">
        <v>565</v>
      </c>
      <c r="D120495" s="14" t="s">
        <v>122</v>
      </c>
      <c r="E120495" s="15">
        <v>45421</v>
      </c>
      <c r="F120495" s="14" t="s">
        <v>15</v>
      </c>
      <c r="G120495" s="16">
        <v>0</v>
      </c>
    </row>
    <row r="120496" spans="1:7" x14ac:dyDescent="0.3">
      <c r="A120496" s="13" t="s">
        <v>566</v>
      </c>
      <c r="B120496" s="14" t="s">
        <v>1</v>
      </c>
      <c r="C120496" s="14" t="s">
        <v>565</v>
      </c>
      <c r="D120496" s="14" t="s">
        <v>122</v>
      </c>
      <c r="E120496" s="15">
        <v>45422</v>
      </c>
      <c r="F120496" s="14" t="s">
        <v>15</v>
      </c>
      <c r="G120496" s="16">
        <v>3.8375679683638052E-2</v>
      </c>
    </row>
    <row r="120497" spans="1:7" x14ac:dyDescent="0.3">
      <c r="A120497" s="13" t="s">
        <v>566</v>
      </c>
      <c r="B120497" s="14" t="s">
        <v>1</v>
      </c>
      <c r="C120497" s="14" t="s">
        <v>565</v>
      </c>
      <c r="D120497" s="14" t="s">
        <v>122</v>
      </c>
      <c r="E120497" s="15">
        <v>45423</v>
      </c>
      <c r="F120497" s="14" t="s">
        <v>15</v>
      </c>
      <c r="G120497" s="16">
        <v>3.8375679683638052E-2</v>
      </c>
    </row>
    <row r="120498" spans="1:7" x14ac:dyDescent="0.3">
      <c r="A120498" s="13" t="s">
        <v>566</v>
      </c>
      <c r="B120498" s="14" t="s">
        <v>1</v>
      </c>
      <c r="C120498" s="14" t="s">
        <v>565</v>
      </c>
      <c r="D120498" s="14" t="s">
        <v>122</v>
      </c>
      <c r="E120498" s="15">
        <v>45424</v>
      </c>
      <c r="F120498" s="14" t="s">
        <v>15</v>
      </c>
      <c r="G120498" s="16">
        <v>3.8375679683638052E-2</v>
      </c>
    </row>
    <row r="120499" spans="1:7" x14ac:dyDescent="0.3">
      <c r="A120499" s="13" t="s">
        <v>566</v>
      </c>
      <c r="B120499" s="14" t="s">
        <v>1</v>
      </c>
      <c r="C120499" s="14" t="s">
        <v>565</v>
      </c>
      <c r="D120499" s="14" t="s">
        <v>122</v>
      </c>
      <c r="E120499" s="15">
        <v>45425</v>
      </c>
      <c r="F120499" s="14" t="s">
        <v>15</v>
      </c>
      <c r="G120499" s="16">
        <v>5.2623826000988513E-2</v>
      </c>
    </row>
    <row r="120500" spans="1:7" x14ac:dyDescent="0.3">
      <c r="A120500" s="13" t="s">
        <v>566</v>
      </c>
      <c r="B120500" s="14" t="s">
        <v>1</v>
      </c>
      <c r="C120500" s="14" t="s">
        <v>565</v>
      </c>
      <c r="D120500" s="14" t="s">
        <v>122</v>
      </c>
      <c r="E120500" s="15">
        <v>45426</v>
      </c>
      <c r="F120500" s="14" t="s">
        <v>15</v>
      </c>
      <c r="G120500" s="16">
        <v>4.2353929807216889E-2</v>
      </c>
    </row>
    <row r="120501" spans="1:7" x14ac:dyDescent="0.3">
      <c r="A120501" s="13" t="s">
        <v>566</v>
      </c>
      <c r="B120501" s="14" t="s">
        <v>1</v>
      </c>
      <c r="C120501" s="14" t="s">
        <v>565</v>
      </c>
      <c r="D120501" s="14" t="s">
        <v>122</v>
      </c>
      <c r="E120501" s="15">
        <v>45427</v>
      </c>
      <c r="F120501" s="14" t="s">
        <v>15</v>
      </c>
      <c r="G120501" s="16">
        <v>4.2353929807216889E-2</v>
      </c>
    </row>
    <row r="120502" spans="1:7" x14ac:dyDescent="0.3">
      <c r="A120502" s="13" t="s">
        <v>566</v>
      </c>
      <c r="B120502" s="14" t="s">
        <v>1</v>
      </c>
      <c r="C120502" s="14" t="s">
        <v>565</v>
      </c>
      <c r="D120502" s="14" t="s">
        <v>122</v>
      </c>
      <c r="E120502" s="15">
        <v>45428</v>
      </c>
      <c r="F120502" s="14" t="s">
        <v>15</v>
      </c>
      <c r="G120502" s="16">
        <v>3.8913494809688462E-2</v>
      </c>
    </row>
    <row r="120503" spans="1:7" x14ac:dyDescent="0.3">
      <c r="A120503" s="13" t="s">
        <v>566</v>
      </c>
      <c r="B120503" s="14" t="s">
        <v>1</v>
      </c>
      <c r="C120503" s="14" t="s">
        <v>565</v>
      </c>
      <c r="D120503" s="14" t="s">
        <v>122</v>
      </c>
      <c r="E120503" s="15">
        <v>45429</v>
      </c>
      <c r="F120503" s="14" t="s">
        <v>15</v>
      </c>
      <c r="G120503" s="16">
        <v>5.7674740484428944E-2</v>
      </c>
    </row>
    <row r="120504" spans="1:7" x14ac:dyDescent="0.3">
      <c r="A120504" s="13" t="s">
        <v>566</v>
      </c>
      <c r="B120504" s="14" t="s">
        <v>1</v>
      </c>
      <c r="C120504" s="14" t="s">
        <v>565</v>
      </c>
      <c r="D120504" s="14" t="s">
        <v>122</v>
      </c>
      <c r="E120504" s="15">
        <v>45430</v>
      </c>
      <c r="F120504" s="14" t="s">
        <v>15</v>
      </c>
      <c r="G120504" s="16">
        <v>5.7674740484428944E-2</v>
      </c>
    </row>
    <row r="120505" spans="1:7" x14ac:dyDescent="0.3">
      <c r="A120505" s="13" t="s">
        <v>566</v>
      </c>
      <c r="B120505" s="14" t="s">
        <v>1</v>
      </c>
      <c r="C120505" s="14" t="s">
        <v>565</v>
      </c>
      <c r="D120505" s="14" t="s">
        <v>122</v>
      </c>
      <c r="E120505" s="15">
        <v>45431</v>
      </c>
      <c r="F120505" s="14" t="s">
        <v>15</v>
      </c>
      <c r="G120505" s="16">
        <v>5.7674740484428944E-2</v>
      </c>
    </row>
    <row r="120506" spans="1:7" x14ac:dyDescent="0.3">
      <c r="A120506" s="13" t="s">
        <v>566</v>
      </c>
      <c r="B120506" s="14" t="s">
        <v>1</v>
      </c>
      <c r="C120506" s="14" t="s">
        <v>565</v>
      </c>
      <c r="D120506" s="14" t="s">
        <v>122</v>
      </c>
      <c r="E120506" s="15">
        <v>45432</v>
      </c>
      <c r="F120506" s="14" t="s">
        <v>15</v>
      </c>
      <c r="G120506" s="16">
        <v>0.10066831438457723</v>
      </c>
    </row>
    <row r="120507" spans="1:7" x14ac:dyDescent="0.3">
      <c r="A120507" s="13" t="s">
        <v>566</v>
      </c>
      <c r="B120507" s="14" t="s">
        <v>1</v>
      </c>
      <c r="C120507" s="14" t="s">
        <v>565</v>
      </c>
      <c r="D120507" s="14" t="s">
        <v>122</v>
      </c>
      <c r="E120507" s="15">
        <v>45433</v>
      </c>
      <c r="F120507" s="14" t="s">
        <v>15</v>
      </c>
      <c r="G120507" s="16">
        <v>9.8067226890756157E-2</v>
      </c>
    </row>
    <row r="120508" spans="1:7" x14ac:dyDescent="0.3">
      <c r="A120508" s="13" t="s">
        <v>566</v>
      </c>
      <c r="B120508" s="14" t="s">
        <v>1</v>
      </c>
      <c r="C120508" s="14" t="s">
        <v>565</v>
      </c>
      <c r="D120508" s="14" t="s">
        <v>122</v>
      </c>
      <c r="E120508" s="15">
        <v>45434</v>
      </c>
      <c r="F120508" s="14" t="s">
        <v>15</v>
      </c>
      <c r="G120508" s="16">
        <v>9.4539792387543106E-2</v>
      </c>
    </row>
    <row r="120509" spans="1:7" x14ac:dyDescent="0.3">
      <c r="A120509" s="13" t="s">
        <v>566</v>
      </c>
      <c r="B120509" s="14" t="s">
        <v>1</v>
      </c>
      <c r="C120509" s="14" t="s">
        <v>565</v>
      </c>
      <c r="D120509" s="14" t="s">
        <v>122</v>
      </c>
      <c r="E120509" s="15">
        <v>45435</v>
      </c>
      <c r="F120509" s="14" t="s">
        <v>15</v>
      </c>
      <c r="G120509" s="16">
        <v>0.10718833415719213</v>
      </c>
    </row>
    <row r="120510" spans="1:7" x14ac:dyDescent="0.3">
      <c r="A120510" s="13" t="s">
        <v>566</v>
      </c>
      <c r="B120510" s="14" t="s">
        <v>1</v>
      </c>
      <c r="C120510" s="14" t="s">
        <v>565</v>
      </c>
      <c r="D120510" s="14" t="s">
        <v>122</v>
      </c>
      <c r="E120510" s="15">
        <v>45436</v>
      </c>
      <c r="F120510" s="14" t="s">
        <v>15</v>
      </c>
      <c r="G120510" s="16">
        <v>0.10370736529906065</v>
      </c>
    </row>
    <row r="120511" spans="1:7" x14ac:dyDescent="0.3">
      <c r="A120511" s="13" t="s">
        <v>566</v>
      </c>
      <c r="B120511" s="14" t="s">
        <v>1</v>
      </c>
      <c r="C120511" s="14" t="s">
        <v>565</v>
      </c>
      <c r="D120511" s="14" t="s">
        <v>122</v>
      </c>
      <c r="E120511" s="15">
        <v>45437</v>
      </c>
      <c r="F120511" s="14" t="s">
        <v>15</v>
      </c>
      <c r="G120511" s="16">
        <v>0.10370736529906065</v>
      </c>
    </row>
    <row r="120512" spans="1:7" x14ac:dyDescent="0.3">
      <c r="A120512" s="13" t="s">
        <v>566</v>
      </c>
      <c r="B120512" s="14" t="s">
        <v>1</v>
      </c>
      <c r="C120512" s="14" t="s">
        <v>565</v>
      </c>
      <c r="D120512" s="14" t="s">
        <v>122</v>
      </c>
      <c r="E120512" s="15">
        <v>45438</v>
      </c>
      <c r="F120512" s="14" t="s">
        <v>15</v>
      </c>
      <c r="G120512" s="16">
        <v>0.10370736529906065</v>
      </c>
    </row>
    <row r="120513" spans="1:7" x14ac:dyDescent="0.3">
      <c r="A120513" s="13" t="s">
        <v>566</v>
      </c>
      <c r="B120513" s="14" t="s">
        <v>1</v>
      </c>
      <c r="C120513" s="14" t="s">
        <v>565</v>
      </c>
      <c r="D120513" s="14" t="s">
        <v>122</v>
      </c>
      <c r="E120513" s="15">
        <v>45439</v>
      </c>
      <c r="F120513" s="14" t="s">
        <v>15</v>
      </c>
      <c r="G120513" s="16">
        <v>9.9657933761739828E-2</v>
      </c>
    </row>
    <row r="120514" spans="1:7" x14ac:dyDescent="0.3">
      <c r="A120514" s="13" t="s">
        <v>566</v>
      </c>
      <c r="B120514" s="14" t="s">
        <v>1</v>
      </c>
      <c r="C120514" s="14" t="s">
        <v>565</v>
      </c>
      <c r="D120514" s="14" t="s">
        <v>122</v>
      </c>
      <c r="E120514" s="15">
        <v>45440</v>
      </c>
      <c r="F120514" s="14" t="s">
        <v>15</v>
      </c>
      <c r="G120514" s="16">
        <v>9.2123578843301857E-2</v>
      </c>
    </row>
    <row r="120515" spans="1:7" x14ac:dyDescent="0.3">
      <c r="A120515" s="13" t="s">
        <v>566</v>
      </c>
      <c r="B120515" s="14" t="s">
        <v>1</v>
      </c>
      <c r="C120515" s="14" t="s">
        <v>565</v>
      </c>
      <c r="D120515" s="14" t="s">
        <v>122</v>
      </c>
      <c r="E120515" s="15">
        <v>45441</v>
      </c>
      <c r="F120515" s="14" t="s">
        <v>15</v>
      </c>
      <c r="G120515" s="16">
        <v>8.6953040039545057E-2</v>
      </c>
    </row>
    <row r="120516" spans="1:7" x14ac:dyDescent="0.3">
      <c r="A120516" s="13" t="s">
        <v>566</v>
      </c>
      <c r="B120516" s="14" t="s">
        <v>1</v>
      </c>
      <c r="C120516" s="14" t="s">
        <v>565</v>
      </c>
      <c r="D120516" s="14" t="s">
        <v>122</v>
      </c>
      <c r="E120516" s="15">
        <v>45442</v>
      </c>
      <c r="F120516" s="14" t="s">
        <v>15</v>
      </c>
      <c r="G120516" s="16">
        <v>0.12336529906080063</v>
      </c>
    </row>
    <row r="120517" spans="1:7" x14ac:dyDescent="0.3">
      <c r="A120517" s="13" t="s">
        <v>566</v>
      </c>
      <c r="B120517" s="14" t="s">
        <v>1</v>
      </c>
      <c r="C120517" s="14" t="s">
        <v>565</v>
      </c>
      <c r="D120517" s="14" t="s">
        <v>122</v>
      </c>
      <c r="E120517" s="15">
        <v>45443</v>
      </c>
      <c r="F120517" s="14" t="s">
        <v>15</v>
      </c>
      <c r="G120517" s="16">
        <v>0.15345921898171017</v>
      </c>
    </row>
    <row r="120518" spans="1:7" x14ac:dyDescent="0.3">
      <c r="A120518" s="13" t="s">
        <v>566</v>
      </c>
      <c r="B120518" s="14" t="s">
        <v>1</v>
      </c>
      <c r="C120518" s="14" t="s">
        <v>565</v>
      </c>
      <c r="D120518" s="14" t="s">
        <v>122</v>
      </c>
      <c r="E120518" s="15">
        <v>45444</v>
      </c>
      <c r="F120518" s="14" t="s">
        <v>15</v>
      </c>
      <c r="G120518" s="16">
        <v>0.15345921898171017</v>
      </c>
    </row>
    <row r="120519" spans="1:7" x14ac:dyDescent="0.3">
      <c r="A120519" s="13" t="s">
        <v>566</v>
      </c>
      <c r="B120519" s="14" t="s">
        <v>1</v>
      </c>
      <c r="C120519" s="14" t="s">
        <v>565</v>
      </c>
      <c r="D120519" s="14" t="s">
        <v>122</v>
      </c>
      <c r="E120519" s="15">
        <v>45445</v>
      </c>
      <c r="F120519" s="14" t="s">
        <v>15</v>
      </c>
      <c r="G120519" s="16">
        <v>0.15345921898171017</v>
      </c>
    </row>
    <row r="120520" spans="1:7" x14ac:dyDescent="0.3">
      <c r="A120520" s="13" t="s">
        <v>566</v>
      </c>
      <c r="B120520" s="14" t="s">
        <v>1</v>
      </c>
      <c r="C120520" s="14" t="s">
        <v>565</v>
      </c>
      <c r="D120520" s="14" t="s">
        <v>122</v>
      </c>
      <c r="E120520" s="15">
        <v>45446</v>
      </c>
      <c r="F120520" s="14" t="s">
        <v>15</v>
      </c>
      <c r="G120520" s="16">
        <v>0.15345921898171017</v>
      </c>
    </row>
    <row r="120521" spans="1:7" x14ac:dyDescent="0.3">
      <c r="A120521" s="13" t="s">
        <v>566</v>
      </c>
      <c r="B120521" s="14" t="s">
        <v>1</v>
      </c>
      <c r="C120521" s="14" t="s">
        <v>565</v>
      </c>
      <c r="D120521" s="14" t="s">
        <v>122</v>
      </c>
      <c r="E120521" s="15">
        <v>45447</v>
      </c>
      <c r="F120521" s="14" t="s">
        <v>15</v>
      </c>
      <c r="G120521" s="16">
        <v>0.16315966386554603</v>
      </c>
    </row>
    <row r="120522" spans="1:7" x14ac:dyDescent="0.3">
      <c r="A120522" s="13" t="s">
        <v>566</v>
      </c>
      <c r="B120522" s="14" t="s">
        <v>1</v>
      </c>
      <c r="C120522" s="14" t="s">
        <v>565</v>
      </c>
      <c r="D120522" s="14" t="s">
        <v>122</v>
      </c>
      <c r="E120522" s="15">
        <v>45448</v>
      </c>
      <c r="F120522" s="14" t="s">
        <v>15</v>
      </c>
      <c r="G120522" s="16">
        <v>0.19126347009391972</v>
      </c>
    </row>
    <row r="120523" spans="1:7" x14ac:dyDescent="0.3">
      <c r="A120523" s="13" t="s">
        <v>566</v>
      </c>
      <c r="B120523" s="14" t="s">
        <v>1</v>
      </c>
      <c r="C120523" s="14" t="s">
        <v>565</v>
      </c>
      <c r="D120523" s="14" t="s">
        <v>122</v>
      </c>
      <c r="E120523" s="15">
        <v>45449</v>
      </c>
      <c r="F120523" s="14" t="s">
        <v>15</v>
      </c>
      <c r="G120523" s="16">
        <v>0.18787444389520494</v>
      </c>
    </row>
    <row r="120524" spans="1:7" x14ac:dyDescent="0.3">
      <c r="A120524" s="13" t="s">
        <v>566</v>
      </c>
      <c r="B120524" s="14" t="s">
        <v>1</v>
      </c>
      <c r="C120524" s="14" t="s">
        <v>565</v>
      </c>
      <c r="D120524" s="14" t="s">
        <v>122</v>
      </c>
      <c r="E120524" s="15">
        <v>45450</v>
      </c>
      <c r="F120524" s="14" t="s">
        <v>15</v>
      </c>
      <c r="G120524" s="16">
        <v>0.18444191794364787</v>
      </c>
    </row>
    <row r="120525" spans="1:7" x14ac:dyDescent="0.3">
      <c r="A120525" s="13" t="s">
        <v>566</v>
      </c>
      <c r="B120525" s="14" t="s">
        <v>1</v>
      </c>
      <c r="C120525" s="14" t="s">
        <v>565</v>
      </c>
      <c r="D120525" s="14" t="s">
        <v>122</v>
      </c>
      <c r="E120525" s="15">
        <v>45451</v>
      </c>
      <c r="F120525" s="14" t="s">
        <v>15</v>
      </c>
      <c r="G120525" s="16">
        <v>0.18444191794364787</v>
      </c>
    </row>
    <row r="120526" spans="1:7" x14ac:dyDescent="0.3">
      <c r="A120526" s="13" t="s">
        <v>566</v>
      </c>
      <c r="B120526" s="14" t="s">
        <v>1</v>
      </c>
      <c r="C120526" s="14" t="s">
        <v>565</v>
      </c>
      <c r="D120526" s="14" t="s">
        <v>122</v>
      </c>
      <c r="E120526" s="15">
        <v>45452</v>
      </c>
      <c r="F120526" s="14" t="s">
        <v>15</v>
      </c>
      <c r="G120526" s="16">
        <v>0.18444191794364787</v>
      </c>
    </row>
    <row r="120527" spans="1:7" x14ac:dyDescent="0.3">
      <c r="A120527" s="13" t="s">
        <v>566</v>
      </c>
      <c r="B120527" s="14" t="s">
        <v>1</v>
      </c>
      <c r="C120527" s="14" t="s">
        <v>565</v>
      </c>
      <c r="D120527" s="14" t="s">
        <v>122</v>
      </c>
      <c r="E120527" s="15">
        <v>45453</v>
      </c>
      <c r="F120527" s="14" t="s">
        <v>15</v>
      </c>
      <c r="G120527" s="16">
        <v>0.18444191794364787</v>
      </c>
    </row>
    <row r="120528" spans="1:7" x14ac:dyDescent="0.3">
      <c r="A120528" s="13" t="s">
        <v>566</v>
      </c>
      <c r="B120528" s="14" t="s">
        <v>1</v>
      </c>
      <c r="C120528" s="14" t="s">
        <v>565</v>
      </c>
      <c r="D120528" s="14" t="s">
        <v>122</v>
      </c>
      <c r="E120528" s="15">
        <v>45454</v>
      </c>
      <c r="F120528" s="14" t="s">
        <v>15</v>
      </c>
      <c r="G120528" s="16">
        <v>0.18390014829461176</v>
      </c>
    </row>
    <row r="120529" spans="1:7" x14ac:dyDescent="0.3">
      <c r="A120529" s="13" t="s">
        <v>566</v>
      </c>
      <c r="B120529" s="14" t="s">
        <v>1</v>
      </c>
      <c r="C120529" s="14" t="s">
        <v>565</v>
      </c>
      <c r="D120529" s="14" t="s">
        <v>122</v>
      </c>
      <c r="E120529" s="15">
        <v>45455</v>
      </c>
      <c r="F120529" s="14" t="s">
        <v>15</v>
      </c>
      <c r="G120529" s="16">
        <v>0.17306870983687575</v>
      </c>
    </row>
    <row r="120530" spans="1:7" x14ac:dyDescent="0.3">
      <c r="A120530" s="13" t="s">
        <v>566</v>
      </c>
      <c r="B120530" s="14" t="s">
        <v>1</v>
      </c>
      <c r="C120530" s="14" t="s">
        <v>565</v>
      </c>
      <c r="D120530" s="14" t="s">
        <v>122</v>
      </c>
      <c r="E120530" s="15">
        <v>45456</v>
      </c>
      <c r="F120530" s="14" t="s">
        <v>15</v>
      </c>
      <c r="G120530" s="16">
        <v>0.23175086505190293</v>
      </c>
    </row>
    <row r="120531" spans="1:7" x14ac:dyDescent="0.3">
      <c r="A120531" s="13" t="s">
        <v>566</v>
      </c>
      <c r="B120531" s="14" t="s">
        <v>1</v>
      </c>
      <c r="C120531" s="14" t="s">
        <v>565</v>
      </c>
      <c r="D120531" s="14" t="s">
        <v>122</v>
      </c>
      <c r="E120531" s="15">
        <v>45457</v>
      </c>
      <c r="F120531" s="14" t="s">
        <v>15</v>
      </c>
      <c r="G120531" s="16">
        <v>0.250050420168067</v>
      </c>
    </row>
    <row r="120532" spans="1:7" x14ac:dyDescent="0.3">
      <c r="A120532" s="13" t="s">
        <v>566</v>
      </c>
      <c r="B120532" s="14" t="s">
        <v>1</v>
      </c>
      <c r="C120532" s="14" t="s">
        <v>565</v>
      </c>
      <c r="D120532" s="14" t="s">
        <v>122</v>
      </c>
      <c r="E120532" s="15">
        <v>45458</v>
      </c>
      <c r="F120532" s="14" t="s">
        <v>15</v>
      </c>
      <c r="G120532" s="16">
        <v>0.250050420168067</v>
      </c>
    </row>
    <row r="120533" spans="1:7" x14ac:dyDescent="0.3">
      <c r="A120533" s="13" t="s">
        <v>566</v>
      </c>
      <c r="B120533" s="14" t="s">
        <v>1</v>
      </c>
      <c r="C120533" s="14" t="s">
        <v>565</v>
      </c>
      <c r="D120533" s="14" t="s">
        <v>122</v>
      </c>
      <c r="E120533" s="15">
        <v>45459</v>
      </c>
      <c r="F120533" s="14" t="s">
        <v>15</v>
      </c>
      <c r="G120533" s="16">
        <v>0.250050420168067</v>
      </c>
    </row>
    <row r="120534" spans="1:7" x14ac:dyDescent="0.3">
      <c r="A120534" s="13" t="s">
        <v>566</v>
      </c>
      <c r="B120534" s="14" t="s">
        <v>1</v>
      </c>
      <c r="C120534" s="14" t="s">
        <v>565</v>
      </c>
      <c r="D120534" s="14" t="s">
        <v>122</v>
      </c>
      <c r="E120534" s="15">
        <v>45460</v>
      </c>
      <c r="F120534" s="14" t="s">
        <v>15</v>
      </c>
      <c r="G120534" s="16">
        <v>0.26533168561542247</v>
      </c>
    </row>
    <row r="120535" spans="1:7" x14ac:dyDescent="0.3">
      <c r="A120535" s="13" t="s">
        <v>566</v>
      </c>
      <c r="B120535" s="14" t="s">
        <v>1</v>
      </c>
      <c r="C120535" s="14" t="s">
        <v>565</v>
      </c>
      <c r="D120535" s="14" t="s">
        <v>122</v>
      </c>
      <c r="E120535" s="15">
        <v>45461</v>
      </c>
      <c r="F120535" s="14" t="s">
        <v>15</v>
      </c>
      <c r="G120535" s="16">
        <v>0.25489767671774571</v>
      </c>
    </row>
    <row r="120536" spans="1:7" x14ac:dyDescent="0.3">
      <c r="A120536" s="13" t="s">
        <v>566</v>
      </c>
      <c r="B120536" s="14" t="s">
        <v>1</v>
      </c>
      <c r="C120536" s="14" t="s">
        <v>565</v>
      </c>
      <c r="D120536" s="14" t="s">
        <v>122</v>
      </c>
      <c r="E120536" s="15">
        <v>45462</v>
      </c>
      <c r="F120536" s="14" t="s">
        <v>15</v>
      </c>
      <c r="G120536" s="16">
        <v>0.27102619871477984</v>
      </c>
    </row>
    <row r="120537" spans="1:7" x14ac:dyDescent="0.3">
      <c r="A120537" s="13" t="s">
        <v>566</v>
      </c>
      <c r="B120537" s="14" t="s">
        <v>1</v>
      </c>
      <c r="C120537" s="14" t="s">
        <v>565</v>
      </c>
      <c r="D120537" s="14" t="s">
        <v>122</v>
      </c>
      <c r="E120537" s="15">
        <v>45463</v>
      </c>
      <c r="F120537" s="14" t="s">
        <v>15</v>
      </c>
      <c r="G120537" s="16">
        <v>0.26753138902619855</v>
      </c>
    </row>
    <row r="120538" spans="1:7" x14ac:dyDescent="0.3">
      <c r="A120538" s="13" t="s">
        <v>566</v>
      </c>
      <c r="B120538" s="14" t="s">
        <v>1</v>
      </c>
      <c r="C120538" s="14" t="s">
        <v>565</v>
      </c>
      <c r="D120538" s="14" t="s">
        <v>122</v>
      </c>
      <c r="E120538" s="15">
        <v>45464</v>
      </c>
      <c r="F120538" s="14" t="s">
        <v>15</v>
      </c>
      <c r="G120538" s="16">
        <v>0.28888086999505663</v>
      </c>
    </row>
    <row r="120539" spans="1:7" x14ac:dyDescent="0.3">
      <c r="A120539" s="13" t="s">
        <v>566</v>
      </c>
      <c r="B120539" s="14" t="s">
        <v>1</v>
      </c>
      <c r="C120539" s="14" t="s">
        <v>565</v>
      </c>
      <c r="D120539" s="14" t="s">
        <v>122</v>
      </c>
      <c r="E120539" s="15">
        <v>45465</v>
      </c>
      <c r="F120539" s="14" t="s">
        <v>15</v>
      </c>
      <c r="G120539" s="16">
        <v>0.28888086999505663</v>
      </c>
    </row>
    <row r="120540" spans="1:7" x14ac:dyDescent="0.3">
      <c r="A120540" s="13" t="s">
        <v>566</v>
      </c>
      <c r="B120540" s="14" t="s">
        <v>1</v>
      </c>
      <c r="C120540" s="14" t="s">
        <v>565</v>
      </c>
      <c r="D120540" s="14" t="s">
        <v>122</v>
      </c>
      <c r="E120540" s="15">
        <v>45466</v>
      </c>
      <c r="F120540" s="14" t="s">
        <v>15</v>
      </c>
      <c r="G120540" s="16">
        <v>0.28888086999505663</v>
      </c>
    </row>
    <row r="120541" spans="1:7" x14ac:dyDescent="0.3">
      <c r="A120541" s="13" t="s">
        <v>566</v>
      </c>
      <c r="B120541" s="14" t="s">
        <v>1</v>
      </c>
      <c r="C120541" s="14" t="s">
        <v>565</v>
      </c>
      <c r="D120541" s="14" t="s">
        <v>122</v>
      </c>
      <c r="E120541" s="15">
        <v>45467</v>
      </c>
      <c r="F120541" s="14" t="s">
        <v>15</v>
      </c>
      <c r="G120541" s="16">
        <v>0.28821848739495781</v>
      </c>
    </row>
    <row r="120542" spans="1:7" x14ac:dyDescent="0.3">
      <c r="A120542" s="13" t="s">
        <v>566</v>
      </c>
      <c r="B120542" s="14" t="s">
        <v>1</v>
      </c>
      <c r="C120542" s="14" t="s">
        <v>565</v>
      </c>
      <c r="D120542" s="14" t="s">
        <v>122</v>
      </c>
      <c r="E120542" s="15">
        <v>45468</v>
      </c>
      <c r="F120542" s="14" t="s">
        <v>15</v>
      </c>
      <c r="G120542" s="16">
        <v>0.2776638655462183</v>
      </c>
    </row>
    <row r="120543" spans="1:7" x14ac:dyDescent="0.3">
      <c r="A120543" s="13" t="s">
        <v>566</v>
      </c>
      <c r="B120543" s="14" t="s">
        <v>1</v>
      </c>
      <c r="C120543" s="14" t="s">
        <v>565</v>
      </c>
      <c r="D120543" s="14" t="s">
        <v>122</v>
      </c>
      <c r="E120543" s="15">
        <v>45469</v>
      </c>
      <c r="F120543" s="14" t="s">
        <v>15</v>
      </c>
      <c r="G120543" s="16">
        <v>0.28000988630746393</v>
      </c>
    </row>
    <row r="120544" spans="1:7" x14ac:dyDescent="0.3">
      <c r="A120544" s="13" t="s">
        <v>566</v>
      </c>
      <c r="B120544" s="14" t="s">
        <v>1</v>
      </c>
      <c r="C120544" s="14" t="s">
        <v>565</v>
      </c>
      <c r="D120544" s="14" t="s">
        <v>122</v>
      </c>
      <c r="E120544" s="15">
        <v>45470</v>
      </c>
      <c r="F120544" s="14" t="s">
        <v>15</v>
      </c>
      <c r="G120544" s="16">
        <v>0.28356599110232306</v>
      </c>
    </row>
    <row r="120545" spans="1:7" x14ac:dyDescent="0.3">
      <c r="A120545" s="13" t="s">
        <v>566</v>
      </c>
      <c r="B120545" s="14" t="s">
        <v>1</v>
      </c>
      <c r="C120545" s="14" t="s">
        <v>565</v>
      </c>
      <c r="D120545" s="14" t="s">
        <v>122</v>
      </c>
      <c r="E120545" s="15">
        <v>45471</v>
      </c>
      <c r="F120545" s="14" t="s">
        <v>15</v>
      </c>
      <c r="G120545" s="16">
        <v>0.30149876421156674</v>
      </c>
    </row>
    <row r="120546" spans="1:7" x14ac:dyDescent="0.3">
      <c r="A120546" s="13" t="s">
        <v>566</v>
      </c>
      <c r="B120546" s="14" t="s">
        <v>1</v>
      </c>
      <c r="C120546" s="14" t="s">
        <v>565</v>
      </c>
      <c r="D120546" s="14" t="s">
        <v>122</v>
      </c>
      <c r="E120546" s="15">
        <v>45472</v>
      </c>
      <c r="F120546" s="14" t="s">
        <v>15</v>
      </c>
      <c r="G120546" s="16">
        <v>0.30149876421156674</v>
      </c>
    </row>
    <row r="120547" spans="1:7" x14ac:dyDescent="0.3">
      <c r="A120547" s="13" t="s">
        <v>566</v>
      </c>
      <c r="B120547" s="14" t="s">
        <v>1</v>
      </c>
      <c r="C120547" s="14" t="s">
        <v>565</v>
      </c>
      <c r="D120547" s="14" t="s">
        <v>122</v>
      </c>
      <c r="E120547" s="15">
        <v>45473</v>
      </c>
      <c r="F120547" s="14" t="s">
        <v>15</v>
      </c>
      <c r="G120547" s="16">
        <v>0.30149876421156674</v>
      </c>
    </row>
    <row r="120548" spans="1:7" x14ac:dyDescent="0.3">
      <c r="A120548" s="13" t="s">
        <v>566</v>
      </c>
      <c r="B120548" s="14" t="s">
        <v>1</v>
      </c>
      <c r="C120548" s="14" t="s">
        <v>565</v>
      </c>
      <c r="D120548" s="14" t="s">
        <v>122</v>
      </c>
      <c r="E120548" s="15">
        <v>45474</v>
      </c>
      <c r="F120548" s="14" t="s">
        <v>15</v>
      </c>
      <c r="G120548" s="16">
        <v>0.30149876421156674</v>
      </c>
    </row>
    <row r="120549" spans="1:7" x14ac:dyDescent="0.3">
      <c r="A120549" s="13" t="s">
        <v>566</v>
      </c>
      <c r="B120549" s="14" t="s">
        <v>1</v>
      </c>
      <c r="C120549" s="14" t="s">
        <v>565</v>
      </c>
      <c r="D120549" s="14" t="s">
        <v>122</v>
      </c>
      <c r="E120549" s="15">
        <v>45475</v>
      </c>
      <c r="F120549" s="14" t="s">
        <v>15</v>
      </c>
      <c r="G120549" s="16">
        <v>0.29798121601581784</v>
      </c>
    </row>
    <row r="120550" spans="1:7" x14ac:dyDescent="0.3">
      <c r="A120550" s="13" t="s">
        <v>566</v>
      </c>
      <c r="B120550" s="14" t="s">
        <v>1</v>
      </c>
      <c r="C120550" s="14" t="s">
        <v>565</v>
      </c>
      <c r="D120550" s="14" t="s">
        <v>122</v>
      </c>
      <c r="E120550" s="15">
        <v>45476</v>
      </c>
      <c r="F120550" s="14" t="s">
        <v>15</v>
      </c>
      <c r="G120550" s="16">
        <v>0.31393672763222913</v>
      </c>
    </row>
    <row r="120551" spans="1:7" x14ac:dyDescent="0.3">
      <c r="A120551" s="13" t="s">
        <v>566</v>
      </c>
      <c r="B120551" s="14" t="s">
        <v>1</v>
      </c>
      <c r="C120551" s="14" t="s">
        <v>565</v>
      </c>
      <c r="D120551" s="14" t="s">
        <v>122</v>
      </c>
      <c r="E120551" s="15">
        <v>45477</v>
      </c>
      <c r="F120551" s="14" t="s">
        <v>15</v>
      </c>
      <c r="G120551" s="16">
        <v>0.34204053386060279</v>
      </c>
    </row>
    <row r="120552" spans="1:7" x14ac:dyDescent="0.3">
      <c r="A120552" s="13" t="s">
        <v>566</v>
      </c>
      <c r="B120552" s="14" t="s">
        <v>1</v>
      </c>
      <c r="C120552" s="14" t="s">
        <v>565</v>
      </c>
      <c r="D120552" s="14" t="s">
        <v>122</v>
      </c>
      <c r="E120552" s="15">
        <v>45478</v>
      </c>
      <c r="F120552" s="14" t="s">
        <v>15</v>
      </c>
      <c r="G120552" s="16">
        <v>0.3701304992585267</v>
      </c>
    </row>
    <row r="120553" spans="1:7" x14ac:dyDescent="0.3">
      <c r="A120553" s="13" t="s">
        <v>566</v>
      </c>
      <c r="B120553" s="14" t="s">
        <v>1</v>
      </c>
      <c r="C120553" s="14" t="s">
        <v>565</v>
      </c>
      <c r="D120553" s="14" t="s">
        <v>122</v>
      </c>
      <c r="E120553" s="15">
        <v>45479</v>
      </c>
      <c r="F120553" s="14" t="s">
        <v>15</v>
      </c>
      <c r="G120553" s="16">
        <v>0.3701304992585267</v>
      </c>
    </row>
    <row r="120554" spans="1:7" x14ac:dyDescent="0.3">
      <c r="A120554" s="13" t="s">
        <v>566</v>
      </c>
      <c r="B120554" s="14" t="s">
        <v>1</v>
      </c>
      <c r="C120554" s="14" t="s">
        <v>565</v>
      </c>
      <c r="D120554" s="14" t="s">
        <v>122</v>
      </c>
      <c r="E120554" s="15">
        <v>45480</v>
      </c>
      <c r="F120554" s="14" t="s">
        <v>15</v>
      </c>
      <c r="G120554" s="16">
        <v>0.3701304992585267</v>
      </c>
    </row>
    <row r="120555" spans="1:7" x14ac:dyDescent="0.3">
      <c r="A120555" s="13" t="s">
        <v>566</v>
      </c>
      <c r="B120555" s="14" t="s">
        <v>1</v>
      </c>
      <c r="C120555" s="14" t="s">
        <v>565</v>
      </c>
      <c r="D120555" s="14" t="s">
        <v>122</v>
      </c>
      <c r="E120555" s="15">
        <v>45481</v>
      </c>
      <c r="F120555" s="14" t="s">
        <v>15</v>
      </c>
      <c r="G120555" s="16">
        <v>0.36655956500247133</v>
      </c>
    </row>
    <row r="120556" spans="1:7" x14ac:dyDescent="0.3">
      <c r="A120556" s="13" t="s">
        <v>566</v>
      </c>
      <c r="B120556" s="14" t="s">
        <v>1</v>
      </c>
      <c r="C120556" s="14" t="s">
        <v>565</v>
      </c>
      <c r="D120556" s="14" t="s">
        <v>122</v>
      </c>
      <c r="E120556" s="15">
        <v>45482</v>
      </c>
      <c r="F120556" s="14" t="s">
        <v>15</v>
      </c>
      <c r="G120556" s="16">
        <v>0.35582896688086979</v>
      </c>
    </row>
    <row r="120557" spans="1:7" x14ac:dyDescent="0.3">
      <c r="A120557" s="13" t="s">
        <v>566</v>
      </c>
      <c r="B120557" s="14" t="s">
        <v>1</v>
      </c>
      <c r="C120557" s="14" t="s">
        <v>565</v>
      </c>
      <c r="D120557" s="14" t="s">
        <v>122</v>
      </c>
      <c r="E120557" s="15">
        <v>45483</v>
      </c>
      <c r="F120557" s="14" t="s">
        <v>15</v>
      </c>
      <c r="G120557" s="16">
        <v>0.3591903114186849</v>
      </c>
    </row>
    <row r="120558" spans="1:7" x14ac:dyDescent="0.3">
      <c r="A120558" s="13" t="s">
        <v>566</v>
      </c>
      <c r="B120558" s="14" t="s">
        <v>1</v>
      </c>
      <c r="C120558" s="14" t="s">
        <v>565</v>
      </c>
      <c r="D120558" s="14" t="s">
        <v>122</v>
      </c>
      <c r="E120558" s="15">
        <v>45484</v>
      </c>
      <c r="F120558" s="14" t="s">
        <v>15</v>
      </c>
      <c r="G120558" s="16">
        <v>0.35864557587740953</v>
      </c>
    </row>
    <row r="120559" spans="1:7" x14ac:dyDescent="0.3">
      <c r="A120559" s="13" t="s">
        <v>566</v>
      </c>
      <c r="B120559" s="14" t="s">
        <v>1</v>
      </c>
      <c r="C120559" s="14" t="s">
        <v>565</v>
      </c>
      <c r="D120559" s="14" t="s">
        <v>122</v>
      </c>
      <c r="E120559" s="15">
        <v>45485</v>
      </c>
      <c r="F120559" s="14" t="s">
        <v>15</v>
      </c>
      <c r="G120559" s="16">
        <v>0.35503707365299036</v>
      </c>
    </row>
    <row r="120560" spans="1:7" x14ac:dyDescent="0.3">
      <c r="A120560" s="13" t="s">
        <v>566</v>
      </c>
      <c r="B120560" s="14" t="s">
        <v>1</v>
      </c>
      <c r="C120560" s="14" t="s">
        <v>565</v>
      </c>
      <c r="D120560" s="14" t="s">
        <v>122</v>
      </c>
      <c r="E120560" s="15">
        <v>45486</v>
      </c>
      <c r="F120560" s="14" t="s">
        <v>15</v>
      </c>
      <c r="G120560" s="16">
        <v>0.35503707365299036</v>
      </c>
    </row>
    <row r="120561" spans="1:7" x14ac:dyDescent="0.3">
      <c r="A120561" s="13" t="s">
        <v>566</v>
      </c>
      <c r="B120561" s="14" t="s">
        <v>1</v>
      </c>
      <c r="C120561" s="14" t="s">
        <v>565</v>
      </c>
      <c r="D120561" s="14" t="s">
        <v>122</v>
      </c>
      <c r="E120561" s="15">
        <v>45487</v>
      </c>
      <c r="F120561" s="14" t="s">
        <v>15</v>
      </c>
      <c r="G120561" s="16">
        <v>0.35503707365299036</v>
      </c>
    </row>
    <row r="120562" spans="1:7" x14ac:dyDescent="0.3">
      <c r="A120562" s="13" t="s">
        <v>566</v>
      </c>
      <c r="B120562" s="14" t="s">
        <v>1</v>
      </c>
      <c r="C120562" s="14" t="s">
        <v>565</v>
      </c>
      <c r="D120562" s="14" t="s">
        <v>122</v>
      </c>
      <c r="E120562" s="15">
        <v>45488</v>
      </c>
      <c r="F120562" s="14" t="s">
        <v>15</v>
      </c>
      <c r="G120562" s="16">
        <v>0.35263173504695972</v>
      </c>
    </row>
    <row r="120563" spans="1:7" x14ac:dyDescent="0.3">
      <c r="A120563" s="13" t="s">
        <v>566</v>
      </c>
      <c r="B120563" s="14" t="s">
        <v>1</v>
      </c>
      <c r="C120563" s="14" t="s">
        <v>565</v>
      </c>
      <c r="D120563" s="14" t="s">
        <v>122</v>
      </c>
      <c r="E120563" s="15">
        <v>45489</v>
      </c>
      <c r="F120563" s="14" t="s">
        <v>15</v>
      </c>
      <c r="G120563" s="16">
        <v>0.34170439940682129</v>
      </c>
    </row>
    <row r="120564" spans="1:7" x14ac:dyDescent="0.3">
      <c r="A120564" s="13" t="s">
        <v>566</v>
      </c>
      <c r="B120564" s="14" t="s">
        <v>1</v>
      </c>
      <c r="C120564" s="14" t="s">
        <v>565</v>
      </c>
      <c r="D120564" s="14" t="s">
        <v>122</v>
      </c>
      <c r="E120564" s="15">
        <v>45490</v>
      </c>
      <c r="F120564" s="14" t="s">
        <v>15</v>
      </c>
      <c r="G120564" s="16">
        <v>0.34734849233811149</v>
      </c>
    </row>
    <row r="120565" spans="1:7" x14ac:dyDescent="0.3">
      <c r="A120565" s="13" t="s">
        <v>566</v>
      </c>
      <c r="B120565" s="14" t="s">
        <v>1</v>
      </c>
      <c r="C120565" s="14" t="s">
        <v>565</v>
      </c>
      <c r="D120565" s="14" t="s">
        <v>122</v>
      </c>
      <c r="E120565" s="15">
        <v>45491</v>
      </c>
      <c r="F120565" s="14" t="s">
        <v>15</v>
      </c>
      <c r="G120565" s="16">
        <v>0.34373900148294584</v>
      </c>
    </row>
    <row r="120566" spans="1:7" x14ac:dyDescent="0.3">
      <c r="A120566" s="13" t="s">
        <v>566</v>
      </c>
      <c r="B120566" s="14" t="s">
        <v>1</v>
      </c>
      <c r="C120566" s="14" t="s">
        <v>565</v>
      </c>
      <c r="D120566" s="14" t="s">
        <v>122</v>
      </c>
      <c r="E120566" s="15">
        <v>45492</v>
      </c>
      <c r="F120566" s="14" t="s">
        <v>15</v>
      </c>
      <c r="G120566" s="16">
        <v>0.39403756796836353</v>
      </c>
    </row>
    <row r="120567" spans="1:7" x14ac:dyDescent="0.3">
      <c r="A120567" s="13" t="s">
        <v>566</v>
      </c>
      <c r="B120567" s="14" t="s">
        <v>1</v>
      </c>
      <c r="C120567" s="14" t="s">
        <v>565</v>
      </c>
      <c r="D120567" s="14" t="s">
        <v>122</v>
      </c>
      <c r="E120567" s="15">
        <v>45493</v>
      </c>
      <c r="F120567" s="14" t="s">
        <v>15</v>
      </c>
      <c r="G120567" s="16">
        <v>0.39403756796836353</v>
      </c>
    </row>
    <row r="120568" spans="1:7" x14ac:dyDescent="0.3">
      <c r="A120568" s="13" t="s">
        <v>566</v>
      </c>
      <c r="B120568" s="14" t="s">
        <v>1</v>
      </c>
      <c r="C120568" s="14" t="s">
        <v>565</v>
      </c>
      <c r="D120568" s="14" t="s">
        <v>122</v>
      </c>
      <c r="E120568" s="15">
        <v>45494</v>
      </c>
      <c r="F120568" s="14" t="s">
        <v>15</v>
      </c>
      <c r="G120568" s="16">
        <v>0.39403756796836353</v>
      </c>
    </row>
    <row r="120569" spans="1:7" x14ac:dyDescent="0.3">
      <c r="A120569" s="13" t="s">
        <v>566</v>
      </c>
      <c r="B120569" s="14" t="s">
        <v>1</v>
      </c>
      <c r="C120569" s="14" t="s">
        <v>565</v>
      </c>
      <c r="D120569" s="14" t="s">
        <v>122</v>
      </c>
      <c r="E120569" s="15">
        <v>45495</v>
      </c>
      <c r="F120569" s="14" t="s">
        <v>15</v>
      </c>
      <c r="G120569" s="16">
        <v>0.39046564508156179</v>
      </c>
    </row>
    <row r="120570" spans="1:7" x14ac:dyDescent="0.3">
      <c r="A120570" s="13" t="s">
        <v>566</v>
      </c>
      <c r="B120570" s="14" t="s">
        <v>1</v>
      </c>
      <c r="C120570" s="14" t="s">
        <v>565</v>
      </c>
      <c r="D120570" s="14" t="s">
        <v>122</v>
      </c>
      <c r="E120570" s="15">
        <v>45496</v>
      </c>
      <c r="F120570" s="14" t="s">
        <v>15</v>
      </c>
      <c r="G120570" s="16">
        <v>0.3798892733564011</v>
      </c>
    </row>
    <row r="120571" spans="1:7" x14ac:dyDescent="0.3">
      <c r="A120571" s="13" t="s">
        <v>566</v>
      </c>
      <c r="B120571" s="14" t="s">
        <v>1</v>
      </c>
      <c r="C120571" s="14" t="s">
        <v>565</v>
      </c>
      <c r="D120571" s="14" t="s">
        <v>122</v>
      </c>
      <c r="E120571" s="15">
        <v>45497</v>
      </c>
      <c r="F120571" s="14" t="s">
        <v>15</v>
      </c>
      <c r="G120571" s="16">
        <v>0.3801047948591198</v>
      </c>
    </row>
    <row r="120572" spans="1:7" x14ac:dyDescent="0.3">
      <c r="A120572" s="13" t="s">
        <v>566</v>
      </c>
      <c r="B120572" s="14" t="s">
        <v>1</v>
      </c>
      <c r="C120572" s="14" t="s">
        <v>565</v>
      </c>
      <c r="D120572" s="14" t="s">
        <v>122</v>
      </c>
      <c r="E120572" s="15">
        <v>45498</v>
      </c>
      <c r="F120572" s="14" t="s">
        <v>15</v>
      </c>
      <c r="G120572" s="16">
        <v>0.3767137913989122</v>
      </c>
    </row>
    <row r="120573" spans="1:7" x14ac:dyDescent="0.3">
      <c r="A120573" s="13" t="s">
        <v>566</v>
      </c>
      <c r="B120573" s="14" t="s">
        <v>1</v>
      </c>
      <c r="C120573" s="14" t="s">
        <v>565</v>
      </c>
      <c r="D120573" s="14" t="s">
        <v>122</v>
      </c>
      <c r="E120573" s="15">
        <v>45499</v>
      </c>
      <c r="F120573" s="14" t="s">
        <v>15</v>
      </c>
      <c r="G120573" s="16">
        <v>0.37322293623331654</v>
      </c>
    </row>
    <row r="120574" spans="1:7" x14ac:dyDescent="0.3">
      <c r="A120574" s="13" t="s">
        <v>566</v>
      </c>
      <c r="B120574" s="14" t="s">
        <v>1</v>
      </c>
      <c r="C120574" s="14" t="s">
        <v>565</v>
      </c>
      <c r="D120574" s="14" t="s">
        <v>122</v>
      </c>
      <c r="E120574" s="15">
        <v>45500</v>
      </c>
      <c r="F120574" s="14" t="s">
        <v>15</v>
      </c>
      <c r="G120574" s="16">
        <v>0.37322293623331654</v>
      </c>
    </row>
    <row r="120575" spans="1:7" x14ac:dyDescent="0.3">
      <c r="A120575" s="13" t="s">
        <v>566</v>
      </c>
      <c r="B120575" s="14" t="s">
        <v>1</v>
      </c>
      <c r="C120575" s="14" t="s">
        <v>565</v>
      </c>
      <c r="D120575" s="14" t="s">
        <v>122</v>
      </c>
      <c r="E120575" s="15">
        <v>45501</v>
      </c>
      <c r="F120575" s="14" t="s">
        <v>15</v>
      </c>
      <c r="G120575" s="16">
        <v>0.37322293623331654</v>
      </c>
    </row>
    <row r="120576" spans="1:7" x14ac:dyDescent="0.3">
      <c r="A120576" s="13" t="s">
        <v>566</v>
      </c>
      <c r="B120576" s="14" t="s">
        <v>1</v>
      </c>
      <c r="C120576" s="14" t="s">
        <v>565</v>
      </c>
      <c r="D120576" s="14" t="s">
        <v>122</v>
      </c>
      <c r="E120576" s="15">
        <v>45502</v>
      </c>
      <c r="F120576" s="14" t="s">
        <v>15</v>
      </c>
      <c r="G120576" s="16">
        <v>0.36976866040533829</v>
      </c>
    </row>
    <row r="120577" spans="1:7" x14ac:dyDescent="0.3">
      <c r="A120577" s="13" t="s">
        <v>566</v>
      </c>
      <c r="B120577" s="14" t="s">
        <v>1</v>
      </c>
      <c r="C120577" s="14" t="s">
        <v>565</v>
      </c>
      <c r="D120577" s="14" t="s">
        <v>122</v>
      </c>
      <c r="E120577" s="15">
        <v>45503</v>
      </c>
      <c r="F120577" s="14" t="s">
        <v>15</v>
      </c>
      <c r="G120577" s="16">
        <v>0.36123776569451277</v>
      </c>
    </row>
    <row r="120578" spans="1:7" x14ac:dyDescent="0.3">
      <c r="A120578" s="13" t="s">
        <v>566</v>
      </c>
      <c r="B120578" s="14" t="s">
        <v>1</v>
      </c>
      <c r="C120578" s="14" t="s">
        <v>565</v>
      </c>
      <c r="D120578" s="14" t="s">
        <v>122</v>
      </c>
      <c r="E120578" s="15">
        <v>45504</v>
      </c>
      <c r="F120578" s="14" t="s">
        <v>15</v>
      </c>
      <c r="G120578" s="16">
        <v>0.35972219476025674</v>
      </c>
    </row>
    <row r="120579" spans="1:7" x14ac:dyDescent="0.3">
      <c r="A120579" s="13" t="s">
        <v>566</v>
      </c>
      <c r="B120579" s="14" t="s">
        <v>1</v>
      </c>
      <c r="C120579" s="14" t="s">
        <v>565</v>
      </c>
      <c r="D120579" s="14" t="s">
        <v>122</v>
      </c>
      <c r="E120579" s="15">
        <v>45505</v>
      </c>
      <c r="F120579" s="14" t="s">
        <v>15</v>
      </c>
      <c r="G120579" s="16">
        <v>0.37037073652990576</v>
      </c>
    </row>
    <row r="120580" spans="1:7" x14ac:dyDescent="0.3">
      <c r="A120580" s="13" t="s">
        <v>566</v>
      </c>
      <c r="B120580" s="14" t="s">
        <v>1</v>
      </c>
      <c r="C120580" s="14" t="s">
        <v>565</v>
      </c>
      <c r="D120580" s="14" t="s">
        <v>122</v>
      </c>
      <c r="E120580" s="15">
        <v>45506</v>
      </c>
      <c r="F120580" s="14" t="s">
        <v>15</v>
      </c>
      <c r="G120580" s="16">
        <v>0.36688086999505654</v>
      </c>
    </row>
    <row r="120581" spans="1:7" x14ac:dyDescent="0.3">
      <c r="A120581" s="13" t="s">
        <v>566</v>
      </c>
      <c r="B120581" s="14" t="s">
        <v>1</v>
      </c>
      <c r="C120581" s="14" t="s">
        <v>565</v>
      </c>
      <c r="D120581" s="14" t="s">
        <v>122</v>
      </c>
      <c r="E120581" s="15">
        <v>45507</v>
      </c>
      <c r="F120581" s="14" t="s">
        <v>15</v>
      </c>
      <c r="G120581" s="16">
        <v>0.36688086999505654</v>
      </c>
    </row>
    <row r="120582" spans="1:7" x14ac:dyDescent="0.3">
      <c r="A120582" s="13" t="s">
        <v>566</v>
      </c>
      <c r="B120582" s="14" t="s">
        <v>1</v>
      </c>
      <c r="C120582" s="14" t="s">
        <v>565</v>
      </c>
      <c r="D120582" s="14" t="s">
        <v>122</v>
      </c>
      <c r="E120582" s="15">
        <v>45508</v>
      </c>
      <c r="F120582" s="14" t="s">
        <v>15</v>
      </c>
      <c r="G120582" s="16">
        <v>0.36688086999505654</v>
      </c>
    </row>
    <row r="120583" spans="1:7" x14ac:dyDescent="0.3">
      <c r="A120583" s="13" t="s">
        <v>566</v>
      </c>
      <c r="B120583" s="14" t="s">
        <v>1</v>
      </c>
      <c r="C120583" s="14" t="s">
        <v>565</v>
      </c>
      <c r="D120583" s="14" t="s">
        <v>122</v>
      </c>
      <c r="E120583" s="15">
        <v>45509</v>
      </c>
      <c r="F120583" s="14" t="s">
        <v>15</v>
      </c>
      <c r="G120583" s="16">
        <v>0.36688086999505654</v>
      </c>
    </row>
    <row r="120584" spans="1:7" x14ac:dyDescent="0.3">
      <c r="A120584" s="13" t="s">
        <v>566</v>
      </c>
      <c r="B120584" s="14" t="s">
        <v>1</v>
      </c>
      <c r="C120584" s="14" t="s">
        <v>565</v>
      </c>
      <c r="D120584" s="14" t="s">
        <v>122</v>
      </c>
      <c r="E120584" s="15">
        <v>45510</v>
      </c>
      <c r="F120584" s="14" t="s">
        <v>15</v>
      </c>
      <c r="G120584" s="16">
        <v>0.36336628769154689</v>
      </c>
    </row>
    <row r="120585" spans="1:7" x14ac:dyDescent="0.3">
      <c r="A120585" s="13" t="s">
        <v>566</v>
      </c>
      <c r="B120585" s="14" t="s">
        <v>1</v>
      </c>
      <c r="C120585" s="14" t="s">
        <v>565</v>
      </c>
      <c r="D120585" s="14" t="s">
        <v>122</v>
      </c>
      <c r="E120585" s="15">
        <v>45511</v>
      </c>
      <c r="F120585" s="14" t="s">
        <v>15</v>
      </c>
      <c r="G120585" s="16">
        <v>0.35860207612456713</v>
      </c>
    </row>
    <row r="120586" spans="1:7" x14ac:dyDescent="0.3">
      <c r="A120586" s="13" t="s">
        <v>566</v>
      </c>
      <c r="B120586" s="14" t="s">
        <v>1</v>
      </c>
      <c r="C120586" s="14" t="s">
        <v>565</v>
      </c>
      <c r="D120586" s="14" t="s">
        <v>122</v>
      </c>
      <c r="E120586" s="15">
        <v>45512</v>
      </c>
      <c r="F120586" s="14" t="s">
        <v>15</v>
      </c>
      <c r="G120586" s="16">
        <v>0.35528917449332637</v>
      </c>
    </row>
    <row r="120587" spans="1:7" x14ac:dyDescent="0.3">
      <c r="A120587" s="13" t="s">
        <v>566</v>
      </c>
      <c r="B120587" s="14" t="s">
        <v>1</v>
      </c>
      <c r="C120587" s="14" t="s">
        <v>565</v>
      </c>
      <c r="D120587" s="14" t="s">
        <v>122</v>
      </c>
      <c r="E120587" s="15">
        <v>45513</v>
      </c>
      <c r="F120587" s="14" t="s">
        <v>15</v>
      </c>
      <c r="G120587" s="16">
        <v>0.36911220958971791</v>
      </c>
    </row>
    <row r="120588" spans="1:7" x14ac:dyDescent="0.3">
      <c r="A120588" s="13" t="s">
        <v>566</v>
      </c>
      <c r="B120588" s="14" t="s">
        <v>1</v>
      </c>
      <c r="C120588" s="14" t="s">
        <v>565</v>
      </c>
      <c r="D120588" s="14" t="s">
        <v>122</v>
      </c>
      <c r="E120588" s="15">
        <v>45514</v>
      </c>
      <c r="F120588" s="14" t="s">
        <v>15</v>
      </c>
      <c r="G120588" s="16">
        <v>0.36911220958971791</v>
      </c>
    </row>
    <row r="120589" spans="1:7" x14ac:dyDescent="0.3">
      <c r="A120589" s="13" t="s">
        <v>566</v>
      </c>
      <c r="B120589" s="14" t="s">
        <v>1</v>
      </c>
      <c r="C120589" s="14" t="s">
        <v>565</v>
      </c>
      <c r="D120589" s="14" t="s">
        <v>122</v>
      </c>
      <c r="E120589" s="15">
        <v>45515</v>
      </c>
      <c r="F120589" s="14" t="s">
        <v>15</v>
      </c>
      <c r="G120589" s="16">
        <v>0.36911220958971791</v>
      </c>
    </row>
    <row r="120590" spans="1:7" x14ac:dyDescent="0.3">
      <c r="A120590" s="13" t="s">
        <v>566</v>
      </c>
      <c r="B120590" s="14" t="s">
        <v>1</v>
      </c>
      <c r="C120590" s="14" t="s">
        <v>565</v>
      </c>
      <c r="D120590" s="14" t="s">
        <v>122</v>
      </c>
      <c r="E120590" s="15">
        <v>45516</v>
      </c>
      <c r="F120590" s="14" t="s">
        <v>15</v>
      </c>
      <c r="G120590" s="16">
        <v>0.38094117647058789</v>
      </c>
    </row>
    <row r="120591" spans="1:7" x14ac:dyDescent="0.3">
      <c r="A120591" s="13" t="s">
        <v>566</v>
      </c>
      <c r="B120591" s="14" t="s">
        <v>1</v>
      </c>
      <c r="C120591" s="14" t="s">
        <v>565</v>
      </c>
      <c r="D120591" s="14" t="s">
        <v>122</v>
      </c>
      <c r="E120591" s="15">
        <v>45517</v>
      </c>
      <c r="F120591" s="14" t="s">
        <v>15</v>
      </c>
      <c r="G120591" s="16">
        <v>0.38409391992090919</v>
      </c>
    </row>
    <row r="120592" spans="1:7" x14ac:dyDescent="0.3">
      <c r="A120592" s="13" t="s">
        <v>566</v>
      </c>
      <c r="B120592" s="14" t="s">
        <v>1</v>
      </c>
      <c r="C120592" s="14" t="s">
        <v>565</v>
      </c>
      <c r="D120592" s="14" t="s">
        <v>122</v>
      </c>
      <c r="E120592" s="15">
        <v>45518</v>
      </c>
      <c r="F120592" s="14" t="s">
        <v>15</v>
      </c>
      <c r="G120592" s="16">
        <v>0.38065051903114155</v>
      </c>
    </row>
    <row r="120593" spans="1:7" x14ac:dyDescent="0.3">
      <c r="A120593" s="13" t="s">
        <v>566</v>
      </c>
      <c r="B120593" s="14" t="s">
        <v>1</v>
      </c>
      <c r="C120593" s="14" t="s">
        <v>565</v>
      </c>
      <c r="D120593" s="14" t="s">
        <v>122</v>
      </c>
      <c r="E120593" s="15">
        <v>45519</v>
      </c>
      <c r="F120593" s="14" t="s">
        <v>15</v>
      </c>
      <c r="G120593" s="16">
        <v>0.3906969846762231</v>
      </c>
    </row>
    <row r="120594" spans="1:7" x14ac:dyDescent="0.3">
      <c r="A120594" s="13" t="s">
        <v>566</v>
      </c>
      <c r="B120594" s="14" t="s">
        <v>1</v>
      </c>
      <c r="C120594" s="14" t="s">
        <v>565</v>
      </c>
      <c r="D120594" s="14" t="s">
        <v>122</v>
      </c>
      <c r="E120594" s="15">
        <v>45520</v>
      </c>
      <c r="F120594" s="14" t="s">
        <v>15</v>
      </c>
      <c r="G120594" s="16">
        <v>0.4291557093425602</v>
      </c>
    </row>
    <row r="120595" spans="1:7" x14ac:dyDescent="0.3">
      <c r="A120595" s="13" t="s">
        <v>566</v>
      </c>
      <c r="B120595" s="14" t="s">
        <v>1</v>
      </c>
      <c r="C120595" s="14" t="s">
        <v>565</v>
      </c>
      <c r="D120595" s="14" t="s">
        <v>122</v>
      </c>
      <c r="E120595" s="15">
        <v>45521</v>
      </c>
      <c r="F120595" s="14" t="s">
        <v>15</v>
      </c>
      <c r="G120595" s="16">
        <v>0.4291557093425602</v>
      </c>
    </row>
    <row r="120596" spans="1:7" x14ac:dyDescent="0.3">
      <c r="A120596" s="13" t="s">
        <v>566</v>
      </c>
      <c r="B120596" s="14" t="s">
        <v>1</v>
      </c>
      <c r="C120596" s="14" t="s">
        <v>565</v>
      </c>
      <c r="D120596" s="14" t="s">
        <v>122</v>
      </c>
      <c r="E120596" s="15">
        <v>45522</v>
      </c>
      <c r="F120596" s="14" t="s">
        <v>15</v>
      </c>
      <c r="G120596" s="16">
        <v>0.4291557093425602</v>
      </c>
    </row>
    <row r="120597" spans="1:7" x14ac:dyDescent="0.3">
      <c r="A120597" s="13" t="s">
        <v>566</v>
      </c>
      <c r="B120597" s="14" t="s">
        <v>1</v>
      </c>
      <c r="C120597" s="14" t="s">
        <v>565</v>
      </c>
      <c r="D120597" s="14" t="s">
        <v>122</v>
      </c>
      <c r="E120597" s="15">
        <v>45523</v>
      </c>
      <c r="F120597" s="14" t="s">
        <v>15</v>
      </c>
      <c r="G120597" s="16">
        <v>0.43075037073652955</v>
      </c>
    </row>
    <row r="120598" spans="1:7" x14ac:dyDescent="0.3">
      <c r="A120598" s="13" t="s">
        <v>566</v>
      </c>
      <c r="B120598" s="14" t="s">
        <v>1</v>
      </c>
      <c r="C120598" s="14" t="s">
        <v>565</v>
      </c>
      <c r="D120598" s="14" t="s">
        <v>122</v>
      </c>
      <c r="E120598" s="15">
        <v>45524</v>
      </c>
      <c r="F120598" s="14" t="s">
        <v>15</v>
      </c>
      <c r="G120598" s="16">
        <v>0.4251754819574885</v>
      </c>
    </row>
    <row r="120599" spans="1:7" x14ac:dyDescent="0.3">
      <c r="A120599" s="13" t="s">
        <v>566</v>
      </c>
      <c r="B120599" s="14" t="s">
        <v>1</v>
      </c>
      <c r="C120599" s="14" t="s">
        <v>565</v>
      </c>
      <c r="D120599" s="14" t="s">
        <v>122</v>
      </c>
      <c r="E120599" s="15">
        <v>45525</v>
      </c>
      <c r="F120599" s="14" t="s">
        <v>15</v>
      </c>
      <c r="G120599" s="16">
        <v>0.42162234305486868</v>
      </c>
    </row>
    <row r="120600" spans="1:7" x14ac:dyDescent="0.3">
      <c r="A120600" s="13" t="s">
        <v>566</v>
      </c>
      <c r="B120600" s="14" t="s">
        <v>1</v>
      </c>
      <c r="C120600" s="14" t="s">
        <v>565</v>
      </c>
      <c r="D120600" s="14" t="s">
        <v>122</v>
      </c>
      <c r="E120600" s="15">
        <v>45526</v>
      </c>
      <c r="F120600" s="14" t="s">
        <v>15</v>
      </c>
      <c r="G120600" s="16">
        <v>0.41703509639149744</v>
      </c>
    </row>
    <row r="120601" spans="1:7" x14ac:dyDescent="0.3">
      <c r="A120601" s="13" t="s">
        <v>566</v>
      </c>
      <c r="B120601" s="14" t="s">
        <v>1</v>
      </c>
      <c r="C120601" s="14" t="s">
        <v>565</v>
      </c>
      <c r="D120601" s="14" t="s">
        <v>122</v>
      </c>
      <c r="E120601" s="15">
        <v>45527</v>
      </c>
      <c r="F120601" s="14" t="s">
        <v>15</v>
      </c>
      <c r="G120601" s="16">
        <v>0.4134394463667817</v>
      </c>
    </row>
    <row r="120602" spans="1:7" x14ac:dyDescent="0.3">
      <c r="A120602" s="13" t="s">
        <v>566</v>
      </c>
      <c r="B120602" s="14" t="s">
        <v>1</v>
      </c>
      <c r="C120602" s="14" t="s">
        <v>565</v>
      </c>
      <c r="D120602" s="14" t="s">
        <v>122</v>
      </c>
      <c r="E120602" s="15">
        <v>45528</v>
      </c>
      <c r="F120602" s="14" t="s">
        <v>15</v>
      </c>
      <c r="G120602" s="16">
        <v>0.4134394463667817</v>
      </c>
    </row>
    <row r="120603" spans="1:7" x14ac:dyDescent="0.3">
      <c r="A120603" s="13" t="s">
        <v>566</v>
      </c>
      <c r="B120603" s="14" t="s">
        <v>1</v>
      </c>
      <c r="C120603" s="14" t="s">
        <v>565</v>
      </c>
      <c r="D120603" s="14" t="s">
        <v>122</v>
      </c>
      <c r="E120603" s="15">
        <v>45529</v>
      </c>
      <c r="F120603" s="14" t="s">
        <v>15</v>
      </c>
      <c r="G120603" s="16">
        <v>0.4134394463667817</v>
      </c>
    </row>
    <row r="120604" spans="1:7" x14ac:dyDescent="0.3">
      <c r="A120604" s="13" t="s">
        <v>566</v>
      </c>
      <c r="B120604" s="14" t="s">
        <v>1</v>
      </c>
      <c r="C120604" s="14" t="s">
        <v>565</v>
      </c>
      <c r="D120604" s="14" t="s">
        <v>122</v>
      </c>
      <c r="E120604" s="15">
        <v>45530</v>
      </c>
      <c r="F120604" s="14" t="s">
        <v>15</v>
      </c>
      <c r="G120604" s="16">
        <v>0.41886406327236747</v>
      </c>
    </row>
    <row r="120605" spans="1:7" x14ac:dyDescent="0.3">
      <c r="A120605" s="13" t="s">
        <v>566</v>
      </c>
      <c r="B120605" s="14" t="s">
        <v>1</v>
      </c>
      <c r="C120605" s="14" t="s">
        <v>565</v>
      </c>
      <c r="D120605" s="14" t="s">
        <v>122</v>
      </c>
      <c r="E120605" s="15">
        <v>45531</v>
      </c>
      <c r="F120605" s="14" t="s">
        <v>15</v>
      </c>
      <c r="G120605" s="16">
        <v>0.40668116658428038</v>
      </c>
    </row>
    <row r="120606" spans="1:7" x14ac:dyDescent="0.3">
      <c r="A120606" s="13" t="s">
        <v>566</v>
      </c>
      <c r="B120606" s="14" t="s">
        <v>1</v>
      </c>
      <c r="C120606" s="14" t="s">
        <v>565</v>
      </c>
      <c r="D120606" s="14" t="s">
        <v>122</v>
      </c>
      <c r="E120606" s="15">
        <v>45532</v>
      </c>
      <c r="F120606" s="14" t="s">
        <v>15</v>
      </c>
      <c r="G120606" s="16">
        <v>0.40357983193277275</v>
      </c>
    </row>
    <row r="120607" spans="1:7" x14ac:dyDescent="0.3">
      <c r="A120607" s="13" t="s">
        <v>566</v>
      </c>
      <c r="B120607" s="14" t="s">
        <v>1</v>
      </c>
      <c r="C120607" s="14" t="s">
        <v>565</v>
      </c>
      <c r="D120607" s="14" t="s">
        <v>122</v>
      </c>
      <c r="E120607" s="15">
        <v>45533</v>
      </c>
      <c r="F120607" s="14" t="s">
        <v>15</v>
      </c>
      <c r="G120607" s="16">
        <v>0.40197231833909997</v>
      </c>
    </row>
    <row r="120608" spans="1:7" x14ac:dyDescent="0.3">
      <c r="A120608" s="13" t="s">
        <v>566</v>
      </c>
      <c r="B120608" s="14" t="s">
        <v>1</v>
      </c>
      <c r="C120608" s="14" t="s">
        <v>565</v>
      </c>
      <c r="D120608" s="14" t="s">
        <v>122</v>
      </c>
      <c r="E120608" s="15">
        <v>45534</v>
      </c>
      <c r="F120608" s="14" t="s">
        <v>15</v>
      </c>
      <c r="G120608" s="16">
        <v>0.40214434008897637</v>
      </c>
    </row>
    <row r="120609" spans="1:7" x14ac:dyDescent="0.3">
      <c r="A120609" s="13" t="s">
        <v>566</v>
      </c>
      <c r="B120609" s="14" t="s">
        <v>1</v>
      </c>
      <c r="C120609" s="14" t="s">
        <v>565</v>
      </c>
      <c r="D120609" s="14" t="s">
        <v>122</v>
      </c>
      <c r="E120609" s="15">
        <v>45535</v>
      </c>
      <c r="F120609" s="14" t="s">
        <v>15</v>
      </c>
      <c r="G120609" s="16">
        <v>0.40214434008897637</v>
      </c>
    </row>
    <row r="120610" spans="1:7" x14ac:dyDescent="0.3">
      <c r="A120610" s="13" t="s">
        <v>566</v>
      </c>
      <c r="B120610" s="14" t="s">
        <v>1</v>
      </c>
      <c r="C120610" s="14" t="s">
        <v>565</v>
      </c>
      <c r="D120610" s="14" t="s">
        <v>122</v>
      </c>
      <c r="E120610" s="15">
        <v>45536</v>
      </c>
      <c r="F120610" s="14" t="s">
        <v>15</v>
      </c>
      <c r="G120610" s="16">
        <v>0.40214434008897637</v>
      </c>
    </row>
    <row r="120611" spans="1:7" x14ac:dyDescent="0.3">
      <c r="A120611" s="13" t="s">
        <v>566</v>
      </c>
      <c r="B120611" s="14" t="s">
        <v>1</v>
      </c>
      <c r="C120611" s="14" t="s">
        <v>565</v>
      </c>
      <c r="D120611" s="14" t="s">
        <v>122</v>
      </c>
      <c r="E120611" s="15">
        <v>45537</v>
      </c>
      <c r="F120611" s="14" t="s">
        <v>15</v>
      </c>
      <c r="G120611" s="16">
        <v>0.39862876915472034</v>
      </c>
    </row>
    <row r="120612" spans="1:7" x14ac:dyDescent="0.3">
      <c r="A120612" s="13" t="s">
        <v>566</v>
      </c>
      <c r="B120612" s="14" t="s">
        <v>1</v>
      </c>
      <c r="C120612" s="14" t="s">
        <v>565</v>
      </c>
      <c r="D120612" s="14" t="s">
        <v>122</v>
      </c>
      <c r="E120612" s="15">
        <v>45538</v>
      </c>
      <c r="F120612" s="14" t="s">
        <v>15</v>
      </c>
      <c r="G120612" s="16">
        <v>0.38800395452298531</v>
      </c>
    </row>
    <row r="120613" spans="1:7" x14ac:dyDescent="0.3">
      <c r="A120613" s="13" t="s">
        <v>566</v>
      </c>
      <c r="B120613" s="14" t="s">
        <v>1</v>
      </c>
      <c r="C120613" s="14" t="s">
        <v>565</v>
      </c>
      <c r="D120613" s="14" t="s">
        <v>122</v>
      </c>
      <c r="E120613" s="15">
        <v>45539</v>
      </c>
      <c r="F120613" s="14" t="s">
        <v>15</v>
      </c>
      <c r="G120613" s="16">
        <v>0.38447750865051866</v>
      </c>
    </row>
    <row r="120614" spans="1:7" x14ac:dyDescent="0.3">
      <c r="A120614" s="13" t="s">
        <v>566</v>
      </c>
      <c r="B120614" s="14" t="s">
        <v>1</v>
      </c>
      <c r="C120614" s="14" t="s">
        <v>565</v>
      </c>
      <c r="D120614" s="14" t="s">
        <v>122</v>
      </c>
      <c r="E120614" s="15">
        <v>45540</v>
      </c>
      <c r="F120614" s="14" t="s">
        <v>15</v>
      </c>
      <c r="G120614" s="16">
        <v>0.38095798319327695</v>
      </c>
    </row>
    <row r="120615" spans="1:7" x14ac:dyDescent="0.3">
      <c r="A120615" s="13" t="s">
        <v>566</v>
      </c>
      <c r="B120615" s="14" t="s">
        <v>1</v>
      </c>
      <c r="C120615" s="14" t="s">
        <v>565</v>
      </c>
      <c r="D120615" s="14" t="s">
        <v>122</v>
      </c>
      <c r="E120615" s="15">
        <v>45541</v>
      </c>
      <c r="F120615" s="14" t="s">
        <v>15</v>
      </c>
      <c r="G120615" s="16">
        <v>0.39203855659910986</v>
      </c>
    </row>
    <row r="120616" spans="1:7" x14ac:dyDescent="0.3">
      <c r="A120616" s="13" t="s">
        <v>566</v>
      </c>
      <c r="B120616" s="14" t="s">
        <v>1</v>
      </c>
      <c r="C120616" s="14" t="s">
        <v>565</v>
      </c>
      <c r="D120616" s="14" t="s">
        <v>122</v>
      </c>
      <c r="E120616" s="15">
        <v>45542</v>
      </c>
      <c r="F120616" s="14" t="s">
        <v>15</v>
      </c>
      <c r="G120616" s="16">
        <v>0.39203855659910986</v>
      </c>
    </row>
    <row r="120617" spans="1:7" x14ac:dyDescent="0.3">
      <c r="A120617" s="13" t="s">
        <v>566</v>
      </c>
      <c r="B120617" s="14" t="s">
        <v>1</v>
      </c>
      <c r="C120617" s="14" t="s">
        <v>565</v>
      </c>
      <c r="D120617" s="14" t="s">
        <v>122</v>
      </c>
      <c r="E120617" s="15">
        <v>45543</v>
      </c>
      <c r="F120617" s="14" t="s">
        <v>15</v>
      </c>
      <c r="G120617" s="16">
        <v>0.39203855659910986</v>
      </c>
    </row>
    <row r="120618" spans="1:7" x14ac:dyDescent="0.3">
      <c r="A120618" s="13" t="s">
        <v>566</v>
      </c>
      <c r="B120618" s="14" t="s">
        <v>1</v>
      </c>
      <c r="C120618" s="14" t="s">
        <v>565</v>
      </c>
      <c r="D120618" s="14" t="s">
        <v>122</v>
      </c>
      <c r="E120618" s="15">
        <v>45544</v>
      </c>
      <c r="F120618" s="14" t="s">
        <v>15</v>
      </c>
      <c r="G120618" s="16">
        <v>0.40299555116164076</v>
      </c>
    </row>
    <row r="120619" spans="1:7" x14ac:dyDescent="0.3">
      <c r="A120619" s="13" t="s">
        <v>566</v>
      </c>
      <c r="B120619" s="14" t="s">
        <v>1</v>
      </c>
      <c r="C120619" s="14" t="s">
        <v>565</v>
      </c>
      <c r="D120619" s="14" t="s">
        <v>122</v>
      </c>
      <c r="E120619" s="15">
        <v>45545</v>
      </c>
      <c r="F120619" s="14" t="s">
        <v>15</v>
      </c>
      <c r="G120619" s="16">
        <v>0.43389026198714736</v>
      </c>
    </row>
    <row r="120620" spans="1:7" x14ac:dyDescent="0.3">
      <c r="A120620" s="13" t="s">
        <v>566</v>
      </c>
      <c r="B120620" s="14" t="s">
        <v>1</v>
      </c>
      <c r="C120620" s="14" t="s">
        <v>565</v>
      </c>
      <c r="D120620" s="14" t="s">
        <v>122</v>
      </c>
      <c r="E120620" s="15">
        <v>45546</v>
      </c>
      <c r="F120620" s="14" t="s">
        <v>15</v>
      </c>
      <c r="G120620" s="16">
        <v>0.43045279288185817</v>
      </c>
    </row>
    <row r="120621" spans="1:7" x14ac:dyDescent="0.3">
      <c r="A120621" s="13" t="s">
        <v>566</v>
      </c>
      <c r="B120621" s="14" t="s">
        <v>1</v>
      </c>
      <c r="C120621" s="14" t="s">
        <v>565</v>
      </c>
      <c r="D120621" s="14" t="s">
        <v>122</v>
      </c>
      <c r="E120621" s="15">
        <v>45547</v>
      </c>
      <c r="F120621" s="14" t="s">
        <v>15</v>
      </c>
      <c r="G120621" s="16">
        <v>0.43442313395946563</v>
      </c>
    </row>
    <row r="120622" spans="1:7" x14ac:dyDescent="0.3">
      <c r="A120622" s="13" t="s">
        <v>566</v>
      </c>
      <c r="B120622" s="14" t="s">
        <v>1</v>
      </c>
      <c r="C120622" s="14" t="s">
        <v>565</v>
      </c>
      <c r="D120622" s="14" t="s">
        <v>122</v>
      </c>
      <c r="E120622" s="15">
        <v>45548</v>
      </c>
      <c r="F120622" s="14" t="s">
        <v>15</v>
      </c>
      <c r="G120622" s="16">
        <v>0.45533168561542214</v>
      </c>
    </row>
    <row r="120623" spans="1:7" x14ac:dyDescent="0.3">
      <c r="A120623" s="13" t="s">
        <v>566</v>
      </c>
      <c r="B120623" s="14" t="s">
        <v>1</v>
      </c>
      <c r="C120623" s="14" t="s">
        <v>565</v>
      </c>
      <c r="D120623" s="14" t="s">
        <v>122</v>
      </c>
      <c r="E120623" s="15">
        <v>45549</v>
      </c>
      <c r="F120623" s="14" t="s">
        <v>15</v>
      </c>
      <c r="G120623" s="16">
        <v>0.45533168561542214</v>
      </c>
    </row>
    <row r="120624" spans="1:7" x14ac:dyDescent="0.3">
      <c r="A120624" s="13" t="s">
        <v>566</v>
      </c>
      <c r="B120624" s="14" t="s">
        <v>1</v>
      </c>
      <c r="C120624" s="14" t="s">
        <v>565</v>
      </c>
      <c r="D120624" s="14" t="s">
        <v>122</v>
      </c>
      <c r="E120624" s="15">
        <v>45550</v>
      </c>
      <c r="F120624" s="14" t="s">
        <v>15</v>
      </c>
      <c r="G120624" s="16">
        <v>0.45533168561542214</v>
      </c>
    </row>
    <row r="120625" spans="1:7" x14ac:dyDescent="0.3">
      <c r="A120625" s="13" t="s">
        <v>566</v>
      </c>
      <c r="B120625" s="14" t="s">
        <v>1</v>
      </c>
      <c r="C120625" s="14" t="s">
        <v>565</v>
      </c>
      <c r="D120625" s="14" t="s">
        <v>122</v>
      </c>
      <c r="E120625" s="15">
        <v>45551</v>
      </c>
      <c r="F120625" s="14" t="s">
        <v>15</v>
      </c>
      <c r="G120625" s="16">
        <v>0.45533168561542214</v>
      </c>
    </row>
    <row r="120626" spans="1:7" x14ac:dyDescent="0.3">
      <c r="A120626" s="13" t="s">
        <v>566</v>
      </c>
      <c r="B120626" s="14" t="s">
        <v>1</v>
      </c>
      <c r="C120626" s="14" t="s">
        <v>565</v>
      </c>
      <c r="D120626" s="14" t="s">
        <v>122</v>
      </c>
      <c r="E120626" s="15">
        <v>45552</v>
      </c>
      <c r="F120626" s="14" t="s">
        <v>15</v>
      </c>
      <c r="G120626" s="16">
        <v>0.45533168561542214</v>
      </c>
    </row>
    <row r="120627" spans="1:7" x14ac:dyDescent="0.3">
      <c r="A120627" s="13" t="s">
        <v>566</v>
      </c>
      <c r="B120627" s="14" t="s">
        <v>1</v>
      </c>
      <c r="C120627" s="14" t="s">
        <v>565</v>
      </c>
      <c r="D120627" s="14" t="s">
        <v>122</v>
      </c>
      <c r="E120627" s="15">
        <v>45553</v>
      </c>
      <c r="F120627" s="14" t="s">
        <v>15</v>
      </c>
      <c r="G120627" s="16">
        <v>0.45533168561542214</v>
      </c>
    </row>
    <row r="120628" spans="1:7" x14ac:dyDescent="0.3">
      <c r="A120628" s="13" t="s">
        <v>566</v>
      </c>
      <c r="B120628" s="14" t="s">
        <v>1</v>
      </c>
      <c r="C120628" s="14" t="s">
        <v>565</v>
      </c>
      <c r="D120628" s="14" t="s">
        <v>122</v>
      </c>
      <c r="E120628" s="15">
        <v>45554</v>
      </c>
      <c r="F120628" s="14" t="s">
        <v>15</v>
      </c>
      <c r="G120628" s="16">
        <v>0.48863173504695945</v>
      </c>
    </row>
    <row r="120629" spans="1:7" x14ac:dyDescent="0.3">
      <c r="A120629" s="13" t="s">
        <v>566</v>
      </c>
      <c r="B120629" s="14" t="s">
        <v>1</v>
      </c>
      <c r="C120629" s="14" t="s">
        <v>565</v>
      </c>
      <c r="D120629" s="14" t="s">
        <v>122</v>
      </c>
      <c r="E120629" s="15">
        <v>45555</v>
      </c>
      <c r="F120629" s="14" t="s">
        <v>15</v>
      </c>
      <c r="G120629" s="16">
        <v>0.47764903608502174</v>
      </c>
    </row>
    <row r="120630" spans="1:7" x14ac:dyDescent="0.3">
      <c r="A120630" s="13" t="s">
        <v>566</v>
      </c>
      <c r="B120630" s="14" t="s">
        <v>1</v>
      </c>
      <c r="C120630" s="14" t="s">
        <v>565</v>
      </c>
      <c r="D120630" s="14" t="s">
        <v>122</v>
      </c>
      <c r="E120630" s="15">
        <v>45556</v>
      </c>
      <c r="F120630" s="14" t="s">
        <v>15</v>
      </c>
      <c r="G120630" s="16">
        <v>0.47764903608502174</v>
      </c>
    </row>
    <row r="120631" spans="1:7" x14ac:dyDescent="0.3">
      <c r="A120631" s="13" t="s">
        <v>566</v>
      </c>
      <c r="B120631" s="14" t="s">
        <v>1</v>
      </c>
      <c r="C120631" s="14" t="s">
        <v>565</v>
      </c>
      <c r="D120631" s="14" t="s">
        <v>122</v>
      </c>
      <c r="E120631" s="15">
        <v>45557</v>
      </c>
      <c r="F120631" s="14" t="s">
        <v>15</v>
      </c>
      <c r="G120631" s="16">
        <v>0.47764903608502174</v>
      </c>
    </row>
    <row r="120632" spans="1:7" x14ac:dyDescent="0.3">
      <c r="A120632" s="13" t="s">
        <v>566</v>
      </c>
      <c r="B120632" s="14" t="s">
        <v>1</v>
      </c>
      <c r="C120632" s="14" t="s">
        <v>565</v>
      </c>
      <c r="D120632" s="14" t="s">
        <v>122</v>
      </c>
      <c r="E120632" s="15">
        <v>45558</v>
      </c>
      <c r="F120632" s="14" t="s">
        <v>15</v>
      </c>
      <c r="G120632" s="16">
        <v>0.4740909540286698</v>
      </c>
    </row>
    <row r="120633" spans="1:7" x14ac:dyDescent="0.3">
      <c r="A120633" s="13" t="s">
        <v>566</v>
      </c>
      <c r="B120633" s="14" t="s">
        <v>1</v>
      </c>
      <c r="C120633" s="14" t="s">
        <v>565</v>
      </c>
      <c r="D120633" s="14" t="s">
        <v>122</v>
      </c>
      <c r="E120633" s="15">
        <v>45559</v>
      </c>
      <c r="F120633" s="14" t="s">
        <v>15</v>
      </c>
      <c r="G120633" s="16">
        <v>0.46330696984676173</v>
      </c>
    </row>
    <row r="120634" spans="1:7" x14ac:dyDescent="0.3">
      <c r="A120634" s="13" t="s">
        <v>566</v>
      </c>
      <c r="B120634" s="14" t="s">
        <v>1</v>
      </c>
      <c r="C120634" s="14" t="s">
        <v>565</v>
      </c>
      <c r="D120634" s="14" t="s">
        <v>122</v>
      </c>
      <c r="E120634" s="15">
        <v>45560</v>
      </c>
      <c r="F120634" s="14" t="s">
        <v>15</v>
      </c>
      <c r="G120634" s="16">
        <v>0.45965299060800741</v>
      </c>
    </row>
    <row r="120635" spans="1:7" x14ac:dyDescent="0.3">
      <c r="A120635" s="13" t="s">
        <v>566</v>
      </c>
      <c r="B120635" s="14" t="s">
        <v>1</v>
      </c>
      <c r="C120635" s="14" t="s">
        <v>565</v>
      </c>
      <c r="D120635" s="14" t="s">
        <v>122</v>
      </c>
      <c r="E120635" s="15">
        <v>45561</v>
      </c>
      <c r="F120635" s="14" t="s">
        <v>15</v>
      </c>
      <c r="G120635" s="16">
        <v>0.45600494315373163</v>
      </c>
    </row>
    <row r="120636" spans="1:7" x14ac:dyDescent="0.3">
      <c r="A120636" s="13" t="s">
        <v>566</v>
      </c>
      <c r="B120636" s="14" t="s">
        <v>1</v>
      </c>
      <c r="C120636" s="14" t="s">
        <v>565</v>
      </c>
      <c r="D120636" s="14" t="s">
        <v>122</v>
      </c>
      <c r="E120636" s="15">
        <v>45562</v>
      </c>
      <c r="F120636" s="14" t="s">
        <v>15</v>
      </c>
      <c r="G120636" s="16">
        <v>0.45271774592189767</v>
      </c>
    </row>
    <row r="120637" spans="1:7" x14ac:dyDescent="0.3">
      <c r="A120637" s="13" t="s">
        <v>566</v>
      </c>
      <c r="B120637" s="14" t="s">
        <v>1</v>
      </c>
      <c r="C120637" s="14" t="s">
        <v>565</v>
      </c>
      <c r="D120637" s="14" t="s">
        <v>122</v>
      </c>
      <c r="E120637" s="15">
        <v>45563</v>
      </c>
      <c r="F120637" s="14" t="s">
        <v>15</v>
      </c>
      <c r="G120637" s="16">
        <v>0.45271774592189767</v>
      </c>
    </row>
    <row r="120638" spans="1:7" x14ac:dyDescent="0.3">
      <c r="A120638" s="13" t="s">
        <v>566</v>
      </c>
      <c r="B120638" s="14" t="s">
        <v>1</v>
      </c>
      <c r="C120638" s="14" t="s">
        <v>565</v>
      </c>
      <c r="D120638" s="14" t="s">
        <v>122</v>
      </c>
      <c r="E120638" s="15">
        <v>45564</v>
      </c>
      <c r="F120638" s="14" t="s">
        <v>15</v>
      </c>
      <c r="G120638" s="16">
        <v>0.45271774592189767</v>
      </c>
    </row>
    <row r="120639" spans="1:7" x14ac:dyDescent="0.3">
      <c r="A120639" s="13" t="s">
        <v>566</v>
      </c>
      <c r="B120639" s="14" t="s">
        <v>1</v>
      </c>
      <c r="C120639" s="14" t="s">
        <v>565</v>
      </c>
      <c r="D120639" s="14" t="s">
        <v>122</v>
      </c>
      <c r="E120639" s="15">
        <v>45565</v>
      </c>
      <c r="F120639" s="14" t="s">
        <v>15</v>
      </c>
      <c r="G120639" s="16">
        <v>0.46884330202669255</v>
      </c>
    </row>
    <row r="120640" spans="1:7" x14ac:dyDescent="0.3">
      <c r="A120640" s="13" t="s">
        <v>566</v>
      </c>
      <c r="B120640" s="14" t="s">
        <v>1</v>
      </c>
      <c r="C120640" s="14" t="s">
        <v>565</v>
      </c>
      <c r="D120640" s="14" t="s">
        <v>122</v>
      </c>
      <c r="E120640" s="15">
        <v>45566</v>
      </c>
      <c r="F120640" s="14" t="s">
        <v>15</v>
      </c>
      <c r="G120640" s="16">
        <v>0.46884330202669255</v>
      </c>
    </row>
    <row r="120641" spans="1:7" x14ac:dyDescent="0.3">
      <c r="A120641" s="13" t="s">
        <v>566</v>
      </c>
      <c r="B120641" s="14" t="s">
        <v>1</v>
      </c>
      <c r="C120641" s="14" t="s">
        <v>565</v>
      </c>
      <c r="D120641" s="14" t="s">
        <v>122</v>
      </c>
      <c r="E120641" s="15">
        <v>45567</v>
      </c>
      <c r="F120641" s="14" t="s">
        <v>15</v>
      </c>
      <c r="G120641" s="16">
        <v>0.46884330202669255</v>
      </c>
    </row>
    <row r="120642" spans="1:7" x14ac:dyDescent="0.3">
      <c r="A120642" s="13" t="s">
        <v>566</v>
      </c>
      <c r="B120642" s="14" t="s">
        <v>1</v>
      </c>
      <c r="C120642" s="14" t="s">
        <v>565</v>
      </c>
      <c r="D120642" s="14" t="s">
        <v>122</v>
      </c>
      <c r="E120642" s="15">
        <v>45568</v>
      </c>
      <c r="F120642" s="14" t="s">
        <v>15</v>
      </c>
      <c r="G120642" s="16">
        <v>0.46884330202669255</v>
      </c>
    </row>
    <row r="120643" spans="1:7" x14ac:dyDescent="0.3">
      <c r="A120643" s="13" t="s">
        <v>566</v>
      </c>
      <c r="B120643" s="14" t="s">
        <v>1</v>
      </c>
      <c r="C120643" s="14" t="s">
        <v>565</v>
      </c>
      <c r="D120643" s="14" t="s">
        <v>122</v>
      </c>
      <c r="E120643" s="15">
        <v>45569</v>
      </c>
      <c r="F120643" s="14" t="s">
        <v>15</v>
      </c>
      <c r="G120643" s="16">
        <v>0.46884330202669255</v>
      </c>
    </row>
    <row r="120644" spans="1:7" x14ac:dyDescent="0.3">
      <c r="A120644" s="13" t="s">
        <v>566</v>
      </c>
      <c r="B120644" s="14" t="s">
        <v>1</v>
      </c>
      <c r="C120644" s="14" t="s">
        <v>565</v>
      </c>
      <c r="D120644" s="14" t="s">
        <v>122</v>
      </c>
      <c r="E120644" s="15">
        <v>45570</v>
      </c>
      <c r="F120644" s="14" t="s">
        <v>15</v>
      </c>
      <c r="G120644" s="16">
        <v>0.46884330202669255</v>
      </c>
    </row>
    <row r="120645" spans="1:7" x14ac:dyDescent="0.3">
      <c r="A120645" s="13" t="s">
        <v>566</v>
      </c>
      <c r="B120645" s="14" t="s">
        <v>1</v>
      </c>
      <c r="C120645" s="14" t="s">
        <v>565</v>
      </c>
      <c r="D120645" s="14" t="s">
        <v>122</v>
      </c>
      <c r="E120645" s="15">
        <v>45571</v>
      </c>
      <c r="F120645" s="14" t="s">
        <v>15</v>
      </c>
      <c r="G120645" s="16">
        <v>0.46884330202669255</v>
      </c>
    </row>
    <row r="120646" spans="1:7" x14ac:dyDescent="0.3">
      <c r="A120646" s="13" t="s">
        <v>566</v>
      </c>
      <c r="B120646" s="14" t="s">
        <v>1</v>
      </c>
      <c r="C120646" s="14" t="s">
        <v>565</v>
      </c>
      <c r="D120646" s="14" t="s">
        <v>122</v>
      </c>
      <c r="E120646" s="15">
        <v>45572</v>
      </c>
      <c r="F120646" s="14" t="s">
        <v>15</v>
      </c>
      <c r="G120646" s="16">
        <v>0.46884330202669255</v>
      </c>
    </row>
    <row r="120647" spans="1:7" x14ac:dyDescent="0.3">
      <c r="A120647" s="13" t="s">
        <v>566</v>
      </c>
      <c r="B120647" s="14" t="s">
        <v>1</v>
      </c>
      <c r="C120647" s="14" t="s">
        <v>565</v>
      </c>
      <c r="D120647" s="14" t="s">
        <v>122</v>
      </c>
      <c r="E120647" s="15">
        <v>45573</v>
      </c>
      <c r="F120647" s="14" t="s">
        <v>15</v>
      </c>
      <c r="G120647" s="16">
        <v>0.45746613939693476</v>
      </c>
    </row>
    <row r="120648" spans="1:7" x14ac:dyDescent="0.3">
      <c r="A120648" s="13" t="s">
        <v>566</v>
      </c>
      <c r="B120648" s="14" t="s">
        <v>1</v>
      </c>
      <c r="C120648" s="14" t="s">
        <v>565</v>
      </c>
      <c r="D120648" s="14" t="s">
        <v>122</v>
      </c>
      <c r="E120648" s="15">
        <v>45574</v>
      </c>
      <c r="F120648" s="14" t="s">
        <v>15</v>
      </c>
      <c r="G120648" s="16">
        <v>0.43801878398418143</v>
      </c>
    </row>
    <row r="120649" spans="1:7" x14ac:dyDescent="0.3">
      <c r="A120649" s="13" t="s">
        <v>566</v>
      </c>
      <c r="B120649" s="14" t="s">
        <v>1</v>
      </c>
      <c r="C120649" s="14" t="s">
        <v>565</v>
      </c>
      <c r="D120649" s="14" t="s">
        <v>122</v>
      </c>
      <c r="E120649" s="15">
        <v>45575</v>
      </c>
      <c r="F120649" s="14" t="s">
        <v>15</v>
      </c>
      <c r="G120649" s="16">
        <v>0.43426791893227834</v>
      </c>
    </row>
    <row r="120650" spans="1:7" x14ac:dyDescent="0.3">
      <c r="A120650" s="13" t="s">
        <v>566</v>
      </c>
      <c r="B120650" s="14" t="s">
        <v>1</v>
      </c>
      <c r="C120650" s="14" t="s">
        <v>565</v>
      </c>
      <c r="D120650" s="14" t="s">
        <v>122</v>
      </c>
      <c r="E120650" s="15">
        <v>45576</v>
      </c>
      <c r="F120650" s="14" t="s">
        <v>15</v>
      </c>
      <c r="G120650" s="16">
        <v>0.43426791893227834</v>
      </c>
    </row>
    <row r="120651" spans="1:7" x14ac:dyDescent="0.3">
      <c r="A120651" s="13" t="s">
        <v>566</v>
      </c>
      <c r="B120651" s="14" t="s">
        <v>1</v>
      </c>
      <c r="C120651" s="14" t="s">
        <v>565</v>
      </c>
      <c r="D120651" s="14" t="s">
        <v>122</v>
      </c>
      <c r="E120651" s="15">
        <v>45577</v>
      </c>
      <c r="F120651" s="14" t="s">
        <v>15</v>
      </c>
      <c r="G120651" s="16">
        <v>0.43426791893227834</v>
      </c>
    </row>
    <row r="120652" spans="1:7" x14ac:dyDescent="0.3">
      <c r="A120652" s="13" t="s">
        <v>566</v>
      </c>
      <c r="B120652" s="14" t="s">
        <v>1</v>
      </c>
      <c r="C120652" s="14" t="s">
        <v>565</v>
      </c>
      <c r="D120652" s="14" t="s">
        <v>122</v>
      </c>
      <c r="E120652" s="15">
        <v>45578</v>
      </c>
      <c r="F120652" s="14" t="s">
        <v>15</v>
      </c>
      <c r="G120652" s="16">
        <v>0.43426791893227834</v>
      </c>
    </row>
    <row r="120653" spans="1:7" x14ac:dyDescent="0.3">
      <c r="A120653" s="13" t="s">
        <v>566</v>
      </c>
      <c r="B120653" s="14" t="s">
        <v>1</v>
      </c>
      <c r="C120653" s="14" t="s">
        <v>565</v>
      </c>
      <c r="D120653" s="14" t="s">
        <v>122</v>
      </c>
      <c r="E120653" s="15">
        <v>45579</v>
      </c>
      <c r="F120653" s="14" t="s">
        <v>15</v>
      </c>
      <c r="G120653" s="16">
        <v>0.43054671280276768</v>
      </c>
    </row>
    <row r="120654" spans="1:7" x14ac:dyDescent="0.3">
      <c r="A120654" s="13" t="s">
        <v>566</v>
      </c>
      <c r="B120654" s="14" t="s">
        <v>1</v>
      </c>
      <c r="C120654" s="14" t="s">
        <v>565</v>
      </c>
      <c r="D120654" s="14" t="s">
        <v>122</v>
      </c>
      <c r="E120654" s="15">
        <v>45580</v>
      </c>
      <c r="F120654" s="14" t="s">
        <v>15</v>
      </c>
      <c r="G120654" s="16">
        <v>0.41589223924864011</v>
      </c>
    </row>
    <row r="120655" spans="1:7" x14ac:dyDescent="0.3">
      <c r="A120655" s="13" t="s">
        <v>566</v>
      </c>
      <c r="B120655" s="14" t="s">
        <v>1</v>
      </c>
      <c r="C120655" s="14" t="s">
        <v>565</v>
      </c>
      <c r="D120655" s="14" t="s">
        <v>122</v>
      </c>
      <c r="E120655" s="15">
        <v>45581</v>
      </c>
      <c r="F120655" s="14" t="s">
        <v>15</v>
      </c>
      <c r="G120655" s="16">
        <v>0.41872466633712252</v>
      </c>
    </row>
    <row r="120656" spans="1:7" x14ac:dyDescent="0.3">
      <c r="A120656" s="13" t="s">
        <v>566</v>
      </c>
      <c r="B120656" s="14" t="s">
        <v>1</v>
      </c>
      <c r="C120656" s="14" t="s">
        <v>565</v>
      </c>
      <c r="D120656" s="14" t="s">
        <v>122</v>
      </c>
      <c r="E120656" s="15">
        <v>45582</v>
      </c>
      <c r="F120656" s="14" t="s">
        <v>15</v>
      </c>
      <c r="G120656" s="16">
        <v>0.41501038062283685</v>
      </c>
    </row>
    <row r="120657" spans="1:7" x14ac:dyDescent="0.3">
      <c r="A120657" s="13" t="s">
        <v>566</v>
      </c>
      <c r="B120657" s="14" t="s">
        <v>1</v>
      </c>
      <c r="C120657" s="14" t="s">
        <v>565</v>
      </c>
      <c r="D120657" s="14" t="s">
        <v>122</v>
      </c>
      <c r="E120657" s="15">
        <v>45583</v>
      </c>
      <c r="F120657" s="14" t="s">
        <v>15</v>
      </c>
      <c r="G120657" s="16">
        <v>0.41133069698467567</v>
      </c>
    </row>
    <row r="120658" spans="1:7" x14ac:dyDescent="0.3">
      <c r="A120658" s="13" t="s">
        <v>566</v>
      </c>
      <c r="B120658" s="14" t="s">
        <v>1</v>
      </c>
      <c r="C120658" s="14" t="s">
        <v>565</v>
      </c>
      <c r="D120658" s="14" t="s">
        <v>122</v>
      </c>
      <c r="E120658" s="15">
        <v>45584</v>
      </c>
      <c r="F120658" s="14" t="s">
        <v>15</v>
      </c>
      <c r="G120658" s="16">
        <v>0.41133069698467567</v>
      </c>
    </row>
    <row r="120659" spans="1:7" x14ac:dyDescent="0.3">
      <c r="A120659" s="13" t="s">
        <v>566</v>
      </c>
      <c r="B120659" s="14" t="s">
        <v>1</v>
      </c>
      <c r="C120659" s="14" t="s">
        <v>565</v>
      </c>
      <c r="D120659" s="14" t="s">
        <v>122</v>
      </c>
      <c r="E120659" s="15">
        <v>45585</v>
      </c>
      <c r="F120659" s="14" t="s">
        <v>15</v>
      </c>
      <c r="G120659" s="16">
        <v>0.41133069698467567</v>
      </c>
    </row>
    <row r="120660" spans="1:7" x14ac:dyDescent="0.3">
      <c r="A120660" s="13" t="s">
        <v>566</v>
      </c>
      <c r="B120660" s="14" t="s">
        <v>1</v>
      </c>
      <c r="C120660" s="14" t="s">
        <v>565</v>
      </c>
      <c r="D120660" s="14" t="s">
        <v>122</v>
      </c>
      <c r="E120660" s="15">
        <v>45586</v>
      </c>
      <c r="F120660" s="14" t="s">
        <v>15</v>
      </c>
      <c r="G120660" s="16">
        <v>0.4143064755313885</v>
      </c>
    </row>
    <row r="120661" spans="1:7" x14ac:dyDescent="0.3">
      <c r="A120661" s="13" t="s">
        <v>566</v>
      </c>
      <c r="B120661" s="14" t="s">
        <v>1</v>
      </c>
      <c r="C120661" s="14" t="s">
        <v>565</v>
      </c>
      <c r="D120661" s="14" t="s">
        <v>122</v>
      </c>
      <c r="E120661" s="15">
        <v>45587</v>
      </c>
      <c r="F120661" s="14" t="s">
        <v>15</v>
      </c>
      <c r="G120661" s="16">
        <v>0.40318240237271324</v>
      </c>
    </row>
    <row r="120662" spans="1:7" x14ac:dyDescent="0.3">
      <c r="A120662" s="13" t="s">
        <v>566</v>
      </c>
      <c r="B120662" s="14" t="s">
        <v>1</v>
      </c>
      <c r="C120662" s="14" t="s">
        <v>565</v>
      </c>
      <c r="D120662" s="14" t="s">
        <v>122</v>
      </c>
      <c r="E120662" s="15">
        <v>45588</v>
      </c>
      <c r="F120662" s="14" t="s">
        <v>15</v>
      </c>
      <c r="G120662" s="16">
        <v>0.39948591201186306</v>
      </c>
    </row>
    <row r="120663" spans="1:7" x14ac:dyDescent="0.3">
      <c r="A120663" s="13" t="s">
        <v>566</v>
      </c>
      <c r="B120663" s="14" t="s">
        <v>1</v>
      </c>
      <c r="C120663" s="14" t="s">
        <v>565</v>
      </c>
      <c r="D120663" s="14" t="s">
        <v>122</v>
      </c>
      <c r="E120663" s="15">
        <v>45589</v>
      </c>
      <c r="F120663" s="14" t="s">
        <v>15</v>
      </c>
      <c r="G120663" s="16">
        <v>0.39581809194265888</v>
      </c>
    </row>
    <row r="120664" spans="1:7" x14ac:dyDescent="0.3">
      <c r="A120664" s="13" t="s">
        <v>566</v>
      </c>
      <c r="B120664" s="14" t="s">
        <v>1</v>
      </c>
      <c r="C120664" s="14" t="s">
        <v>565</v>
      </c>
      <c r="D120664" s="14" t="s">
        <v>122</v>
      </c>
      <c r="E120664" s="15">
        <v>45590</v>
      </c>
      <c r="F120664" s="14" t="s">
        <v>15</v>
      </c>
      <c r="G120664" s="16">
        <v>0.39399604547701383</v>
      </c>
    </row>
    <row r="120665" spans="1:7" x14ac:dyDescent="0.3">
      <c r="A120665" s="13" t="s">
        <v>566</v>
      </c>
      <c r="B120665" s="14" t="s">
        <v>1</v>
      </c>
      <c r="C120665" s="14" t="s">
        <v>565</v>
      </c>
      <c r="D120665" s="14" t="s">
        <v>122</v>
      </c>
      <c r="E120665" s="15">
        <v>45591</v>
      </c>
      <c r="F120665" s="14" t="s">
        <v>15</v>
      </c>
      <c r="G120665" s="16">
        <v>0.39399604547701383</v>
      </c>
    </row>
    <row r="120666" spans="1:7" x14ac:dyDescent="0.3">
      <c r="A120666" s="13" t="s">
        <v>566</v>
      </c>
      <c r="B120666" s="14" t="s">
        <v>1</v>
      </c>
      <c r="C120666" s="14" t="s">
        <v>565</v>
      </c>
      <c r="D120666" s="14" t="s">
        <v>122</v>
      </c>
      <c r="E120666" s="15">
        <v>45592</v>
      </c>
      <c r="F120666" s="14" t="s">
        <v>15</v>
      </c>
      <c r="G120666" s="16">
        <v>0.39399604547701383</v>
      </c>
    </row>
    <row r="120667" spans="1:7" x14ac:dyDescent="0.3">
      <c r="A120667" s="13" t="s">
        <v>566</v>
      </c>
      <c r="B120667" s="14" t="s">
        <v>1</v>
      </c>
      <c r="C120667" s="14" t="s">
        <v>565</v>
      </c>
      <c r="D120667" s="14" t="s">
        <v>122</v>
      </c>
      <c r="E120667" s="15">
        <v>45593</v>
      </c>
      <c r="F120667" s="14" t="s">
        <v>15</v>
      </c>
      <c r="G120667" s="16">
        <v>0.39399604547701383</v>
      </c>
    </row>
    <row r="120668" spans="1:7" x14ac:dyDescent="0.3">
      <c r="A120668" s="13" t="s">
        <v>566</v>
      </c>
      <c r="B120668" s="14" t="s">
        <v>1</v>
      </c>
      <c r="C120668" s="14" t="s">
        <v>565</v>
      </c>
      <c r="D120668" s="14" t="s">
        <v>122</v>
      </c>
      <c r="E120668" s="15">
        <v>45594</v>
      </c>
      <c r="F120668" s="14" t="s">
        <v>15</v>
      </c>
      <c r="G120668" s="16">
        <v>0.39064063272367722</v>
      </c>
    </row>
    <row r="120669" spans="1:7" x14ac:dyDescent="0.3">
      <c r="A120669" s="13" t="s">
        <v>566</v>
      </c>
      <c r="B120669" s="14" t="s">
        <v>1</v>
      </c>
      <c r="C120669" s="14" t="s">
        <v>565</v>
      </c>
      <c r="D120669" s="14" t="s">
        <v>122</v>
      </c>
      <c r="E120669" s="15">
        <v>45595</v>
      </c>
      <c r="F120669" s="14" t="s">
        <v>15</v>
      </c>
      <c r="G120669" s="16">
        <v>0.39964310430054323</v>
      </c>
    </row>
    <row r="120670" spans="1:7" x14ac:dyDescent="0.3">
      <c r="A120670" s="13" t="s">
        <v>566</v>
      </c>
      <c r="B120670" s="14" t="s">
        <v>1</v>
      </c>
      <c r="C120670" s="14" t="s">
        <v>565</v>
      </c>
      <c r="D120670" s="14" t="s">
        <v>122</v>
      </c>
      <c r="E120670" s="15">
        <v>45596</v>
      </c>
      <c r="F120670" s="14" t="s">
        <v>15</v>
      </c>
      <c r="G120670" s="16">
        <v>0.41512703905091397</v>
      </c>
    </row>
    <row r="120671" spans="1:7" x14ac:dyDescent="0.3">
      <c r="A120671" s="13" t="s">
        <v>566</v>
      </c>
      <c r="B120671" s="14" t="s">
        <v>1</v>
      </c>
      <c r="C120671" s="14" t="s">
        <v>565</v>
      </c>
      <c r="D120671" s="14" t="s">
        <v>122</v>
      </c>
      <c r="E120671" s="15">
        <v>45597</v>
      </c>
      <c r="F120671" s="14" t="s">
        <v>15</v>
      </c>
      <c r="G120671" s="16">
        <v>0.41151161641126988</v>
      </c>
    </row>
    <row r="120672" spans="1:7" x14ac:dyDescent="0.3">
      <c r="A120672" s="13" t="s">
        <v>566</v>
      </c>
      <c r="B120672" s="14" t="s">
        <v>1</v>
      </c>
      <c r="C120672" s="14" t="s">
        <v>565</v>
      </c>
      <c r="D120672" s="14" t="s">
        <v>122</v>
      </c>
      <c r="E120672" s="15">
        <v>45598</v>
      </c>
      <c r="F120672" s="14" t="s">
        <v>15</v>
      </c>
      <c r="G120672" s="16">
        <v>0.41151161641126988</v>
      </c>
    </row>
    <row r="120673" spans="1:7" x14ac:dyDescent="0.3">
      <c r="A120673" s="13" t="s">
        <v>566</v>
      </c>
      <c r="B120673" s="14" t="s">
        <v>1</v>
      </c>
      <c r="C120673" s="14" t="s">
        <v>565</v>
      </c>
      <c r="D120673" s="14" t="s">
        <v>122</v>
      </c>
      <c r="E120673" s="15">
        <v>45599</v>
      </c>
      <c r="F120673" s="14" t="s">
        <v>15</v>
      </c>
      <c r="G120673" s="16">
        <v>0.41151161641126988</v>
      </c>
    </row>
    <row r="120674" spans="1:7" x14ac:dyDescent="0.3">
      <c r="A120674" s="13" t="s">
        <v>566</v>
      </c>
      <c r="B120674" s="14" t="s">
        <v>1</v>
      </c>
      <c r="C120674" s="14" t="s">
        <v>565</v>
      </c>
      <c r="D120674" s="14" t="s">
        <v>122</v>
      </c>
      <c r="E120674" s="15">
        <v>45600</v>
      </c>
      <c r="F120674" s="14" t="s">
        <v>15</v>
      </c>
      <c r="G120674" s="16">
        <v>0.40792288680177902</v>
      </c>
    </row>
    <row r="120675" spans="1:7" x14ac:dyDescent="0.3">
      <c r="A120675" s="13" t="s">
        <v>566</v>
      </c>
      <c r="B120675" s="14" t="s">
        <v>1</v>
      </c>
      <c r="C120675" s="14" t="s">
        <v>565</v>
      </c>
      <c r="D120675" s="14" t="s">
        <v>122</v>
      </c>
      <c r="E120675" s="15">
        <v>45601</v>
      </c>
      <c r="F120675" s="14" t="s">
        <v>15</v>
      </c>
      <c r="G120675" s="16">
        <v>0.39715768660405287</v>
      </c>
    </row>
    <row r="120676" spans="1:7" x14ac:dyDescent="0.3">
      <c r="A120676" s="13" t="s">
        <v>566</v>
      </c>
      <c r="B120676" s="14" t="s">
        <v>1</v>
      </c>
      <c r="C120676" s="14" t="s">
        <v>565</v>
      </c>
      <c r="D120676" s="14" t="s">
        <v>122</v>
      </c>
      <c r="E120676" s="15">
        <v>45602</v>
      </c>
      <c r="F120676" s="14" t="s">
        <v>15</v>
      </c>
      <c r="G120676" s="16">
        <v>0.39355116164112652</v>
      </c>
    </row>
    <row r="120677" spans="1:7" x14ac:dyDescent="0.3">
      <c r="A120677" s="13" t="s">
        <v>566</v>
      </c>
      <c r="B120677" s="14" t="s">
        <v>1</v>
      </c>
      <c r="C120677" s="14" t="s">
        <v>565</v>
      </c>
      <c r="D120677" s="14" t="s">
        <v>122</v>
      </c>
      <c r="E120677" s="15">
        <v>45603</v>
      </c>
      <c r="F120677" s="14" t="s">
        <v>15</v>
      </c>
      <c r="G120677" s="16">
        <v>0.3976935244686105</v>
      </c>
    </row>
    <row r="120678" spans="1:7" x14ac:dyDescent="0.3">
      <c r="A120678" s="13" t="s">
        <v>566</v>
      </c>
      <c r="B120678" s="14" t="s">
        <v>1</v>
      </c>
      <c r="C120678" s="14" t="s">
        <v>565</v>
      </c>
      <c r="D120678" s="14" t="s">
        <v>122</v>
      </c>
      <c r="E120678" s="15">
        <v>45604</v>
      </c>
      <c r="F120678" s="14" t="s">
        <v>15</v>
      </c>
      <c r="G120678" s="16">
        <v>0.39939100346020712</v>
      </c>
    </row>
    <row r="120679" spans="1:7" x14ac:dyDescent="0.3">
      <c r="A120679" s="13" t="s">
        <v>566</v>
      </c>
      <c r="B120679" s="14" t="s">
        <v>1</v>
      </c>
      <c r="C120679" s="14" t="s">
        <v>565</v>
      </c>
      <c r="D120679" s="14" t="s">
        <v>122</v>
      </c>
      <c r="E120679" s="15">
        <v>45605</v>
      </c>
      <c r="F120679" s="14" t="s">
        <v>15</v>
      </c>
      <c r="G120679" s="16">
        <v>0.39939100346020712</v>
      </c>
    </row>
    <row r="120680" spans="1:7" x14ac:dyDescent="0.3">
      <c r="A120680" s="13" t="s">
        <v>566</v>
      </c>
      <c r="B120680" s="14" t="s">
        <v>1</v>
      </c>
      <c r="C120680" s="14" t="s">
        <v>565</v>
      </c>
      <c r="D120680" s="14" t="s">
        <v>122</v>
      </c>
      <c r="E120680" s="15">
        <v>45606</v>
      </c>
      <c r="F120680" s="14" t="s">
        <v>15</v>
      </c>
      <c r="G120680" s="16">
        <v>0.39939100346020712</v>
      </c>
    </row>
    <row r="120681" spans="1:7" x14ac:dyDescent="0.3">
      <c r="A120681" s="13" t="s">
        <v>566</v>
      </c>
      <c r="B120681" s="14" t="s">
        <v>1</v>
      </c>
      <c r="C120681" s="14" t="s">
        <v>565</v>
      </c>
      <c r="D120681" s="14" t="s">
        <v>122</v>
      </c>
      <c r="E120681" s="15">
        <v>45607</v>
      </c>
      <c r="F120681" s="14" t="s">
        <v>15</v>
      </c>
      <c r="G120681" s="16">
        <v>0.39576668314384533</v>
      </c>
    </row>
    <row r="120682" spans="1:7" x14ac:dyDescent="0.3">
      <c r="A120682" s="13" t="s">
        <v>566</v>
      </c>
      <c r="B120682" s="14" t="s">
        <v>1</v>
      </c>
      <c r="C120682" s="14" t="s">
        <v>565</v>
      </c>
      <c r="D120682" s="14" t="s">
        <v>122</v>
      </c>
      <c r="E120682" s="15">
        <v>45608</v>
      </c>
      <c r="F120682" s="14" t="s">
        <v>15</v>
      </c>
      <c r="G120682" s="16">
        <v>0.38475037073652946</v>
      </c>
    </row>
    <row r="120683" spans="1:7" x14ac:dyDescent="0.3">
      <c r="A120683" s="13" t="s">
        <v>566</v>
      </c>
      <c r="B120683" s="14" t="s">
        <v>1</v>
      </c>
      <c r="C120683" s="14" t="s">
        <v>565</v>
      </c>
      <c r="D120683" s="14" t="s">
        <v>122</v>
      </c>
      <c r="E120683" s="15">
        <v>45609</v>
      </c>
      <c r="F120683" s="14" t="s">
        <v>15</v>
      </c>
      <c r="G120683" s="16">
        <v>0.39463766683143797</v>
      </c>
    </row>
    <row r="120684" spans="1:7" x14ac:dyDescent="0.3">
      <c r="A120684" s="13" t="s">
        <v>566</v>
      </c>
      <c r="B120684" s="14" t="s">
        <v>1</v>
      </c>
      <c r="C120684" s="14" t="s">
        <v>565</v>
      </c>
      <c r="D120684" s="14" t="s">
        <v>122</v>
      </c>
      <c r="E120684" s="15">
        <v>45610</v>
      </c>
      <c r="F120684" s="14" t="s">
        <v>15</v>
      </c>
      <c r="G120684" s="16">
        <v>0.39069303015323731</v>
      </c>
    </row>
    <row r="120685" spans="1:7" x14ac:dyDescent="0.3">
      <c r="A120685" s="13" t="s">
        <v>566</v>
      </c>
      <c r="B120685" s="14" t="s">
        <v>1</v>
      </c>
      <c r="C120685" s="14" t="s">
        <v>565</v>
      </c>
      <c r="D120685" s="14" t="s">
        <v>122</v>
      </c>
      <c r="E120685" s="15">
        <v>45611</v>
      </c>
      <c r="F120685" s="14" t="s">
        <v>15</v>
      </c>
      <c r="G120685" s="16">
        <v>0.42658922392486359</v>
      </c>
    </row>
    <row r="120686" spans="1:7" x14ac:dyDescent="0.3">
      <c r="A120686" s="13" t="s">
        <v>566</v>
      </c>
      <c r="B120686" s="14" t="s">
        <v>1</v>
      </c>
      <c r="C120686" s="14" t="s">
        <v>565</v>
      </c>
      <c r="D120686" s="14" t="s">
        <v>122</v>
      </c>
      <c r="E120686" s="15">
        <v>45612</v>
      </c>
      <c r="F120686" s="14" t="s">
        <v>15</v>
      </c>
      <c r="G120686" s="16">
        <v>0.42658922392486359</v>
      </c>
    </row>
    <row r="120687" spans="1:7" x14ac:dyDescent="0.3">
      <c r="A120687" s="13" t="s">
        <v>566</v>
      </c>
      <c r="B120687" s="14" t="s">
        <v>1</v>
      </c>
      <c r="C120687" s="14" t="s">
        <v>565</v>
      </c>
      <c r="D120687" s="14" t="s">
        <v>122</v>
      </c>
      <c r="E120687" s="15">
        <v>45613</v>
      </c>
      <c r="F120687" s="14" t="s">
        <v>15</v>
      </c>
      <c r="G120687" s="16">
        <v>0.42658922392486359</v>
      </c>
    </row>
    <row r="120688" spans="1:7" x14ac:dyDescent="0.3">
      <c r="A120688" s="13" t="s">
        <v>566</v>
      </c>
      <c r="B120688" s="14" t="s">
        <v>1</v>
      </c>
      <c r="C120688" s="14" t="s">
        <v>565</v>
      </c>
      <c r="D120688" s="14" t="s">
        <v>122</v>
      </c>
      <c r="E120688" s="15">
        <v>45614</v>
      </c>
      <c r="F120688" s="14" t="s">
        <v>15</v>
      </c>
      <c r="G120688" s="16">
        <v>0.42445773603559023</v>
      </c>
    </row>
    <row r="120689" spans="1:7" x14ac:dyDescent="0.3">
      <c r="A120689" s="13" t="s">
        <v>566</v>
      </c>
      <c r="B120689" s="14" t="s">
        <v>1</v>
      </c>
      <c r="C120689" s="14" t="s">
        <v>565</v>
      </c>
      <c r="D120689" s="14" t="s">
        <v>122</v>
      </c>
      <c r="E120689" s="15">
        <v>45615</v>
      </c>
      <c r="F120689" s="14" t="s">
        <v>15</v>
      </c>
      <c r="G120689" s="16">
        <v>0.41405338606030601</v>
      </c>
    </row>
    <row r="120690" spans="1:7" x14ac:dyDescent="0.3">
      <c r="A120690" s="13" t="s">
        <v>566</v>
      </c>
      <c r="B120690" s="14" t="s">
        <v>1</v>
      </c>
      <c r="C120690" s="14" t="s">
        <v>565</v>
      </c>
      <c r="D120690" s="14" t="s">
        <v>122</v>
      </c>
      <c r="E120690" s="15">
        <v>45616</v>
      </c>
      <c r="F120690" s="14" t="s">
        <v>15</v>
      </c>
      <c r="G120690" s="16">
        <v>0.41119031141868462</v>
      </c>
    </row>
    <row r="120691" spans="1:7" x14ac:dyDescent="0.3">
      <c r="A120691" s="13" t="s">
        <v>566</v>
      </c>
      <c r="B120691" s="14" t="s">
        <v>1</v>
      </c>
      <c r="C120691" s="14" t="s">
        <v>565</v>
      </c>
      <c r="D120691" s="14" t="s">
        <v>122</v>
      </c>
      <c r="E120691" s="15">
        <v>45617</v>
      </c>
      <c r="F120691" s="14" t="s">
        <v>15</v>
      </c>
      <c r="G120691" s="16">
        <v>0.43589619377162575</v>
      </c>
    </row>
    <row r="120692" spans="1:7" x14ac:dyDescent="0.3">
      <c r="A120692" s="13" t="s">
        <v>566</v>
      </c>
      <c r="B120692" s="14" t="s">
        <v>1</v>
      </c>
      <c r="C120692" s="14" t="s">
        <v>565</v>
      </c>
      <c r="D120692" s="14" t="s">
        <v>122</v>
      </c>
      <c r="E120692" s="15">
        <v>45618</v>
      </c>
      <c r="F120692" s="14" t="s">
        <v>15</v>
      </c>
      <c r="G120692" s="16">
        <v>0.44522095897182346</v>
      </c>
    </row>
    <row r="120693" spans="1:7" x14ac:dyDescent="0.3">
      <c r="A120693" s="13" t="s">
        <v>566</v>
      </c>
      <c r="B120693" s="14" t="s">
        <v>1</v>
      </c>
      <c r="C120693" s="14" t="s">
        <v>565</v>
      </c>
      <c r="D120693" s="14" t="s">
        <v>122</v>
      </c>
      <c r="E120693" s="15">
        <v>45619</v>
      </c>
      <c r="F120693" s="14" t="s">
        <v>15</v>
      </c>
      <c r="G120693" s="16">
        <v>0.44522095897182346</v>
      </c>
    </row>
    <row r="120694" spans="1:7" x14ac:dyDescent="0.3">
      <c r="A120694" s="13" t="s">
        <v>566</v>
      </c>
      <c r="B120694" s="14" t="s">
        <v>1</v>
      </c>
      <c r="C120694" s="14" t="s">
        <v>565</v>
      </c>
      <c r="D120694" s="14" t="s">
        <v>122</v>
      </c>
      <c r="E120694" s="15">
        <v>45620</v>
      </c>
      <c r="F120694" s="14" t="s">
        <v>15</v>
      </c>
      <c r="G120694" s="16">
        <v>0.44522095897182346</v>
      </c>
    </row>
    <row r="120695" spans="1:7" x14ac:dyDescent="0.3">
      <c r="A120695" s="13" t="s">
        <v>566</v>
      </c>
      <c r="B120695" s="14" t="s">
        <v>1</v>
      </c>
      <c r="C120695" s="14" t="s">
        <v>565</v>
      </c>
      <c r="D120695" s="14" t="s">
        <v>122</v>
      </c>
      <c r="E120695" s="15">
        <v>45621</v>
      </c>
      <c r="F120695" s="14" t="s">
        <v>15</v>
      </c>
      <c r="G120695" s="16">
        <v>0.44163025210083984</v>
      </c>
    </row>
    <row r="120696" spans="1:7" x14ac:dyDescent="0.3">
      <c r="A120696" s="13" t="s">
        <v>566</v>
      </c>
      <c r="B120696" s="14" t="s">
        <v>1</v>
      </c>
      <c r="C120696" s="14" t="s">
        <v>565</v>
      </c>
      <c r="D120696" s="14" t="s">
        <v>122</v>
      </c>
      <c r="E120696" s="15">
        <v>45622</v>
      </c>
      <c r="F120696" s="14" t="s">
        <v>15</v>
      </c>
      <c r="G120696" s="16">
        <v>0.43199505684626738</v>
      </c>
    </row>
    <row r="120697" spans="1:7" x14ac:dyDescent="0.3">
      <c r="A120697" s="13" t="s">
        <v>566</v>
      </c>
      <c r="B120697" s="14" t="s">
        <v>1</v>
      </c>
      <c r="C120697" s="14" t="s">
        <v>565</v>
      </c>
      <c r="D120697" s="14" t="s">
        <v>122</v>
      </c>
      <c r="E120697" s="15">
        <v>45623</v>
      </c>
      <c r="F120697" s="14" t="s">
        <v>15</v>
      </c>
      <c r="G120697" s="16">
        <v>0.42721898171033063</v>
      </c>
    </row>
    <row r="120698" spans="1:7" x14ac:dyDescent="0.3">
      <c r="A120698" s="13" t="s">
        <v>566</v>
      </c>
      <c r="B120698" s="14" t="s">
        <v>1</v>
      </c>
      <c r="C120698" s="14" t="s">
        <v>565</v>
      </c>
      <c r="D120698" s="14" t="s">
        <v>122</v>
      </c>
      <c r="E120698" s="15">
        <v>45624</v>
      </c>
      <c r="F120698" s="14" t="s">
        <v>15</v>
      </c>
      <c r="G120698" s="16">
        <v>0.42612951062777993</v>
      </c>
    </row>
    <row r="120699" spans="1:7" x14ac:dyDescent="0.3">
      <c r="A120699" s="13" t="s">
        <v>566</v>
      </c>
      <c r="B120699" s="14" t="s">
        <v>1</v>
      </c>
      <c r="C120699" s="14" t="s">
        <v>565</v>
      </c>
      <c r="D120699" s="14" t="s">
        <v>122</v>
      </c>
      <c r="E120699" s="15">
        <v>45625</v>
      </c>
      <c r="F120699" s="14" t="s">
        <v>15</v>
      </c>
      <c r="G120699" s="16">
        <v>0.42263766683143789</v>
      </c>
    </row>
    <row r="120700" spans="1:7" x14ac:dyDescent="0.3">
      <c r="A120700" s="13" t="s">
        <v>566</v>
      </c>
      <c r="B120700" s="14" t="s">
        <v>1</v>
      </c>
      <c r="C120700" s="14" t="s">
        <v>565</v>
      </c>
      <c r="D120700" s="14" t="s">
        <v>122</v>
      </c>
      <c r="E120700" s="15">
        <v>45626</v>
      </c>
      <c r="F120700" s="14" t="s">
        <v>15</v>
      </c>
      <c r="G120700" s="16">
        <v>0.42263766683143789</v>
      </c>
    </row>
    <row r="120701" spans="1:7" x14ac:dyDescent="0.3">
      <c r="A120701" s="13" t="s">
        <v>566</v>
      </c>
      <c r="B120701" s="14" t="s">
        <v>1</v>
      </c>
      <c r="C120701" s="14" t="s">
        <v>565</v>
      </c>
      <c r="D120701" s="14" t="s">
        <v>122</v>
      </c>
      <c r="E120701" s="15">
        <v>45627</v>
      </c>
      <c r="F120701" s="14" t="s">
        <v>15</v>
      </c>
      <c r="G120701" s="16">
        <v>0.42263766683143789</v>
      </c>
    </row>
    <row r="120702" spans="1:7" x14ac:dyDescent="0.3">
      <c r="A120702" s="13" t="s">
        <v>566</v>
      </c>
      <c r="B120702" s="14" t="s">
        <v>1</v>
      </c>
      <c r="C120702" s="14" t="s">
        <v>565</v>
      </c>
      <c r="D120702" s="14" t="s">
        <v>122</v>
      </c>
      <c r="E120702" s="15">
        <v>45628</v>
      </c>
      <c r="F120702" s="14" t="s">
        <v>15</v>
      </c>
      <c r="G120702" s="16">
        <v>0.41939100346020702</v>
      </c>
    </row>
    <row r="120703" spans="1:7" x14ac:dyDescent="0.3">
      <c r="A120703" s="13" t="s">
        <v>566</v>
      </c>
      <c r="B120703" s="14" t="s">
        <v>1</v>
      </c>
      <c r="C120703" s="14" t="s">
        <v>565</v>
      </c>
      <c r="D120703" s="14" t="s">
        <v>122</v>
      </c>
      <c r="E120703" s="15">
        <v>45629</v>
      </c>
      <c r="F120703" s="14" t="s">
        <v>15</v>
      </c>
      <c r="G120703" s="16">
        <v>0.40895304003954464</v>
      </c>
    </row>
    <row r="120704" spans="1:7" x14ac:dyDescent="0.3">
      <c r="A120704" s="13" t="s">
        <v>566</v>
      </c>
      <c r="B120704" s="14" t="s">
        <v>1</v>
      </c>
      <c r="C120704" s="14" t="s">
        <v>565</v>
      </c>
      <c r="D120704" s="14" t="s">
        <v>122</v>
      </c>
      <c r="E120704" s="15">
        <v>45630</v>
      </c>
      <c r="F120704" s="14" t="s">
        <v>15</v>
      </c>
      <c r="G120704" s="16">
        <v>0.4057854671280271</v>
      </c>
    </row>
    <row r="120705" spans="1:7" x14ac:dyDescent="0.3">
      <c r="A120705" s="13" t="s">
        <v>566</v>
      </c>
      <c r="B120705" s="14" t="s">
        <v>1</v>
      </c>
      <c r="C120705" s="14" t="s">
        <v>565</v>
      </c>
      <c r="D120705" s="14" t="s">
        <v>122</v>
      </c>
      <c r="E120705" s="15">
        <v>45631</v>
      </c>
      <c r="F120705" s="14" t="s">
        <v>15</v>
      </c>
      <c r="G120705" s="16">
        <v>0.40225210084033552</v>
      </c>
    </row>
    <row r="120706" spans="1:7" x14ac:dyDescent="0.3">
      <c r="A120706" s="13" t="s">
        <v>566</v>
      </c>
      <c r="B120706" s="14" t="s">
        <v>1</v>
      </c>
      <c r="C120706" s="14" t="s">
        <v>565</v>
      </c>
      <c r="D120706" s="14" t="s">
        <v>122</v>
      </c>
      <c r="E120706" s="15">
        <v>45632</v>
      </c>
      <c r="F120706" s="14" t="s">
        <v>15</v>
      </c>
      <c r="G120706" s="16">
        <v>0.39871181413741907</v>
      </c>
    </row>
    <row r="120707" spans="1:7" x14ac:dyDescent="0.3">
      <c r="A120707" s="13" t="s">
        <v>566</v>
      </c>
      <c r="B120707" s="14" t="s">
        <v>1</v>
      </c>
      <c r="C120707" s="14" t="s">
        <v>565</v>
      </c>
      <c r="D120707" s="14" t="s">
        <v>122</v>
      </c>
      <c r="E120707" s="15">
        <v>45633</v>
      </c>
      <c r="F120707" s="14" t="s">
        <v>15</v>
      </c>
      <c r="G120707" s="16">
        <v>0.39871181413741907</v>
      </c>
    </row>
    <row r="120708" spans="1:7" x14ac:dyDescent="0.3">
      <c r="A120708" s="13" t="s">
        <v>566</v>
      </c>
      <c r="B120708" s="14" t="s">
        <v>1</v>
      </c>
      <c r="C120708" s="14" t="s">
        <v>565</v>
      </c>
      <c r="D120708" s="14" t="s">
        <v>122</v>
      </c>
      <c r="E120708" s="15">
        <v>45634</v>
      </c>
      <c r="F120708" s="14" t="s">
        <v>15</v>
      </c>
      <c r="G120708" s="16">
        <v>0.39871181413741907</v>
      </c>
    </row>
    <row r="120709" spans="1:7" x14ac:dyDescent="0.3">
      <c r="A120709" s="13" t="s">
        <v>566</v>
      </c>
      <c r="B120709" s="14" t="s">
        <v>1</v>
      </c>
      <c r="C120709" s="14" t="s">
        <v>565</v>
      </c>
      <c r="D120709" s="14" t="s">
        <v>122</v>
      </c>
      <c r="E120709" s="15">
        <v>45635</v>
      </c>
      <c r="F120709" s="14" t="s">
        <v>15</v>
      </c>
      <c r="G120709" s="16">
        <v>0.4018774097874438</v>
      </c>
    </row>
    <row r="120710" spans="1:7" x14ac:dyDescent="0.3">
      <c r="A120710" s="13" t="s">
        <v>566</v>
      </c>
      <c r="B120710" s="14" t="s">
        <v>1</v>
      </c>
      <c r="C120710" s="14" t="s">
        <v>565</v>
      </c>
      <c r="D120710" s="14" t="s">
        <v>122</v>
      </c>
      <c r="E120710" s="15">
        <v>45636</v>
      </c>
      <c r="F120710" s="14" t="s">
        <v>15</v>
      </c>
      <c r="G120710" s="16">
        <v>0.39125852694018726</v>
      </c>
    </row>
    <row r="120711" spans="1:7" x14ac:dyDescent="0.3">
      <c r="A120711" s="13" t="s">
        <v>566</v>
      </c>
      <c r="B120711" s="14" t="s">
        <v>1</v>
      </c>
      <c r="C120711" s="14" t="s">
        <v>565</v>
      </c>
      <c r="D120711" s="14" t="s">
        <v>122</v>
      </c>
      <c r="E120711" s="15">
        <v>45637</v>
      </c>
      <c r="F120711" s="14" t="s">
        <v>15</v>
      </c>
      <c r="G120711" s="16">
        <v>0.38770143351458169</v>
      </c>
    </row>
    <row r="120712" spans="1:7" x14ac:dyDescent="0.3">
      <c r="A120712" s="13" t="s">
        <v>566</v>
      </c>
      <c r="B120712" s="14" t="s">
        <v>1</v>
      </c>
      <c r="C120712" s="14" t="s">
        <v>565</v>
      </c>
      <c r="D120712" s="14" t="s">
        <v>122</v>
      </c>
      <c r="E120712" s="15">
        <v>45638</v>
      </c>
      <c r="F120712" s="14" t="s">
        <v>15</v>
      </c>
      <c r="G120712" s="16">
        <v>0.38434305486900583</v>
      </c>
    </row>
    <row r="120713" spans="1:7" x14ac:dyDescent="0.3">
      <c r="A120713" s="13" t="s">
        <v>566</v>
      </c>
      <c r="B120713" s="14" t="s">
        <v>1</v>
      </c>
      <c r="C120713" s="14" t="s">
        <v>565</v>
      </c>
      <c r="D120713" s="14" t="s">
        <v>122</v>
      </c>
      <c r="E120713" s="15">
        <v>45639</v>
      </c>
      <c r="F120713" s="14" t="s">
        <v>15</v>
      </c>
      <c r="G120713" s="16">
        <v>0.40553830944142305</v>
      </c>
    </row>
    <row r="120714" spans="1:7" x14ac:dyDescent="0.3">
      <c r="A120714" s="13" t="s">
        <v>566</v>
      </c>
      <c r="B120714" s="14" t="s">
        <v>1</v>
      </c>
      <c r="C120714" s="14" t="s">
        <v>565</v>
      </c>
      <c r="D120714" s="14" t="s">
        <v>122</v>
      </c>
      <c r="E120714" s="15">
        <v>45640</v>
      </c>
      <c r="F120714" s="14" t="s">
        <v>15</v>
      </c>
      <c r="G120714" s="16">
        <v>0.40553830944142305</v>
      </c>
    </row>
    <row r="120715" spans="1:7" x14ac:dyDescent="0.3">
      <c r="A120715" s="13" t="s">
        <v>566</v>
      </c>
      <c r="B120715" s="14" t="s">
        <v>1</v>
      </c>
      <c r="C120715" s="14" t="s">
        <v>565</v>
      </c>
      <c r="D120715" s="14" t="s">
        <v>122</v>
      </c>
      <c r="E120715" s="15">
        <v>45641</v>
      </c>
      <c r="F120715" s="14" t="s">
        <v>15</v>
      </c>
      <c r="G120715" s="16">
        <v>0.40553830944142305</v>
      </c>
    </row>
    <row r="120716" spans="1:7" x14ac:dyDescent="0.3">
      <c r="A120716" s="13" t="s">
        <v>566</v>
      </c>
      <c r="B120716" s="14" t="s">
        <v>1</v>
      </c>
      <c r="C120716" s="14" t="s">
        <v>565</v>
      </c>
      <c r="D120716" s="14" t="s">
        <v>122</v>
      </c>
      <c r="E120716" s="15">
        <v>45642</v>
      </c>
      <c r="F120716" s="14" t="s">
        <v>15</v>
      </c>
      <c r="G120716" s="16">
        <v>0.40196342066238205</v>
      </c>
    </row>
    <row r="120717" spans="1:7" x14ac:dyDescent="0.3">
      <c r="A120717" s="13" t="s">
        <v>566</v>
      </c>
      <c r="B120717" s="14" t="s">
        <v>1</v>
      </c>
      <c r="C120717" s="14" t="s">
        <v>565</v>
      </c>
      <c r="D120717" s="14" t="s">
        <v>122</v>
      </c>
      <c r="E120717" s="15">
        <v>45643</v>
      </c>
      <c r="F120717" s="14" t="s">
        <v>15</v>
      </c>
      <c r="G120717" s="16">
        <v>0.3912733564013835</v>
      </c>
    </row>
    <row r="120718" spans="1:7" x14ac:dyDescent="0.3">
      <c r="A120718" s="13" t="s">
        <v>566</v>
      </c>
      <c r="B120718" s="14" t="s">
        <v>1</v>
      </c>
      <c r="C120718" s="14" t="s">
        <v>565</v>
      </c>
      <c r="D120718" s="14" t="s">
        <v>122</v>
      </c>
      <c r="E120718" s="15">
        <v>45644</v>
      </c>
      <c r="F120718" s="14" t="s">
        <v>15</v>
      </c>
      <c r="G120718" s="16">
        <v>0.38773208106772061</v>
      </c>
    </row>
    <row r="120719" spans="1:7" x14ac:dyDescent="0.3">
      <c r="A120719" s="13" t="s">
        <v>566</v>
      </c>
      <c r="B120719" s="14" t="s">
        <v>1</v>
      </c>
      <c r="C120719" s="14" t="s">
        <v>565</v>
      </c>
      <c r="D120719" s="14" t="s">
        <v>122</v>
      </c>
      <c r="E120719" s="15">
        <v>45645</v>
      </c>
      <c r="F120719" s="14" t="s">
        <v>15</v>
      </c>
      <c r="G120719" s="16">
        <v>0.38422046465645021</v>
      </c>
    </row>
    <row r="120720" spans="1:7" x14ac:dyDescent="0.3">
      <c r="A120720" s="13" t="s">
        <v>566</v>
      </c>
      <c r="B120720" s="14" t="s">
        <v>1</v>
      </c>
      <c r="C120720" s="14" t="s">
        <v>565</v>
      </c>
      <c r="D120720" s="14" t="s">
        <v>122</v>
      </c>
      <c r="E120720" s="15">
        <v>45646</v>
      </c>
      <c r="F120720" s="14" t="s">
        <v>15</v>
      </c>
      <c r="G120720" s="16">
        <v>0.38069698467622287</v>
      </c>
    </row>
    <row r="120721" spans="1:7" x14ac:dyDescent="0.3">
      <c r="A120721" s="13" t="s">
        <v>566</v>
      </c>
      <c r="B120721" s="14" t="s">
        <v>1</v>
      </c>
      <c r="C120721" s="14" t="s">
        <v>565</v>
      </c>
      <c r="D120721" s="14" t="s">
        <v>122</v>
      </c>
      <c r="E120721" s="15">
        <v>45647</v>
      </c>
      <c r="F120721" s="14" t="s">
        <v>15</v>
      </c>
      <c r="G120721" s="16">
        <v>0.38069698467622287</v>
      </c>
    </row>
    <row r="120722" spans="1:7" x14ac:dyDescent="0.3">
      <c r="A120722" s="13" t="s">
        <v>566</v>
      </c>
      <c r="B120722" s="14" t="s">
        <v>1</v>
      </c>
      <c r="C120722" s="14" t="s">
        <v>565</v>
      </c>
      <c r="D120722" s="14" t="s">
        <v>122</v>
      </c>
      <c r="E120722" s="15">
        <v>45648</v>
      </c>
      <c r="F120722" s="14" t="s">
        <v>15</v>
      </c>
      <c r="G120722" s="16">
        <v>0.38069698467622287</v>
      </c>
    </row>
    <row r="120723" spans="1:7" x14ac:dyDescent="0.3">
      <c r="A120723" s="13" t="s">
        <v>566</v>
      </c>
      <c r="B120723" s="14" t="s">
        <v>1</v>
      </c>
      <c r="C120723" s="14" t="s">
        <v>565</v>
      </c>
      <c r="D120723" s="14" t="s">
        <v>122</v>
      </c>
      <c r="E120723" s="15">
        <v>45649</v>
      </c>
      <c r="F120723" s="14" t="s">
        <v>15</v>
      </c>
      <c r="G120723" s="16">
        <v>0.37721008403361284</v>
      </c>
    </row>
    <row r="120724" spans="1:7" x14ac:dyDescent="0.3">
      <c r="A120724" s="13" t="s">
        <v>566</v>
      </c>
      <c r="B120724" s="14" t="s">
        <v>1</v>
      </c>
      <c r="C120724" s="14" t="s">
        <v>565</v>
      </c>
      <c r="D120724" s="14" t="s">
        <v>122</v>
      </c>
      <c r="E120724" s="15">
        <v>45650</v>
      </c>
      <c r="F120724" s="14" t="s">
        <v>15</v>
      </c>
      <c r="G120724" s="16">
        <v>0.36680474542758223</v>
      </c>
    </row>
    <row r="120725" spans="1:7" x14ac:dyDescent="0.3">
      <c r="A120725" s="13" t="s">
        <v>566</v>
      </c>
      <c r="B120725" s="14" t="s">
        <v>1</v>
      </c>
      <c r="C120725" s="14" t="s">
        <v>565</v>
      </c>
      <c r="D120725" s="14" t="s">
        <v>122</v>
      </c>
      <c r="E120725" s="15">
        <v>45651</v>
      </c>
      <c r="F120725" s="14" t="s">
        <v>15</v>
      </c>
      <c r="G120725" s="16">
        <v>0.36680474542758223</v>
      </c>
    </row>
    <row r="120726" spans="1:7" x14ac:dyDescent="0.3">
      <c r="A120726" s="13" t="s">
        <v>566</v>
      </c>
      <c r="B120726" s="14" t="s">
        <v>1</v>
      </c>
      <c r="C120726" s="14" t="s">
        <v>565</v>
      </c>
      <c r="D120726" s="14" t="s">
        <v>122</v>
      </c>
      <c r="E120726" s="15">
        <v>45652</v>
      </c>
      <c r="F120726" s="14" t="s">
        <v>15</v>
      </c>
      <c r="G120726" s="16">
        <v>0.36680474542758223</v>
      </c>
    </row>
    <row r="120727" spans="1:7" x14ac:dyDescent="0.3">
      <c r="A120727" s="13" t="s">
        <v>566</v>
      </c>
      <c r="B120727" s="14" t="s">
        <v>1</v>
      </c>
      <c r="C120727" s="14" t="s">
        <v>565</v>
      </c>
      <c r="D120727" s="14" t="s">
        <v>122</v>
      </c>
      <c r="E120727" s="15">
        <v>45653</v>
      </c>
      <c r="F120727" s="14" t="s">
        <v>15</v>
      </c>
      <c r="G120727" s="16">
        <v>0.36680474542758223</v>
      </c>
    </row>
    <row r="120728" spans="1:7" x14ac:dyDescent="0.3">
      <c r="A120728" s="13" t="s">
        <v>566</v>
      </c>
      <c r="B120728" s="14" t="s">
        <v>1</v>
      </c>
      <c r="C120728" s="14" t="s">
        <v>565</v>
      </c>
      <c r="D120728" s="14" t="s">
        <v>122</v>
      </c>
      <c r="E120728" s="15">
        <v>45654</v>
      </c>
      <c r="F120728" s="14" t="s">
        <v>15</v>
      </c>
      <c r="G120728" s="16">
        <v>0.36680474542758223</v>
      </c>
    </row>
    <row r="120729" spans="1:7" x14ac:dyDescent="0.3">
      <c r="A120729" s="13" t="s">
        <v>566</v>
      </c>
      <c r="B120729" s="14" t="s">
        <v>1</v>
      </c>
      <c r="C120729" s="14" t="s">
        <v>565</v>
      </c>
      <c r="D120729" s="14" t="s">
        <v>122</v>
      </c>
      <c r="E120729" s="15">
        <v>45655</v>
      </c>
      <c r="F120729" s="14" t="s">
        <v>15</v>
      </c>
      <c r="G120729" s="16">
        <v>0.36680474542758223</v>
      </c>
    </row>
    <row r="120730" spans="1:7" x14ac:dyDescent="0.3">
      <c r="A120730" s="13" t="s">
        <v>566</v>
      </c>
      <c r="B120730" s="14" t="s">
        <v>1</v>
      </c>
      <c r="C120730" s="14" t="s">
        <v>565</v>
      </c>
      <c r="D120730" s="14" t="s">
        <v>122</v>
      </c>
      <c r="E120730" s="15">
        <v>45656</v>
      </c>
      <c r="F120730" s="14" t="s">
        <v>15</v>
      </c>
      <c r="G120730" s="16">
        <v>0.36331389026198657</v>
      </c>
    </row>
    <row r="120731" spans="1:7" x14ac:dyDescent="0.3">
      <c r="A120731" s="13" t="s">
        <v>566</v>
      </c>
      <c r="B120731" s="14" t="s">
        <v>1</v>
      </c>
      <c r="C120731" s="14" t="s">
        <v>565</v>
      </c>
      <c r="D120731" s="14" t="s">
        <v>122</v>
      </c>
      <c r="E120731" s="15">
        <v>45657</v>
      </c>
      <c r="F120731" s="14" t="s">
        <v>15</v>
      </c>
      <c r="G120731" s="16">
        <v>0.37910627780523914</v>
      </c>
    </row>
    <row r="120732" spans="1:7" x14ac:dyDescent="0.3">
      <c r="A120732" s="13" t="s">
        <v>566</v>
      </c>
      <c r="B120732" s="14" t="s">
        <v>1</v>
      </c>
      <c r="C120732" s="14" t="s">
        <v>565</v>
      </c>
      <c r="D120732" s="14" t="s">
        <v>122</v>
      </c>
      <c r="E120732" s="15">
        <v>45658</v>
      </c>
      <c r="F120732" s="14" t="s">
        <v>15</v>
      </c>
      <c r="G120732" s="16">
        <v>0.37910627780523914</v>
      </c>
    </row>
    <row r="120733" spans="1:7" x14ac:dyDescent="0.3">
      <c r="A120733" s="13" t="s">
        <v>566</v>
      </c>
      <c r="B120733" s="14" t="s">
        <v>1</v>
      </c>
      <c r="C120733" s="14" t="s">
        <v>565</v>
      </c>
      <c r="D120733" s="14" t="s">
        <v>122</v>
      </c>
      <c r="E120733" s="15">
        <v>45659</v>
      </c>
      <c r="F120733" s="14" t="s">
        <v>15</v>
      </c>
      <c r="G120733" s="16">
        <v>0.37560751359367217</v>
      </c>
    </row>
    <row r="120734" spans="1:7" x14ac:dyDescent="0.3">
      <c r="A120734" s="13" t="s">
        <v>566</v>
      </c>
      <c r="B120734" s="14" t="s">
        <v>1</v>
      </c>
      <c r="C120734" s="14" t="s">
        <v>565</v>
      </c>
      <c r="D120734" s="14" t="s">
        <v>122</v>
      </c>
      <c r="E120734" s="15">
        <v>45660</v>
      </c>
      <c r="F120734" s="14" t="s">
        <v>15</v>
      </c>
      <c r="G120734" s="16">
        <v>0.41244883835887236</v>
      </c>
    </row>
    <row r="120735" spans="1:7" x14ac:dyDescent="0.3">
      <c r="A120735" s="13" t="s">
        <v>566</v>
      </c>
      <c r="B120735" s="14" t="s">
        <v>1</v>
      </c>
      <c r="C120735" s="14" t="s">
        <v>565</v>
      </c>
      <c r="D120735" s="14" t="s">
        <v>122</v>
      </c>
      <c r="E120735" s="15">
        <v>45661</v>
      </c>
      <c r="F120735" s="14" t="s">
        <v>15</v>
      </c>
      <c r="G120735" s="16">
        <v>0.41244883835887236</v>
      </c>
    </row>
    <row r="120736" spans="1:7" x14ac:dyDescent="0.3">
      <c r="A120736" s="13" t="s">
        <v>566</v>
      </c>
      <c r="B120736" s="14" t="s">
        <v>1</v>
      </c>
      <c r="C120736" s="14" t="s">
        <v>565</v>
      </c>
      <c r="D120736" s="14" t="s">
        <v>122</v>
      </c>
      <c r="E120736" s="15">
        <v>45662</v>
      </c>
      <c r="F120736" s="14" t="s">
        <v>15</v>
      </c>
      <c r="G120736" s="16">
        <v>0.41244883835887236</v>
      </c>
    </row>
    <row r="120737" spans="1:7" x14ac:dyDescent="0.3">
      <c r="A120737" s="13" t="s">
        <v>566</v>
      </c>
      <c r="B120737" s="14" t="s">
        <v>1</v>
      </c>
      <c r="C120737" s="14" t="s">
        <v>565</v>
      </c>
      <c r="D120737" s="14" t="s">
        <v>122</v>
      </c>
      <c r="E120737" s="15">
        <v>45663</v>
      </c>
      <c r="F120737" s="14" t="s">
        <v>15</v>
      </c>
      <c r="G120737" s="16">
        <v>0.40897676717745862</v>
      </c>
    </row>
    <row r="120738" spans="1:7" x14ac:dyDescent="0.3">
      <c r="A120738" s="13" t="s">
        <v>566</v>
      </c>
      <c r="B120738" s="14" t="s">
        <v>1</v>
      </c>
      <c r="C120738" s="14" t="s">
        <v>565</v>
      </c>
      <c r="D120738" s="14" t="s">
        <v>122</v>
      </c>
      <c r="E120738" s="15">
        <v>45664</v>
      </c>
      <c r="F120738" s="14" t="s">
        <v>15</v>
      </c>
      <c r="G120738" s="16">
        <v>0.39854671280276754</v>
      </c>
    </row>
    <row r="120739" spans="1:7" x14ac:dyDescent="0.3">
      <c r="A120739" s="13" t="s">
        <v>566</v>
      </c>
      <c r="B120739" s="14" t="s">
        <v>1</v>
      </c>
      <c r="C120739" s="14" t="s">
        <v>565</v>
      </c>
      <c r="D120739" s="14" t="s">
        <v>122</v>
      </c>
      <c r="E120739" s="15">
        <v>45665</v>
      </c>
      <c r="F120739" s="14" t="s">
        <v>15</v>
      </c>
      <c r="G120739" s="16">
        <v>0.39505585763717194</v>
      </c>
    </row>
    <row r="120740" spans="1:7" x14ac:dyDescent="0.3">
      <c r="A120740" s="13" t="s">
        <v>566</v>
      </c>
      <c r="B120740" s="14" t="s">
        <v>1</v>
      </c>
      <c r="C120740" s="14" t="s">
        <v>565</v>
      </c>
      <c r="D120740" s="14" t="s">
        <v>122</v>
      </c>
      <c r="E120740" s="15">
        <v>45666</v>
      </c>
      <c r="F120740" s="14" t="s">
        <v>15</v>
      </c>
      <c r="G120740" s="16">
        <v>0.39156401384082984</v>
      </c>
    </row>
    <row r="120741" spans="1:7" x14ac:dyDescent="0.3">
      <c r="A120741" s="13" t="s">
        <v>566</v>
      </c>
      <c r="B120741" s="14" t="s">
        <v>1</v>
      </c>
      <c r="C120741" s="14" t="s">
        <v>565</v>
      </c>
      <c r="D120741" s="14" t="s">
        <v>122</v>
      </c>
      <c r="E120741" s="15">
        <v>45667</v>
      </c>
      <c r="F120741" s="14" t="s">
        <v>15</v>
      </c>
      <c r="G120741" s="16">
        <v>0.39451903114186787</v>
      </c>
    </row>
    <row r="120742" spans="1:7" x14ac:dyDescent="0.3">
      <c r="A120742" s="13" t="s">
        <v>566</v>
      </c>
      <c r="B120742" s="14" t="s">
        <v>1</v>
      </c>
      <c r="C120742" s="14" t="s">
        <v>565</v>
      </c>
      <c r="D120742" s="14" t="s">
        <v>122</v>
      </c>
      <c r="E120742" s="15">
        <v>45668</v>
      </c>
      <c r="F120742" s="14" t="s">
        <v>15</v>
      </c>
      <c r="G120742" s="16">
        <v>0.39451903114186787</v>
      </c>
    </row>
    <row r="120743" spans="1:7" x14ac:dyDescent="0.3">
      <c r="A120743" s="13" t="s">
        <v>566</v>
      </c>
      <c r="B120743" s="14" t="s">
        <v>1</v>
      </c>
      <c r="C120743" s="14" t="s">
        <v>565</v>
      </c>
      <c r="D120743" s="14" t="s">
        <v>122</v>
      </c>
      <c r="E120743" s="15">
        <v>45669</v>
      </c>
      <c r="F120743" s="14" t="s">
        <v>15</v>
      </c>
      <c r="G120743" s="16">
        <v>0.39451903114186787</v>
      </c>
    </row>
    <row r="120744" spans="1:7" x14ac:dyDescent="0.3">
      <c r="A120744" s="13" t="s">
        <v>566</v>
      </c>
      <c r="B120744" s="14" t="s">
        <v>1</v>
      </c>
      <c r="C120744" s="14" t="s">
        <v>565</v>
      </c>
      <c r="D120744" s="14" t="s">
        <v>122</v>
      </c>
      <c r="E120744" s="15">
        <v>45670</v>
      </c>
      <c r="F120744" s="14" t="s">
        <v>15</v>
      </c>
      <c r="G120744" s="16">
        <v>0.39107760751359305</v>
      </c>
    </row>
    <row r="120745" spans="1:7" x14ac:dyDescent="0.3">
      <c r="A120745" s="13" t="s">
        <v>566</v>
      </c>
      <c r="B120745" s="14" t="s">
        <v>1</v>
      </c>
      <c r="C120745" s="14" t="s">
        <v>565</v>
      </c>
      <c r="D120745" s="14" t="s">
        <v>122</v>
      </c>
      <c r="E120745" s="15">
        <v>45671</v>
      </c>
      <c r="F120745" s="14" t="s">
        <v>15</v>
      </c>
      <c r="G120745" s="16">
        <v>0.38080968858131425</v>
      </c>
    </row>
    <row r="120746" spans="1:7" x14ac:dyDescent="0.3">
      <c r="A120746" s="13" t="s">
        <v>566</v>
      </c>
      <c r="B120746" s="14" t="s">
        <v>1</v>
      </c>
      <c r="C120746" s="14" t="s">
        <v>565</v>
      </c>
      <c r="D120746" s="14" t="s">
        <v>122</v>
      </c>
      <c r="E120746" s="15">
        <v>45672</v>
      </c>
      <c r="F120746" s="14" t="s">
        <v>15</v>
      </c>
      <c r="G120746" s="16">
        <v>0.37745724172021689</v>
      </c>
    </row>
    <row r="120747" spans="1:7" x14ac:dyDescent="0.3">
      <c r="A120747" s="13" t="s">
        <v>566</v>
      </c>
      <c r="B120747" s="14" t="s">
        <v>1</v>
      </c>
      <c r="C120747" s="14" t="s">
        <v>565</v>
      </c>
      <c r="D120747" s="14" t="s">
        <v>122</v>
      </c>
      <c r="E120747" s="15">
        <v>45673</v>
      </c>
      <c r="F120747" s="14" t="s">
        <v>15</v>
      </c>
      <c r="G120747" s="16">
        <v>0.37407315867523416</v>
      </c>
    </row>
    <row r="120748" spans="1:7" x14ac:dyDescent="0.3">
      <c r="A120748" s="13" t="s">
        <v>566</v>
      </c>
      <c r="B120748" s="14" t="s">
        <v>1</v>
      </c>
      <c r="C120748" s="14" t="s">
        <v>565</v>
      </c>
      <c r="D120748" s="14" t="s">
        <v>122</v>
      </c>
      <c r="E120748" s="15">
        <v>45674</v>
      </c>
      <c r="F120748" s="14" t="s">
        <v>15</v>
      </c>
      <c r="G120748" s="16">
        <v>0.37069105289174431</v>
      </c>
    </row>
    <row r="120749" spans="1:7" x14ac:dyDescent="0.3">
      <c r="A120749" s="13" t="s">
        <v>566</v>
      </c>
      <c r="B120749" s="14" t="s">
        <v>1</v>
      </c>
      <c r="C120749" s="14" t="s">
        <v>565</v>
      </c>
      <c r="D120749" s="14" t="s">
        <v>122</v>
      </c>
      <c r="E120749" s="15">
        <v>45675</v>
      </c>
      <c r="F120749" s="14" t="s">
        <v>15</v>
      </c>
      <c r="G120749" s="16">
        <v>0.37069105289174431</v>
      </c>
    </row>
    <row r="120750" spans="1:7" x14ac:dyDescent="0.3">
      <c r="A120750" s="13" t="s">
        <v>566</v>
      </c>
      <c r="B120750" s="14" t="s">
        <v>1</v>
      </c>
      <c r="C120750" s="14" t="s">
        <v>565</v>
      </c>
      <c r="D120750" s="14" t="s">
        <v>122</v>
      </c>
      <c r="E120750" s="15">
        <v>45676</v>
      </c>
      <c r="F120750" s="14" t="s">
        <v>15</v>
      </c>
      <c r="G120750" s="16">
        <v>0.37069105289174431</v>
      </c>
    </row>
    <row r="120751" spans="1:7" x14ac:dyDescent="0.3">
      <c r="A120751" s="13" t="s">
        <v>566</v>
      </c>
      <c r="B120751" s="14" t="s">
        <v>1</v>
      </c>
      <c r="C120751" s="14" t="s">
        <v>565</v>
      </c>
      <c r="D120751" s="14" t="s">
        <v>122</v>
      </c>
      <c r="E120751" s="15">
        <v>45677</v>
      </c>
      <c r="F120751" s="14" t="s">
        <v>15</v>
      </c>
      <c r="G120751" s="16">
        <v>0.36726149283242643</v>
      </c>
    </row>
    <row r="120752" spans="1:7" x14ac:dyDescent="0.3">
      <c r="A120752" s="13" t="s">
        <v>566</v>
      </c>
      <c r="B120752" s="14" t="s">
        <v>1</v>
      </c>
      <c r="C120752" s="14" t="s">
        <v>565</v>
      </c>
      <c r="D120752" s="14" t="s">
        <v>122</v>
      </c>
      <c r="E120752" s="15">
        <v>45678</v>
      </c>
      <c r="F120752" s="14" t="s">
        <v>15</v>
      </c>
      <c r="G120752" s="16">
        <v>0.3569807217004442</v>
      </c>
    </row>
    <row r="120753" spans="1:7" x14ac:dyDescent="0.3">
      <c r="A120753" s="13" t="s">
        <v>566</v>
      </c>
      <c r="B120753" s="14" t="s">
        <v>1</v>
      </c>
      <c r="C120753" s="14" t="s">
        <v>565</v>
      </c>
      <c r="D120753" s="14" t="s">
        <v>122</v>
      </c>
      <c r="E120753" s="15">
        <v>45679</v>
      </c>
      <c r="F120753" s="14" t="s">
        <v>15</v>
      </c>
      <c r="G120753" s="16">
        <v>0.35371527434503147</v>
      </c>
    </row>
    <row r="120754" spans="1:7" x14ac:dyDescent="0.3">
      <c r="A120754" s="13" t="s">
        <v>566</v>
      </c>
      <c r="B120754" s="14" t="s">
        <v>1</v>
      </c>
      <c r="C120754" s="14" t="s">
        <v>565</v>
      </c>
      <c r="D120754" s="14" t="s">
        <v>122</v>
      </c>
      <c r="E120754" s="15">
        <v>45680</v>
      </c>
      <c r="F120754" s="14" t="s">
        <v>15</v>
      </c>
      <c r="G120754" s="16">
        <v>0.3502481463173498</v>
      </c>
    </row>
    <row r="120755" spans="1:7" x14ac:dyDescent="0.3">
      <c r="A120755" s="13" t="s">
        <v>566</v>
      </c>
      <c r="B120755" s="14" t="s">
        <v>1</v>
      </c>
      <c r="C120755" s="14" t="s">
        <v>565</v>
      </c>
      <c r="D120755" s="14" t="s">
        <v>122</v>
      </c>
      <c r="E120755" s="15">
        <v>45681</v>
      </c>
      <c r="F120755" s="14" t="s">
        <v>15</v>
      </c>
      <c r="G120755" s="16">
        <v>0.34678596144340018</v>
      </c>
    </row>
    <row r="120756" spans="1:7" x14ac:dyDescent="0.3">
      <c r="A120756" s="13" t="s">
        <v>566</v>
      </c>
      <c r="B120756" s="14" t="s">
        <v>1</v>
      </c>
      <c r="C120756" s="14" t="s">
        <v>565</v>
      </c>
      <c r="D120756" s="14" t="s">
        <v>122</v>
      </c>
      <c r="E120756" s="15">
        <v>45682</v>
      </c>
      <c r="F120756" s="14" t="s">
        <v>15</v>
      </c>
      <c r="G120756" s="16">
        <v>0.34678596144340018</v>
      </c>
    </row>
    <row r="120757" spans="1:7" x14ac:dyDescent="0.3">
      <c r="A120757" s="13" t="s">
        <v>566</v>
      </c>
      <c r="B120757" s="14" t="s">
        <v>1</v>
      </c>
      <c r="C120757" s="14" t="s">
        <v>565</v>
      </c>
      <c r="D120757" s="14" t="s">
        <v>122</v>
      </c>
      <c r="E120757" s="15">
        <v>45683</v>
      </c>
      <c r="F120757" s="14" t="s">
        <v>15</v>
      </c>
      <c r="G120757" s="16">
        <v>0.34678596144340018</v>
      </c>
    </row>
    <row r="120758" spans="1:7" x14ac:dyDescent="0.3">
      <c r="A120758" s="13" t="s">
        <v>566</v>
      </c>
      <c r="B120758" s="14" t="s">
        <v>1</v>
      </c>
      <c r="C120758" s="14" t="s">
        <v>565</v>
      </c>
      <c r="D120758" s="14" t="s">
        <v>122</v>
      </c>
      <c r="E120758" s="15">
        <v>45684</v>
      </c>
      <c r="F120758" s="14" t="s">
        <v>15</v>
      </c>
      <c r="G120758" s="16">
        <v>0.3471814137419667</v>
      </c>
    </row>
    <row r="120759" spans="1:7" x14ac:dyDescent="0.3">
      <c r="A120759" s="13" t="s">
        <v>566</v>
      </c>
      <c r="B120759" s="14" t="s">
        <v>1</v>
      </c>
      <c r="C120759" s="14" t="s">
        <v>565</v>
      </c>
      <c r="D120759" s="14" t="s">
        <v>122</v>
      </c>
      <c r="E120759" s="15">
        <v>45685</v>
      </c>
      <c r="F120759" s="14" t="s">
        <v>15</v>
      </c>
      <c r="G120759" s="16">
        <v>0.3471814137419667</v>
      </c>
    </row>
    <row r="120760" spans="1:7" x14ac:dyDescent="0.3">
      <c r="A120760" s="13" t="s">
        <v>566</v>
      </c>
      <c r="B120760" s="14" t="s">
        <v>1</v>
      </c>
      <c r="C120760" s="14" t="s">
        <v>565</v>
      </c>
      <c r="D120760" s="14" t="s">
        <v>122</v>
      </c>
      <c r="E120760" s="15">
        <v>45686</v>
      </c>
      <c r="F120760" s="14" t="s">
        <v>15</v>
      </c>
      <c r="G120760" s="16">
        <v>0.3471814137419667</v>
      </c>
    </row>
    <row r="120761" spans="1:7" x14ac:dyDescent="0.3">
      <c r="A120761" s="13" t="s">
        <v>566</v>
      </c>
      <c r="B120761" s="14" t="s">
        <v>1</v>
      </c>
      <c r="C120761" s="14" t="s">
        <v>565</v>
      </c>
      <c r="D120761" s="14" t="s">
        <v>122</v>
      </c>
      <c r="E120761" s="15">
        <v>45687</v>
      </c>
      <c r="F120761" s="14" t="s">
        <v>15</v>
      </c>
      <c r="G120761" s="16">
        <v>0.3471814137419667</v>
      </c>
    </row>
    <row r="120762" spans="1:7" x14ac:dyDescent="0.3">
      <c r="A120762" s="13" t="s">
        <v>566</v>
      </c>
      <c r="B120762" s="14" t="s">
        <v>1</v>
      </c>
      <c r="C120762" s="14" t="s">
        <v>565</v>
      </c>
      <c r="D120762" s="14" t="s">
        <v>122</v>
      </c>
      <c r="E120762" s="15">
        <v>45688</v>
      </c>
      <c r="F120762" s="14" t="s">
        <v>15</v>
      </c>
      <c r="G120762" s="16">
        <v>0.3471814137419667</v>
      </c>
    </row>
    <row r="120763" spans="1:7" x14ac:dyDescent="0.3">
      <c r="A120763" s="13" t="s">
        <v>566</v>
      </c>
      <c r="B120763" s="14" t="s">
        <v>1</v>
      </c>
      <c r="C120763" s="14" t="s">
        <v>565</v>
      </c>
      <c r="D120763" s="14" t="s">
        <v>122</v>
      </c>
      <c r="E120763" s="15">
        <v>45689</v>
      </c>
      <c r="F120763" s="14" t="s">
        <v>15</v>
      </c>
      <c r="G120763" s="16">
        <v>0.3471814137419667</v>
      </c>
    </row>
    <row r="120764" spans="1:7" x14ac:dyDescent="0.3">
      <c r="A120764" s="13" t="s">
        <v>566</v>
      </c>
      <c r="B120764" s="14" t="s">
        <v>1</v>
      </c>
      <c r="C120764" s="14" t="s">
        <v>565</v>
      </c>
      <c r="D120764" s="14" t="s">
        <v>122</v>
      </c>
      <c r="E120764" s="15">
        <v>45690</v>
      </c>
      <c r="F120764" s="14" t="s">
        <v>15</v>
      </c>
      <c r="G120764" s="16">
        <v>0.3471814137419667</v>
      </c>
    </row>
    <row r="120765" spans="1:7" x14ac:dyDescent="0.3">
      <c r="A120765" s="13" t="s">
        <v>566</v>
      </c>
      <c r="B120765" s="14" t="s">
        <v>1</v>
      </c>
      <c r="C120765" s="14" t="s">
        <v>565</v>
      </c>
      <c r="D120765" s="14" t="s">
        <v>122</v>
      </c>
      <c r="E120765" s="15">
        <v>45691</v>
      </c>
      <c r="F120765" s="14" t="s">
        <v>15</v>
      </c>
      <c r="G120765" s="16">
        <v>0.3471814137419667</v>
      </c>
    </row>
    <row r="120766" spans="1:7" x14ac:dyDescent="0.3">
      <c r="A120766" s="13" t="s">
        <v>566</v>
      </c>
      <c r="B120766" s="14" t="s">
        <v>1</v>
      </c>
      <c r="C120766" s="14" t="s">
        <v>565</v>
      </c>
      <c r="D120766" s="14" t="s">
        <v>122</v>
      </c>
      <c r="E120766" s="15">
        <v>45692</v>
      </c>
      <c r="F120766" s="14" t="s">
        <v>15</v>
      </c>
      <c r="G120766" s="16">
        <v>0.3471814137419667</v>
      </c>
    </row>
    <row r="120767" spans="1:7" x14ac:dyDescent="0.3">
      <c r="A120767" s="13" t="s">
        <v>566</v>
      </c>
      <c r="B120767" s="14" t="s">
        <v>1</v>
      </c>
      <c r="C120767" s="14" t="s">
        <v>565</v>
      </c>
      <c r="D120767" s="14" t="s">
        <v>122</v>
      </c>
      <c r="E120767" s="15">
        <v>45693</v>
      </c>
      <c r="F120767" s="14" t="s">
        <v>15</v>
      </c>
      <c r="G120767" s="16">
        <v>0.33674048442906501</v>
      </c>
    </row>
    <row r="120768" spans="1:7" x14ac:dyDescent="0.3">
      <c r="A120768" s="13" t="s">
        <v>566</v>
      </c>
      <c r="B120768" s="14" t="s">
        <v>1</v>
      </c>
      <c r="C120768" s="14" t="s">
        <v>565</v>
      </c>
      <c r="D120768" s="14" t="s">
        <v>122</v>
      </c>
      <c r="E120768" s="15">
        <v>45694</v>
      </c>
      <c r="F120768" s="14" t="s">
        <v>15</v>
      </c>
      <c r="G120768" s="16">
        <v>0.30642708848245109</v>
      </c>
    </row>
    <row r="120769" spans="1:7" x14ac:dyDescent="0.3">
      <c r="A120769" s="13" t="s">
        <v>566</v>
      </c>
      <c r="B120769" s="14" t="s">
        <v>1</v>
      </c>
      <c r="C120769" s="14" t="s">
        <v>565</v>
      </c>
      <c r="D120769" s="14" t="s">
        <v>122</v>
      </c>
      <c r="E120769" s="15">
        <v>45695</v>
      </c>
      <c r="F120769" s="14" t="s">
        <v>15</v>
      </c>
      <c r="G120769" s="16">
        <v>0.30292634700939131</v>
      </c>
    </row>
    <row r="120770" spans="1:7" x14ac:dyDescent="0.3">
      <c r="A120770" s="13" t="s">
        <v>566</v>
      </c>
      <c r="B120770" s="14" t="s">
        <v>1</v>
      </c>
      <c r="C120770" s="14" t="s">
        <v>565</v>
      </c>
      <c r="D120770" s="14" t="s">
        <v>122</v>
      </c>
      <c r="E120770" s="15">
        <v>45696</v>
      </c>
      <c r="F120770" s="14" t="s">
        <v>15</v>
      </c>
      <c r="G120770" s="16">
        <v>0.30292634700939131</v>
      </c>
    </row>
    <row r="120771" spans="1:7" x14ac:dyDescent="0.3">
      <c r="A120771" s="13" t="s">
        <v>566</v>
      </c>
      <c r="B120771" s="14" t="s">
        <v>1</v>
      </c>
      <c r="C120771" s="14" t="s">
        <v>565</v>
      </c>
      <c r="D120771" s="14" t="s">
        <v>122</v>
      </c>
      <c r="E120771" s="15">
        <v>45697</v>
      </c>
      <c r="F120771" s="14" t="s">
        <v>15</v>
      </c>
      <c r="G120771" s="16">
        <v>0.30292634700939131</v>
      </c>
    </row>
    <row r="120772" spans="1:7" x14ac:dyDescent="0.3">
      <c r="A120772" s="13" t="s">
        <v>566</v>
      </c>
      <c r="B120772" s="14" t="s">
        <v>1</v>
      </c>
      <c r="C120772" s="14" t="s">
        <v>565</v>
      </c>
      <c r="D120772" s="14" t="s">
        <v>122</v>
      </c>
      <c r="E120772" s="15">
        <v>45698</v>
      </c>
      <c r="F120772" s="14" t="s">
        <v>15</v>
      </c>
      <c r="G120772" s="16">
        <v>0.30648812103262257</v>
      </c>
    </row>
    <row r="120773" spans="1:7" x14ac:dyDescent="0.3">
      <c r="A120773" s="13" t="s">
        <v>566</v>
      </c>
      <c r="B120773" s="14" t="s">
        <v>1</v>
      </c>
      <c r="C120773" s="14" t="s">
        <v>565</v>
      </c>
      <c r="D120773" s="14" t="s">
        <v>122</v>
      </c>
      <c r="E120773" s="15">
        <v>45699</v>
      </c>
      <c r="F120773" s="14" t="s">
        <v>15</v>
      </c>
      <c r="G120773" s="16">
        <v>0.29584714954371022</v>
      </c>
    </row>
    <row r="120774" spans="1:7" x14ac:dyDescent="0.3">
      <c r="A120774" s="13" t="s">
        <v>566</v>
      </c>
      <c r="B120774" s="14" t="s">
        <v>1</v>
      </c>
      <c r="C120774" s="14" t="s">
        <v>565</v>
      </c>
      <c r="D120774" s="14" t="s">
        <v>122</v>
      </c>
      <c r="E120774" s="15">
        <v>45700</v>
      </c>
      <c r="F120774" s="14" t="s">
        <v>15</v>
      </c>
      <c r="G120774" s="16">
        <v>0.29231071870949688</v>
      </c>
    </row>
    <row r="120775" spans="1:7" x14ac:dyDescent="0.3">
      <c r="A120775" s="13" t="s">
        <v>566</v>
      </c>
      <c r="B120775" s="14" t="s">
        <v>1</v>
      </c>
      <c r="C120775" s="14" t="s">
        <v>565</v>
      </c>
      <c r="D120775" s="14" t="s">
        <v>122</v>
      </c>
      <c r="E120775" s="15">
        <v>45701</v>
      </c>
      <c r="F120775" s="14" t="s">
        <v>15</v>
      </c>
      <c r="G120775" s="16">
        <v>0.28877534384149267</v>
      </c>
    </row>
    <row r="120776" spans="1:7" x14ac:dyDescent="0.3">
      <c r="A120776" s="13" t="s">
        <v>566</v>
      </c>
      <c r="B120776" s="14" t="s">
        <v>1</v>
      </c>
      <c r="C120776" s="14" t="s">
        <v>565</v>
      </c>
      <c r="D120776" s="14" t="s">
        <v>122</v>
      </c>
      <c r="E120776" s="15">
        <v>45702</v>
      </c>
      <c r="F120776" s="14" t="s">
        <v>15</v>
      </c>
      <c r="G120776" s="16">
        <v>0.28520934595342506</v>
      </c>
    </row>
    <row r="120777" spans="1:7" x14ac:dyDescent="0.3">
      <c r="A120777" s="13" t="s">
        <v>566</v>
      </c>
      <c r="B120777" s="14" t="s">
        <v>1</v>
      </c>
      <c r="C120777" s="14" t="s">
        <v>565</v>
      </c>
      <c r="D120777" s="14" t="s">
        <v>122</v>
      </c>
      <c r="E120777" s="15">
        <v>45703</v>
      </c>
      <c r="F120777" s="14" t="s">
        <v>15</v>
      </c>
      <c r="G120777" s="16">
        <v>0.28520934595342506</v>
      </c>
    </row>
    <row r="120778" spans="1:7" x14ac:dyDescent="0.3">
      <c r="A120778" s="13" t="s">
        <v>566</v>
      </c>
      <c r="B120778" s="14" t="s">
        <v>1</v>
      </c>
      <c r="C120778" s="14" t="s">
        <v>565</v>
      </c>
      <c r="D120778" s="14" t="s">
        <v>122</v>
      </c>
      <c r="E120778" s="15">
        <v>45704</v>
      </c>
      <c r="F120778" s="14" t="s">
        <v>15</v>
      </c>
      <c r="G120778" s="16">
        <v>0.28520934595342506</v>
      </c>
    </row>
    <row r="120779" spans="1:7" x14ac:dyDescent="0.3">
      <c r="A120779" s="13" t="s">
        <v>566</v>
      </c>
      <c r="B120779" s="14" t="s">
        <v>1</v>
      </c>
      <c r="C120779" s="14" t="s">
        <v>565</v>
      </c>
      <c r="D120779" s="14" t="s">
        <v>122</v>
      </c>
      <c r="E120779" s="15">
        <v>45705</v>
      </c>
      <c r="F120779" s="14" t="s">
        <v>15</v>
      </c>
      <c r="G120779" s="16">
        <v>0.28163912420052117</v>
      </c>
    </row>
    <row r="120780" spans="1:7" x14ac:dyDescent="0.3">
      <c r="A120780" s="13" t="s">
        <v>566</v>
      </c>
      <c r="B120780" s="14" t="s">
        <v>1</v>
      </c>
      <c r="C120780" s="14" t="s">
        <v>565</v>
      </c>
      <c r="D120780" s="14" t="s">
        <v>122</v>
      </c>
      <c r="E120780" s="15">
        <v>45706</v>
      </c>
      <c r="F120780" s="14" t="s">
        <v>15</v>
      </c>
      <c r="G120780" s="16">
        <v>0.27080068703051063</v>
      </c>
    </row>
    <row r="120781" spans="1:7" x14ac:dyDescent="0.3">
      <c r="A120781" s="13" t="s">
        <v>566</v>
      </c>
      <c r="B120781" s="14" t="s">
        <v>1</v>
      </c>
      <c r="C120781" s="14" t="s">
        <v>565</v>
      </c>
      <c r="D120781" s="14" t="s">
        <v>122</v>
      </c>
      <c r="E120781" s="15">
        <v>45707</v>
      </c>
      <c r="F120781" s="14" t="s">
        <v>15</v>
      </c>
      <c r="G120781" s="16">
        <v>0.26715126781192561</v>
      </c>
    </row>
    <row r="120782" spans="1:7" x14ac:dyDescent="0.3">
      <c r="A120782" s="13" t="s">
        <v>566</v>
      </c>
      <c r="B120782" s="14" t="s">
        <v>1</v>
      </c>
      <c r="C120782" s="14" t="s">
        <v>565</v>
      </c>
      <c r="D120782" s="14" t="s">
        <v>122</v>
      </c>
      <c r="E120782" s="15">
        <v>45708</v>
      </c>
      <c r="F120782" s="14" t="s">
        <v>15</v>
      </c>
      <c r="G120782" s="16">
        <v>0.26348600910020442</v>
      </c>
    </row>
    <row r="120783" spans="1:7" x14ac:dyDescent="0.3">
      <c r="A120783" s="13" t="s">
        <v>566</v>
      </c>
      <c r="B120783" s="14" t="s">
        <v>1</v>
      </c>
      <c r="C120783" s="14" t="s">
        <v>565</v>
      </c>
      <c r="D120783" s="14" t="s">
        <v>122</v>
      </c>
      <c r="E120783" s="15">
        <v>45709</v>
      </c>
      <c r="F120783" s="14" t="s">
        <v>15</v>
      </c>
      <c r="G120783" s="16">
        <v>0.25981547055743776</v>
      </c>
    </row>
    <row r="120784" spans="1:7" x14ac:dyDescent="0.3">
      <c r="A120784" s="13" t="s">
        <v>566</v>
      </c>
      <c r="B120784" s="14" t="s">
        <v>1</v>
      </c>
      <c r="C120784" s="14" t="s">
        <v>565</v>
      </c>
      <c r="D120784" s="14" t="s">
        <v>122</v>
      </c>
      <c r="E120784" s="15">
        <v>45710</v>
      </c>
      <c r="F120784" s="14" t="s">
        <v>15</v>
      </c>
      <c r="G120784" s="16">
        <v>0.25981547055743776</v>
      </c>
    </row>
    <row r="120785" spans="1:7" x14ac:dyDescent="0.3">
      <c r="A120785" s="13" t="s">
        <v>566</v>
      </c>
      <c r="B120785" s="14" t="s">
        <v>1</v>
      </c>
      <c r="C120785" s="14" t="s">
        <v>565</v>
      </c>
      <c r="D120785" s="14" t="s">
        <v>122</v>
      </c>
      <c r="E120785" s="15">
        <v>45711</v>
      </c>
      <c r="F120785" s="14" t="s">
        <v>15</v>
      </c>
      <c r="G120785" s="16">
        <v>0.25981547055743776</v>
      </c>
    </row>
    <row r="120786" spans="1:7" x14ac:dyDescent="0.3">
      <c r="A120786" s="13" t="s">
        <v>566</v>
      </c>
      <c r="B120786" s="14" t="s">
        <v>1</v>
      </c>
      <c r="C120786" s="14" t="s">
        <v>565</v>
      </c>
      <c r="D120786" s="14" t="s">
        <v>122</v>
      </c>
      <c r="E120786" s="15">
        <v>45712</v>
      </c>
      <c r="F120786" s="14" t="s">
        <v>15</v>
      </c>
      <c r="G120786" s="16">
        <v>0.25616921923747998</v>
      </c>
    </row>
    <row r="120787" spans="1:7" x14ac:dyDescent="0.3">
      <c r="A120787" s="13" t="s">
        <v>566</v>
      </c>
      <c r="B120787" s="14" t="s">
        <v>1</v>
      </c>
      <c r="C120787" s="14" t="s">
        <v>565</v>
      </c>
      <c r="D120787" s="14" t="s">
        <v>122</v>
      </c>
      <c r="E120787" s="15">
        <v>45713</v>
      </c>
      <c r="F120787" s="14" t="s">
        <v>15</v>
      </c>
      <c r="G120787" s="16">
        <v>0.24505200698827193</v>
      </c>
    </row>
    <row r="120788" spans="1:7" x14ac:dyDescent="0.3">
      <c r="A120788" s="13" t="s">
        <v>566</v>
      </c>
      <c r="B120788" s="14" t="s">
        <v>1</v>
      </c>
      <c r="C120788" s="14" t="s">
        <v>565</v>
      </c>
      <c r="D120788" s="14" t="s">
        <v>122</v>
      </c>
      <c r="E120788" s="15">
        <v>45714</v>
      </c>
      <c r="F120788" s="14" t="s">
        <v>15</v>
      </c>
      <c r="G120788" s="16">
        <v>0.24138146844550526</v>
      </c>
    </row>
    <row r="120789" spans="1:7" x14ac:dyDescent="0.3">
      <c r="A120789" s="13" t="s">
        <v>566</v>
      </c>
      <c r="B120789" s="14" t="s">
        <v>1</v>
      </c>
      <c r="C120789" s="14" t="s">
        <v>565</v>
      </c>
      <c r="D120789" s="14" t="s">
        <v>122</v>
      </c>
      <c r="E120789" s="15">
        <v>45715</v>
      </c>
      <c r="F120789" s="14" t="s">
        <v>15</v>
      </c>
      <c r="G120789" s="16">
        <v>0.23816393940643449</v>
      </c>
    </row>
    <row r="120790" spans="1:7" x14ac:dyDescent="0.3">
      <c r="A120790" s="13" t="s">
        <v>566</v>
      </c>
      <c r="B120790" s="14" t="s">
        <v>1</v>
      </c>
      <c r="C120790" s="14" t="s">
        <v>565</v>
      </c>
      <c r="D120790" s="14" t="s">
        <v>122</v>
      </c>
      <c r="E120790" s="15">
        <v>45716</v>
      </c>
      <c r="F120790" s="14" t="s">
        <v>15</v>
      </c>
      <c r="G120790" s="16">
        <v>0.24801082430611771</v>
      </c>
    </row>
    <row r="120791" spans="1:7" x14ac:dyDescent="0.3">
      <c r="A120791" s="13" t="s">
        <v>566</v>
      </c>
      <c r="B120791" s="14" t="s">
        <v>1</v>
      </c>
      <c r="C120791" s="14" t="s">
        <v>565</v>
      </c>
      <c r="D120791" s="14" t="s">
        <v>122</v>
      </c>
      <c r="E120791" s="15">
        <v>45717</v>
      </c>
      <c r="F120791" s="14" t="s">
        <v>15</v>
      </c>
      <c r="G120791" s="16">
        <v>0.24801082430611771</v>
      </c>
    </row>
    <row r="120792" spans="1:7" x14ac:dyDescent="0.3">
      <c r="A120792" s="13" t="s">
        <v>566</v>
      </c>
      <c r="B120792" s="14" t="s">
        <v>1</v>
      </c>
      <c r="C120792" s="14" t="s">
        <v>565</v>
      </c>
      <c r="D120792" s="14" t="s">
        <v>122</v>
      </c>
      <c r="E120792" s="15">
        <v>45718</v>
      </c>
      <c r="F120792" s="14" t="s">
        <v>15</v>
      </c>
      <c r="G120792" s="16">
        <v>0.24801082430611771</v>
      </c>
    </row>
    <row r="120793" spans="1:7" x14ac:dyDescent="0.3">
      <c r="A120793" s="13" t="s">
        <v>566</v>
      </c>
      <c r="B120793" s="14" t="s">
        <v>1</v>
      </c>
      <c r="C120793" s="14" t="s">
        <v>565</v>
      </c>
      <c r="D120793" s="14" t="s">
        <v>122</v>
      </c>
      <c r="E120793" s="15">
        <v>45719</v>
      </c>
      <c r="F120793" s="14" t="s">
        <v>15</v>
      </c>
      <c r="G120793" s="16">
        <v>0.24435084542544189</v>
      </c>
    </row>
    <row r="120794" spans="1:7" x14ac:dyDescent="0.3">
      <c r="A120794" s="13" t="s">
        <v>566</v>
      </c>
      <c r="B120794" s="14" t="s">
        <v>1</v>
      </c>
      <c r="C120794" s="14" t="s">
        <v>565</v>
      </c>
      <c r="D120794" s="14" t="s">
        <v>122</v>
      </c>
      <c r="E120794" s="15">
        <v>45720</v>
      </c>
      <c r="F120794" s="14" t="s">
        <v>15</v>
      </c>
      <c r="G120794" s="16">
        <v>0.2336222287411758</v>
      </c>
    </row>
    <row r="120795" spans="1:7" x14ac:dyDescent="0.3">
      <c r="A120795" s="13" t="s">
        <v>566</v>
      </c>
      <c r="B120795" s="14" t="s">
        <v>1</v>
      </c>
      <c r="C120795" s="14" t="s">
        <v>565</v>
      </c>
      <c r="D120795" s="14" t="s">
        <v>122</v>
      </c>
      <c r="E120795" s="15">
        <v>45721</v>
      </c>
      <c r="F120795" s="14" t="s">
        <v>15</v>
      </c>
      <c r="G120795" s="16">
        <v>0.23005939875173542</v>
      </c>
    </row>
    <row r="120796" spans="1:7" x14ac:dyDescent="0.3">
      <c r="A120796" s="13" t="s">
        <v>566</v>
      </c>
      <c r="B120796" s="14" t="s">
        <v>1</v>
      </c>
      <c r="C120796" s="14" t="s">
        <v>565</v>
      </c>
      <c r="D120796" s="14" t="s">
        <v>122</v>
      </c>
      <c r="E120796" s="15">
        <v>45722</v>
      </c>
      <c r="F120796" s="14" t="s">
        <v>15</v>
      </c>
      <c r="G120796" s="16">
        <v>0.22716499537264359</v>
      </c>
    </row>
    <row r="120797" spans="1:7" x14ac:dyDescent="0.3">
      <c r="A120797" s="13" t="s">
        <v>566</v>
      </c>
      <c r="B120797" s="14" t="s">
        <v>1</v>
      </c>
      <c r="C120797" s="14" t="s">
        <v>565</v>
      </c>
      <c r="D120797" s="14" t="s">
        <v>122</v>
      </c>
      <c r="E120797" s="15">
        <v>45723</v>
      </c>
      <c r="F120797" s="14" t="s">
        <v>15</v>
      </c>
      <c r="G120797" s="16">
        <v>0.22355570287000368</v>
      </c>
    </row>
    <row r="120798" spans="1:7" x14ac:dyDescent="0.3">
      <c r="A120798" s="13" t="s">
        <v>566</v>
      </c>
      <c r="B120798" s="14" t="s">
        <v>1</v>
      </c>
      <c r="C120798" s="14" t="s">
        <v>565</v>
      </c>
      <c r="D120798" s="14" t="s">
        <v>122</v>
      </c>
      <c r="E120798" s="15">
        <v>45724</v>
      </c>
      <c r="F120798" s="14" t="s">
        <v>15</v>
      </c>
      <c r="G120798" s="16">
        <v>0.22355570287000368</v>
      </c>
    </row>
    <row r="120799" spans="1:7" x14ac:dyDescent="0.3">
      <c r="A120799" s="13" t="s">
        <v>566</v>
      </c>
      <c r="B120799" s="14" t="s">
        <v>1</v>
      </c>
      <c r="C120799" s="14" t="s">
        <v>565</v>
      </c>
      <c r="D120799" s="14" t="s">
        <v>122</v>
      </c>
      <c r="E120799" s="15">
        <v>45725</v>
      </c>
      <c r="F120799" s="14" t="s">
        <v>15</v>
      </c>
      <c r="G120799" s="16">
        <v>0.22355570287000368</v>
      </c>
    </row>
    <row r="120800" spans="1:7" x14ac:dyDescent="0.3">
      <c r="A120800" s="13" t="s">
        <v>566</v>
      </c>
      <c r="B120800" s="14" t="s">
        <v>1</v>
      </c>
      <c r="C120800" s="14" t="s">
        <v>565</v>
      </c>
      <c r="D120800" s="14" t="s">
        <v>122</v>
      </c>
      <c r="E120800" s="15">
        <v>45726</v>
      </c>
      <c r="F120800" s="14" t="s">
        <v>15</v>
      </c>
      <c r="G120800" s="16">
        <v>0.22663490033568476</v>
      </c>
    </row>
    <row r="120801" spans="1:7" x14ac:dyDescent="0.3">
      <c r="A120801" s="13" t="s">
        <v>566</v>
      </c>
      <c r="B120801" s="14" t="s">
        <v>1</v>
      </c>
      <c r="C120801" s="14" t="s">
        <v>565</v>
      </c>
      <c r="D120801" s="14" t="s">
        <v>122</v>
      </c>
      <c r="E120801" s="15">
        <v>45727</v>
      </c>
      <c r="F120801" s="14" t="s">
        <v>15</v>
      </c>
      <c r="G120801" s="16">
        <v>0.21859582958594875</v>
      </c>
    </row>
    <row r="120802" spans="1:7" x14ac:dyDescent="0.3">
      <c r="A120802" s="13" t="s">
        <v>566</v>
      </c>
      <c r="B120802" s="14" t="s">
        <v>1</v>
      </c>
      <c r="C120802" s="14" t="s">
        <v>565</v>
      </c>
      <c r="D120802" s="14" t="s">
        <v>122</v>
      </c>
      <c r="E120802" s="15">
        <v>45728</v>
      </c>
      <c r="F120802" s="14" t="s">
        <v>15</v>
      </c>
      <c r="G120802" s="16">
        <v>0.21498336918468158</v>
      </c>
    </row>
    <row r="120803" spans="1:7" x14ac:dyDescent="0.3">
      <c r="A120803" s="13" t="s">
        <v>566</v>
      </c>
      <c r="B120803" s="14" t="s">
        <v>1</v>
      </c>
      <c r="C120803" s="14" t="s">
        <v>565</v>
      </c>
      <c r="D120803" s="14" t="s">
        <v>122</v>
      </c>
      <c r="E120803" s="15">
        <v>45729</v>
      </c>
      <c r="F120803" s="14" t="s">
        <v>15</v>
      </c>
      <c r="G120803" s="16">
        <v>0.21140153180347776</v>
      </c>
    </row>
    <row r="120804" spans="1:7" x14ac:dyDescent="0.3">
      <c r="A120804" s="13" t="s">
        <v>566</v>
      </c>
      <c r="B120804" s="14" t="s">
        <v>1</v>
      </c>
      <c r="C120804" s="14" t="s">
        <v>565</v>
      </c>
      <c r="D120804" s="14" t="s">
        <v>122</v>
      </c>
      <c r="E120804" s="15">
        <v>45730</v>
      </c>
      <c r="F120804" s="14" t="s">
        <v>15</v>
      </c>
      <c r="G120804" s="16">
        <v>0.20780174299671958</v>
      </c>
    </row>
    <row r="120805" spans="1:7" x14ac:dyDescent="0.3">
      <c r="A120805" s="13" t="s">
        <v>566</v>
      </c>
      <c r="B120805" s="14" t="s">
        <v>1</v>
      </c>
      <c r="C120805" s="14" t="s">
        <v>565</v>
      </c>
      <c r="D120805" s="14" t="s">
        <v>122</v>
      </c>
      <c r="E120805" s="15">
        <v>45731</v>
      </c>
      <c r="F120805" s="14" t="s">
        <v>15</v>
      </c>
      <c r="G120805" s="16">
        <v>0.20780174299671958</v>
      </c>
    </row>
    <row r="120806" spans="1:7" x14ac:dyDescent="0.3">
      <c r="A120806" s="13" t="s">
        <v>566</v>
      </c>
      <c r="B120806" s="14" t="s">
        <v>1</v>
      </c>
      <c r="C120806" s="14" t="s">
        <v>565</v>
      </c>
      <c r="D120806" s="14" t="s">
        <v>122</v>
      </c>
      <c r="E120806" s="15">
        <v>45732</v>
      </c>
      <c r="F120806" s="14" t="s">
        <v>15</v>
      </c>
      <c r="G120806" s="16">
        <v>0.20780174299671958</v>
      </c>
    </row>
    <row r="120807" spans="1:7" x14ac:dyDescent="0.3">
      <c r="A120807" s="13" t="s">
        <v>566</v>
      </c>
      <c r="B120807" s="14" t="s">
        <v>1</v>
      </c>
      <c r="C120807" s="14" t="s">
        <v>565</v>
      </c>
      <c r="D120807" s="14" t="s">
        <v>122</v>
      </c>
      <c r="E120807" s="15">
        <v>45733</v>
      </c>
      <c r="F120807" s="14" t="s">
        <v>15</v>
      </c>
      <c r="G120807" s="16">
        <v>0.20780174299671958</v>
      </c>
    </row>
    <row r="120808" spans="1:7" x14ac:dyDescent="0.3">
      <c r="A120808" s="13" t="s">
        <v>566</v>
      </c>
      <c r="B120808" s="14" t="s">
        <v>1</v>
      </c>
      <c r="C120808" s="14" t="s">
        <v>565</v>
      </c>
      <c r="D120808" s="14" t="s">
        <v>122</v>
      </c>
      <c r="E120808" s="15">
        <v>45734</v>
      </c>
      <c r="F120808" s="14" t="s">
        <v>15</v>
      </c>
      <c r="G120808" s="16">
        <v>0.2174617218773954</v>
      </c>
    </row>
    <row r="120809" spans="1:7" x14ac:dyDescent="0.3">
      <c r="A120809" s="13" t="s">
        <v>566</v>
      </c>
      <c r="B120809" s="14" t="s">
        <v>1</v>
      </c>
      <c r="C120809" s="14" t="s">
        <v>565</v>
      </c>
      <c r="D120809" s="14" t="s">
        <v>122</v>
      </c>
      <c r="E120809" s="15">
        <v>45735</v>
      </c>
      <c r="F120809" s="14" t="s">
        <v>15</v>
      </c>
      <c r="G120809" s="16">
        <v>0.22927270392596982</v>
      </c>
    </row>
    <row r="120810" spans="1:7" x14ac:dyDescent="0.3">
      <c r="A120810" s="13" t="s">
        <v>566</v>
      </c>
      <c r="B120810" s="14" t="s">
        <v>1</v>
      </c>
      <c r="C120810" s="14" t="s">
        <v>565</v>
      </c>
      <c r="D120810" s="14" t="s">
        <v>122</v>
      </c>
      <c r="E120810" s="15">
        <v>45736</v>
      </c>
      <c r="F120810" s="14" t="s">
        <v>15</v>
      </c>
      <c r="G120810" s="16">
        <v>0.22560110941699413</v>
      </c>
    </row>
    <row r="120811" spans="1:7" x14ac:dyDescent="0.3">
      <c r="A120811" s="13" t="s">
        <v>566</v>
      </c>
      <c r="B120811" s="14" t="s">
        <v>1</v>
      </c>
      <c r="C120811" s="14" t="s">
        <v>565</v>
      </c>
      <c r="D120811" s="14" t="s">
        <v>122</v>
      </c>
      <c r="E120811" s="15">
        <v>45737</v>
      </c>
      <c r="F120811" s="14" t="s">
        <v>15</v>
      </c>
      <c r="G120811" s="16">
        <v>0.22193796263769106</v>
      </c>
    </row>
    <row r="120812" spans="1:7" x14ac:dyDescent="0.3">
      <c r="A120812" s="13" t="s">
        <v>566</v>
      </c>
      <c r="B120812" s="14" t="s">
        <v>1</v>
      </c>
      <c r="C120812" s="14" t="s">
        <v>565</v>
      </c>
      <c r="D120812" s="14" t="s">
        <v>122</v>
      </c>
      <c r="E120812" s="15">
        <v>45738</v>
      </c>
      <c r="F120812" s="14" t="s">
        <v>15</v>
      </c>
      <c r="G120812" s="16">
        <v>0.22193796263769106</v>
      </c>
    </row>
    <row r="120813" spans="1:7" x14ac:dyDescent="0.3">
      <c r="A120813" s="13" t="s">
        <v>566</v>
      </c>
      <c r="B120813" s="14" t="s">
        <v>1</v>
      </c>
      <c r="C120813" s="14" t="s">
        <v>565</v>
      </c>
      <c r="D120813" s="14" t="s">
        <v>122</v>
      </c>
      <c r="E120813" s="15">
        <v>45739</v>
      </c>
      <c r="F120813" s="14" t="s">
        <v>15</v>
      </c>
      <c r="G120813" s="16">
        <v>0.22193796263769106</v>
      </c>
    </row>
    <row r="120814" spans="1:7" x14ac:dyDescent="0.3">
      <c r="A120814" s="13" t="s">
        <v>566</v>
      </c>
      <c r="B120814" s="14" t="s">
        <v>1</v>
      </c>
      <c r="C120814" s="14" t="s">
        <v>565</v>
      </c>
      <c r="D120814" s="14" t="s">
        <v>122</v>
      </c>
      <c r="E120814" s="15">
        <v>45740</v>
      </c>
      <c r="F120814" s="14" t="s">
        <v>15</v>
      </c>
      <c r="G120814" s="16">
        <v>0.26331705450675125</v>
      </c>
    </row>
    <row r="120815" spans="1:7" x14ac:dyDescent="0.3">
      <c r="A120815" s="13" t="s">
        <v>566</v>
      </c>
      <c r="B120815" s="14" t="s">
        <v>1</v>
      </c>
      <c r="C120815" s="14" t="s">
        <v>565</v>
      </c>
      <c r="D120815" s="14" t="s">
        <v>122</v>
      </c>
      <c r="E120815" s="15">
        <v>45741</v>
      </c>
      <c r="F120815" s="14" t="s">
        <v>15</v>
      </c>
      <c r="G120815" s="16">
        <v>0.25244799431667736</v>
      </c>
    </row>
    <row r="120816" spans="1:7" x14ac:dyDescent="0.3">
      <c r="A120816" s="13" t="s">
        <v>566</v>
      </c>
      <c r="B120816" s="14" t="s">
        <v>1</v>
      </c>
      <c r="C120816" s="14" t="s">
        <v>565</v>
      </c>
      <c r="D120816" s="14" t="s">
        <v>122</v>
      </c>
      <c r="E120816" s="15">
        <v>45742</v>
      </c>
      <c r="F120816" s="14" t="s">
        <v>15</v>
      </c>
      <c r="G120816" s="16">
        <v>0.27119245049407964</v>
      </c>
    </row>
    <row r="120817" spans="1:7" x14ac:dyDescent="0.3">
      <c r="A120817" s="13" t="s">
        <v>566</v>
      </c>
      <c r="B120817" s="14" t="s">
        <v>1</v>
      </c>
      <c r="C120817" s="14" t="s">
        <v>565</v>
      </c>
      <c r="D120817" s="14" t="s">
        <v>122</v>
      </c>
      <c r="E120817" s="15">
        <v>45743</v>
      </c>
      <c r="F120817" s="14" t="s">
        <v>15</v>
      </c>
      <c r="G120817" s="16">
        <v>0.26778484753737425</v>
      </c>
    </row>
    <row r="120818" spans="1:7" x14ac:dyDescent="0.3">
      <c r="A120818" s="13" t="s">
        <v>566</v>
      </c>
      <c r="B120818" s="14" t="s">
        <v>1</v>
      </c>
      <c r="C120818" s="14" t="s">
        <v>565</v>
      </c>
      <c r="D120818" s="14" t="s">
        <v>122</v>
      </c>
      <c r="E120818" s="15">
        <v>45744</v>
      </c>
      <c r="F120818" s="14" t="s">
        <v>15</v>
      </c>
      <c r="G120818" s="16">
        <v>0.31120301015617047</v>
      </c>
    </row>
    <row r="120819" spans="1:7" x14ac:dyDescent="0.3">
      <c r="A120819" s="13" t="s">
        <v>566</v>
      </c>
      <c r="B120819" s="14" t="s">
        <v>1</v>
      </c>
      <c r="C120819" s="14" t="s">
        <v>565</v>
      </c>
      <c r="D120819" s="14" t="s">
        <v>122</v>
      </c>
      <c r="E120819" s="15">
        <v>45745</v>
      </c>
      <c r="F120819" s="14" t="s">
        <v>15</v>
      </c>
      <c r="G120819" s="16">
        <v>0.31120301015617047</v>
      </c>
    </row>
    <row r="120820" spans="1:7" x14ac:dyDescent="0.3">
      <c r="A120820" s="13" t="s">
        <v>566</v>
      </c>
      <c r="B120820" s="14" t="s">
        <v>1</v>
      </c>
      <c r="C120820" s="14" t="s">
        <v>565</v>
      </c>
      <c r="D120820" s="14" t="s">
        <v>122</v>
      </c>
      <c r="E120820" s="15">
        <v>45746</v>
      </c>
      <c r="F120820" s="14" t="s">
        <v>15</v>
      </c>
      <c r="G120820" s="16">
        <v>0.31120301015617047</v>
      </c>
    </row>
    <row r="120821" spans="1:7" x14ac:dyDescent="0.3">
      <c r="A120821" s="13" t="s">
        <v>566</v>
      </c>
      <c r="B120821" s="14" t="s">
        <v>1</v>
      </c>
      <c r="C120821" s="14" t="s">
        <v>565</v>
      </c>
      <c r="D120821" s="14" t="s">
        <v>122</v>
      </c>
      <c r="E120821" s="15">
        <v>45747</v>
      </c>
      <c r="F120821" s="14" t="s">
        <v>15</v>
      </c>
      <c r="G120821" s="16">
        <v>0.31120301015617047</v>
      </c>
    </row>
    <row r="120822" spans="1:7" x14ac:dyDescent="0.3">
      <c r="A120822" s="13" t="s">
        <v>567</v>
      </c>
      <c r="B120822" s="14" t="s">
        <v>1</v>
      </c>
      <c r="C120822" s="14" t="s">
        <v>565</v>
      </c>
      <c r="D120822" s="14" t="s">
        <v>193</v>
      </c>
      <c r="E120822" s="15">
        <v>45383</v>
      </c>
      <c r="F120822" s="14" t="s">
        <v>15</v>
      </c>
      <c r="G120822" s="16">
        <v>0</v>
      </c>
    </row>
    <row r="120823" spans="1:7" x14ac:dyDescent="0.3">
      <c r="A120823" s="13" t="s">
        <v>567</v>
      </c>
      <c r="B120823" s="14" t="s">
        <v>1</v>
      </c>
      <c r="C120823" s="14" t="s">
        <v>565</v>
      </c>
      <c r="D120823" s="14" t="s">
        <v>193</v>
      </c>
      <c r="E120823" s="15">
        <v>45384</v>
      </c>
      <c r="F120823" s="14" t="s">
        <v>15</v>
      </c>
      <c r="G120823" s="16">
        <v>0</v>
      </c>
    </row>
    <row r="120824" spans="1:7" x14ac:dyDescent="0.3">
      <c r="A120824" s="13" t="s">
        <v>567</v>
      </c>
      <c r="B120824" s="14" t="s">
        <v>1</v>
      </c>
      <c r="C120824" s="14" t="s">
        <v>565</v>
      </c>
      <c r="D120824" s="14" t="s">
        <v>193</v>
      </c>
      <c r="E120824" s="15">
        <v>45385</v>
      </c>
      <c r="F120824" s="14" t="s">
        <v>15</v>
      </c>
      <c r="G120824" s="16">
        <v>0</v>
      </c>
    </row>
    <row r="120825" spans="1:7" x14ac:dyDescent="0.3">
      <c r="A120825" s="13" t="s">
        <v>567</v>
      </c>
      <c r="B120825" s="14" t="s">
        <v>1</v>
      </c>
      <c r="C120825" s="14" t="s">
        <v>565</v>
      </c>
      <c r="D120825" s="14" t="s">
        <v>193</v>
      </c>
      <c r="E120825" s="15">
        <v>45386</v>
      </c>
      <c r="F120825" s="14" t="s">
        <v>15</v>
      </c>
      <c r="G120825" s="16">
        <v>0</v>
      </c>
    </row>
    <row r="120826" spans="1:7" x14ac:dyDescent="0.3">
      <c r="A120826" s="13" t="s">
        <v>567</v>
      </c>
      <c r="B120826" s="14" t="s">
        <v>1</v>
      </c>
      <c r="C120826" s="14" t="s">
        <v>565</v>
      </c>
      <c r="D120826" s="14" t="s">
        <v>193</v>
      </c>
      <c r="E120826" s="15">
        <v>45387</v>
      </c>
      <c r="F120826" s="14" t="s">
        <v>15</v>
      </c>
      <c r="G120826" s="16">
        <v>0</v>
      </c>
    </row>
    <row r="120827" spans="1:7" x14ac:dyDescent="0.3">
      <c r="A120827" s="13" t="s">
        <v>567</v>
      </c>
      <c r="B120827" s="14" t="s">
        <v>1</v>
      </c>
      <c r="C120827" s="14" t="s">
        <v>565</v>
      </c>
      <c r="D120827" s="14" t="s">
        <v>193</v>
      </c>
      <c r="E120827" s="15">
        <v>45388</v>
      </c>
      <c r="F120827" s="14" t="s">
        <v>15</v>
      </c>
      <c r="G120827" s="16">
        <v>0</v>
      </c>
    </row>
    <row r="120828" spans="1:7" x14ac:dyDescent="0.3">
      <c r="A120828" s="13" t="s">
        <v>567</v>
      </c>
      <c r="B120828" s="14" t="s">
        <v>1</v>
      </c>
      <c r="C120828" s="14" t="s">
        <v>565</v>
      </c>
      <c r="D120828" s="14" t="s">
        <v>193</v>
      </c>
      <c r="E120828" s="15">
        <v>45389</v>
      </c>
      <c r="F120828" s="14" t="s">
        <v>15</v>
      </c>
      <c r="G120828" s="16">
        <v>0</v>
      </c>
    </row>
    <row r="120829" spans="1:7" x14ac:dyDescent="0.3">
      <c r="A120829" s="13" t="s">
        <v>567</v>
      </c>
      <c r="B120829" s="14" t="s">
        <v>1</v>
      </c>
      <c r="C120829" s="14" t="s">
        <v>565</v>
      </c>
      <c r="D120829" s="14" t="s">
        <v>193</v>
      </c>
      <c r="E120829" s="15">
        <v>45390</v>
      </c>
      <c r="F120829" s="14" t="s">
        <v>15</v>
      </c>
      <c r="G120829" s="16">
        <v>0</v>
      </c>
    </row>
    <row r="120830" spans="1:7" x14ac:dyDescent="0.3">
      <c r="A120830" s="13" t="s">
        <v>567</v>
      </c>
      <c r="B120830" s="14" t="s">
        <v>1</v>
      </c>
      <c r="C120830" s="14" t="s">
        <v>565</v>
      </c>
      <c r="D120830" s="14" t="s">
        <v>193</v>
      </c>
      <c r="E120830" s="15">
        <v>45391</v>
      </c>
      <c r="F120830" s="14" t="s">
        <v>15</v>
      </c>
      <c r="G120830" s="16">
        <v>4.7282290938704938E-2</v>
      </c>
    </row>
    <row r="120831" spans="1:7" x14ac:dyDescent="0.3">
      <c r="A120831" s="13" t="s">
        <v>567</v>
      </c>
      <c r="B120831" s="14" t="s">
        <v>1</v>
      </c>
      <c r="C120831" s="14" t="s">
        <v>565</v>
      </c>
      <c r="D120831" s="14" t="s">
        <v>193</v>
      </c>
      <c r="E120831" s="15">
        <v>45392</v>
      </c>
      <c r="F120831" s="14" t="s">
        <v>15</v>
      </c>
      <c r="G120831" s="16">
        <v>4.5543552319226008E-2</v>
      </c>
    </row>
    <row r="120832" spans="1:7" x14ac:dyDescent="0.3">
      <c r="A120832" s="13" t="s">
        <v>567</v>
      </c>
      <c r="B120832" s="14" t="s">
        <v>1</v>
      </c>
      <c r="C120832" s="14" t="s">
        <v>565</v>
      </c>
      <c r="D120832" s="14" t="s">
        <v>193</v>
      </c>
      <c r="E120832" s="15">
        <v>45393</v>
      </c>
      <c r="F120832" s="14" t="s">
        <v>15</v>
      </c>
      <c r="G120832" s="16">
        <v>4.3796827778494064E-2</v>
      </c>
    </row>
    <row r="120833" spans="1:7" x14ac:dyDescent="0.3">
      <c r="A120833" s="13" t="s">
        <v>567</v>
      </c>
      <c r="B120833" s="14" t="s">
        <v>1</v>
      </c>
      <c r="C120833" s="14" t="s">
        <v>565</v>
      </c>
      <c r="D120833" s="14" t="s">
        <v>193</v>
      </c>
      <c r="E120833" s="15">
        <v>45394</v>
      </c>
      <c r="F120833" s="14" t="s">
        <v>15</v>
      </c>
      <c r="G120833" s="16">
        <v>4.5921847058359021E-2</v>
      </c>
    </row>
    <row r="120834" spans="1:7" x14ac:dyDescent="0.3">
      <c r="A120834" s="13" t="s">
        <v>567</v>
      </c>
      <c r="B120834" s="14" t="s">
        <v>1</v>
      </c>
      <c r="C120834" s="14" t="s">
        <v>565</v>
      </c>
      <c r="D120834" s="14" t="s">
        <v>193</v>
      </c>
      <c r="E120834" s="15">
        <v>45395</v>
      </c>
      <c r="F120834" s="14" t="s">
        <v>15</v>
      </c>
      <c r="G120834" s="16">
        <v>4.5921847058359021E-2</v>
      </c>
    </row>
    <row r="120835" spans="1:7" x14ac:dyDescent="0.3">
      <c r="A120835" s="13" t="s">
        <v>567</v>
      </c>
      <c r="B120835" s="14" t="s">
        <v>1</v>
      </c>
      <c r="C120835" s="14" t="s">
        <v>565</v>
      </c>
      <c r="D120835" s="14" t="s">
        <v>193</v>
      </c>
      <c r="E120835" s="15">
        <v>45396</v>
      </c>
      <c r="F120835" s="14" t="s">
        <v>15</v>
      </c>
      <c r="G120835" s="16">
        <v>4.5921847058359021E-2</v>
      </c>
    </row>
    <row r="120836" spans="1:7" x14ac:dyDescent="0.3">
      <c r="A120836" s="13" t="s">
        <v>567</v>
      </c>
      <c r="B120836" s="14" t="s">
        <v>1</v>
      </c>
      <c r="C120836" s="14" t="s">
        <v>565</v>
      </c>
      <c r="D120836" s="14" t="s">
        <v>193</v>
      </c>
      <c r="E120836" s="15">
        <v>45397</v>
      </c>
      <c r="F120836" s="14" t="s">
        <v>15</v>
      </c>
      <c r="G120836" s="16">
        <v>4.4170972828771964E-2</v>
      </c>
    </row>
    <row r="120837" spans="1:7" x14ac:dyDescent="0.3">
      <c r="A120837" s="13" t="s">
        <v>567</v>
      </c>
      <c r="B120837" s="14" t="s">
        <v>1</v>
      </c>
      <c r="C120837" s="14" t="s">
        <v>565</v>
      </c>
      <c r="D120837" s="14" t="s">
        <v>193</v>
      </c>
      <c r="E120837" s="15">
        <v>45398</v>
      </c>
      <c r="F120837" s="14" t="s">
        <v>15</v>
      </c>
      <c r="G120837" s="16">
        <v>3.8970815703590511E-2</v>
      </c>
    </row>
    <row r="120838" spans="1:7" x14ac:dyDescent="0.3">
      <c r="A120838" s="13" t="s">
        <v>567</v>
      </c>
      <c r="B120838" s="14" t="s">
        <v>1</v>
      </c>
      <c r="C120838" s="14" t="s">
        <v>565</v>
      </c>
      <c r="D120838" s="14" t="s">
        <v>193</v>
      </c>
      <c r="E120838" s="15">
        <v>45399</v>
      </c>
      <c r="F120838" s="14" t="s">
        <v>15</v>
      </c>
      <c r="G120838" s="16">
        <v>3.7262585262993524E-2</v>
      </c>
    </row>
    <row r="120839" spans="1:7" x14ac:dyDescent="0.3">
      <c r="A120839" s="13" t="s">
        <v>567</v>
      </c>
      <c r="B120839" s="14" t="s">
        <v>1</v>
      </c>
      <c r="C120839" s="14" t="s">
        <v>565</v>
      </c>
      <c r="D120839" s="14" t="s">
        <v>193</v>
      </c>
      <c r="E120839" s="15">
        <v>45400</v>
      </c>
      <c r="F120839" s="14" t="s">
        <v>15</v>
      </c>
      <c r="G120839" s="16">
        <v>0.10564039002969544</v>
      </c>
    </row>
    <row r="120840" spans="1:7" x14ac:dyDescent="0.3">
      <c r="A120840" s="13" t="s">
        <v>567</v>
      </c>
      <c r="B120840" s="14" t="s">
        <v>1</v>
      </c>
      <c r="C120840" s="14" t="s">
        <v>565</v>
      </c>
      <c r="D120840" s="14" t="s">
        <v>193</v>
      </c>
      <c r="E120840" s="15">
        <v>45401</v>
      </c>
      <c r="F120840" s="14" t="s">
        <v>15</v>
      </c>
      <c r="G120840" s="16">
        <v>0.10381344667313086</v>
      </c>
    </row>
    <row r="120841" spans="1:7" x14ac:dyDescent="0.3">
      <c r="A120841" s="13" t="s">
        <v>567</v>
      </c>
      <c r="B120841" s="14" t="s">
        <v>1</v>
      </c>
      <c r="C120841" s="14" t="s">
        <v>565</v>
      </c>
      <c r="D120841" s="14" t="s">
        <v>193</v>
      </c>
      <c r="E120841" s="15">
        <v>45402</v>
      </c>
      <c r="F120841" s="14" t="s">
        <v>15</v>
      </c>
      <c r="G120841" s="16">
        <v>0.10381344667313086</v>
      </c>
    </row>
    <row r="120842" spans="1:7" x14ac:dyDescent="0.3">
      <c r="A120842" s="13" t="s">
        <v>567</v>
      </c>
      <c r="B120842" s="14" t="s">
        <v>1</v>
      </c>
      <c r="C120842" s="14" t="s">
        <v>565</v>
      </c>
      <c r="D120842" s="14" t="s">
        <v>193</v>
      </c>
      <c r="E120842" s="15">
        <v>45403</v>
      </c>
      <c r="F120842" s="14" t="s">
        <v>15</v>
      </c>
      <c r="G120842" s="16">
        <v>0.10381344667313086</v>
      </c>
    </row>
    <row r="120843" spans="1:7" x14ac:dyDescent="0.3">
      <c r="A120843" s="13" t="s">
        <v>567</v>
      </c>
      <c r="B120843" s="14" t="s">
        <v>1</v>
      </c>
      <c r="C120843" s="14" t="s">
        <v>565</v>
      </c>
      <c r="D120843" s="14" t="s">
        <v>193</v>
      </c>
      <c r="E120843" s="15">
        <v>45404</v>
      </c>
      <c r="F120843" s="14" t="s">
        <v>15</v>
      </c>
      <c r="G120843" s="16">
        <v>0.10213259867728589</v>
      </c>
    </row>
    <row r="120844" spans="1:7" x14ac:dyDescent="0.3">
      <c r="A120844" s="13" t="s">
        <v>567</v>
      </c>
      <c r="B120844" s="14" t="s">
        <v>1</v>
      </c>
      <c r="C120844" s="14" t="s">
        <v>565</v>
      </c>
      <c r="D120844" s="14" t="s">
        <v>193</v>
      </c>
      <c r="E120844" s="15">
        <v>45405</v>
      </c>
      <c r="F120844" s="14" t="s">
        <v>15</v>
      </c>
      <c r="G120844" s="16">
        <v>9.7170031464362039E-2</v>
      </c>
    </row>
    <row r="120845" spans="1:7" x14ac:dyDescent="0.3">
      <c r="A120845" s="13" t="s">
        <v>567</v>
      </c>
      <c r="B120845" s="14" t="s">
        <v>1</v>
      </c>
      <c r="C120845" s="14" t="s">
        <v>565</v>
      </c>
      <c r="D120845" s="14" t="s">
        <v>193</v>
      </c>
      <c r="E120845" s="15">
        <v>45406</v>
      </c>
      <c r="F120845" s="14" t="s">
        <v>15</v>
      </c>
      <c r="G120845" s="16">
        <v>9.5320046782335383E-2</v>
      </c>
    </row>
    <row r="120846" spans="1:7" x14ac:dyDescent="0.3">
      <c r="A120846" s="13" t="s">
        <v>567</v>
      </c>
      <c r="B120846" s="14" t="s">
        <v>1</v>
      </c>
      <c r="C120846" s="14" t="s">
        <v>565</v>
      </c>
      <c r="D120846" s="14" t="s">
        <v>193</v>
      </c>
      <c r="E120846" s="15">
        <v>45407</v>
      </c>
      <c r="F120846" s="14" t="s">
        <v>15</v>
      </c>
      <c r="G120846" s="16">
        <v>9.1424894016360669E-2</v>
      </c>
    </row>
    <row r="120847" spans="1:7" x14ac:dyDescent="0.3">
      <c r="A120847" s="13" t="s">
        <v>567</v>
      </c>
      <c r="B120847" s="14" t="s">
        <v>1</v>
      </c>
      <c r="C120847" s="14" t="s">
        <v>565</v>
      </c>
      <c r="D120847" s="14" t="s">
        <v>193</v>
      </c>
      <c r="E120847" s="15">
        <v>45408</v>
      </c>
      <c r="F120847" s="14" t="s">
        <v>15</v>
      </c>
      <c r="G120847" s="16">
        <v>8.9888304753843407E-2</v>
      </c>
    </row>
    <row r="120848" spans="1:7" x14ac:dyDescent="0.3">
      <c r="A120848" s="13" t="s">
        <v>567</v>
      </c>
      <c r="B120848" s="14" t="s">
        <v>1</v>
      </c>
      <c r="C120848" s="14" t="s">
        <v>565</v>
      </c>
      <c r="D120848" s="14" t="s">
        <v>193</v>
      </c>
      <c r="E120848" s="15">
        <v>45409</v>
      </c>
      <c r="F120848" s="14" t="s">
        <v>15</v>
      </c>
      <c r="G120848" s="16">
        <v>8.9888304753843407E-2</v>
      </c>
    </row>
    <row r="120849" spans="1:7" x14ac:dyDescent="0.3">
      <c r="A120849" s="13" t="s">
        <v>567</v>
      </c>
      <c r="B120849" s="14" t="s">
        <v>1</v>
      </c>
      <c r="C120849" s="14" t="s">
        <v>565</v>
      </c>
      <c r="D120849" s="14" t="s">
        <v>193</v>
      </c>
      <c r="E120849" s="15">
        <v>45410</v>
      </c>
      <c r="F120849" s="14" t="s">
        <v>15</v>
      </c>
      <c r="G120849" s="16">
        <v>8.9888304753843407E-2</v>
      </c>
    </row>
    <row r="120850" spans="1:7" x14ac:dyDescent="0.3">
      <c r="A120850" s="13" t="s">
        <v>567</v>
      </c>
      <c r="B120850" s="14" t="s">
        <v>1</v>
      </c>
      <c r="C120850" s="14" t="s">
        <v>565</v>
      </c>
      <c r="D120850" s="14" t="s">
        <v>193</v>
      </c>
      <c r="E120850" s="15">
        <v>45411</v>
      </c>
      <c r="F120850" s="14" t="s">
        <v>15</v>
      </c>
      <c r="G120850" s="16">
        <v>8.5514460103087969E-2</v>
      </c>
    </row>
    <row r="120851" spans="1:7" x14ac:dyDescent="0.3">
      <c r="A120851" s="13" t="s">
        <v>567</v>
      </c>
      <c r="B120851" s="14" t="s">
        <v>1</v>
      </c>
      <c r="C120851" s="14" t="s">
        <v>565</v>
      </c>
      <c r="D120851" s="14" t="s">
        <v>193</v>
      </c>
      <c r="E120851" s="15">
        <v>45412</v>
      </c>
      <c r="F120851" s="14" t="s">
        <v>15</v>
      </c>
      <c r="G120851" s="16">
        <v>8.2787235392237493E-2</v>
      </c>
    </row>
    <row r="120852" spans="1:7" x14ac:dyDescent="0.3">
      <c r="A120852" s="13" t="s">
        <v>567</v>
      </c>
      <c r="B120852" s="14" t="s">
        <v>1</v>
      </c>
      <c r="C120852" s="14" t="s">
        <v>565</v>
      </c>
      <c r="D120852" s="14" t="s">
        <v>193</v>
      </c>
      <c r="E120852" s="15">
        <v>45413</v>
      </c>
      <c r="F120852" s="14" t="s">
        <v>15</v>
      </c>
      <c r="G120852" s="16">
        <v>8.2787235392237493E-2</v>
      </c>
    </row>
    <row r="120853" spans="1:7" x14ac:dyDescent="0.3">
      <c r="A120853" s="13" t="s">
        <v>567</v>
      </c>
      <c r="B120853" s="14" t="s">
        <v>1</v>
      </c>
      <c r="C120853" s="14" t="s">
        <v>565</v>
      </c>
      <c r="D120853" s="14" t="s">
        <v>193</v>
      </c>
      <c r="E120853" s="15">
        <v>45414</v>
      </c>
      <c r="F120853" s="14" t="s">
        <v>15</v>
      </c>
      <c r="G120853" s="16">
        <v>8.2787235392237493E-2</v>
      </c>
    </row>
    <row r="120854" spans="1:7" x14ac:dyDescent="0.3">
      <c r="A120854" s="13" t="s">
        <v>567</v>
      </c>
      <c r="B120854" s="14" t="s">
        <v>1</v>
      </c>
      <c r="C120854" s="14" t="s">
        <v>565</v>
      </c>
      <c r="D120854" s="14" t="s">
        <v>193</v>
      </c>
      <c r="E120854" s="15">
        <v>45415</v>
      </c>
      <c r="F120854" s="14" t="s">
        <v>15</v>
      </c>
      <c r="G120854" s="16">
        <v>8.2787235392237493E-2</v>
      </c>
    </row>
    <row r="120855" spans="1:7" x14ac:dyDescent="0.3">
      <c r="A120855" s="13" t="s">
        <v>567</v>
      </c>
      <c r="B120855" s="14" t="s">
        <v>1</v>
      </c>
      <c r="C120855" s="14" t="s">
        <v>565</v>
      </c>
      <c r="D120855" s="14" t="s">
        <v>193</v>
      </c>
      <c r="E120855" s="15">
        <v>45416</v>
      </c>
      <c r="F120855" s="14" t="s">
        <v>15</v>
      </c>
      <c r="G120855" s="16">
        <v>8.2787235392237493E-2</v>
      </c>
    </row>
    <row r="120856" spans="1:7" x14ac:dyDescent="0.3">
      <c r="A120856" s="13" t="s">
        <v>567</v>
      </c>
      <c r="B120856" s="14" t="s">
        <v>1</v>
      </c>
      <c r="C120856" s="14" t="s">
        <v>565</v>
      </c>
      <c r="D120856" s="14" t="s">
        <v>193</v>
      </c>
      <c r="E120856" s="15">
        <v>45417</v>
      </c>
      <c r="F120856" s="14" t="s">
        <v>15</v>
      </c>
      <c r="G120856" s="16">
        <v>8.2787235392237493E-2</v>
      </c>
    </row>
    <row r="120857" spans="1:7" x14ac:dyDescent="0.3">
      <c r="A120857" s="13" t="s">
        <v>567</v>
      </c>
      <c r="B120857" s="14" t="s">
        <v>1</v>
      </c>
      <c r="C120857" s="14" t="s">
        <v>565</v>
      </c>
      <c r="D120857" s="14" t="s">
        <v>193</v>
      </c>
      <c r="E120857" s="15">
        <v>45418</v>
      </c>
      <c r="F120857" s="14" t="s">
        <v>15</v>
      </c>
      <c r="G120857" s="16">
        <v>8.2787235392237493E-2</v>
      </c>
    </row>
    <row r="120858" spans="1:7" x14ac:dyDescent="0.3">
      <c r="A120858" s="13" t="s">
        <v>567</v>
      </c>
      <c r="B120858" s="14" t="s">
        <v>1</v>
      </c>
      <c r="C120858" s="14" t="s">
        <v>565</v>
      </c>
      <c r="D120858" s="14" t="s">
        <v>193</v>
      </c>
      <c r="E120858" s="15">
        <v>45419</v>
      </c>
      <c r="F120858" s="14" t="s">
        <v>15</v>
      </c>
      <c r="G120858" s="16">
        <v>7.8527595572033163E-2</v>
      </c>
    </row>
    <row r="120859" spans="1:7" x14ac:dyDescent="0.3">
      <c r="A120859" s="13" t="s">
        <v>567</v>
      </c>
      <c r="B120859" s="14" t="s">
        <v>1</v>
      </c>
      <c r="C120859" s="14" t="s">
        <v>565</v>
      </c>
      <c r="D120859" s="14" t="s">
        <v>193</v>
      </c>
      <c r="E120859" s="15">
        <v>45420</v>
      </c>
      <c r="F120859" s="14" t="s">
        <v>15</v>
      </c>
      <c r="G120859" s="16">
        <v>7.3639829183797759E-2</v>
      </c>
    </row>
    <row r="120860" spans="1:7" x14ac:dyDescent="0.3">
      <c r="A120860" s="13" t="s">
        <v>567</v>
      </c>
      <c r="B120860" s="14" t="s">
        <v>1</v>
      </c>
      <c r="C120860" s="14" t="s">
        <v>565</v>
      </c>
      <c r="D120860" s="14" t="s">
        <v>193</v>
      </c>
      <c r="E120860" s="15">
        <v>45421</v>
      </c>
      <c r="F120860" s="14" t="s">
        <v>15</v>
      </c>
      <c r="G120860" s="16">
        <v>7.5110299860206481E-2</v>
      </c>
    </row>
    <row r="120861" spans="1:7" x14ac:dyDescent="0.3">
      <c r="A120861" s="13" t="s">
        <v>567</v>
      </c>
      <c r="B120861" s="14" t="s">
        <v>1</v>
      </c>
      <c r="C120861" s="14" t="s">
        <v>565</v>
      </c>
      <c r="D120861" s="14" t="s">
        <v>193</v>
      </c>
      <c r="E120861" s="15">
        <v>45422</v>
      </c>
      <c r="F120861" s="14" t="s">
        <v>15</v>
      </c>
      <c r="G120861" s="16">
        <v>0.12178618143192102</v>
      </c>
    </row>
    <row r="120862" spans="1:7" x14ac:dyDescent="0.3">
      <c r="A120862" s="13" t="s">
        <v>567</v>
      </c>
      <c r="B120862" s="14" t="s">
        <v>1</v>
      </c>
      <c r="C120862" s="14" t="s">
        <v>565</v>
      </c>
      <c r="D120862" s="14" t="s">
        <v>193</v>
      </c>
      <c r="E120862" s="15">
        <v>45423</v>
      </c>
      <c r="F120862" s="14" t="s">
        <v>15</v>
      </c>
      <c r="G120862" s="16">
        <v>0.12178618143192102</v>
      </c>
    </row>
    <row r="120863" spans="1:7" x14ac:dyDescent="0.3">
      <c r="A120863" s="13" t="s">
        <v>567</v>
      </c>
      <c r="B120863" s="14" t="s">
        <v>1</v>
      </c>
      <c r="C120863" s="14" t="s">
        <v>565</v>
      </c>
      <c r="D120863" s="14" t="s">
        <v>193</v>
      </c>
      <c r="E120863" s="15">
        <v>45424</v>
      </c>
      <c r="F120863" s="14" t="s">
        <v>15</v>
      </c>
      <c r="G120863" s="16">
        <v>0.12178618143192102</v>
      </c>
    </row>
    <row r="120864" spans="1:7" x14ac:dyDescent="0.3">
      <c r="A120864" s="13" t="s">
        <v>567</v>
      </c>
      <c r="B120864" s="14" t="s">
        <v>1</v>
      </c>
      <c r="C120864" s="14" t="s">
        <v>565</v>
      </c>
      <c r="D120864" s="14" t="s">
        <v>193</v>
      </c>
      <c r="E120864" s="15">
        <v>45425</v>
      </c>
      <c r="F120864" s="14" t="s">
        <v>15</v>
      </c>
      <c r="G120864" s="16">
        <v>0.13916184532221593</v>
      </c>
    </row>
    <row r="120865" spans="1:7" x14ac:dyDescent="0.3">
      <c r="A120865" s="13" t="s">
        <v>567</v>
      </c>
      <c r="B120865" s="14" t="s">
        <v>1</v>
      </c>
      <c r="C120865" s="14" t="s">
        <v>565</v>
      </c>
      <c r="D120865" s="14" t="s">
        <v>193</v>
      </c>
      <c r="E120865" s="15">
        <v>45426</v>
      </c>
      <c r="F120865" s="14" t="s">
        <v>15</v>
      </c>
      <c r="G120865" s="16">
        <v>0.13382059893430684</v>
      </c>
    </row>
    <row r="120866" spans="1:7" x14ac:dyDescent="0.3">
      <c r="A120866" s="13" t="s">
        <v>567</v>
      </c>
      <c r="B120866" s="14" t="s">
        <v>1</v>
      </c>
      <c r="C120866" s="14" t="s">
        <v>565</v>
      </c>
      <c r="D120866" s="14" t="s">
        <v>193</v>
      </c>
      <c r="E120866" s="15">
        <v>45427</v>
      </c>
      <c r="F120866" s="14" t="s">
        <v>15</v>
      </c>
      <c r="G120866" s="16">
        <v>0.13382059893430684</v>
      </c>
    </row>
    <row r="120867" spans="1:7" x14ac:dyDescent="0.3">
      <c r="A120867" s="13" t="s">
        <v>567</v>
      </c>
      <c r="B120867" s="14" t="s">
        <v>1</v>
      </c>
      <c r="C120867" s="14" t="s">
        <v>565</v>
      </c>
      <c r="D120867" s="14" t="s">
        <v>193</v>
      </c>
      <c r="E120867" s="15">
        <v>45428</v>
      </c>
      <c r="F120867" s="14" t="s">
        <v>15</v>
      </c>
      <c r="G120867" s="16">
        <v>0.13203138992233956</v>
      </c>
    </row>
    <row r="120868" spans="1:7" x14ac:dyDescent="0.3">
      <c r="A120868" s="13" t="s">
        <v>567</v>
      </c>
      <c r="B120868" s="14" t="s">
        <v>1</v>
      </c>
      <c r="C120868" s="14" t="s">
        <v>565</v>
      </c>
      <c r="D120868" s="14" t="s">
        <v>193</v>
      </c>
      <c r="E120868" s="15">
        <v>45429</v>
      </c>
      <c r="F120868" s="14" t="s">
        <v>15</v>
      </c>
      <c r="G120868" s="16">
        <v>0.15629123417586921</v>
      </c>
    </row>
    <row r="120869" spans="1:7" x14ac:dyDescent="0.3">
      <c r="A120869" s="13" t="s">
        <v>567</v>
      </c>
      <c r="B120869" s="14" t="s">
        <v>1</v>
      </c>
      <c r="C120869" s="14" t="s">
        <v>565</v>
      </c>
      <c r="D120869" s="14" t="s">
        <v>193</v>
      </c>
      <c r="E120869" s="15">
        <v>45430</v>
      </c>
      <c r="F120869" s="14" t="s">
        <v>15</v>
      </c>
      <c r="G120869" s="16">
        <v>0.15629123417586921</v>
      </c>
    </row>
    <row r="120870" spans="1:7" x14ac:dyDescent="0.3">
      <c r="A120870" s="13" t="s">
        <v>567</v>
      </c>
      <c r="B120870" s="14" t="s">
        <v>1</v>
      </c>
      <c r="C120870" s="14" t="s">
        <v>565</v>
      </c>
      <c r="D120870" s="14" t="s">
        <v>193</v>
      </c>
      <c r="E120870" s="15">
        <v>45431</v>
      </c>
      <c r="F120870" s="14" t="s">
        <v>15</v>
      </c>
      <c r="G120870" s="16">
        <v>0.15629123417586921</v>
      </c>
    </row>
    <row r="120871" spans="1:7" x14ac:dyDescent="0.3">
      <c r="A120871" s="13" t="s">
        <v>567</v>
      </c>
      <c r="B120871" s="14" t="s">
        <v>1</v>
      </c>
      <c r="C120871" s="14" t="s">
        <v>565</v>
      </c>
      <c r="D120871" s="14" t="s">
        <v>193</v>
      </c>
      <c r="E120871" s="15">
        <v>45432</v>
      </c>
      <c r="F120871" s="14" t="s">
        <v>15</v>
      </c>
      <c r="G120871" s="16">
        <v>0.20492880076826345</v>
      </c>
    </row>
    <row r="120872" spans="1:7" x14ac:dyDescent="0.3">
      <c r="A120872" s="13" t="s">
        <v>567</v>
      </c>
      <c r="B120872" s="14" t="s">
        <v>1</v>
      </c>
      <c r="C120872" s="14" t="s">
        <v>565</v>
      </c>
      <c r="D120872" s="14" t="s">
        <v>193</v>
      </c>
      <c r="E120872" s="15">
        <v>45433</v>
      </c>
      <c r="F120872" s="14" t="s">
        <v>15</v>
      </c>
      <c r="G120872" s="16">
        <v>0.20807611225348027</v>
      </c>
    </row>
    <row r="120873" spans="1:7" x14ac:dyDescent="0.3">
      <c r="A120873" s="13" t="s">
        <v>567</v>
      </c>
      <c r="B120873" s="14" t="s">
        <v>1</v>
      </c>
      <c r="C120873" s="14" t="s">
        <v>565</v>
      </c>
      <c r="D120873" s="14" t="s">
        <v>193</v>
      </c>
      <c r="E120873" s="15">
        <v>45434</v>
      </c>
      <c r="F120873" s="14" t="s">
        <v>15</v>
      </c>
      <c r="G120873" s="16">
        <v>0.20624132148896848</v>
      </c>
    </row>
    <row r="120874" spans="1:7" x14ac:dyDescent="0.3">
      <c r="A120874" s="13" t="s">
        <v>567</v>
      </c>
      <c r="B120874" s="14" t="s">
        <v>1</v>
      </c>
      <c r="C120874" s="14" t="s">
        <v>565</v>
      </c>
      <c r="D120874" s="14" t="s">
        <v>193</v>
      </c>
      <c r="E120874" s="15">
        <v>45435</v>
      </c>
      <c r="F120874" s="14" t="s">
        <v>15</v>
      </c>
      <c r="G120874" s="16">
        <v>0.22193847490918991</v>
      </c>
    </row>
    <row r="120875" spans="1:7" x14ac:dyDescent="0.3">
      <c r="A120875" s="13" t="s">
        <v>567</v>
      </c>
      <c r="B120875" s="14" t="s">
        <v>1</v>
      </c>
      <c r="C120875" s="14" t="s">
        <v>565</v>
      </c>
      <c r="D120875" s="14" t="s">
        <v>193</v>
      </c>
      <c r="E120875" s="15">
        <v>45436</v>
      </c>
      <c r="F120875" s="14" t="s">
        <v>15</v>
      </c>
      <c r="G120875" s="16">
        <v>0.22012772726689939</v>
      </c>
    </row>
    <row r="120876" spans="1:7" x14ac:dyDescent="0.3">
      <c r="A120876" s="13" t="s">
        <v>567</v>
      </c>
      <c r="B120876" s="14" t="s">
        <v>1</v>
      </c>
      <c r="C120876" s="14" t="s">
        <v>565</v>
      </c>
      <c r="D120876" s="14" t="s">
        <v>193</v>
      </c>
      <c r="E120876" s="15">
        <v>45437</v>
      </c>
      <c r="F120876" s="14" t="s">
        <v>15</v>
      </c>
      <c r="G120876" s="16">
        <v>0.22012772726689939</v>
      </c>
    </row>
    <row r="120877" spans="1:7" x14ac:dyDescent="0.3">
      <c r="A120877" s="13" t="s">
        <v>567</v>
      </c>
      <c r="B120877" s="14" t="s">
        <v>1</v>
      </c>
      <c r="C120877" s="14" t="s">
        <v>565</v>
      </c>
      <c r="D120877" s="14" t="s">
        <v>193</v>
      </c>
      <c r="E120877" s="15">
        <v>45438</v>
      </c>
      <c r="F120877" s="14" t="s">
        <v>15</v>
      </c>
      <c r="G120877" s="16">
        <v>0.22012772726689939</v>
      </c>
    </row>
    <row r="120878" spans="1:7" x14ac:dyDescent="0.3">
      <c r="A120878" s="13" t="s">
        <v>567</v>
      </c>
      <c r="B120878" s="14" t="s">
        <v>1</v>
      </c>
      <c r="C120878" s="14" t="s">
        <v>565</v>
      </c>
      <c r="D120878" s="14" t="s">
        <v>193</v>
      </c>
      <c r="E120878" s="15">
        <v>45439</v>
      </c>
      <c r="F120878" s="14" t="s">
        <v>15</v>
      </c>
      <c r="G120878" s="16">
        <v>0.21770688539824376</v>
      </c>
    </row>
    <row r="120879" spans="1:7" x14ac:dyDescent="0.3">
      <c r="A120879" s="13" t="s">
        <v>567</v>
      </c>
      <c r="B120879" s="14" t="s">
        <v>1</v>
      </c>
      <c r="C120879" s="14" t="s">
        <v>565</v>
      </c>
      <c r="D120879" s="14" t="s">
        <v>193</v>
      </c>
      <c r="E120879" s="15">
        <v>45440</v>
      </c>
      <c r="F120879" s="14" t="s">
        <v>15</v>
      </c>
      <c r="G120879" s="16">
        <v>0.21538939556191433</v>
      </c>
    </row>
    <row r="120880" spans="1:7" x14ac:dyDescent="0.3">
      <c r="A120880" s="13" t="s">
        <v>567</v>
      </c>
      <c r="B120880" s="14" t="s">
        <v>1</v>
      </c>
      <c r="C120880" s="14" t="s">
        <v>565</v>
      </c>
      <c r="D120880" s="14" t="s">
        <v>193</v>
      </c>
      <c r="E120880" s="15">
        <v>45441</v>
      </c>
      <c r="F120880" s="14" t="s">
        <v>15</v>
      </c>
      <c r="G120880" s="16">
        <v>0.2117451928841243</v>
      </c>
    </row>
    <row r="120881" spans="1:7" x14ac:dyDescent="0.3">
      <c r="A120881" s="13" t="s">
        <v>567</v>
      </c>
      <c r="B120881" s="14" t="s">
        <v>1</v>
      </c>
      <c r="C120881" s="14" t="s">
        <v>565</v>
      </c>
      <c r="D120881" s="14" t="s">
        <v>193</v>
      </c>
      <c r="E120881" s="15">
        <v>45442</v>
      </c>
      <c r="F120881" s="14" t="s">
        <v>15</v>
      </c>
      <c r="G120881" s="16">
        <v>0.25323877982039267</v>
      </c>
    </row>
    <row r="120882" spans="1:7" x14ac:dyDescent="0.3">
      <c r="A120882" s="13" t="s">
        <v>567</v>
      </c>
      <c r="B120882" s="14" t="s">
        <v>1</v>
      </c>
      <c r="C120882" s="14" t="s">
        <v>565</v>
      </c>
      <c r="D120882" s="14" t="s">
        <v>193</v>
      </c>
      <c r="E120882" s="15">
        <v>45443</v>
      </c>
      <c r="F120882" s="14" t="s">
        <v>15</v>
      </c>
      <c r="G120882" s="16">
        <v>0.28784100684998526</v>
      </c>
    </row>
    <row r="120883" spans="1:7" x14ac:dyDescent="0.3">
      <c r="A120883" s="13" t="s">
        <v>567</v>
      </c>
      <c r="B120883" s="14" t="s">
        <v>1</v>
      </c>
      <c r="C120883" s="14" t="s">
        <v>565</v>
      </c>
      <c r="D120883" s="14" t="s">
        <v>193</v>
      </c>
      <c r="E120883" s="15">
        <v>45444</v>
      </c>
      <c r="F120883" s="14" t="s">
        <v>15</v>
      </c>
      <c r="G120883" s="16">
        <v>0.28784100684998526</v>
      </c>
    </row>
    <row r="120884" spans="1:7" x14ac:dyDescent="0.3">
      <c r="A120884" s="13" t="s">
        <v>567</v>
      </c>
      <c r="B120884" s="14" t="s">
        <v>1</v>
      </c>
      <c r="C120884" s="14" t="s">
        <v>565</v>
      </c>
      <c r="D120884" s="14" t="s">
        <v>193</v>
      </c>
      <c r="E120884" s="15">
        <v>45445</v>
      </c>
      <c r="F120884" s="14" t="s">
        <v>15</v>
      </c>
      <c r="G120884" s="16">
        <v>0.28784100684998526</v>
      </c>
    </row>
    <row r="120885" spans="1:7" x14ac:dyDescent="0.3">
      <c r="A120885" s="13" t="s">
        <v>567</v>
      </c>
      <c r="B120885" s="14" t="s">
        <v>1</v>
      </c>
      <c r="C120885" s="14" t="s">
        <v>565</v>
      </c>
      <c r="D120885" s="14" t="s">
        <v>193</v>
      </c>
      <c r="E120885" s="15">
        <v>45446</v>
      </c>
      <c r="F120885" s="14" t="s">
        <v>15</v>
      </c>
      <c r="G120885" s="16">
        <v>0.28784100684998526</v>
      </c>
    </row>
    <row r="120886" spans="1:7" x14ac:dyDescent="0.3">
      <c r="A120886" s="13" t="s">
        <v>567</v>
      </c>
      <c r="B120886" s="14" t="s">
        <v>1</v>
      </c>
      <c r="C120886" s="14" t="s">
        <v>565</v>
      </c>
      <c r="D120886" s="14" t="s">
        <v>193</v>
      </c>
      <c r="E120886" s="15">
        <v>45447</v>
      </c>
      <c r="F120886" s="14" t="s">
        <v>15</v>
      </c>
      <c r="G120886" s="16">
        <v>0.30028298866724717</v>
      </c>
    </row>
    <row r="120887" spans="1:7" x14ac:dyDescent="0.3">
      <c r="A120887" s="13" t="s">
        <v>567</v>
      </c>
      <c r="B120887" s="14" t="s">
        <v>1</v>
      </c>
      <c r="C120887" s="14" t="s">
        <v>565</v>
      </c>
      <c r="D120887" s="14" t="s">
        <v>193</v>
      </c>
      <c r="E120887" s="15">
        <v>45448</v>
      </c>
      <c r="F120887" s="14" t="s">
        <v>15</v>
      </c>
      <c r="G120887" s="16">
        <v>0.33838465874292251</v>
      </c>
    </row>
    <row r="120888" spans="1:7" x14ac:dyDescent="0.3">
      <c r="A120888" s="13" t="s">
        <v>567</v>
      </c>
      <c r="B120888" s="14" t="s">
        <v>1</v>
      </c>
      <c r="C120888" s="14" t="s">
        <v>565</v>
      </c>
      <c r="D120888" s="14" t="s">
        <v>193</v>
      </c>
      <c r="E120888" s="15">
        <v>45449</v>
      </c>
      <c r="F120888" s="14" t="s">
        <v>15</v>
      </c>
      <c r="G120888" s="16">
        <v>0.33662099554831532</v>
      </c>
    </row>
    <row r="120889" spans="1:7" x14ac:dyDescent="0.3">
      <c r="A120889" s="13" t="s">
        <v>567</v>
      </c>
      <c r="B120889" s="14" t="s">
        <v>1</v>
      </c>
      <c r="C120889" s="14" t="s">
        <v>565</v>
      </c>
      <c r="D120889" s="14" t="s">
        <v>193</v>
      </c>
      <c r="E120889" s="15">
        <v>45450</v>
      </c>
      <c r="F120889" s="14" t="s">
        <v>15</v>
      </c>
      <c r="G120889" s="16">
        <v>0.33483479192662569</v>
      </c>
    </row>
    <row r="120890" spans="1:7" x14ac:dyDescent="0.3">
      <c r="A120890" s="13" t="s">
        <v>567</v>
      </c>
      <c r="B120890" s="14" t="s">
        <v>1</v>
      </c>
      <c r="C120890" s="14" t="s">
        <v>565</v>
      </c>
      <c r="D120890" s="14" t="s">
        <v>193</v>
      </c>
      <c r="E120890" s="15">
        <v>45451</v>
      </c>
      <c r="F120890" s="14" t="s">
        <v>15</v>
      </c>
      <c r="G120890" s="16">
        <v>0.33483479192662569</v>
      </c>
    </row>
    <row r="120891" spans="1:7" x14ac:dyDescent="0.3">
      <c r="A120891" s="13" t="s">
        <v>567</v>
      </c>
      <c r="B120891" s="14" t="s">
        <v>1</v>
      </c>
      <c r="C120891" s="14" t="s">
        <v>565</v>
      </c>
      <c r="D120891" s="14" t="s">
        <v>193</v>
      </c>
      <c r="E120891" s="15">
        <v>45452</v>
      </c>
      <c r="F120891" s="14" t="s">
        <v>15</v>
      </c>
      <c r="G120891" s="16">
        <v>0.33483479192662569</v>
      </c>
    </row>
    <row r="120892" spans="1:7" x14ac:dyDescent="0.3">
      <c r="A120892" s="13" t="s">
        <v>567</v>
      </c>
      <c r="B120892" s="14" t="s">
        <v>1</v>
      </c>
      <c r="C120892" s="14" t="s">
        <v>565</v>
      </c>
      <c r="D120892" s="14" t="s">
        <v>193</v>
      </c>
      <c r="E120892" s="15">
        <v>45453</v>
      </c>
      <c r="F120892" s="14" t="s">
        <v>15</v>
      </c>
      <c r="G120892" s="16">
        <v>0.33483479192662569</v>
      </c>
    </row>
    <row r="120893" spans="1:7" x14ac:dyDescent="0.3">
      <c r="A120893" s="13" t="s">
        <v>567</v>
      </c>
      <c r="B120893" s="14" t="s">
        <v>1</v>
      </c>
      <c r="C120893" s="14" t="s">
        <v>565</v>
      </c>
      <c r="D120893" s="14" t="s">
        <v>193</v>
      </c>
      <c r="E120893" s="15">
        <v>45454</v>
      </c>
      <c r="F120893" s="14" t="s">
        <v>15</v>
      </c>
      <c r="G120893" s="16">
        <v>0.33620608472387165</v>
      </c>
    </row>
    <row r="120894" spans="1:7" x14ac:dyDescent="0.3">
      <c r="A120894" s="13" t="s">
        <v>567</v>
      </c>
      <c r="B120894" s="14" t="s">
        <v>1</v>
      </c>
      <c r="C120894" s="14" t="s">
        <v>565</v>
      </c>
      <c r="D120894" s="14" t="s">
        <v>193</v>
      </c>
      <c r="E120894" s="15">
        <v>45455</v>
      </c>
      <c r="F120894" s="14" t="s">
        <v>15</v>
      </c>
      <c r="G120894" s="16">
        <v>0.33227870749547533</v>
      </c>
    </row>
    <row r="120895" spans="1:7" x14ac:dyDescent="0.3">
      <c r="A120895" s="13" t="s">
        <v>567</v>
      </c>
      <c r="B120895" s="14" t="s">
        <v>1</v>
      </c>
      <c r="C120895" s="14" t="s">
        <v>565</v>
      </c>
      <c r="D120895" s="14" t="s">
        <v>193</v>
      </c>
      <c r="E120895" s="15">
        <v>45456</v>
      </c>
      <c r="F120895" s="14" t="s">
        <v>15</v>
      </c>
      <c r="G120895" s="16">
        <v>0.39793379563674319</v>
      </c>
    </row>
    <row r="120896" spans="1:7" x14ac:dyDescent="0.3">
      <c r="A120896" s="13" t="s">
        <v>567</v>
      </c>
      <c r="B120896" s="14" t="s">
        <v>1</v>
      </c>
      <c r="C120896" s="14" t="s">
        <v>565</v>
      </c>
      <c r="D120896" s="14" t="s">
        <v>193</v>
      </c>
      <c r="E120896" s="15">
        <v>45457</v>
      </c>
      <c r="F120896" s="14" t="s">
        <v>15</v>
      </c>
      <c r="G120896" s="16">
        <v>0.41975259512030627</v>
      </c>
    </row>
    <row r="120897" spans="1:7" x14ac:dyDescent="0.3">
      <c r="A120897" s="13" t="s">
        <v>567</v>
      </c>
      <c r="B120897" s="14" t="s">
        <v>1</v>
      </c>
      <c r="C120897" s="14" t="s">
        <v>565</v>
      </c>
      <c r="D120897" s="14" t="s">
        <v>193</v>
      </c>
      <c r="E120897" s="15">
        <v>45458</v>
      </c>
      <c r="F120897" s="14" t="s">
        <v>15</v>
      </c>
      <c r="G120897" s="16">
        <v>0.41975259512030627</v>
      </c>
    </row>
    <row r="120898" spans="1:7" x14ac:dyDescent="0.3">
      <c r="A120898" s="13" t="s">
        <v>567</v>
      </c>
      <c r="B120898" s="14" t="s">
        <v>1</v>
      </c>
      <c r="C120898" s="14" t="s">
        <v>565</v>
      </c>
      <c r="D120898" s="14" t="s">
        <v>193</v>
      </c>
      <c r="E120898" s="15">
        <v>45459</v>
      </c>
      <c r="F120898" s="14" t="s">
        <v>15</v>
      </c>
      <c r="G120898" s="16">
        <v>0.41975259512030627</v>
      </c>
    </row>
    <row r="120899" spans="1:7" x14ac:dyDescent="0.3">
      <c r="A120899" s="13" t="s">
        <v>567</v>
      </c>
      <c r="B120899" s="14" t="s">
        <v>1</v>
      </c>
      <c r="C120899" s="14" t="s">
        <v>565</v>
      </c>
      <c r="D120899" s="14" t="s">
        <v>193</v>
      </c>
      <c r="E120899" s="15">
        <v>45460</v>
      </c>
      <c r="F120899" s="14" t="s">
        <v>15</v>
      </c>
      <c r="G120899" s="16">
        <v>0.43831355154288526</v>
      </c>
    </row>
    <row r="120900" spans="1:7" x14ac:dyDescent="0.3">
      <c r="A120900" s="13" t="s">
        <v>567</v>
      </c>
      <c r="B120900" s="14" t="s">
        <v>1</v>
      </c>
      <c r="C120900" s="14" t="s">
        <v>565</v>
      </c>
      <c r="D120900" s="14" t="s">
        <v>193</v>
      </c>
      <c r="E120900" s="15">
        <v>45461</v>
      </c>
      <c r="F120900" s="14" t="s">
        <v>15</v>
      </c>
      <c r="G120900" s="16">
        <v>0.43288281131115253</v>
      </c>
    </row>
    <row r="120901" spans="1:7" x14ac:dyDescent="0.3">
      <c r="A120901" s="13" t="s">
        <v>567</v>
      </c>
      <c r="B120901" s="14" t="s">
        <v>1</v>
      </c>
      <c r="C120901" s="14" t="s">
        <v>565</v>
      </c>
      <c r="D120901" s="14" t="s">
        <v>193</v>
      </c>
      <c r="E120901" s="15">
        <v>45462</v>
      </c>
      <c r="F120901" s="14" t="s">
        <v>15</v>
      </c>
      <c r="G120901" s="16">
        <v>0.45236408502320175</v>
      </c>
    </row>
    <row r="120902" spans="1:7" x14ac:dyDescent="0.3">
      <c r="A120902" s="13" t="s">
        <v>567</v>
      </c>
      <c r="B120902" s="14" t="s">
        <v>1</v>
      </c>
      <c r="C120902" s="14" t="s">
        <v>565</v>
      </c>
      <c r="D120902" s="14" t="s">
        <v>193</v>
      </c>
      <c r="E120902" s="15">
        <v>45463</v>
      </c>
      <c r="F120902" s="14" t="s">
        <v>15</v>
      </c>
      <c r="G120902" s="16">
        <v>0.45054448817620479</v>
      </c>
    </row>
    <row r="120903" spans="1:7" x14ac:dyDescent="0.3">
      <c r="A120903" s="13" t="s">
        <v>567</v>
      </c>
      <c r="B120903" s="14" t="s">
        <v>1</v>
      </c>
      <c r="C120903" s="14" t="s">
        <v>565</v>
      </c>
      <c r="D120903" s="14" t="s">
        <v>193</v>
      </c>
      <c r="E120903" s="15">
        <v>45464</v>
      </c>
      <c r="F120903" s="14" t="s">
        <v>15</v>
      </c>
      <c r="G120903" s="16">
        <v>0.47573132836426624</v>
      </c>
    </row>
    <row r="120904" spans="1:7" x14ac:dyDescent="0.3">
      <c r="A120904" s="13" t="s">
        <v>567</v>
      </c>
      <c r="B120904" s="14" t="s">
        <v>1</v>
      </c>
      <c r="C120904" s="14" t="s">
        <v>565</v>
      </c>
      <c r="D120904" s="14" t="s">
        <v>193</v>
      </c>
      <c r="E120904" s="15">
        <v>45465</v>
      </c>
      <c r="F120904" s="14" t="s">
        <v>15</v>
      </c>
      <c r="G120904" s="16">
        <v>0.47573132836426624</v>
      </c>
    </row>
    <row r="120905" spans="1:7" x14ac:dyDescent="0.3">
      <c r="A120905" s="13" t="s">
        <v>567</v>
      </c>
      <c r="B120905" s="14" t="s">
        <v>1</v>
      </c>
      <c r="C120905" s="14" t="s">
        <v>565</v>
      </c>
      <c r="D120905" s="14" t="s">
        <v>193</v>
      </c>
      <c r="E120905" s="15">
        <v>45466</v>
      </c>
      <c r="F120905" s="14" t="s">
        <v>15</v>
      </c>
      <c r="G120905" s="16">
        <v>0.47573132836426624</v>
      </c>
    </row>
    <row r="120906" spans="1:7" x14ac:dyDescent="0.3">
      <c r="A120906" s="13" t="s">
        <v>567</v>
      </c>
      <c r="B120906" s="14" t="s">
        <v>1</v>
      </c>
      <c r="C120906" s="14" t="s">
        <v>565</v>
      </c>
      <c r="D120906" s="14" t="s">
        <v>193</v>
      </c>
      <c r="E120906" s="15">
        <v>45467</v>
      </c>
      <c r="F120906" s="14" t="s">
        <v>15</v>
      </c>
      <c r="G120906" s="16">
        <v>0.47701897113211722</v>
      </c>
    </row>
    <row r="120907" spans="1:7" x14ac:dyDescent="0.3">
      <c r="A120907" s="13" t="s">
        <v>567</v>
      </c>
      <c r="B120907" s="14" t="s">
        <v>1</v>
      </c>
      <c r="C120907" s="14" t="s">
        <v>565</v>
      </c>
      <c r="D120907" s="14" t="s">
        <v>193</v>
      </c>
      <c r="E120907" s="15">
        <v>45468</v>
      </c>
      <c r="F120907" s="14" t="s">
        <v>15</v>
      </c>
      <c r="G120907" s="16">
        <v>0.47152428287392095</v>
      </c>
    </row>
    <row r="120908" spans="1:7" x14ac:dyDescent="0.3">
      <c r="A120908" s="13" t="s">
        <v>567</v>
      </c>
      <c r="B120908" s="14" t="s">
        <v>1</v>
      </c>
      <c r="C120908" s="14" t="s">
        <v>565</v>
      </c>
      <c r="D120908" s="14" t="s">
        <v>193</v>
      </c>
      <c r="E120908" s="15">
        <v>45469</v>
      </c>
      <c r="F120908" s="14" t="s">
        <v>15</v>
      </c>
      <c r="G120908" s="16">
        <v>0.47605173636109011</v>
      </c>
    </row>
    <row r="120909" spans="1:7" x14ac:dyDescent="0.3">
      <c r="A120909" s="13" t="s">
        <v>567</v>
      </c>
      <c r="B120909" s="14" t="s">
        <v>1</v>
      </c>
      <c r="C120909" s="14" t="s">
        <v>565</v>
      </c>
      <c r="D120909" s="14" t="s">
        <v>193</v>
      </c>
      <c r="E120909" s="15">
        <v>45470</v>
      </c>
      <c r="F120909" s="14" t="s">
        <v>15</v>
      </c>
      <c r="G120909" s="16">
        <v>0.48190590268971994</v>
      </c>
    </row>
    <row r="120910" spans="1:7" x14ac:dyDescent="0.3">
      <c r="A120910" s="13" t="s">
        <v>567</v>
      </c>
      <c r="B120910" s="14" t="s">
        <v>1</v>
      </c>
      <c r="C120910" s="14" t="s">
        <v>565</v>
      </c>
      <c r="D120910" s="14" t="s">
        <v>193</v>
      </c>
      <c r="E120910" s="15">
        <v>45471</v>
      </c>
      <c r="F120910" s="14" t="s">
        <v>15</v>
      </c>
      <c r="G120910" s="16">
        <v>0.50337641083332751</v>
      </c>
    </row>
    <row r="120911" spans="1:7" x14ac:dyDescent="0.3">
      <c r="A120911" s="13" t="s">
        <v>567</v>
      </c>
      <c r="B120911" s="14" t="s">
        <v>1</v>
      </c>
      <c r="C120911" s="14" t="s">
        <v>565</v>
      </c>
      <c r="D120911" s="14" t="s">
        <v>193</v>
      </c>
      <c r="E120911" s="15">
        <v>45472</v>
      </c>
      <c r="F120911" s="14" t="s">
        <v>15</v>
      </c>
      <c r="G120911" s="16">
        <v>0.50337641083332751</v>
      </c>
    </row>
    <row r="120912" spans="1:7" x14ac:dyDescent="0.3">
      <c r="A120912" s="13" t="s">
        <v>567</v>
      </c>
      <c r="B120912" s="14" t="s">
        <v>1</v>
      </c>
      <c r="C120912" s="14" t="s">
        <v>565</v>
      </c>
      <c r="D120912" s="14" t="s">
        <v>193</v>
      </c>
      <c r="E120912" s="15">
        <v>45473</v>
      </c>
      <c r="F120912" s="14" t="s">
        <v>15</v>
      </c>
      <c r="G120912" s="16">
        <v>0.50337641083332751</v>
      </c>
    </row>
    <row r="120913" spans="1:7" x14ac:dyDescent="0.3">
      <c r="A120913" s="13" t="s">
        <v>567</v>
      </c>
      <c r="B120913" s="14" t="s">
        <v>1</v>
      </c>
      <c r="C120913" s="14" t="s">
        <v>565</v>
      </c>
      <c r="D120913" s="14" t="s">
        <v>193</v>
      </c>
      <c r="E120913" s="15">
        <v>45474</v>
      </c>
      <c r="F120913" s="14" t="s">
        <v>15</v>
      </c>
      <c r="G120913" s="16">
        <v>0.50337641083332751</v>
      </c>
    </row>
    <row r="120914" spans="1:7" x14ac:dyDescent="0.3">
      <c r="A120914" s="13" t="s">
        <v>567</v>
      </c>
      <c r="B120914" s="14" t="s">
        <v>1</v>
      </c>
      <c r="C120914" s="14" t="s">
        <v>565</v>
      </c>
      <c r="D120914" s="14" t="s">
        <v>193</v>
      </c>
      <c r="E120914" s="15">
        <v>45475</v>
      </c>
      <c r="F120914" s="14" t="s">
        <v>15</v>
      </c>
      <c r="G120914" s="16">
        <v>0.50154479242521988</v>
      </c>
    </row>
    <row r="120915" spans="1:7" x14ac:dyDescent="0.3">
      <c r="A120915" s="13" t="s">
        <v>567</v>
      </c>
      <c r="B120915" s="14" t="s">
        <v>1</v>
      </c>
      <c r="C120915" s="14" t="s">
        <v>565</v>
      </c>
      <c r="D120915" s="14" t="s">
        <v>193</v>
      </c>
      <c r="E120915" s="15">
        <v>45476</v>
      </c>
      <c r="F120915" s="14" t="s">
        <v>15</v>
      </c>
      <c r="G120915" s="16">
        <v>0.52686203315810654</v>
      </c>
    </row>
    <row r="120916" spans="1:7" x14ac:dyDescent="0.3">
      <c r="A120916" s="13" t="s">
        <v>567</v>
      </c>
      <c r="B120916" s="14" t="s">
        <v>1</v>
      </c>
      <c r="C120916" s="14" t="s">
        <v>565</v>
      </c>
      <c r="D120916" s="14" t="s">
        <v>193</v>
      </c>
      <c r="E120916" s="15">
        <v>45477</v>
      </c>
      <c r="F120916" s="14" t="s">
        <v>15</v>
      </c>
      <c r="G120916" s="16">
        <v>0.55937083889318184</v>
      </c>
    </row>
    <row r="120917" spans="1:7" x14ac:dyDescent="0.3">
      <c r="A120917" s="13" t="s">
        <v>567</v>
      </c>
      <c r="B120917" s="14" t="s">
        <v>1</v>
      </c>
      <c r="C120917" s="14" t="s">
        <v>565</v>
      </c>
      <c r="D120917" s="14" t="s">
        <v>193</v>
      </c>
      <c r="E120917" s="15">
        <v>45478</v>
      </c>
      <c r="F120917" s="14" t="s">
        <v>15</v>
      </c>
      <c r="G120917" s="16">
        <v>0.59188999652810248</v>
      </c>
    </row>
    <row r="120918" spans="1:7" x14ac:dyDescent="0.3">
      <c r="A120918" s="13" t="s">
        <v>567</v>
      </c>
      <c r="B120918" s="14" t="s">
        <v>1</v>
      </c>
      <c r="C120918" s="14" t="s">
        <v>565</v>
      </c>
      <c r="D120918" s="14" t="s">
        <v>193</v>
      </c>
      <c r="E120918" s="15">
        <v>45479</v>
      </c>
      <c r="F120918" s="14" t="s">
        <v>15</v>
      </c>
      <c r="G120918" s="16">
        <v>0.59188999652810248</v>
      </c>
    </row>
    <row r="120919" spans="1:7" x14ac:dyDescent="0.3">
      <c r="A120919" s="13" t="s">
        <v>567</v>
      </c>
      <c r="B120919" s="14" t="s">
        <v>1</v>
      </c>
      <c r="C120919" s="14" t="s">
        <v>565</v>
      </c>
      <c r="D120919" s="14" t="s">
        <v>193</v>
      </c>
      <c r="E120919" s="15">
        <v>45480</v>
      </c>
      <c r="F120919" s="14" t="s">
        <v>15</v>
      </c>
      <c r="G120919" s="16">
        <v>0.59188999652810248</v>
      </c>
    </row>
    <row r="120920" spans="1:7" x14ac:dyDescent="0.3">
      <c r="A120920" s="13" t="s">
        <v>567</v>
      </c>
      <c r="B120920" s="14" t="s">
        <v>1</v>
      </c>
      <c r="C120920" s="14" t="s">
        <v>565</v>
      </c>
      <c r="D120920" s="14" t="s">
        <v>193</v>
      </c>
      <c r="E120920" s="15">
        <v>45481</v>
      </c>
      <c r="F120920" s="14" t="s">
        <v>15</v>
      </c>
      <c r="G120920" s="16">
        <v>0.59003016084461024</v>
      </c>
    </row>
    <row r="120921" spans="1:7" x14ac:dyDescent="0.3">
      <c r="A120921" s="13" t="s">
        <v>567</v>
      </c>
      <c r="B120921" s="14" t="s">
        <v>1</v>
      </c>
      <c r="C120921" s="14" t="s">
        <v>565</v>
      </c>
      <c r="D120921" s="14" t="s">
        <v>193</v>
      </c>
      <c r="E120921" s="15">
        <v>45482</v>
      </c>
      <c r="F120921" s="14" t="s">
        <v>15</v>
      </c>
      <c r="G120921" s="16">
        <v>0.58444213852167992</v>
      </c>
    </row>
    <row r="120922" spans="1:7" x14ac:dyDescent="0.3">
      <c r="A120922" s="13" t="s">
        <v>567</v>
      </c>
      <c r="B120922" s="14" t="s">
        <v>1</v>
      </c>
      <c r="C120922" s="14" t="s">
        <v>565</v>
      </c>
      <c r="D120922" s="14" t="s">
        <v>193</v>
      </c>
      <c r="E120922" s="15">
        <v>45483</v>
      </c>
      <c r="F120922" s="14" t="s">
        <v>15</v>
      </c>
      <c r="G120922" s="16">
        <v>0.59012566546898926</v>
      </c>
    </row>
    <row r="120923" spans="1:7" x14ac:dyDescent="0.3">
      <c r="A120923" s="13" t="s">
        <v>567</v>
      </c>
      <c r="B120923" s="14" t="s">
        <v>1</v>
      </c>
      <c r="C120923" s="14" t="s">
        <v>565</v>
      </c>
      <c r="D120923" s="14" t="s">
        <v>193</v>
      </c>
      <c r="E120923" s="15">
        <v>45484</v>
      </c>
      <c r="F120923" s="14" t="s">
        <v>15</v>
      </c>
      <c r="G120923" s="16">
        <v>0.59157342875218899</v>
      </c>
    </row>
    <row r="120924" spans="1:7" x14ac:dyDescent="0.3">
      <c r="A120924" s="13" t="s">
        <v>567</v>
      </c>
      <c r="B120924" s="14" t="s">
        <v>1</v>
      </c>
      <c r="C120924" s="14" t="s">
        <v>565</v>
      </c>
      <c r="D120924" s="14" t="s">
        <v>193</v>
      </c>
      <c r="E120924" s="15">
        <v>45485</v>
      </c>
      <c r="F120924" s="14" t="s">
        <v>15</v>
      </c>
      <c r="G120924" s="16">
        <v>0.58969389106576531</v>
      </c>
    </row>
    <row r="120925" spans="1:7" x14ac:dyDescent="0.3">
      <c r="A120925" s="13" t="s">
        <v>567</v>
      </c>
      <c r="B120925" s="14" t="s">
        <v>1</v>
      </c>
      <c r="C120925" s="14" t="s">
        <v>565</v>
      </c>
      <c r="D120925" s="14" t="s">
        <v>193</v>
      </c>
      <c r="E120925" s="15">
        <v>45486</v>
      </c>
      <c r="F120925" s="14" t="s">
        <v>15</v>
      </c>
      <c r="G120925" s="16">
        <v>0.58969389106576531</v>
      </c>
    </row>
    <row r="120926" spans="1:7" x14ac:dyDescent="0.3">
      <c r="A120926" s="13" t="s">
        <v>567</v>
      </c>
      <c r="B120926" s="14" t="s">
        <v>1</v>
      </c>
      <c r="C120926" s="14" t="s">
        <v>565</v>
      </c>
      <c r="D120926" s="14" t="s">
        <v>193</v>
      </c>
      <c r="E120926" s="15">
        <v>45487</v>
      </c>
      <c r="F120926" s="14" t="s">
        <v>15</v>
      </c>
      <c r="G120926" s="16">
        <v>0.58969389106576531</v>
      </c>
    </row>
    <row r="120927" spans="1:7" x14ac:dyDescent="0.3">
      <c r="A120927" s="13" t="s">
        <v>567</v>
      </c>
      <c r="B120927" s="14" t="s">
        <v>1</v>
      </c>
      <c r="C120927" s="14" t="s">
        <v>565</v>
      </c>
      <c r="D120927" s="14" t="s">
        <v>193</v>
      </c>
      <c r="E120927" s="15">
        <v>45488</v>
      </c>
      <c r="F120927" s="14" t="s">
        <v>15</v>
      </c>
      <c r="G120927" s="16">
        <v>0.58914574127234531</v>
      </c>
    </row>
    <row r="120928" spans="1:7" x14ac:dyDescent="0.3">
      <c r="A120928" s="13" t="s">
        <v>567</v>
      </c>
      <c r="B120928" s="14" t="s">
        <v>1</v>
      </c>
      <c r="C120928" s="14" t="s">
        <v>565</v>
      </c>
      <c r="D120928" s="14" t="s">
        <v>193</v>
      </c>
      <c r="E120928" s="15">
        <v>45489</v>
      </c>
      <c r="F120928" s="14" t="s">
        <v>15</v>
      </c>
      <c r="G120928" s="16">
        <v>0.58345436691708863</v>
      </c>
    </row>
    <row r="120929" spans="1:7" x14ac:dyDescent="0.3">
      <c r="A120929" s="13" t="s">
        <v>567</v>
      </c>
      <c r="B120929" s="14" t="s">
        <v>1</v>
      </c>
      <c r="C120929" s="14" t="s">
        <v>565</v>
      </c>
      <c r="D120929" s="14" t="s">
        <v>193</v>
      </c>
      <c r="E120929" s="15">
        <v>45490</v>
      </c>
      <c r="F120929" s="14" t="s">
        <v>15</v>
      </c>
      <c r="G120929" s="16">
        <v>0.59164522418659959</v>
      </c>
    </row>
    <row r="120930" spans="1:7" x14ac:dyDescent="0.3">
      <c r="A120930" s="13" t="s">
        <v>567</v>
      </c>
      <c r="B120930" s="14" t="s">
        <v>1</v>
      </c>
      <c r="C120930" s="14" t="s">
        <v>565</v>
      </c>
      <c r="D120930" s="14" t="s">
        <v>193</v>
      </c>
      <c r="E120930" s="15">
        <v>45491</v>
      </c>
      <c r="F120930" s="14" t="s">
        <v>15</v>
      </c>
      <c r="G120930" s="16">
        <v>0.58976535256792295</v>
      </c>
    </row>
    <row r="120931" spans="1:7" x14ac:dyDescent="0.3">
      <c r="A120931" s="13" t="s">
        <v>567</v>
      </c>
      <c r="B120931" s="14" t="s">
        <v>1</v>
      </c>
      <c r="C120931" s="14" t="s">
        <v>565</v>
      </c>
      <c r="D120931" s="14" t="s">
        <v>193</v>
      </c>
      <c r="E120931" s="15">
        <v>45492</v>
      </c>
      <c r="F120931" s="14" t="s">
        <v>15</v>
      </c>
      <c r="G120931" s="16">
        <v>0.64646437768176235</v>
      </c>
    </row>
    <row r="120932" spans="1:7" x14ac:dyDescent="0.3">
      <c r="A120932" s="13" t="s">
        <v>567</v>
      </c>
      <c r="B120932" s="14" t="s">
        <v>1</v>
      </c>
      <c r="C120932" s="14" t="s">
        <v>565</v>
      </c>
      <c r="D120932" s="14" t="s">
        <v>193</v>
      </c>
      <c r="E120932" s="15">
        <v>45493</v>
      </c>
      <c r="F120932" s="14" t="s">
        <v>15</v>
      </c>
      <c r="G120932" s="16">
        <v>0.64646437768176235</v>
      </c>
    </row>
    <row r="120933" spans="1:7" x14ac:dyDescent="0.3">
      <c r="A120933" s="13" t="s">
        <v>567</v>
      </c>
      <c r="B120933" s="14" t="s">
        <v>1</v>
      </c>
      <c r="C120933" s="14" t="s">
        <v>565</v>
      </c>
      <c r="D120933" s="14" t="s">
        <v>193</v>
      </c>
      <c r="E120933" s="15">
        <v>45494</v>
      </c>
      <c r="F120933" s="14" t="s">
        <v>15</v>
      </c>
      <c r="G120933" s="16">
        <v>0.64646437768176235</v>
      </c>
    </row>
    <row r="120934" spans="1:7" x14ac:dyDescent="0.3">
      <c r="A120934" s="13" t="s">
        <v>567</v>
      </c>
      <c r="B120934" s="14" t="s">
        <v>1</v>
      </c>
      <c r="C120934" s="14" t="s">
        <v>565</v>
      </c>
      <c r="D120934" s="14" t="s">
        <v>193</v>
      </c>
      <c r="E120934" s="15">
        <v>45495</v>
      </c>
      <c r="F120934" s="14" t="s">
        <v>15</v>
      </c>
      <c r="G120934" s="16">
        <v>0.64460387413376385</v>
      </c>
    </row>
    <row r="120935" spans="1:7" x14ac:dyDescent="0.3">
      <c r="A120935" s="13" t="s">
        <v>567</v>
      </c>
      <c r="B120935" s="14" t="s">
        <v>1</v>
      </c>
      <c r="C120935" s="14" t="s">
        <v>565</v>
      </c>
      <c r="D120935" s="14" t="s">
        <v>193</v>
      </c>
      <c r="E120935" s="15">
        <v>45496</v>
      </c>
      <c r="F120935" s="14" t="s">
        <v>15</v>
      </c>
      <c r="G120935" s="16">
        <v>0.63909465982255886</v>
      </c>
    </row>
    <row r="120936" spans="1:7" x14ac:dyDescent="0.3">
      <c r="A120936" s="13" t="s">
        <v>567</v>
      </c>
      <c r="B120936" s="14" t="s">
        <v>1</v>
      </c>
      <c r="C120936" s="14" t="s">
        <v>565</v>
      </c>
      <c r="D120936" s="14" t="s">
        <v>193</v>
      </c>
      <c r="E120936" s="15">
        <v>45497</v>
      </c>
      <c r="F120936" s="14" t="s">
        <v>15</v>
      </c>
      <c r="G120936" s="16">
        <v>0.64130278684600672</v>
      </c>
    </row>
    <row r="120937" spans="1:7" x14ac:dyDescent="0.3">
      <c r="A120937" s="13" t="s">
        <v>567</v>
      </c>
      <c r="B120937" s="14" t="s">
        <v>1</v>
      </c>
      <c r="C120937" s="14" t="s">
        <v>565</v>
      </c>
      <c r="D120937" s="14" t="s">
        <v>193</v>
      </c>
      <c r="E120937" s="15">
        <v>45498</v>
      </c>
      <c r="F120937" s="14" t="s">
        <v>15</v>
      </c>
      <c r="G120937" s="16">
        <v>0.63960240381335698</v>
      </c>
    </row>
    <row r="120938" spans="1:7" x14ac:dyDescent="0.3">
      <c r="A120938" s="13" t="s">
        <v>567</v>
      </c>
      <c r="B120938" s="14" t="s">
        <v>1</v>
      </c>
      <c r="C120938" s="14" t="s">
        <v>565</v>
      </c>
      <c r="D120938" s="14" t="s">
        <v>193</v>
      </c>
      <c r="E120938" s="15">
        <v>45499</v>
      </c>
      <c r="F120938" s="14" t="s">
        <v>15</v>
      </c>
      <c r="G120938" s="16">
        <v>0.63778380876311924</v>
      </c>
    </row>
    <row r="120939" spans="1:7" x14ac:dyDescent="0.3">
      <c r="A120939" s="13" t="s">
        <v>567</v>
      </c>
      <c r="B120939" s="14" t="s">
        <v>1</v>
      </c>
      <c r="C120939" s="14" t="s">
        <v>565</v>
      </c>
      <c r="D120939" s="14" t="s">
        <v>193</v>
      </c>
      <c r="E120939" s="15">
        <v>45500</v>
      </c>
      <c r="F120939" s="14" t="s">
        <v>15</v>
      </c>
      <c r="G120939" s="16">
        <v>0.63778380876311924</v>
      </c>
    </row>
    <row r="120940" spans="1:7" x14ac:dyDescent="0.3">
      <c r="A120940" s="13" t="s">
        <v>567</v>
      </c>
      <c r="B120940" s="14" t="s">
        <v>1</v>
      </c>
      <c r="C120940" s="14" t="s">
        <v>565</v>
      </c>
      <c r="D120940" s="14" t="s">
        <v>193</v>
      </c>
      <c r="E120940" s="15">
        <v>45501</v>
      </c>
      <c r="F120940" s="14" t="s">
        <v>15</v>
      </c>
      <c r="G120940" s="16">
        <v>0.63778380876311924</v>
      </c>
    </row>
    <row r="120941" spans="1:7" x14ac:dyDescent="0.3">
      <c r="A120941" s="13" t="s">
        <v>567</v>
      </c>
      <c r="B120941" s="14" t="s">
        <v>1</v>
      </c>
      <c r="C120941" s="14" t="s">
        <v>565</v>
      </c>
      <c r="D120941" s="14" t="s">
        <v>193</v>
      </c>
      <c r="E120941" s="15">
        <v>45502</v>
      </c>
      <c r="F120941" s="14" t="s">
        <v>15</v>
      </c>
      <c r="G120941" s="16">
        <v>0.63598424785130669</v>
      </c>
    </row>
    <row r="120942" spans="1:7" x14ac:dyDescent="0.3">
      <c r="A120942" s="13" t="s">
        <v>567</v>
      </c>
      <c r="B120942" s="14" t="s">
        <v>1</v>
      </c>
      <c r="C120942" s="14" t="s">
        <v>565</v>
      </c>
      <c r="D120942" s="14" t="s">
        <v>193</v>
      </c>
      <c r="E120942" s="15">
        <v>45503</v>
      </c>
      <c r="F120942" s="14" t="s">
        <v>15</v>
      </c>
      <c r="G120942" s="16">
        <v>0.63256695213948011</v>
      </c>
    </row>
    <row r="120943" spans="1:7" x14ac:dyDescent="0.3">
      <c r="A120943" s="13" t="s">
        <v>567</v>
      </c>
      <c r="B120943" s="14" t="s">
        <v>1</v>
      </c>
      <c r="C120943" s="14" t="s">
        <v>565</v>
      </c>
      <c r="D120943" s="14" t="s">
        <v>193</v>
      </c>
      <c r="E120943" s="15">
        <v>45504</v>
      </c>
      <c r="F120943" s="14" t="s">
        <v>15</v>
      </c>
      <c r="G120943" s="16">
        <v>0.63288368688152019</v>
      </c>
    </row>
    <row r="120944" spans="1:7" x14ac:dyDescent="0.3">
      <c r="A120944" s="13" t="s">
        <v>567</v>
      </c>
      <c r="B120944" s="14" t="s">
        <v>1</v>
      </c>
      <c r="C120944" s="14" t="s">
        <v>565</v>
      </c>
      <c r="D120944" s="14" t="s">
        <v>193</v>
      </c>
      <c r="E120944" s="15">
        <v>45505</v>
      </c>
      <c r="F120944" s="14" t="s">
        <v>15</v>
      </c>
      <c r="G120944" s="16">
        <v>0.64641645840344653</v>
      </c>
    </row>
    <row r="120945" spans="1:7" x14ac:dyDescent="0.3">
      <c r="A120945" s="13" t="s">
        <v>567</v>
      </c>
      <c r="B120945" s="14" t="s">
        <v>1</v>
      </c>
      <c r="C120945" s="14" t="s">
        <v>565</v>
      </c>
      <c r="D120945" s="14" t="s">
        <v>193</v>
      </c>
      <c r="E120945" s="15">
        <v>45506</v>
      </c>
      <c r="F120945" s="14" t="s">
        <v>15</v>
      </c>
      <c r="G120945" s="16">
        <v>0.6445976963870822</v>
      </c>
    </row>
    <row r="120946" spans="1:7" x14ac:dyDescent="0.3">
      <c r="A120946" s="13" t="s">
        <v>567</v>
      </c>
      <c r="B120946" s="14" t="s">
        <v>1</v>
      </c>
      <c r="C120946" s="14" t="s">
        <v>565</v>
      </c>
      <c r="D120946" s="14" t="s">
        <v>193</v>
      </c>
      <c r="E120946" s="15">
        <v>45507</v>
      </c>
      <c r="F120946" s="14" t="s">
        <v>15</v>
      </c>
      <c r="G120946" s="16">
        <v>0.6445976963870822</v>
      </c>
    </row>
    <row r="120947" spans="1:7" x14ac:dyDescent="0.3">
      <c r="A120947" s="13" t="s">
        <v>567</v>
      </c>
      <c r="B120947" s="14" t="s">
        <v>1</v>
      </c>
      <c r="C120947" s="14" t="s">
        <v>565</v>
      </c>
      <c r="D120947" s="14" t="s">
        <v>193</v>
      </c>
      <c r="E120947" s="15">
        <v>45508</v>
      </c>
      <c r="F120947" s="14" t="s">
        <v>15</v>
      </c>
      <c r="G120947" s="16">
        <v>0.6445976963870822</v>
      </c>
    </row>
    <row r="120948" spans="1:7" x14ac:dyDescent="0.3">
      <c r="A120948" s="13" t="s">
        <v>567</v>
      </c>
      <c r="B120948" s="14" t="s">
        <v>1</v>
      </c>
      <c r="C120948" s="14" t="s">
        <v>565</v>
      </c>
      <c r="D120948" s="14" t="s">
        <v>193</v>
      </c>
      <c r="E120948" s="15">
        <v>45509</v>
      </c>
      <c r="F120948" s="14" t="s">
        <v>15</v>
      </c>
      <c r="G120948" s="16">
        <v>0.6445976963870822</v>
      </c>
    </row>
    <row r="120949" spans="1:7" x14ac:dyDescent="0.3">
      <c r="A120949" s="13" t="s">
        <v>567</v>
      </c>
      <c r="B120949" s="14" t="s">
        <v>1</v>
      </c>
      <c r="C120949" s="14" t="s">
        <v>565</v>
      </c>
      <c r="D120949" s="14" t="s">
        <v>193</v>
      </c>
      <c r="E120949" s="15">
        <v>45510</v>
      </c>
      <c r="F120949" s="14" t="s">
        <v>15</v>
      </c>
      <c r="G120949" s="16">
        <v>0.64276624494510104</v>
      </c>
    </row>
    <row r="120950" spans="1:7" x14ac:dyDescent="0.3">
      <c r="A120950" s="13" t="s">
        <v>567</v>
      </c>
      <c r="B120950" s="14" t="s">
        <v>1</v>
      </c>
      <c r="C120950" s="14" t="s">
        <v>565</v>
      </c>
      <c r="D120950" s="14" t="s">
        <v>193</v>
      </c>
      <c r="E120950" s="15">
        <v>45511</v>
      </c>
      <c r="F120950" s="14" t="s">
        <v>15</v>
      </c>
      <c r="G120950" s="16">
        <v>0.64535305114353414</v>
      </c>
    </row>
    <row r="120951" spans="1:7" x14ac:dyDescent="0.3">
      <c r="A120951" s="13" t="s">
        <v>567</v>
      </c>
      <c r="B120951" s="14" t="s">
        <v>1</v>
      </c>
      <c r="C120951" s="14" t="s">
        <v>565</v>
      </c>
      <c r="D120951" s="14" t="s">
        <v>193</v>
      </c>
      <c r="E120951" s="15">
        <v>45512</v>
      </c>
      <c r="F120951" s="14" t="s">
        <v>15</v>
      </c>
      <c r="G120951" s="16">
        <v>0.64362645442901811</v>
      </c>
    </row>
    <row r="120952" spans="1:7" x14ac:dyDescent="0.3">
      <c r="A120952" s="13" t="s">
        <v>567</v>
      </c>
      <c r="B120952" s="14" t="s">
        <v>1</v>
      </c>
      <c r="C120952" s="14" t="s">
        <v>565</v>
      </c>
      <c r="D120952" s="14" t="s">
        <v>193</v>
      </c>
      <c r="E120952" s="15">
        <v>45513</v>
      </c>
      <c r="F120952" s="14" t="s">
        <v>15</v>
      </c>
      <c r="G120952" s="16">
        <v>0.66057685559502399</v>
      </c>
    </row>
    <row r="120953" spans="1:7" x14ac:dyDescent="0.3">
      <c r="A120953" s="13" t="s">
        <v>567</v>
      </c>
      <c r="B120953" s="14" t="s">
        <v>1</v>
      </c>
      <c r="C120953" s="14" t="s">
        <v>565</v>
      </c>
      <c r="D120953" s="14" t="s">
        <v>193</v>
      </c>
      <c r="E120953" s="15">
        <v>45514</v>
      </c>
      <c r="F120953" s="14" t="s">
        <v>15</v>
      </c>
      <c r="G120953" s="16">
        <v>0.66057685559502399</v>
      </c>
    </row>
    <row r="120954" spans="1:7" x14ac:dyDescent="0.3">
      <c r="A120954" s="13" t="s">
        <v>567</v>
      </c>
      <c r="B120954" s="14" t="s">
        <v>1</v>
      </c>
      <c r="C120954" s="14" t="s">
        <v>565</v>
      </c>
      <c r="D120954" s="14" t="s">
        <v>193</v>
      </c>
      <c r="E120954" s="15">
        <v>45515</v>
      </c>
      <c r="F120954" s="14" t="s">
        <v>15</v>
      </c>
      <c r="G120954" s="16">
        <v>0.66057685559502399</v>
      </c>
    </row>
    <row r="120955" spans="1:7" x14ac:dyDescent="0.3">
      <c r="A120955" s="13" t="s">
        <v>567</v>
      </c>
      <c r="B120955" s="14" t="s">
        <v>1</v>
      </c>
      <c r="C120955" s="14" t="s">
        <v>565</v>
      </c>
      <c r="D120955" s="14" t="s">
        <v>193</v>
      </c>
      <c r="E120955" s="15">
        <v>45516</v>
      </c>
      <c r="F120955" s="14" t="s">
        <v>15</v>
      </c>
      <c r="G120955" s="16">
        <v>0.67535051936937096</v>
      </c>
    </row>
    <row r="120956" spans="1:7" x14ac:dyDescent="0.3">
      <c r="A120956" s="13" t="s">
        <v>567</v>
      </c>
      <c r="B120956" s="14" t="s">
        <v>1</v>
      </c>
      <c r="C120956" s="14" t="s">
        <v>565</v>
      </c>
      <c r="D120956" s="14" t="s">
        <v>193</v>
      </c>
      <c r="E120956" s="15">
        <v>45517</v>
      </c>
      <c r="F120956" s="14" t="s">
        <v>15</v>
      </c>
      <c r="G120956" s="16">
        <v>0.68459643559246741</v>
      </c>
    </row>
    <row r="120957" spans="1:7" x14ac:dyDescent="0.3">
      <c r="A120957" s="13" t="s">
        <v>567</v>
      </c>
      <c r="B120957" s="14" t="s">
        <v>1</v>
      </c>
      <c r="C120957" s="14" t="s">
        <v>565</v>
      </c>
      <c r="D120957" s="14" t="s">
        <v>193</v>
      </c>
      <c r="E120957" s="15">
        <v>45518</v>
      </c>
      <c r="F120957" s="14" t="s">
        <v>15</v>
      </c>
      <c r="G120957" s="16">
        <v>0.68280154973219787</v>
      </c>
    </row>
    <row r="120958" spans="1:7" x14ac:dyDescent="0.3">
      <c r="A120958" s="13" t="s">
        <v>567</v>
      </c>
      <c r="B120958" s="14" t="s">
        <v>1</v>
      </c>
      <c r="C120958" s="14" t="s">
        <v>565</v>
      </c>
      <c r="D120958" s="14" t="s">
        <v>193</v>
      </c>
      <c r="E120958" s="15">
        <v>45519</v>
      </c>
      <c r="F120958" s="14" t="s">
        <v>15</v>
      </c>
      <c r="G120958" s="16">
        <v>0.69568281942837784</v>
      </c>
    </row>
    <row r="120959" spans="1:7" x14ac:dyDescent="0.3">
      <c r="A120959" s="13" t="s">
        <v>567</v>
      </c>
      <c r="B120959" s="14" t="s">
        <v>1</v>
      </c>
      <c r="C120959" s="14" t="s">
        <v>565</v>
      </c>
      <c r="D120959" s="14" t="s">
        <v>193</v>
      </c>
      <c r="E120959" s="15">
        <v>45520</v>
      </c>
      <c r="F120959" s="14" t="s">
        <v>15</v>
      </c>
      <c r="G120959" s="16">
        <v>0.73947552992705656</v>
      </c>
    </row>
    <row r="120960" spans="1:7" x14ac:dyDescent="0.3">
      <c r="A120960" s="13" t="s">
        <v>567</v>
      </c>
      <c r="B120960" s="14" t="s">
        <v>1</v>
      </c>
      <c r="C120960" s="14" t="s">
        <v>565</v>
      </c>
      <c r="D120960" s="14" t="s">
        <v>193</v>
      </c>
      <c r="E120960" s="15">
        <v>45521</v>
      </c>
      <c r="F120960" s="14" t="s">
        <v>15</v>
      </c>
      <c r="G120960" s="16">
        <v>0.73947552992705656</v>
      </c>
    </row>
    <row r="120961" spans="1:7" x14ac:dyDescent="0.3">
      <c r="A120961" s="13" t="s">
        <v>567</v>
      </c>
      <c r="B120961" s="14" t="s">
        <v>1</v>
      </c>
      <c r="C120961" s="14" t="s">
        <v>565</v>
      </c>
      <c r="D120961" s="14" t="s">
        <v>193</v>
      </c>
      <c r="E120961" s="15">
        <v>45522</v>
      </c>
      <c r="F120961" s="14" t="s">
        <v>15</v>
      </c>
      <c r="G120961" s="16">
        <v>0.73947552992705656</v>
      </c>
    </row>
    <row r="120962" spans="1:7" x14ac:dyDescent="0.3">
      <c r="A120962" s="13" t="s">
        <v>567</v>
      </c>
      <c r="B120962" s="14" t="s">
        <v>1</v>
      </c>
      <c r="C120962" s="14" t="s">
        <v>565</v>
      </c>
      <c r="D120962" s="14" t="s">
        <v>193</v>
      </c>
      <c r="E120962" s="15">
        <v>45523</v>
      </c>
      <c r="F120962" s="14" t="s">
        <v>15</v>
      </c>
      <c r="G120962" s="16">
        <v>0.74316898761217487</v>
      </c>
    </row>
    <row r="120963" spans="1:7" x14ac:dyDescent="0.3">
      <c r="A120963" s="13" t="s">
        <v>567</v>
      </c>
      <c r="B120963" s="14" t="s">
        <v>1</v>
      </c>
      <c r="C120963" s="14" t="s">
        <v>565</v>
      </c>
      <c r="D120963" s="14" t="s">
        <v>193</v>
      </c>
      <c r="E120963" s="15">
        <v>45524</v>
      </c>
      <c r="F120963" s="14" t="s">
        <v>15</v>
      </c>
      <c r="G120963" s="16">
        <v>0.74309268409234763</v>
      </c>
    </row>
    <row r="120964" spans="1:7" x14ac:dyDescent="0.3">
      <c r="A120964" s="13" t="s">
        <v>567</v>
      </c>
      <c r="B120964" s="14" t="s">
        <v>1</v>
      </c>
      <c r="C120964" s="14" t="s">
        <v>565</v>
      </c>
      <c r="D120964" s="14" t="s">
        <v>193</v>
      </c>
      <c r="E120964" s="15">
        <v>45525</v>
      </c>
      <c r="F120964" s="14" t="s">
        <v>15</v>
      </c>
      <c r="G120964" s="16">
        <v>0.74124019491842297</v>
      </c>
    </row>
    <row r="120965" spans="1:7" x14ac:dyDescent="0.3">
      <c r="A120965" s="13" t="s">
        <v>567</v>
      </c>
      <c r="B120965" s="14" t="s">
        <v>1</v>
      </c>
      <c r="C120965" s="14" t="s">
        <v>565</v>
      </c>
      <c r="D120965" s="14" t="s">
        <v>193</v>
      </c>
      <c r="E120965" s="15">
        <v>45526</v>
      </c>
      <c r="F120965" s="14" t="s">
        <v>15</v>
      </c>
      <c r="G120965" s="16">
        <v>0.7382762122401435</v>
      </c>
    </row>
    <row r="120966" spans="1:7" x14ac:dyDescent="0.3">
      <c r="A120966" s="13" t="s">
        <v>567</v>
      </c>
      <c r="B120966" s="14" t="s">
        <v>1</v>
      </c>
      <c r="C120966" s="14" t="s">
        <v>565</v>
      </c>
      <c r="D120966" s="14" t="s">
        <v>193</v>
      </c>
      <c r="E120966" s="15">
        <v>45527</v>
      </c>
      <c r="F120966" s="14" t="s">
        <v>15</v>
      </c>
      <c r="G120966" s="16">
        <v>0.73637814131367429</v>
      </c>
    </row>
    <row r="120967" spans="1:7" x14ac:dyDescent="0.3">
      <c r="A120967" s="13" t="s">
        <v>567</v>
      </c>
      <c r="B120967" s="14" t="s">
        <v>1</v>
      </c>
      <c r="C120967" s="14" t="s">
        <v>565</v>
      </c>
      <c r="D120967" s="14" t="s">
        <v>193</v>
      </c>
      <c r="E120967" s="15">
        <v>45528</v>
      </c>
      <c r="F120967" s="14" t="s">
        <v>15</v>
      </c>
      <c r="G120967" s="16">
        <v>0.73637814131367429</v>
      </c>
    </row>
    <row r="120968" spans="1:7" x14ac:dyDescent="0.3">
      <c r="A120968" s="13" t="s">
        <v>567</v>
      </c>
      <c r="B120968" s="14" t="s">
        <v>1</v>
      </c>
      <c r="C120968" s="14" t="s">
        <v>565</v>
      </c>
      <c r="D120968" s="14" t="s">
        <v>193</v>
      </c>
      <c r="E120968" s="15">
        <v>45529</v>
      </c>
      <c r="F120968" s="14" t="s">
        <v>15</v>
      </c>
      <c r="G120968" s="16">
        <v>0.73637814131367429</v>
      </c>
    </row>
    <row r="120969" spans="1:7" x14ac:dyDescent="0.3">
      <c r="A120969" s="13" t="s">
        <v>567</v>
      </c>
      <c r="B120969" s="14" t="s">
        <v>1</v>
      </c>
      <c r="C120969" s="14" t="s">
        <v>565</v>
      </c>
      <c r="D120969" s="14" t="s">
        <v>193</v>
      </c>
      <c r="E120969" s="15">
        <v>45530</v>
      </c>
      <c r="F120969" s="14" t="s">
        <v>15</v>
      </c>
      <c r="G120969" s="16">
        <v>0.74429817952594268</v>
      </c>
    </row>
    <row r="120970" spans="1:7" x14ac:dyDescent="0.3">
      <c r="A120970" s="13" t="s">
        <v>567</v>
      </c>
      <c r="B120970" s="14" t="s">
        <v>1</v>
      </c>
      <c r="C120970" s="14" t="s">
        <v>565</v>
      </c>
      <c r="D120970" s="14" t="s">
        <v>193</v>
      </c>
      <c r="E120970" s="15">
        <v>45531</v>
      </c>
      <c r="F120970" s="14" t="s">
        <v>15</v>
      </c>
      <c r="G120970" s="16">
        <v>0.73710026981094556</v>
      </c>
    </row>
    <row r="120971" spans="1:7" x14ac:dyDescent="0.3">
      <c r="A120971" s="13" t="s">
        <v>567</v>
      </c>
      <c r="B120971" s="14" t="s">
        <v>1</v>
      </c>
      <c r="C120971" s="14" t="s">
        <v>565</v>
      </c>
      <c r="D120971" s="14" t="s">
        <v>193</v>
      </c>
      <c r="E120971" s="15">
        <v>45532</v>
      </c>
      <c r="F120971" s="14" t="s">
        <v>15</v>
      </c>
      <c r="G120971" s="16">
        <v>0.73575051564402294</v>
      </c>
    </row>
    <row r="120972" spans="1:7" x14ac:dyDescent="0.3">
      <c r="A120972" s="13" t="s">
        <v>567</v>
      </c>
      <c r="B120972" s="14" t="s">
        <v>1</v>
      </c>
      <c r="C120972" s="14" t="s">
        <v>565</v>
      </c>
      <c r="D120972" s="14" t="s">
        <v>193</v>
      </c>
      <c r="E120972" s="15">
        <v>45533</v>
      </c>
      <c r="F120972" s="14" t="s">
        <v>15</v>
      </c>
      <c r="G120972" s="16">
        <v>0.73600747651276288</v>
      </c>
    </row>
    <row r="120973" spans="1:7" x14ac:dyDescent="0.3">
      <c r="A120973" s="13" t="s">
        <v>567</v>
      </c>
      <c r="B120973" s="14" t="s">
        <v>1</v>
      </c>
      <c r="C120973" s="14" t="s">
        <v>565</v>
      </c>
      <c r="D120973" s="14" t="s">
        <v>193</v>
      </c>
      <c r="E120973" s="15">
        <v>45534</v>
      </c>
      <c r="F120973" s="14" t="s">
        <v>15</v>
      </c>
      <c r="G120973" s="16">
        <v>0.7381995747880632</v>
      </c>
    </row>
    <row r="120974" spans="1:7" x14ac:dyDescent="0.3">
      <c r="A120974" s="13" t="s">
        <v>567</v>
      </c>
      <c r="B120974" s="14" t="s">
        <v>1</v>
      </c>
      <c r="C120974" s="14" t="s">
        <v>565</v>
      </c>
      <c r="D120974" s="14" t="s">
        <v>193</v>
      </c>
      <c r="E120974" s="15">
        <v>45535</v>
      </c>
      <c r="F120974" s="14" t="s">
        <v>15</v>
      </c>
      <c r="G120974" s="16">
        <v>0.7381995747880632</v>
      </c>
    </row>
    <row r="120975" spans="1:7" x14ac:dyDescent="0.3">
      <c r="A120975" s="13" t="s">
        <v>567</v>
      </c>
      <c r="B120975" s="14" t="s">
        <v>1</v>
      </c>
      <c r="C120975" s="14" t="s">
        <v>565</v>
      </c>
      <c r="D120975" s="14" t="s">
        <v>193</v>
      </c>
      <c r="E120975" s="15">
        <v>45536</v>
      </c>
      <c r="F120975" s="14" t="s">
        <v>15</v>
      </c>
      <c r="G120975" s="16">
        <v>0.7381995747880632</v>
      </c>
    </row>
    <row r="120976" spans="1:7" x14ac:dyDescent="0.3">
      <c r="A120976" s="13" t="s">
        <v>567</v>
      </c>
      <c r="B120976" s="14" t="s">
        <v>1</v>
      </c>
      <c r="C120976" s="14" t="s">
        <v>565</v>
      </c>
      <c r="D120976" s="14" t="s">
        <v>193</v>
      </c>
      <c r="E120976" s="15">
        <v>45537</v>
      </c>
      <c r="F120976" s="14" t="s">
        <v>15</v>
      </c>
      <c r="G120976" s="16">
        <v>0.73636645368481679</v>
      </c>
    </row>
    <row r="120977" spans="1:7" x14ac:dyDescent="0.3">
      <c r="A120977" s="13" t="s">
        <v>567</v>
      </c>
      <c r="B120977" s="14" t="s">
        <v>1</v>
      </c>
      <c r="C120977" s="14" t="s">
        <v>565</v>
      </c>
      <c r="D120977" s="14" t="s">
        <v>193</v>
      </c>
      <c r="E120977" s="15">
        <v>45538</v>
      </c>
      <c r="F120977" s="14" t="s">
        <v>15</v>
      </c>
      <c r="G120977" s="16">
        <v>0.73082601670794933</v>
      </c>
    </row>
    <row r="120978" spans="1:7" x14ac:dyDescent="0.3">
      <c r="A120978" s="13" t="s">
        <v>567</v>
      </c>
      <c r="B120978" s="14" t="s">
        <v>1</v>
      </c>
      <c r="C120978" s="14" t="s">
        <v>565</v>
      </c>
      <c r="D120978" s="14" t="s">
        <v>193</v>
      </c>
      <c r="E120978" s="15">
        <v>45539</v>
      </c>
      <c r="F120978" s="14" t="s">
        <v>15</v>
      </c>
      <c r="G120978" s="16">
        <v>0.72898705179027412</v>
      </c>
    </row>
    <row r="120979" spans="1:7" x14ac:dyDescent="0.3">
      <c r="A120979" s="13" t="s">
        <v>567</v>
      </c>
      <c r="B120979" s="14" t="s">
        <v>1</v>
      </c>
      <c r="C120979" s="14" t="s">
        <v>565</v>
      </c>
      <c r="D120979" s="14" t="s">
        <v>193</v>
      </c>
      <c r="E120979" s="15">
        <v>45540</v>
      </c>
      <c r="F120979" s="14" t="s">
        <v>15</v>
      </c>
      <c r="G120979" s="16">
        <v>0.72715159316125622</v>
      </c>
    </row>
    <row r="120980" spans="1:7" x14ac:dyDescent="0.3">
      <c r="A120980" s="13" t="s">
        <v>567</v>
      </c>
      <c r="B120980" s="14" t="s">
        <v>1</v>
      </c>
      <c r="C120980" s="14" t="s">
        <v>565</v>
      </c>
      <c r="D120980" s="14" t="s">
        <v>193</v>
      </c>
      <c r="E120980" s="15">
        <v>45541</v>
      </c>
      <c r="F120980" s="14" t="s">
        <v>15</v>
      </c>
      <c r="G120980" s="16">
        <v>0.74116422533084891</v>
      </c>
    </row>
    <row r="120981" spans="1:7" x14ac:dyDescent="0.3">
      <c r="A120981" s="13" t="s">
        <v>567</v>
      </c>
      <c r="B120981" s="14" t="s">
        <v>1</v>
      </c>
      <c r="C120981" s="14" t="s">
        <v>565</v>
      </c>
      <c r="D120981" s="14" t="s">
        <v>193</v>
      </c>
      <c r="E120981" s="15">
        <v>45542</v>
      </c>
      <c r="F120981" s="14" t="s">
        <v>15</v>
      </c>
      <c r="G120981" s="16">
        <v>0.74116422533084891</v>
      </c>
    </row>
    <row r="120982" spans="1:7" x14ac:dyDescent="0.3">
      <c r="A120982" s="13" t="s">
        <v>567</v>
      </c>
      <c r="B120982" s="14" t="s">
        <v>1</v>
      </c>
      <c r="C120982" s="14" t="s">
        <v>565</v>
      </c>
      <c r="D120982" s="14" t="s">
        <v>193</v>
      </c>
      <c r="E120982" s="15">
        <v>45543</v>
      </c>
      <c r="F120982" s="14" t="s">
        <v>15</v>
      </c>
      <c r="G120982" s="16">
        <v>0.74116422533084891</v>
      </c>
    </row>
    <row r="120983" spans="1:7" x14ac:dyDescent="0.3">
      <c r="A120983" s="13" t="s">
        <v>567</v>
      </c>
      <c r="B120983" s="14" t="s">
        <v>1</v>
      </c>
      <c r="C120983" s="14" t="s">
        <v>565</v>
      </c>
      <c r="D120983" s="14" t="s">
        <v>193</v>
      </c>
      <c r="E120983" s="15">
        <v>45544</v>
      </c>
      <c r="F120983" s="14" t="s">
        <v>15</v>
      </c>
      <c r="G120983" s="16">
        <v>0.75505269330405322</v>
      </c>
    </row>
    <row r="120984" spans="1:7" x14ac:dyDescent="0.3">
      <c r="A120984" s="13" t="s">
        <v>567</v>
      </c>
      <c r="B120984" s="14" t="s">
        <v>1</v>
      </c>
      <c r="C120984" s="14" t="s">
        <v>565</v>
      </c>
      <c r="D120984" s="14" t="s">
        <v>193</v>
      </c>
      <c r="E120984" s="15">
        <v>45545</v>
      </c>
      <c r="F120984" s="14" t="s">
        <v>15</v>
      </c>
      <c r="G120984" s="16">
        <v>0.79458687158786867</v>
      </c>
    </row>
    <row r="120985" spans="1:7" x14ac:dyDescent="0.3">
      <c r="A120985" s="13" t="s">
        <v>567</v>
      </c>
      <c r="B120985" s="14" t="s">
        <v>1</v>
      </c>
      <c r="C120985" s="14" t="s">
        <v>565</v>
      </c>
      <c r="D120985" s="14" t="s">
        <v>193</v>
      </c>
      <c r="E120985" s="15">
        <v>45546</v>
      </c>
      <c r="F120985" s="14" t="s">
        <v>15</v>
      </c>
      <c r="G120985" s="16">
        <v>0.79279367215671015</v>
      </c>
    </row>
    <row r="120986" spans="1:7" x14ac:dyDescent="0.3">
      <c r="A120986" s="13" t="s">
        <v>567</v>
      </c>
      <c r="B120986" s="14" t="s">
        <v>1</v>
      </c>
      <c r="C120986" s="14" t="s">
        <v>565</v>
      </c>
      <c r="D120986" s="14" t="s">
        <v>193</v>
      </c>
      <c r="E120986" s="15">
        <v>45547</v>
      </c>
      <c r="F120986" s="14" t="s">
        <v>15</v>
      </c>
      <c r="G120986" s="16">
        <v>0.79905889528899121</v>
      </c>
    </row>
    <row r="120987" spans="1:7" x14ac:dyDescent="0.3">
      <c r="A120987" s="13" t="s">
        <v>567</v>
      </c>
      <c r="B120987" s="14" t="s">
        <v>1</v>
      </c>
      <c r="C120987" s="14" t="s">
        <v>565</v>
      </c>
      <c r="D120987" s="14" t="s">
        <v>193</v>
      </c>
      <c r="E120987" s="15">
        <v>45548</v>
      </c>
      <c r="F120987" s="14" t="s">
        <v>15</v>
      </c>
      <c r="G120987" s="16">
        <v>0.82375580364406342</v>
      </c>
    </row>
    <row r="120988" spans="1:7" x14ac:dyDescent="0.3">
      <c r="A120988" s="13" t="s">
        <v>567</v>
      </c>
      <c r="B120988" s="14" t="s">
        <v>1</v>
      </c>
      <c r="C120988" s="14" t="s">
        <v>565</v>
      </c>
      <c r="D120988" s="14" t="s">
        <v>193</v>
      </c>
      <c r="E120988" s="15">
        <v>45549</v>
      </c>
      <c r="F120988" s="14" t="s">
        <v>15</v>
      </c>
      <c r="G120988" s="16">
        <v>0.82375580364406342</v>
      </c>
    </row>
    <row r="120989" spans="1:7" x14ac:dyDescent="0.3">
      <c r="A120989" s="13" t="s">
        <v>567</v>
      </c>
      <c r="B120989" s="14" t="s">
        <v>1</v>
      </c>
      <c r="C120989" s="14" t="s">
        <v>565</v>
      </c>
      <c r="D120989" s="14" t="s">
        <v>193</v>
      </c>
      <c r="E120989" s="15">
        <v>45550</v>
      </c>
      <c r="F120989" s="14" t="s">
        <v>15</v>
      </c>
      <c r="G120989" s="16">
        <v>0.82375580364406342</v>
      </c>
    </row>
    <row r="120990" spans="1:7" x14ac:dyDescent="0.3">
      <c r="A120990" s="13" t="s">
        <v>567</v>
      </c>
      <c r="B120990" s="14" t="s">
        <v>1</v>
      </c>
      <c r="C120990" s="14" t="s">
        <v>565</v>
      </c>
      <c r="D120990" s="14" t="s">
        <v>193</v>
      </c>
      <c r="E120990" s="15">
        <v>45551</v>
      </c>
      <c r="F120990" s="14" t="s">
        <v>15</v>
      </c>
      <c r="G120990" s="16">
        <v>0.82375580364406342</v>
      </c>
    </row>
    <row r="120991" spans="1:7" x14ac:dyDescent="0.3">
      <c r="A120991" s="13" t="s">
        <v>567</v>
      </c>
      <c r="B120991" s="14" t="s">
        <v>1</v>
      </c>
      <c r="C120991" s="14" t="s">
        <v>565</v>
      </c>
      <c r="D120991" s="14" t="s">
        <v>193</v>
      </c>
      <c r="E120991" s="15">
        <v>45552</v>
      </c>
      <c r="F120991" s="14" t="s">
        <v>15</v>
      </c>
      <c r="G120991" s="16">
        <v>0.82375580364406342</v>
      </c>
    </row>
    <row r="120992" spans="1:7" x14ac:dyDescent="0.3">
      <c r="A120992" s="13" t="s">
        <v>567</v>
      </c>
      <c r="B120992" s="14" t="s">
        <v>1</v>
      </c>
      <c r="C120992" s="14" t="s">
        <v>565</v>
      </c>
      <c r="D120992" s="14" t="s">
        <v>193</v>
      </c>
      <c r="E120992" s="15">
        <v>45553</v>
      </c>
      <c r="F120992" s="14" t="s">
        <v>15</v>
      </c>
      <c r="G120992" s="16">
        <v>0.82375580364406342</v>
      </c>
    </row>
    <row r="120993" spans="1:7" x14ac:dyDescent="0.3">
      <c r="A120993" s="13" t="s">
        <v>567</v>
      </c>
      <c r="B120993" s="14" t="s">
        <v>1</v>
      </c>
      <c r="C120993" s="14" t="s">
        <v>565</v>
      </c>
      <c r="D120993" s="14" t="s">
        <v>193</v>
      </c>
      <c r="E120993" s="15">
        <v>45554</v>
      </c>
      <c r="F120993" s="14" t="s">
        <v>15</v>
      </c>
      <c r="G120993" s="16">
        <v>0.86197070630593442</v>
      </c>
    </row>
    <row r="120994" spans="1:7" x14ac:dyDescent="0.3">
      <c r="A120994" s="13" t="s">
        <v>567</v>
      </c>
      <c r="B120994" s="14" t="s">
        <v>1</v>
      </c>
      <c r="C120994" s="14" t="s">
        <v>565</v>
      </c>
      <c r="D120994" s="14" t="s">
        <v>193</v>
      </c>
      <c r="E120994" s="15">
        <v>45555</v>
      </c>
      <c r="F120994" s="14" t="s">
        <v>15</v>
      </c>
      <c r="G120994" s="16">
        <v>0.86189435933707192</v>
      </c>
    </row>
    <row r="120995" spans="1:7" x14ac:dyDescent="0.3">
      <c r="A120995" s="13" t="s">
        <v>567</v>
      </c>
      <c r="B120995" s="14" t="s">
        <v>1</v>
      </c>
      <c r="C120995" s="14" t="s">
        <v>565</v>
      </c>
      <c r="D120995" s="14" t="s">
        <v>193</v>
      </c>
      <c r="E120995" s="15">
        <v>45556</v>
      </c>
      <c r="F120995" s="14" t="s">
        <v>15</v>
      </c>
      <c r="G120995" s="16">
        <v>0.86189435933707192</v>
      </c>
    </row>
    <row r="120996" spans="1:7" x14ac:dyDescent="0.3">
      <c r="A120996" s="13" t="s">
        <v>567</v>
      </c>
      <c r="B120996" s="14" t="s">
        <v>1</v>
      </c>
      <c r="C120996" s="14" t="s">
        <v>565</v>
      </c>
      <c r="D120996" s="14" t="s">
        <v>193</v>
      </c>
      <c r="E120996" s="15">
        <v>45557</v>
      </c>
      <c r="F120996" s="14" t="s">
        <v>15</v>
      </c>
      <c r="G120996" s="16">
        <v>0.86189435933707192</v>
      </c>
    </row>
    <row r="120997" spans="1:7" x14ac:dyDescent="0.3">
      <c r="A120997" s="13" t="s">
        <v>567</v>
      </c>
      <c r="B120997" s="14" t="s">
        <v>1</v>
      </c>
      <c r="C120997" s="14" t="s">
        <v>565</v>
      </c>
      <c r="D120997" s="14" t="s">
        <v>193</v>
      </c>
      <c r="E120997" s="15">
        <v>45558</v>
      </c>
      <c r="F120997" s="14" t="s">
        <v>15</v>
      </c>
      <c r="G120997" s="16">
        <v>0.86003798278917953</v>
      </c>
    </row>
    <row r="120998" spans="1:7" x14ac:dyDescent="0.3">
      <c r="A120998" s="13" t="s">
        <v>567</v>
      </c>
      <c r="B120998" s="14" t="s">
        <v>1</v>
      </c>
      <c r="C120998" s="14" t="s">
        <v>565</v>
      </c>
      <c r="D120998" s="14" t="s">
        <v>193</v>
      </c>
      <c r="E120998" s="15">
        <v>45559</v>
      </c>
      <c r="F120998" s="14" t="s">
        <v>15</v>
      </c>
      <c r="G120998" s="16">
        <v>0.85441197465369989</v>
      </c>
    </row>
    <row r="120999" spans="1:7" x14ac:dyDescent="0.3">
      <c r="A120999" s="13" t="s">
        <v>567</v>
      </c>
      <c r="B120999" s="14" t="s">
        <v>1</v>
      </c>
      <c r="C120999" s="14" t="s">
        <v>565</v>
      </c>
      <c r="D120999" s="14" t="s">
        <v>193</v>
      </c>
      <c r="E120999" s="15">
        <v>45560</v>
      </c>
      <c r="F120999" s="14" t="s">
        <v>15</v>
      </c>
      <c r="G120999" s="16">
        <v>0.85247638812561266</v>
      </c>
    </row>
    <row r="121000" spans="1:7" x14ac:dyDescent="0.3">
      <c r="A121000" s="13" t="s">
        <v>567</v>
      </c>
      <c r="B121000" s="14" t="s">
        <v>1</v>
      </c>
      <c r="C121000" s="14" t="s">
        <v>565</v>
      </c>
      <c r="D121000" s="14" t="s">
        <v>193</v>
      </c>
      <c r="E121000" s="15">
        <v>45561</v>
      </c>
      <c r="F121000" s="14" t="s">
        <v>15</v>
      </c>
      <c r="G121000" s="16">
        <v>0.85057324905929199</v>
      </c>
    </row>
    <row r="121001" spans="1:7" x14ac:dyDescent="0.3">
      <c r="A121001" s="13" t="s">
        <v>567</v>
      </c>
      <c r="B121001" s="14" t="s">
        <v>1</v>
      </c>
      <c r="C121001" s="14" t="s">
        <v>565</v>
      </c>
      <c r="D121001" s="14" t="s">
        <v>193</v>
      </c>
      <c r="E121001" s="15">
        <v>45562</v>
      </c>
      <c r="F121001" s="14" t="s">
        <v>15</v>
      </c>
      <c r="G121001" s="16">
        <v>0.84907703933700873</v>
      </c>
    </row>
    <row r="121002" spans="1:7" x14ac:dyDescent="0.3">
      <c r="A121002" s="13" t="s">
        <v>567</v>
      </c>
      <c r="B121002" s="14" t="s">
        <v>1</v>
      </c>
      <c r="C121002" s="14" t="s">
        <v>565</v>
      </c>
      <c r="D121002" s="14" t="s">
        <v>193</v>
      </c>
      <c r="E121002" s="15">
        <v>45563</v>
      </c>
      <c r="F121002" s="14" t="s">
        <v>15</v>
      </c>
      <c r="G121002" s="16">
        <v>0.84907703933700873</v>
      </c>
    </row>
    <row r="121003" spans="1:7" x14ac:dyDescent="0.3">
      <c r="A121003" s="13" t="s">
        <v>567</v>
      </c>
      <c r="B121003" s="14" t="s">
        <v>1</v>
      </c>
      <c r="C121003" s="14" t="s">
        <v>565</v>
      </c>
      <c r="D121003" s="14" t="s">
        <v>193</v>
      </c>
      <c r="E121003" s="15">
        <v>45564</v>
      </c>
      <c r="F121003" s="14" t="s">
        <v>15</v>
      </c>
      <c r="G121003" s="16">
        <v>0.84907703933700873</v>
      </c>
    </row>
    <row r="121004" spans="1:7" x14ac:dyDescent="0.3">
      <c r="A121004" s="13" t="s">
        <v>567</v>
      </c>
      <c r="B121004" s="14" t="s">
        <v>1</v>
      </c>
      <c r="C121004" s="14" t="s">
        <v>565</v>
      </c>
      <c r="D121004" s="14" t="s">
        <v>193</v>
      </c>
      <c r="E121004" s="15">
        <v>45565</v>
      </c>
      <c r="F121004" s="14" t="s">
        <v>15</v>
      </c>
      <c r="G121004" s="16">
        <v>0.86874936280381587</v>
      </c>
    </row>
    <row r="121005" spans="1:7" x14ac:dyDescent="0.3">
      <c r="A121005" s="13" t="s">
        <v>567</v>
      </c>
      <c r="B121005" s="14" t="s">
        <v>1</v>
      </c>
      <c r="C121005" s="14" t="s">
        <v>565</v>
      </c>
      <c r="D121005" s="14" t="s">
        <v>193</v>
      </c>
      <c r="E121005" s="15">
        <v>45566</v>
      </c>
      <c r="F121005" s="14" t="s">
        <v>15</v>
      </c>
      <c r="G121005" s="16">
        <v>0.86874936280381587</v>
      </c>
    </row>
    <row r="121006" spans="1:7" x14ac:dyDescent="0.3">
      <c r="A121006" s="13" t="s">
        <v>567</v>
      </c>
      <c r="B121006" s="14" t="s">
        <v>1</v>
      </c>
      <c r="C121006" s="14" t="s">
        <v>565</v>
      </c>
      <c r="D121006" s="14" t="s">
        <v>193</v>
      </c>
      <c r="E121006" s="15">
        <v>45567</v>
      </c>
      <c r="F121006" s="14" t="s">
        <v>15</v>
      </c>
      <c r="G121006" s="16">
        <v>0.86874936280381587</v>
      </c>
    </row>
    <row r="121007" spans="1:7" x14ac:dyDescent="0.3">
      <c r="A121007" s="13" t="s">
        <v>567</v>
      </c>
      <c r="B121007" s="14" t="s">
        <v>1</v>
      </c>
      <c r="C121007" s="14" t="s">
        <v>565</v>
      </c>
      <c r="D121007" s="14" t="s">
        <v>193</v>
      </c>
      <c r="E121007" s="15">
        <v>45568</v>
      </c>
      <c r="F121007" s="14" t="s">
        <v>15</v>
      </c>
      <c r="G121007" s="16">
        <v>0.86874936280381587</v>
      </c>
    </row>
    <row r="121008" spans="1:7" x14ac:dyDescent="0.3">
      <c r="A121008" s="13" t="s">
        <v>567</v>
      </c>
      <c r="B121008" s="14" t="s">
        <v>1</v>
      </c>
      <c r="C121008" s="14" t="s">
        <v>565</v>
      </c>
      <c r="D121008" s="14" t="s">
        <v>193</v>
      </c>
      <c r="E121008" s="15">
        <v>45569</v>
      </c>
      <c r="F121008" s="14" t="s">
        <v>15</v>
      </c>
      <c r="G121008" s="16">
        <v>0.86874936280381587</v>
      </c>
    </row>
    <row r="121009" spans="1:7" x14ac:dyDescent="0.3">
      <c r="A121009" s="13" t="s">
        <v>567</v>
      </c>
      <c r="B121009" s="14" t="s">
        <v>1</v>
      </c>
      <c r="C121009" s="14" t="s">
        <v>565</v>
      </c>
      <c r="D121009" s="14" t="s">
        <v>193</v>
      </c>
      <c r="E121009" s="15">
        <v>45570</v>
      </c>
      <c r="F121009" s="14" t="s">
        <v>15</v>
      </c>
      <c r="G121009" s="16">
        <v>0.86874936280381587</v>
      </c>
    </row>
    <row r="121010" spans="1:7" x14ac:dyDescent="0.3">
      <c r="A121010" s="13" t="s">
        <v>567</v>
      </c>
      <c r="B121010" s="14" t="s">
        <v>1</v>
      </c>
      <c r="C121010" s="14" t="s">
        <v>565</v>
      </c>
      <c r="D121010" s="14" t="s">
        <v>193</v>
      </c>
      <c r="E121010" s="15">
        <v>45571</v>
      </c>
      <c r="F121010" s="14" t="s">
        <v>15</v>
      </c>
      <c r="G121010" s="16">
        <v>0.86874936280381587</v>
      </c>
    </row>
    <row r="121011" spans="1:7" x14ac:dyDescent="0.3">
      <c r="A121011" s="13" t="s">
        <v>567</v>
      </c>
      <c r="B121011" s="14" t="s">
        <v>1</v>
      </c>
      <c r="C121011" s="14" t="s">
        <v>565</v>
      </c>
      <c r="D121011" s="14" t="s">
        <v>193</v>
      </c>
      <c r="E121011" s="15">
        <v>45572</v>
      </c>
      <c r="F121011" s="14" t="s">
        <v>15</v>
      </c>
      <c r="G121011" s="16">
        <v>0.86874936280381587</v>
      </c>
    </row>
    <row r="121012" spans="1:7" x14ac:dyDescent="0.3">
      <c r="A121012" s="13" t="s">
        <v>567</v>
      </c>
      <c r="B121012" s="14" t="s">
        <v>1</v>
      </c>
      <c r="C121012" s="14" t="s">
        <v>565</v>
      </c>
      <c r="D121012" s="14" t="s">
        <v>193</v>
      </c>
      <c r="E121012" s="15">
        <v>45573</v>
      </c>
      <c r="F121012" s="14" t="s">
        <v>15</v>
      </c>
      <c r="G121012" s="16">
        <v>0.86281243163764354</v>
      </c>
    </row>
    <row r="121013" spans="1:7" x14ac:dyDescent="0.3">
      <c r="A121013" s="13" t="s">
        <v>567</v>
      </c>
      <c r="B121013" s="14" t="s">
        <v>1</v>
      </c>
      <c r="C121013" s="14" t="s">
        <v>565</v>
      </c>
      <c r="D121013" s="14" t="s">
        <v>193</v>
      </c>
      <c r="E121013" s="15">
        <v>45574</v>
      </c>
      <c r="F121013" s="14" t="s">
        <v>15</v>
      </c>
      <c r="G121013" s="16">
        <v>0.85879848974969619</v>
      </c>
    </row>
    <row r="121014" spans="1:7" x14ac:dyDescent="0.3">
      <c r="A121014" s="13" t="s">
        <v>567</v>
      </c>
      <c r="B121014" s="14" t="s">
        <v>1</v>
      </c>
      <c r="C121014" s="14" t="s">
        <v>565</v>
      </c>
      <c r="D121014" s="14" t="s">
        <v>193</v>
      </c>
      <c r="E121014" s="15">
        <v>45575</v>
      </c>
      <c r="F121014" s="14" t="s">
        <v>15</v>
      </c>
      <c r="G121014" s="16">
        <v>0.85684095346806111</v>
      </c>
    </row>
    <row r="121015" spans="1:7" x14ac:dyDescent="0.3">
      <c r="A121015" s="13" t="s">
        <v>567</v>
      </c>
      <c r="B121015" s="14" t="s">
        <v>1</v>
      </c>
      <c r="C121015" s="14" t="s">
        <v>565</v>
      </c>
      <c r="D121015" s="14" t="s">
        <v>193</v>
      </c>
      <c r="E121015" s="15">
        <v>45576</v>
      </c>
      <c r="F121015" s="14" t="s">
        <v>15</v>
      </c>
      <c r="G121015" s="16">
        <v>0.85684095346806111</v>
      </c>
    </row>
    <row r="121016" spans="1:7" x14ac:dyDescent="0.3">
      <c r="A121016" s="13" t="s">
        <v>567</v>
      </c>
      <c r="B121016" s="14" t="s">
        <v>1</v>
      </c>
      <c r="C121016" s="14" t="s">
        <v>565</v>
      </c>
      <c r="D121016" s="14" t="s">
        <v>193</v>
      </c>
      <c r="E121016" s="15">
        <v>45577</v>
      </c>
      <c r="F121016" s="14" t="s">
        <v>15</v>
      </c>
      <c r="G121016" s="16">
        <v>0.85684095346806111</v>
      </c>
    </row>
    <row r="121017" spans="1:7" x14ac:dyDescent="0.3">
      <c r="A121017" s="13" t="s">
        <v>567</v>
      </c>
      <c r="B121017" s="14" t="s">
        <v>1</v>
      </c>
      <c r="C121017" s="14" t="s">
        <v>565</v>
      </c>
      <c r="D121017" s="14" t="s">
        <v>193</v>
      </c>
      <c r="E121017" s="15">
        <v>45578</v>
      </c>
      <c r="F121017" s="14" t="s">
        <v>15</v>
      </c>
      <c r="G121017" s="16">
        <v>0.85684095346806111</v>
      </c>
    </row>
    <row r="121018" spans="1:7" x14ac:dyDescent="0.3">
      <c r="A121018" s="13" t="s">
        <v>567</v>
      </c>
      <c r="B121018" s="14" t="s">
        <v>1</v>
      </c>
      <c r="C121018" s="14" t="s">
        <v>565</v>
      </c>
      <c r="D121018" s="14" t="s">
        <v>193</v>
      </c>
      <c r="E121018" s="15">
        <v>45579</v>
      </c>
      <c r="F121018" s="14" t="s">
        <v>15</v>
      </c>
      <c r="G121018" s="16">
        <v>0.85489906831504281</v>
      </c>
    </row>
    <row r="121019" spans="1:7" x14ac:dyDescent="0.3">
      <c r="A121019" s="13" t="s">
        <v>567</v>
      </c>
      <c r="B121019" s="14" t="s">
        <v>1</v>
      </c>
      <c r="C121019" s="14" t="s">
        <v>565</v>
      </c>
      <c r="D121019" s="14" t="s">
        <v>193</v>
      </c>
      <c r="E121019" s="15">
        <v>45580</v>
      </c>
      <c r="F121019" s="14" t="s">
        <v>15</v>
      </c>
      <c r="G121019" s="16">
        <v>0.84741821057104805</v>
      </c>
    </row>
    <row r="121020" spans="1:7" x14ac:dyDescent="0.3">
      <c r="A121020" s="13" t="s">
        <v>567</v>
      </c>
      <c r="B121020" s="14" t="s">
        <v>1</v>
      </c>
      <c r="C121020" s="14" t="s">
        <v>565</v>
      </c>
      <c r="D121020" s="14" t="s">
        <v>193</v>
      </c>
      <c r="E121020" s="15">
        <v>45581</v>
      </c>
      <c r="F121020" s="14" t="s">
        <v>15</v>
      </c>
      <c r="G121020" s="16">
        <v>0.85262984553302634</v>
      </c>
    </row>
    <row r="121021" spans="1:7" x14ac:dyDescent="0.3">
      <c r="A121021" s="13" t="s">
        <v>567</v>
      </c>
      <c r="B121021" s="14" t="s">
        <v>1</v>
      </c>
      <c r="C121021" s="14" t="s">
        <v>565</v>
      </c>
      <c r="D121021" s="14" t="s">
        <v>193</v>
      </c>
      <c r="E121021" s="15">
        <v>45582</v>
      </c>
      <c r="F121021" s="14" t="s">
        <v>15</v>
      </c>
      <c r="G121021" s="16">
        <v>0.85069082339134039</v>
      </c>
    </row>
    <row r="121022" spans="1:7" x14ac:dyDescent="0.3">
      <c r="A121022" s="13" t="s">
        <v>567</v>
      </c>
      <c r="B121022" s="14" t="s">
        <v>1</v>
      </c>
      <c r="C121022" s="14" t="s">
        <v>565</v>
      </c>
      <c r="D121022" s="14" t="s">
        <v>193</v>
      </c>
      <c r="E121022" s="15">
        <v>45583</v>
      </c>
      <c r="F121022" s="14" t="s">
        <v>15</v>
      </c>
      <c r="G121022" s="16">
        <v>0.84876955191991488</v>
      </c>
    </row>
    <row r="121023" spans="1:7" x14ac:dyDescent="0.3">
      <c r="A121023" s="13" t="s">
        <v>567</v>
      </c>
      <c r="B121023" s="14" t="s">
        <v>1</v>
      </c>
      <c r="C121023" s="14" t="s">
        <v>565</v>
      </c>
      <c r="D121023" s="14" t="s">
        <v>193</v>
      </c>
      <c r="E121023" s="15">
        <v>45584</v>
      </c>
      <c r="F121023" s="14" t="s">
        <v>15</v>
      </c>
      <c r="G121023" s="16">
        <v>0.84876955191991488</v>
      </c>
    </row>
    <row r="121024" spans="1:7" x14ac:dyDescent="0.3">
      <c r="A121024" s="13" t="s">
        <v>567</v>
      </c>
      <c r="B121024" s="14" t="s">
        <v>1</v>
      </c>
      <c r="C121024" s="14" t="s">
        <v>565</v>
      </c>
      <c r="D121024" s="14" t="s">
        <v>193</v>
      </c>
      <c r="E121024" s="15">
        <v>45585</v>
      </c>
      <c r="F121024" s="14" t="s">
        <v>15</v>
      </c>
      <c r="G121024" s="16">
        <v>0.84876955191991488</v>
      </c>
    </row>
    <row r="121025" spans="1:7" x14ac:dyDescent="0.3">
      <c r="A121025" s="13" t="s">
        <v>567</v>
      </c>
      <c r="B121025" s="14" t="s">
        <v>1</v>
      </c>
      <c r="C121025" s="14" t="s">
        <v>565</v>
      </c>
      <c r="D121025" s="14" t="s">
        <v>193</v>
      </c>
      <c r="E121025" s="15">
        <v>45586</v>
      </c>
      <c r="F121025" s="14" t="s">
        <v>15</v>
      </c>
      <c r="G121025" s="16">
        <v>0.85408654569892339</v>
      </c>
    </row>
    <row r="121026" spans="1:7" x14ac:dyDescent="0.3">
      <c r="A121026" s="13" t="s">
        <v>567</v>
      </c>
      <c r="B121026" s="14" t="s">
        <v>1</v>
      </c>
      <c r="C121026" s="14" t="s">
        <v>565</v>
      </c>
      <c r="D121026" s="14" t="s">
        <v>193</v>
      </c>
      <c r="E121026" s="15">
        <v>45587</v>
      </c>
      <c r="F121026" s="14" t="s">
        <v>15</v>
      </c>
      <c r="G121026" s="16">
        <v>0.84827902264497324</v>
      </c>
    </row>
    <row r="121027" spans="1:7" x14ac:dyDescent="0.3">
      <c r="A121027" s="13" t="s">
        <v>567</v>
      </c>
      <c r="B121027" s="14" t="s">
        <v>1</v>
      </c>
      <c r="C121027" s="14" t="s">
        <v>565</v>
      </c>
      <c r="D121027" s="14" t="s">
        <v>193</v>
      </c>
      <c r="E121027" s="15">
        <v>45588</v>
      </c>
      <c r="F121027" s="14" t="s">
        <v>15</v>
      </c>
      <c r="G121027" s="16">
        <v>0.84634935300697289</v>
      </c>
    </row>
    <row r="121028" spans="1:7" x14ac:dyDescent="0.3">
      <c r="A121028" s="13" t="s">
        <v>567</v>
      </c>
      <c r="B121028" s="14" t="s">
        <v>1</v>
      </c>
      <c r="C121028" s="14" t="s">
        <v>565</v>
      </c>
      <c r="D121028" s="14" t="s">
        <v>193</v>
      </c>
      <c r="E121028" s="15">
        <v>45589</v>
      </c>
      <c r="F121028" s="14" t="s">
        <v>15</v>
      </c>
      <c r="G121028" s="16">
        <v>0.84443438016047856</v>
      </c>
    </row>
    <row r="121029" spans="1:7" x14ac:dyDescent="0.3">
      <c r="A121029" s="13" t="s">
        <v>567</v>
      </c>
      <c r="B121029" s="14" t="s">
        <v>1</v>
      </c>
      <c r="C121029" s="14" t="s">
        <v>565</v>
      </c>
      <c r="D121029" s="14" t="s">
        <v>193</v>
      </c>
      <c r="E121029" s="15">
        <v>45590</v>
      </c>
      <c r="F121029" s="14" t="s">
        <v>15</v>
      </c>
      <c r="G121029" s="16">
        <v>0.84453153167835604</v>
      </c>
    </row>
    <row r="121030" spans="1:7" x14ac:dyDescent="0.3">
      <c r="A121030" s="13" t="s">
        <v>567</v>
      </c>
      <c r="B121030" s="14" t="s">
        <v>1</v>
      </c>
      <c r="C121030" s="14" t="s">
        <v>565</v>
      </c>
      <c r="D121030" s="14" t="s">
        <v>193</v>
      </c>
      <c r="E121030" s="15">
        <v>45591</v>
      </c>
      <c r="F121030" s="14" t="s">
        <v>15</v>
      </c>
      <c r="G121030" s="16">
        <v>0.84453153167835604</v>
      </c>
    </row>
    <row r="121031" spans="1:7" x14ac:dyDescent="0.3">
      <c r="A121031" s="13" t="s">
        <v>567</v>
      </c>
      <c r="B121031" s="14" t="s">
        <v>1</v>
      </c>
      <c r="C121031" s="14" t="s">
        <v>565</v>
      </c>
      <c r="D121031" s="14" t="s">
        <v>193</v>
      </c>
      <c r="E121031" s="15">
        <v>45592</v>
      </c>
      <c r="F121031" s="14" t="s">
        <v>15</v>
      </c>
      <c r="G121031" s="16">
        <v>0.84453153167835604</v>
      </c>
    </row>
    <row r="121032" spans="1:7" x14ac:dyDescent="0.3">
      <c r="A121032" s="13" t="s">
        <v>567</v>
      </c>
      <c r="B121032" s="14" t="s">
        <v>1</v>
      </c>
      <c r="C121032" s="14" t="s">
        <v>565</v>
      </c>
      <c r="D121032" s="14" t="s">
        <v>193</v>
      </c>
      <c r="E121032" s="15">
        <v>45593</v>
      </c>
      <c r="F121032" s="14" t="s">
        <v>15</v>
      </c>
      <c r="G121032" s="16">
        <v>0.84453153167835604</v>
      </c>
    </row>
    <row r="121033" spans="1:7" x14ac:dyDescent="0.3">
      <c r="A121033" s="13" t="s">
        <v>567</v>
      </c>
      <c r="B121033" s="14" t="s">
        <v>1</v>
      </c>
      <c r="C121033" s="14" t="s">
        <v>565</v>
      </c>
      <c r="D121033" s="14" t="s">
        <v>193</v>
      </c>
      <c r="E121033" s="15">
        <v>45594</v>
      </c>
      <c r="F121033" s="14" t="s">
        <v>15</v>
      </c>
      <c r="G121033" s="16">
        <v>0.8429368343662399</v>
      </c>
    </row>
    <row r="121034" spans="1:7" x14ac:dyDescent="0.3">
      <c r="A121034" s="13" t="s">
        <v>567</v>
      </c>
      <c r="B121034" s="14" t="s">
        <v>1</v>
      </c>
      <c r="C121034" s="14" t="s">
        <v>565</v>
      </c>
      <c r="D121034" s="14" t="s">
        <v>193</v>
      </c>
      <c r="E121034" s="15">
        <v>45595</v>
      </c>
      <c r="F121034" s="14" t="s">
        <v>15</v>
      </c>
      <c r="G121034" s="16">
        <v>0.86101066182308383</v>
      </c>
    </row>
    <row r="121035" spans="1:7" x14ac:dyDescent="0.3">
      <c r="A121035" s="13" t="s">
        <v>567</v>
      </c>
      <c r="B121035" s="14" t="s">
        <v>1</v>
      </c>
      <c r="C121035" s="14" t="s">
        <v>565</v>
      </c>
      <c r="D121035" s="14" t="s">
        <v>193</v>
      </c>
      <c r="E121035" s="15">
        <v>45596</v>
      </c>
      <c r="F121035" s="14" t="s">
        <v>15</v>
      </c>
      <c r="G121035" s="16">
        <v>0.87994987677874037</v>
      </c>
    </row>
    <row r="121036" spans="1:7" x14ac:dyDescent="0.3">
      <c r="A121036" s="13" t="s">
        <v>567</v>
      </c>
      <c r="B121036" s="14" t="s">
        <v>1</v>
      </c>
      <c r="C121036" s="14" t="s">
        <v>565</v>
      </c>
      <c r="D121036" s="14" t="s">
        <v>193</v>
      </c>
      <c r="E121036" s="15">
        <v>45597</v>
      </c>
      <c r="F121036" s="14" t="s">
        <v>15</v>
      </c>
      <c r="G121036" s="16">
        <v>0.87806219195231927</v>
      </c>
    </row>
    <row r="121037" spans="1:7" x14ac:dyDescent="0.3">
      <c r="A121037" s="13" t="s">
        <v>567</v>
      </c>
      <c r="B121037" s="14" t="s">
        <v>1</v>
      </c>
      <c r="C121037" s="14" t="s">
        <v>565</v>
      </c>
      <c r="D121037" s="14" t="s">
        <v>193</v>
      </c>
      <c r="E121037" s="15">
        <v>45598</v>
      </c>
      <c r="F121037" s="14" t="s">
        <v>15</v>
      </c>
      <c r="G121037" s="16">
        <v>0.87806219195231927</v>
      </c>
    </row>
    <row r="121038" spans="1:7" x14ac:dyDescent="0.3">
      <c r="A121038" s="13" t="s">
        <v>567</v>
      </c>
      <c r="B121038" s="14" t="s">
        <v>1</v>
      </c>
      <c r="C121038" s="14" t="s">
        <v>565</v>
      </c>
      <c r="D121038" s="14" t="s">
        <v>193</v>
      </c>
      <c r="E121038" s="15">
        <v>45599</v>
      </c>
      <c r="F121038" s="14" t="s">
        <v>15</v>
      </c>
      <c r="G121038" s="16">
        <v>0.87806219195231927</v>
      </c>
    </row>
    <row r="121039" spans="1:7" x14ac:dyDescent="0.3">
      <c r="A121039" s="13" t="s">
        <v>567</v>
      </c>
      <c r="B121039" s="14" t="s">
        <v>1</v>
      </c>
      <c r="C121039" s="14" t="s">
        <v>565</v>
      </c>
      <c r="D121039" s="14" t="s">
        <v>193</v>
      </c>
      <c r="E121039" s="15">
        <v>45600</v>
      </c>
      <c r="F121039" s="14" t="s">
        <v>15</v>
      </c>
      <c r="G121039" s="16">
        <v>0.8761880132883767</v>
      </c>
    </row>
    <row r="121040" spans="1:7" x14ac:dyDescent="0.3">
      <c r="A121040" s="13" t="s">
        <v>567</v>
      </c>
      <c r="B121040" s="14" t="s">
        <v>1</v>
      </c>
      <c r="C121040" s="14" t="s">
        <v>565</v>
      </c>
      <c r="D121040" s="14" t="s">
        <v>193</v>
      </c>
      <c r="E121040" s="15">
        <v>45601</v>
      </c>
      <c r="F121040" s="14" t="s">
        <v>15</v>
      </c>
      <c r="G121040" s="16">
        <v>0.87056587453662204</v>
      </c>
    </row>
    <row r="121041" spans="1:7" x14ac:dyDescent="0.3">
      <c r="A121041" s="13" t="s">
        <v>567</v>
      </c>
      <c r="B121041" s="14" t="s">
        <v>1</v>
      </c>
      <c r="C121041" s="14" t="s">
        <v>565</v>
      </c>
      <c r="D121041" s="14" t="s">
        <v>193</v>
      </c>
      <c r="E121041" s="15">
        <v>45602</v>
      </c>
      <c r="F121041" s="14" t="s">
        <v>15</v>
      </c>
      <c r="G121041" s="16">
        <v>0.86868216211092997</v>
      </c>
    </row>
    <row r="121042" spans="1:7" x14ac:dyDescent="0.3">
      <c r="A121042" s="13" t="s">
        <v>567</v>
      </c>
      <c r="B121042" s="14" t="s">
        <v>1</v>
      </c>
      <c r="C121042" s="14" t="s">
        <v>565</v>
      </c>
      <c r="D121042" s="14" t="s">
        <v>193</v>
      </c>
      <c r="E121042" s="15">
        <v>45603</v>
      </c>
      <c r="F121042" s="14" t="s">
        <v>15</v>
      </c>
      <c r="G121042" s="16">
        <v>0.87525807427771773</v>
      </c>
    </row>
    <row r="121043" spans="1:7" x14ac:dyDescent="0.3">
      <c r="A121043" s="13" t="s">
        <v>567</v>
      </c>
      <c r="B121043" s="14" t="s">
        <v>1</v>
      </c>
      <c r="C121043" s="14" t="s">
        <v>565</v>
      </c>
      <c r="D121043" s="14" t="s">
        <v>193</v>
      </c>
      <c r="E121043" s="15">
        <v>45604</v>
      </c>
      <c r="F121043" s="14" t="s">
        <v>15</v>
      </c>
      <c r="G121043" s="16">
        <v>0.87915678697319555</v>
      </c>
    </row>
    <row r="121044" spans="1:7" x14ac:dyDescent="0.3">
      <c r="A121044" s="13" t="s">
        <v>567</v>
      </c>
      <c r="B121044" s="14" t="s">
        <v>1</v>
      </c>
      <c r="C121044" s="14" t="s">
        <v>565</v>
      </c>
      <c r="D121044" s="14" t="s">
        <v>193</v>
      </c>
      <c r="E121044" s="15">
        <v>45605</v>
      </c>
      <c r="F121044" s="14" t="s">
        <v>15</v>
      </c>
      <c r="G121044" s="16">
        <v>0.87915678697319555</v>
      </c>
    </row>
    <row r="121045" spans="1:7" x14ac:dyDescent="0.3">
      <c r="A121045" s="13" t="s">
        <v>567</v>
      </c>
      <c r="B121045" s="14" t="s">
        <v>1</v>
      </c>
      <c r="C121045" s="14" t="s">
        <v>565</v>
      </c>
      <c r="D121045" s="14" t="s">
        <v>193</v>
      </c>
      <c r="E121045" s="15">
        <v>45606</v>
      </c>
      <c r="F121045" s="14" t="s">
        <v>15</v>
      </c>
      <c r="G121045" s="16">
        <v>0.87915678697319555</v>
      </c>
    </row>
    <row r="121046" spans="1:7" x14ac:dyDescent="0.3">
      <c r="A121046" s="13" t="s">
        <v>567</v>
      </c>
      <c r="B121046" s="14" t="s">
        <v>1</v>
      </c>
      <c r="C121046" s="14" t="s">
        <v>565</v>
      </c>
      <c r="D121046" s="14" t="s">
        <v>193</v>
      </c>
      <c r="E121046" s="15">
        <v>45607</v>
      </c>
      <c r="F121046" s="14" t="s">
        <v>15</v>
      </c>
      <c r="G121046" s="16">
        <v>0.87726334216571733</v>
      </c>
    </row>
    <row r="121047" spans="1:7" x14ac:dyDescent="0.3">
      <c r="A121047" s="13" t="s">
        <v>567</v>
      </c>
      <c r="B121047" s="14" t="s">
        <v>1</v>
      </c>
      <c r="C121047" s="14" t="s">
        <v>565</v>
      </c>
      <c r="D121047" s="14" t="s">
        <v>193</v>
      </c>
      <c r="E121047" s="15">
        <v>45608</v>
      </c>
      <c r="F121047" s="14" t="s">
        <v>15</v>
      </c>
      <c r="G121047" s="16">
        <v>0.8714503295589342</v>
      </c>
    </row>
    <row r="121048" spans="1:7" x14ac:dyDescent="0.3">
      <c r="A121048" s="13" t="s">
        <v>567</v>
      </c>
      <c r="B121048" s="14" t="s">
        <v>1</v>
      </c>
      <c r="C121048" s="14" t="s">
        <v>565</v>
      </c>
      <c r="D121048" s="14" t="s">
        <v>193</v>
      </c>
      <c r="E121048" s="15">
        <v>45609</v>
      </c>
      <c r="F121048" s="14" t="s">
        <v>15</v>
      </c>
      <c r="G121048" s="16">
        <v>0.88426728051105496</v>
      </c>
    </row>
    <row r="121049" spans="1:7" x14ac:dyDescent="0.3">
      <c r="A121049" s="13" t="s">
        <v>567</v>
      </c>
      <c r="B121049" s="14" t="s">
        <v>1</v>
      </c>
      <c r="C121049" s="14" t="s">
        <v>565</v>
      </c>
      <c r="D121049" s="14" t="s">
        <v>193</v>
      </c>
      <c r="E121049" s="15">
        <v>45610</v>
      </c>
      <c r="F121049" s="14" t="s">
        <v>15</v>
      </c>
      <c r="G121049" s="16">
        <v>0.88197043840954681</v>
      </c>
    </row>
    <row r="121050" spans="1:7" x14ac:dyDescent="0.3">
      <c r="A121050" s="13" t="s">
        <v>567</v>
      </c>
      <c r="B121050" s="14" t="s">
        <v>1</v>
      </c>
      <c r="C121050" s="14" t="s">
        <v>565</v>
      </c>
      <c r="D121050" s="14" t="s">
        <v>193</v>
      </c>
      <c r="E121050" s="15">
        <v>45611</v>
      </c>
      <c r="F121050" s="14" t="s">
        <v>15</v>
      </c>
      <c r="G121050" s="16">
        <v>0.92308438871463094</v>
      </c>
    </row>
    <row r="121051" spans="1:7" x14ac:dyDescent="0.3">
      <c r="A121051" s="13" t="s">
        <v>567</v>
      </c>
      <c r="B121051" s="14" t="s">
        <v>1</v>
      </c>
      <c r="C121051" s="14" t="s">
        <v>565</v>
      </c>
      <c r="D121051" s="14" t="s">
        <v>193</v>
      </c>
      <c r="E121051" s="15">
        <v>45612</v>
      </c>
      <c r="F121051" s="14" t="s">
        <v>15</v>
      </c>
      <c r="G121051" s="16">
        <v>0.92308438871463094</v>
      </c>
    </row>
    <row r="121052" spans="1:7" x14ac:dyDescent="0.3">
      <c r="A121052" s="13" t="s">
        <v>567</v>
      </c>
      <c r="B121052" s="14" t="s">
        <v>1</v>
      </c>
      <c r="C121052" s="14" t="s">
        <v>565</v>
      </c>
      <c r="D121052" s="14" t="s">
        <v>193</v>
      </c>
      <c r="E121052" s="15">
        <v>45613</v>
      </c>
      <c r="F121052" s="14" t="s">
        <v>15</v>
      </c>
      <c r="G121052" s="16">
        <v>0.92308438871463094</v>
      </c>
    </row>
    <row r="121053" spans="1:7" x14ac:dyDescent="0.3">
      <c r="A121053" s="13" t="s">
        <v>567</v>
      </c>
      <c r="B121053" s="14" t="s">
        <v>1</v>
      </c>
      <c r="C121053" s="14" t="s">
        <v>565</v>
      </c>
      <c r="D121053" s="14" t="s">
        <v>193</v>
      </c>
      <c r="E121053" s="15">
        <v>45614</v>
      </c>
      <c r="F121053" s="14" t="s">
        <v>15</v>
      </c>
      <c r="G121053" s="16">
        <v>0.92272866022934896</v>
      </c>
    </row>
    <row r="121054" spans="1:7" x14ac:dyDescent="0.3">
      <c r="A121054" s="13" t="s">
        <v>567</v>
      </c>
      <c r="B121054" s="14" t="s">
        <v>1</v>
      </c>
      <c r="C121054" s="14" t="s">
        <v>565</v>
      </c>
      <c r="D121054" s="14" t="s">
        <v>193</v>
      </c>
      <c r="E121054" s="15">
        <v>45615</v>
      </c>
      <c r="F121054" s="14" t="s">
        <v>15</v>
      </c>
      <c r="G121054" s="16">
        <v>0.91729342293189364</v>
      </c>
    </row>
    <row r="121055" spans="1:7" x14ac:dyDescent="0.3">
      <c r="A121055" s="13" t="s">
        <v>567</v>
      </c>
      <c r="B121055" s="14" t="s">
        <v>1</v>
      </c>
      <c r="C121055" s="14" t="s">
        <v>565</v>
      </c>
      <c r="D121055" s="14" t="s">
        <v>193</v>
      </c>
      <c r="E121055" s="15">
        <v>45616</v>
      </c>
      <c r="F121055" s="14" t="s">
        <v>15</v>
      </c>
      <c r="G121055" s="16">
        <v>0.91613467363924428</v>
      </c>
    </row>
    <row r="121056" spans="1:7" x14ac:dyDescent="0.3">
      <c r="A121056" s="13" t="s">
        <v>567</v>
      </c>
      <c r="B121056" s="14" t="s">
        <v>1</v>
      </c>
      <c r="C121056" s="14" t="s">
        <v>565</v>
      </c>
      <c r="D121056" s="14" t="s">
        <v>193</v>
      </c>
      <c r="E121056" s="15">
        <v>45617</v>
      </c>
      <c r="F121056" s="14" t="s">
        <v>15</v>
      </c>
      <c r="G121056" s="16">
        <v>0.94504302546440089</v>
      </c>
    </row>
    <row r="121057" spans="1:7" x14ac:dyDescent="0.3">
      <c r="A121057" s="13" t="s">
        <v>567</v>
      </c>
      <c r="B121057" s="14" t="s">
        <v>1</v>
      </c>
      <c r="C121057" s="14" t="s">
        <v>565</v>
      </c>
      <c r="D121057" s="14" t="s">
        <v>193</v>
      </c>
      <c r="E121057" s="15">
        <v>45618</v>
      </c>
      <c r="F121057" s="14" t="s">
        <v>15</v>
      </c>
      <c r="G121057" s="16">
        <v>0.95718883931335697</v>
      </c>
    </row>
    <row r="121058" spans="1:7" x14ac:dyDescent="0.3">
      <c r="A121058" s="13" t="s">
        <v>567</v>
      </c>
      <c r="B121058" s="14" t="s">
        <v>1</v>
      </c>
      <c r="C121058" s="14" t="s">
        <v>565</v>
      </c>
      <c r="D121058" s="14" t="s">
        <v>193</v>
      </c>
      <c r="E121058" s="15">
        <v>45619</v>
      </c>
      <c r="F121058" s="14" t="s">
        <v>15</v>
      </c>
      <c r="G121058" s="16">
        <v>0.95718883931335697</v>
      </c>
    </row>
    <row r="121059" spans="1:7" x14ac:dyDescent="0.3">
      <c r="A121059" s="13" t="s">
        <v>567</v>
      </c>
      <c r="B121059" s="14" t="s">
        <v>1</v>
      </c>
      <c r="C121059" s="14" t="s">
        <v>565</v>
      </c>
      <c r="D121059" s="14" t="s">
        <v>193</v>
      </c>
      <c r="E121059" s="15">
        <v>45620</v>
      </c>
      <c r="F121059" s="14" t="s">
        <v>15</v>
      </c>
      <c r="G121059" s="16">
        <v>0.95718883931335697</v>
      </c>
    </row>
    <row r="121060" spans="1:7" x14ac:dyDescent="0.3">
      <c r="A121060" s="13" t="s">
        <v>567</v>
      </c>
      <c r="B121060" s="14" t="s">
        <v>1</v>
      </c>
      <c r="C121060" s="14" t="s">
        <v>565</v>
      </c>
      <c r="D121060" s="14" t="s">
        <v>193</v>
      </c>
      <c r="E121060" s="15">
        <v>45621</v>
      </c>
      <c r="F121060" s="14" t="s">
        <v>15</v>
      </c>
      <c r="G121060" s="16">
        <v>0.9552439392776878</v>
      </c>
    </row>
    <row r="121061" spans="1:7" x14ac:dyDescent="0.3">
      <c r="A121061" s="13" t="s">
        <v>567</v>
      </c>
      <c r="B121061" s="14" t="s">
        <v>1</v>
      </c>
      <c r="C121061" s="14" t="s">
        <v>565</v>
      </c>
      <c r="D121061" s="14" t="s">
        <v>193</v>
      </c>
      <c r="E121061" s="15">
        <v>45622</v>
      </c>
      <c r="F121061" s="14" t="s">
        <v>15</v>
      </c>
      <c r="G121061" s="16">
        <v>0.95066265954847629</v>
      </c>
    </row>
    <row r="121062" spans="1:7" x14ac:dyDescent="0.3">
      <c r="A121062" s="13" t="s">
        <v>567</v>
      </c>
      <c r="B121062" s="14" t="s">
        <v>1</v>
      </c>
      <c r="C121062" s="14" t="s">
        <v>565</v>
      </c>
      <c r="D121062" s="14" t="s">
        <v>193</v>
      </c>
      <c r="E121062" s="15">
        <v>45623</v>
      </c>
      <c r="F121062" s="14" t="s">
        <v>15</v>
      </c>
      <c r="G121062" s="16">
        <v>0.94743810850894628</v>
      </c>
    </row>
    <row r="121063" spans="1:7" x14ac:dyDescent="0.3">
      <c r="A121063" s="13" t="s">
        <v>567</v>
      </c>
      <c r="B121063" s="14" t="s">
        <v>1</v>
      </c>
      <c r="C121063" s="14" t="s">
        <v>565</v>
      </c>
      <c r="D121063" s="14" t="s">
        <v>193</v>
      </c>
      <c r="E121063" s="15">
        <v>45624</v>
      </c>
      <c r="F121063" s="14" t="s">
        <v>15</v>
      </c>
      <c r="G121063" s="16">
        <v>0.94822280777637213</v>
      </c>
    </row>
    <row r="121064" spans="1:7" x14ac:dyDescent="0.3">
      <c r="A121064" s="13" t="s">
        <v>567</v>
      </c>
      <c r="B121064" s="14" t="s">
        <v>1</v>
      </c>
      <c r="C121064" s="14" t="s">
        <v>565</v>
      </c>
      <c r="D121064" s="14" t="s">
        <v>193</v>
      </c>
      <c r="E121064" s="15">
        <v>45625</v>
      </c>
      <c r="F121064" s="14" t="s">
        <v>15</v>
      </c>
      <c r="G121064" s="16">
        <v>0.94639816507250685</v>
      </c>
    </row>
    <row r="121065" spans="1:7" x14ac:dyDescent="0.3">
      <c r="A121065" s="13" t="s">
        <v>567</v>
      </c>
      <c r="B121065" s="14" t="s">
        <v>1</v>
      </c>
      <c r="C121065" s="14" t="s">
        <v>565</v>
      </c>
      <c r="D121065" s="14" t="s">
        <v>193</v>
      </c>
      <c r="E121065" s="15">
        <v>45626</v>
      </c>
      <c r="F121065" s="14" t="s">
        <v>15</v>
      </c>
      <c r="G121065" s="16">
        <v>0.94639816507250685</v>
      </c>
    </row>
    <row r="121066" spans="1:7" x14ac:dyDescent="0.3">
      <c r="A121066" s="13" t="s">
        <v>567</v>
      </c>
      <c r="B121066" s="14" t="s">
        <v>1</v>
      </c>
      <c r="C121066" s="14" t="s">
        <v>565</v>
      </c>
      <c r="D121066" s="14" t="s">
        <v>193</v>
      </c>
      <c r="E121066" s="15">
        <v>45627</v>
      </c>
      <c r="F121066" s="14" t="s">
        <v>15</v>
      </c>
      <c r="G121066" s="16">
        <v>0.94639816507250685</v>
      </c>
    </row>
    <row r="121067" spans="1:7" x14ac:dyDescent="0.3">
      <c r="A121067" s="13" t="s">
        <v>567</v>
      </c>
      <c r="B121067" s="14" t="s">
        <v>1</v>
      </c>
      <c r="C121067" s="14" t="s">
        <v>565</v>
      </c>
      <c r="D121067" s="14" t="s">
        <v>193</v>
      </c>
      <c r="E121067" s="15">
        <v>45628</v>
      </c>
      <c r="F121067" s="14" t="s">
        <v>15</v>
      </c>
      <c r="G121067" s="16">
        <v>0.94483017895598176</v>
      </c>
    </row>
    <row r="121068" spans="1:7" x14ac:dyDescent="0.3">
      <c r="A121068" s="13" t="s">
        <v>567</v>
      </c>
      <c r="B121068" s="14" t="s">
        <v>1</v>
      </c>
      <c r="C121068" s="14" t="s">
        <v>565</v>
      </c>
      <c r="D121068" s="14" t="s">
        <v>193</v>
      </c>
      <c r="E121068" s="15">
        <v>45629</v>
      </c>
      <c r="F121068" s="14" t="s">
        <v>15</v>
      </c>
      <c r="G121068" s="16">
        <v>0.93937501583072469</v>
      </c>
    </row>
    <row r="121069" spans="1:7" x14ac:dyDescent="0.3">
      <c r="A121069" s="13" t="s">
        <v>567</v>
      </c>
      <c r="B121069" s="14" t="s">
        <v>1</v>
      </c>
      <c r="C121069" s="14" t="s">
        <v>565</v>
      </c>
      <c r="D121069" s="14" t="s">
        <v>193</v>
      </c>
      <c r="E121069" s="15">
        <v>45630</v>
      </c>
      <c r="F121069" s="14" t="s">
        <v>15</v>
      </c>
      <c r="G121069" s="16">
        <v>0.93790771496347847</v>
      </c>
    </row>
    <row r="121070" spans="1:7" x14ac:dyDescent="0.3">
      <c r="A121070" s="13" t="s">
        <v>567</v>
      </c>
      <c r="B121070" s="14" t="s">
        <v>1</v>
      </c>
      <c r="C121070" s="14" t="s">
        <v>565</v>
      </c>
      <c r="D121070" s="14" t="s">
        <v>193</v>
      </c>
      <c r="E121070" s="15">
        <v>45631</v>
      </c>
      <c r="F121070" s="14" t="s">
        <v>15</v>
      </c>
      <c r="G121070" s="16">
        <v>0.93606087711448172</v>
      </c>
    </row>
    <row r="121071" spans="1:7" x14ac:dyDescent="0.3">
      <c r="A121071" s="13" t="s">
        <v>567</v>
      </c>
      <c r="B121071" s="14" t="s">
        <v>1</v>
      </c>
      <c r="C121071" s="14" t="s">
        <v>565</v>
      </c>
      <c r="D121071" s="14" t="s">
        <v>193</v>
      </c>
      <c r="E121071" s="15">
        <v>45632</v>
      </c>
      <c r="F121071" s="14" t="s">
        <v>15</v>
      </c>
      <c r="G121071" s="16">
        <v>0.93421060910669185</v>
      </c>
    </row>
    <row r="121072" spans="1:7" x14ac:dyDescent="0.3">
      <c r="A121072" s="13" t="s">
        <v>567</v>
      </c>
      <c r="B121072" s="14" t="s">
        <v>1</v>
      </c>
      <c r="C121072" s="14" t="s">
        <v>565</v>
      </c>
      <c r="D121072" s="14" t="s">
        <v>193</v>
      </c>
      <c r="E121072" s="15">
        <v>45633</v>
      </c>
      <c r="F121072" s="14" t="s">
        <v>15</v>
      </c>
      <c r="G121072" s="16">
        <v>0.93421060910669185</v>
      </c>
    </row>
    <row r="121073" spans="1:7" x14ac:dyDescent="0.3">
      <c r="A121073" s="13" t="s">
        <v>567</v>
      </c>
      <c r="B121073" s="14" t="s">
        <v>1</v>
      </c>
      <c r="C121073" s="14" t="s">
        <v>565</v>
      </c>
      <c r="D121073" s="14" t="s">
        <v>193</v>
      </c>
      <c r="E121073" s="15">
        <v>45634</v>
      </c>
      <c r="F121073" s="14" t="s">
        <v>15</v>
      </c>
      <c r="G121073" s="16">
        <v>0.93421060910669185</v>
      </c>
    </row>
    <row r="121074" spans="1:7" x14ac:dyDescent="0.3">
      <c r="A121074" s="13" t="s">
        <v>567</v>
      </c>
      <c r="B121074" s="14" t="s">
        <v>1</v>
      </c>
      <c r="C121074" s="14" t="s">
        <v>565</v>
      </c>
      <c r="D121074" s="14" t="s">
        <v>193</v>
      </c>
      <c r="E121074" s="15">
        <v>45635</v>
      </c>
      <c r="F121074" s="14" t="s">
        <v>15</v>
      </c>
      <c r="G121074" s="16">
        <v>0.93967235722453668</v>
      </c>
    </row>
    <row r="121075" spans="1:7" x14ac:dyDescent="0.3">
      <c r="A121075" s="13" t="s">
        <v>567</v>
      </c>
      <c r="B121075" s="14" t="s">
        <v>1</v>
      </c>
      <c r="C121075" s="14" t="s">
        <v>565</v>
      </c>
      <c r="D121075" s="14" t="s">
        <v>193</v>
      </c>
      <c r="E121075" s="15">
        <v>45636</v>
      </c>
      <c r="F121075" s="14" t="s">
        <v>15</v>
      </c>
      <c r="G121075" s="16">
        <v>0.93412201861524824</v>
      </c>
    </row>
    <row r="121076" spans="1:7" x14ac:dyDescent="0.3">
      <c r="A121076" s="13" t="s">
        <v>567</v>
      </c>
      <c r="B121076" s="14" t="s">
        <v>1</v>
      </c>
      <c r="C121076" s="14" t="s">
        <v>565</v>
      </c>
      <c r="D121076" s="14" t="s">
        <v>193</v>
      </c>
      <c r="E121076" s="15">
        <v>45637</v>
      </c>
      <c r="F121076" s="14" t="s">
        <v>15</v>
      </c>
      <c r="G121076" s="16">
        <v>0.93226272845146763</v>
      </c>
    </row>
    <row r="121077" spans="1:7" x14ac:dyDescent="0.3">
      <c r="A121077" s="13" t="s">
        <v>567</v>
      </c>
      <c r="B121077" s="14" t="s">
        <v>1</v>
      </c>
      <c r="C121077" s="14" t="s">
        <v>565</v>
      </c>
      <c r="D121077" s="14" t="s">
        <v>193</v>
      </c>
      <c r="E121077" s="15">
        <v>45638</v>
      </c>
      <c r="F121077" s="14" t="s">
        <v>15</v>
      </c>
      <c r="G121077" s="16">
        <v>0.93062946615808717</v>
      </c>
    </row>
    <row r="121078" spans="1:7" x14ac:dyDescent="0.3">
      <c r="A121078" s="13" t="s">
        <v>567</v>
      </c>
      <c r="B121078" s="14" t="s">
        <v>1</v>
      </c>
      <c r="C121078" s="14" t="s">
        <v>565</v>
      </c>
      <c r="D121078" s="14" t="s">
        <v>193</v>
      </c>
      <c r="E121078" s="15">
        <v>45639</v>
      </c>
      <c r="F121078" s="14" t="s">
        <v>15</v>
      </c>
      <c r="G121078" s="16">
        <v>0.95576496431560931</v>
      </c>
    </row>
    <row r="121079" spans="1:7" x14ac:dyDescent="0.3">
      <c r="A121079" s="13" t="s">
        <v>567</v>
      </c>
      <c r="B121079" s="14" t="s">
        <v>1</v>
      </c>
      <c r="C121079" s="14" t="s">
        <v>565</v>
      </c>
      <c r="D121079" s="14" t="s">
        <v>193</v>
      </c>
      <c r="E121079" s="15">
        <v>45640</v>
      </c>
      <c r="F121079" s="14" t="s">
        <v>15</v>
      </c>
      <c r="G121079" s="16">
        <v>0.95576496431560931</v>
      </c>
    </row>
    <row r="121080" spans="1:7" x14ac:dyDescent="0.3">
      <c r="A121080" s="13" t="s">
        <v>567</v>
      </c>
      <c r="B121080" s="14" t="s">
        <v>1</v>
      </c>
      <c r="C121080" s="14" t="s">
        <v>565</v>
      </c>
      <c r="D121080" s="14" t="s">
        <v>193</v>
      </c>
      <c r="E121080" s="15">
        <v>45641</v>
      </c>
      <c r="F121080" s="14" t="s">
        <v>15</v>
      </c>
      <c r="G121080" s="16">
        <v>0.95576496431560931</v>
      </c>
    </row>
    <row r="121081" spans="1:7" x14ac:dyDescent="0.3">
      <c r="A121081" s="13" t="s">
        <v>567</v>
      </c>
      <c r="B121081" s="14" t="s">
        <v>1</v>
      </c>
      <c r="C121081" s="14" t="s">
        <v>565</v>
      </c>
      <c r="D121081" s="14" t="s">
        <v>193</v>
      </c>
      <c r="E121081" s="15">
        <v>45642</v>
      </c>
      <c r="F121081" s="14" t="s">
        <v>15</v>
      </c>
      <c r="G121081" s="16">
        <v>0.95389634883694008</v>
      </c>
    </row>
    <row r="121082" spans="1:7" x14ac:dyDescent="0.3">
      <c r="A121082" s="13" t="s">
        <v>567</v>
      </c>
      <c r="B121082" s="14" t="s">
        <v>1</v>
      </c>
      <c r="C121082" s="14" t="s">
        <v>565</v>
      </c>
      <c r="D121082" s="14" t="s">
        <v>193</v>
      </c>
      <c r="E121082" s="15">
        <v>45643</v>
      </c>
      <c r="F121082" s="14" t="s">
        <v>15</v>
      </c>
      <c r="G121082" s="16">
        <v>0.9483078208428688</v>
      </c>
    </row>
    <row r="121083" spans="1:7" x14ac:dyDescent="0.3">
      <c r="A121083" s="13" t="s">
        <v>567</v>
      </c>
      <c r="B121083" s="14" t="s">
        <v>1</v>
      </c>
      <c r="C121083" s="14" t="s">
        <v>565</v>
      </c>
      <c r="D121083" s="14" t="s">
        <v>193</v>
      </c>
      <c r="E121083" s="15">
        <v>45644</v>
      </c>
      <c r="F121083" s="14" t="s">
        <v>15</v>
      </c>
      <c r="G121083" s="16">
        <v>0.94645630177482909</v>
      </c>
    </row>
    <row r="121084" spans="1:7" x14ac:dyDescent="0.3">
      <c r="A121084" s="13" t="s">
        <v>567</v>
      </c>
      <c r="B121084" s="14" t="s">
        <v>1</v>
      </c>
      <c r="C121084" s="14" t="s">
        <v>565</v>
      </c>
      <c r="D121084" s="14" t="s">
        <v>193</v>
      </c>
      <c r="E121084" s="15">
        <v>45645</v>
      </c>
      <c r="F121084" s="14" t="s">
        <v>15</v>
      </c>
      <c r="G121084" s="16">
        <v>0.94462032489827064</v>
      </c>
    </row>
    <row r="121085" spans="1:7" x14ac:dyDescent="0.3">
      <c r="A121085" s="13" t="s">
        <v>567</v>
      </c>
      <c r="B121085" s="14" t="s">
        <v>1</v>
      </c>
      <c r="C121085" s="14" t="s">
        <v>565</v>
      </c>
      <c r="D121085" s="14" t="s">
        <v>193</v>
      </c>
      <c r="E121085" s="15">
        <v>45646</v>
      </c>
      <c r="F121085" s="14" t="s">
        <v>15</v>
      </c>
      <c r="G121085" s="16">
        <v>0.94277813114511966</v>
      </c>
    </row>
    <row r="121086" spans="1:7" x14ac:dyDescent="0.3">
      <c r="A121086" s="13" t="s">
        <v>567</v>
      </c>
      <c r="B121086" s="14" t="s">
        <v>1</v>
      </c>
      <c r="C121086" s="14" t="s">
        <v>565</v>
      </c>
      <c r="D121086" s="14" t="s">
        <v>193</v>
      </c>
      <c r="E121086" s="15">
        <v>45647</v>
      </c>
      <c r="F121086" s="14" t="s">
        <v>15</v>
      </c>
      <c r="G121086" s="16">
        <v>0.94277813114511966</v>
      </c>
    </row>
    <row r="121087" spans="1:7" x14ac:dyDescent="0.3">
      <c r="A121087" s="13" t="s">
        <v>567</v>
      </c>
      <c r="B121087" s="14" t="s">
        <v>1</v>
      </c>
      <c r="C121087" s="14" t="s">
        <v>565</v>
      </c>
      <c r="D121087" s="14" t="s">
        <v>193</v>
      </c>
      <c r="E121087" s="15">
        <v>45648</v>
      </c>
      <c r="F121087" s="14" t="s">
        <v>15</v>
      </c>
      <c r="G121087" s="16">
        <v>0.94277813114511966</v>
      </c>
    </row>
    <row r="121088" spans="1:7" x14ac:dyDescent="0.3">
      <c r="A121088" s="13" t="s">
        <v>567</v>
      </c>
      <c r="B121088" s="14" t="s">
        <v>1</v>
      </c>
      <c r="C121088" s="14" t="s">
        <v>565</v>
      </c>
      <c r="D121088" s="14" t="s">
        <v>193</v>
      </c>
      <c r="E121088" s="15">
        <v>45649</v>
      </c>
      <c r="F121088" s="14" t="s">
        <v>15</v>
      </c>
      <c r="G121088" s="16">
        <v>0.94095503208436004</v>
      </c>
    </row>
    <row r="121089" spans="1:7" x14ac:dyDescent="0.3">
      <c r="A121089" s="13" t="s">
        <v>567</v>
      </c>
      <c r="B121089" s="14" t="s">
        <v>1</v>
      </c>
      <c r="C121089" s="14" t="s">
        <v>565</v>
      </c>
      <c r="D121089" s="14" t="s">
        <v>193</v>
      </c>
      <c r="E121089" s="15">
        <v>45650</v>
      </c>
      <c r="F121089" s="14" t="s">
        <v>15</v>
      </c>
      <c r="G121089" s="16">
        <v>0.93551570912850923</v>
      </c>
    </row>
    <row r="121090" spans="1:7" x14ac:dyDescent="0.3">
      <c r="A121090" s="13" t="s">
        <v>567</v>
      </c>
      <c r="B121090" s="14" t="s">
        <v>1</v>
      </c>
      <c r="C121090" s="14" t="s">
        <v>565</v>
      </c>
      <c r="D121090" s="14" t="s">
        <v>193</v>
      </c>
      <c r="E121090" s="15">
        <v>45651</v>
      </c>
      <c r="F121090" s="14" t="s">
        <v>15</v>
      </c>
      <c r="G121090" s="16">
        <v>0.93551570912850923</v>
      </c>
    </row>
    <row r="121091" spans="1:7" x14ac:dyDescent="0.3">
      <c r="A121091" s="13" t="s">
        <v>567</v>
      </c>
      <c r="B121091" s="14" t="s">
        <v>1</v>
      </c>
      <c r="C121091" s="14" t="s">
        <v>565</v>
      </c>
      <c r="D121091" s="14" t="s">
        <v>193</v>
      </c>
      <c r="E121091" s="15">
        <v>45652</v>
      </c>
      <c r="F121091" s="14" t="s">
        <v>15</v>
      </c>
      <c r="G121091" s="16">
        <v>0.93551570912850923</v>
      </c>
    </row>
    <row r="121092" spans="1:7" x14ac:dyDescent="0.3">
      <c r="A121092" s="13" t="s">
        <v>567</v>
      </c>
      <c r="B121092" s="14" t="s">
        <v>1</v>
      </c>
      <c r="C121092" s="14" t="s">
        <v>565</v>
      </c>
      <c r="D121092" s="14" t="s">
        <v>193</v>
      </c>
      <c r="E121092" s="15">
        <v>45653</v>
      </c>
      <c r="F121092" s="14" t="s">
        <v>15</v>
      </c>
      <c r="G121092" s="16">
        <v>0.93551570912850923</v>
      </c>
    </row>
    <row r="121093" spans="1:7" x14ac:dyDescent="0.3">
      <c r="A121093" s="13" t="s">
        <v>567</v>
      </c>
      <c r="B121093" s="14" t="s">
        <v>1</v>
      </c>
      <c r="C121093" s="14" t="s">
        <v>565</v>
      </c>
      <c r="D121093" s="14" t="s">
        <v>193</v>
      </c>
      <c r="E121093" s="15">
        <v>45654</v>
      </c>
      <c r="F121093" s="14" t="s">
        <v>15</v>
      </c>
      <c r="G121093" s="16">
        <v>0.93551570912850923</v>
      </c>
    </row>
    <row r="121094" spans="1:7" x14ac:dyDescent="0.3">
      <c r="A121094" s="13" t="s">
        <v>567</v>
      </c>
      <c r="B121094" s="14" t="s">
        <v>1</v>
      </c>
      <c r="C121094" s="14" t="s">
        <v>565</v>
      </c>
      <c r="D121094" s="14" t="s">
        <v>193</v>
      </c>
      <c r="E121094" s="15">
        <v>45655</v>
      </c>
      <c r="F121094" s="14" t="s">
        <v>15</v>
      </c>
      <c r="G121094" s="16">
        <v>0.93551570912850923</v>
      </c>
    </row>
    <row r="121095" spans="1:7" x14ac:dyDescent="0.3">
      <c r="A121095" s="13" t="s">
        <v>567</v>
      </c>
      <c r="B121095" s="14" t="s">
        <v>1</v>
      </c>
      <c r="C121095" s="14" t="s">
        <v>565</v>
      </c>
      <c r="D121095" s="14" t="s">
        <v>193</v>
      </c>
      <c r="E121095" s="15">
        <v>45656</v>
      </c>
      <c r="F121095" s="14" t="s">
        <v>15</v>
      </c>
      <c r="G121095" s="16">
        <v>0.93368905756683984</v>
      </c>
    </row>
    <row r="121096" spans="1:7" x14ac:dyDescent="0.3">
      <c r="A121096" s="13" t="s">
        <v>567</v>
      </c>
      <c r="B121096" s="14" t="s">
        <v>1</v>
      </c>
      <c r="C121096" s="14" t="s">
        <v>565</v>
      </c>
      <c r="D121096" s="14" t="s">
        <v>193</v>
      </c>
      <c r="E121096" s="15">
        <v>45657</v>
      </c>
      <c r="F121096" s="14" t="s">
        <v>15</v>
      </c>
      <c r="G121096" s="16">
        <v>0.96286530347819987</v>
      </c>
    </row>
    <row r="121097" spans="1:7" x14ac:dyDescent="0.3">
      <c r="A121097" s="13" t="s">
        <v>567</v>
      </c>
      <c r="B121097" s="14" t="s">
        <v>1</v>
      </c>
      <c r="C121097" s="14" t="s">
        <v>565</v>
      </c>
      <c r="D121097" s="14" t="s">
        <v>193</v>
      </c>
      <c r="E121097" s="15">
        <v>45658</v>
      </c>
      <c r="F121097" s="14" t="s">
        <v>15</v>
      </c>
      <c r="G121097" s="16">
        <v>0.96286530347819987</v>
      </c>
    </row>
    <row r="121098" spans="1:7" x14ac:dyDescent="0.3">
      <c r="A121098" s="13" t="s">
        <v>567</v>
      </c>
      <c r="B121098" s="14" t="s">
        <v>1</v>
      </c>
      <c r="C121098" s="14" t="s">
        <v>565</v>
      </c>
      <c r="D121098" s="14" t="s">
        <v>193</v>
      </c>
      <c r="E121098" s="15">
        <v>45659</v>
      </c>
      <c r="F121098" s="14" t="s">
        <v>15</v>
      </c>
      <c r="G121098" s="16">
        <v>0.96103509941562004</v>
      </c>
    </row>
    <row r="121099" spans="1:7" x14ac:dyDescent="0.3">
      <c r="A121099" s="13" t="s">
        <v>567</v>
      </c>
      <c r="B121099" s="14" t="s">
        <v>1</v>
      </c>
      <c r="C121099" s="14" t="s">
        <v>565</v>
      </c>
      <c r="D121099" s="14" t="s">
        <v>193</v>
      </c>
      <c r="E121099" s="15">
        <v>45660</v>
      </c>
      <c r="F121099" s="14" t="s">
        <v>15</v>
      </c>
      <c r="G121099" s="16">
        <v>1.0052084499499261</v>
      </c>
    </row>
    <row r="121100" spans="1:7" x14ac:dyDescent="0.3">
      <c r="A121100" s="13" t="s">
        <v>567</v>
      </c>
      <c r="B121100" s="14" t="s">
        <v>1</v>
      </c>
      <c r="C121100" s="14" t="s">
        <v>565</v>
      </c>
      <c r="D121100" s="14" t="s">
        <v>193</v>
      </c>
      <c r="E121100" s="15">
        <v>45661</v>
      </c>
      <c r="F121100" s="14" t="s">
        <v>15</v>
      </c>
      <c r="G121100" s="16">
        <v>1.0052084499499261</v>
      </c>
    </row>
    <row r="121101" spans="1:7" x14ac:dyDescent="0.3">
      <c r="A121101" s="13" t="s">
        <v>567</v>
      </c>
      <c r="B121101" s="14" t="s">
        <v>1</v>
      </c>
      <c r="C121101" s="14" t="s">
        <v>565</v>
      </c>
      <c r="D121101" s="14" t="s">
        <v>193</v>
      </c>
      <c r="E121101" s="15">
        <v>45662</v>
      </c>
      <c r="F121101" s="14" t="s">
        <v>15</v>
      </c>
      <c r="G121101" s="16">
        <v>1.0052084499499261</v>
      </c>
    </row>
    <row r="121102" spans="1:7" x14ac:dyDescent="0.3">
      <c r="A121102" s="13" t="s">
        <v>567</v>
      </c>
      <c r="B121102" s="14" t="s">
        <v>1</v>
      </c>
      <c r="C121102" s="14" t="s">
        <v>565</v>
      </c>
      <c r="D121102" s="14" t="s">
        <v>193</v>
      </c>
      <c r="E121102" s="15">
        <v>45663</v>
      </c>
      <c r="F121102" s="14" t="s">
        <v>15</v>
      </c>
      <c r="G121102" s="16">
        <v>1.0033920118283728</v>
      </c>
    </row>
    <row r="121103" spans="1:7" x14ac:dyDescent="0.3">
      <c r="A121103" s="13" t="s">
        <v>567</v>
      </c>
      <c r="B121103" s="14" t="s">
        <v>1</v>
      </c>
      <c r="C121103" s="14" t="s">
        <v>565</v>
      </c>
      <c r="D121103" s="14" t="s">
        <v>193</v>
      </c>
      <c r="E121103" s="15">
        <v>45664</v>
      </c>
      <c r="F121103" s="14" t="s">
        <v>15</v>
      </c>
      <c r="G121103" s="16">
        <v>0.99793759074365462</v>
      </c>
    </row>
    <row r="121104" spans="1:7" x14ac:dyDescent="0.3">
      <c r="A121104" s="13" t="s">
        <v>567</v>
      </c>
      <c r="B121104" s="14" t="s">
        <v>1</v>
      </c>
      <c r="C121104" s="14" t="s">
        <v>565</v>
      </c>
      <c r="D121104" s="14" t="s">
        <v>193</v>
      </c>
      <c r="E121104" s="15">
        <v>45665</v>
      </c>
      <c r="F121104" s="14" t="s">
        <v>15</v>
      </c>
      <c r="G121104" s="16">
        <v>0.9961113832445988</v>
      </c>
    </row>
    <row r="121105" spans="1:7" x14ac:dyDescent="0.3">
      <c r="A121105" s="13" t="s">
        <v>567</v>
      </c>
      <c r="B121105" s="14" t="s">
        <v>1</v>
      </c>
      <c r="C121105" s="14" t="s">
        <v>565</v>
      </c>
      <c r="D121105" s="14" t="s">
        <v>193</v>
      </c>
      <c r="E121105" s="15">
        <v>45666</v>
      </c>
      <c r="F121105" s="14" t="s">
        <v>15</v>
      </c>
      <c r="G121105" s="16">
        <v>0.99428384355770172</v>
      </c>
    </row>
    <row r="121106" spans="1:7" x14ac:dyDescent="0.3">
      <c r="A121106" s="13" t="s">
        <v>567</v>
      </c>
      <c r="B121106" s="14" t="s">
        <v>1</v>
      </c>
      <c r="C121106" s="14" t="s">
        <v>565</v>
      </c>
      <c r="D121106" s="14" t="s">
        <v>193</v>
      </c>
      <c r="E121106" s="15">
        <v>45667</v>
      </c>
      <c r="F121106" s="14" t="s">
        <v>15</v>
      </c>
      <c r="G121106" s="16">
        <v>0.99947449144985101</v>
      </c>
    </row>
    <row r="121107" spans="1:7" x14ac:dyDescent="0.3">
      <c r="A121107" s="13" t="s">
        <v>567</v>
      </c>
      <c r="B121107" s="14" t="s">
        <v>1</v>
      </c>
      <c r="C121107" s="14" t="s">
        <v>565</v>
      </c>
      <c r="D121107" s="14" t="s">
        <v>193</v>
      </c>
      <c r="E121107" s="15">
        <v>45668</v>
      </c>
      <c r="F121107" s="14" t="s">
        <v>15</v>
      </c>
      <c r="G121107" s="16">
        <v>0.99947449144985101</v>
      </c>
    </row>
    <row r="121108" spans="1:7" x14ac:dyDescent="0.3">
      <c r="A121108" s="13" t="s">
        <v>567</v>
      </c>
      <c r="B121108" s="14" t="s">
        <v>1</v>
      </c>
      <c r="C121108" s="14" t="s">
        <v>565</v>
      </c>
      <c r="D121108" s="14" t="s">
        <v>193</v>
      </c>
      <c r="E121108" s="15">
        <v>45669</v>
      </c>
      <c r="F121108" s="14" t="s">
        <v>15</v>
      </c>
      <c r="G121108" s="16">
        <v>0.99947449144985101</v>
      </c>
    </row>
    <row r="121109" spans="1:7" x14ac:dyDescent="0.3">
      <c r="A121109" s="13" t="s">
        <v>567</v>
      </c>
      <c r="B121109" s="14" t="s">
        <v>1</v>
      </c>
      <c r="C121109" s="14" t="s">
        <v>565</v>
      </c>
      <c r="D121109" s="14" t="s">
        <v>193</v>
      </c>
      <c r="E121109" s="15">
        <v>45670</v>
      </c>
      <c r="F121109" s="14" t="s">
        <v>15</v>
      </c>
      <c r="G121109" s="16">
        <v>0.99767315145716517</v>
      </c>
    </row>
    <row r="121110" spans="1:7" x14ac:dyDescent="0.3">
      <c r="A121110" s="13" t="s">
        <v>567</v>
      </c>
      <c r="B121110" s="14" t="s">
        <v>1</v>
      </c>
      <c r="C121110" s="14" t="s">
        <v>565</v>
      </c>
      <c r="D121110" s="14" t="s">
        <v>193</v>
      </c>
      <c r="E121110" s="15">
        <v>45671</v>
      </c>
      <c r="F121110" s="14" t="s">
        <v>15</v>
      </c>
      <c r="G121110" s="16">
        <v>0.99230221414383257</v>
      </c>
    </row>
    <row r="121111" spans="1:7" x14ac:dyDescent="0.3">
      <c r="A121111" s="13" t="s">
        <v>567</v>
      </c>
      <c r="B121111" s="14" t="s">
        <v>1</v>
      </c>
      <c r="C121111" s="14" t="s">
        <v>565</v>
      </c>
      <c r="D121111" s="14" t="s">
        <v>193</v>
      </c>
      <c r="E121111" s="15">
        <v>45672</v>
      </c>
      <c r="F121111" s="14" t="s">
        <v>15</v>
      </c>
      <c r="G121111" s="16">
        <v>0.99054750072559083</v>
      </c>
    </row>
    <row r="121112" spans="1:7" x14ac:dyDescent="0.3">
      <c r="A121112" s="13" t="s">
        <v>567</v>
      </c>
      <c r="B121112" s="14" t="s">
        <v>1</v>
      </c>
      <c r="C121112" s="14" t="s">
        <v>565</v>
      </c>
      <c r="D121112" s="14" t="s">
        <v>193</v>
      </c>
      <c r="E121112" s="15">
        <v>45673</v>
      </c>
      <c r="F121112" s="14" t="s">
        <v>15</v>
      </c>
      <c r="G121112" s="16">
        <v>0.98877657902194682</v>
      </c>
    </row>
    <row r="121113" spans="1:7" x14ac:dyDescent="0.3">
      <c r="A121113" s="13" t="s">
        <v>567</v>
      </c>
      <c r="B121113" s="14" t="s">
        <v>1</v>
      </c>
      <c r="C121113" s="14" t="s">
        <v>565</v>
      </c>
      <c r="D121113" s="14" t="s">
        <v>193</v>
      </c>
      <c r="E121113" s="15">
        <v>45674</v>
      </c>
      <c r="F121113" s="14" t="s">
        <v>15</v>
      </c>
      <c r="G121113" s="16">
        <v>0.98700632341222383</v>
      </c>
    </row>
    <row r="121114" spans="1:7" x14ac:dyDescent="0.3">
      <c r="A121114" s="13" t="s">
        <v>567</v>
      </c>
      <c r="B121114" s="14" t="s">
        <v>1</v>
      </c>
      <c r="C121114" s="14" t="s">
        <v>565</v>
      </c>
      <c r="D121114" s="14" t="s">
        <v>193</v>
      </c>
      <c r="E121114" s="15">
        <v>45675</v>
      </c>
      <c r="F121114" s="14" t="s">
        <v>15</v>
      </c>
      <c r="G121114" s="16">
        <v>0.98700632341222383</v>
      </c>
    </row>
    <row r="121115" spans="1:7" x14ac:dyDescent="0.3">
      <c r="A121115" s="13" t="s">
        <v>567</v>
      </c>
      <c r="B121115" s="14" t="s">
        <v>1</v>
      </c>
      <c r="C121115" s="14" t="s">
        <v>565</v>
      </c>
      <c r="D121115" s="14" t="s">
        <v>193</v>
      </c>
      <c r="E121115" s="15">
        <v>45676</v>
      </c>
      <c r="F121115" s="14" t="s">
        <v>15</v>
      </c>
      <c r="G121115" s="16">
        <v>0.98700632341222383</v>
      </c>
    </row>
    <row r="121116" spans="1:7" x14ac:dyDescent="0.3">
      <c r="A121116" s="13" t="s">
        <v>567</v>
      </c>
      <c r="B121116" s="14" t="s">
        <v>1</v>
      </c>
      <c r="C121116" s="14" t="s">
        <v>565</v>
      </c>
      <c r="D121116" s="14" t="s">
        <v>193</v>
      </c>
      <c r="E121116" s="15">
        <v>45677</v>
      </c>
      <c r="F121116" s="14" t="s">
        <v>15</v>
      </c>
      <c r="G121116" s="16">
        <v>0.98521142232743752</v>
      </c>
    </row>
    <row r="121117" spans="1:7" x14ac:dyDescent="0.3">
      <c r="A121117" s="13" t="s">
        <v>567</v>
      </c>
      <c r="B121117" s="14" t="s">
        <v>1</v>
      </c>
      <c r="C121117" s="14" t="s">
        <v>565</v>
      </c>
      <c r="D121117" s="14" t="s">
        <v>193</v>
      </c>
      <c r="E121117" s="15">
        <v>45678</v>
      </c>
      <c r="F121117" s="14" t="s">
        <v>15</v>
      </c>
      <c r="G121117" s="16">
        <v>0.97983293594967091</v>
      </c>
    </row>
    <row r="121118" spans="1:7" x14ac:dyDescent="0.3">
      <c r="A121118" s="13" t="s">
        <v>567</v>
      </c>
      <c r="B121118" s="14" t="s">
        <v>1</v>
      </c>
      <c r="C121118" s="14" t="s">
        <v>565</v>
      </c>
      <c r="D121118" s="14" t="s">
        <v>193</v>
      </c>
      <c r="E121118" s="15">
        <v>45679</v>
      </c>
      <c r="F121118" s="14" t="s">
        <v>15</v>
      </c>
      <c r="G121118" s="16">
        <v>0.97823542069669744</v>
      </c>
    </row>
    <row r="121119" spans="1:7" x14ac:dyDescent="0.3">
      <c r="A121119" s="13" t="s">
        <v>567</v>
      </c>
      <c r="B121119" s="14" t="s">
        <v>1</v>
      </c>
      <c r="C121119" s="14" t="s">
        <v>565</v>
      </c>
      <c r="D121119" s="14" t="s">
        <v>193</v>
      </c>
      <c r="E121119" s="15">
        <v>45680</v>
      </c>
      <c r="F121119" s="14" t="s">
        <v>15</v>
      </c>
      <c r="G121119" s="16">
        <v>0.97642000717456723</v>
      </c>
    </row>
    <row r="121120" spans="1:7" x14ac:dyDescent="0.3">
      <c r="A121120" s="13" t="s">
        <v>567</v>
      </c>
      <c r="B121120" s="14" t="s">
        <v>1</v>
      </c>
      <c r="C121120" s="14" t="s">
        <v>565</v>
      </c>
      <c r="D121120" s="14" t="s">
        <v>193</v>
      </c>
      <c r="E121120" s="15">
        <v>45681</v>
      </c>
      <c r="F121120" s="14" t="s">
        <v>15</v>
      </c>
      <c r="G121120" s="16">
        <v>0.97460749617067388</v>
      </c>
    </row>
    <row r="121121" spans="1:7" x14ac:dyDescent="0.3">
      <c r="A121121" s="13" t="s">
        <v>567</v>
      </c>
      <c r="B121121" s="14" t="s">
        <v>1</v>
      </c>
      <c r="C121121" s="14" t="s">
        <v>565</v>
      </c>
      <c r="D121121" s="14" t="s">
        <v>193</v>
      </c>
      <c r="E121121" s="15">
        <v>45682</v>
      </c>
      <c r="F121121" s="14" t="s">
        <v>15</v>
      </c>
      <c r="G121121" s="16">
        <v>0.97460749617067388</v>
      </c>
    </row>
    <row r="121122" spans="1:7" x14ac:dyDescent="0.3">
      <c r="A121122" s="13" t="s">
        <v>567</v>
      </c>
      <c r="B121122" s="14" t="s">
        <v>1</v>
      </c>
      <c r="C121122" s="14" t="s">
        <v>565</v>
      </c>
      <c r="D121122" s="14" t="s">
        <v>193</v>
      </c>
      <c r="E121122" s="15">
        <v>45683</v>
      </c>
      <c r="F121122" s="14" t="s">
        <v>15</v>
      </c>
      <c r="G121122" s="16">
        <v>0.97460749617067388</v>
      </c>
    </row>
    <row r="121123" spans="1:7" x14ac:dyDescent="0.3">
      <c r="A121123" s="13" t="s">
        <v>567</v>
      </c>
      <c r="B121123" s="14" t="s">
        <v>1</v>
      </c>
      <c r="C121123" s="14" t="s">
        <v>565</v>
      </c>
      <c r="D121123" s="14" t="s">
        <v>193</v>
      </c>
      <c r="E121123" s="15">
        <v>45684</v>
      </c>
      <c r="F121123" s="14" t="s">
        <v>15</v>
      </c>
      <c r="G121123" s="16">
        <v>0.97700274352836858</v>
      </c>
    </row>
    <row r="121124" spans="1:7" x14ac:dyDescent="0.3">
      <c r="A121124" s="13" t="s">
        <v>567</v>
      </c>
      <c r="B121124" s="14" t="s">
        <v>1</v>
      </c>
      <c r="C121124" s="14" t="s">
        <v>565</v>
      </c>
      <c r="D121124" s="14" t="s">
        <v>193</v>
      </c>
      <c r="E121124" s="15">
        <v>45685</v>
      </c>
      <c r="F121124" s="14" t="s">
        <v>15</v>
      </c>
      <c r="G121124" s="16">
        <v>0.97700274352836858</v>
      </c>
    </row>
    <row r="121125" spans="1:7" x14ac:dyDescent="0.3">
      <c r="A121125" s="13" t="s">
        <v>567</v>
      </c>
      <c r="B121125" s="14" t="s">
        <v>1</v>
      </c>
      <c r="C121125" s="14" t="s">
        <v>565</v>
      </c>
      <c r="D121125" s="14" t="s">
        <v>193</v>
      </c>
      <c r="E121125" s="15">
        <v>45686</v>
      </c>
      <c r="F121125" s="14" t="s">
        <v>15</v>
      </c>
      <c r="G121125" s="16">
        <v>0.97700274352836858</v>
      </c>
    </row>
    <row r="121126" spans="1:7" x14ac:dyDescent="0.3">
      <c r="A121126" s="13" t="s">
        <v>567</v>
      </c>
      <c r="B121126" s="14" t="s">
        <v>1</v>
      </c>
      <c r="C121126" s="14" t="s">
        <v>565</v>
      </c>
      <c r="D121126" s="14" t="s">
        <v>193</v>
      </c>
      <c r="E121126" s="15">
        <v>45687</v>
      </c>
      <c r="F121126" s="14" t="s">
        <v>15</v>
      </c>
      <c r="G121126" s="16">
        <v>0.97700274352836858</v>
      </c>
    </row>
    <row r="121127" spans="1:7" x14ac:dyDescent="0.3">
      <c r="A121127" s="13" t="s">
        <v>567</v>
      </c>
      <c r="B121127" s="14" t="s">
        <v>1</v>
      </c>
      <c r="C121127" s="14" t="s">
        <v>565</v>
      </c>
      <c r="D121127" s="14" t="s">
        <v>193</v>
      </c>
      <c r="E121127" s="15">
        <v>45688</v>
      </c>
      <c r="F121127" s="14" t="s">
        <v>15</v>
      </c>
      <c r="G121127" s="16">
        <v>0.97700274352836858</v>
      </c>
    </row>
    <row r="121128" spans="1:7" x14ac:dyDescent="0.3">
      <c r="A121128" s="13" t="s">
        <v>567</v>
      </c>
      <c r="B121128" s="14" t="s">
        <v>1</v>
      </c>
      <c r="C121128" s="14" t="s">
        <v>565</v>
      </c>
      <c r="D121128" s="14" t="s">
        <v>193</v>
      </c>
      <c r="E121128" s="15">
        <v>45689</v>
      </c>
      <c r="F121128" s="14" t="s">
        <v>15</v>
      </c>
      <c r="G121128" s="16">
        <v>0.97700274352836858</v>
      </c>
    </row>
    <row r="121129" spans="1:7" x14ac:dyDescent="0.3">
      <c r="A121129" s="13" t="s">
        <v>567</v>
      </c>
      <c r="B121129" s="14" t="s">
        <v>1</v>
      </c>
      <c r="C121129" s="14" t="s">
        <v>565</v>
      </c>
      <c r="D121129" s="14" t="s">
        <v>193</v>
      </c>
      <c r="E121129" s="15">
        <v>45690</v>
      </c>
      <c r="F121129" s="14" t="s">
        <v>15</v>
      </c>
      <c r="G121129" s="16">
        <v>0.97700274352836858</v>
      </c>
    </row>
    <row r="121130" spans="1:7" x14ac:dyDescent="0.3">
      <c r="A121130" s="13" t="s">
        <v>567</v>
      </c>
      <c r="B121130" s="14" t="s">
        <v>1</v>
      </c>
      <c r="C121130" s="14" t="s">
        <v>565</v>
      </c>
      <c r="D121130" s="14" t="s">
        <v>193</v>
      </c>
      <c r="E121130" s="15">
        <v>45691</v>
      </c>
      <c r="F121130" s="14" t="s">
        <v>15</v>
      </c>
      <c r="G121130" s="16">
        <v>0.97700274352836858</v>
      </c>
    </row>
    <row r="121131" spans="1:7" x14ac:dyDescent="0.3">
      <c r="A121131" s="13" t="s">
        <v>567</v>
      </c>
      <c r="B121131" s="14" t="s">
        <v>1</v>
      </c>
      <c r="C121131" s="14" t="s">
        <v>565</v>
      </c>
      <c r="D121131" s="14" t="s">
        <v>193</v>
      </c>
      <c r="E121131" s="15">
        <v>45692</v>
      </c>
      <c r="F121131" s="14" t="s">
        <v>15</v>
      </c>
      <c r="G121131" s="16">
        <v>0.97700274352836858</v>
      </c>
    </row>
    <row r="121132" spans="1:7" x14ac:dyDescent="0.3">
      <c r="A121132" s="13" t="s">
        <v>567</v>
      </c>
      <c r="B121132" s="14" t="s">
        <v>1</v>
      </c>
      <c r="C121132" s="14" t="s">
        <v>565</v>
      </c>
      <c r="D121132" s="14" t="s">
        <v>193</v>
      </c>
      <c r="E121132" s="15">
        <v>45693</v>
      </c>
      <c r="F121132" s="14" t="s">
        <v>15</v>
      </c>
      <c r="G121132" s="16">
        <v>0.97153975766445422</v>
      </c>
    </row>
    <row r="121133" spans="1:7" x14ac:dyDescent="0.3">
      <c r="A121133" s="13" t="s">
        <v>567</v>
      </c>
      <c r="B121133" s="14" t="s">
        <v>1</v>
      </c>
      <c r="C121133" s="14" t="s">
        <v>565</v>
      </c>
      <c r="D121133" s="14" t="s">
        <v>193</v>
      </c>
      <c r="E121133" s="15">
        <v>45694</v>
      </c>
      <c r="F121133" s="14" t="s">
        <v>15</v>
      </c>
      <c r="G121133" s="16">
        <v>0.95625621297986441</v>
      </c>
    </row>
    <row r="121134" spans="1:7" x14ac:dyDescent="0.3">
      <c r="A121134" s="13" t="s">
        <v>567</v>
      </c>
      <c r="B121134" s="14" t="s">
        <v>1</v>
      </c>
      <c r="C121134" s="14" t="s">
        <v>565</v>
      </c>
      <c r="D121134" s="14" t="s">
        <v>193</v>
      </c>
      <c r="E121134" s="15">
        <v>45695</v>
      </c>
      <c r="F121134" s="14" t="s">
        <v>15</v>
      </c>
      <c r="G121134" s="16">
        <v>0.95442427743084446</v>
      </c>
    </row>
    <row r="121135" spans="1:7" x14ac:dyDescent="0.3">
      <c r="A121135" s="13" t="s">
        <v>567</v>
      </c>
      <c r="B121135" s="14" t="s">
        <v>1</v>
      </c>
      <c r="C121135" s="14" t="s">
        <v>565</v>
      </c>
      <c r="D121135" s="14" t="s">
        <v>193</v>
      </c>
      <c r="E121135" s="15">
        <v>45696</v>
      </c>
      <c r="F121135" s="14" t="s">
        <v>15</v>
      </c>
      <c r="G121135" s="16">
        <v>0.95442427743084446</v>
      </c>
    </row>
    <row r="121136" spans="1:7" x14ac:dyDescent="0.3">
      <c r="A121136" s="13" t="s">
        <v>567</v>
      </c>
      <c r="B121136" s="14" t="s">
        <v>1</v>
      </c>
      <c r="C121136" s="14" t="s">
        <v>565</v>
      </c>
      <c r="D121136" s="14" t="s">
        <v>193</v>
      </c>
      <c r="E121136" s="15">
        <v>45697</v>
      </c>
      <c r="F121136" s="14" t="s">
        <v>15</v>
      </c>
      <c r="G121136" s="16">
        <v>0.95442427743084446</v>
      </c>
    </row>
    <row r="121137" spans="1:7" x14ac:dyDescent="0.3">
      <c r="A121137" s="13" t="s">
        <v>567</v>
      </c>
      <c r="B121137" s="14" t="s">
        <v>1</v>
      </c>
      <c r="C121137" s="14" t="s">
        <v>565</v>
      </c>
      <c r="D121137" s="14" t="s">
        <v>193</v>
      </c>
      <c r="E121137" s="15">
        <v>45698</v>
      </c>
      <c r="F121137" s="14" t="s">
        <v>15</v>
      </c>
      <c r="G121137" s="16">
        <v>0.9603146032875467</v>
      </c>
    </row>
    <row r="121138" spans="1:7" x14ac:dyDescent="0.3">
      <c r="A121138" s="13" t="s">
        <v>567</v>
      </c>
      <c r="B121138" s="14" t="s">
        <v>1</v>
      </c>
      <c r="C121138" s="14" t="s">
        <v>565</v>
      </c>
      <c r="D121138" s="14" t="s">
        <v>193</v>
      </c>
      <c r="E121138" s="15">
        <v>45699</v>
      </c>
      <c r="F121138" s="14" t="s">
        <v>15</v>
      </c>
      <c r="G121138" s="16">
        <v>0.95474243808378212</v>
      </c>
    </row>
    <row r="121139" spans="1:7" x14ac:dyDescent="0.3">
      <c r="A121139" s="13" t="s">
        <v>567</v>
      </c>
      <c r="B121139" s="14" t="s">
        <v>1</v>
      </c>
      <c r="C121139" s="14" t="s">
        <v>565</v>
      </c>
      <c r="D121139" s="14" t="s">
        <v>193</v>
      </c>
      <c r="E121139" s="15">
        <v>45700</v>
      </c>
      <c r="F121139" s="14" t="s">
        <v>15</v>
      </c>
      <c r="G121139" s="16">
        <v>0.95289130126026911</v>
      </c>
    </row>
    <row r="121140" spans="1:7" x14ac:dyDescent="0.3">
      <c r="A121140" s="13" t="s">
        <v>567</v>
      </c>
      <c r="B121140" s="14" t="s">
        <v>1</v>
      </c>
      <c r="C121140" s="14" t="s">
        <v>565</v>
      </c>
      <c r="D121140" s="14" t="s">
        <v>193</v>
      </c>
      <c r="E121140" s="15">
        <v>45701</v>
      </c>
      <c r="F121140" s="14" t="s">
        <v>15</v>
      </c>
      <c r="G121140" s="16">
        <v>0.95104083424865693</v>
      </c>
    </row>
    <row r="121141" spans="1:7" x14ac:dyDescent="0.3">
      <c r="A121141" s="13" t="s">
        <v>567</v>
      </c>
      <c r="B121141" s="14" t="s">
        <v>1</v>
      </c>
      <c r="C121141" s="14" t="s">
        <v>565</v>
      </c>
      <c r="D121141" s="14" t="s">
        <v>193</v>
      </c>
      <c r="E121141" s="15">
        <v>45702</v>
      </c>
      <c r="F121141" s="14" t="s">
        <v>15</v>
      </c>
      <c r="G121141" s="16">
        <v>0.94917406848078911</v>
      </c>
    </row>
    <row r="121142" spans="1:7" x14ac:dyDescent="0.3">
      <c r="A121142" s="13" t="s">
        <v>567</v>
      </c>
      <c r="B121142" s="14" t="s">
        <v>1</v>
      </c>
      <c r="C121142" s="14" t="s">
        <v>565</v>
      </c>
      <c r="D121142" s="14" t="s">
        <v>193</v>
      </c>
      <c r="E121142" s="15">
        <v>45703</v>
      </c>
      <c r="F121142" s="14" t="s">
        <v>15</v>
      </c>
      <c r="G121142" s="16">
        <v>0.94917406848078911</v>
      </c>
    </row>
    <row r="121143" spans="1:7" x14ac:dyDescent="0.3">
      <c r="A121143" s="13" t="s">
        <v>567</v>
      </c>
      <c r="B121143" s="14" t="s">
        <v>1</v>
      </c>
      <c r="C121143" s="14" t="s">
        <v>565</v>
      </c>
      <c r="D121143" s="14" t="s">
        <v>193</v>
      </c>
      <c r="E121143" s="15">
        <v>45704</v>
      </c>
      <c r="F121143" s="14" t="s">
        <v>15</v>
      </c>
      <c r="G121143" s="16">
        <v>0.94917406848078911</v>
      </c>
    </row>
    <row r="121144" spans="1:7" x14ac:dyDescent="0.3">
      <c r="A121144" s="13" t="s">
        <v>567</v>
      </c>
      <c r="B121144" s="14" t="s">
        <v>1</v>
      </c>
      <c r="C121144" s="14" t="s">
        <v>565</v>
      </c>
      <c r="D121144" s="14" t="s">
        <v>193</v>
      </c>
      <c r="E121144" s="15">
        <v>45705</v>
      </c>
      <c r="F121144" s="14" t="s">
        <v>15</v>
      </c>
      <c r="G121144" s="16">
        <v>0.94730484673595117</v>
      </c>
    </row>
    <row r="121145" spans="1:7" x14ac:dyDescent="0.3">
      <c r="A121145" s="13" t="s">
        <v>567</v>
      </c>
      <c r="B121145" s="14" t="s">
        <v>1</v>
      </c>
      <c r="C121145" s="14" t="s">
        <v>565</v>
      </c>
      <c r="D121145" s="14" t="s">
        <v>193</v>
      </c>
      <c r="E121145" s="15">
        <v>45706</v>
      </c>
      <c r="F121145" s="14" t="s">
        <v>15</v>
      </c>
      <c r="G121145" s="16">
        <v>0.94162886068754359</v>
      </c>
    </row>
    <row r="121146" spans="1:7" x14ac:dyDescent="0.3">
      <c r="A121146" s="13" t="s">
        <v>567</v>
      </c>
      <c r="B121146" s="14" t="s">
        <v>1</v>
      </c>
      <c r="C121146" s="14" t="s">
        <v>565</v>
      </c>
      <c r="D121146" s="14" t="s">
        <v>193</v>
      </c>
      <c r="E121146" s="15">
        <v>45707</v>
      </c>
      <c r="F121146" s="14" t="s">
        <v>15</v>
      </c>
      <c r="G121146" s="16">
        <v>0.93971833387548243</v>
      </c>
    </row>
    <row r="121147" spans="1:7" x14ac:dyDescent="0.3">
      <c r="A121147" s="13" t="s">
        <v>567</v>
      </c>
      <c r="B121147" s="14" t="s">
        <v>1</v>
      </c>
      <c r="C121147" s="14" t="s">
        <v>565</v>
      </c>
      <c r="D121147" s="14" t="s">
        <v>193</v>
      </c>
      <c r="E121147" s="15">
        <v>45708</v>
      </c>
      <c r="F121147" s="14" t="s">
        <v>15</v>
      </c>
      <c r="G121147" s="16">
        <v>0.93779932277934286</v>
      </c>
    </row>
    <row r="121148" spans="1:7" x14ac:dyDescent="0.3">
      <c r="A121148" s="13" t="s">
        <v>567</v>
      </c>
      <c r="B121148" s="14" t="s">
        <v>1</v>
      </c>
      <c r="C121148" s="14" t="s">
        <v>565</v>
      </c>
      <c r="D121148" s="14" t="s">
        <v>193</v>
      </c>
      <c r="E121148" s="15">
        <v>45709</v>
      </c>
      <c r="F121148" s="14" t="s">
        <v>15</v>
      </c>
      <c r="G121148" s="16">
        <v>0.93587740916496587</v>
      </c>
    </row>
    <row r="121149" spans="1:7" x14ac:dyDescent="0.3">
      <c r="A121149" s="13" t="s">
        <v>567</v>
      </c>
      <c r="B121149" s="14" t="s">
        <v>1</v>
      </c>
      <c r="C121149" s="14" t="s">
        <v>565</v>
      </c>
      <c r="D121149" s="14" t="s">
        <v>193</v>
      </c>
      <c r="E121149" s="15">
        <v>45710</v>
      </c>
      <c r="F121149" s="14" t="s">
        <v>15</v>
      </c>
      <c r="G121149" s="16">
        <v>0.93587740916496587</v>
      </c>
    </row>
    <row r="121150" spans="1:7" x14ac:dyDescent="0.3">
      <c r="A121150" s="13" t="s">
        <v>567</v>
      </c>
      <c r="B121150" s="14" t="s">
        <v>1</v>
      </c>
      <c r="C121150" s="14" t="s">
        <v>565</v>
      </c>
      <c r="D121150" s="14" t="s">
        <v>193</v>
      </c>
      <c r="E121150" s="15">
        <v>45711</v>
      </c>
      <c r="F121150" s="14" t="s">
        <v>15</v>
      </c>
      <c r="G121150" s="16">
        <v>0.93587740916496587</v>
      </c>
    </row>
    <row r="121151" spans="1:7" x14ac:dyDescent="0.3">
      <c r="A121151" s="13" t="s">
        <v>567</v>
      </c>
      <c r="B121151" s="14" t="s">
        <v>1</v>
      </c>
      <c r="C121151" s="14" t="s">
        <v>565</v>
      </c>
      <c r="D121151" s="14" t="s">
        <v>193</v>
      </c>
      <c r="E121151" s="15">
        <v>45712</v>
      </c>
      <c r="F121151" s="14" t="s">
        <v>15</v>
      </c>
      <c r="G121151" s="16">
        <v>0.9339675521648052</v>
      </c>
    </row>
    <row r="121152" spans="1:7" x14ac:dyDescent="0.3">
      <c r="A121152" s="13" t="s">
        <v>567</v>
      </c>
      <c r="B121152" s="14" t="s">
        <v>1</v>
      </c>
      <c r="C121152" s="14" t="s">
        <v>565</v>
      </c>
      <c r="D121152" s="14" t="s">
        <v>193</v>
      </c>
      <c r="E121152" s="15">
        <v>45713</v>
      </c>
      <c r="F121152" s="14" t="s">
        <v>15</v>
      </c>
      <c r="G121152" s="16">
        <v>0.92814532385136339</v>
      </c>
    </row>
    <row r="121153" spans="1:7" x14ac:dyDescent="0.3">
      <c r="A121153" s="13" t="s">
        <v>567</v>
      </c>
      <c r="B121153" s="14" t="s">
        <v>1</v>
      </c>
      <c r="C121153" s="14" t="s">
        <v>565</v>
      </c>
      <c r="D121153" s="14" t="s">
        <v>193</v>
      </c>
      <c r="E121153" s="15">
        <v>45714</v>
      </c>
      <c r="F121153" s="14" t="s">
        <v>15</v>
      </c>
      <c r="G121153" s="16">
        <v>0.92622251715445159</v>
      </c>
    </row>
    <row r="121154" spans="1:7" x14ac:dyDescent="0.3">
      <c r="A121154" s="13" t="s">
        <v>567</v>
      </c>
      <c r="B121154" s="14" t="s">
        <v>1</v>
      </c>
      <c r="C121154" s="14" t="s">
        <v>565</v>
      </c>
      <c r="D121154" s="14" t="s">
        <v>193</v>
      </c>
      <c r="E121154" s="15">
        <v>45715</v>
      </c>
      <c r="F121154" s="14" t="s">
        <v>15</v>
      </c>
      <c r="G121154" s="16">
        <v>0.92476924860008602</v>
      </c>
    </row>
    <row r="121155" spans="1:7" x14ac:dyDescent="0.3">
      <c r="A121155" s="13" t="s">
        <v>567</v>
      </c>
      <c r="B121155" s="14" t="s">
        <v>1</v>
      </c>
      <c r="C121155" s="14" t="s">
        <v>565</v>
      </c>
      <c r="D121155" s="14" t="s">
        <v>193</v>
      </c>
      <c r="E121155" s="15">
        <v>45716</v>
      </c>
      <c r="F121155" s="14" t="s">
        <v>15</v>
      </c>
      <c r="G121155" s="16">
        <v>0.93761356161215381</v>
      </c>
    </row>
    <row r="121156" spans="1:7" x14ac:dyDescent="0.3">
      <c r="A121156" s="13" t="s">
        <v>567</v>
      </c>
      <c r="B121156" s="14" t="s">
        <v>1</v>
      </c>
      <c r="C121156" s="14" t="s">
        <v>565</v>
      </c>
      <c r="D121156" s="14" t="s">
        <v>193</v>
      </c>
      <c r="E121156" s="15">
        <v>45717</v>
      </c>
      <c r="F121156" s="14" t="s">
        <v>15</v>
      </c>
      <c r="G121156" s="16">
        <v>0.93761356161215381</v>
      </c>
    </row>
    <row r="121157" spans="1:7" x14ac:dyDescent="0.3">
      <c r="A121157" s="13" t="s">
        <v>567</v>
      </c>
      <c r="B121157" s="14" t="s">
        <v>1</v>
      </c>
      <c r="C121157" s="14" t="s">
        <v>565</v>
      </c>
      <c r="D121157" s="14" t="s">
        <v>193</v>
      </c>
      <c r="E121157" s="15">
        <v>45718</v>
      </c>
      <c r="F121157" s="14" t="s">
        <v>15</v>
      </c>
      <c r="G121157" s="16">
        <v>0.93761356161215381</v>
      </c>
    </row>
    <row r="121158" spans="1:7" x14ac:dyDescent="0.3">
      <c r="A121158" s="13" t="s">
        <v>567</v>
      </c>
      <c r="B121158" s="14" t="s">
        <v>1</v>
      </c>
      <c r="C121158" s="14" t="s">
        <v>565</v>
      </c>
      <c r="D121158" s="14" t="s">
        <v>193</v>
      </c>
      <c r="E121158" s="15">
        <v>45719</v>
      </c>
      <c r="F121158" s="14" t="s">
        <v>15</v>
      </c>
      <c r="G121158" s="16">
        <v>0.93569678322235073</v>
      </c>
    </row>
    <row r="121159" spans="1:7" x14ac:dyDescent="0.3">
      <c r="A121159" s="13" t="s">
        <v>567</v>
      </c>
      <c r="B121159" s="14" t="s">
        <v>1</v>
      </c>
      <c r="C121159" s="14" t="s">
        <v>565</v>
      </c>
      <c r="D121159" s="14" t="s">
        <v>193</v>
      </c>
      <c r="E121159" s="15">
        <v>45720</v>
      </c>
      <c r="F121159" s="14" t="s">
        <v>15</v>
      </c>
      <c r="G121159" s="16">
        <v>0.93007661483235338</v>
      </c>
    </row>
    <row r="121160" spans="1:7" x14ac:dyDescent="0.3">
      <c r="A121160" s="13" t="s">
        <v>567</v>
      </c>
      <c r="B121160" s="14" t="s">
        <v>1</v>
      </c>
      <c r="C121160" s="14" t="s">
        <v>565</v>
      </c>
      <c r="D121160" s="14" t="s">
        <v>193</v>
      </c>
      <c r="E121160" s="15">
        <v>45721</v>
      </c>
      <c r="F121160" s="14" t="s">
        <v>15</v>
      </c>
      <c r="G121160" s="16">
        <v>0.92820962579385169</v>
      </c>
    </row>
    <row r="121161" spans="1:7" x14ac:dyDescent="0.3">
      <c r="A121161" s="13" t="s">
        <v>567</v>
      </c>
      <c r="B121161" s="14" t="s">
        <v>1</v>
      </c>
      <c r="C121161" s="14" t="s">
        <v>565</v>
      </c>
      <c r="D121161" s="14" t="s">
        <v>193</v>
      </c>
      <c r="E121161" s="15">
        <v>45722</v>
      </c>
      <c r="F121161" s="14" t="s">
        <v>15</v>
      </c>
      <c r="G121161" s="16">
        <v>0.92707049902101835</v>
      </c>
    </row>
    <row r="121162" spans="1:7" x14ac:dyDescent="0.3">
      <c r="A121162" s="13" t="s">
        <v>567</v>
      </c>
      <c r="B121162" s="14" t="s">
        <v>1</v>
      </c>
      <c r="C121162" s="14" t="s">
        <v>565</v>
      </c>
      <c r="D121162" s="14" t="s">
        <v>193</v>
      </c>
      <c r="E121162" s="15">
        <v>45723</v>
      </c>
      <c r="F121162" s="14" t="s">
        <v>15</v>
      </c>
      <c r="G121162" s="16">
        <v>0.92517917348344991</v>
      </c>
    </row>
    <row r="121163" spans="1:7" x14ac:dyDescent="0.3">
      <c r="A121163" s="13" t="s">
        <v>567</v>
      </c>
      <c r="B121163" s="14" t="s">
        <v>1</v>
      </c>
      <c r="C121163" s="14" t="s">
        <v>565</v>
      </c>
      <c r="D121163" s="14" t="s">
        <v>193</v>
      </c>
      <c r="E121163" s="15">
        <v>45724</v>
      </c>
      <c r="F121163" s="14" t="s">
        <v>15</v>
      </c>
      <c r="G121163" s="16">
        <v>0.92517917348344991</v>
      </c>
    </row>
    <row r="121164" spans="1:7" x14ac:dyDescent="0.3">
      <c r="A121164" s="13" t="s">
        <v>567</v>
      </c>
      <c r="B121164" s="14" t="s">
        <v>1</v>
      </c>
      <c r="C121164" s="14" t="s">
        <v>565</v>
      </c>
      <c r="D121164" s="14" t="s">
        <v>193</v>
      </c>
      <c r="E121164" s="15">
        <v>45725</v>
      </c>
      <c r="F121164" s="14" t="s">
        <v>15</v>
      </c>
      <c r="G121164" s="16">
        <v>0.92517917348344991</v>
      </c>
    </row>
    <row r="121165" spans="1:7" x14ac:dyDescent="0.3">
      <c r="A121165" s="13" t="s">
        <v>567</v>
      </c>
      <c r="B121165" s="14" t="s">
        <v>1</v>
      </c>
      <c r="C121165" s="14" t="s">
        <v>565</v>
      </c>
      <c r="D121165" s="14" t="s">
        <v>193</v>
      </c>
      <c r="E121165" s="15">
        <v>45726</v>
      </c>
      <c r="F121165" s="14" t="s">
        <v>15</v>
      </c>
      <c r="G121165" s="16">
        <v>0.93063724739342446</v>
      </c>
    </row>
    <row r="121166" spans="1:7" x14ac:dyDescent="0.3">
      <c r="A121166" s="13" t="s">
        <v>567</v>
      </c>
      <c r="B121166" s="14" t="s">
        <v>1</v>
      </c>
      <c r="C121166" s="14" t="s">
        <v>565</v>
      </c>
      <c r="D121166" s="14" t="s">
        <v>193</v>
      </c>
      <c r="E121166" s="15">
        <v>45727</v>
      </c>
      <c r="F121166" s="14" t="s">
        <v>15</v>
      </c>
      <c r="G121166" s="16">
        <v>0.92810580494920902</v>
      </c>
    </row>
    <row r="121167" spans="1:7" x14ac:dyDescent="0.3">
      <c r="A121167" s="13" t="s">
        <v>567</v>
      </c>
      <c r="B121167" s="14" t="s">
        <v>1</v>
      </c>
      <c r="C121167" s="14" t="s">
        <v>565</v>
      </c>
      <c r="D121167" s="14" t="s">
        <v>193</v>
      </c>
      <c r="E121167" s="15">
        <v>45728</v>
      </c>
      <c r="F121167" s="14" t="s">
        <v>15</v>
      </c>
      <c r="G121167" s="16">
        <v>0.92621291651720528</v>
      </c>
    </row>
    <row r="121168" spans="1:7" x14ac:dyDescent="0.3">
      <c r="A121168" s="13" t="s">
        <v>567</v>
      </c>
      <c r="B121168" s="14" t="s">
        <v>1</v>
      </c>
      <c r="C121168" s="14" t="s">
        <v>565</v>
      </c>
      <c r="D121168" s="14" t="s">
        <v>193</v>
      </c>
      <c r="E121168" s="15">
        <v>45729</v>
      </c>
      <c r="F121168" s="14" t="s">
        <v>15</v>
      </c>
      <c r="G121168" s="16">
        <v>0.92433565702955633</v>
      </c>
    </row>
    <row r="121169" spans="1:7" x14ac:dyDescent="0.3">
      <c r="A121169" s="13" t="s">
        <v>567</v>
      </c>
      <c r="B121169" s="14" t="s">
        <v>1</v>
      </c>
      <c r="C121169" s="14" t="s">
        <v>565</v>
      </c>
      <c r="D121169" s="14" t="s">
        <v>193</v>
      </c>
      <c r="E121169" s="15">
        <v>45730</v>
      </c>
      <c r="F121169" s="14" t="s">
        <v>15</v>
      </c>
      <c r="G121169" s="16">
        <v>0.92244924344592838</v>
      </c>
    </row>
    <row r="121170" spans="1:7" x14ac:dyDescent="0.3">
      <c r="A121170" s="13" t="s">
        <v>567</v>
      </c>
      <c r="B121170" s="14" t="s">
        <v>1</v>
      </c>
      <c r="C121170" s="14" t="s">
        <v>565</v>
      </c>
      <c r="D121170" s="14" t="s">
        <v>193</v>
      </c>
      <c r="E121170" s="15">
        <v>45731</v>
      </c>
      <c r="F121170" s="14" t="s">
        <v>15</v>
      </c>
      <c r="G121170" s="16">
        <v>0.92244924344592838</v>
      </c>
    </row>
    <row r="121171" spans="1:7" x14ac:dyDescent="0.3">
      <c r="A121171" s="13" t="s">
        <v>567</v>
      </c>
      <c r="B121171" s="14" t="s">
        <v>1</v>
      </c>
      <c r="C121171" s="14" t="s">
        <v>565</v>
      </c>
      <c r="D121171" s="14" t="s">
        <v>193</v>
      </c>
      <c r="E121171" s="15">
        <v>45732</v>
      </c>
      <c r="F121171" s="14" t="s">
        <v>15</v>
      </c>
      <c r="G121171" s="16">
        <v>0.92244924344592838</v>
      </c>
    </row>
    <row r="121172" spans="1:7" x14ac:dyDescent="0.3">
      <c r="A121172" s="13" t="s">
        <v>567</v>
      </c>
      <c r="B121172" s="14" t="s">
        <v>1</v>
      </c>
      <c r="C121172" s="14" t="s">
        <v>565</v>
      </c>
      <c r="D121172" s="14" t="s">
        <v>193</v>
      </c>
      <c r="E121172" s="15">
        <v>45733</v>
      </c>
      <c r="F121172" s="14" t="s">
        <v>15</v>
      </c>
      <c r="G121172" s="16">
        <v>0.92244924344592838</v>
      </c>
    </row>
    <row r="121173" spans="1:7" x14ac:dyDescent="0.3">
      <c r="A121173" s="13" t="s">
        <v>567</v>
      </c>
      <c r="B121173" s="14" t="s">
        <v>1</v>
      </c>
      <c r="C121173" s="14" t="s">
        <v>565</v>
      </c>
      <c r="D121173" s="14" t="s">
        <v>193</v>
      </c>
      <c r="E121173" s="15">
        <v>45734</v>
      </c>
      <c r="F121173" s="14" t="s">
        <v>15</v>
      </c>
      <c r="G121173" s="16">
        <v>0.93503478579360699</v>
      </c>
    </row>
    <row r="121174" spans="1:7" x14ac:dyDescent="0.3">
      <c r="A121174" s="13" t="s">
        <v>567</v>
      </c>
      <c r="B121174" s="14" t="s">
        <v>1</v>
      </c>
      <c r="C121174" s="14" t="s">
        <v>565</v>
      </c>
      <c r="D121174" s="14" t="s">
        <v>193</v>
      </c>
      <c r="E121174" s="15">
        <v>45735</v>
      </c>
      <c r="F121174" s="14" t="s">
        <v>15</v>
      </c>
      <c r="G121174" s="16">
        <v>0.9560936719585742</v>
      </c>
    </row>
    <row r="121175" spans="1:7" x14ac:dyDescent="0.3">
      <c r="A121175" s="13" t="s">
        <v>567</v>
      </c>
      <c r="B121175" s="14" t="s">
        <v>1</v>
      </c>
      <c r="C121175" s="14" t="s">
        <v>565</v>
      </c>
      <c r="D121175" s="14" t="s">
        <v>193</v>
      </c>
      <c r="E121175" s="15">
        <v>45736</v>
      </c>
      <c r="F121175" s="14" t="s">
        <v>15</v>
      </c>
      <c r="G121175" s="16">
        <v>0.95416930236722708</v>
      </c>
    </row>
    <row r="121176" spans="1:7" x14ac:dyDescent="0.3">
      <c r="A121176" s="13" t="s">
        <v>567</v>
      </c>
      <c r="B121176" s="14" t="s">
        <v>1</v>
      </c>
      <c r="C121176" s="14" t="s">
        <v>565</v>
      </c>
      <c r="D121176" s="14" t="s">
        <v>193</v>
      </c>
      <c r="E121176" s="15">
        <v>45737</v>
      </c>
      <c r="F121176" s="14" t="s">
        <v>15</v>
      </c>
      <c r="G121176" s="16">
        <v>0.95224917491791927</v>
      </c>
    </row>
    <row r="121177" spans="1:7" x14ac:dyDescent="0.3">
      <c r="A121177" s="13" t="s">
        <v>567</v>
      </c>
      <c r="B121177" s="14" t="s">
        <v>1</v>
      </c>
      <c r="C121177" s="14" t="s">
        <v>565</v>
      </c>
      <c r="D121177" s="14" t="s">
        <v>193</v>
      </c>
      <c r="E121177" s="15">
        <v>45738</v>
      </c>
      <c r="F121177" s="14" t="s">
        <v>15</v>
      </c>
      <c r="G121177" s="16">
        <v>0.95224917491791927</v>
      </c>
    </row>
    <row r="121178" spans="1:7" x14ac:dyDescent="0.3">
      <c r="A121178" s="13" t="s">
        <v>567</v>
      </c>
      <c r="B121178" s="14" t="s">
        <v>1</v>
      </c>
      <c r="C121178" s="14" t="s">
        <v>565</v>
      </c>
      <c r="D121178" s="14" t="s">
        <v>193</v>
      </c>
      <c r="E121178" s="15">
        <v>45739</v>
      </c>
      <c r="F121178" s="14" t="s">
        <v>15</v>
      </c>
      <c r="G121178" s="16">
        <v>0.95224917491791927</v>
      </c>
    </row>
    <row r="121179" spans="1:7" x14ac:dyDescent="0.3">
      <c r="A121179" s="13" t="s">
        <v>567</v>
      </c>
      <c r="B121179" s="14" t="s">
        <v>1</v>
      </c>
      <c r="C121179" s="14" t="s">
        <v>565</v>
      </c>
      <c r="D121179" s="14" t="s">
        <v>193</v>
      </c>
      <c r="E121179" s="15">
        <v>45740</v>
      </c>
      <c r="F121179" s="14" t="s">
        <v>15</v>
      </c>
      <c r="G121179" s="16">
        <v>0.99956651447974121</v>
      </c>
    </row>
    <row r="121180" spans="1:7" x14ac:dyDescent="0.3">
      <c r="A121180" s="13" t="s">
        <v>567</v>
      </c>
      <c r="B121180" s="14" t="s">
        <v>1</v>
      </c>
      <c r="C121180" s="14" t="s">
        <v>565</v>
      </c>
      <c r="D121180" s="14" t="s">
        <v>193</v>
      </c>
      <c r="E121180" s="15">
        <v>45741</v>
      </c>
      <c r="F121180" s="14" t="s">
        <v>15</v>
      </c>
      <c r="G121180" s="16">
        <v>0.99387177851465969</v>
      </c>
    </row>
    <row r="121181" spans="1:7" x14ac:dyDescent="0.3">
      <c r="A121181" s="13" t="s">
        <v>567</v>
      </c>
      <c r="B121181" s="14" t="s">
        <v>1</v>
      </c>
      <c r="C121181" s="14" t="s">
        <v>565</v>
      </c>
      <c r="D121181" s="14" t="s">
        <v>193</v>
      </c>
      <c r="E121181" s="15">
        <v>45742</v>
      </c>
      <c r="F121181" s="14" t="s">
        <v>15</v>
      </c>
      <c r="G121181" s="16">
        <v>1.0164294076779827</v>
      </c>
    </row>
    <row r="121182" spans="1:7" x14ac:dyDescent="0.3">
      <c r="A121182" s="13" t="s">
        <v>567</v>
      </c>
      <c r="B121182" s="14" t="s">
        <v>1</v>
      </c>
      <c r="C121182" s="14" t="s">
        <v>565</v>
      </c>
      <c r="D121182" s="14" t="s">
        <v>193</v>
      </c>
      <c r="E121182" s="15">
        <v>45743</v>
      </c>
      <c r="F121182" s="14" t="s">
        <v>15</v>
      </c>
      <c r="G121182" s="16">
        <v>1.0147551362608913</v>
      </c>
    </row>
    <row r="121183" spans="1:7" x14ac:dyDescent="0.3">
      <c r="A121183" s="13" t="s">
        <v>567</v>
      </c>
      <c r="B121183" s="14" t="s">
        <v>1</v>
      </c>
      <c r="C121183" s="14" t="s">
        <v>565</v>
      </c>
      <c r="D121183" s="14" t="s">
        <v>193</v>
      </c>
      <c r="E121183" s="15">
        <v>45744</v>
      </c>
      <c r="F121183" s="14" t="s">
        <v>15</v>
      </c>
      <c r="G121183" s="16">
        <v>1.0642920563595124</v>
      </c>
    </row>
    <row r="121184" spans="1:7" x14ac:dyDescent="0.3">
      <c r="A121184" s="13" t="s">
        <v>567</v>
      </c>
      <c r="B121184" s="14" t="s">
        <v>1</v>
      </c>
      <c r="C121184" s="14" t="s">
        <v>565</v>
      </c>
      <c r="D121184" s="14" t="s">
        <v>193</v>
      </c>
      <c r="E121184" s="15">
        <v>45745</v>
      </c>
      <c r="F121184" s="14" t="s">
        <v>15</v>
      </c>
      <c r="G121184" s="16">
        <v>1.0642920563595124</v>
      </c>
    </row>
    <row r="121185" spans="1:7" x14ac:dyDescent="0.3">
      <c r="A121185" s="13" t="s">
        <v>567</v>
      </c>
      <c r="B121185" s="14" t="s">
        <v>1</v>
      </c>
      <c r="C121185" s="14" t="s">
        <v>565</v>
      </c>
      <c r="D121185" s="14" t="s">
        <v>193</v>
      </c>
      <c r="E121185" s="15">
        <v>45746</v>
      </c>
      <c r="F121185" s="14" t="s">
        <v>15</v>
      </c>
      <c r="G121185" s="16">
        <v>1.0642920563595124</v>
      </c>
    </row>
    <row r="121186" spans="1:7" x14ac:dyDescent="0.3">
      <c r="A121186" s="13" t="s">
        <v>567</v>
      </c>
      <c r="B121186" s="14" t="s">
        <v>1</v>
      </c>
      <c r="C121186" s="14" t="s">
        <v>565</v>
      </c>
      <c r="D121186" s="14" t="s">
        <v>193</v>
      </c>
      <c r="E121186" s="15">
        <v>45747</v>
      </c>
      <c r="F121186" s="14" t="s">
        <v>15</v>
      </c>
      <c r="G121186" s="16">
        <v>1.0642920563595124</v>
      </c>
    </row>
    <row r="121187" spans="1:7" x14ac:dyDescent="0.3">
      <c r="A121187" s="13" t="s">
        <v>568</v>
      </c>
      <c r="B121187" s="14" t="s">
        <v>1</v>
      </c>
      <c r="C121187" s="14" t="s">
        <v>565</v>
      </c>
      <c r="D121187" s="14" t="s">
        <v>406</v>
      </c>
      <c r="E121187" s="15">
        <v>45383</v>
      </c>
      <c r="F121187" s="14" t="s">
        <v>15</v>
      </c>
      <c r="G121187" s="16">
        <v>0</v>
      </c>
    </row>
    <row r="121188" spans="1:7" x14ac:dyDescent="0.3">
      <c r="A121188" s="13" t="s">
        <v>568</v>
      </c>
      <c r="B121188" s="14" t="s">
        <v>1</v>
      </c>
      <c r="C121188" s="14" t="s">
        <v>565</v>
      </c>
      <c r="D121188" s="14" t="s">
        <v>406</v>
      </c>
      <c r="E121188" s="15">
        <v>45384</v>
      </c>
      <c r="F121188" s="14" t="s">
        <v>15</v>
      </c>
      <c r="G121188" s="16">
        <v>0</v>
      </c>
    </row>
    <row r="121189" spans="1:7" x14ac:dyDescent="0.3">
      <c r="A121189" s="13" t="s">
        <v>568</v>
      </c>
      <c r="B121189" s="14" t="s">
        <v>1</v>
      </c>
      <c r="C121189" s="14" t="s">
        <v>565</v>
      </c>
      <c r="D121189" s="14" t="s">
        <v>406</v>
      </c>
      <c r="E121189" s="15">
        <v>45385</v>
      </c>
      <c r="F121189" s="14" t="s">
        <v>15</v>
      </c>
      <c r="G121189" s="16">
        <v>0</v>
      </c>
    </row>
    <row r="121190" spans="1:7" x14ac:dyDescent="0.3">
      <c r="A121190" s="13" t="s">
        <v>568</v>
      </c>
      <c r="B121190" s="14" t="s">
        <v>1</v>
      </c>
      <c r="C121190" s="14" t="s">
        <v>565</v>
      </c>
      <c r="D121190" s="14" t="s">
        <v>406</v>
      </c>
      <c r="E121190" s="15">
        <v>45386</v>
      </c>
      <c r="F121190" s="14" t="s">
        <v>15</v>
      </c>
      <c r="G121190" s="16">
        <v>0</v>
      </c>
    </row>
    <row r="121191" spans="1:7" x14ac:dyDescent="0.3">
      <c r="A121191" s="13" t="s">
        <v>568</v>
      </c>
      <c r="B121191" s="14" t="s">
        <v>1</v>
      </c>
      <c r="C121191" s="14" t="s">
        <v>565</v>
      </c>
      <c r="D121191" s="14" t="s">
        <v>406</v>
      </c>
      <c r="E121191" s="15">
        <v>45387</v>
      </c>
      <c r="F121191" s="14" t="s">
        <v>15</v>
      </c>
      <c r="G121191" s="16">
        <v>0</v>
      </c>
    </row>
    <row r="121192" spans="1:7" x14ac:dyDescent="0.3">
      <c r="A121192" s="13" t="s">
        <v>568</v>
      </c>
      <c r="B121192" s="14" t="s">
        <v>1</v>
      </c>
      <c r="C121192" s="14" t="s">
        <v>565</v>
      </c>
      <c r="D121192" s="14" t="s">
        <v>406</v>
      </c>
      <c r="E121192" s="15">
        <v>45388</v>
      </c>
      <c r="F121192" s="14" t="s">
        <v>15</v>
      </c>
      <c r="G121192" s="16">
        <v>0</v>
      </c>
    </row>
    <row r="121193" spans="1:7" x14ac:dyDescent="0.3">
      <c r="A121193" s="13" t="s">
        <v>568</v>
      </c>
      <c r="B121193" s="14" t="s">
        <v>1</v>
      </c>
      <c r="C121193" s="14" t="s">
        <v>565</v>
      </c>
      <c r="D121193" s="14" t="s">
        <v>406</v>
      </c>
      <c r="E121193" s="15">
        <v>45389</v>
      </c>
      <c r="F121193" s="14" t="s">
        <v>15</v>
      </c>
      <c r="G121193" s="16">
        <v>0</v>
      </c>
    </row>
    <row r="121194" spans="1:7" x14ac:dyDescent="0.3">
      <c r="A121194" s="13" t="s">
        <v>568</v>
      </c>
      <c r="B121194" s="14" t="s">
        <v>1</v>
      </c>
      <c r="C121194" s="14" t="s">
        <v>565</v>
      </c>
      <c r="D121194" s="14" t="s">
        <v>406</v>
      </c>
      <c r="E121194" s="15">
        <v>45390</v>
      </c>
      <c r="F121194" s="14" t="s">
        <v>15</v>
      </c>
      <c r="G121194" s="16">
        <v>0</v>
      </c>
    </row>
    <row r="121195" spans="1:7" x14ac:dyDescent="0.3">
      <c r="A121195" s="13" t="s">
        <v>568</v>
      </c>
      <c r="B121195" s="14" t="s">
        <v>1</v>
      </c>
      <c r="C121195" s="14" t="s">
        <v>565</v>
      </c>
      <c r="D121195" s="14" t="s">
        <v>406</v>
      </c>
      <c r="E121195" s="15">
        <v>45391</v>
      </c>
      <c r="F121195" s="14" t="s">
        <v>15</v>
      </c>
      <c r="G121195" s="16">
        <v>4.4754982830498419E-2</v>
      </c>
    </row>
    <row r="121196" spans="1:7" x14ac:dyDescent="0.3">
      <c r="A121196" s="13" t="s">
        <v>568</v>
      </c>
      <c r="B121196" s="14" t="s">
        <v>1</v>
      </c>
      <c r="C121196" s="14" t="s">
        <v>565</v>
      </c>
      <c r="D121196" s="14" t="s">
        <v>406</v>
      </c>
      <c r="E121196" s="15">
        <v>45392</v>
      </c>
      <c r="F121196" s="14" t="s">
        <v>15</v>
      </c>
      <c r="G121196" s="16">
        <v>4.3100853624164721E-2</v>
      </c>
    </row>
    <row r="121197" spans="1:7" x14ac:dyDescent="0.3">
      <c r="A121197" s="13" t="s">
        <v>568</v>
      </c>
      <c r="B121197" s="14" t="s">
        <v>1</v>
      </c>
      <c r="C121197" s="14" t="s">
        <v>565</v>
      </c>
      <c r="D121197" s="14" t="s">
        <v>406</v>
      </c>
      <c r="E121197" s="15">
        <v>45393</v>
      </c>
      <c r="F121197" s="14" t="s">
        <v>15</v>
      </c>
      <c r="G121197" s="16">
        <v>4.1439532551716521E-2</v>
      </c>
    </row>
    <row r="121198" spans="1:7" x14ac:dyDescent="0.3">
      <c r="A121198" s="13" t="s">
        <v>568</v>
      </c>
      <c r="B121198" s="14" t="s">
        <v>1</v>
      </c>
      <c r="C121198" s="14" t="s">
        <v>565</v>
      </c>
      <c r="D121198" s="14" t="s">
        <v>406</v>
      </c>
      <c r="E121198" s="15">
        <v>45394</v>
      </c>
      <c r="F121198" s="14" t="s">
        <v>15</v>
      </c>
      <c r="G121198" s="16">
        <v>4.3460446929889436E-2</v>
      </c>
    </row>
    <row r="121199" spans="1:7" x14ac:dyDescent="0.3">
      <c r="A121199" s="13" t="s">
        <v>568</v>
      </c>
      <c r="B121199" s="14" t="s">
        <v>1</v>
      </c>
      <c r="C121199" s="14" t="s">
        <v>565</v>
      </c>
      <c r="D121199" s="14" t="s">
        <v>406</v>
      </c>
      <c r="E121199" s="15">
        <v>45395</v>
      </c>
      <c r="F121199" s="14" t="s">
        <v>15</v>
      </c>
      <c r="G121199" s="16">
        <v>4.3460446929889436E-2</v>
      </c>
    </row>
    <row r="121200" spans="1:7" x14ac:dyDescent="0.3">
      <c r="A121200" s="13" t="s">
        <v>568</v>
      </c>
      <c r="B121200" s="14" t="s">
        <v>1</v>
      </c>
      <c r="C121200" s="14" t="s">
        <v>565</v>
      </c>
      <c r="D121200" s="14" t="s">
        <v>406</v>
      </c>
      <c r="E121200" s="15">
        <v>45396</v>
      </c>
      <c r="F121200" s="14" t="s">
        <v>15</v>
      </c>
      <c r="G121200" s="16">
        <v>4.3460446929889436E-2</v>
      </c>
    </row>
    <row r="121201" spans="1:7" x14ac:dyDescent="0.3">
      <c r="A121201" s="13" t="s">
        <v>568</v>
      </c>
      <c r="B121201" s="14" t="s">
        <v>1</v>
      </c>
      <c r="C121201" s="14" t="s">
        <v>565</v>
      </c>
      <c r="D121201" s="14" t="s">
        <v>406</v>
      </c>
      <c r="E121201" s="15">
        <v>45397</v>
      </c>
      <c r="F121201" s="14" t="s">
        <v>15</v>
      </c>
      <c r="G121201" s="16">
        <v>4.1799125857441236E-2</v>
      </c>
    </row>
    <row r="121202" spans="1:7" x14ac:dyDescent="0.3">
      <c r="A121202" s="13" t="s">
        <v>568</v>
      </c>
      <c r="B121202" s="14" t="s">
        <v>1</v>
      </c>
      <c r="C121202" s="14" t="s">
        <v>565</v>
      </c>
      <c r="D121202" s="14" t="s">
        <v>406</v>
      </c>
      <c r="E121202" s="15">
        <v>45398</v>
      </c>
      <c r="F121202" s="14" t="s">
        <v>15</v>
      </c>
      <c r="G121202" s="16">
        <v>3.6858313836783611E-2</v>
      </c>
    </row>
    <row r="121203" spans="1:7" x14ac:dyDescent="0.3">
      <c r="A121203" s="13" t="s">
        <v>568</v>
      </c>
      <c r="B121203" s="14" t="s">
        <v>1</v>
      </c>
      <c r="C121203" s="14" t="s">
        <v>565</v>
      </c>
      <c r="D121203" s="14" t="s">
        <v>406</v>
      </c>
      <c r="E121203" s="15">
        <v>45399</v>
      </c>
      <c r="F121203" s="14" t="s">
        <v>15</v>
      </c>
      <c r="G121203" s="16">
        <v>3.5232952094907885E-2</v>
      </c>
    </row>
    <row r="121204" spans="1:7" x14ac:dyDescent="0.3">
      <c r="A121204" s="13" t="s">
        <v>568</v>
      </c>
      <c r="B121204" s="14" t="s">
        <v>1</v>
      </c>
      <c r="C121204" s="14" t="s">
        <v>565</v>
      </c>
      <c r="D121204" s="14" t="s">
        <v>406</v>
      </c>
      <c r="E121204" s="15">
        <v>45400</v>
      </c>
      <c r="F121204" s="14" t="s">
        <v>15</v>
      </c>
      <c r="G121204" s="16">
        <v>0.10017550310879199</v>
      </c>
    </row>
    <row r="121205" spans="1:7" x14ac:dyDescent="0.3">
      <c r="A121205" s="13" t="s">
        <v>568</v>
      </c>
      <c r="B121205" s="14" t="s">
        <v>1</v>
      </c>
      <c r="C121205" s="14" t="s">
        <v>565</v>
      </c>
      <c r="D121205" s="14" t="s">
        <v>406</v>
      </c>
      <c r="E121205" s="15">
        <v>45401</v>
      </c>
      <c r="F121205" s="14" t="s">
        <v>15</v>
      </c>
      <c r="G121205" s="16">
        <v>9.8435071509084371E-2</v>
      </c>
    </row>
    <row r="121206" spans="1:7" x14ac:dyDescent="0.3">
      <c r="A121206" s="13" t="s">
        <v>568</v>
      </c>
      <c r="B121206" s="14" t="s">
        <v>1</v>
      </c>
      <c r="C121206" s="14" t="s">
        <v>565</v>
      </c>
      <c r="D121206" s="14" t="s">
        <v>406</v>
      </c>
      <c r="E121206" s="15">
        <v>45402</v>
      </c>
      <c r="F121206" s="14" t="s">
        <v>15</v>
      </c>
      <c r="G121206" s="16">
        <v>9.8435071509084371E-2</v>
      </c>
    </row>
    <row r="121207" spans="1:7" x14ac:dyDescent="0.3">
      <c r="A121207" s="13" t="s">
        <v>568</v>
      </c>
      <c r="B121207" s="14" t="s">
        <v>1</v>
      </c>
      <c r="C121207" s="14" t="s">
        <v>565</v>
      </c>
      <c r="D121207" s="14" t="s">
        <v>406</v>
      </c>
      <c r="E121207" s="15">
        <v>45403</v>
      </c>
      <c r="F121207" s="14" t="s">
        <v>15</v>
      </c>
      <c r="G121207" s="16">
        <v>9.8435071509084371E-2</v>
      </c>
    </row>
    <row r="121208" spans="1:7" x14ac:dyDescent="0.3">
      <c r="A121208" s="13" t="s">
        <v>568</v>
      </c>
      <c r="B121208" s="14" t="s">
        <v>1</v>
      </c>
      <c r="C121208" s="14" t="s">
        <v>565</v>
      </c>
      <c r="D121208" s="14" t="s">
        <v>406</v>
      </c>
      <c r="E121208" s="15">
        <v>45404</v>
      </c>
      <c r="F121208" s="14" t="s">
        <v>15</v>
      </c>
      <c r="G121208" s="16">
        <v>9.6838477231666623E-2</v>
      </c>
    </row>
    <row r="121209" spans="1:7" x14ac:dyDescent="0.3">
      <c r="A121209" s="13" t="s">
        <v>568</v>
      </c>
      <c r="B121209" s="14" t="s">
        <v>1</v>
      </c>
      <c r="C121209" s="14" t="s">
        <v>565</v>
      </c>
      <c r="D121209" s="14" t="s">
        <v>406</v>
      </c>
      <c r="E121209" s="15">
        <v>45405</v>
      </c>
      <c r="F121209" s="14" t="s">
        <v>15</v>
      </c>
      <c r="G121209" s="16">
        <v>9.2127804926672802E-2</v>
      </c>
    </row>
    <row r="121210" spans="1:7" x14ac:dyDescent="0.3">
      <c r="A121210" s="13" t="s">
        <v>568</v>
      </c>
      <c r="B121210" s="14" t="s">
        <v>1</v>
      </c>
      <c r="C121210" s="14" t="s">
        <v>565</v>
      </c>
      <c r="D121210" s="14" t="s">
        <v>406</v>
      </c>
      <c r="E121210" s="15">
        <v>45406</v>
      </c>
      <c r="F121210" s="14" t="s">
        <v>15</v>
      </c>
      <c r="G121210" s="16">
        <v>9.0372989594736178E-2</v>
      </c>
    </row>
    <row r="121211" spans="1:7" x14ac:dyDescent="0.3">
      <c r="A121211" s="13" t="s">
        <v>568</v>
      </c>
      <c r="B121211" s="14" t="s">
        <v>1</v>
      </c>
      <c r="C121211" s="14" t="s">
        <v>565</v>
      </c>
      <c r="D121211" s="14" t="s">
        <v>406</v>
      </c>
      <c r="E121211" s="15">
        <v>45407</v>
      </c>
      <c r="F121211" s="14" t="s">
        <v>15</v>
      </c>
      <c r="G121211" s="16">
        <v>8.666917854577158E-2</v>
      </c>
    </row>
    <row r="121212" spans="1:7" x14ac:dyDescent="0.3">
      <c r="A121212" s="13" t="s">
        <v>568</v>
      </c>
      <c r="B121212" s="14" t="s">
        <v>1</v>
      </c>
      <c r="C121212" s="14" t="s">
        <v>565</v>
      </c>
      <c r="D121212" s="14" t="s">
        <v>406</v>
      </c>
      <c r="E121212" s="15">
        <v>45408</v>
      </c>
      <c r="F121212" s="14" t="s">
        <v>15</v>
      </c>
      <c r="G121212" s="16">
        <v>8.5209229724529226E-2</v>
      </c>
    </row>
    <row r="121213" spans="1:7" x14ac:dyDescent="0.3">
      <c r="A121213" s="13" t="s">
        <v>568</v>
      </c>
      <c r="B121213" s="14" t="s">
        <v>1</v>
      </c>
      <c r="C121213" s="14" t="s">
        <v>565</v>
      </c>
      <c r="D121213" s="14" t="s">
        <v>406</v>
      </c>
      <c r="E121213" s="15">
        <v>45409</v>
      </c>
      <c r="F121213" s="14" t="s">
        <v>15</v>
      </c>
      <c r="G121213" s="16">
        <v>8.5209229724529226E-2</v>
      </c>
    </row>
    <row r="121214" spans="1:7" x14ac:dyDescent="0.3">
      <c r="A121214" s="13" t="s">
        <v>568</v>
      </c>
      <c r="B121214" s="14" t="s">
        <v>1</v>
      </c>
      <c r="C121214" s="14" t="s">
        <v>565</v>
      </c>
      <c r="D121214" s="14" t="s">
        <v>406</v>
      </c>
      <c r="E121214" s="15">
        <v>45410</v>
      </c>
      <c r="F121214" s="14" t="s">
        <v>15</v>
      </c>
      <c r="G121214" s="16">
        <v>8.5209229724529226E-2</v>
      </c>
    </row>
    <row r="121215" spans="1:7" x14ac:dyDescent="0.3">
      <c r="A121215" s="13" t="s">
        <v>568</v>
      </c>
      <c r="B121215" s="14" t="s">
        <v>1</v>
      </c>
      <c r="C121215" s="14" t="s">
        <v>565</v>
      </c>
      <c r="D121215" s="14" t="s">
        <v>406</v>
      </c>
      <c r="E121215" s="15">
        <v>45411</v>
      </c>
      <c r="F121215" s="14" t="s">
        <v>15</v>
      </c>
      <c r="G121215" s="16">
        <v>8.1052331110351469E-2</v>
      </c>
    </row>
    <row r="121216" spans="1:7" x14ac:dyDescent="0.3">
      <c r="A121216" s="13" t="s">
        <v>568</v>
      </c>
      <c r="B121216" s="14" t="s">
        <v>1</v>
      </c>
      <c r="C121216" s="14" t="s">
        <v>565</v>
      </c>
      <c r="D121216" s="14" t="s">
        <v>406</v>
      </c>
      <c r="E121216" s="15">
        <v>45412</v>
      </c>
      <c r="F121216" s="14" t="s">
        <v>15</v>
      </c>
      <c r="G121216" s="16">
        <v>7.8463259309133504E-2</v>
      </c>
    </row>
    <row r="121217" spans="1:7" x14ac:dyDescent="0.3">
      <c r="A121217" s="13" t="s">
        <v>568</v>
      </c>
      <c r="B121217" s="14" t="s">
        <v>1</v>
      </c>
      <c r="C121217" s="14" t="s">
        <v>565</v>
      </c>
      <c r="D121217" s="14" t="s">
        <v>406</v>
      </c>
      <c r="E121217" s="15">
        <v>45413</v>
      </c>
      <c r="F121217" s="14" t="s">
        <v>15</v>
      </c>
      <c r="G121217" s="16">
        <v>7.8463259309133504E-2</v>
      </c>
    </row>
    <row r="121218" spans="1:7" x14ac:dyDescent="0.3">
      <c r="A121218" s="13" t="s">
        <v>568</v>
      </c>
      <c r="B121218" s="14" t="s">
        <v>1</v>
      </c>
      <c r="C121218" s="14" t="s">
        <v>565</v>
      </c>
      <c r="D121218" s="14" t="s">
        <v>406</v>
      </c>
      <c r="E121218" s="15">
        <v>45414</v>
      </c>
      <c r="F121218" s="14" t="s">
        <v>15</v>
      </c>
      <c r="G121218" s="16">
        <v>7.8463259309133504E-2</v>
      </c>
    </row>
    <row r="121219" spans="1:7" x14ac:dyDescent="0.3">
      <c r="A121219" s="13" t="s">
        <v>568</v>
      </c>
      <c r="B121219" s="14" t="s">
        <v>1</v>
      </c>
      <c r="C121219" s="14" t="s">
        <v>565</v>
      </c>
      <c r="D121219" s="14" t="s">
        <v>406</v>
      </c>
      <c r="E121219" s="15">
        <v>45415</v>
      </c>
      <c r="F121219" s="14" t="s">
        <v>15</v>
      </c>
      <c r="G121219" s="16">
        <v>7.8463259309133504E-2</v>
      </c>
    </row>
    <row r="121220" spans="1:7" x14ac:dyDescent="0.3">
      <c r="A121220" s="13" t="s">
        <v>568</v>
      </c>
      <c r="B121220" s="14" t="s">
        <v>1</v>
      </c>
      <c r="C121220" s="14" t="s">
        <v>565</v>
      </c>
      <c r="D121220" s="14" t="s">
        <v>406</v>
      </c>
      <c r="E121220" s="15">
        <v>45416</v>
      </c>
      <c r="F121220" s="14" t="s">
        <v>15</v>
      </c>
      <c r="G121220" s="16">
        <v>7.8463259309133504E-2</v>
      </c>
    </row>
    <row r="121221" spans="1:7" x14ac:dyDescent="0.3">
      <c r="A121221" s="13" t="s">
        <v>568</v>
      </c>
      <c r="B121221" s="14" t="s">
        <v>1</v>
      </c>
      <c r="C121221" s="14" t="s">
        <v>565</v>
      </c>
      <c r="D121221" s="14" t="s">
        <v>406</v>
      </c>
      <c r="E121221" s="15">
        <v>45417</v>
      </c>
      <c r="F121221" s="14" t="s">
        <v>15</v>
      </c>
      <c r="G121221" s="16">
        <v>7.8463259309133504E-2</v>
      </c>
    </row>
    <row r="121222" spans="1:7" x14ac:dyDescent="0.3">
      <c r="A121222" s="13" t="s">
        <v>568</v>
      </c>
      <c r="B121222" s="14" t="s">
        <v>1</v>
      </c>
      <c r="C121222" s="14" t="s">
        <v>565</v>
      </c>
      <c r="D121222" s="14" t="s">
        <v>406</v>
      </c>
      <c r="E121222" s="15">
        <v>45418</v>
      </c>
      <c r="F121222" s="14" t="s">
        <v>15</v>
      </c>
      <c r="G121222" s="16">
        <v>7.8463259309133504E-2</v>
      </c>
    </row>
    <row r="121223" spans="1:7" x14ac:dyDescent="0.3">
      <c r="A121223" s="13" t="s">
        <v>568</v>
      </c>
      <c r="B121223" s="14" t="s">
        <v>1</v>
      </c>
      <c r="C121223" s="14" t="s">
        <v>565</v>
      </c>
      <c r="D121223" s="14" t="s">
        <v>406</v>
      </c>
      <c r="E121223" s="15">
        <v>45419</v>
      </c>
      <c r="F121223" s="14" t="s">
        <v>15</v>
      </c>
      <c r="G121223" s="16">
        <v>7.4421430552787673E-2</v>
      </c>
    </row>
    <row r="121224" spans="1:7" x14ac:dyDescent="0.3">
      <c r="A121224" s="13" t="s">
        <v>568</v>
      </c>
      <c r="B121224" s="14" t="s">
        <v>1</v>
      </c>
      <c r="C121224" s="14" t="s">
        <v>565</v>
      </c>
      <c r="D121224" s="14" t="s">
        <v>406</v>
      </c>
      <c r="E121224" s="15">
        <v>45420</v>
      </c>
      <c r="F121224" s="14" t="s">
        <v>15</v>
      </c>
      <c r="G121224" s="16">
        <v>6.9775485042824312E-2</v>
      </c>
    </row>
    <row r="121225" spans="1:7" x14ac:dyDescent="0.3">
      <c r="A121225" s="13" t="s">
        <v>568</v>
      </c>
      <c r="B121225" s="14" t="s">
        <v>1</v>
      </c>
      <c r="C121225" s="14" t="s">
        <v>565</v>
      </c>
      <c r="D121225" s="14" t="s">
        <v>406</v>
      </c>
      <c r="E121225" s="15">
        <v>45421</v>
      </c>
      <c r="F121225" s="14" t="s">
        <v>15</v>
      </c>
      <c r="G121225" s="16">
        <v>7.1170707069036207E-2</v>
      </c>
    </row>
    <row r="121226" spans="1:7" x14ac:dyDescent="0.3">
      <c r="A121226" s="13" t="s">
        <v>568</v>
      </c>
      <c r="B121226" s="14" t="s">
        <v>1</v>
      </c>
      <c r="C121226" s="14" t="s">
        <v>565</v>
      </c>
      <c r="D121226" s="14" t="s">
        <v>406</v>
      </c>
      <c r="E121226" s="15">
        <v>45422</v>
      </c>
      <c r="F121226" s="14" t="s">
        <v>15</v>
      </c>
      <c r="G121226" s="16">
        <v>0.11550136979877947</v>
      </c>
    </row>
    <row r="121227" spans="1:7" x14ac:dyDescent="0.3">
      <c r="A121227" s="13" t="s">
        <v>568</v>
      </c>
      <c r="B121227" s="14" t="s">
        <v>1</v>
      </c>
      <c r="C121227" s="14" t="s">
        <v>565</v>
      </c>
      <c r="D121227" s="14" t="s">
        <v>406</v>
      </c>
      <c r="E121227" s="15">
        <v>45423</v>
      </c>
      <c r="F121227" s="14" t="s">
        <v>15</v>
      </c>
      <c r="G121227" s="16">
        <v>0.11550136979877947</v>
      </c>
    </row>
    <row r="121228" spans="1:7" x14ac:dyDescent="0.3">
      <c r="A121228" s="13" t="s">
        <v>568</v>
      </c>
      <c r="B121228" s="14" t="s">
        <v>1</v>
      </c>
      <c r="C121228" s="14" t="s">
        <v>565</v>
      </c>
      <c r="D121228" s="14" t="s">
        <v>406</v>
      </c>
      <c r="E121228" s="15">
        <v>45424</v>
      </c>
      <c r="F121228" s="14" t="s">
        <v>15</v>
      </c>
      <c r="G121228" s="16">
        <v>0.11550136979877947</v>
      </c>
    </row>
    <row r="121229" spans="1:7" x14ac:dyDescent="0.3">
      <c r="A121229" s="13" t="s">
        <v>568</v>
      </c>
      <c r="B121229" s="14" t="s">
        <v>1</v>
      </c>
      <c r="C121229" s="14" t="s">
        <v>565</v>
      </c>
      <c r="D121229" s="14" t="s">
        <v>406</v>
      </c>
      <c r="E121229" s="15">
        <v>45425</v>
      </c>
      <c r="F121229" s="14" t="s">
        <v>15</v>
      </c>
      <c r="G121229" s="16">
        <v>0.13200670253154403</v>
      </c>
    </row>
    <row r="121230" spans="1:7" x14ac:dyDescent="0.3">
      <c r="A121230" s="13" t="s">
        <v>568</v>
      </c>
      <c r="B121230" s="14" t="s">
        <v>1</v>
      </c>
      <c r="C121230" s="14" t="s">
        <v>565</v>
      </c>
      <c r="D121230" s="14" t="s">
        <v>406</v>
      </c>
      <c r="E121230" s="15">
        <v>45426</v>
      </c>
      <c r="F121230" s="14" t="s">
        <v>15</v>
      </c>
      <c r="G121230" s="16">
        <v>0.12693643692082549</v>
      </c>
    </row>
    <row r="121231" spans="1:7" x14ac:dyDescent="0.3">
      <c r="A121231" s="13" t="s">
        <v>568</v>
      </c>
      <c r="B121231" s="14" t="s">
        <v>1</v>
      </c>
      <c r="C121231" s="14" t="s">
        <v>565</v>
      </c>
      <c r="D121231" s="14" t="s">
        <v>406</v>
      </c>
      <c r="E121231" s="15">
        <v>45427</v>
      </c>
      <c r="F121231" s="14" t="s">
        <v>15</v>
      </c>
      <c r="G121231" s="16">
        <v>0.12693643692082549</v>
      </c>
    </row>
    <row r="121232" spans="1:7" x14ac:dyDescent="0.3">
      <c r="A121232" s="13" t="s">
        <v>568</v>
      </c>
      <c r="B121232" s="14" t="s">
        <v>1</v>
      </c>
      <c r="C121232" s="14" t="s">
        <v>565</v>
      </c>
      <c r="D121232" s="14" t="s">
        <v>406</v>
      </c>
      <c r="E121232" s="15">
        <v>45428</v>
      </c>
      <c r="F121232" s="14" t="s">
        <v>15</v>
      </c>
      <c r="G121232" s="16">
        <v>0.12523915651780482</v>
      </c>
    </row>
    <row r="121233" spans="1:7" x14ac:dyDescent="0.3">
      <c r="A121233" s="13" t="s">
        <v>568</v>
      </c>
      <c r="B121233" s="14" t="s">
        <v>1</v>
      </c>
      <c r="C121233" s="14" t="s">
        <v>565</v>
      </c>
      <c r="D121233" s="14" t="s">
        <v>406</v>
      </c>
      <c r="E121233" s="15">
        <v>45429</v>
      </c>
      <c r="F121233" s="14" t="s">
        <v>15</v>
      </c>
      <c r="G121233" s="16">
        <v>0.14828189554864474</v>
      </c>
    </row>
    <row r="121234" spans="1:7" x14ac:dyDescent="0.3">
      <c r="A121234" s="13" t="s">
        <v>568</v>
      </c>
      <c r="B121234" s="14" t="s">
        <v>1</v>
      </c>
      <c r="C121234" s="14" t="s">
        <v>565</v>
      </c>
      <c r="D121234" s="14" t="s">
        <v>406</v>
      </c>
      <c r="E121234" s="15">
        <v>45430</v>
      </c>
      <c r="F121234" s="14" t="s">
        <v>15</v>
      </c>
      <c r="G121234" s="16">
        <v>0.14828189554864474</v>
      </c>
    </row>
    <row r="121235" spans="1:7" x14ac:dyDescent="0.3">
      <c r="A121235" s="13" t="s">
        <v>568</v>
      </c>
      <c r="B121235" s="14" t="s">
        <v>1</v>
      </c>
      <c r="C121235" s="14" t="s">
        <v>565</v>
      </c>
      <c r="D121235" s="14" t="s">
        <v>406</v>
      </c>
      <c r="E121235" s="15">
        <v>45431</v>
      </c>
      <c r="F121235" s="14" t="s">
        <v>15</v>
      </c>
      <c r="G121235" s="16">
        <v>0.14828189554864474</v>
      </c>
    </row>
    <row r="121236" spans="1:7" x14ac:dyDescent="0.3">
      <c r="A121236" s="13" t="s">
        <v>568</v>
      </c>
      <c r="B121236" s="14" t="s">
        <v>1</v>
      </c>
      <c r="C121236" s="14" t="s">
        <v>565</v>
      </c>
      <c r="D121236" s="14" t="s">
        <v>406</v>
      </c>
      <c r="E121236" s="15">
        <v>45432</v>
      </c>
      <c r="F121236" s="14" t="s">
        <v>15</v>
      </c>
      <c r="G121236" s="16">
        <v>0.19447525160204204</v>
      </c>
    </row>
    <row r="121237" spans="1:7" x14ac:dyDescent="0.3">
      <c r="A121237" s="13" t="s">
        <v>568</v>
      </c>
      <c r="B121237" s="14" t="s">
        <v>1</v>
      </c>
      <c r="C121237" s="14" t="s">
        <v>565</v>
      </c>
      <c r="D121237" s="14" t="s">
        <v>406</v>
      </c>
      <c r="E121237" s="15">
        <v>45433</v>
      </c>
      <c r="F121237" s="14" t="s">
        <v>15</v>
      </c>
      <c r="G121237" s="16">
        <v>0.19745987603955717</v>
      </c>
    </row>
    <row r="121238" spans="1:7" x14ac:dyDescent="0.3">
      <c r="A121238" s="13" t="s">
        <v>568</v>
      </c>
      <c r="B121238" s="14" t="s">
        <v>1</v>
      </c>
      <c r="C121238" s="14" t="s">
        <v>565</v>
      </c>
      <c r="D121238" s="14" t="s">
        <v>406</v>
      </c>
      <c r="E121238" s="15">
        <v>45434</v>
      </c>
      <c r="F121238" s="14" t="s">
        <v>15</v>
      </c>
      <c r="G121238" s="16">
        <v>0.19571944443984954</v>
      </c>
    </row>
    <row r="121239" spans="1:7" x14ac:dyDescent="0.3">
      <c r="A121239" s="13" t="s">
        <v>568</v>
      </c>
      <c r="B121239" s="14" t="s">
        <v>1</v>
      </c>
      <c r="C121239" s="14" t="s">
        <v>565</v>
      </c>
      <c r="D121239" s="14" t="s">
        <v>406</v>
      </c>
      <c r="E121239" s="15">
        <v>45435</v>
      </c>
      <c r="F121239" s="14" t="s">
        <v>15</v>
      </c>
      <c r="G121239" s="16">
        <v>0.21062818289519636</v>
      </c>
    </row>
    <row r="121240" spans="1:7" x14ac:dyDescent="0.3">
      <c r="A121240" s="13" t="s">
        <v>568</v>
      </c>
      <c r="B121240" s="14" t="s">
        <v>1</v>
      </c>
      <c r="C121240" s="14" t="s">
        <v>565</v>
      </c>
      <c r="D121240" s="14" t="s">
        <v>406</v>
      </c>
      <c r="E121240" s="15">
        <v>45436</v>
      </c>
      <c r="F121240" s="14" t="s">
        <v>15</v>
      </c>
      <c r="G121240" s="16">
        <v>0.20890932689383221</v>
      </c>
    </row>
    <row r="121241" spans="1:7" x14ac:dyDescent="0.3">
      <c r="A121241" s="13" t="s">
        <v>568</v>
      </c>
      <c r="B121241" s="14" t="s">
        <v>1</v>
      </c>
      <c r="C121241" s="14" t="s">
        <v>565</v>
      </c>
      <c r="D121241" s="14" t="s">
        <v>406</v>
      </c>
      <c r="E121241" s="15">
        <v>45437</v>
      </c>
      <c r="F121241" s="14" t="s">
        <v>15</v>
      </c>
      <c r="G121241" s="16">
        <v>0.20890932689383221</v>
      </c>
    </row>
    <row r="121242" spans="1:7" x14ac:dyDescent="0.3">
      <c r="A121242" s="13" t="s">
        <v>568</v>
      </c>
      <c r="B121242" s="14" t="s">
        <v>1</v>
      </c>
      <c r="C121242" s="14" t="s">
        <v>565</v>
      </c>
      <c r="D121242" s="14" t="s">
        <v>406</v>
      </c>
      <c r="E121242" s="15">
        <v>45438</v>
      </c>
      <c r="F121242" s="14" t="s">
        <v>15</v>
      </c>
      <c r="G121242" s="16">
        <v>0.20890932689383221</v>
      </c>
    </row>
    <row r="121243" spans="1:7" x14ac:dyDescent="0.3">
      <c r="A121243" s="13" t="s">
        <v>568</v>
      </c>
      <c r="B121243" s="14" t="s">
        <v>1</v>
      </c>
      <c r="C121243" s="14" t="s">
        <v>565</v>
      </c>
      <c r="D121243" s="14" t="s">
        <v>406</v>
      </c>
      <c r="E121243" s="15">
        <v>45439</v>
      </c>
      <c r="F121243" s="14" t="s">
        <v>15</v>
      </c>
      <c r="G121243" s="16">
        <v>0.20660792973719402</v>
      </c>
    </row>
    <row r="121244" spans="1:7" x14ac:dyDescent="0.3">
      <c r="A121244" s="13" t="s">
        <v>568</v>
      </c>
      <c r="B121244" s="14" t="s">
        <v>1</v>
      </c>
      <c r="C121244" s="14" t="s">
        <v>565</v>
      </c>
      <c r="D121244" s="14" t="s">
        <v>406</v>
      </c>
      <c r="E121244" s="15">
        <v>45440</v>
      </c>
      <c r="F121244" s="14" t="s">
        <v>15</v>
      </c>
      <c r="G121244" s="16">
        <v>0.20440721870615874</v>
      </c>
    </row>
    <row r="121245" spans="1:7" x14ac:dyDescent="0.3">
      <c r="A121245" s="13" t="s">
        <v>568</v>
      </c>
      <c r="B121245" s="14" t="s">
        <v>1</v>
      </c>
      <c r="C121245" s="14" t="s">
        <v>565</v>
      </c>
      <c r="D121245" s="14" t="s">
        <v>406</v>
      </c>
      <c r="E121245" s="15">
        <v>45441</v>
      </c>
      <c r="F121245" s="14" t="s">
        <v>15</v>
      </c>
      <c r="G121245" s="16">
        <v>0.20094793110508696</v>
      </c>
    </row>
    <row r="121246" spans="1:7" x14ac:dyDescent="0.3">
      <c r="A121246" s="13" t="s">
        <v>568</v>
      </c>
      <c r="B121246" s="14" t="s">
        <v>1</v>
      </c>
      <c r="C121246" s="14" t="s">
        <v>565</v>
      </c>
      <c r="D121246" s="14" t="s">
        <v>406</v>
      </c>
      <c r="E121246" s="15">
        <v>45442</v>
      </c>
      <c r="F121246" s="14" t="s">
        <v>15</v>
      </c>
      <c r="G121246" s="16">
        <v>0.2403593574125161</v>
      </c>
    </row>
    <row r="121247" spans="1:7" x14ac:dyDescent="0.3">
      <c r="A121247" s="13" t="s">
        <v>568</v>
      </c>
      <c r="B121247" s="14" t="s">
        <v>1</v>
      </c>
      <c r="C121247" s="14" t="s">
        <v>565</v>
      </c>
      <c r="D121247" s="14" t="s">
        <v>406</v>
      </c>
      <c r="E121247" s="15">
        <v>45443</v>
      </c>
      <c r="F121247" s="14" t="s">
        <v>15</v>
      </c>
      <c r="G121247" s="16">
        <v>0.27322618555575534</v>
      </c>
    </row>
    <row r="121248" spans="1:7" x14ac:dyDescent="0.3">
      <c r="A121248" s="13" t="s">
        <v>568</v>
      </c>
      <c r="B121248" s="14" t="s">
        <v>1</v>
      </c>
      <c r="C121248" s="14" t="s">
        <v>565</v>
      </c>
      <c r="D121248" s="14" t="s">
        <v>406</v>
      </c>
      <c r="E121248" s="15">
        <v>45444</v>
      </c>
      <c r="F121248" s="14" t="s">
        <v>15</v>
      </c>
      <c r="G121248" s="16">
        <v>0.27322618555575534</v>
      </c>
    </row>
    <row r="121249" spans="1:7" x14ac:dyDescent="0.3">
      <c r="A121249" s="13" t="s">
        <v>568</v>
      </c>
      <c r="B121249" s="14" t="s">
        <v>1</v>
      </c>
      <c r="C121249" s="14" t="s">
        <v>565</v>
      </c>
      <c r="D121249" s="14" t="s">
        <v>406</v>
      </c>
      <c r="E121249" s="15">
        <v>45445</v>
      </c>
      <c r="F121249" s="14" t="s">
        <v>15</v>
      </c>
      <c r="G121249" s="16">
        <v>0.27322618555575534</v>
      </c>
    </row>
    <row r="121250" spans="1:7" x14ac:dyDescent="0.3">
      <c r="A121250" s="13" t="s">
        <v>568</v>
      </c>
      <c r="B121250" s="14" t="s">
        <v>1</v>
      </c>
      <c r="C121250" s="14" t="s">
        <v>565</v>
      </c>
      <c r="D121250" s="14" t="s">
        <v>406</v>
      </c>
      <c r="E121250" s="15">
        <v>45446</v>
      </c>
      <c r="F121250" s="14" t="s">
        <v>15</v>
      </c>
      <c r="G121250" s="16">
        <v>0.27322618555575534</v>
      </c>
    </row>
    <row r="121251" spans="1:7" x14ac:dyDescent="0.3">
      <c r="A121251" s="13" t="s">
        <v>568</v>
      </c>
      <c r="B121251" s="14" t="s">
        <v>1</v>
      </c>
      <c r="C121251" s="14" t="s">
        <v>565</v>
      </c>
      <c r="D121251" s="14" t="s">
        <v>406</v>
      </c>
      <c r="E121251" s="15">
        <v>45447</v>
      </c>
      <c r="F121251" s="14" t="s">
        <v>15</v>
      </c>
      <c r="G121251" s="16">
        <v>0.28504242158186954</v>
      </c>
    </row>
    <row r="121252" spans="1:7" x14ac:dyDescent="0.3">
      <c r="A121252" s="13" t="s">
        <v>568</v>
      </c>
      <c r="B121252" s="14" t="s">
        <v>1</v>
      </c>
      <c r="C121252" s="14" t="s">
        <v>565</v>
      </c>
      <c r="D121252" s="14" t="s">
        <v>406</v>
      </c>
      <c r="E121252" s="15">
        <v>45448</v>
      </c>
      <c r="F121252" s="14" t="s">
        <v>15</v>
      </c>
      <c r="G121252" s="16">
        <v>0.3212247000038907</v>
      </c>
    </row>
    <row r="121253" spans="1:7" x14ac:dyDescent="0.3">
      <c r="A121253" s="13" t="s">
        <v>568</v>
      </c>
      <c r="B121253" s="14" t="s">
        <v>1</v>
      </c>
      <c r="C121253" s="14" t="s">
        <v>565</v>
      </c>
      <c r="D121253" s="14" t="s">
        <v>406</v>
      </c>
      <c r="E121253" s="15">
        <v>45449</v>
      </c>
      <c r="F121253" s="14" t="s">
        <v>15</v>
      </c>
      <c r="G121253" s="16">
        <v>0.31954899519921354</v>
      </c>
    </row>
    <row r="121254" spans="1:7" x14ac:dyDescent="0.3">
      <c r="A121254" s="13" t="s">
        <v>568</v>
      </c>
      <c r="B121254" s="14" t="s">
        <v>1</v>
      </c>
      <c r="C121254" s="14" t="s">
        <v>565</v>
      </c>
      <c r="D121254" s="14" t="s">
        <v>406</v>
      </c>
      <c r="E121254" s="15">
        <v>45450</v>
      </c>
      <c r="F121254" s="14" t="s">
        <v>15</v>
      </c>
      <c r="G121254" s="16">
        <v>0.31785171479619284</v>
      </c>
    </row>
    <row r="121255" spans="1:7" x14ac:dyDescent="0.3">
      <c r="A121255" s="13" t="s">
        <v>568</v>
      </c>
      <c r="B121255" s="14" t="s">
        <v>1</v>
      </c>
      <c r="C121255" s="14" t="s">
        <v>565</v>
      </c>
      <c r="D121255" s="14" t="s">
        <v>406</v>
      </c>
      <c r="E121255" s="15">
        <v>45451</v>
      </c>
      <c r="F121255" s="14" t="s">
        <v>15</v>
      </c>
      <c r="G121255" s="16">
        <v>0.31785171479619284</v>
      </c>
    </row>
    <row r="121256" spans="1:7" x14ac:dyDescent="0.3">
      <c r="A121256" s="13" t="s">
        <v>568</v>
      </c>
      <c r="B121256" s="14" t="s">
        <v>1</v>
      </c>
      <c r="C121256" s="14" t="s">
        <v>565</v>
      </c>
      <c r="D121256" s="14" t="s">
        <v>406</v>
      </c>
      <c r="E121256" s="15">
        <v>45452</v>
      </c>
      <c r="F121256" s="14" t="s">
        <v>15</v>
      </c>
      <c r="G121256" s="16">
        <v>0.31785171479619284</v>
      </c>
    </row>
    <row r="121257" spans="1:7" x14ac:dyDescent="0.3">
      <c r="A121257" s="13" t="s">
        <v>568</v>
      </c>
      <c r="B121257" s="14" t="s">
        <v>1</v>
      </c>
      <c r="C121257" s="14" t="s">
        <v>565</v>
      </c>
      <c r="D121257" s="14" t="s">
        <v>406</v>
      </c>
      <c r="E121257" s="15">
        <v>45453</v>
      </c>
      <c r="F121257" s="14" t="s">
        <v>15</v>
      </c>
      <c r="G121257" s="16">
        <v>0.31785171479619284</v>
      </c>
    </row>
    <row r="121258" spans="1:7" x14ac:dyDescent="0.3">
      <c r="A121258" s="13" t="s">
        <v>568</v>
      </c>
      <c r="B121258" s="14" t="s">
        <v>1</v>
      </c>
      <c r="C121258" s="14" t="s">
        <v>565</v>
      </c>
      <c r="D121258" s="14" t="s">
        <v>406</v>
      </c>
      <c r="E121258" s="15">
        <v>45454</v>
      </c>
      <c r="F121258" s="14" t="s">
        <v>15</v>
      </c>
      <c r="G121258" s="16">
        <v>0.31914625069680186</v>
      </c>
    </row>
    <row r="121259" spans="1:7" x14ac:dyDescent="0.3">
      <c r="A121259" s="13" t="s">
        <v>568</v>
      </c>
      <c r="B121259" s="14" t="s">
        <v>1</v>
      </c>
      <c r="C121259" s="14" t="s">
        <v>565</v>
      </c>
      <c r="D121259" s="14" t="s">
        <v>406</v>
      </c>
      <c r="E121259" s="15">
        <v>45455</v>
      </c>
      <c r="F121259" s="14" t="s">
        <v>15</v>
      </c>
      <c r="G121259" s="16">
        <v>0.31540648031726481</v>
      </c>
    </row>
    <row r="121260" spans="1:7" x14ac:dyDescent="0.3">
      <c r="A121260" s="13" t="s">
        <v>568</v>
      </c>
      <c r="B121260" s="14" t="s">
        <v>1</v>
      </c>
      <c r="C121260" s="14" t="s">
        <v>565</v>
      </c>
      <c r="D121260" s="14" t="s">
        <v>406</v>
      </c>
      <c r="E121260" s="15">
        <v>45456</v>
      </c>
      <c r="F121260" s="14" t="s">
        <v>15</v>
      </c>
      <c r="G121260" s="16">
        <v>0.37775995952993097</v>
      </c>
    </row>
    <row r="121261" spans="1:7" x14ac:dyDescent="0.3">
      <c r="A121261" s="13" t="s">
        <v>568</v>
      </c>
      <c r="B121261" s="14" t="s">
        <v>1</v>
      </c>
      <c r="C121261" s="14" t="s">
        <v>565</v>
      </c>
      <c r="D121261" s="14" t="s">
        <v>406</v>
      </c>
      <c r="E121261" s="15">
        <v>45457</v>
      </c>
      <c r="F121261" s="14" t="s">
        <v>15</v>
      </c>
      <c r="G121261" s="16">
        <v>0.39848393544713073</v>
      </c>
    </row>
    <row r="121262" spans="1:7" x14ac:dyDescent="0.3">
      <c r="A121262" s="13" t="s">
        <v>568</v>
      </c>
      <c r="B121262" s="14" t="s">
        <v>1</v>
      </c>
      <c r="C121262" s="14" t="s">
        <v>565</v>
      </c>
      <c r="D121262" s="14" t="s">
        <v>406</v>
      </c>
      <c r="E121262" s="15">
        <v>45458</v>
      </c>
      <c r="F121262" s="14" t="s">
        <v>15</v>
      </c>
      <c r="G121262" s="16">
        <v>0.39848393544713073</v>
      </c>
    </row>
    <row r="121263" spans="1:7" x14ac:dyDescent="0.3">
      <c r="A121263" s="13" t="s">
        <v>568</v>
      </c>
      <c r="B121263" s="14" t="s">
        <v>1</v>
      </c>
      <c r="C121263" s="14" t="s">
        <v>565</v>
      </c>
      <c r="D121263" s="14" t="s">
        <v>406</v>
      </c>
      <c r="E121263" s="15">
        <v>45459</v>
      </c>
      <c r="F121263" s="14" t="s">
        <v>15</v>
      </c>
      <c r="G121263" s="16">
        <v>0.39848393544713073</v>
      </c>
    </row>
    <row r="121264" spans="1:7" x14ac:dyDescent="0.3">
      <c r="A121264" s="13" t="s">
        <v>568</v>
      </c>
      <c r="B121264" s="14" t="s">
        <v>1</v>
      </c>
      <c r="C121264" s="14" t="s">
        <v>565</v>
      </c>
      <c r="D121264" s="14" t="s">
        <v>406</v>
      </c>
      <c r="E121264" s="15">
        <v>45460</v>
      </c>
      <c r="F121264" s="14" t="s">
        <v>15</v>
      </c>
      <c r="G121264" s="16">
        <v>0.41611052502957502</v>
      </c>
    </row>
    <row r="121265" spans="1:7" x14ac:dyDescent="0.3">
      <c r="A121265" s="13" t="s">
        <v>568</v>
      </c>
      <c r="B121265" s="14" t="s">
        <v>1</v>
      </c>
      <c r="C121265" s="14" t="s">
        <v>565</v>
      </c>
      <c r="D121265" s="14" t="s">
        <v>406</v>
      </c>
      <c r="E121265" s="15">
        <v>45461</v>
      </c>
      <c r="F121265" s="14" t="s">
        <v>15</v>
      </c>
      <c r="G121265" s="16">
        <v>0.41095390073032823</v>
      </c>
    </row>
    <row r="121266" spans="1:7" x14ac:dyDescent="0.3">
      <c r="A121266" s="13" t="s">
        <v>568</v>
      </c>
      <c r="B121266" s="14" t="s">
        <v>1</v>
      </c>
      <c r="C121266" s="14" t="s">
        <v>565</v>
      </c>
      <c r="D121266" s="14" t="s">
        <v>406</v>
      </c>
      <c r="E121266" s="15">
        <v>45462</v>
      </c>
      <c r="F121266" s="14" t="s">
        <v>15</v>
      </c>
      <c r="G121266" s="16">
        <v>0.4294553618266807</v>
      </c>
    </row>
    <row r="121267" spans="1:7" x14ac:dyDescent="0.3">
      <c r="A121267" s="13" t="s">
        <v>568</v>
      </c>
      <c r="B121267" s="14" t="s">
        <v>1</v>
      </c>
      <c r="C121267" s="14" t="s">
        <v>565</v>
      </c>
      <c r="D121267" s="14" t="s">
        <v>406</v>
      </c>
      <c r="E121267" s="15">
        <v>45463</v>
      </c>
      <c r="F121267" s="14" t="s">
        <v>15</v>
      </c>
      <c r="G121267" s="16">
        <v>0.42772755151091224</v>
      </c>
    </row>
    <row r="121268" spans="1:7" x14ac:dyDescent="0.3">
      <c r="A121268" s="13" t="s">
        <v>568</v>
      </c>
      <c r="B121268" s="14" t="s">
        <v>1</v>
      </c>
      <c r="C121268" s="14" t="s">
        <v>565</v>
      </c>
      <c r="D121268" s="14" t="s">
        <v>406</v>
      </c>
      <c r="E121268" s="15">
        <v>45464</v>
      </c>
      <c r="F121268" s="14" t="s">
        <v>15</v>
      </c>
      <c r="G121268" s="16">
        <v>0.45165126641909081</v>
      </c>
    </row>
    <row r="121269" spans="1:7" x14ac:dyDescent="0.3">
      <c r="A121269" s="13" t="s">
        <v>568</v>
      </c>
      <c r="B121269" s="14" t="s">
        <v>1</v>
      </c>
      <c r="C121269" s="14" t="s">
        <v>565</v>
      </c>
      <c r="D121269" s="14" t="s">
        <v>406</v>
      </c>
      <c r="E121269" s="15">
        <v>45465</v>
      </c>
      <c r="F121269" s="14" t="s">
        <v>15</v>
      </c>
      <c r="G121269" s="16">
        <v>0.45165126641909081</v>
      </c>
    </row>
    <row r="121270" spans="1:7" x14ac:dyDescent="0.3">
      <c r="A121270" s="13" t="s">
        <v>568</v>
      </c>
      <c r="B121270" s="14" t="s">
        <v>1</v>
      </c>
      <c r="C121270" s="14" t="s">
        <v>565</v>
      </c>
      <c r="D121270" s="14" t="s">
        <v>406</v>
      </c>
      <c r="E121270" s="15">
        <v>45466</v>
      </c>
      <c r="F121270" s="14" t="s">
        <v>15</v>
      </c>
      <c r="G121270" s="16">
        <v>0.45165126641909081</v>
      </c>
    </row>
    <row r="121271" spans="1:7" x14ac:dyDescent="0.3">
      <c r="A121271" s="13" t="s">
        <v>568</v>
      </c>
      <c r="B121271" s="14" t="s">
        <v>1</v>
      </c>
      <c r="C121271" s="14" t="s">
        <v>565</v>
      </c>
      <c r="D121271" s="14" t="s">
        <v>406</v>
      </c>
      <c r="E121271" s="15">
        <v>45467</v>
      </c>
      <c r="F121271" s="14" t="s">
        <v>15</v>
      </c>
      <c r="G121271" s="16">
        <v>0.45287462435775899</v>
      </c>
    </row>
    <row r="121272" spans="1:7" x14ac:dyDescent="0.3">
      <c r="A121272" s="13" t="s">
        <v>568</v>
      </c>
      <c r="B121272" s="14" t="s">
        <v>1</v>
      </c>
      <c r="C121272" s="14" t="s">
        <v>565</v>
      </c>
      <c r="D121272" s="14" t="s">
        <v>406</v>
      </c>
      <c r="E121272" s="15">
        <v>45468</v>
      </c>
      <c r="F121272" s="14" t="s">
        <v>15</v>
      </c>
      <c r="G121272" s="16">
        <v>0.44765707585837938</v>
      </c>
    </row>
    <row r="121273" spans="1:7" x14ac:dyDescent="0.3">
      <c r="A121273" s="13" t="s">
        <v>568</v>
      </c>
      <c r="B121273" s="14" t="s">
        <v>1</v>
      </c>
      <c r="C121273" s="14" t="s">
        <v>565</v>
      </c>
      <c r="D121273" s="14" t="s">
        <v>406</v>
      </c>
      <c r="E121273" s="15">
        <v>45469</v>
      </c>
      <c r="F121273" s="14" t="s">
        <v>15</v>
      </c>
      <c r="G121273" s="16">
        <v>0.45195588741975523</v>
      </c>
    </row>
    <row r="121274" spans="1:7" x14ac:dyDescent="0.3">
      <c r="A121274" s="13" t="s">
        <v>568</v>
      </c>
      <c r="B121274" s="14" t="s">
        <v>1</v>
      </c>
      <c r="C121274" s="14" t="s">
        <v>565</v>
      </c>
      <c r="D121274" s="14" t="s">
        <v>406</v>
      </c>
      <c r="E121274" s="15">
        <v>45470</v>
      </c>
      <c r="F121274" s="14" t="s">
        <v>15</v>
      </c>
      <c r="G121274" s="16">
        <v>0.45751704840788437</v>
      </c>
    </row>
    <row r="121275" spans="1:7" x14ac:dyDescent="0.3">
      <c r="A121275" s="13" t="s">
        <v>568</v>
      </c>
      <c r="B121275" s="14" t="s">
        <v>1</v>
      </c>
      <c r="C121275" s="14" t="s">
        <v>565</v>
      </c>
      <c r="D121275" s="14" t="s">
        <v>406</v>
      </c>
      <c r="E121275" s="15">
        <v>45471</v>
      </c>
      <c r="F121275" s="14" t="s">
        <v>15</v>
      </c>
      <c r="G121275" s="16">
        <v>0.47790715970835601</v>
      </c>
    </row>
    <row r="121276" spans="1:7" x14ac:dyDescent="0.3">
      <c r="A121276" s="13" t="s">
        <v>568</v>
      </c>
      <c r="B121276" s="14" t="s">
        <v>1</v>
      </c>
      <c r="C121276" s="14" t="s">
        <v>565</v>
      </c>
      <c r="D121276" s="14" t="s">
        <v>406</v>
      </c>
      <c r="E121276" s="15">
        <v>45472</v>
      </c>
      <c r="F121276" s="14" t="s">
        <v>15</v>
      </c>
      <c r="G121276" s="16">
        <v>0.47790715970835601</v>
      </c>
    </row>
    <row r="121277" spans="1:7" x14ac:dyDescent="0.3">
      <c r="A121277" s="13" t="s">
        <v>568</v>
      </c>
      <c r="B121277" s="14" t="s">
        <v>1</v>
      </c>
      <c r="C121277" s="14" t="s">
        <v>565</v>
      </c>
      <c r="D121277" s="14" t="s">
        <v>406</v>
      </c>
      <c r="E121277" s="15">
        <v>45473</v>
      </c>
      <c r="F121277" s="14" t="s">
        <v>15</v>
      </c>
      <c r="G121277" s="16">
        <v>0.47790715970835601</v>
      </c>
    </row>
    <row r="121278" spans="1:7" x14ac:dyDescent="0.3">
      <c r="A121278" s="13" t="s">
        <v>568</v>
      </c>
      <c r="B121278" s="14" t="s">
        <v>1</v>
      </c>
      <c r="C121278" s="14" t="s">
        <v>565</v>
      </c>
      <c r="D121278" s="14" t="s">
        <v>406</v>
      </c>
      <c r="E121278" s="15">
        <v>45474</v>
      </c>
      <c r="F121278" s="14" t="s">
        <v>15</v>
      </c>
      <c r="G121278" s="16">
        <v>0.47790715970835601</v>
      </c>
    </row>
    <row r="121279" spans="1:7" x14ac:dyDescent="0.3">
      <c r="A121279" s="13" t="s">
        <v>568</v>
      </c>
      <c r="B121279" s="14" t="s">
        <v>1</v>
      </c>
      <c r="C121279" s="14" t="s">
        <v>565</v>
      </c>
      <c r="D121279" s="14" t="s">
        <v>406</v>
      </c>
      <c r="E121279" s="15">
        <v>45475</v>
      </c>
      <c r="F121279" s="14" t="s">
        <v>15</v>
      </c>
      <c r="G121279" s="16">
        <v>0.47616716455256097</v>
      </c>
    </row>
    <row r="121280" spans="1:7" x14ac:dyDescent="0.3">
      <c r="A121280" s="13" t="s">
        <v>568</v>
      </c>
      <c r="B121280" s="14" t="s">
        <v>1</v>
      </c>
      <c r="C121280" s="14" t="s">
        <v>565</v>
      </c>
      <c r="D121280" s="14" t="s">
        <v>406</v>
      </c>
      <c r="E121280" s="15">
        <v>45476</v>
      </c>
      <c r="F121280" s="14" t="s">
        <v>15</v>
      </c>
      <c r="G121280" s="16">
        <v>0.50021029089300006</v>
      </c>
    </row>
    <row r="121281" spans="1:7" x14ac:dyDescent="0.3">
      <c r="A121281" s="13" t="s">
        <v>568</v>
      </c>
      <c r="B121281" s="14" t="s">
        <v>1</v>
      </c>
      <c r="C121281" s="14" t="s">
        <v>565</v>
      </c>
      <c r="D121281" s="14" t="s">
        <v>406</v>
      </c>
      <c r="E121281" s="15">
        <v>45477</v>
      </c>
      <c r="F121281" s="14" t="s">
        <v>15</v>
      </c>
      <c r="G121281" s="16">
        <v>0.53108423855233722</v>
      </c>
    </row>
    <row r="121282" spans="1:7" x14ac:dyDescent="0.3">
      <c r="A121282" s="13" t="s">
        <v>568</v>
      </c>
      <c r="B121282" s="14" t="s">
        <v>1</v>
      </c>
      <c r="C121282" s="14" t="s">
        <v>565</v>
      </c>
      <c r="D121282" s="14" t="s">
        <v>406</v>
      </c>
      <c r="E121282" s="15">
        <v>45478</v>
      </c>
      <c r="F121282" s="14" t="s">
        <v>15</v>
      </c>
      <c r="G121282" s="16">
        <v>0.56196793408369594</v>
      </c>
    </row>
    <row r="121283" spans="1:7" x14ac:dyDescent="0.3">
      <c r="A121283" s="13" t="s">
        <v>568</v>
      </c>
      <c r="B121283" s="14" t="s">
        <v>1</v>
      </c>
      <c r="C121283" s="14" t="s">
        <v>565</v>
      </c>
      <c r="D121283" s="14" t="s">
        <v>406</v>
      </c>
      <c r="E121283" s="15">
        <v>45479</v>
      </c>
      <c r="F121283" s="14" t="s">
        <v>15</v>
      </c>
      <c r="G121283" s="16">
        <v>0.56196793408369594</v>
      </c>
    </row>
    <row r="121284" spans="1:7" x14ac:dyDescent="0.3">
      <c r="A121284" s="13" t="s">
        <v>568</v>
      </c>
      <c r="B121284" s="14" t="s">
        <v>1</v>
      </c>
      <c r="C121284" s="14" t="s">
        <v>565</v>
      </c>
      <c r="D121284" s="14" t="s">
        <v>406</v>
      </c>
      <c r="E121284" s="15">
        <v>45480</v>
      </c>
      <c r="F121284" s="14" t="s">
        <v>15</v>
      </c>
      <c r="G121284" s="16">
        <v>0.56196793408369594</v>
      </c>
    </row>
    <row r="121285" spans="1:7" x14ac:dyDescent="0.3">
      <c r="A121285" s="13" t="s">
        <v>568</v>
      </c>
      <c r="B121285" s="14" t="s">
        <v>1</v>
      </c>
      <c r="C121285" s="14" t="s">
        <v>565</v>
      </c>
      <c r="D121285" s="14" t="s">
        <v>406</v>
      </c>
      <c r="E121285" s="15">
        <v>45481</v>
      </c>
      <c r="F121285" s="14" t="s">
        <v>15</v>
      </c>
      <c r="G121285" s="16">
        <v>0.56020113227984247</v>
      </c>
    </row>
    <row r="121286" spans="1:7" x14ac:dyDescent="0.3">
      <c r="A121286" s="13" t="s">
        <v>568</v>
      </c>
      <c r="B121286" s="14" t="s">
        <v>1</v>
      </c>
      <c r="C121286" s="14" t="s">
        <v>565</v>
      </c>
      <c r="D121286" s="14" t="s">
        <v>406</v>
      </c>
      <c r="E121286" s="15">
        <v>45482</v>
      </c>
      <c r="F121286" s="14" t="s">
        <v>15</v>
      </c>
      <c r="G121286" s="16">
        <v>0.55489585293227139</v>
      </c>
    </row>
    <row r="121287" spans="1:7" x14ac:dyDescent="0.3">
      <c r="A121287" s="13" t="s">
        <v>568</v>
      </c>
      <c r="B121287" s="14" t="s">
        <v>1</v>
      </c>
      <c r="C121287" s="14" t="s">
        <v>565</v>
      </c>
      <c r="D121287" s="14" t="s">
        <v>406</v>
      </c>
      <c r="E121287" s="15">
        <v>45483</v>
      </c>
      <c r="F121287" s="14" t="s">
        <v>15</v>
      </c>
      <c r="G121287" s="16">
        <v>0.56029373706404451</v>
      </c>
    </row>
    <row r="121288" spans="1:7" x14ac:dyDescent="0.3">
      <c r="A121288" s="13" t="s">
        <v>568</v>
      </c>
      <c r="B121288" s="14" t="s">
        <v>1</v>
      </c>
      <c r="C121288" s="14" t="s">
        <v>565</v>
      </c>
      <c r="D121288" s="14" t="s">
        <v>406</v>
      </c>
      <c r="E121288" s="15">
        <v>45484</v>
      </c>
      <c r="F121288" s="14" t="s">
        <v>15</v>
      </c>
      <c r="G121288" s="16">
        <v>0.56166575005103692</v>
      </c>
    </row>
    <row r="121289" spans="1:7" x14ac:dyDescent="0.3">
      <c r="A121289" s="13" t="s">
        <v>568</v>
      </c>
      <c r="B121289" s="14" t="s">
        <v>1</v>
      </c>
      <c r="C121289" s="14" t="s">
        <v>565</v>
      </c>
      <c r="D121289" s="14" t="s">
        <v>406</v>
      </c>
      <c r="E121289" s="15">
        <v>45485</v>
      </c>
      <c r="F121289" s="14" t="s">
        <v>15</v>
      </c>
      <c r="G121289" s="16">
        <v>0.55987945250314097</v>
      </c>
    </row>
    <row r="121290" spans="1:7" x14ac:dyDescent="0.3">
      <c r="A121290" s="13" t="s">
        <v>568</v>
      </c>
      <c r="B121290" s="14" t="s">
        <v>1</v>
      </c>
      <c r="C121290" s="14" t="s">
        <v>565</v>
      </c>
      <c r="D121290" s="14" t="s">
        <v>406</v>
      </c>
      <c r="E121290" s="15">
        <v>45486</v>
      </c>
      <c r="F121290" s="14" t="s">
        <v>15</v>
      </c>
      <c r="G121290" s="16">
        <v>0.55987945250314097</v>
      </c>
    </row>
    <row r="121291" spans="1:7" x14ac:dyDescent="0.3">
      <c r="A121291" s="13" t="s">
        <v>568</v>
      </c>
      <c r="B121291" s="14" t="s">
        <v>1</v>
      </c>
      <c r="C121291" s="14" t="s">
        <v>565</v>
      </c>
      <c r="D121291" s="14" t="s">
        <v>406</v>
      </c>
      <c r="E121291" s="15">
        <v>45487</v>
      </c>
      <c r="F121291" s="14" t="s">
        <v>15</v>
      </c>
      <c r="G121291" s="16">
        <v>0.55987945250314097</v>
      </c>
    </row>
    <row r="121292" spans="1:7" x14ac:dyDescent="0.3">
      <c r="A121292" s="13" t="s">
        <v>568</v>
      </c>
      <c r="B121292" s="14" t="s">
        <v>1</v>
      </c>
      <c r="C121292" s="14" t="s">
        <v>565</v>
      </c>
      <c r="D121292" s="14" t="s">
        <v>406</v>
      </c>
      <c r="E121292" s="15">
        <v>45488</v>
      </c>
      <c r="F121292" s="14" t="s">
        <v>15</v>
      </c>
      <c r="G121292" s="16">
        <v>0.5593579413500035</v>
      </c>
    </row>
    <row r="121293" spans="1:7" x14ac:dyDescent="0.3">
      <c r="A121293" s="13" t="s">
        <v>568</v>
      </c>
      <c r="B121293" s="14" t="s">
        <v>1</v>
      </c>
      <c r="C121293" s="14" t="s">
        <v>565</v>
      </c>
      <c r="D121293" s="14" t="s">
        <v>406</v>
      </c>
      <c r="E121293" s="15">
        <v>45489</v>
      </c>
      <c r="F121293" s="14" t="s">
        <v>15</v>
      </c>
      <c r="G121293" s="16">
        <v>0.55395274631421443</v>
      </c>
    </row>
    <row r="121294" spans="1:7" x14ac:dyDescent="0.3">
      <c r="A121294" s="13" t="s">
        <v>568</v>
      </c>
      <c r="B121294" s="14" t="s">
        <v>1</v>
      </c>
      <c r="C121294" s="14" t="s">
        <v>565</v>
      </c>
      <c r="D121294" s="14" t="s">
        <v>406</v>
      </c>
      <c r="E121294" s="15">
        <v>45490</v>
      </c>
      <c r="F121294" s="14" t="s">
        <v>15</v>
      </c>
      <c r="G121294" s="16">
        <v>0.5617315481871803</v>
      </c>
    </row>
    <row r="121295" spans="1:7" x14ac:dyDescent="0.3">
      <c r="A121295" s="13" t="s">
        <v>568</v>
      </c>
      <c r="B121295" s="14" t="s">
        <v>1</v>
      </c>
      <c r="C121295" s="14" t="s">
        <v>565</v>
      </c>
      <c r="D121295" s="14" t="s">
        <v>406</v>
      </c>
      <c r="E121295" s="15">
        <v>45491</v>
      </c>
      <c r="F121295" s="14" t="s">
        <v>15</v>
      </c>
      <c r="G121295" s="16">
        <v>0.55994525063928435</v>
      </c>
    </row>
    <row r="121296" spans="1:7" x14ac:dyDescent="0.3">
      <c r="A121296" s="13" t="s">
        <v>568</v>
      </c>
      <c r="B121296" s="14" t="s">
        <v>1</v>
      </c>
      <c r="C121296" s="14" t="s">
        <v>565</v>
      </c>
      <c r="D121296" s="14" t="s">
        <v>406</v>
      </c>
      <c r="E121296" s="15">
        <v>45492</v>
      </c>
      <c r="F121296" s="14" t="s">
        <v>15</v>
      </c>
      <c r="G121296" s="16">
        <v>0.61379249568472738</v>
      </c>
    </row>
    <row r="121297" spans="1:7" x14ac:dyDescent="0.3">
      <c r="A121297" s="13" t="s">
        <v>568</v>
      </c>
      <c r="B121297" s="14" t="s">
        <v>1</v>
      </c>
      <c r="C121297" s="14" t="s">
        <v>565</v>
      </c>
      <c r="D121297" s="14" t="s">
        <v>406</v>
      </c>
      <c r="E121297" s="15">
        <v>45493</v>
      </c>
      <c r="F121297" s="14" t="s">
        <v>15</v>
      </c>
      <c r="G121297" s="16">
        <v>0.61379249568472738</v>
      </c>
    </row>
    <row r="121298" spans="1:7" x14ac:dyDescent="0.3">
      <c r="A121298" s="13" t="s">
        <v>568</v>
      </c>
      <c r="B121298" s="14" t="s">
        <v>1</v>
      </c>
      <c r="C121298" s="14" t="s">
        <v>565</v>
      </c>
      <c r="D121298" s="14" t="s">
        <v>406</v>
      </c>
      <c r="E121298" s="15">
        <v>45494</v>
      </c>
      <c r="F121298" s="14" t="s">
        <v>15</v>
      </c>
      <c r="G121298" s="16">
        <v>0.61379249568472738</v>
      </c>
    </row>
    <row r="121299" spans="1:7" x14ac:dyDescent="0.3">
      <c r="A121299" s="13" t="s">
        <v>568</v>
      </c>
      <c r="B121299" s="14" t="s">
        <v>1</v>
      </c>
      <c r="C121299" s="14" t="s">
        <v>565</v>
      </c>
      <c r="D121299" s="14" t="s">
        <v>406</v>
      </c>
      <c r="E121299" s="15">
        <v>45495</v>
      </c>
      <c r="F121299" s="14" t="s">
        <v>15</v>
      </c>
      <c r="G121299" s="16">
        <v>0.61202569388087391</v>
      </c>
    </row>
    <row r="121300" spans="1:7" x14ac:dyDescent="0.3">
      <c r="A121300" s="13" t="s">
        <v>568</v>
      </c>
      <c r="B121300" s="14" t="s">
        <v>1</v>
      </c>
      <c r="C121300" s="14" t="s">
        <v>565</v>
      </c>
      <c r="D121300" s="14" t="s">
        <v>406</v>
      </c>
      <c r="E121300" s="15">
        <v>45496</v>
      </c>
      <c r="F121300" s="14" t="s">
        <v>15</v>
      </c>
      <c r="G121300" s="16">
        <v>0.60679352357346239</v>
      </c>
    </row>
    <row r="121301" spans="1:7" x14ac:dyDescent="0.3">
      <c r="A121301" s="13" t="s">
        <v>568</v>
      </c>
      <c r="B121301" s="14" t="s">
        <v>1</v>
      </c>
      <c r="C121301" s="14" t="s">
        <v>565</v>
      </c>
      <c r="D121301" s="14" t="s">
        <v>406</v>
      </c>
      <c r="E121301" s="15">
        <v>45497</v>
      </c>
      <c r="F121301" s="14" t="s">
        <v>15</v>
      </c>
      <c r="G121301" s="16">
        <v>0.60888931605803331</v>
      </c>
    </row>
    <row r="121302" spans="1:7" x14ac:dyDescent="0.3">
      <c r="A121302" s="13" t="s">
        <v>568</v>
      </c>
      <c r="B121302" s="14" t="s">
        <v>1</v>
      </c>
      <c r="C121302" s="14" t="s">
        <v>565</v>
      </c>
      <c r="D121302" s="14" t="s">
        <v>406</v>
      </c>
      <c r="E121302" s="15">
        <v>45498</v>
      </c>
      <c r="F121302" s="14" t="s">
        <v>15</v>
      </c>
      <c r="G121302" s="16">
        <v>0.60727360627050941</v>
      </c>
    </row>
    <row r="121303" spans="1:7" x14ac:dyDescent="0.3">
      <c r="A121303" s="13" t="s">
        <v>568</v>
      </c>
      <c r="B121303" s="14" t="s">
        <v>1</v>
      </c>
      <c r="C121303" s="14" t="s">
        <v>565</v>
      </c>
      <c r="D121303" s="14" t="s">
        <v>406</v>
      </c>
      <c r="E121303" s="15">
        <v>45499</v>
      </c>
      <c r="F121303" s="14" t="s">
        <v>15</v>
      </c>
      <c r="G121303" s="16">
        <v>0.6055457959547409</v>
      </c>
    </row>
    <row r="121304" spans="1:7" x14ac:dyDescent="0.3">
      <c r="A121304" s="13" t="s">
        <v>568</v>
      </c>
      <c r="B121304" s="14" t="s">
        <v>1</v>
      </c>
      <c r="C121304" s="14" t="s">
        <v>565</v>
      </c>
      <c r="D121304" s="14" t="s">
        <v>406</v>
      </c>
      <c r="E121304" s="15">
        <v>45500</v>
      </c>
      <c r="F121304" s="14" t="s">
        <v>15</v>
      </c>
      <c r="G121304" s="16">
        <v>0.6055457959547409</v>
      </c>
    </row>
    <row r="121305" spans="1:7" x14ac:dyDescent="0.3">
      <c r="A121305" s="13" t="s">
        <v>568</v>
      </c>
      <c r="B121305" s="14" t="s">
        <v>1</v>
      </c>
      <c r="C121305" s="14" t="s">
        <v>565</v>
      </c>
      <c r="D121305" s="14" t="s">
        <v>406</v>
      </c>
      <c r="E121305" s="15">
        <v>45501</v>
      </c>
      <c r="F121305" s="14" t="s">
        <v>15</v>
      </c>
      <c r="G121305" s="16">
        <v>0.6055457959547409</v>
      </c>
    </row>
    <row r="121306" spans="1:7" x14ac:dyDescent="0.3">
      <c r="A121306" s="13" t="s">
        <v>568</v>
      </c>
      <c r="B121306" s="14" t="s">
        <v>1</v>
      </c>
      <c r="C121306" s="14" t="s">
        <v>565</v>
      </c>
      <c r="D121306" s="14" t="s">
        <v>406</v>
      </c>
      <c r="E121306" s="15">
        <v>45502</v>
      </c>
      <c r="F121306" s="14" t="s">
        <v>15</v>
      </c>
      <c r="G121306" s="16">
        <v>0.60383504441500979</v>
      </c>
    </row>
    <row r="121307" spans="1:7" x14ac:dyDescent="0.3">
      <c r="A121307" s="13" t="s">
        <v>568</v>
      </c>
      <c r="B121307" s="14" t="s">
        <v>1</v>
      </c>
      <c r="C121307" s="14" t="s">
        <v>565</v>
      </c>
      <c r="D121307" s="14" t="s">
        <v>406</v>
      </c>
      <c r="E121307" s="15">
        <v>45503</v>
      </c>
      <c r="F121307" s="14" t="s">
        <v>15</v>
      </c>
      <c r="G121307" s="16">
        <v>0.60058900303193008</v>
      </c>
    </row>
    <row r="121308" spans="1:7" x14ac:dyDescent="0.3">
      <c r="A121308" s="13" t="s">
        <v>568</v>
      </c>
      <c r="B121308" s="14" t="s">
        <v>1</v>
      </c>
      <c r="C121308" s="14" t="s">
        <v>565</v>
      </c>
      <c r="D121308" s="14" t="s">
        <v>406</v>
      </c>
      <c r="E121308" s="15">
        <v>45504</v>
      </c>
      <c r="F121308" s="14" t="s">
        <v>15</v>
      </c>
      <c r="G121308" s="16">
        <v>0.60088875009658382</v>
      </c>
    </row>
    <row r="121309" spans="1:7" x14ac:dyDescent="0.3">
      <c r="A121309" s="13" t="s">
        <v>568</v>
      </c>
      <c r="B121309" s="14" t="s">
        <v>1</v>
      </c>
      <c r="C121309" s="14" t="s">
        <v>565</v>
      </c>
      <c r="D121309" s="14" t="s">
        <v>406</v>
      </c>
      <c r="E121309" s="15">
        <v>45505</v>
      </c>
      <c r="F121309" s="14" t="s">
        <v>15</v>
      </c>
      <c r="G121309" s="16">
        <v>0.61374131935661569</v>
      </c>
    </row>
    <row r="121310" spans="1:7" x14ac:dyDescent="0.3">
      <c r="A121310" s="13" t="s">
        <v>568</v>
      </c>
      <c r="B121310" s="14" t="s">
        <v>1</v>
      </c>
      <c r="C121310" s="14" t="s">
        <v>565</v>
      </c>
      <c r="D121310" s="14" t="s">
        <v>406</v>
      </c>
      <c r="E121310" s="15">
        <v>45506</v>
      </c>
      <c r="F121310" s="14" t="s">
        <v>15</v>
      </c>
      <c r="G121310" s="16">
        <v>0.61201350904084739</v>
      </c>
    </row>
    <row r="121311" spans="1:7" x14ac:dyDescent="0.3">
      <c r="A121311" s="13" t="s">
        <v>568</v>
      </c>
      <c r="B121311" s="14" t="s">
        <v>1</v>
      </c>
      <c r="C121311" s="14" t="s">
        <v>565</v>
      </c>
      <c r="D121311" s="14" t="s">
        <v>406</v>
      </c>
      <c r="E121311" s="15">
        <v>45507</v>
      </c>
      <c r="F121311" s="14" t="s">
        <v>15</v>
      </c>
      <c r="G121311" s="16">
        <v>0.61201350904084739</v>
      </c>
    </row>
    <row r="121312" spans="1:7" x14ac:dyDescent="0.3">
      <c r="A121312" s="13" t="s">
        <v>568</v>
      </c>
      <c r="B121312" s="14" t="s">
        <v>1</v>
      </c>
      <c r="C121312" s="14" t="s">
        <v>565</v>
      </c>
      <c r="D121312" s="14" t="s">
        <v>406</v>
      </c>
      <c r="E121312" s="15">
        <v>45508</v>
      </c>
      <c r="F121312" s="14" t="s">
        <v>15</v>
      </c>
      <c r="G121312" s="16">
        <v>0.61201350904084739</v>
      </c>
    </row>
    <row r="121313" spans="1:7" x14ac:dyDescent="0.3">
      <c r="A121313" s="13" t="s">
        <v>568</v>
      </c>
      <c r="B121313" s="14" t="s">
        <v>1</v>
      </c>
      <c r="C121313" s="14" t="s">
        <v>565</v>
      </c>
      <c r="D121313" s="14" t="s">
        <v>406</v>
      </c>
      <c r="E121313" s="15">
        <v>45509</v>
      </c>
      <c r="F121313" s="14" t="s">
        <v>15</v>
      </c>
      <c r="G121313" s="16">
        <v>0.61201350904084739</v>
      </c>
    </row>
    <row r="121314" spans="1:7" x14ac:dyDescent="0.3">
      <c r="A121314" s="13" t="s">
        <v>568</v>
      </c>
      <c r="B121314" s="14" t="s">
        <v>1</v>
      </c>
      <c r="C121314" s="14" t="s">
        <v>565</v>
      </c>
      <c r="D121314" s="14" t="s">
        <v>406</v>
      </c>
      <c r="E121314" s="15">
        <v>45510</v>
      </c>
      <c r="F121314" s="14" t="s">
        <v>15</v>
      </c>
      <c r="G121314" s="16">
        <v>0.61027351388505247</v>
      </c>
    </row>
    <row r="121315" spans="1:7" x14ac:dyDescent="0.3">
      <c r="A121315" s="13" t="s">
        <v>568</v>
      </c>
      <c r="B121315" s="14" t="s">
        <v>1</v>
      </c>
      <c r="C121315" s="14" t="s">
        <v>565</v>
      </c>
      <c r="D121315" s="14" t="s">
        <v>406</v>
      </c>
      <c r="E121315" s="15">
        <v>45511</v>
      </c>
      <c r="F121315" s="14" t="s">
        <v>15</v>
      </c>
      <c r="G121315" s="16">
        <v>0.61272997763441006</v>
      </c>
    </row>
    <row r="121316" spans="1:7" x14ac:dyDescent="0.3">
      <c r="A121316" s="13" t="s">
        <v>568</v>
      </c>
      <c r="B121316" s="14" t="s">
        <v>1</v>
      </c>
      <c r="C121316" s="14" t="s">
        <v>565</v>
      </c>
      <c r="D121316" s="14" t="s">
        <v>406</v>
      </c>
      <c r="E121316" s="15">
        <v>45512</v>
      </c>
      <c r="F121316" s="14" t="s">
        <v>15</v>
      </c>
      <c r="G121316" s="16">
        <v>0.6110898981668329</v>
      </c>
    </row>
    <row r="121317" spans="1:7" x14ac:dyDescent="0.3">
      <c r="A121317" s="13" t="s">
        <v>568</v>
      </c>
      <c r="B121317" s="14" t="s">
        <v>1</v>
      </c>
      <c r="C121317" s="14" t="s">
        <v>565</v>
      </c>
      <c r="D121317" s="14" t="s">
        <v>406</v>
      </c>
      <c r="E121317" s="15">
        <v>45513</v>
      </c>
      <c r="F121317" s="14" t="s">
        <v>15</v>
      </c>
      <c r="G121317" s="16">
        <v>0.62718607184193931</v>
      </c>
    </row>
    <row r="121318" spans="1:7" x14ac:dyDescent="0.3">
      <c r="A121318" s="13" t="s">
        <v>568</v>
      </c>
      <c r="B121318" s="14" t="s">
        <v>1</v>
      </c>
      <c r="C121318" s="14" t="s">
        <v>565</v>
      </c>
      <c r="D121318" s="14" t="s">
        <v>406</v>
      </c>
      <c r="E121318" s="15">
        <v>45514</v>
      </c>
      <c r="F121318" s="14" t="s">
        <v>15</v>
      </c>
      <c r="G121318" s="16">
        <v>0.62718607184193931</v>
      </c>
    </row>
    <row r="121319" spans="1:7" x14ac:dyDescent="0.3">
      <c r="A121319" s="13" t="s">
        <v>568</v>
      </c>
      <c r="B121319" s="14" t="s">
        <v>1</v>
      </c>
      <c r="C121319" s="14" t="s">
        <v>565</v>
      </c>
      <c r="D121319" s="14" t="s">
        <v>406</v>
      </c>
      <c r="E121319" s="15">
        <v>45515</v>
      </c>
      <c r="F121319" s="14" t="s">
        <v>15</v>
      </c>
      <c r="G121319" s="16">
        <v>0.62718607184193931</v>
      </c>
    </row>
    <row r="121320" spans="1:7" x14ac:dyDescent="0.3">
      <c r="A121320" s="13" t="s">
        <v>568</v>
      </c>
      <c r="B121320" s="14" t="s">
        <v>1</v>
      </c>
      <c r="C121320" s="14" t="s">
        <v>565</v>
      </c>
      <c r="D121320" s="14" t="s">
        <v>406</v>
      </c>
      <c r="E121320" s="15">
        <v>45516</v>
      </c>
      <c r="F121320" s="14" t="s">
        <v>15</v>
      </c>
      <c r="G121320" s="16">
        <v>0.64121813361654378</v>
      </c>
    </row>
    <row r="121321" spans="1:7" x14ac:dyDescent="0.3">
      <c r="A121321" s="13" t="s">
        <v>568</v>
      </c>
      <c r="B121321" s="14" t="s">
        <v>1</v>
      </c>
      <c r="C121321" s="14" t="s">
        <v>565</v>
      </c>
      <c r="D121321" s="14" t="s">
        <v>406</v>
      </c>
      <c r="E121321" s="15">
        <v>45517</v>
      </c>
      <c r="F121321" s="14" t="s">
        <v>15</v>
      </c>
      <c r="G121321" s="16">
        <v>0.64999852933969404</v>
      </c>
    </row>
    <row r="121322" spans="1:7" x14ac:dyDescent="0.3">
      <c r="A121322" s="13" t="s">
        <v>568</v>
      </c>
      <c r="B121322" s="14" t="s">
        <v>1</v>
      </c>
      <c r="C121322" s="14" t="s">
        <v>565</v>
      </c>
      <c r="D121322" s="14" t="s">
        <v>406</v>
      </c>
      <c r="E121322" s="15">
        <v>45518</v>
      </c>
      <c r="F121322" s="14" t="s">
        <v>15</v>
      </c>
      <c r="G121322" s="16">
        <v>0.64829508870397889</v>
      </c>
    </row>
    <row r="121323" spans="1:7" x14ac:dyDescent="0.3">
      <c r="A121323" s="13" t="s">
        <v>568</v>
      </c>
      <c r="B121323" s="14" t="s">
        <v>1</v>
      </c>
      <c r="C121323" s="14" t="s">
        <v>565</v>
      </c>
      <c r="D121323" s="14" t="s">
        <v>406</v>
      </c>
      <c r="E121323" s="15">
        <v>45519</v>
      </c>
      <c r="F121323" s="14" t="s">
        <v>15</v>
      </c>
      <c r="G121323" s="16">
        <v>0.6605286680906608</v>
      </c>
    </row>
    <row r="121324" spans="1:7" x14ac:dyDescent="0.3">
      <c r="A121324" s="13" t="s">
        <v>568</v>
      </c>
      <c r="B121324" s="14" t="s">
        <v>1</v>
      </c>
      <c r="C121324" s="14" t="s">
        <v>565</v>
      </c>
      <c r="D121324" s="14" t="s">
        <v>406</v>
      </c>
      <c r="E121324" s="15">
        <v>45520</v>
      </c>
      <c r="F121324" s="14" t="s">
        <v>15</v>
      </c>
      <c r="G121324" s="16">
        <v>0.70212040103737405</v>
      </c>
    </row>
    <row r="121325" spans="1:7" x14ac:dyDescent="0.3">
      <c r="A121325" s="13" t="s">
        <v>568</v>
      </c>
      <c r="B121325" s="14" t="s">
        <v>1</v>
      </c>
      <c r="C121325" s="14" t="s">
        <v>565</v>
      </c>
      <c r="D121325" s="14" t="s">
        <v>406</v>
      </c>
      <c r="E121325" s="15">
        <v>45521</v>
      </c>
      <c r="F121325" s="14" t="s">
        <v>15</v>
      </c>
      <c r="G121325" s="16">
        <v>0.70212040103737405</v>
      </c>
    </row>
    <row r="121326" spans="1:7" x14ac:dyDescent="0.3">
      <c r="A121326" s="13" t="s">
        <v>568</v>
      </c>
      <c r="B121326" s="14" t="s">
        <v>1</v>
      </c>
      <c r="C121326" s="14" t="s">
        <v>565</v>
      </c>
      <c r="D121326" s="14" t="s">
        <v>406</v>
      </c>
      <c r="E121326" s="15">
        <v>45522</v>
      </c>
      <c r="F121326" s="14" t="s">
        <v>15</v>
      </c>
      <c r="G121326" s="16">
        <v>0.70212040103737405</v>
      </c>
    </row>
    <row r="121327" spans="1:7" x14ac:dyDescent="0.3">
      <c r="A121327" s="13" t="s">
        <v>568</v>
      </c>
      <c r="B121327" s="14" t="s">
        <v>1</v>
      </c>
      <c r="C121327" s="14" t="s">
        <v>565</v>
      </c>
      <c r="D121327" s="14" t="s">
        <v>406</v>
      </c>
      <c r="E121327" s="15">
        <v>45523</v>
      </c>
      <c r="F121327" s="14" t="s">
        <v>15</v>
      </c>
      <c r="G121327" s="16">
        <v>0.70562719799702256</v>
      </c>
    </row>
    <row r="121328" spans="1:7" x14ac:dyDescent="0.3">
      <c r="A121328" s="13" t="s">
        <v>568</v>
      </c>
      <c r="B121328" s="14" t="s">
        <v>1</v>
      </c>
      <c r="C121328" s="14" t="s">
        <v>565</v>
      </c>
      <c r="D121328" s="14" t="s">
        <v>406</v>
      </c>
      <c r="E121328" s="15">
        <v>45524</v>
      </c>
      <c r="F121328" s="14" t="s">
        <v>15</v>
      </c>
      <c r="G121328" s="16">
        <v>0.705554088956863</v>
      </c>
    </row>
    <row r="121329" spans="1:7" x14ac:dyDescent="0.3">
      <c r="A121329" s="13" t="s">
        <v>568</v>
      </c>
      <c r="B121329" s="14" t="s">
        <v>1</v>
      </c>
      <c r="C121329" s="14" t="s">
        <v>565</v>
      </c>
      <c r="D121329" s="14" t="s">
        <v>406</v>
      </c>
      <c r="E121329" s="15">
        <v>45525</v>
      </c>
      <c r="F121329" s="14" t="s">
        <v>15</v>
      </c>
      <c r="G121329" s="16">
        <v>0.7037945980570256</v>
      </c>
    </row>
    <row r="121330" spans="1:7" x14ac:dyDescent="0.3">
      <c r="A121330" s="13" t="s">
        <v>568</v>
      </c>
      <c r="B121330" s="14" t="s">
        <v>1</v>
      </c>
      <c r="C121330" s="14" t="s">
        <v>565</v>
      </c>
      <c r="D121330" s="14" t="s">
        <v>406</v>
      </c>
      <c r="E121330" s="15">
        <v>45526</v>
      </c>
      <c r="F121330" s="14" t="s">
        <v>15</v>
      </c>
      <c r="G121330" s="16">
        <v>0.7009823369788919</v>
      </c>
    </row>
    <row r="121331" spans="1:7" x14ac:dyDescent="0.3">
      <c r="A121331" s="13" t="s">
        <v>568</v>
      </c>
      <c r="B121331" s="14" t="s">
        <v>1</v>
      </c>
      <c r="C121331" s="14" t="s">
        <v>565</v>
      </c>
      <c r="D121331" s="14" t="s">
        <v>406</v>
      </c>
      <c r="E121331" s="15">
        <v>45527</v>
      </c>
      <c r="F121331" s="14" t="s">
        <v>15</v>
      </c>
      <c r="G121331" s="16">
        <v>0.69918141762296404</v>
      </c>
    </row>
    <row r="121332" spans="1:7" x14ac:dyDescent="0.3">
      <c r="A121332" s="13" t="s">
        <v>568</v>
      </c>
      <c r="B121332" s="14" t="s">
        <v>1</v>
      </c>
      <c r="C121332" s="14" t="s">
        <v>565</v>
      </c>
      <c r="D121332" s="14" t="s">
        <v>406</v>
      </c>
      <c r="E121332" s="15">
        <v>45528</v>
      </c>
      <c r="F121332" s="14" t="s">
        <v>15</v>
      </c>
      <c r="G121332" s="16">
        <v>0.69918141762296404</v>
      </c>
    </row>
    <row r="121333" spans="1:7" x14ac:dyDescent="0.3">
      <c r="A121333" s="13" t="s">
        <v>568</v>
      </c>
      <c r="B121333" s="14" t="s">
        <v>1</v>
      </c>
      <c r="C121333" s="14" t="s">
        <v>565</v>
      </c>
      <c r="D121333" s="14" t="s">
        <v>406</v>
      </c>
      <c r="E121333" s="15">
        <v>45529</v>
      </c>
      <c r="F121333" s="14" t="s">
        <v>15</v>
      </c>
      <c r="G121333" s="16">
        <v>0.69918141762296404</v>
      </c>
    </row>
    <row r="121334" spans="1:7" x14ac:dyDescent="0.3">
      <c r="A121334" s="13" t="s">
        <v>568</v>
      </c>
      <c r="B121334" s="14" t="s">
        <v>1</v>
      </c>
      <c r="C121334" s="14" t="s">
        <v>565</v>
      </c>
      <c r="D121334" s="14" t="s">
        <v>406</v>
      </c>
      <c r="E121334" s="15">
        <v>45530</v>
      </c>
      <c r="F121334" s="14" t="s">
        <v>15</v>
      </c>
      <c r="G121334" s="16">
        <v>0.7067043378553719</v>
      </c>
    </row>
    <row r="121335" spans="1:7" x14ac:dyDescent="0.3">
      <c r="A121335" s="13" t="s">
        <v>568</v>
      </c>
      <c r="B121335" s="14" t="s">
        <v>1</v>
      </c>
      <c r="C121335" s="14" t="s">
        <v>565</v>
      </c>
      <c r="D121335" s="14" t="s">
        <v>406</v>
      </c>
      <c r="E121335" s="15">
        <v>45531</v>
      </c>
      <c r="F121335" s="14" t="s">
        <v>15</v>
      </c>
      <c r="G121335" s="16">
        <v>0.69986864260046289</v>
      </c>
    </row>
    <row r="121336" spans="1:7" x14ac:dyDescent="0.3">
      <c r="A121336" s="13" t="s">
        <v>568</v>
      </c>
      <c r="B121336" s="14" t="s">
        <v>1</v>
      </c>
      <c r="C121336" s="14" t="s">
        <v>565</v>
      </c>
      <c r="D121336" s="14" t="s">
        <v>406</v>
      </c>
      <c r="E121336" s="15">
        <v>45532</v>
      </c>
      <c r="F121336" s="14" t="s">
        <v>15</v>
      </c>
      <c r="G121336" s="16">
        <v>0.69858679742966712</v>
      </c>
    </row>
    <row r="121337" spans="1:7" x14ac:dyDescent="0.3">
      <c r="A121337" s="13" t="s">
        <v>568</v>
      </c>
      <c r="B121337" s="14" t="s">
        <v>1</v>
      </c>
      <c r="C121337" s="14" t="s">
        <v>565</v>
      </c>
      <c r="D121337" s="14" t="s">
        <v>406</v>
      </c>
      <c r="E121337" s="15">
        <v>45533</v>
      </c>
      <c r="F121337" s="14" t="s">
        <v>15</v>
      </c>
      <c r="G121337" s="16">
        <v>0.698832931198204</v>
      </c>
    </row>
    <row r="121338" spans="1:7" x14ac:dyDescent="0.3">
      <c r="A121338" s="13" t="s">
        <v>568</v>
      </c>
      <c r="B121338" s="14" t="s">
        <v>1</v>
      </c>
      <c r="C121338" s="14" t="s">
        <v>565</v>
      </c>
      <c r="D121338" s="14" t="s">
        <v>406</v>
      </c>
      <c r="E121338" s="15">
        <v>45534</v>
      </c>
      <c r="F121338" s="14" t="s">
        <v>15</v>
      </c>
      <c r="G121338" s="16">
        <v>0.70091410187474301</v>
      </c>
    </row>
    <row r="121339" spans="1:7" x14ac:dyDescent="0.3">
      <c r="A121339" s="13" t="s">
        <v>568</v>
      </c>
      <c r="B121339" s="14" t="s">
        <v>1</v>
      </c>
      <c r="C121339" s="14" t="s">
        <v>565</v>
      </c>
      <c r="D121339" s="14" t="s">
        <v>406</v>
      </c>
      <c r="E121339" s="15">
        <v>45535</v>
      </c>
      <c r="F121339" s="14" t="s">
        <v>15</v>
      </c>
      <c r="G121339" s="16">
        <v>0.70091410187474301</v>
      </c>
    </row>
    <row r="121340" spans="1:7" x14ac:dyDescent="0.3">
      <c r="A121340" s="13" t="s">
        <v>568</v>
      </c>
      <c r="B121340" s="14" t="s">
        <v>1</v>
      </c>
      <c r="C121340" s="14" t="s">
        <v>565</v>
      </c>
      <c r="D121340" s="14" t="s">
        <v>406</v>
      </c>
      <c r="E121340" s="15">
        <v>45536</v>
      </c>
      <c r="F121340" s="14" t="s">
        <v>15</v>
      </c>
      <c r="G121340" s="16">
        <v>0.70091410187474301</v>
      </c>
    </row>
    <row r="121341" spans="1:7" x14ac:dyDescent="0.3">
      <c r="A121341" s="13" t="s">
        <v>568</v>
      </c>
      <c r="B121341" s="14" t="s">
        <v>1</v>
      </c>
      <c r="C121341" s="14" t="s">
        <v>565</v>
      </c>
      <c r="D121341" s="14" t="s">
        <v>406</v>
      </c>
      <c r="E121341" s="15">
        <v>45537</v>
      </c>
      <c r="F121341" s="14" t="s">
        <v>15</v>
      </c>
      <c r="G121341" s="16">
        <v>0.69917410671894797</v>
      </c>
    </row>
    <row r="121342" spans="1:7" x14ac:dyDescent="0.3">
      <c r="A121342" s="13" t="s">
        <v>568</v>
      </c>
      <c r="B121342" s="14" t="s">
        <v>1</v>
      </c>
      <c r="C121342" s="14" t="s">
        <v>565</v>
      </c>
      <c r="D121342" s="14" t="s">
        <v>406</v>
      </c>
      <c r="E121342" s="15">
        <v>45538</v>
      </c>
      <c r="F121342" s="14" t="s">
        <v>15</v>
      </c>
      <c r="G121342" s="16">
        <v>0.69391269279547274</v>
      </c>
    </row>
    <row r="121343" spans="1:7" x14ac:dyDescent="0.3">
      <c r="A121343" s="13" t="s">
        <v>568</v>
      </c>
      <c r="B121343" s="14" t="s">
        <v>1</v>
      </c>
      <c r="C121343" s="14" t="s">
        <v>565</v>
      </c>
      <c r="D121343" s="14" t="s">
        <v>406</v>
      </c>
      <c r="E121343" s="15">
        <v>45539</v>
      </c>
      <c r="F121343" s="14" t="s">
        <v>15</v>
      </c>
      <c r="G121343" s="16">
        <v>0.69216538673566175</v>
      </c>
    </row>
    <row r="121344" spans="1:7" x14ac:dyDescent="0.3">
      <c r="A121344" s="13" t="s">
        <v>568</v>
      </c>
      <c r="B121344" s="14" t="s">
        <v>1</v>
      </c>
      <c r="C121344" s="14" t="s">
        <v>565</v>
      </c>
      <c r="D121344" s="14" t="s">
        <v>406</v>
      </c>
      <c r="E121344" s="15">
        <v>45540</v>
      </c>
      <c r="F121344" s="14" t="s">
        <v>15</v>
      </c>
      <c r="G121344" s="16">
        <v>0.69042051764385604</v>
      </c>
    </row>
    <row r="121345" spans="1:7" x14ac:dyDescent="0.3">
      <c r="A121345" s="13" t="s">
        <v>568</v>
      </c>
      <c r="B121345" s="14" t="s">
        <v>1</v>
      </c>
      <c r="C121345" s="14" t="s">
        <v>565</v>
      </c>
      <c r="D121345" s="14" t="s">
        <v>406</v>
      </c>
      <c r="E121345" s="15">
        <v>45541</v>
      </c>
      <c r="F121345" s="14" t="s">
        <v>15</v>
      </c>
      <c r="G121345" s="16">
        <v>0.703728799920882</v>
      </c>
    </row>
    <row r="121346" spans="1:7" x14ac:dyDescent="0.3">
      <c r="A121346" s="13" t="s">
        <v>568</v>
      </c>
      <c r="B121346" s="14" t="s">
        <v>1</v>
      </c>
      <c r="C121346" s="14" t="s">
        <v>565</v>
      </c>
      <c r="D121346" s="14" t="s">
        <v>406</v>
      </c>
      <c r="E121346" s="15">
        <v>45542</v>
      </c>
      <c r="F121346" s="14" t="s">
        <v>15</v>
      </c>
      <c r="G121346" s="16">
        <v>0.703728799920882</v>
      </c>
    </row>
    <row r="121347" spans="1:7" x14ac:dyDescent="0.3">
      <c r="A121347" s="13" t="s">
        <v>568</v>
      </c>
      <c r="B121347" s="14" t="s">
        <v>1</v>
      </c>
      <c r="C121347" s="14" t="s">
        <v>565</v>
      </c>
      <c r="D121347" s="14" t="s">
        <v>406</v>
      </c>
      <c r="E121347" s="15">
        <v>45543</v>
      </c>
      <c r="F121347" s="14" t="s">
        <v>15</v>
      </c>
      <c r="G121347" s="16">
        <v>0.703728799920882</v>
      </c>
    </row>
    <row r="121348" spans="1:7" x14ac:dyDescent="0.3">
      <c r="A121348" s="13" t="s">
        <v>568</v>
      </c>
      <c r="B121348" s="14" t="s">
        <v>1</v>
      </c>
      <c r="C121348" s="14" t="s">
        <v>565</v>
      </c>
      <c r="D121348" s="14" t="s">
        <v>406</v>
      </c>
      <c r="E121348" s="15">
        <v>45544</v>
      </c>
      <c r="F121348" s="14" t="s">
        <v>15</v>
      </c>
      <c r="G121348" s="16">
        <v>0.71692010773365267</v>
      </c>
    </row>
    <row r="121349" spans="1:7" x14ac:dyDescent="0.3">
      <c r="A121349" s="13" t="s">
        <v>568</v>
      </c>
      <c r="B121349" s="14" t="s">
        <v>1</v>
      </c>
      <c r="C121349" s="14" t="s">
        <v>565</v>
      </c>
      <c r="D121349" s="14" t="s">
        <v>406</v>
      </c>
      <c r="E121349" s="15">
        <v>45545</v>
      </c>
      <c r="F121349" s="14" t="s">
        <v>15</v>
      </c>
      <c r="G121349" s="16">
        <v>0.75446647379154297</v>
      </c>
    </row>
    <row r="121350" spans="1:7" x14ac:dyDescent="0.3">
      <c r="A121350" s="13" t="s">
        <v>568</v>
      </c>
      <c r="B121350" s="14" t="s">
        <v>1</v>
      </c>
      <c r="C121350" s="14" t="s">
        <v>565</v>
      </c>
      <c r="D121350" s="14" t="s">
        <v>406</v>
      </c>
      <c r="E121350" s="15">
        <v>45546</v>
      </c>
      <c r="F121350" s="14" t="s">
        <v>15</v>
      </c>
      <c r="G121350" s="16">
        <v>0.75276303315582771</v>
      </c>
    </row>
    <row r="121351" spans="1:7" x14ac:dyDescent="0.3">
      <c r="A121351" s="13" t="s">
        <v>568</v>
      </c>
      <c r="B121351" s="14" t="s">
        <v>1</v>
      </c>
      <c r="C121351" s="14" t="s">
        <v>565</v>
      </c>
      <c r="D121351" s="14" t="s">
        <v>406</v>
      </c>
      <c r="E121351" s="15">
        <v>45547</v>
      </c>
      <c r="F121351" s="14" t="s">
        <v>15</v>
      </c>
      <c r="G121351" s="16">
        <v>0.75871410902480729</v>
      </c>
    </row>
    <row r="121352" spans="1:7" x14ac:dyDescent="0.3">
      <c r="A121352" s="13" t="s">
        <v>568</v>
      </c>
      <c r="B121352" s="14" t="s">
        <v>1</v>
      </c>
      <c r="C121352" s="14" t="s">
        <v>565</v>
      </c>
      <c r="D121352" s="14" t="s">
        <v>406</v>
      </c>
      <c r="E121352" s="15">
        <v>45548</v>
      </c>
      <c r="F121352" s="14" t="s">
        <v>15</v>
      </c>
      <c r="G121352" s="16">
        <v>0.78216992607596536</v>
      </c>
    </row>
    <row r="121353" spans="1:7" x14ac:dyDescent="0.3">
      <c r="A121353" s="13" t="s">
        <v>568</v>
      </c>
      <c r="B121353" s="14" t="s">
        <v>1</v>
      </c>
      <c r="C121353" s="14" t="s">
        <v>565</v>
      </c>
      <c r="D121353" s="14" t="s">
        <v>406</v>
      </c>
      <c r="E121353" s="15">
        <v>45549</v>
      </c>
      <c r="F121353" s="14" t="s">
        <v>15</v>
      </c>
      <c r="G121353" s="16">
        <v>0.78216992607596536</v>
      </c>
    </row>
    <row r="121354" spans="1:7" x14ac:dyDescent="0.3">
      <c r="A121354" s="13" t="s">
        <v>568</v>
      </c>
      <c r="B121354" s="14" t="s">
        <v>1</v>
      </c>
      <c r="C121354" s="14" t="s">
        <v>565</v>
      </c>
      <c r="D121354" s="14" t="s">
        <v>406</v>
      </c>
      <c r="E121354" s="15">
        <v>45550</v>
      </c>
      <c r="F121354" s="14" t="s">
        <v>15</v>
      </c>
      <c r="G121354" s="16">
        <v>0.78216992607596536</v>
      </c>
    </row>
    <row r="121355" spans="1:7" x14ac:dyDescent="0.3">
      <c r="A121355" s="13" t="s">
        <v>568</v>
      </c>
      <c r="B121355" s="14" t="s">
        <v>1</v>
      </c>
      <c r="C121355" s="14" t="s">
        <v>565</v>
      </c>
      <c r="D121355" s="14" t="s">
        <v>406</v>
      </c>
      <c r="E121355" s="15">
        <v>45551</v>
      </c>
      <c r="F121355" s="14" t="s">
        <v>15</v>
      </c>
      <c r="G121355" s="16">
        <v>0.78216992607596536</v>
      </c>
    </row>
    <row r="121356" spans="1:7" x14ac:dyDescent="0.3">
      <c r="A121356" s="13" t="s">
        <v>568</v>
      </c>
      <c r="B121356" s="14" t="s">
        <v>1</v>
      </c>
      <c r="C121356" s="14" t="s">
        <v>565</v>
      </c>
      <c r="D121356" s="14" t="s">
        <v>406</v>
      </c>
      <c r="E121356" s="15">
        <v>45552</v>
      </c>
      <c r="F121356" s="14" t="s">
        <v>15</v>
      </c>
      <c r="G121356" s="16">
        <v>0.78216992607596536</v>
      </c>
    </row>
    <row r="121357" spans="1:7" x14ac:dyDescent="0.3">
      <c r="A121357" s="13" t="s">
        <v>568</v>
      </c>
      <c r="B121357" s="14" t="s">
        <v>1</v>
      </c>
      <c r="C121357" s="14" t="s">
        <v>565</v>
      </c>
      <c r="D121357" s="14" t="s">
        <v>406</v>
      </c>
      <c r="E121357" s="15">
        <v>45553</v>
      </c>
      <c r="F121357" s="14" t="s">
        <v>15</v>
      </c>
      <c r="G121357" s="16">
        <v>0.78216992607596536</v>
      </c>
    </row>
    <row r="121358" spans="1:7" x14ac:dyDescent="0.3">
      <c r="A121358" s="13" t="s">
        <v>568</v>
      </c>
      <c r="B121358" s="14" t="s">
        <v>1</v>
      </c>
      <c r="C121358" s="14" t="s">
        <v>565</v>
      </c>
      <c r="D121358" s="14" t="s">
        <v>406</v>
      </c>
      <c r="E121358" s="15">
        <v>45554</v>
      </c>
      <c r="F121358" s="14" t="s">
        <v>15</v>
      </c>
      <c r="G121358" s="16">
        <v>0.81846369057912327</v>
      </c>
    </row>
    <row r="121359" spans="1:7" x14ac:dyDescent="0.3">
      <c r="A121359" s="13" t="s">
        <v>568</v>
      </c>
      <c r="B121359" s="14" t="s">
        <v>1</v>
      </c>
      <c r="C121359" s="14" t="s">
        <v>565</v>
      </c>
      <c r="D121359" s="14" t="s">
        <v>406</v>
      </c>
      <c r="E121359" s="15">
        <v>45555</v>
      </c>
      <c r="F121359" s="14" t="s">
        <v>15</v>
      </c>
      <c r="G121359" s="16">
        <v>0.81839058153896382</v>
      </c>
    </row>
    <row r="121360" spans="1:7" x14ac:dyDescent="0.3">
      <c r="A121360" s="13" t="s">
        <v>568</v>
      </c>
      <c r="B121360" s="14" t="s">
        <v>1</v>
      </c>
      <c r="C121360" s="14" t="s">
        <v>565</v>
      </c>
      <c r="D121360" s="14" t="s">
        <v>406</v>
      </c>
      <c r="E121360" s="15">
        <v>45556</v>
      </c>
      <c r="F121360" s="14" t="s">
        <v>15</v>
      </c>
      <c r="G121360" s="16">
        <v>0.81839058153896382</v>
      </c>
    </row>
    <row r="121361" spans="1:7" x14ac:dyDescent="0.3">
      <c r="A121361" s="13" t="s">
        <v>568</v>
      </c>
      <c r="B121361" s="14" t="s">
        <v>1</v>
      </c>
      <c r="C121361" s="14" t="s">
        <v>565</v>
      </c>
      <c r="D121361" s="14" t="s">
        <v>406</v>
      </c>
      <c r="E121361" s="15">
        <v>45557</v>
      </c>
      <c r="F121361" s="14" t="s">
        <v>15</v>
      </c>
      <c r="G121361" s="16">
        <v>0.81839058153896382</v>
      </c>
    </row>
    <row r="121362" spans="1:7" x14ac:dyDescent="0.3">
      <c r="A121362" s="13" t="s">
        <v>568</v>
      </c>
      <c r="B121362" s="14" t="s">
        <v>1</v>
      </c>
      <c r="C121362" s="14" t="s">
        <v>565</v>
      </c>
      <c r="D121362" s="14" t="s">
        <v>406</v>
      </c>
      <c r="E121362" s="15">
        <v>45558</v>
      </c>
      <c r="F121362" s="14" t="s">
        <v>15</v>
      </c>
      <c r="G121362" s="16">
        <v>0.81662621670311575</v>
      </c>
    </row>
    <row r="121363" spans="1:7" x14ac:dyDescent="0.3">
      <c r="A121363" s="13" t="s">
        <v>568</v>
      </c>
      <c r="B121363" s="14" t="s">
        <v>1</v>
      </c>
      <c r="C121363" s="14" t="s">
        <v>565</v>
      </c>
      <c r="D121363" s="14" t="s">
        <v>406</v>
      </c>
      <c r="E121363" s="15">
        <v>45559</v>
      </c>
      <c r="F121363" s="14" t="s">
        <v>15</v>
      </c>
      <c r="G121363" s="16">
        <v>0.8112826601800468</v>
      </c>
    </row>
    <row r="121364" spans="1:7" x14ac:dyDescent="0.3">
      <c r="A121364" s="13" t="s">
        <v>568</v>
      </c>
      <c r="B121364" s="14" t="s">
        <v>1</v>
      </c>
      <c r="C121364" s="14" t="s">
        <v>565</v>
      </c>
      <c r="D121364" s="14" t="s">
        <v>406</v>
      </c>
      <c r="E121364" s="15">
        <v>45560</v>
      </c>
      <c r="F121364" s="14" t="s">
        <v>15</v>
      </c>
      <c r="G121364" s="16">
        <v>0.80944873432085063</v>
      </c>
    </row>
    <row r="121365" spans="1:7" x14ac:dyDescent="0.3">
      <c r="A121365" s="13" t="s">
        <v>568</v>
      </c>
      <c r="B121365" s="14" t="s">
        <v>1</v>
      </c>
      <c r="C121365" s="14" t="s">
        <v>565</v>
      </c>
      <c r="D121365" s="14" t="s">
        <v>406</v>
      </c>
      <c r="E121365" s="15">
        <v>45561</v>
      </c>
      <c r="F121365" s="14" t="s">
        <v>15</v>
      </c>
      <c r="G121365" s="16">
        <v>0.80763638405999805</v>
      </c>
    </row>
    <row r="121366" spans="1:7" x14ac:dyDescent="0.3">
      <c r="A121366" s="13" t="s">
        <v>568</v>
      </c>
      <c r="B121366" s="14" t="s">
        <v>1</v>
      </c>
      <c r="C121366" s="14" t="s">
        <v>565</v>
      </c>
      <c r="D121366" s="14" t="s">
        <v>406</v>
      </c>
      <c r="E121366" s="15">
        <v>45562</v>
      </c>
      <c r="F121366" s="14" t="s">
        <v>15</v>
      </c>
      <c r="G121366" s="16">
        <v>0.80621958643544278</v>
      </c>
    </row>
    <row r="121367" spans="1:7" x14ac:dyDescent="0.3">
      <c r="A121367" s="13" t="s">
        <v>568</v>
      </c>
      <c r="B121367" s="14" t="s">
        <v>1</v>
      </c>
      <c r="C121367" s="14" t="s">
        <v>565</v>
      </c>
      <c r="D121367" s="14" t="s">
        <v>406</v>
      </c>
      <c r="E121367" s="15">
        <v>45563</v>
      </c>
      <c r="F121367" s="14" t="s">
        <v>15</v>
      </c>
      <c r="G121367" s="16">
        <v>0.80621958643544278</v>
      </c>
    </row>
    <row r="121368" spans="1:7" x14ac:dyDescent="0.3">
      <c r="A121368" s="13" t="s">
        <v>568</v>
      </c>
      <c r="B121368" s="14" t="s">
        <v>1</v>
      </c>
      <c r="C121368" s="14" t="s">
        <v>565</v>
      </c>
      <c r="D121368" s="14" t="s">
        <v>406</v>
      </c>
      <c r="E121368" s="15">
        <v>45564</v>
      </c>
      <c r="F121368" s="14" t="s">
        <v>15</v>
      </c>
      <c r="G121368" s="16">
        <v>0.80621958643544278</v>
      </c>
    </row>
    <row r="121369" spans="1:7" x14ac:dyDescent="0.3">
      <c r="A121369" s="13" t="s">
        <v>568</v>
      </c>
      <c r="B121369" s="14" t="s">
        <v>1</v>
      </c>
      <c r="C121369" s="14" t="s">
        <v>565</v>
      </c>
      <c r="D121369" s="14" t="s">
        <v>406</v>
      </c>
      <c r="E121369" s="15">
        <v>45565</v>
      </c>
      <c r="F121369" s="14" t="s">
        <v>15</v>
      </c>
      <c r="G121369" s="16">
        <v>0.82490405460089922</v>
      </c>
    </row>
    <row r="121370" spans="1:7" x14ac:dyDescent="0.3">
      <c r="A121370" s="13" t="s">
        <v>568</v>
      </c>
      <c r="B121370" s="14" t="s">
        <v>1</v>
      </c>
      <c r="C121370" s="14" t="s">
        <v>565</v>
      </c>
      <c r="D121370" s="14" t="s">
        <v>406</v>
      </c>
      <c r="E121370" s="15">
        <v>45566</v>
      </c>
      <c r="F121370" s="14" t="s">
        <v>15</v>
      </c>
      <c r="G121370" s="16">
        <v>0.82490405460089922</v>
      </c>
    </row>
    <row r="121371" spans="1:7" x14ac:dyDescent="0.3">
      <c r="A121371" s="13" t="s">
        <v>568</v>
      </c>
      <c r="B121371" s="14" t="s">
        <v>1</v>
      </c>
      <c r="C121371" s="14" t="s">
        <v>565</v>
      </c>
      <c r="D121371" s="14" t="s">
        <v>406</v>
      </c>
      <c r="E121371" s="15">
        <v>45567</v>
      </c>
      <c r="F121371" s="14" t="s">
        <v>15</v>
      </c>
      <c r="G121371" s="16">
        <v>0.82490405460089922</v>
      </c>
    </row>
    <row r="121372" spans="1:7" x14ac:dyDescent="0.3">
      <c r="A121372" s="13" t="s">
        <v>568</v>
      </c>
      <c r="B121372" s="14" t="s">
        <v>1</v>
      </c>
      <c r="C121372" s="14" t="s">
        <v>565</v>
      </c>
      <c r="D121372" s="14" t="s">
        <v>406</v>
      </c>
      <c r="E121372" s="15">
        <v>45568</v>
      </c>
      <c r="F121372" s="14" t="s">
        <v>15</v>
      </c>
      <c r="G121372" s="16">
        <v>0.82490405460089922</v>
      </c>
    </row>
    <row r="121373" spans="1:7" x14ac:dyDescent="0.3">
      <c r="A121373" s="13" t="s">
        <v>568</v>
      </c>
      <c r="B121373" s="14" t="s">
        <v>1</v>
      </c>
      <c r="C121373" s="14" t="s">
        <v>565</v>
      </c>
      <c r="D121373" s="14" t="s">
        <v>406</v>
      </c>
      <c r="E121373" s="15">
        <v>45569</v>
      </c>
      <c r="F121373" s="14" t="s">
        <v>15</v>
      </c>
      <c r="G121373" s="16">
        <v>0.82490405460089922</v>
      </c>
    </row>
    <row r="121374" spans="1:7" x14ac:dyDescent="0.3">
      <c r="A121374" s="13" t="s">
        <v>568</v>
      </c>
      <c r="B121374" s="14" t="s">
        <v>1</v>
      </c>
      <c r="C121374" s="14" t="s">
        <v>565</v>
      </c>
      <c r="D121374" s="14" t="s">
        <v>406</v>
      </c>
      <c r="E121374" s="15">
        <v>45570</v>
      </c>
      <c r="F121374" s="14" t="s">
        <v>15</v>
      </c>
      <c r="G121374" s="16">
        <v>0.82490405460089922</v>
      </c>
    </row>
    <row r="121375" spans="1:7" x14ac:dyDescent="0.3">
      <c r="A121375" s="13" t="s">
        <v>568</v>
      </c>
      <c r="B121375" s="14" t="s">
        <v>1</v>
      </c>
      <c r="C121375" s="14" t="s">
        <v>565</v>
      </c>
      <c r="D121375" s="14" t="s">
        <v>406</v>
      </c>
      <c r="E121375" s="15">
        <v>45571</v>
      </c>
      <c r="F121375" s="14" t="s">
        <v>15</v>
      </c>
      <c r="G121375" s="16">
        <v>0.82490405460089922</v>
      </c>
    </row>
    <row r="121376" spans="1:7" x14ac:dyDescent="0.3">
      <c r="A121376" s="13" t="s">
        <v>568</v>
      </c>
      <c r="B121376" s="14" t="s">
        <v>1</v>
      </c>
      <c r="C121376" s="14" t="s">
        <v>565</v>
      </c>
      <c r="D121376" s="14" t="s">
        <v>406</v>
      </c>
      <c r="E121376" s="15">
        <v>45572</v>
      </c>
      <c r="F121376" s="14" t="s">
        <v>15</v>
      </c>
      <c r="G121376" s="16">
        <v>0.82490405460089922</v>
      </c>
    </row>
    <row r="121377" spans="1:7" x14ac:dyDescent="0.3">
      <c r="A121377" s="13" t="s">
        <v>568</v>
      </c>
      <c r="B121377" s="14" t="s">
        <v>1</v>
      </c>
      <c r="C121377" s="14" t="s">
        <v>565</v>
      </c>
      <c r="D121377" s="14" t="s">
        <v>406</v>
      </c>
      <c r="E121377" s="15">
        <v>45573</v>
      </c>
      <c r="F121377" s="14" t="s">
        <v>15</v>
      </c>
      <c r="G121377" s="16">
        <v>0.8192656315671355</v>
      </c>
    </row>
    <row r="121378" spans="1:7" x14ac:dyDescent="0.3">
      <c r="A121378" s="13" t="s">
        <v>568</v>
      </c>
      <c r="B121378" s="14" t="s">
        <v>1</v>
      </c>
      <c r="C121378" s="14" t="s">
        <v>565</v>
      </c>
      <c r="D121378" s="14" t="s">
        <v>406</v>
      </c>
      <c r="E121378" s="15">
        <v>45574</v>
      </c>
      <c r="F121378" s="14" t="s">
        <v>15</v>
      </c>
      <c r="G121378" s="16">
        <v>0.81545394252645331</v>
      </c>
    </row>
    <row r="121379" spans="1:7" x14ac:dyDescent="0.3">
      <c r="A121379" s="13" t="s">
        <v>568</v>
      </c>
      <c r="B121379" s="14" t="s">
        <v>1</v>
      </c>
      <c r="C121379" s="14" t="s">
        <v>565</v>
      </c>
      <c r="D121379" s="14" t="s">
        <v>406</v>
      </c>
      <c r="E121379" s="15">
        <v>45575</v>
      </c>
      <c r="F121379" s="14" t="s">
        <v>15</v>
      </c>
      <c r="G121379" s="16">
        <v>0.81359844106891388</v>
      </c>
    </row>
    <row r="121380" spans="1:7" x14ac:dyDescent="0.3">
      <c r="A121380" s="13" t="s">
        <v>568</v>
      </c>
      <c r="B121380" s="14" t="s">
        <v>1</v>
      </c>
      <c r="C121380" s="14" t="s">
        <v>565</v>
      </c>
      <c r="D121380" s="14" t="s">
        <v>406</v>
      </c>
      <c r="E121380" s="15">
        <v>45576</v>
      </c>
      <c r="F121380" s="14" t="s">
        <v>15</v>
      </c>
      <c r="G121380" s="16">
        <v>0.81359844106891388</v>
      </c>
    </row>
    <row r="121381" spans="1:7" x14ac:dyDescent="0.3">
      <c r="A121381" s="13" t="s">
        <v>568</v>
      </c>
      <c r="B121381" s="14" t="s">
        <v>1</v>
      </c>
      <c r="C121381" s="14" t="s">
        <v>565</v>
      </c>
      <c r="D121381" s="14" t="s">
        <v>406</v>
      </c>
      <c r="E121381" s="15">
        <v>45577</v>
      </c>
      <c r="F121381" s="14" t="s">
        <v>15</v>
      </c>
      <c r="G121381" s="16">
        <v>0.81359844106891388</v>
      </c>
    </row>
    <row r="121382" spans="1:7" x14ac:dyDescent="0.3">
      <c r="A121382" s="13" t="s">
        <v>568</v>
      </c>
      <c r="B121382" s="14" t="s">
        <v>1</v>
      </c>
      <c r="C121382" s="14" t="s">
        <v>565</v>
      </c>
      <c r="D121382" s="14" t="s">
        <v>406</v>
      </c>
      <c r="E121382" s="15">
        <v>45578</v>
      </c>
      <c r="F121382" s="14" t="s">
        <v>15</v>
      </c>
      <c r="G121382" s="16">
        <v>0.81359844106891388</v>
      </c>
    </row>
    <row r="121383" spans="1:7" x14ac:dyDescent="0.3">
      <c r="A121383" s="13" t="s">
        <v>568</v>
      </c>
      <c r="B121383" s="14" t="s">
        <v>1</v>
      </c>
      <c r="C121383" s="14" t="s">
        <v>565</v>
      </c>
      <c r="D121383" s="14" t="s">
        <v>406</v>
      </c>
      <c r="E121383" s="15">
        <v>45579</v>
      </c>
      <c r="F121383" s="14" t="s">
        <v>15</v>
      </c>
      <c r="G121383" s="16">
        <v>0.8117573233436034</v>
      </c>
    </row>
    <row r="121384" spans="1:7" x14ac:dyDescent="0.3">
      <c r="A121384" s="13" t="s">
        <v>568</v>
      </c>
      <c r="B121384" s="14" t="s">
        <v>1</v>
      </c>
      <c r="C121384" s="14" t="s">
        <v>565</v>
      </c>
      <c r="D121384" s="14" t="s">
        <v>406</v>
      </c>
      <c r="E121384" s="15">
        <v>45580</v>
      </c>
      <c r="F121384" s="14" t="s">
        <v>15</v>
      </c>
      <c r="G121384" s="16">
        <v>0.80465895148859745</v>
      </c>
    </row>
    <row r="121385" spans="1:7" x14ac:dyDescent="0.3">
      <c r="A121385" s="13" t="s">
        <v>568</v>
      </c>
      <c r="B121385" s="14" t="s">
        <v>1</v>
      </c>
      <c r="C121385" s="14" t="s">
        <v>565</v>
      </c>
      <c r="D121385" s="14" t="s">
        <v>406</v>
      </c>
      <c r="E121385" s="15">
        <v>45581</v>
      </c>
      <c r="F121385" s="14" t="s">
        <v>15</v>
      </c>
      <c r="G121385" s="16">
        <v>0.80961414724148406</v>
      </c>
    </row>
    <row r="121386" spans="1:7" x14ac:dyDescent="0.3">
      <c r="A121386" s="13" t="s">
        <v>568</v>
      </c>
      <c r="B121386" s="14" t="s">
        <v>1</v>
      </c>
      <c r="C121386" s="14" t="s">
        <v>565</v>
      </c>
      <c r="D121386" s="14" t="s">
        <v>406</v>
      </c>
      <c r="E121386" s="15">
        <v>45582</v>
      </c>
      <c r="F121386" s="14" t="s">
        <v>15</v>
      </c>
      <c r="G121386" s="16">
        <v>0.80777302951617347</v>
      </c>
    </row>
    <row r="121387" spans="1:7" x14ac:dyDescent="0.3">
      <c r="A121387" s="13" t="s">
        <v>568</v>
      </c>
      <c r="B121387" s="14" t="s">
        <v>1</v>
      </c>
      <c r="C121387" s="14" t="s">
        <v>565</v>
      </c>
      <c r="D121387" s="14" t="s">
        <v>406</v>
      </c>
      <c r="E121387" s="15">
        <v>45583</v>
      </c>
      <c r="F121387" s="14" t="s">
        <v>15</v>
      </c>
      <c r="G121387" s="16">
        <v>0.80595348738920625</v>
      </c>
    </row>
    <row r="121388" spans="1:7" x14ac:dyDescent="0.3">
      <c r="A121388" s="13" t="s">
        <v>568</v>
      </c>
      <c r="B121388" s="14" t="s">
        <v>1</v>
      </c>
      <c r="C121388" s="14" t="s">
        <v>565</v>
      </c>
      <c r="D121388" s="14" t="s">
        <v>406</v>
      </c>
      <c r="E121388" s="15">
        <v>45584</v>
      </c>
      <c r="F121388" s="14" t="s">
        <v>15</v>
      </c>
      <c r="G121388" s="16">
        <v>0.80595348738920625</v>
      </c>
    </row>
    <row r="121389" spans="1:7" x14ac:dyDescent="0.3">
      <c r="A121389" s="13" t="s">
        <v>568</v>
      </c>
      <c r="B121389" s="14" t="s">
        <v>1</v>
      </c>
      <c r="C121389" s="14" t="s">
        <v>565</v>
      </c>
      <c r="D121389" s="14" t="s">
        <v>406</v>
      </c>
      <c r="E121389" s="15">
        <v>45585</v>
      </c>
      <c r="F121389" s="14" t="s">
        <v>15</v>
      </c>
      <c r="G121389" s="16">
        <v>0.80595348738920625</v>
      </c>
    </row>
    <row r="121390" spans="1:7" x14ac:dyDescent="0.3">
      <c r="A121390" s="13" t="s">
        <v>568</v>
      </c>
      <c r="B121390" s="14" t="s">
        <v>1</v>
      </c>
      <c r="C121390" s="14" t="s">
        <v>565</v>
      </c>
      <c r="D121390" s="14" t="s">
        <v>406</v>
      </c>
      <c r="E121390" s="15">
        <v>45586</v>
      </c>
      <c r="F121390" s="14" t="s">
        <v>15</v>
      </c>
      <c r="G121390" s="16">
        <v>0.81100936926769596</v>
      </c>
    </row>
    <row r="121391" spans="1:7" x14ac:dyDescent="0.3">
      <c r="A121391" s="13" t="s">
        <v>568</v>
      </c>
      <c r="B121391" s="14" t="s">
        <v>1</v>
      </c>
      <c r="C121391" s="14" t="s">
        <v>565</v>
      </c>
      <c r="D121391" s="14" t="s">
        <v>406</v>
      </c>
      <c r="E121391" s="15">
        <v>45587</v>
      </c>
      <c r="F121391" s="14" t="s">
        <v>15</v>
      </c>
      <c r="G121391" s="16">
        <v>0.80549320795787871</v>
      </c>
    </row>
    <row r="121392" spans="1:7" x14ac:dyDescent="0.3">
      <c r="A121392" s="13" t="s">
        <v>568</v>
      </c>
      <c r="B121392" s="14" t="s">
        <v>1</v>
      </c>
      <c r="C121392" s="14" t="s">
        <v>565</v>
      </c>
      <c r="D121392" s="14" t="s">
        <v>406</v>
      </c>
      <c r="E121392" s="15">
        <v>45588</v>
      </c>
      <c r="F121392" s="14" t="s">
        <v>15</v>
      </c>
      <c r="G121392" s="16">
        <v>0.80366647396479718</v>
      </c>
    </row>
    <row r="121393" spans="1:7" x14ac:dyDescent="0.3">
      <c r="A121393" s="13" t="s">
        <v>568</v>
      </c>
      <c r="B121393" s="14" t="s">
        <v>1</v>
      </c>
      <c r="C121393" s="14" t="s">
        <v>565</v>
      </c>
      <c r="D121393" s="14" t="s">
        <v>406</v>
      </c>
      <c r="E121393" s="15">
        <v>45589</v>
      </c>
      <c r="F121393" s="14" t="s">
        <v>15</v>
      </c>
      <c r="G121393" s="16">
        <v>0.80184693183782996</v>
      </c>
    </row>
    <row r="121394" spans="1:7" x14ac:dyDescent="0.3">
      <c r="A121394" s="13" t="s">
        <v>568</v>
      </c>
      <c r="B121394" s="14" t="s">
        <v>1</v>
      </c>
      <c r="C121394" s="14" t="s">
        <v>565</v>
      </c>
      <c r="D121394" s="14" t="s">
        <v>406</v>
      </c>
      <c r="E121394" s="15">
        <v>45590</v>
      </c>
      <c r="F121394" s="14" t="s">
        <v>15</v>
      </c>
      <c r="G121394" s="16">
        <v>0.80194042609731853</v>
      </c>
    </row>
    <row r="121395" spans="1:7" x14ac:dyDescent="0.3">
      <c r="A121395" s="13" t="s">
        <v>568</v>
      </c>
      <c r="B121395" s="14" t="s">
        <v>1</v>
      </c>
      <c r="C121395" s="14" t="s">
        <v>565</v>
      </c>
      <c r="D121395" s="14" t="s">
        <v>406</v>
      </c>
      <c r="E121395" s="15">
        <v>45591</v>
      </c>
      <c r="F121395" s="14" t="s">
        <v>15</v>
      </c>
      <c r="G121395" s="16">
        <v>0.80194042609731853</v>
      </c>
    </row>
    <row r="121396" spans="1:7" x14ac:dyDescent="0.3">
      <c r="A121396" s="13" t="s">
        <v>568</v>
      </c>
      <c r="B121396" s="14" t="s">
        <v>1</v>
      </c>
      <c r="C121396" s="14" t="s">
        <v>565</v>
      </c>
      <c r="D121396" s="14" t="s">
        <v>406</v>
      </c>
      <c r="E121396" s="15">
        <v>45592</v>
      </c>
      <c r="F121396" s="14" t="s">
        <v>15</v>
      </c>
      <c r="G121396" s="16">
        <v>0.80194042609731853</v>
      </c>
    </row>
    <row r="121397" spans="1:7" x14ac:dyDescent="0.3">
      <c r="A121397" s="13" t="s">
        <v>568</v>
      </c>
      <c r="B121397" s="14" t="s">
        <v>1</v>
      </c>
      <c r="C121397" s="14" t="s">
        <v>565</v>
      </c>
      <c r="D121397" s="14" t="s">
        <v>406</v>
      </c>
      <c r="E121397" s="15">
        <v>45593</v>
      </c>
      <c r="F121397" s="14" t="s">
        <v>15</v>
      </c>
      <c r="G121397" s="16">
        <v>0.80194042609731853</v>
      </c>
    </row>
    <row r="121398" spans="1:7" x14ac:dyDescent="0.3">
      <c r="A121398" s="13" t="s">
        <v>568</v>
      </c>
      <c r="B121398" s="14" t="s">
        <v>1</v>
      </c>
      <c r="C121398" s="14" t="s">
        <v>565</v>
      </c>
      <c r="D121398" s="14" t="s">
        <v>406</v>
      </c>
      <c r="E121398" s="15">
        <v>45594</v>
      </c>
      <c r="F121398" s="14" t="s">
        <v>15</v>
      </c>
      <c r="G121398" s="16">
        <v>0.80043013421327469</v>
      </c>
    </row>
    <row r="121399" spans="1:7" x14ac:dyDescent="0.3">
      <c r="A121399" s="13" t="s">
        <v>568</v>
      </c>
      <c r="B121399" s="14" t="s">
        <v>1</v>
      </c>
      <c r="C121399" s="14" t="s">
        <v>565</v>
      </c>
      <c r="D121399" s="14" t="s">
        <v>406</v>
      </c>
      <c r="E121399" s="15">
        <v>45595</v>
      </c>
      <c r="F121399" s="14" t="s">
        <v>15</v>
      </c>
      <c r="G121399" s="16">
        <v>0.81759711862857265</v>
      </c>
    </row>
    <row r="121400" spans="1:7" x14ac:dyDescent="0.3">
      <c r="A121400" s="13" t="s">
        <v>568</v>
      </c>
      <c r="B121400" s="14" t="s">
        <v>1</v>
      </c>
      <c r="C121400" s="14" t="s">
        <v>565</v>
      </c>
      <c r="D121400" s="14" t="s">
        <v>406</v>
      </c>
      <c r="E121400" s="15">
        <v>45596</v>
      </c>
      <c r="F121400" s="14" t="s">
        <v>15</v>
      </c>
      <c r="G121400" s="16">
        <v>0.83559116764703756</v>
      </c>
    </row>
    <row r="121401" spans="1:7" x14ac:dyDescent="0.3">
      <c r="A121401" s="13" t="s">
        <v>568</v>
      </c>
      <c r="B121401" s="14" t="s">
        <v>1</v>
      </c>
      <c r="C121401" s="14" t="s">
        <v>565</v>
      </c>
      <c r="D121401" s="14" t="s">
        <v>406</v>
      </c>
      <c r="E121401" s="15">
        <v>45597</v>
      </c>
      <c r="F121401" s="14" t="s">
        <v>15</v>
      </c>
      <c r="G121401" s="16">
        <v>0.83379320111841404</v>
      </c>
    </row>
    <row r="121402" spans="1:7" x14ac:dyDescent="0.3">
      <c r="A121402" s="13" t="s">
        <v>568</v>
      </c>
      <c r="B121402" s="14" t="s">
        <v>1</v>
      </c>
      <c r="C121402" s="14" t="s">
        <v>565</v>
      </c>
      <c r="D121402" s="14" t="s">
        <v>406</v>
      </c>
      <c r="E121402" s="15">
        <v>45598</v>
      </c>
      <c r="F121402" s="14" t="s">
        <v>15</v>
      </c>
      <c r="G121402" s="16">
        <v>0.83379320111841404</v>
      </c>
    </row>
    <row r="121403" spans="1:7" x14ac:dyDescent="0.3">
      <c r="A121403" s="13" t="s">
        <v>568</v>
      </c>
      <c r="B121403" s="14" t="s">
        <v>1</v>
      </c>
      <c r="C121403" s="14" t="s">
        <v>565</v>
      </c>
      <c r="D121403" s="14" t="s">
        <v>406</v>
      </c>
      <c r="E121403" s="15">
        <v>45599</v>
      </c>
      <c r="F121403" s="14" t="s">
        <v>15</v>
      </c>
      <c r="G121403" s="16">
        <v>0.83379320111841404</v>
      </c>
    </row>
    <row r="121404" spans="1:7" x14ac:dyDescent="0.3">
      <c r="A121404" s="13" t="s">
        <v>568</v>
      </c>
      <c r="B121404" s="14" t="s">
        <v>1</v>
      </c>
      <c r="C121404" s="14" t="s">
        <v>565</v>
      </c>
      <c r="D121404" s="14" t="s">
        <v>406</v>
      </c>
      <c r="E121404" s="15">
        <v>45600</v>
      </c>
      <c r="F121404" s="14" t="s">
        <v>15</v>
      </c>
      <c r="G121404" s="16">
        <v>0.83200961832201936</v>
      </c>
    </row>
    <row r="121405" spans="1:7" x14ac:dyDescent="0.3">
      <c r="A121405" s="13" t="s">
        <v>568</v>
      </c>
      <c r="B121405" s="14" t="s">
        <v>1</v>
      </c>
      <c r="C121405" s="14" t="s">
        <v>565</v>
      </c>
      <c r="D121405" s="14" t="s">
        <v>406</v>
      </c>
      <c r="E121405" s="15">
        <v>45601</v>
      </c>
      <c r="F121405" s="14" t="s">
        <v>15</v>
      </c>
      <c r="G121405" s="16">
        <v>0.82666606179895019</v>
      </c>
    </row>
    <row r="121406" spans="1:7" x14ac:dyDescent="0.3">
      <c r="A121406" s="13" t="s">
        <v>568</v>
      </c>
      <c r="B121406" s="14" t="s">
        <v>1</v>
      </c>
      <c r="C121406" s="14" t="s">
        <v>565</v>
      </c>
      <c r="D121406" s="14" t="s">
        <v>406</v>
      </c>
      <c r="E121406" s="15">
        <v>45602</v>
      </c>
      <c r="F121406" s="14" t="s">
        <v>15</v>
      </c>
      <c r="G121406" s="16">
        <v>0.8248752871364412</v>
      </c>
    </row>
    <row r="121407" spans="1:7" x14ac:dyDescent="0.3">
      <c r="A121407" s="13" t="s">
        <v>568</v>
      </c>
      <c r="B121407" s="14" t="s">
        <v>1</v>
      </c>
      <c r="C121407" s="14" t="s">
        <v>565</v>
      </c>
      <c r="D121407" s="14" t="s">
        <v>406</v>
      </c>
      <c r="E121407" s="15">
        <v>45603</v>
      </c>
      <c r="F121407" s="14" t="s">
        <v>15</v>
      </c>
      <c r="G121407" s="16">
        <v>0.83111782692382219</v>
      </c>
    </row>
    <row r="121408" spans="1:7" x14ac:dyDescent="0.3">
      <c r="A121408" s="13" t="s">
        <v>568</v>
      </c>
      <c r="B121408" s="14" t="s">
        <v>1</v>
      </c>
      <c r="C121408" s="14" t="s">
        <v>565</v>
      </c>
      <c r="D121408" s="14" t="s">
        <v>406</v>
      </c>
      <c r="E121408" s="15">
        <v>45604</v>
      </c>
      <c r="F121408" s="14" t="s">
        <v>15</v>
      </c>
      <c r="G121408" s="16">
        <v>0.83482163797278686</v>
      </c>
    </row>
    <row r="121409" spans="1:7" x14ac:dyDescent="0.3">
      <c r="A121409" s="13" t="s">
        <v>568</v>
      </c>
      <c r="B121409" s="14" t="s">
        <v>1</v>
      </c>
      <c r="C121409" s="14" t="s">
        <v>565</v>
      </c>
      <c r="D121409" s="14" t="s">
        <v>406</v>
      </c>
      <c r="E121409" s="15">
        <v>45605</v>
      </c>
      <c r="F121409" s="14" t="s">
        <v>15</v>
      </c>
      <c r="G121409" s="16">
        <v>0.83482163797278686</v>
      </c>
    </row>
    <row r="121410" spans="1:7" x14ac:dyDescent="0.3">
      <c r="A121410" s="13" t="s">
        <v>568</v>
      </c>
      <c r="B121410" s="14" t="s">
        <v>1</v>
      </c>
      <c r="C121410" s="14" t="s">
        <v>565</v>
      </c>
      <c r="D121410" s="14" t="s">
        <v>406</v>
      </c>
      <c r="E121410" s="15">
        <v>45606</v>
      </c>
      <c r="F121410" s="14" t="s">
        <v>15</v>
      </c>
      <c r="G121410" s="16">
        <v>0.83482163797278686</v>
      </c>
    </row>
    <row r="121411" spans="1:7" x14ac:dyDescent="0.3">
      <c r="A121411" s="13" t="s">
        <v>568</v>
      </c>
      <c r="B121411" s="14" t="s">
        <v>1</v>
      </c>
      <c r="C121411" s="14" t="s">
        <v>565</v>
      </c>
      <c r="D121411" s="14" t="s">
        <v>406</v>
      </c>
      <c r="E121411" s="15">
        <v>45607</v>
      </c>
      <c r="F121411" s="14" t="s">
        <v>15</v>
      </c>
      <c r="G121411" s="16">
        <v>0.83302367144416334</v>
      </c>
    </row>
    <row r="121412" spans="1:7" x14ac:dyDescent="0.3">
      <c r="A121412" s="13" t="s">
        <v>568</v>
      </c>
      <c r="B121412" s="14" t="s">
        <v>1</v>
      </c>
      <c r="C121412" s="14" t="s">
        <v>565</v>
      </c>
      <c r="D121412" s="14" t="s">
        <v>406</v>
      </c>
      <c r="E121412" s="15">
        <v>45608</v>
      </c>
      <c r="F121412" s="14" t="s">
        <v>15</v>
      </c>
      <c r="G121412" s="16">
        <v>0.82750031826823178</v>
      </c>
    </row>
    <row r="121413" spans="1:7" x14ac:dyDescent="0.3">
      <c r="A121413" s="13" t="s">
        <v>568</v>
      </c>
      <c r="B121413" s="14" t="s">
        <v>1</v>
      </c>
      <c r="C121413" s="14" t="s">
        <v>565</v>
      </c>
      <c r="D121413" s="14" t="s">
        <v>406</v>
      </c>
      <c r="E121413" s="15">
        <v>45609</v>
      </c>
      <c r="F121413" s="14" t="s">
        <v>15</v>
      </c>
      <c r="G121413" s="16">
        <v>0.83966895573395628</v>
      </c>
    </row>
    <row r="121414" spans="1:7" x14ac:dyDescent="0.3">
      <c r="A121414" s="13" t="s">
        <v>568</v>
      </c>
      <c r="B121414" s="14" t="s">
        <v>1</v>
      </c>
      <c r="C121414" s="14" t="s">
        <v>565</v>
      </c>
      <c r="D121414" s="14" t="s">
        <v>406</v>
      </c>
      <c r="E121414" s="15">
        <v>45610</v>
      </c>
      <c r="F121414" s="14" t="s">
        <v>15</v>
      </c>
      <c r="G121414" s="16">
        <v>0.83748982030126429</v>
      </c>
    </row>
    <row r="121415" spans="1:7" x14ac:dyDescent="0.3">
      <c r="A121415" s="13" t="s">
        <v>568</v>
      </c>
      <c r="B121415" s="14" t="s">
        <v>1</v>
      </c>
      <c r="C121415" s="14" t="s">
        <v>565</v>
      </c>
      <c r="D121415" s="14" t="s">
        <v>406</v>
      </c>
      <c r="E121415" s="15">
        <v>45611</v>
      </c>
      <c r="F121415" s="14" t="s">
        <v>15</v>
      </c>
      <c r="G121415" s="16">
        <v>0.87653446143685421</v>
      </c>
    </row>
    <row r="121416" spans="1:7" x14ac:dyDescent="0.3">
      <c r="A121416" s="13" t="s">
        <v>568</v>
      </c>
      <c r="B121416" s="14" t="s">
        <v>1</v>
      </c>
      <c r="C121416" s="14" t="s">
        <v>565</v>
      </c>
      <c r="D121416" s="14" t="s">
        <v>406</v>
      </c>
      <c r="E121416" s="15">
        <v>45612</v>
      </c>
      <c r="F121416" s="14" t="s">
        <v>15</v>
      </c>
      <c r="G121416" s="16">
        <v>0.87653446143685421</v>
      </c>
    </row>
    <row r="121417" spans="1:7" x14ac:dyDescent="0.3">
      <c r="A121417" s="13" t="s">
        <v>568</v>
      </c>
      <c r="B121417" s="14" t="s">
        <v>1</v>
      </c>
      <c r="C121417" s="14" t="s">
        <v>565</v>
      </c>
      <c r="D121417" s="14" t="s">
        <v>406</v>
      </c>
      <c r="E121417" s="15">
        <v>45613</v>
      </c>
      <c r="F121417" s="14" t="s">
        <v>15</v>
      </c>
      <c r="G121417" s="16">
        <v>0.87653446143685421</v>
      </c>
    </row>
    <row r="121418" spans="1:7" x14ac:dyDescent="0.3">
      <c r="A121418" s="13" t="s">
        <v>568</v>
      </c>
      <c r="B121418" s="14" t="s">
        <v>1</v>
      </c>
      <c r="C121418" s="14" t="s">
        <v>565</v>
      </c>
      <c r="D121418" s="14" t="s">
        <v>406</v>
      </c>
      <c r="E121418" s="15">
        <v>45614</v>
      </c>
      <c r="F121418" s="14" t="s">
        <v>15</v>
      </c>
      <c r="G121418" s="16">
        <v>0.87620363559558745</v>
      </c>
    </row>
    <row r="121419" spans="1:7" x14ac:dyDescent="0.3">
      <c r="A121419" s="13" t="s">
        <v>568</v>
      </c>
      <c r="B121419" s="14" t="s">
        <v>1</v>
      </c>
      <c r="C121419" s="14" t="s">
        <v>565</v>
      </c>
      <c r="D121419" s="14" t="s">
        <v>406</v>
      </c>
      <c r="E121419" s="15">
        <v>45615</v>
      </c>
      <c r="F121419" s="14" t="s">
        <v>15</v>
      </c>
      <c r="G121419" s="16">
        <v>0.87104706759149497</v>
      </c>
    </row>
    <row r="121420" spans="1:7" x14ac:dyDescent="0.3">
      <c r="A121420" s="13" t="s">
        <v>568</v>
      </c>
      <c r="B121420" s="14" t="s">
        <v>1</v>
      </c>
      <c r="C121420" s="14" t="s">
        <v>565</v>
      </c>
      <c r="D121420" s="14" t="s">
        <v>406</v>
      </c>
      <c r="E121420" s="15">
        <v>45616</v>
      </c>
      <c r="F121420" s="14" t="s">
        <v>15</v>
      </c>
      <c r="G121420" s="16">
        <v>0.86993952020986287</v>
      </c>
    </row>
    <row r="121421" spans="1:7" x14ac:dyDescent="0.3">
      <c r="A121421" s="13" t="s">
        <v>568</v>
      </c>
      <c r="B121421" s="14" t="s">
        <v>1</v>
      </c>
      <c r="C121421" s="14" t="s">
        <v>565</v>
      </c>
      <c r="D121421" s="14" t="s">
        <v>406</v>
      </c>
      <c r="E121421" s="15">
        <v>45617</v>
      </c>
      <c r="F121421" s="14" t="s">
        <v>15</v>
      </c>
      <c r="G121421" s="16">
        <v>0.89739087316888788</v>
      </c>
    </row>
    <row r="121422" spans="1:7" x14ac:dyDescent="0.3">
      <c r="A121422" s="13" t="s">
        <v>568</v>
      </c>
      <c r="B121422" s="14" t="s">
        <v>1</v>
      </c>
      <c r="C121422" s="14" t="s">
        <v>565</v>
      </c>
      <c r="D121422" s="14" t="s">
        <v>406</v>
      </c>
      <c r="E121422" s="15">
        <v>45618</v>
      </c>
      <c r="F121422" s="14" t="s">
        <v>15</v>
      </c>
      <c r="G121422" s="16">
        <v>0.90892662641653676</v>
      </c>
    </row>
    <row r="121423" spans="1:7" x14ac:dyDescent="0.3">
      <c r="A121423" s="13" t="s">
        <v>568</v>
      </c>
      <c r="B121423" s="14" t="s">
        <v>1</v>
      </c>
      <c r="C121423" s="14" t="s">
        <v>565</v>
      </c>
      <c r="D121423" s="14" t="s">
        <v>406</v>
      </c>
      <c r="E121423" s="15">
        <v>45619</v>
      </c>
      <c r="F121423" s="14" t="s">
        <v>15</v>
      </c>
      <c r="G121423" s="16">
        <v>0.90892662641653676</v>
      </c>
    </row>
    <row r="121424" spans="1:7" x14ac:dyDescent="0.3">
      <c r="A121424" s="13" t="s">
        <v>568</v>
      </c>
      <c r="B121424" s="14" t="s">
        <v>1</v>
      </c>
      <c r="C121424" s="14" t="s">
        <v>565</v>
      </c>
      <c r="D121424" s="14" t="s">
        <v>406</v>
      </c>
      <c r="E121424" s="15">
        <v>45620</v>
      </c>
      <c r="F121424" s="14" t="s">
        <v>15</v>
      </c>
      <c r="G121424" s="16">
        <v>0.90892662641653676</v>
      </c>
    </row>
    <row r="121425" spans="1:7" x14ac:dyDescent="0.3">
      <c r="A121425" s="13" t="s">
        <v>568</v>
      </c>
      <c r="B121425" s="14" t="s">
        <v>1</v>
      </c>
      <c r="C121425" s="14" t="s">
        <v>565</v>
      </c>
      <c r="D121425" s="14" t="s">
        <v>406</v>
      </c>
      <c r="E121425" s="15">
        <v>45621</v>
      </c>
      <c r="F121425" s="14" t="s">
        <v>15</v>
      </c>
      <c r="G121425" s="16">
        <v>0.90707831682511164</v>
      </c>
    </row>
    <row r="121426" spans="1:7" x14ac:dyDescent="0.3">
      <c r="A121426" s="13" t="s">
        <v>568</v>
      </c>
      <c r="B121426" s="14" t="s">
        <v>1</v>
      </c>
      <c r="C121426" s="14" t="s">
        <v>565</v>
      </c>
      <c r="D121426" s="14" t="s">
        <v>406</v>
      </c>
      <c r="E121426" s="15">
        <v>45622</v>
      </c>
      <c r="F121426" s="14" t="s">
        <v>15</v>
      </c>
      <c r="G121426" s="16">
        <v>0.90272723782584241</v>
      </c>
    </row>
    <row r="121427" spans="1:7" x14ac:dyDescent="0.3">
      <c r="A121427" s="13" t="s">
        <v>568</v>
      </c>
      <c r="B121427" s="14" t="s">
        <v>1</v>
      </c>
      <c r="C121427" s="14" t="s">
        <v>565</v>
      </c>
      <c r="D121427" s="14" t="s">
        <v>406</v>
      </c>
      <c r="E121427" s="15">
        <v>45623</v>
      </c>
      <c r="F121427" s="14" t="s">
        <v>15</v>
      </c>
      <c r="G121427" s="16">
        <v>0.89966350286106767</v>
      </c>
    </row>
    <row r="121428" spans="1:7" x14ac:dyDescent="0.3">
      <c r="A121428" s="13" t="s">
        <v>568</v>
      </c>
      <c r="B121428" s="14" t="s">
        <v>1</v>
      </c>
      <c r="C121428" s="14" t="s">
        <v>565</v>
      </c>
      <c r="D121428" s="14" t="s">
        <v>406</v>
      </c>
      <c r="E121428" s="15">
        <v>45624</v>
      </c>
      <c r="F121428" s="14" t="s">
        <v>15</v>
      </c>
      <c r="G121428" s="16">
        <v>0.90040426507086069</v>
      </c>
    </row>
    <row r="121429" spans="1:7" x14ac:dyDescent="0.3">
      <c r="A121429" s="13" t="s">
        <v>568</v>
      </c>
      <c r="B121429" s="14" t="s">
        <v>1</v>
      </c>
      <c r="C121429" s="14" t="s">
        <v>565</v>
      </c>
      <c r="D121429" s="14" t="s">
        <v>406</v>
      </c>
      <c r="E121429" s="15">
        <v>45625</v>
      </c>
      <c r="F121429" s="14" t="s">
        <v>15</v>
      </c>
      <c r="G121429" s="16">
        <v>0.89867102533726773</v>
      </c>
    </row>
    <row r="121430" spans="1:7" x14ac:dyDescent="0.3">
      <c r="A121430" s="13" t="s">
        <v>568</v>
      </c>
      <c r="B121430" s="14" t="s">
        <v>1</v>
      </c>
      <c r="C121430" s="14" t="s">
        <v>565</v>
      </c>
      <c r="D121430" s="14" t="s">
        <v>406</v>
      </c>
      <c r="E121430" s="15">
        <v>45626</v>
      </c>
      <c r="F121430" s="14" t="s">
        <v>15</v>
      </c>
      <c r="G121430" s="16">
        <v>0.89867102533726773</v>
      </c>
    </row>
    <row r="121431" spans="1:7" x14ac:dyDescent="0.3">
      <c r="A121431" s="13" t="s">
        <v>568</v>
      </c>
      <c r="B121431" s="14" t="s">
        <v>1</v>
      </c>
      <c r="C121431" s="14" t="s">
        <v>565</v>
      </c>
      <c r="D121431" s="14" t="s">
        <v>406</v>
      </c>
      <c r="E121431" s="15">
        <v>45627</v>
      </c>
      <c r="F121431" s="14" t="s">
        <v>15</v>
      </c>
      <c r="G121431" s="16">
        <v>0.89867102533726773</v>
      </c>
    </row>
    <row r="121432" spans="1:7" x14ac:dyDescent="0.3">
      <c r="A121432" s="13" t="s">
        <v>568</v>
      </c>
      <c r="B121432" s="14" t="s">
        <v>1</v>
      </c>
      <c r="C121432" s="14" t="s">
        <v>565</v>
      </c>
      <c r="D121432" s="14" t="s">
        <v>406</v>
      </c>
      <c r="E121432" s="15">
        <v>45628</v>
      </c>
      <c r="F121432" s="14" t="s">
        <v>15</v>
      </c>
      <c r="G121432" s="16">
        <v>0.89718230905156726</v>
      </c>
    </row>
    <row r="121433" spans="1:7" x14ac:dyDescent="0.3">
      <c r="A121433" s="13" t="s">
        <v>568</v>
      </c>
      <c r="B121433" s="14" t="s">
        <v>1</v>
      </c>
      <c r="C121433" s="14" t="s">
        <v>565</v>
      </c>
      <c r="D121433" s="14" t="s">
        <v>406</v>
      </c>
      <c r="E121433" s="15">
        <v>45629</v>
      </c>
      <c r="F121433" s="14" t="s">
        <v>15</v>
      </c>
      <c r="G121433" s="16">
        <v>0.89199697358301677</v>
      </c>
    </row>
    <row r="121434" spans="1:7" x14ac:dyDescent="0.3">
      <c r="A121434" s="13" t="s">
        <v>568</v>
      </c>
      <c r="B121434" s="14" t="s">
        <v>1</v>
      </c>
      <c r="C121434" s="14" t="s">
        <v>565</v>
      </c>
      <c r="D121434" s="14" t="s">
        <v>406</v>
      </c>
      <c r="E121434" s="15">
        <v>45630</v>
      </c>
      <c r="F121434" s="14" t="s">
        <v>15</v>
      </c>
      <c r="G121434" s="16">
        <v>0.89060175155680477</v>
      </c>
    </row>
    <row r="121435" spans="1:7" x14ac:dyDescent="0.3">
      <c r="A121435" s="13" t="s">
        <v>568</v>
      </c>
      <c r="B121435" s="14" t="s">
        <v>1</v>
      </c>
      <c r="C121435" s="14" t="s">
        <v>565</v>
      </c>
      <c r="D121435" s="14" t="s">
        <v>406</v>
      </c>
      <c r="E121435" s="15">
        <v>45631</v>
      </c>
      <c r="F121435" s="14" t="s">
        <v>15</v>
      </c>
      <c r="G121435" s="16">
        <v>0.8888469362248681</v>
      </c>
    </row>
    <row r="121436" spans="1:7" x14ac:dyDescent="0.3">
      <c r="A121436" s="13" t="s">
        <v>568</v>
      </c>
      <c r="B121436" s="14" t="s">
        <v>1</v>
      </c>
      <c r="C121436" s="14" t="s">
        <v>565</v>
      </c>
      <c r="D121436" s="14" t="s">
        <v>406</v>
      </c>
      <c r="E121436" s="15">
        <v>45632</v>
      </c>
      <c r="F121436" s="14" t="s">
        <v>15</v>
      </c>
      <c r="G121436" s="16">
        <v>0.88709212089293143</v>
      </c>
    </row>
    <row r="121437" spans="1:7" x14ac:dyDescent="0.3">
      <c r="A121437" s="13" t="s">
        <v>568</v>
      </c>
      <c r="B121437" s="14" t="s">
        <v>1</v>
      </c>
      <c r="C121437" s="14" t="s">
        <v>565</v>
      </c>
      <c r="D121437" s="14" t="s">
        <v>406</v>
      </c>
      <c r="E121437" s="15">
        <v>45633</v>
      </c>
      <c r="F121437" s="14" t="s">
        <v>15</v>
      </c>
      <c r="G121437" s="16">
        <v>0.88709212089293143</v>
      </c>
    </row>
    <row r="121438" spans="1:7" x14ac:dyDescent="0.3">
      <c r="A121438" s="13" t="s">
        <v>568</v>
      </c>
      <c r="B121438" s="14" t="s">
        <v>1</v>
      </c>
      <c r="C121438" s="14" t="s">
        <v>565</v>
      </c>
      <c r="D121438" s="14" t="s">
        <v>406</v>
      </c>
      <c r="E121438" s="15">
        <v>45634</v>
      </c>
      <c r="F121438" s="14" t="s">
        <v>15</v>
      </c>
      <c r="G121438" s="16">
        <v>0.88709212089293143</v>
      </c>
    </row>
    <row r="121439" spans="1:7" x14ac:dyDescent="0.3">
      <c r="A121439" s="13" t="s">
        <v>568</v>
      </c>
      <c r="B121439" s="14" t="s">
        <v>1</v>
      </c>
      <c r="C121439" s="14" t="s">
        <v>565</v>
      </c>
      <c r="D121439" s="14" t="s">
        <v>406</v>
      </c>
      <c r="E121439" s="15">
        <v>45635</v>
      </c>
      <c r="F121439" s="14" t="s">
        <v>15</v>
      </c>
      <c r="G121439" s="16">
        <v>0.89228464822759623</v>
      </c>
    </row>
    <row r="121440" spans="1:7" x14ac:dyDescent="0.3">
      <c r="A121440" s="13" t="s">
        <v>568</v>
      </c>
      <c r="B121440" s="14" t="s">
        <v>1</v>
      </c>
      <c r="C121440" s="14" t="s">
        <v>565</v>
      </c>
      <c r="D121440" s="14" t="s">
        <v>406</v>
      </c>
      <c r="E121440" s="15">
        <v>45636</v>
      </c>
      <c r="F121440" s="14" t="s">
        <v>15</v>
      </c>
      <c r="G121440" s="16">
        <v>0.88701301036567193</v>
      </c>
    </row>
    <row r="121441" spans="1:7" x14ac:dyDescent="0.3">
      <c r="A121441" s="13" t="s">
        <v>568</v>
      </c>
      <c r="B121441" s="14" t="s">
        <v>1</v>
      </c>
      <c r="C121441" s="14" t="s">
        <v>565</v>
      </c>
      <c r="D121441" s="14" t="s">
        <v>406</v>
      </c>
      <c r="E121441" s="15">
        <v>45637</v>
      </c>
      <c r="F121441" s="14" t="s">
        <v>15</v>
      </c>
      <c r="G121441" s="16">
        <v>0.88525100316762095</v>
      </c>
    </row>
    <row r="121442" spans="1:7" x14ac:dyDescent="0.3">
      <c r="A121442" s="13" t="s">
        <v>568</v>
      </c>
      <c r="B121442" s="14" t="s">
        <v>1</v>
      </c>
      <c r="C121442" s="14" t="s">
        <v>565</v>
      </c>
      <c r="D121442" s="14" t="s">
        <v>406</v>
      </c>
      <c r="E121442" s="15">
        <v>45638</v>
      </c>
      <c r="F121442" s="14" t="s">
        <v>15</v>
      </c>
      <c r="G121442" s="16">
        <v>0.88369756008689027</v>
      </c>
    </row>
    <row r="121443" spans="1:7" x14ac:dyDescent="0.3">
      <c r="A121443" s="13" t="s">
        <v>568</v>
      </c>
      <c r="B121443" s="14" t="s">
        <v>1</v>
      </c>
      <c r="C121443" s="14" t="s">
        <v>565</v>
      </c>
      <c r="D121443" s="14" t="s">
        <v>406</v>
      </c>
      <c r="E121443" s="15">
        <v>45639</v>
      </c>
      <c r="F121443" s="14" t="s">
        <v>15</v>
      </c>
      <c r="G121443" s="16">
        <v>0.90756736372089708</v>
      </c>
    </row>
    <row r="121444" spans="1:7" x14ac:dyDescent="0.3">
      <c r="A121444" s="13" t="s">
        <v>568</v>
      </c>
      <c r="B121444" s="14" t="s">
        <v>1</v>
      </c>
      <c r="C121444" s="14" t="s">
        <v>565</v>
      </c>
      <c r="D121444" s="14" t="s">
        <v>406</v>
      </c>
      <c r="E121444" s="15">
        <v>45640</v>
      </c>
      <c r="F121444" s="14" t="s">
        <v>15</v>
      </c>
      <c r="G121444" s="16">
        <v>0.90756736372089708</v>
      </c>
    </row>
    <row r="121445" spans="1:7" x14ac:dyDescent="0.3">
      <c r="A121445" s="13" t="s">
        <v>568</v>
      </c>
      <c r="B121445" s="14" t="s">
        <v>1</v>
      </c>
      <c r="C121445" s="14" t="s">
        <v>565</v>
      </c>
      <c r="D121445" s="14" t="s">
        <v>406</v>
      </c>
      <c r="E121445" s="15">
        <v>45641</v>
      </c>
      <c r="F121445" s="14" t="s">
        <v>15</v>
      </c>
      <c r="G121445" s="16">
        <v>0.90756736372089708</v>
      </c>
    </row>
    <row r="121446" spans="1:7" x14ac:dyDescent="0.3">
      <c r="A121446" s="13" t="s">
        <v>568</v>
      </c>
      <c r="B121446" s="14" t="s">
        <v>1</v>
      </c>
      <c r="C121446" s="14" t="s">
        <v>565</v>
      </c>
      <c r="D121446" s="14" t="s">
        <v>406</v>
      </c>
      <c r="E121446" s="15">
        <v>45642</v>
      </c>
      <c r="F121446" s="14" t="s">
        <v>15</v>
      </c>
      <c r="G121446" s="16">
        <v>0.90579097279061715</v>
      </c>
    </row>
    <row r="121447" spans="1:7" x14ac:dyDescent="0.3">
      <c r="A121447" s="13" t="s">
        <v>568</v>
      </c>
      <c r="B121447" s="14" t="s">
        <v>1</v>
      </c>
      <c r="C121447" s="14" t="s">
        <v>565</v>
      </c>
      <c r="D121447" s="14" t="s">
        <v>406</v>
      </c>
      <c r="E121447" s="15">
        <v>45643</v>
      </c>
      <c r="F121447" s="14" t="s">
        <v>15</v>
      </c>
      <c r="G121447" s="16">
        <v>0.90048337559812019</v>
      </c>
    </row>
    <row r="121448" spans="1:7" x14ac:dyDescent="0.3">
      <c r="A121448" s="13" t="s">
        <v>568</v>
      </c>
      <c r="B121448" s="14" t="s">
        <v>1</v>
      </c>
      <c r="C121448" s="14" t="s">
        <v>565</v>
      </c>
      <c r="D121448" s="14" t="s">
        <v>406</v>
      </c>
      <c r="E121448" s="15">
        <v>45644</v>
      </c>
      <c r="F121448" s="14" t="s">
        <v>15</v>
      </c>
      <c r="G121448" s="16">
        <v>0.89873079827853253</v>
      </c>
    </row>
    <row r="121449" spans="1:7" x14ac:dyDescent="0.3">
      <c r="A121449" s="13" t="s">
        <v>568</v>
      </c>
      <c r="B121449" s="14" t="s">
        <v>1</v>
      </c>
      <c r="C121449" s="14" t="s">
        <v>565</v>
      </c>
      <c r="D121449" s="14" t="s">
        <v>406</v>
      </c>
      <c r="E121449" s="15">
        <v>45645</v>
      </c>
      <c r="F121449" s="14" t="s">
        <v>15</v>
      </c>
      <c r="G121449" s="16">
        <v>0.89698615117306091</v>
      </c>
    </row>
    <row r="121450" spans="1:7" x14ac:dyDescent="0.3">
      <c r="A121450" s="13" t="s">
        <v>568</v>
      </c>
      <c r="B121450" s="14" t="s">
        <v>1</v>
      </c>
      <c r="C121450" s="14" t="s">
        <v>565</v>
      </c>
      <c r="D121450" s="14" t="s">
        <v>406</v>
      </c>
      <c r="E121450" s="15">
        <v>45646</v>
      </c>
      <c r="F121450" s="14" t="s">
        <v>15</v>
      </c>
      <c r="G121450" s="16">
        <v>0.89524150406758918</v>
      </c>
    </row>
    <row r="121451" spans="1:7" x14ac:dyDescent="0.3">
      <c r="A121451" s="13" t="s">
        <v>568</v>
      </c>
      <c r="B121451" s="14" t="s">
        <v>1</v>
      </c>
      <c r="C121451" s="14" t="s">
        <v>565</v>
      </c>
      <c r="D121451" s="14" t="s">
        <v>406</v>
      </c>
      <c r="E121451" s="15">
        <v>45647</v>
      </c>
      <c r="F121451" s="14" t="s">
        <v>15</v>
      </c>
      <c r="G121451" s="16">
        <v>0.89524150406758918</v>
      </c>
    </row>
    <row r="121452" spans="1:7" x14ac:dyDescent="0.3">
      <c r="A121452" s="13" t="s">
        <v>568</v>
      </c>
      <c r="B121452" s="14" t="s">
        <v>1</v>
      </c>
      <c r="C121452" s="14" t="s">
        <v>565</v>
      </c>
      <c r="D121452" s="14" t="s">
        <v>406</v>
      </c>
      <c r="E121452" s="15">
        <v>45648</v>
      </c>
      <c r="F121452" s="14" t="s">
        <v>15</v>
      </c>
      <c r="G121452" s="16">
        <v>0.89524150406758918</v>
      </c>
    </row>
    <row r="121453" spans="1:7" x14ac:dyDescent="0.3">
      <c r="A121453" s="13" t="s">
        <v>568</v>
      </c>
      <c r="B121453" s="14" t="s">
        <v>1</v>
      </c>
      <c r="C121453" s="14" t="s">
        <v>565</v>
      </c>
      <c r="D121453" s="14" t="s">
        <v>406</v>
      </c>
      <c r="E121453" s="15">
        <v>45649</v>
      </c>
      <c r="F121453" s="14" t="s">
        <v>15</v>
      </c>
      <c r="G121453" s="16">
        <v>0.89351271739034899</v>
      </c>
    </row>
    <row r="121454" spans="1:7" x14ac:dyDescent="0.3">
      <c r="A121454" s="13" t="s">
        <v>568</v>
      </c>
      <c r="B121454" s="14" t="s">
        <v>1</v>
      </c>
      <c r="C121454" s="14" t="s">
        <v>565</v>
      </c>
      <c r="D121454" s="14" t="s">
        <v>406</v>
      </c>
      <c r="E121454" s="15">
        <v>45650</v>
      </c>
      <c r="F121454" s="14" t="s">
        <v>15</v>
      </c>
      <c r="G121454" s="16">
        <v>0.88834221778685973</v>
      </c>
    </row>
    <row r="121455" spans="1:7" x14ac:dyDescent="0.3">
      <c r="A121455" s="13" t="s">
        <v>568</v>
      </c>
      <c r="B121455" s="14" t="s">
        <v>1</v>
      </c>
      <c r="C121455" s="14" t="s">
        <v>565</v>
      </c>
      <c r="D121455" s="14" t="s">
        <v>406</v>
      </c>
      <c r="E121455" s="15">
        <v>45651</v>
      </c>
      <c r="F121455" s="14" t="s">
        <v>15</v>
      </c>
      <c r="G121455" s="16">
        <v>0.88834221778685973</v>
      </c>
    </row>
    <row r="121456" spans="1:7" x14ac:dyDescent="0.3">
      <c r="A121456" s="13" t="s">
        <v>568</v>
      </c>
      <c r="B121456" s="14" t="s">
        <v>1</v>
      </c>
      <c r="C121456" s="14" t="s">
        <v>565</v>
      </c>
      <c r="D121456" s="14" t="s">
        <v>406</v>
      </c>
      <c r="E121456" s="15">
        <v>45652</v>
      </c>
      <c r="F121456" s="14" t="s">
        <v>15</v>
      </c>
      <c r="G121456" s="16">
        <v>0.88834221778685973</v>
      </c>
    </row>
    <row r="121457" spans="1:7" x14ac:dyDescent="0.3">
      <c r="A121457" s="13" t="s">
        <v>568</v>
      </c>
      <c r="B121457" s="14" t="s">
        <v>1</v>
      </c>
      <c r="C121457" s="14" t="s">
        <v>565</v>
      </c>
      <c r="D121457" s="14" t="s">
        <v>406</v>
      </c>
      <c r="E121457" s="15">
        <v>45653</v>
      </c>
      <c r="F121457" s="14" t="s">
        <v>15</v>
      </c>
      <c r="G121457" s="16">
        <v>0.88834221778685973</v>
      </c>
    </row>
    <row r="121458" spans="1:7" x14ac:dyDescent="0.3">
      <c r="A121458" s="13" t="s">
        <v>568</v>
      </c>
      <c r="B121458" s="14" t="s">
        <v>1</v>
      </c>
      <c r="C121458" s="14" t="s">
        <v>565</v>
      </c>
      <c r="D121458" s="14" t="s">
        <v>406</v>
      </c>
      <c r="E121458" s="15">
        <v>45654</v>
      </c>
      <c r="F121458" s="14" t="s">
        <v>15</v>
      </c>
      <c r="G121458" s="16">
        <v>0.88834221778685973</v>
      </c>
    </row>
    <row r="121459" spans="1:7" x14ac:dyDescent="0.3">
      <c r="A121459" s="13" t="s">
        <v>568</v>
      </c>
      <c r="B121459" s="14" t="s">
        <v>1</v>
      </c>
      <c r="C121459" s="14" t="s">
        <v>565</v>
      </c>
      <c r="D121459" s="14" t="s">
        <v>406</v>
      </c>
      <c r="E121459" s="15">
        <v>45655</v>
      </c>
      <c r="F121459" s="14" t="s">
        <v>15</v>
      </c>
      <c r="G121459" s="16">
        <v>0.88834221778685973</v>
      </c>
    </row>
    <row r="121460" spans="1:7" x14ac:dyDescent="0.3">
      <c r="A121460" s="13" t="s">
        <v>568</v>
      </c>
      <c r="B121460" s="14" t="s">
        <v>1</v>
      </c>
      <c r="C121460" s="14" t="s">
        <v>565</v>
      </c>
      <c r="D121460" s="14" t="s">
        <v>406</v>
      </c>
      <c r="E121460" s="15">
        <v>45656</v>
      </c>
      <c r="F121460" s="14" t="s">
        <v>15</v>
      </c>
      <c r="G121460" s="16">
        <v>0.886597570681388</v>
      </c>
    </row>
    <row r="121461" spans="1:7" x14ac:dyDescent="0.3">
      <c r="A121461" s="13" t="s">
        <v>568</v>
      </c>
      <c r="B121461" s="14" t="s">
        <v>1</v>
      </c>
      <c r="C121461" s="14" t="s">
        <v>565</v>
      </c>
      <c r="D121461" s="14" t="s">
        <v>406</v>
      </c>
      <c r="E121461" s="15">
        <v>45657</v>
      </c>
      <c r="F121461" s="14" t="s">
        <v>15</v>
      </c>
      <c r="G121461" s="16">
        <v>0.91428194815957986</v>
      </c>
    </row>
    <row r="121462" spans="1:7" x14ac:dyDescent="0.3">
      <c r="A121462" s="13" t="s">
        <v>568</v>
      </c>
      <c r="B121462" s="14" t="s">
        <v>1</v>
      </c>
      <c r="C121462" s="14" t="s">
        <v>565</v>
      </c>
      <c r="D121462" s="14" t="s">
        <v>406</v>
      </c>
      <c r="E121462" s="15">
        <v>45658</v>
      </c>
      <c r="F121462" s="14" t="s">
        <v>15</v>
      </c>
      <c r="G121462" s="16">
        <v>0.91428194815957986</v>
      </c>
    </row>
    <row r="121463" spans="1:7" x14ac:dyDescent="0.3">
      <c r="A121463" s="13" t="s">
        <v>568</v>
      </c>
      <c r="B121463" s="14" t="s">
        <v>1</v>
      </c>
      <c r="C121463" s="14" t="s">
        <v>565</v>
      </c>
      <c r="D121463" s="14" t="s">
        <v>406</v>
      </c>
      <c r="E121463" s="15">
        <v>45659</v>
      </c>
      <c r="F121463" s="14" t="s">
        <v>15</v>
      </c>
      <c r="G121463" s="16">
        <v>0.91253730105410813</v>
      </c>
    </row>
    <row r="121464" spans="1:7" x14ac:dyDescent="0.3">
      <c r="A121464" s="13" t="s">
        <v>568</v>
      </c>
      <c r="B121464" s="14" t="s">
        <v>1</v>
      </c>
      <c r="C121464" s="14" t="s">
        <v>565</v>
      </c>
      <c r="D121464" s="14" t="s">
        <v>406</v>
      </c>
      <c r="E121464" s="15">
        <v>45660</v>
      </c>
      <c r="F121464" s="14" t="s">
        <v>15</v>
      </c>
      <c r="G121464" s="16">
        <v>0.95448813372659036</v>
      </c>
    </row>
    <row r="121465" spans="1:7" x14ac:dyDescent="0.3">
      <c r="A121465" s="13" t="s">
        <v>568</v>
      </c>
      <c r="B121465" s="14" t="s">
        <v>1</v>
      </c>
      <c r="C121465" s="14" t="s">
        <v>565</v>
      </c>
      <c r="D121465" s="14" t="s">
        <v>406</v>
      </c>
      <c r="E121465" s="15">
        <v>45661</v>
      </c>
      <c r="F121465" s="14" t="s">
        <v>15</v>
      </c>
      <c r="G121465" s="16">
        <v>0.95448813372659036</v>
      </c>
    </row>
    <row r="121466" spans="1:7" x14ac:dyDescent="0.3">
      <c r="A121466" s="13" t="s">
        <v>568</v>
      </c>
      <c r="B121466" s="14" t="s">
        <v>1</v>
      </c>
      <c r="C121466" s="14" t="s">
        <v>565</v>
      </c>
      <c r="D121466" s="14" t="s">
        <v>406</v>
      </c>
      <c r="E121466" s="15">
        <v>45662</v>
      </c>
      <c r="F121466" s="14" t="s">
        <v>15</v>
      </c>
      <c r="G121466" s="16">
        <v>0.95448813372659036</v>
      </c>
    </row>
    <row r="121467" spans="1:7" x14ac:dyDescent="0.3">
      <c r="A121467" s="13" t="s">
        <v>568</v>
      </c>
      <c r="B121467" s="14" t="s">
        <v>1</v>
      </c>
      <c r="C121467" s="14" t="s">
        <v>565</v>
      </c>
      <c r="D121467" s="14" t="s">
        <v>406</v>
      </c>
      <c r="E121467" s="15">
        <v>45663</v>
      </c>
      <c r="F121467" s="14" t="s">
        <v>15</v>
      </c>
      <c r="G121467" s="16">
        <v>0.95275141683523423</v>
      </c>
    </row>
    <row r="121468" spans="1:7" x14ac:dyDescent="0.3">
      <c r="A121468" s="13" t="s">
        <v>568</v>
      </c>
      <c r="B121468" s="14" t="s">
        <v>1</v>
      </c>
      <c r="C121468" s="14" t="s">
        <v>565</v>
      </c>
      <c r="D121468" s="14" t="s">
        <v>406</v>
      </c>
      <c r="E121468" s="15">
        <v>45664</v>
      </c>
      <c r="F121468" s="14" t="s">
        <v>15</v>
      </c>
      <c r="G121468" s="16">
        <v>0.9475571265893975</v>
      </c>
    </row>
    <row r="121469" spans="1:7" x14ac:dyDescent="0.3">
      <c r="A121469" s="13" t="s">
        <v>568</v>
      </c>
      <c r="B121469" s="14" t="s">
        <v>1</v>
      </c>
      <c r="C121469" s="14" t="s">
        <v>565</v>
      </c>
      <c r="D121469" s="14" t="s">
        <v>406</v>
      </c>
      <c r="E121469" s="15">
        <v>45665</v>
      </c>
      <c r="F121469" s="14" t="s">
        <v>15</v>
      </c>
      <c r="G121469" s="16">
        <v>0.94581247948392577</v>
      </c>
    </row>
    <row r="121470" spans="1:7" x14ac:dyDescent="0.3">
      <c r="A121470" s="13" t="s">
        <v>568</v>
      </c>
      <c r="B121470" s="14" t="s">
        <v>1</v>
      </c>
      <c r="C121470" s="14" t="s">
        <v>565</v>
      </c>
      <c r="D121470" s="14" t="s">
        <v>406</v>
      </c>
      <c r="E121470" s="15">
        <v>45666</v>
      </c>
      <c r="F121470" s="14" t="s">
        <v>15</v>
      </c>
      <c r="G121470" s="16">
        <v>0.94406783237845404</v>
      </c>
    </row>
    <row r="121471" spans="1:7" x14ac:dyDescent="0.3">
      <c r="A121471" s="13" t="s">
        <v>568</v>
      </c>
      <c r="B121471" s="14" t="s">
        <v>1</v>
      </c>
      <c r="C121471" s="14" t="s">
        <v>565</v>
      </c>
      <c r="D121471" s="14" t="s">
        <v>406</v>
      </c>
      <c r="E121471" s="15">
        <v>45667</v>
      </c>
      <c r="F121471" s="14" t="s">
        <v>15</v>
      </c>
      <c r="G121471" s="16">
        <v>0.94899249534435415</v>
      </c>
    </row>
    <row r="121472" spans="1:7" x14ac:dyDescent="0.3">
      <c r="A121472" s="13" t="s">
        <v>568</v>
      </c>
      <c r="B121472" s="14" t="s">
        <v>1</v>
      </c>
      <c r="C121472" s="14" t="s">
        <v>565</v>
      </c>
      <c r="D121472" s="14" t="s">
        <v>406</v>
      </c>
      <c r="E121472" s="15">
        <v>45668</v>
      </c>
      <c r="F121472" s="14" t="s">
        <v>15</v>
      </c>
      <c r="G121472" s="16">
        <v>0.94899249534435415</v>
      </c>
    </row>
    <row r="121473" spans="1:7" x14ac:dyDescent="0.3">
      <c r="A121473" s="13" t="s">
        <v>568</v>
      </c>
      <c r="B121473" s="14" t="s">
        <v>1</v>
      </c>
      <c r="C121473" s="14" t="s">
        <v>565</v>
      </c>
      <c r="D121473" s="14" t="s">
        <v>406</v>
      </c>
      <c r="E121473" s="15">
        <v>45669</v>
      </c>
      <c r="F121473" s="14" t="s">
        <v>15</v>
      </c>
      <c r="G121473" s="16">
        <v>0.94899249534435415</v>
      </c>
    </row>
    <row r="121474" spans="1:7" x14ac:dyDescent="0.3">
      <c r="A121474" s="13" t="s">
        <v>568</v>
      </c>
      <c r="B121474" s="14" t="s">
        <v>1</v>
      </c>
      <c r="C121474" s="14" t="s">
        <v>565</v>
      </c>
      <c r="D121474" s="14" t="s">
        <v>406</v>
      </c>
      <c r="E121474" s="15">
        <v>45670</v>
      </c>
      <c r="F121474" s="14" t="s">
        <v>15</v>
      </c>
      <c r="G121474" s="16">
        <v>0.94727163888122956</v>
      </c>
    </row>
    <row r="121475" spans="1:7" x14ac:dyDescent="0.3">
      <c r="A121475" s="13" t="s">
        <v>568</v>
      </c>
      <c r="B121475" s="14" t="s">
        <v>1</v>
      </c>
      <c r="C121475" s="14" t="s">
        <v>565</v>
      </c>
      <c r="D121475" s="14" t="s">
        <v>406</v>
      </c>
      <c r="E121475" s="15">
        <v>45671</v>
      </c>
      <c r="F121475" s="14" t="s">
        <v>15</v>
      </c>
      <c r="G121475" s="16">
        <v>0.94217251120478251</v>
      </c>
    </row>
    <row r="121476" spans="1:7" x14ac:dyDescent="0.3">
      <c r="A121476" s="13" t="s">
        <v>568</v>
      </c>
      <c r="B121476" s="14" t="s">
        <v>1</v>
      </c>
      <c r="C121476" s="14" t="s">
        <v>565</v>
      </c>
      <c r="D121476" s="14" t="s">
        <v>406</v>
      </c>
      <c r="E121476" s="15">
        <v>45672</v>
      </c>
      <c r="F121476" s="14" t="s">
        <v>15</v>
      </c>
      <c r="G121476" s="16">
        <v>0.94049923602635255</v>
      </c>
    </row>
    <row r="121477" spans="1:7" x14ac:dyDescent="0.3">
      <c r="A121477" s="13" t="s">
        <v>568</v>
      </c>
      <c r="B121477" s="14" t="s">
        <v>1</v>
      </c>
      <c r="C121477" s="14" t="s">
        <v>565</v>
      </c>
      <c r="D121477" s="14" t="s">
        <v>406</v>
      </c>
      <c r="E121477" s="15">
        <v>45673</v>
      </c>
      <c r="F121477" s="14" t="s">
        <v>15</v>
      </c>
      <c r="G121477" s="16">
        <v>0.93881010041969104</v>
      </c>
    </row>
    <row r="121478" spans="1:7" x14ac:dyDescent="0.3">
      <c r="A121478" s="13" t="s">
        <v>568</v>
      </c>
      <c r="B121478" s="14" t="s">
        <v>1</v>
      </c>
      <c r="C121478" s="14" t="s">
        <v>565</v>
      </c>
      <c r="D121478" s="14" t="s">
        <v>406</v>
      </c>
      <c r="E121478" s="15">
        <v>45674</v>
      </c>
      <c r="F121478" s="14" t="s">
        <v>15</v>
      </c>
      <c r="G121478" s="16">
        <v>0.93712096481302964</v>
      </c>
    </row>
    <row r="121479" spans="1:7" x14ac:dyDescent="0.3">
      <c r="A121479" s="13" t="s">
        <v>568</v>
      </c>
      <c r="B121479" s="14" t="s">
        <v>1</v>
      </c>
      <c r="C121479" s="14" t="s">
        <v>565</v>
      </c>
      <c r="D121479" s="14" t="s">
        <v>406</v>
      </c>
      <c r="E121479" s="15">
        <v>45675</v>
      </c>
      <c r="F121479" s="14" t="s">
        <v>15</v>
      </c>
      <c r="G121479" s="16">
        <v>0.93712096481302964</v>
      </c>
    </row>
    <row r="121480" spans="1:7" x14ac:dyDescent="0.3">
      <c r="A121480" s="13" t="s">
        <v>568</v>
      </c>
      <c r="B121480" s="14" t="s">
        <v>1</v>
      </c>
      <c r="C121480" s="14" t="s">
        <v>565</v>
      </c>
      <c r="D121480" s="14" t="s">
        <v>406</v>
      </c>
      <c r="E121480" s="15">
        <v>45676</v>
      </c>
      <c r="F121480" s="14" t="s">
        <v>15</v>
      </c>
      <c r="G121480" s="16">
        <v>0.93712096481302964</v>
      </c>
    </row>
    <row r="121481" spans="1:7" x14ac:dyDescent="0.3">
      <c r="A121481" s="13" t="s">
        <v>568</v>
      </c>
      <c r="B121481" s="14" t="s">
        <v>1</v>
      </c>
      <c r="C121481" s="14" t="s">
        <v>565</v>
      </c>
      <c r="D121481" s="14" t="s">
        <v>406</v>
      </c>
      <c r="E121481" s="15">
        <v>45677</v>
      </c>
      <c r="F121481" s="14" t="s">
        <v>15</v>
      </c>
      <c r="G121481" s="16">
        <v>0.93540803856402099</v>
      </c>
    </row>
    <row r="121482" spans="1:7" x14ac:dyDescent="0.3">
      <c r="A121482" s="13" t="s">
        <v>568</v>
      </c>
      <c r="B121482" s="14" t="s">
        <v>1</v>
      </c>
      <c r="C121482" s="14" t="s">
        <v>565</v>
      </c>
      <c r="D121482" s="14" t="s">
        <v>406</v>
      </c>
      <c r="E121482" s="15">
        <v>45678</v>
      </c>
      <c r="F121482" s="14" t="s">
        <v>15</v>
      </c>
      <c r="G121482" s="16">
        <v>0.93028512024522636</v>
      </c>
    </row>
    <row r="121483" spans="1:7" x14ac:dyDescent="0.3">
      <c r="A121483" s="13" t="s">
        <v>568</v>
      </c>
      <c r="B121483" s="14" t="s">
        <v>1</v>
      </c>
      <c r="C121483" s="14" t="s">
        <v>565</v>
      </c>
      <c r="D121483" s="14" t="s">
        <v>406</v>
      </c>
      <c r="E121483" s="15">
        <v>45679</v>
      </c>
      <c r="F121483" s="14" t="s">
        <v>15</v>
      </c>
      <c r="G121483" s="16">
        <v>0.9287625191349963</v>
      </c>
    </row>
    <row r="121484" spans="1:7" x14ac:dyDescent="0.3">
      <c r="A121484" s="13" t="s">
        <v>568</v>
      </c>
      <c r="B121484" s="14" t="s">
        <v>1</v>
      </c>
      <c r="C121484" s="14" t="s">
        <v>565</v>
      </c>
      <c r="D121484" s="14" t="s">
        <v>406</v>
      </c>
      <c r="E121484" s="15">
        <v>45680</v>
      </c>
      <c r="F121484" s="14" t="s">
        <v>15</v>
      </c>
      <c r="G121484" s="16">
        <v>0.92703373245775622</v>
      </c>
    </row>
    <row r="121485" spans="1:7" x14ac:dyDescent="0.3">
      <c r="A121485" s="13" t="s">
        <v>568</v>
      </c>
      <c r="B121485" s="14" t="s">
        <v>1</v>
      </c>
      <c r="C121485" s="14" t="s">
        <v>565</v>
      </c>
      <c r="D121485" s="14" t="s">
        <v>406</v>
      </c>
      <c r="E121485" s="15">
        <v>45681</v>
      </c>
      <c r="F121485" s="14" t="s">
        <v>15</v>
      </c>
      <c r="G121485" s="16">
        <v>0.92530494578051603</v>
      </c>
    </row>
    <row r="121486" spans="1:7" x14ac:dyDescent="0.3">
      <c r="A121486" s="13" t="s">
        <v>568</v>
      </c>
      <c r="B121486" s="14" t="s">
        <v>1</v>
      </c>
      <c r="C121486" s="14" t="s">
        <v>565</v>
      </c>
      <c r="D121486" s="14" t="s">
        <v>406</v>
      </c>
      <c r="E121486" s="15">
        <v>45682</v>
      </c>
      <c r="F121486" s="14" t="s">
        <v>15</v>
      </c>
      <c r="G121486" s="16">
        <v>0.92530494578051603</v>
      </c>
    </row>
    <row r="121487" spans="1:7" x14ac:dyDescent="0.3">
      <c r="A121487" s="13" t="s">
        <v>568</v>
      </c>
      <c r="B121487" s="14" t="s">
        <v>1</v>
      </c>
      <c r="C121487" s="14" t="s">
        <v>565</v>
      </c>
      <c r="D121487" s="14" t="s">
        <v>406</v>
      </c>
      <c r="E121487" s="15">
        <v>45683</v>
      </c>
      <c r="F121487" s="14" t="s">
        <v>15</v>
      </c>
      <c r="G121487" s="16">
        <v>0.92530494578051603</v>
      </c>
    </row>
    <row r="121488" spans="1:7" x14ac:dyDescent="0.3">
      <c r="A121488" s="13" t="s">
        <v>568</v>
      </c>
      <c r="B121488" s="14" t="s">
        <v>1</v>
      </c>
      <c r="C121488" s="14" t="s">
        <v>565</v>
      </c>
      <c r="D121488" s="14" t="s">
        <v>406</v>
      </c>
      <c r="E121488" s="15">
        <v>45684</v>
      </c>
      <c r="F121488" s="14" t="s">
        <v>15</v>
      </c>
      <c r="G121488" s="16">
        <v>0.92757298701762958</v>
      </c>
    </row>
    <row r="121489" spans="1:7" x14ac:dyDescent="0.3">
      <c r="A121489" s="13" t="s">
        <v>568</v>
      </c>
      <c r="B121489" s="14" t="s">
        <v>1</v>
      </c>
      <c r="C121489" s="14" t="s">
        <v>565</v>
      </c>
      <c r="D121489" s="14" t="s">
        <v>406</v>
      </c>
      <c r="E121489" s="15">
        <v>45685</v>
      </c>
      <c r="F121489" s="14" t="s">
        <v>15</v>
      </c>
      <c r="G121489" s="16">
        <v>0.92757298701762958</v>
      </c>
    </row>
    <row r="121490" spans="1:7" x14ac:dyDescent="0.3">
      <c r="A121490" s="13" t="s">
        <v>568</v>
      </c>
      <c r="B121490" s="14" t="s">
        <v>1</v>
      </c>
      <c r="C121490" s="14" t="s">
        <v>565</v>
      </c>
      <c r="D121490" s="14" t="s">
        <v>406</v>
      </c>
      <c r="E121490" s="15">
        <v>45686</v>
      </c>
      <c r="F121490" s="14" t="s">
        <v>15</v>
      </c>
      <c r="G121490" s="16">
        <v>0.92757298701762958</v>
      </c>
    </row>
    <row r="121491" spans="1:7" x14ac:dyDescent="0.3">
      <c r="A121491" s="13" t="s">
        <v>568</v>
      </c>
      <c r="B121491" s="14" t="s">
        <v>1</v>
      </c>
      <c r="C121491" s="14" t="s">
        <v>565</v>
      </c>
      <c r="D121491" s="14" t="s">
        <v>406</v>
      </c>
      <c r="E121491" s="15">
        <v>45687</v>
      </c>
      <c r="F121491" s="14" t="s">
        <v>15</v>
      </c>
      <c r="G121491" s="16">
        <v>0.92757298701762958</v>
      </c>
    </row>
    <row r="121492" spans="1:7" x14ac:dyDescent="0.3">
      <c r="A121492" s="13" t="s">
        <v>568</v>
      </c>
      <c r="B121492" s="14" t="s">
        <v>1</v>
      </c>
      <c r="C121492" s="14" t="s">
        <v>565</v>
      </c>
      <c r="D121492" s="14" t="s">
        <v>406</v>
      </c>
      <c r="E121492" s="15">
        <v>45688</v>
      </c>
      <c r="F121492" s="14" t="s">
        <v>15</v>
      </c>
      <c r="G121492" s="16">
        <v>0.92757298701762958</v>
      </c>
    </row>
    <row r="121493" spans="1:7" x14ac:dyDescent="0.3">
      <c r="A121493" s="13" t="s">
        <v>568</v>
      </c>
      <c r="B121493" s="14" t="s">
        <v>1</v>
      </c>
      <c r="C121493" s="14" t="s">
        <v>565</v>
      </c>
      <c r="D121493" s="14" t="s">
        <v>406</v>
      </c>
      <c r="E121493" s="15">
        <v>45689</v>
      </c>
      <c r="F121493" s="14" t="s">
        <v>15</v>
      </c>
      <c r="G121493" s="16">
        <v>0.92757298701762958</v>
      </c>
    </row>
    <row r="121494" spans="1:7" x14ac:dyDescent="0.3">
      <c r="A121494" s="13" t="s">
        <v>568</v>
      </c>
      <c r="B121494" s="14" t="s">
        <v>1</v>
      </c>
      <c r="C121494" s="14" t="s">
        <v>565</v>
      </c>
      <c r="D121494" s="14" t="s">
        <v>406</v>
      </c>
      <c r="E121494" s="15">
        <v>45690</v>
      </c>
      <c r="F121494" s="14" t="s">
        <v>15</v>
      </c>
      <c r="G121494" s="16">
        <v>0.92757298701762958</v>
      </c>
    </row>
    <row r="121495" spans="1:7" x14ac:dyDescent="0.3">
      <c r="A121495" s="13" t="s">
        <v>568</v>
      </c>
      <c r="B121495" s="14" t="s">
        <v>1</v>
      </c>
      <c r="C121495" s="14" t="s">
        <v>565</v>
      </c>
      <c r="D121495" s="14" t="s">
        <v>406</v>
      </c>
      <c r="E121495" s="15">
        <v>45691</v>
      </c>
      <c r="F121495" s="14" t="s">
        <v>15</v>
      </c>
      <c r="G121495" s="16">
        <v>0.92757298701762958</v>
      </c>
    </row>
    <row r="121496" spans="1:7" x14ac:dyDescent="0.3">
      <c r="A121496" s="13" t="s">
        <v>568</v>
      </c>
      <c r="B121496" s="14" t="s">
        <v>1</v>
      </c>
      <c r="C121496" s="14" t="s">
        <v>565</v>
      </c>
      <c r="D121496" s="14" t="s">
        <v>406</v>
      </c>
      <c r="E121496" s="15">
        <v>45692</v>
      </c>
      <c r="F121496" s="14" t="s">
        <v>15</v>
      </c>
      <c r="G121496" s="16">
        <v>0.92757298701762958</v>
      </c>
    </row>
    <row r="121497" spans="1:7" x14ac:dyDescent="0.3">
      <c r="A121497" s="13" t="s">
        <v>568</v>
      </c>
      <c r="B121497" s="14" t="s">
        <v>1</v>
      </c>
      <c r="C121497" s="14" t="s">
        <v>565</v>
      </c>
      <c r="D121497" s="14" t="s">
        <v>406</v>
      </c>
      <c r="E121497" s="15">
        <v>45693</v>
      </c>
      <c r="F121497" s="14" t="s">
        <v>15</v>
      </c>
      <c r="G121497" s="16">
        <v>0.92237869677179274</v>
      </c>
    </row>
    <row r="121498" spans="1:7" x14ac:dyDescent="0.3">
      <c r="A121498" s="13" t="s">
        <v>568</v>
      </c>
      <c r="B121498" s="14" t="s">
        <v>1</v>
      </c>
      <c r="C121498" s="14" t="s">
        <v>565</v>
      </c>
      <c r="D121498" s="14" t="s">
        <v>406</v>
      </c>
      <c r="E121498" s="15">
        <v>45694</v>
      </c>
      <c r="F121498" s="14" t="s">
        <v>15</v>
      </c>
      <c r="G121498" s="16">
        <v>0.9078901955822607</v>
      </c>
    </row>
    <row r="121499" spans="1:7" x14ac:dyDescent="0.3">
      <c r="A121499" s="13" t="s">
        <v>568</v>
      </c>
      <c r="B121499" s="14" t="s">
        <v>1</v>
      </c>
      <c r="C121499" s="14" t="s">
        <v>565</v>
      </c>
      <c r="D121499" s="14" t="s">
        <v>406</v>
      </c>
      <c r="E121499" s="15">
        <v>45695</v>
      </c>
      <c r="F121499" s="14" t="s">
        <v>15</v>
      </c>
      <c r="G121499" s="16">
        <v>0.90615347869090457</v>
      </c>
    </row>
    <row r="121500" spans="1:7" x14ac:dyDescent="0.3">
      <c r="A121500" s="13" t="s">
        <v>568</v>
      </c>
      <c r="B121500" s="14" t="s">
        <v>1</v>
      </c>
      <c r="C121500" s="14" t="s">
        <v>565</v>
      </c>
      <c r="D121500" s="14" t="s">
        <v>406</v>
      </c>
      <c r="E121500" s="15">
        <v>45696</v>
      </c>
      <c r="F121500" s="14" t="s">
        <v>15</v>
      </c>
      <c r="G121500" s="16">
        <v>0.90615347869090457</v>
      </c>
    </row>
    <row r="121501" spans="1:7" x14ac:dyDescent="0.3">
      <c r="A121501" s="13" t="s">
        <v>568</v>
      </c>
      <c r="B121501" s="14" t="s">
        <v>1</v>
      </c>
      <c r="C121501" s="14" t="s">
        <v>565</v>
      </c>
      <c r="D121501" s="14" t="s">
        <v>406</v>
      </c>
      <c r="E121501" s="15">
        <v>45697</v>
      </c>
      <c r="F121501" s="14" t="s">
        <v>15</v>
      </c>
      <c r="G121501" s="16">
        <v>0.90615347869090457</v>
      </c>
    </row>
    <row r="121502" spans="1:7" x14ac:dyDescent="0.3">
      <c r="A121502" s="13" t="s">
        <v>568</v>
      </c>
      <c r="B121502" s="14" t="s">
        <v>1</v>
      </c>
      <c r="C121502" s="14" t="s">
        <v>565</v>
      </c>
      <c r="D121502" s="14" t="s">
        <v>406</v>
      </c>
      <c r="E121502" s="15">
        <v>45698</v>
      </c>
      <c r="F121502" s="14" t="s">
        <v>15</v>
      </c>
      <c r="G121502" s="16">
        <v>0.91175220985664596</v>
      </c>
    </row>
    <row r="121503" spans="1:7" x14ac:dyDescent="0.3">
      <c r="A121503" s="13" t="s">
        <v>568</v>
      </c>
      <c r="B121503" s="14" t="s">
        <v>1</v>
      </c>
      <c r="C121503" s="14" t="s">
        <v>565</v>
      </c>
      <c r="D121503" s="14" t="s">
        <v>406</v>
      </c>
      <c r="E121503" s="15">
        <v>45699</v>
      </c>
      <c r="F121503" s="14" t="s">
        <v>15</v>
      </c>
      <c r="G121503" s="16">
        <v>0.90647861746965142</v>
      </c>
    </row>
    <row r="121504" spans="1:7" x14ac:dyDescent="0.3">
      <c r="A121504" s="13" t="s">
        <v>568</v>
      </c>
      <c r="B121504" s="14" t="s">
        <v>1</v>
      </c>
      <c r="C121504" s="14" t="s">
        <v>565</v>
      </c>
      <c r="D121504" s="14" t="s">
        <v>406</v>
      </c>
      <c r="E121504" s="15">
        <v>45700</v>
      </c>
      <c r="F121504" s="14" t="s">
        <v>15</v>
      </c>
      <c r="G121504" s="16">
        <v>0.90471810993594814</v>
      </c>
    </row>
    <row r="121505" spans="1:7" x14ac:dyDescent="0.3">
      <c r="A121505" s="13" t="s">
        <v>568</v>
      </c>
      <c r="B121505" s="14" t="s">
        <v>1</v>
      </c>
      <c r="C121505" s="14" t="s">
        <v>565</v>
      </c>
      <c r="D121505" s="14" t="s">
        <v>406</v>
      </c>
      <c r="E121505" s="15">
        <v>45701</v>
      </c>
      <c r="F121505" s="14" t="s">
        <v>15</v>
      </c>
      <c r="G121505" s="16">
        <v>0.90295760240224499</v>
      </c>
    </row>
    <row r="121506" spans="1:7" x14ac:dyDescent="0.3">
      <c r="A121506" s="13" t="s">
        <v>568</v>
      </c>
      <c r="B121506" s="14" t="s">
        <v>1</v>
      </c>
      <c r="C121506" s="14" t="s">
        <v>565</v>
      </c>
      <c r="D121506" s="14" t="s">
        <v>406</v>
      </c>
      <c r="E121506" s="15">
        <v>45702</v>
      </c>
      <c r="F121506" s="14" t="s">
        <v>15</v>
      </c>
      <c r="G121506" s="16">
        <v>0.90118123444031017</v>
      </c>
    </row>
    <row r="121507" spans="1:7" x14ac:dyDescent="0.3">
      <c r="A121507" s="13" t="s">
        <v>568</v>
      </c>
      <c r="B121507" s="14" t="s">
        <v>1</v>
      </c>
      <c r="C121507" s="14" t="s">
        <v>565</v>
      </c>
      <c r="D121507" s="14" t="s">
        <v>406</v>
      </c>
      <c r="E121507" s="15">
        <v>45703</v>
      </c>
      <c r="F121507" s="14" t="s">
        <v>15</v>
      </c>
      <c r="G121507" s="16">
        <v>0.90118123444031017</v>
      </c>
    </row>
    <row r="121508" spans="1:7" x14ac:dyDescent="0.3">
      <c r="A121508" s="13" t="s">
        <v>568</v>
      </c>
      <c r="B121508" s="14" t="s">
        <v>1</v>
      </c>
      <c r="C121508" s="14" t="s">
        <v>565</v>
      </c>
      <c r="D121508" s="14" t="s">
        <v>406</v>
      </c>
      <c r="E121508" s="15">
        <v>45704</v>
      </c>
      <c r="F121508" s="14" t="s">
        <v>15</v>
      </c>
      <c r="G121508" s="16">
        <v>0.90118123444031017</v>
      </c>
    </row>
    <row r="121509" spans="1:7" x14ac:dyDescent="0.3">
      <c r="A121509" s="13" t="s">
        <v>568</v>
      </c>
      <c r="B121509" s="14" t="s">
        <v>1</v>
      </c>
      <c r="C121509" s="14" t="s">
        <v>565</v>
      </c>
      <c r="D121509" s="14" t="s">
        <v>406</v>
      </c>
      <c r="E121509" s="15">
        <v>45705</v>
      </c>
      <c r="F121509" s="14" t="s">
        <v>15</v>
      </c>
      <c r="G121509" s="16">
        <v>0.89940486647837536</v>
      </c>
    </row>
    <row r="121510" spans="1:7" x14ac:dyDescent="0.3">
      <c r="A121510" s="13" t="s">
        <v>568</v>
      </c>
      <c r="B121510" s="14" t="s">
        <v>1</v>
      </c>
      <c r="C121510" s="14" t="s">
        <v>565</v>
      </c>
      <c r="D121510" s="14" t="s">
        <v>406</v>
      </c>
      <c r="E121510" s="15">
        <v>45706</v>
      </c>
      <c r="F121510" s="14" t="s">
        <v>15</v>
      </c>
      <c r="G121510" s="16">
        <v>0.894012320879644</v>
      </c>
    </row>
    <row r="121511" spans="1:7" x14ac:dyDescent="0.3">
      <c r="A121511" s="13" t="s">
        <v>568</v>
      </c>
      <c r="B121511" s="14" t="s">
        <v>1</v>
      </c>
      <c r="C121511" s="14" t="s">
        <v>565</v>
      </c>
      <c r="D121511" s="14" t="s">
        <v>406</v>
      </c>
      <c r="E121511" s="15">
        <v>45707</v>
      </c>
      <c r="F121511" s="14" t="s">
        <v>15</v>
      </c>
      <c r="G121511" s="16">
        <v>0.89219630184713017</v>
      </c>
    </row>
    <row r="121512" spans="1:7" x14ac:dyDescent="0.3">
      <c r="A121512" s="13" t="s">
        <v>568</v>
      </c>
      <c r="B121512" s="14" t="s">
        <v>1</v>
      </c>
      <c r="C121512" s="14" t="s">
        <v>565</v>
      </c>
      <c r="D121512" s="14" t="s">
        <v>406</v>
      </c>
      <c r="E121512" s="15">
        <v>45708</v>
      </c>
      <c r="F121512" s="14" t="s">
        <v>15</v>
      </c>
      <c r="G121512" s="16">
        <v>0.89037235260050041</v>
      </c>
    </row>
    <row r="121513" spans="1:7" x14ac:dyDescent="0.3">
      <c r="A121513" s="13" t="s">
        <v>568</v>
      </c>
      <c r="B121513" s="14" t="s">
        <v>1</v>
      </c>
      <c r="C121513" s="14" t="s">
        <v>565</v>
      </c>
      <c r="D121513" s="14" t="s">
        <v>406</v>
      </c>
      <c r="E121513" s="15">
        <v>45709</v>
      </c>
      <c r="F121513" s="14" t="s">
        <v>15</v>
      </c>
      <c r="G121513" s="16">
        <v>0.88854840335387053</v>
      </c>
    </row>
    <row r="121514" spans="1:7" x14ac:dyDescent="0.3">
      <c r="A121514" s="13" t="s">
        <v>568</v>
      </c>
      <c r="B121514" s="14" t="s">
        <v>1</v>
      </c>
      <c r="C121514" s="14" t="s">
        <v>565</v>
      </c>
      <c r="D121514" s="14" t="s">
        <v>406</v>
      </c>
      <c r="E121514" s="15">
        <v>45710</v>
      </c>
      <c r="F121514" s="14" t="s">
        <v>15</v>
      </c>
      <c r="G121514" s="16">
        <v>0.88854840335387053</v>
      </c>
    </row>
    <row r="121515" spans="1:7" x14ac:dyDescent="0.3">
      <c r="A121515" s="13" t="s">
        <v>568</v>
      </c>
      <c r="B121515" s="14" t="s">
        <v>1</v>
      </c>
      <c r="C121515" s="14" t="s">
        <v>565</v>
      </c>
      <c r="D121515" s="14" t="s">
        <v>406</v>
      </c>
      <c r="E121515" s="15">
        <v>45711</v>
      </c>
      <c r="F121515" s="14" t="s">
        <v>15</v>
      </c>
      <c r="G121515" s="16">
        <v>0.88854840335387053</v>
      </c>
    </row>
    <row r="121516" spans="1:7" x14ac:dyDescent="0.3">
      <c r="A121516" s="13" t="s">
        <v>568</v>
      </c>
      <c r="B121516" s="14" t="s">
        <v>1</v>
      </c>
      <c r="C121516" s="14" t="s">
        <v>565</v>
      </c>
      <c r="D121516" s="14" t="s">
        <v>406</v>
      </c>
      <c r="E121516" s="15">
        <v>45712</v>
      </c>
      <c r="F121516" s="14" t="s">
        <v>15</v>
      </c>
      <c r="G121516" s="16">
        <v>0.8867323843213567</v>
      </c>
    </row>
    <row r="121517" spans="1:7" x14ac:dyDescent="0.3">
      <c r="A121517" s="13" t="s">
        <v>568</v>
      </c>
      <c r="B121517" s="14" t="s">
        <v>1</v>
      </c>
      <c r="C121517" s="14" t="s">
        <v>565</v>
      </c>
      <c r="D121517" s="14" t="s">
        <v>406</v>
      </c>
      <c r="E121517" s="15">
        <v>45713</v>
      </c>
      <c r="F121517" s="14" t="s">
        <v>15</v>
      </c>
      <c r="G121517" s="16">
        <v>0.88122088551088895</v>
      </c>
    </row>
    <row r="121518" spans="1:7" x14ac:dyDescent="0.3">
      <c r="A121518" s="13" t="s">
        <v>568</v>
      </c>
      <c r="B121518" s="14" t="s">
        <v>1</v>
      </c>
      <c r="C121518" s="14" t="s">
        <v>565</v>
      </c>
      <c r="D121518" s="14" t="s">
        <v>406</v>
      </c>
      <c r="E121518" s="15">
        <v>45714</v>
      </c>
      <c r="F121518" s="14" t="s">
        <v>15</v>
      </c>
      <c r="G121518" s="16">
        <v>0.87939693626425919</v>
      </c>
    </row>
    <row r="121519" spans="1:7" x14ac:dyDescent="0.3">
      <c r="A121519" s="13" t="s">
        <v>568</v>
      </c>
      <c r="B121519" s="14" t="s">
        <v>1</v>
      </c>
      <c r="C121519" s="14" t="s">
        <v>565</v>
      </c>
      <c r="D121519" s="14" t="s">
        <v>406</v>
      </c>
      <c r="E121519" s="15">
        <v>45715</v>
      </c>
      <c r="F121519" s="14" t="s">
        <v>15</v>
      </c>
      <c r="G121519" s="16">
        <v>0.87801707900811343</v>
      </c>
    </row>
    <row r="121520" spans="1:7" x14ac:dyDescent="0.3">
      <c r="A121520" s="13" t="s">
        <v>568</v>
      </c>
      <c r="B121520" s="14" t="s">
        <v>1</v>
      </c>
      <c r="C121520" s="14" t="s">
        <v>565</v>
      </c>
      <c r="D121520" s="14" t="s">
        <v>406</v>
      </c>
      <c r="E121520" s="15">
        <v>45716</v>
      </c>
      <c r="F121520" s="14" t="s">
        <v>15</v>
      </c>
      <c r="G121520" s="16">
        <v>0.89021374831818489</v>
      </c>
    </row>
    <row r="121521" spans="1:7" x14ac:dyDescent="0.3">
      <c r="A121521" s="13" t="s">
        <v>568</v>
      </c>
      <c r="B121521" s="14" t="s">
        <v>1</v>
      </c>
      <c r="C121521" s="14" t="s">
        <v>565</v>
      </c>
      <c r="D121521" s="14" t="s">
        <v>406</v>
      </c>
      <c r="E121521" s="15">
        <v>45717</v>
      </c>
      <c r="F121521" s="14" t="s">
        <v>15</v>
      </c>
      <c r="G121521" s="16">
        <v>0.89021374831818489</v>
      </c>
    </row>
    <row r="121522" spans="1:7" x14ac:dyDescent="0.3">
      <c r="A121522" s="13" t="s">
        <v>568</v>
      </c>
      <c r="B121522" s="14" t="s">
        <v>1</v>
      </c>
      <c r="C121522" s="14" t="s">
        <v>565</v>
      </c>
      <c r="D121522" s="14" t="s">
        <v>406</v>
      </c>
      <c r="E121522" s="15">
        <v>45718</v>
      </c>
      <c r="F121522" s="14" t="s">
        <v>15</v>
      </c>
      <c r="G121522" s="16">
        <v>0.89021374831818489</v>
      </c>
    </row>
    <row r="121523" spans="1:7" x14ac:dyDescent="0.3">
      <c r="A121523" s="13" t="s">
        <v>568</v>
      </c>
      <c r="B121523" s="14" t="s">
        <v>1</v>
      </c>
      <c r="C121523" s="14" t="s">
        <v>565</v>
      </c>
      <c r="D121523" s="14" t="s">
        <v>406</v>
      </c>
      <c r="E121523" s="15">
        <v>45719</v>
      </c>
      <c r="F121523" s="14" t="s">
        <v>15</v>
      </c>
      <c r="G121523" s="16">
        <v>0.88838979907155513</v>
      </c>
    </row>
    <row r="121524" spans="1:7" x14ac:dyDescent="0.3">
      <c r="A121524" s="13" t="s">
        <v>568</v>
      </c>
      <c r="B121524" s="14" t="s">
        <v>1</v>
      </c>
      <c r="C121524" s="14" t="s">
        <v>565</v>
      </c>
      <c r="D121524" s="14" t="s">
        <v>406</v>
      </c>
      <c r="E121524" s="15">
        <v>45720</v>
      </c>
      <c r="F121524" s="14" t="s">
        <v>15</v>
      </c>
      <c r="G121524" s="16">
        <v>0.88306862539986597</v>
      </c>
    </row>
    <row r="121525" spans="1:7" x14ac:dyDescent="0.3">
      <c r="A121525" s="13" t="s">
        <v>568</v>
      </c>
      <c r="B121525" s="14" t="s">
        <v>1</v>
      </c>
      <c r="C121525" s="14" t="s">
        <v>565</v>
      </c>
      <c r="D121525" s="14" t="s">
        <v>406</v>
      </c>
      <c r="E121525" s="15">
        <v>45721</v>
      </c>
      <c r="F121525" s="14" t="s">
        <v>15</v>
      </c>
      <c r="G121525" s="16">
        <v>0.88128432722381522</v>
      </c>
    </row>
    <row r="121526" spans="1:7" x14ac:dyDescent="0.3">
      <c r="A121526" s="13" t="s">
        <v>568</v>
      </c>
      <c r="B121526" s="14" t="s">
        <v>1</v>
      </c>
      <c r="C121526" s="14" t="s">
        <v>565</v>
      </c>
      <c r="D121526" s="14" t="s">
        <v>406</v>
      </c>
      <c r="E121526" s="15">
        <v>45722</v>
      </c>
      <c r="F121526" s="14" t="s">
        <v>15</v>
      </c>
      <c r="G121526" s="16">
        <v>0.88019788788995323</v>
      </c>
    </row>
    <row r="121527" spans="1:7" x14ac:dyDescent="0.3">
      <c r="A121527" s="13" t="s">
        <v>568</v>
      </c>
      <c r="B121527" s="14" t="s">
        <v>1</v>
      </c>
      <c r="C121527" s="14" t="s">
        <v>565</v>
      </c>
      <c r="D121527" s="14" t="s">
        <v>406</v>
      </c>
      <c r="E121527" s="15">
        <v>45723</v>
      </c>
      <c r="F121527" s="14" t="s">
        <v>15</v>
      </c>
      <c r="G121527" s="16">
        <v>0.87839772928567095</v>
      </c>
    </row>
    <row r="121528" spans="1:7" x14ac:dyDescent="0.3">
      <c r="A121528" s="13" t="s">
        <v>568</v>
      </c>
      <c r="B121528" s="14" t="s">
        <v>1</v>
      </c>
      <c r="C121528" s="14" t="s">
        <v>565</v>
      </c>
      <c r="D121528" s="14" t="s">
        <v>406</v>
      </c>
      <c r="E121528" s="15">
        <v>45724</v>
      </c>
      <c r="F121528" s="14" t="s">
        <v>15</v>
      </c>
      <c r="G121528" s="16">
        <v>0.87839772928567095</v>
      </c>
    </row>
    <row r="121529" spans="1:7" x14ac:dyDescent="0.3">
      <c r="A121529" s="13" t="s">
        <v>568</v>
      </c>
      <c r="B121529" s="14" t="s">
        <v>1</v>
      </c>
      <c r="C121529" s="14" t="s">
        <v>565</v>
      </c>
      <c r="D121529" s="14" t="s">
        <v>406</v>
      </c>
      <c r="E121529" s="15">
        <v>45725</v>
      </c>
      <c r="F121529" s="14" t="s">
        <v>15</v>
      </c>
      <c r="G121529" s="16">
        <v>0.87839772928567095</v>
      </c>
    </row>
    <row r="121530" spans="1:7" x14ac:dyDescent="0.3">
      <c r="A121530" s="13" t="s">
        <v>568</v>
      </c>
      <c r="B121530" s="14" t="s">
        <v>1</v>
      </c>
      <c r="C121530" s="14" t="s">
        <v>565</v>
      </c>
      <c r="D121530" s="14" t="s">
        <v>406</v>
      </c>
      <c r="E121530" s="15">
        <v>45726</v>
      </c>
      <c r="F121530" s="14" t="s">
        <v>15</v>
      </c>
      <c r="G121530" s="16">
        <v>0.88357615910327614</v>
      </c>
    </row>
    <row r="121531" spans="1:7" x14ac:dyDescent="0.3">
      <c r="A121531" s="13" t="s">
        <v>568</v>
      </c>
      <c r="B121531" s="14" t="s">
        <v>1</v>
      </c>
      <c r="C121531" s="14" t="s">
        <v>565</v>
      </c>
      <c r="D121531" s="14" t="s">
        <v>406</v>
      </c>
      <c r="E121531" s="15">
        <v>45727</v>
      </c>
      <c r="F121531" s="14" t="s">
        <v>15</v>
      </c>
      <c r="G121531" s="16">
        <v>0.88118123444031027</v>
      </c>
    </row>
    <row r="121532" spans="1:7" x14ac:dyDescent="0.3">
      <c r="A121532" s="13" t="s">
        <v>568</v>
      </c>
      <c r="B121532" s="14" t="s">
        <v>1</v>
      </c>
      <c r="C121532" s="14" t="s">
        <v>565</v>
      </c>
      <c r="D121532" s="14" t="s">
        <v>406</v>
      </c>
      <c r="E121532" s="15">
        <v>45728</v>
      </c>
      <c r="F121532" s="14" t="s">
        <v>15</v>
      </c>
      <c r="G121532" s="16">
        <v>0.87937314562191204</v>
      </c>
    </row>
    <row r="121533" spans="1:7" x14ac:dyDescent="0.3">
      <c r="A121533" s="13" t="s">
        <v>568</v>
      </c>
      <c r="B121533" s="14" t="s">
        <v>1</v>
      </c>
      <c r="C121533" s="14" t="s">
        <v>565</v>
      </c>
      <c r="D121533" s="14" t="s">
        <v>406</v>
      </c>
      <c r="E121533" s="15">
        <v>45729</v>
      </c>
      <c r="F121533" s="14" t="s">
        <v>15</v>
      </c>
      <c r="G121533" s="16">
        <v>0.87758091723174536</v>
      </c>
    </row>
    <row r="121534" spans="1:7" x14ac:dyDescent="0.3">
      <c r="A121534" s="13" t="s">
        <v>568</v>
      </c>
      <c r="B121534" s="14" t="s">
        <v>1</v>
      </c>
      <c r="C121534" s="14" t="s">
        <v>565</v>
      </c>
      <c r="D121534" s="14" t="s">
        <v>406</v>
      </c>
      <c r="E121534" s="15">
        <v>45730</v>
      </c>
      <c r="F121534" s="14" t="s">
        <v>15</v>
      </c>
      <c r="G121534" s="16">
        <v>0.87578075862746307</v>
      </c>
    </row>
    <row r="121535" spans="1:7" x14ac:dyDescent="0.3">
      <c r="A121535" s="13" t="s">
        <v>568</v>
      </c>
      <c r="B121535" s="14" t="s">
        <v>1</v>
      </c>
      <c r="C121535" s="14" t="s">
        <v>565</v>
      </c>
      <c r="D121535" s="14" t="s">
        <v>406</v>
      </c>
      <c r="E121535" s="15">
        <v>45731</v>
      </c>
      <c r="F121535" s="14" t="s">
        <v>15</v>
      </c>
      <c r="G121535" s="16">
        <v>0.87578075862746307</v>
      </c>
    </row>
    <row r="121536" spans="1:7" x14ac:dyDescent="0.3">
      <c r="A121536" s="13" t="s">
        <v>568</v>
      </c>
      <c r="B121536" s="14" t="s">
        <v>1</v>
      </c>
      <c r="C121536" s="14" t="s">
        <v>565</v>
      </c>
      <c r="D121536" s="14" t="s">
        <v>406</v>
      </c>
      <c r="E121536" s="15">
        <v>45732</v>
      </c>
      <c r="F121536" s="14" t="s">
        <v>15</v>
      </c>
      <c r="G121536" s="16">
        <v>0.87578075862746307</v>
      </c>
    </row>
    <row r="121537" spans="1:7" x14ac:dyDescent="0.3">
      <c r="A121537" s="13" t="s">
        <v>568</v>
      </c>
      <c r="B121537" s="14" t="s">
        <v>1</v>
      </c>
      <c r="C121537" s="14" t="s">
        <v>565</v>
      </c>
      <c r="D121537" s="14" t="s">
        <v>406</v>
      </c>
      <c r="E121537" s="15">
        <v>45733</v>
      </c>
      <c r="F121537" s="14" t="s">
        <v>15</v>
      </c>
      <c r="G121537" s="16">
        <v>0.87578075862746307</v>
      </c>
    </row>
    <row r="121538" spans="1:7" x14ac:dyDescent="0.3">
      <c r="A121538" s="13" t="s">
        <v>568</v>
      </c>
      <c r="B121538" s="14" t="s">
        <v>1</v>
      </c>
      <c r="C121538" s="14" t="s">
        <v>565</v>
      </c>
      <c r="D121538" s="14" t="s">
        <v>406</v>
      </c>
      <c r="E121538" s="15">
        <v>45734</v>
      </c>
      <c r="F121538" s="14" t="s">
        <v>15</v>
      </c>
      <c r="G121538" s="16">
        <v>0.88772366108582934</v>
      </c>
    </row>
    <row r="121539" spans="1:7" x14ac:dyDescent="0.3">
      <c r="A121539" s="13" t="s">
        <v>568</v>
      </c>
      <c r="B121539" s="14" t="s">
        <v>1</v>
      </c>
      <c r="C121539" s="14" t="s">
        <v>565</v>
      </c>
      <c r="D121539" s="14" t="s">
        <v>406</v>
      </c>
      <c r="E121539" s="15">
        <v>45735</v>
      </c>
      <c r="F121539" s="14" t="s">
        <v>15</v>
      </c>
      <c r="G121539" s="16">
        <v>0.90770780065759771</v>
      </c>
    </row>
    <row r="121540" spans="1:7" x14ac:dyDescent="0.3">
      <c r="A121540" s="13" t="s">
        <v>568</v>
      </c>
      <c r="B121540" s="14" t="s">
        <v>1</v>
      </c>
      <c r="C121540" s="14" t="s">
        <v>565</v>
      </c>
      <c r="D121540" s="14" t="s">
        <v>406</v>
      </c>
      <c r="E121540" s="15">
        <v>45736</v>
      </c>
      <c r="F121540" s="14" t="s">
        <v>15</v>
      </c>
      <c r="G121540" s="16">
        <v>0.90587592119685223</v>
      </c>
    </row>
    <row r="121541" spans="1:7" x14ac:dyDescent="0.3">
      <c r="A121541" s="13" t="s">
        <v>568</v>
      </c>
      <c r="B121541" s="14" t="s">
        <v>1</v>
      </c>
      <c r="C121541" s="14" t="s">
        <v>565</v>
      </c>
      <c r="D121541" s="14" t="s">
        <v>406</v>
      </c>
      <c r="E121541" s="15">
        <v>45737</v>
      </c>
      <c r="F121541" s="14" t="s">
        <v>15</v>
      </c>
      <c r="G121541" s="16">
        <v>0.90404404173610686</v>
      </c>
    </row>
    <row r="121542" spans="1:7" x14ac:dyDescent="0.3">
      <c r="A121542" s="13" t="s">
        <v>568</v>
      </c>
      <c r="B121542" s="14" t="s">
        <v>1</v>
      </c>
      <c r="C121542" s="14" t="s">
        <v>565</v>
      </c>
      <c r="D121542" s="14" t="s">
        <v>406</v>
      </c>
      <c r="E121542" s="15">
        <v>45738</v>
      </c>
      <c r="F121542" s="14" t="s">
        <v>15</v>
      </c>
      <c r="G121542" s="16">
        <v>0.90404404173610686</v>
      </c>
    </row>
    <row r="121543" spans="1:7" x14ac:dyDescent="0.3">
      <c r="A121543" s="13" t="s">
        <v>568</v>
      </c>
      <c r="B121543" s="14" t="s">
        <v>1</v>
      </c>
      <c r="C121543" s="14" t="s">
        <v>565</v>
      </c>
      <c r="D121543" s="14" t="s">
        <v>406</v>
      </c>
      <c r="E121543" s="15">
        <v>45739</v>
      </c>
      <c r="F121543" s="14" t="s">
        <v>15</v>
      </c>
      <c r="G121543" s="16">
        <v>0.90404404173610686</v>
      </c>
    </row>
    <row r="121544" spans="1:7" x14ac:dyDescent="0.3">
      <c r="A121544" s="13" t="s">
        <v>568</v>
      </c>
      <c r="B121544" s="14" t="s">
        <v>1</v>
      </c>
      <c r="C121544" s="14" t="s">
        <v>565</v>
      </c>
      <c r="D121544" s="14" t="s">
        <v>406</v>
      </c>
      <c r="E121544" s="15">
        <v>45740</v>
      </c>
      <c r="F121544" s="14" t="s">
        <v>15</v>
      </c>
      <c r="G121544" s="16">
        <v>0.94897663491612261</v>
      </c>
    </row>
    <row r="121545" spans="1:7" x14ac:dyDescent="0.3">
      <c r="A121545" s="13" t="s">
        <v>568</v>
      </c>
      <c r="B121545" s="14" t="s">
        <v>1</v>
      </c>
      <c r="C121545" s="14" t="s">
        <v>565</v>
      </c>
      <c r="D121545" s="14" t="s">
        <v>406</v>
      </c>
      <c r="E121545" s="15">
        <v>45741</v>
      </c>
      <c r="F121545" s="14" t="s">
        <v>15</v>
      </c>
      <c r="G121545" s="16">
        <v>0.94359201953150729</v>
      </c>
    </row>
    <row r="121546" spans="1:7" x14ac:dyDescent="0.3">
      <c r="A121546" s="13" t="s">
        <v>568</v>
      </c>
      <c r="B121546" s="14" t="s">
        <v>1</v>
      </c>
      <c r="C121546" s="14" t="s">
        <v>565</v>
      </c>
      <c r="D121546" s="14" t="s">
        <v>406</v>
      </c>
      <c r="E121546" s="15">
        <v>45742</v>
      </c>
      <c r="F121546" s="14" t="s">
        <v>15</v>
      </c>
      <c r="G121546" s="16">
        <v>0.96500359764411625</v>
      </c>
    </row>
    <row r="121547" spans="1:7" x14ac:dyDescent="0.3">
      <c r="A121547" s="13" t="s">
        <v>568</v>
      </c>
      <c r="B121547" s="14" t="s">
        <v>1</v>
      </c>
      <c r="C121547" s="14" t="s">
        <v>565</v>
      </c>
      <c r="D121547" s="14" t="s">
        <v>406</v>
      </c>
      <c r="E121547" s="15">
        <v>45743</v>
      </c>
      <c r="F121547" s="14" t="s">
        <v>15</v>
      </c>
      <c r="G121547" s="16">
        <v>0.96340962460684409</v>
      </c>
    </row>
    <row r="121548" spans="1:7" x14ac:dyDescent="0.3">
      <c r="A121548" s="13" t="s">
        <v>568</v>
      </c>
      <c r="B121548" s="14" t="s">
        <v>1</v>
      </c>
      <c r="C121548" s="14" t="s">
        <v>565</v>
      </c>
      <c r="D121548" s="14" t="s">
        <v>406</v>
      </c>
      <c r="E121548" s="15">
        <v>45744</v>
      </c>
      <c r="F121548" s="14" t="s">
        <v>15</v>
      </c>
      <c r="G121548" s="16">
        <v>1.0104595849557734</v>
      </c>
    </row>
    <row r="121549" spans="1:7" x14ac:dyDescent="0.3">
      <c r="A121549" s="13" t="s">
        <v>568</v>
      </c>
      <c r="B121549" s="14" t="s">
        <v>1</v>
      </c>
      <c r="C121549" s="14" t="s">
        <v>565</v>
      </c>
      <c r="D121549" s="14" t="s">
        <v>406</v>
      </c>
      <c r="E121549" s="15">
        <v>45745</v>
      </c>
      <c r="F121549" s="14" t="s">
        <v>15</v>
      </c>
      <c r="G121549" s="16">
        <v>1.0104595849557734</v>
      </c>
    </row>
    <row r="121550" spans="1:7" x14ac:dyDescent="0.3">
      <c r="A121550" s="13" t="s">
        <v>568</v>
      </c>
      <c r="B121550" s="14" t="s">
        <v>1</v>
      </c>
      <c r="C121550" s="14" t="s">
        <v>565</v>
      </c>
      <c r="D121550" s="14" t="s">
        <v>406</v>
      </c>
      <c r="E121550" s="15">
        <v>45746</v>
      </c>
      <c r="F121550" s="14" t="s">
        <v>15</v>
      </c>
      <c r="G121550" s="16">
        <v>1.0104595849557734</v>
      </c>
    </row>
    <row r="121551" spans="1:7" x14ac:dyDescent="0.3">
      <c r="A121551" s="13" t="s">
        <v>568</v>
      </c>
      <c r="B121551" s="14" t="s">
        <v>1</v>
      </c>
      <c r="C121551" s="14" t="s">
        <v>565</v>
      </c>
      <c r="D121551" s="14" t="s">
        <v>406</v>
      </c>
      <c r="E121551" s="15">
        <v>45747</v>
      </c>
      <c r="F121551" s="14" t="s">
        <v>15</v>
      </c>
      <c r="G121551" s="16">
        <v>1.0104595849557734</v>
      </c>
    </row>
    <row r="121552" spans="1:7" x14ac:dyDescent="0.3">
      <c r="A121552" s="13" t="s">
        <v>569</v>
      </c>
      <c r="B121552" s="14" t="s">
        <v>1</v>
      </c>
      <c r="C121552" s="14" t="s">
        <v>565</v>
      </c>
      <c r="D121552" s="14" t="s">
        <v>18</v>
      </c>
      <c r="E121552" s="15">
        <v>45383</v>
      </c>
      <c r="F121552" s="14" t="s">
        <v>15</v>
      </c>
      <c r="G121552" s="16">
        <v>0</v>
      </c>
    </row>
    <row r="121553" spans="1:7" x14ac:dyDescent="0.3">
      <c r="A121553" s="13" t="s">
        <v>569</v>
      </c>
      <c r="B121553" s="14" t="s">
        <v>1</v>
      </c>
      <c r="C121553" s="14" t="s">
        <v>565</v>
      </c>
      <c r="D121553" s="14" t="s">
        <v>18</v>
      </c>
      <c r="E121553" s="15">
        <v>45384</v>
      </c>
      <c r="F121553" s="14" t="s">
        <v>15</v>
      </c>
      <c r="G121553" s="16">
        <v>0</v>
      </c>
    </row>
    <row r="121554" spans="1:7" x14ac:dyDescent="0.3">
      <c r="A121554" s="13" t="s">
        <v>569</v>
      </c>
      <c r="B121554" s="14" t="s">
        <v>1</v>
      </c>
      <c r="C121554" s="14" t="s">
        <v>565</v>
      </c>
      <c r="D121554" s="14" t="s">
        <v>18</v>
      </c>
      <c r="E121554" s="15">
        <v>45385</v>
      </c>
      <c r="F121554" s="14" t="s">
        <v>15</v>
      </c>
      <c r="G121554" s="16">
        <v>0</v>
      </c>
    </row>
    <row r="121555" spans="1:7" x14ac:dyDescent="0.3">
      <c r="A121555" s="13" t="s">
        <v>569</v>
      </c>
      <c r="B121555" s="14" t="s">
        <v>1</v>
      </c>
      <c r="C121555" s="14" t="s">
        <v>565</v>
      </c>
      <c r="D121555" s="14" t="s">
        <v>18</v>
      </c>
      <c r="E121555" s="15">
        <v>45386</v>
      </c>
      <c r="F121555" s="14" t="s">
        <v>15</v>
      </c>
      <c r="G121555" s="16">
        <v>0</v>
      </c>
    </row>
    <row r="121556" spans="1:7" x14ac:dyDescent="0.3">
      <c r="A121556" s="13" t="s">
        <v>569</v>
      </c>
      <c r="B121556" s="14" t="s">
        <v>1</v>
      </c>
      <c r="C121556" s="14" t="s">
        <v>565</v>
      </c>
      <c r="D121556" s="14" t="s">
        <v>18</v>
      </c>
      <c r="E121556" s="15">
        <v>45387</v>
      </c>
      <c r="F121556" s="14" t="s">
        <v>15</v>
      </c>
      <c r="G121556" s="16">
        <v>0</v>
      </c>
    </row>
    <row r="121557" spans="1:7" x14ac:dyDescent="0.3">
      <c r="A121557" s="13" t="s">
        <v>569</v>
      </c>
      <c r="B121557" s="14" t="s">
        <v>1</v>
      </c>
      <c r="C121557" s="14" t="s">
        <v>565</v>
      </c>
      <c r="D121557" s="14" t="s">
        <v>18</v>
      </c>
      <c r="E121557" s="15">
        <v>45388</v>
      </c>
      <c r="F121557" s="14" t="s">
        <v>15</v>
      </c>
      <c r="G121557" s="16">
        <v>0</v>
      </c>
    </row>
    <row r="121558" spans="1:7" x14ac:dyDescent="0.3">
      <c r="A121558" s="13" t="s">
        <v>569</v>
      </c>
      <c r="B121558" s="14" t="s">
        <v>1</v>
      </c>
      <c r="C121558" s="14" t="s">
        <v>565</v>
      </c>
      <c r="D121558" s="14" t="s">
        <v>18</v>
      </c>
      <c r="E121558" s="15">
        <v>45389</v>
      </c>
      <c r="F121558" s="14" t="s">
        <v>15</v>
      </c>
      <c r="G121558" s="16">
        <v>0</v>
      </c>
    </row>
    <row r="121559" spans="1:7" x14ac:dyDescent="0.3">
      <c r="A121559" s="13" t="s">
        <v>569</v>
      </c>
      <c r="B121559" s="14" t="s">
        <v>1</v>
      </c>
      <c r="C121559" s="14" t="s">
        <v>565</v>
      </c>
      <c r="D121559" s="14" t="s">
        <v>18</v>
      </c>
      <c r="E121559" s="15">
        <v>45390</v>
      </c>
      <c r="F121559" s="14" t="s">
        <v>15</v>
      </c>
      <c r="G121559" s="16">
        <v>0</v>
      </c>
    </row>
    <row r="121560" spans="1:7" x14ac:dyDescent="0.3">
      <c r="A121560" s="13" t="s">
        <v>569</v>
      </c>
      <c r="B121560" s="14" t="s">
        <v>1</v>
      </c>
      <c r="C121560" s="14" t="s">
        <v>565</v>
      </c>
      <c r="D121560" s="14" t="s">
        <v>18</v>
      </c>
      <c r="E121560" s="15">
        <v>45391</v>
      </c>
      <c r="F121560" s="14" t="s">
        <v>15</v>
      </c>
      <c r="G121560" s="16">
        <v>4.7176593725380855E-2</v>
      </c>
    </row>
    <row r="121561" spans="1:7" x14ac:dyDescent="0.3">
      <c r="A121561" s="13" t="s">
        <v>569</v>
      </c>
      <c r="B121561" s="14" t="s">
        <v>1</v>
      </c>
      <c r="C121561" s="14" t="s">
        <v>565</v>
      </c>
      <c r="D121561" s="14" t="s">
        <v>18</v>
      </c>
      <c r="E121561" s="15">
        <v>45392</v>
      </c>
      <c r="F121561" s="14" t="s">
        <v>15</v>
      </c>
      <c r="G121561" s="16">
        <v>4.5448126261604521E-2</v>
      </c>
    </row>
    <row r="121562" spans="1:7" x14ac:dyDescent="0.3">
      <c r="A121562" s="13" t="s">
        <v>569</v>
      </c>
      <c r="B121562" s="14" t="s">
        <v>1</v>
      </c>
      <c r="C121562" s="14" t="s">
        <v>565</v>
      </c>
      <c r="D121562" s="14" t="s">
        <v>18</v>
      </c>
      <c r="E121562" s="15">
        <v>45393</v>
      </c>
      <c r="F121562" s="14" t="s">
        <v>15</v>
      </c>
      <c r="G121562" s="16">
        <v>4.3711733951977937E-2</v>
      </c>
    </row>
    <row r="121563" spans="1:7" x14ac:dyDescent="0.3">
      <c r="A121563" s="13" t="s">
        <v>569</v>
      </c>
      <c r="B121563" s="14" t="s">
        <v>1</v>
      </c>
      <c r="C121563" s="14" t="s">
        <v>565</v>
      </c>
      <c r="D121563" s="14" t="s">
        <v>18</v>
      </c>
      <c r="E121563" s="15">
        <v>45394</v>
      </c>
      <c r="F121563" s="14" t="s">
        <v>15</v>
      </c>
      <c r="G121563" s="16">
        <v>4.582423972364838E-2</v>
      </c>
    </row>
    <row r="121564" spans="1:7" x14ac:dyDescent="0.3">
      <c r="A121564" s="13" t="s">
        <v>569</v>
      </c>
      <c r="B121564" s="14" t="s">
        <v>1</v>
      </c>
      <c r="C121564" s="14" t="s">
        <v>565</v>
      </c>
      <c r="D121564" s="14" t="s">
        <v>18</v>
      </c>
      <c r="E121564" s="15">
        <v>45395</v>
      </c>
      <c r="F121564" s="14" t="s">
        <v>15</v>
      </c>
      <c r="G121564" s="16">
        <v>4.582423972364838E-2</v>
      </c>
    </row>
    <row r="121565" spans="1:7" x14ac:dyDescent="0.3">
      <c r="A121565" s="13" t="s">
        <v>569</v>
      </c>
      <c r="B121565" s="14" t="s">
        <v>1</v>
      </c>
      <c r="C121565" s="14" t="s">
        <v>565</v>
      </c>
      <c r="D121565" s="14" t="s">
        <v>18</v>
      </c>
      <c r="E121565" s="15">
        <v>45396</v>
      </c>
      <c r="F121565" s="14" t="s">
        <v>15</v>
      </c>
      <c r="G121565" s="16">
        <v>4.582423972364838E-2</v>
      </c>
    </row>
    <row r="121566" spans="1:7" x14ac:dyDescent="0.3">
      <c r="A121566" s="13" t="s">
        <v>569</v>
      </c>
      <c r="B121566" s="14" t="s">
        <v>1</v>
      </c>
      <c r="C121566" s="14" t="s">
        <v>565</v>
      </c>
      <c r="D121566" s="14" t="s">
        <v>18</v>
      </c>
      <c r="E121566" s="15">
        <v>45397</v>
      </c>
      <c r="F121566" s="14" t="s">
        <v>15</v>
      </c>
      <c r="G121566" s="16">
        <v>4.4083649131483833E-2</v>
      </c>
    </row>
    <row r="121567" spans="1:7" x14ac:dyDescent="0.3">
      <c r="A121567" s="13" t="s">
        <v>569</v>
      </c>
      <c r="B121567" s="14" t="s">
        <v>1</v>
      </c>
      <c r="C121567" s="14" t="s">
        <v>565</v>
      </c>
      <c r="D121567" s="14" t="s">
        <v>18</v>
      </c>
      <c r="E121567" s="15">
        <v>45398</v>
      </c>
      <c r="F121567" s="14" t="s">
        <v>15</v>
      </c>
      <c r="G121567" s="16">
        <v>3.8913927626800369E-2</v>
      </c>
    </row>
    <row r="121568" spans="1:7" x14ac:dyDescent="0.3">
      <c r="A121568" s="13" t="s">
        <v>569</v>
      </c>
      <c r="B121568" s="14" t="s">
        <v>1</v>
      </c>
      <c r="C121568" s="14" t="s">
        <v>565</v>
      </c>
      <c r="D121568" s="14" t="s">
        <v>18</v>
      </c>
      <c r="E121568" s="15">
        <v>45399</v>
      </c>
      <c r="F121568" s="14" t="s">
        <v>15</v>
      </c>
      <c r="G121568" s="16">
        <v>3.721565533335007E-2</v>
      </c>
    </row>
    <row r="121569" spans="1:7" x14ac:dyDescent="0.3">
      <c r="A121569" s="13" t="s">
        <v>569</v>
      </c>
      <c r="B121569" s="14" t="s">
        <v>1</v>
      </c>
      <c r="C121569" s="14" t="s">
        <v>565</v>
      </c>
      <c r="D121569" s="14" t="s">
        <v>18</v>
      </c>
      <c r="E121569" s="15">
        <v>45400</v>
      </c>
      <c r="F121569" s="14" t="s">
        <v>15</v>
      </c>
      <c r="G121569" s="16">
        <v>0.105193846145214</v>
      </c>
    </row>
    <row r="121570" spans="1:7" x14ac:dyDescent="0.3">
      <c r="A121570" s="13" t="s">
        <v>569</v>
      </c>
      <c r="B121570" s="14" t="s">
        <v>1</v>
      </c>
      <c r="C121570" s="14" t="s">
        <v>565</v>
      </c>
      <c r="D121570" s="14" t="s">
        <v>18</v>
      </c>
      <c r="E121570" s="15">
        <v>45401</v>
      </c>
      <c r="F121570" s="14" t="s">
        <v>15</v>
      </c>
      <c r="G121570" s="16">
        <v>0.10337766856947274</v>
      </c>
    </row>
    <row r="121571" spans="1:7" x14ac:dyDescent="0.3">
      <c r="A121571" s="13" t="s">
        <v>569</v>
      </c>
      <c r="B121571" s="14" t="s">
        <v>1</v>
      </c>
      <c r="C121571" s="14" t="s">
        <v>565</v>
      </c>
      <c r="D121571" s="14" t="s">
        <v>18</v>
      </c>
      <c r="E121571" s="15">
        <v>45402</v>
      </c>
      <c r="F121571" s="14" t="s">
        <v>15</v>
      </c>
      <c r="G121571" s="16">
        <v>0.10337766856947274</v>
      </c>
    </row>
    <row r="121572" spans="1:7" x14ac:dyDescent="0.3">
      <c r="A121572" s="13" t="s">
        <v>569</v>
      </c>
      <c r="B121572" s="14" t="s">
        <v>1</v>
      </c>
      <c r="C121572" s="14" t="s">
        <v>565</v>
      </c>
      <c r="D121572" s="14" t="s">
        <v>18</v>
      </c>
      <c r="E121572" s="15">
        <v>45403</v>
      </c>
      <c r="F121572" s="14" t="s">
        <v>15</v>
      </c>
      <c r="G121572" s="16">
        <v>0.10337766856947274</v>
      </c>
    </row>
    <row r="121573" spans="1:7" x14ac:dyDescent="0.3">
      <c r="A121573" s="13" t="s">
        <v>569</v>
      </c>
      <c r="B121573" s="14" t="s">
        <v>1</v>
      </c>
      <c r="C121573" s="14" t="s">
        <v>565</v>
      </c>
      <c r="D121573" s="14" t="s">
        <v>18</v>
      </c>
      <c r="E121573" s="15">
        <v>45404</v>
      </c>
      <c r="F121573" s="14" t="s">
        <v>15</v>
      </c>
      <c r="G121573" s="16">
        <v>0.10170656293497107</v>
      </c>
    </row>
    <row r="121574" spans="1:7" x14ac:dyDescent="0.3">
      <c r="A121574" s="13" t="s">
        <v>569</v>
      </c>
      <c r="B121574" s="14" t="s">
        <v>1</v>
      </c>
      <c r="C121574" s="14" t="s">
        <v>565</v>
      </c>
      <c r="D121574" s="14" t="s">
        <v>18</v>
      </c>
      <c r="E121574" s="15">
        <v>45405</v>
      </c>
      <c r="F121574" s="14" t="s">
        <v>15</v>
      </c>
      <c r="G121574" s="16">
        <v>9.6773042729176043E-2</v>
      </c>
    </row>
    <row r="121575" spans="1:7" x14ac:dyDescent="0.3">
      <c r="A121575" s="13" t="s">
        <v>569</v>
      </c>
      <c r="B121575" s="14" t="s">
        <v>1</v>
      </c>
      <c r="C121575" s="14" t="s">
        <v>565</v>
      </c>
      <c r="D121575" s="14" t="s">
        <v>18</v>
      </c>
      <c r="E121575" s="15">
        <v>45406</v>
      </c>
      <c r="F121575" s="14" t="s">
        <v>15</v>
      </c>
      <c r="G121575" s="16">
        <v>9.4933921724325354E-2</v>
      </c>
    </row>
    <row r="121576" spans="1:7" x14ac:dyDescent="0.3">
      <c r="A121576" s="13" t="s">
        <v>569</v>
      </c>
      <c r="B121576" s="14" t="s">
        <v>1</v>
      </c>
      <c r="C121576" s="14" t="s">
        <v>565</v>
      </c>
      <c r="D121576" s="14" t="s">
        <v>18</v>
      </c>
      <c r="E121576" s="15">
        <v>45407</v>
      </c>
      <c r="F121576" s="14" t="s">
        <v>15</v>
      </c>
      <c r="G121576" s="16">
        <v>9.1061641749900973E-2</v>
      </c>
    </row>
    <row r="121577" spans="1:7" x14ac:dyDescent="0.3">
      <c r="A121577" s="13" t="s">
        <v>569</v>
      </c>
      <c r="B121577" s="14" t="s">
        <v>1</v>
      </c>
      <c r="C121577" s="14" t="s">
        <v>565</v>
      </c>
      <c r="D121577" s="14" t="s">
        <v>18</v>
      </c>
      <c r="E121577" s="15">
        <v>45408</v>
      </c>
      <c r="F121577" s="14" t="s">
        <v>15</v>
      </c>
      <c r="G121577" s="16">
        <v>8.9533930917214413E-2</v>
      </c>
    </row>
    <row r="121578" spans="1:7" x14ac:dyDescent="0.3">
      <c r="A121578" s="13" t="s">
        <v>569</v>
      </c>
      <c r="B121578" s="14" t="s">
        <v>1</v>
      </c>
      <c r="C121578" s="14" t="s">
        <v>565</v>
      </c>
      <c r="D121578" s="14" t="s">
        <v>18</v>
      </c>
      <c r="E121578" s="15">
        <v>45409</v>
      </c>
      <c r="F121578" s="14" t="s">
        <v>15</v>
      </c>
      <c r="G121578" s="16">
        <v>8.9533930917214413E-2</v>
      </c>
    </row>
    <row r="121579" spans="1:7" x14ac:dyDescent="0.3">
      <c r="A121579" s="13" t="s">
        <v>569</v>
      </c>
      <c r="B121579" s="14" t="s">
        <v>1</v>
      </c>
      <c r="C121579" s="14" t="s">
        <v>565</v>
      </c>
      <c r="D121579" s="14" t="s">
        <v>18</v>
      </c>
      <c r="E121579" s="15">
        <v>45410</v>
      </c>
      <c r="F121579" s="14" t="s">
        <v>15</v>
      </c>
      <c r="G121579" s="16">
        <v>8.9533930917214413E-2</v>
      </c>
    </row>
    <row r="121580" spans="1:7" x14ac:dyDescent="0.3">
      <c r="A121580" s="13" t="s">
        <v>569</v>
      </c>
      <c r="B121580" s="14" t="s">
        <v>1</v>
      </c>
      <c r="C121580" s="14" t="s">
        <v>565</v>
      </c>
      <c r="D121580" s="14" t="s">
        <v>18</v>
      </c>
      <c r="E121580" s="15">
        <v>45411</v>
      </c>
      <c r="F121580" s="14" t="s">
        <v>15</v>
      </c>
      <c r="G121580" s="16">
        <v>8.5185714230697193E-2</v>
      </c>
    </row>
    <row r="121581" spans="1:7" x14ac:dyDescent="0.3">
      <c r="A121581" s="13" t="s">
        <v>569</v>
      </c>
      <c r="B121581" s="14" t="s">
        <v>1</v>
      </c>
      <c r="C121581" s="14" t="s">
        <v>565</v>
      </c>
      <c r="D121581" s="14" t="s">
        <v>18</v>
      </c>
      <c r="E121581" s="15">
        <v>45412</v>
      </c>
      <c r="F121581" s="14" t="s">
        <v>15</v>
      </c>
      <c r="G121581" s="16">
        <v>8.2474428480406606E-2</v>
      </c>
    </row>
    <row r="121582" spans="1:7" x14ac:dyDescent="0.3">
      <c r="A121582" s="13" t="s">
        <v>569</v>
      </c>
      <c r="B121582" s="14" t="s">
        <v>1</v>
      </c>
      <c r="C121582" s="14" t="s">
        <v>565</v>
      </c>
      <c r="D121582" s="14" t="s">
        <v>18</v>
      </c>
      <c r="E121582" s="15">
        <v>45413</v>
      </c>
      <c r="F121582" s="14" t="s">
        <v>15</v>
      </c>
      <c r="G121582" s="16">
        <v>8.2474428480406606E-2</v>
      </c>
    </row>
    <row r="121583" spans="1:7" x14ac:dyDescent="0.3">
      <c r="A121583" s="13" t="s">
        <v>569</v>
      </c>
      <c r="B121583" s="14" t="s">
        <v>1</v>
      </c>
      <c r="C121583" s="14" t="s">
        <v>565</v>
      </c>
      <c r="D121583" s="14" t="s">
        <v>18</v>
      </c>
      <c r="E121583" s="15">
        <v>45414</v>
      </c>
      <c r="F121583" s="14" t="s">
        <v>15</v>
      </c>
      <c r="G121583" s="16">
        <v>8.2474428480406606E-2</v>
      </c>
    </row>
    <row r="121584" spans="1:7" x14ac:dyDescent="0.3">
      <c r="A121584" s="13" t="s">
        <v>569</v>
      </c>
      <c r="B121584" s="14" t="s">
        <v>1</v>
      </c>
      <c r="C121584" s="14" t="s">
        <v>565</v>
      </c>
      <c r="D121584" s="14" t="s">
        <v>18</v>
      </c>
      <c r="E121584" s="15">
        <v>45415</v>
      </c>
      <c r="F121584" s="14" t="s">
        <v>15</v>
      </c>
      <c r="G121584" s="16">
        <v>8.2474428480406606E-2</v>
      </c>
    </row>
    <row r="121585" spans="1:7" x14ac:dyDescent="0.3">
      <c r="A121585" s="13" t="s">
        <v>569</v>
      </c>
      <c r="B121585" s="14" t="s">
        <v>1</v>
      </c>
      <c r="C121585" s="14" t="s">
        <v>565</v>
      </c>
      <c r="D121585" s="14" t="s">
        <v>18</v>
      </c>
      <c r="E121585" s="15">
        <v>45416</v>
      </c>
      <c r="F121585" s="14" t="s">
        <v>15</v>
      </c>
      <c r="G121585" s="16">
        <v>8.2474428480406606E-2</v>
      </c>
    </row>
    <row r="121586" spans="1:7" x14ac:dyDescent="0.3">
      <c r="A121586" s="13" t="s">
        <v>569</v>
      </c>
      <c r="B121586" s="14" t="s">
        <v>1</v>
      </c>
      <c r="C121586" s="14" t="s">
        <v>565</v>
      </c>
      <c r="D121586" s="14" t="s">
        <v>18</v>
      </c>
      <c r="E121586" s="15">
        <v>45417</v>
      </c>
      <c r="F121586" s="14" t="s">
        <v>15</v>
      </c>
      <c r="G121586" s="16">
        <v>8.2474428480406606E-2</v>
      </c>
    </row>
    <row r="121587" spans="1:7" x14ac:dyDescent="0.3">
      <c r="A121587" s="13" t="s">
        <v>569</v>
      </c>
      <c r="B121587" s="14" t="s">
        <v>1</v>
      </c>
      <c r="C121587" s="14" t="s">
        <v>565</v>
      </c>
      <c r="D121587" s="14" t="s">
        <v>18</v>
      </c>
      <c r="E121587" s="15">
        <v>45418</v>
      </c>
      <c r="F121587" s="14" t="s">
        <v>15</v>
      </c>
      <c r="G121587" s="16">
        <v>8.2474428480406606E-2</v>
      </c>
    </row>
    <row r="121588" spans="1:7" x14ac:dyDescent="0.3">
      <c r="A121588" s="13" t="s">
        <v>569</v>
      </c>
      <c r="B121588" s="14" t="s">
        <v>1</v>
      </c>
      <c r="C121588" s="14" t="s">
        <v>565</v>
      </c>
      <c r="D121588" s="14" t="s">
        <v>18</v>
      </c>
      <c r="E121588" s="15">
        <v>45419</v>
      </c>
      <c r="F121588" s="14" t="s">
        <v>15</v>
      </c>
      <c r="G121588" s="16">
        <v>7.8239717600518621E-2</v>
      </c>
    </row>
    <row r="121589" spans="1:7" x14ac:dyDescent="0.3">
      <c r="A121589" s="13" t="s">
        <v>569</v>
      </c>
      <c r="B121589" s="14" t="s">
        <v>1</v>
      </c>
      <c r="C121589" s="14" t="s">
        <v>565</v>
      </c>
      <c r="D121589" s="14" t="s">
        <v>18</v>
      </c>
      <c r="E121589" s="15">
        <v>45420</v>
      </c>
      <c r="F121589" s="14" t="s">
        <v>15</v>
      </c>
      <c r="G121589" s="16">
        <v>7.3380536072333635E-2</v>
      </c>
    </row>
    <row r="121590" spans="1:7" x14ac:dyDescent="0.3">
      <c r="A121590" s="13" t="s">
        <v>569</v>
      </c>
      <c r="B121590" s="14" t="s">
        <v>1</v>
      </c>
      <c r="C121590" s="14" t="s">
        <v>565</v>
      </c>
      <c r="D121590" s="14" t="s">
        <v>18</v>
      </c>
      <c r="E121590" s="15">
        <v>45421</v>
      </c>
      <c r="F121590" s="14" t="s">
        <v>15</v>
      </c>
      <c r="G121590" s="16">
        <v>7.4842560397853447E-2</v>
      </c>
    </row>
    <row r="121591" spans="1:7" x14ac:dyDescent="0.3">
      <c r="A121591" s="13" t="s">
        <v>569</v>
      </c>
      <c r="B121591" s="14" t="s">
        <v>1</v>
      </c>
      <c r="C121591" s="14" t="s">
        <v>565</v>
      </c>
      <c r="D121591" s="14" t="s">
        <v>18</v>
      </c>
      <c r="E121591" s="15">
        <v>45422</v>
      </c>
      <c r="F121591" s="14" t="s">
        <v>15</v>
      </c>
      <c r="G121591" s="16">
        <v>0.12124559334973901</v>
      </c>
    </row>
    <row r="121592" spans="1:7" x14ac:dyDescent="0.3">
      <c r="A121592" s="13" t="s">
        <v>569</v>
      </c>
      <c r="B121592" s="14" t="s">
        <v>1</v>
      </c>
      <c r="C121592" s="14" t="s">
        <v>565</v>
      </c>
      <c r="D121592" s="14" t="s">
        <v>18</v>
      </c>
      <c r="E121592" s="15">
        <v>45423</v>
      </c>
      <c r="F121592" s="14" t="s">
        <v>15</v>
      </c>
      <c r="G121592" s="16">
        <v>0.12124559334973901</v>
      </c>
    </row>
    <row r="121593" spans="1:7" x14ac:dyDescent="0.3">
      <c r="A121593" s="13" t="s">
        <v>569</v>
      </c>
      <c r="B121593" s="14" t="s">
        <v>1</v>
      </c>
      <c r="C121593" s="14" t="s">
        <v>565</v>
      </c>
      <c r="D121593" s="14" t="s">
        <v>18</v>
      </c>
      <c r="E121593" s="15">
        <v>45424</v>
      </c>
      <c r="F121593" s="14" t="s">
        <v>15</v>
      </c>
      <c r="G121593" s="16">
        <v>0.12124559334973901</v>
      </c>
    </row>
    <row r="121594" spans="1:7" x14ac:dyDescent="0.3">
      <c r="A121594" s="13" t="s">
        <v>569</v>
      </c>
      <c r="B121594" s="14" t="s">
        <v>1</v>
      </c>
      <c r="C121594" s="14" t="s">
        <v>565</v>
      </c>
      <c r="D121594" s="14" t="s">
        <v>18</v>
      </c>
      <c r="E121594" s="15">
        <v>45425</v>
      </c>
      <c r="F121594" s="14" t="s">
        <v>15</v>
      </c>
      <c r="G121594" s="16">
        <v>0.13851979124653241</v>
      </c>
    </row>
    <row r="121595" spans="1:7" x14ac:dyDescent="0.3">
      <c r="A121595" s="13" t="s">
        <v>569</v>
      </c>
      <c r="B121595" s="14" t="s">
        <v>1</v>
      </c>
      <c r="C121595" s="14" t="s">
        <v>565</v>
      </c>
      <c r="D121595" s="14" t="s">
        <v>18</v>
      </c>
      <c r="E121595" s="15">
        <v>45426</v>
      </c>
      <c r="F121595" s="14" t="s">
        <v>15</v>
      </c>
      <c r="G121595" s="16">
        <v>0.13320981676423449</v>
      </c>
    </row>
    <row r="121596" spans="1:7" x14ac:dyDescent="0.3">
      <c r="A121596" s="13" t="s">
        <v>569</v>
      </c>
      <c r="B121596" s="14" t="s">
        <v>1</v>
      </c>
      <c r="C121596" s="14" t="s">
        <v>565</v>
      </c>
      <c r="D121596" s="14" t="s">
        <v>18</v>
      </c>
      <c r="E121596" s="15">
        <v>45427</v>
      </c>
      <c r="F121596" s="14" t="s">
        <v>15</v>
      </c>
      <c r="G121596" s="16">
        <v>0.13320981676423449</v>
      </c>
    </row>
    <row r="121597" spans="1:7" x14ac:dyDescent="0.3">
      <c r="A121597" s="13" t="s">
        <v>569</v>
      </c>
      <c r="B121597" s="14" t="s">
        <v>1</v>
      </c>
      <c r="C121597" s="14" t="s">
        <v>565</v>
      </c>
      <c r="D121597" s="14" t="s">
        <v>18</v>
      </c>
      <c r="E121597" s="15">
        <v>45428</v>
      </c>
      <c r="F121597" s="14" t="s">
        <v>15</v>
      </c>
      <c r="G121597" s="16">
        <v>0.13143114546940757</v>
      </c>
    </row>
    <row r="121598" spans="1:7" x14ac:dyDescent="0.3">
      <c r="A121598" s="13" t="s">
        <v>569</v>
      </c>
      <c r="B121598" s="14" t="s">
        <v>1</v>
      </c>
      <c r="C121598" s="14" t="s">
        <v>565</v>
      </c>
      <c r="D121598" s="14" t="s">
        <v>18</v>
      </c>
      <c r="E121598" s="15">
        <v>45429</v>
      </c>
      <c r="F121598" s="14" t="s">
        <v>15</v>
      </c>
      <c r="G121598" s="16">
        <v>0.15554919888460761</v>
      </c>
    </row>
    <row r="121599" spans="1:7" x14ac:dyDescent="0.3">
      <c r="A121599" s="13" t="s">
        <v>569</v>
      </c>
      <c r="B121599" s="14" t="s">
        <v>1</v>
      </c>
      <c r="C121599" s="14" t="s">
        <v>565</v>
      </c>
      <c r="D121599" s="14" t="s">
        <v>18</v>
      </c>
      <c r="E121599" s="15">
        <v>45430</v>
      </c>
      <c r="F121599" s="14" t="s">
        <v>15</v>
      </c>
      <c r="G121599" s="16">
        <v>0.15554919888460761</v>
      </c>
    </row>
    <row r="121600" spans="1:7" x14ac:dyDescent="0.3">
      <c r="A121600" s="13" t="s">
        <v>569</v>
      </c>
      <c r="B121600" s="14" t="s">
        <v>1</v>
      </c>
      <c r="C121600" s="14" t="s">
        <v>565</v>
      </c>
      <c r="D121600" s="14" t="s">
        <v>18</v>
      </c>
      <c r="E121600" s="15">
        <v>45431</v>
      </c>
      <c r="F121600" s="14" t="s">
        <v>15</v>
      </c>
      <c r="G121600" s="16">
        <v>0.15554919888460761</v>
      </c>
    </row>
    <row r="121601" spans="1:7" x14ac:dyDescent="0.3">
      <c r="A121601" s="13" t="s">
        <v>569</v>
      </c>
      <c r="B121601" s="14" t="s">
        <v>1</v>
      </c>
      <c r="C121601" s="14" t="s">
        <v>565</v>
      </c>
      <c r="D121601" s="14" t="s">
        <v>18</v>
      </c>
      <c r="E121601" s="15">
        <v>45432</v>
      </c>
      <c r="F121601" s="14" t="s">
        <v>15</v>
      </c>
      <c r="G121601" s="16">
        <v>0.20390253845701303</v>
      </c>
    </row>
    <row r="121602" spans="1:7" x14ac:dyDescent="0.3">
      <c r="A121602" s="13" t="s">
        <v>569</v>
      </c>
      <c r="B121602" s="14" t="s">
        <v>1</v>
      </c>
      <c r="C121602" s="14" t="s">
        <v>565</v>
      </c>
      <c r="D121602" s="14" t="s">
        <v>18</v>
      </c>
      <c r="E121602" s="15">
        <v>45433</v>
      </c>
      <c r="F121602" s="14" t="s">
        <v>15</v>
      </c>
      <c r="G121602" s="16">
        <v>0.20703143874209246</v>
      </c>
    </row>
    <row r="121603" spans="1:7" x14ac:dyDescent="0.3">
      <c r="A121603" s="13" t="s">
        <v>569</v>
      </c>
      <c r="B121603" s="14" t="s">
        <v>1</v>
      </c>
      <c r="C121603" s="14" t="s">
        <v>565</v>
      </c>
      <c r="D121603" s="14" t="s">
        <v>18</v>
      </c>
      <c r="E121603" s="15">
        <v>45434</v>
      </c>
      <c r="F121603" s="14" t="s">
        <v>15</v>
      </c>
      <c r="G121603" s="16">
        <v>0.2052074129740265</v>
      </c>
    </row>
    <row r="121604" spans="1:7" x14ac:dyDescent="0.3">
      <c r="A121604" s="13" t="s">
        <v>569</v>
      </c>
      <c r="B121604" s="14" t="s">
        <v>1</v>
      </c>
      <c r="C121604" s="14" t="s">
        <v>565</v>
      </c>
      <c r="D121604" s="14" t="s">
        <v>18</v>
      </c>
      <c r="E121604" s="15">
        <v>45435</v>
      </c>
      <c r="F121604" s="14" t="s">
        <v>15</v>
      </c>
      <c r="G121604" s="16">
        <v>0.22081283218449818</v>
      </c>
    </row>
    <row r="121605" spans="1:7" x14ac:dyDescent="0.3">
      <c r="A121605" s="13" t="s">
        <v>569</v>
      </c>
      <c r="B121605" s="14" t="s">
        <v>1</v>
      </c>
      <c r="C121605" s="14" t="s">
        <v>565</v>
      </c>
      <c r="D121605" s="14" t="s">
        <v>18</v>
      </c>
      <c r="E121605" s="15">
        <v>45436</v>
      </c>
      <c r="F121605" s="14" t="s">
        <v>15</v>
      </c>
      <c r="G121605" s="16">
        <v>0.21901258349714067</v>
      </c>
    </row>
    <row r="121606" spans="1:7" x14ac:dyDescent="0.3">
      <c r="A121606" s="13" t="s">
        <v>569</v>
      </c>
      <c r="B121606" s="14" t="s">
        <v>1</v>
      </c>
      <c r="C121606" s="14" t="s">
        <v>565</v>
      </c>
      <c r="D121606" s="14" t="s">
        <v>18</v>
      </c>
      <c r="E121606" s="15">
        <v>45437</v>
      </c>
      <c r="F121606" s="14" t="s">
        <v>15</v>
      </c>
      <c r="G121606" s="16">
        <v>0.21901258349714067</v>
      </c>
    </row>
    <row r="121607" spans="1:7" x14ac:dyDescent="0.3">
      <c r="A121607" s="13" t="s">
        <v>569</v>
      </c>
      <c r="B121607" s="14" t="s">
        <v>1</v>
      </c>
      <c r="C121607" s="14" t="s">
        <v>565</v>
      </c>
      <c r="D121607" s="14" t="s">
        <v>18</v>
      </c>
      <c r="E121607" s="15">
        <v>45438</v>
      </c>
      <c r="F121607" s="14" t="s">
        <v>15</v>
      </c>
      <c r="G121607" s="16">
        <v>0.21901258349714067</v>
      </c>
    </row>
    <row r="121608" spans="1:7" x14ac:dyDescent="0.3">
      <c r="A121608" s="13" t="s">
        <v>569</v>
      </c>
      <c r="B121608" s="14" t="s">
        <v>1</v>
      </c>
      <c r="C121608" s="14" t="s">
        <v>565</v>
      </c>
      <c r="D121608" s="14" t="s">
        <v>18</v>
      </c>
      <c r="E121608" s="15">
        <v>45439</v>
      </c>
      <c r="F121608" s="14" t="s">
        <v>15</v>
      </c>
      <c r="G121608" s="16">
        <v>0.21660577703699002</v>
      </c>
    </row>
    <row r="121609" spans="1:7" x14ac:dyDescent="0.3">
      <c r="A121609" s="13" t="s">
        <v>569</v>
      </c>
      <c r="B121609" s="14" t="s">
        <v>1</v>
      </c>
      <c r="C121609" s="14" t="s">
        <v>565</v>
      </c>
      <c r="D121609" s="14" t="s">
        <v>18</v>
      </c>
      <c r="E121609" s="15">
        <v>45440</v>
      </c>
      <c r="F121609" s="14" t="s">
        <v>15</v>
      </c>
      <c r="G121609" s="16">
        <v>0.21430202239949647</v>
      </c>
    </row>
    <row r="121610" spans="1:7" x14ac:dyDescent="0.3">
      <c r="A121610" s="13" t="s">
        <v>569</v>
      </c>
      <c r="B121610" s="14" t="s">
        <v>1</v>
      </c>
      <c r="C121610" s="14" t="s">
        <v>565</v>
      </c>
      <c r="D121610" s="14" t="s">
        <v>18</v>
      </c>
      <c r="E121610" s="15">
        <v>45441</v>
      </c>
      <c r="F121610" s="14" t="s">
        <v>15</v>
      </c>
      <c r="G121610" s="16">
        <v>0.21067923423128163</v>
      </c>
    </row>
    <row r="121611" spans="1:7" x14ac:dyDescent="0.3">
      <c r="A121611" s="13" t="s">
        <v>569</v>
      </c>
      <c r="B121611" s="14" t="s">
        <v>1</v>
      </c>
      <c r="C121611" s="14" t="s">
        <v>565</v>
      </c>
      <c r="D121611" s="14" t="s">
        <v>18</v>
      </c>
      <c r="E121611" s="15">
        <v>45442</v>
      </c>
      <c r="F121611" s="14" t="s">
        <v>15</v>
      </c>
      <c r="G121611" s="16">
        <v>0.25193020324143184</v>
      </c>
    </row>
    <row r="121612" spans="1:7" x14ac:dyDescent="0.3">
      <c r="A121612" s="13" t="s">
        <v>569</v>
      </c>
      <c r="B121612" s="14" t="s">
        <v>1</v>
      </c>
      <c r="C121612" s="14" t="s">
        <v>565</v>
      </c>
      <c r="D121612" s="14" t="s">
        <v>18</v>
      </c>
      <c r="E121612" s="15">
        <v>45443</v>
      </c>
      <c r="F121612" s="14" t="s">
        <v>15</v>
      </c>
      <c r="G121612" s="16">
        <v>0.28633014771761989</v>
      </c>
    </row>
    <row r="121613" spans="1:7" x14ac:dyDescent="0.3">
      <c r="A121613" s="13" t="s">
        <v>569</v>
      </c>
      <c r="B121613" s="14" t="s">
        <v>1</v>
      </c>
      <c r="C121613" s="14" t="s">
        <v>565</v>
      </c>
      <c r="D121613" s="14" t="s">
        <v>18</v>
      </c>
      <c r="E121613" s="15">
        <v>45444</v>
      </c>
      <c r="F121613" s="14" t="s">
        <v>15</v>
      </c>
      <c r="G121613" s="16">
        <v>0.28633014771761989</v>
      </c>
    </row>
    <row r="121614" spans="1:7" x14ac:dyDescent="0.3">
      <c r="A121614" s="13" t="s">
        <v>569</v>
      </c>
      <c r="B121614" s="14" t="s">
        <v>1</v>
      </c>
      <c r="C121614" s="14" t="s">
        <v>565</v>
      </c>
      <c r="D121614" s="14" t="s">
        <v>18</v>
      </c>
      <c r="E121614" s="15">
        <v>45445</v>
      </c>
      <c r="F121614" s="14" t="s">
        <v>15</v>
      </c>
      <c r="G121614" s="16">
        <v>0.28633014771761989</v>
      </c>
    </row>
    <row r="121615" spans="1:7" x14ac:dyDescent="0.3">
      <c r="A121615" s="13" t="s">
        <v>569</v>
      </c>
      <c r="B121615" s="14" t="s">
        <v>1</v>
      </c>
      <c r="C121615" s="14" t="s">
        <v>565</v>
      </c>
      <c r="D121615" s="14" t="s">
        <v>18</v>
      </c>
      <c r="E121615" s="15">
        <v>45446</v>
      </c>
      <c r="F121615" s="14" t="s">
        <v>15</v>
      </c>
      <c r="G121615" s="16">
        <v>0.28633014771761989</v>
      </c>
    </row>
    <row r="121616" spans="1:7" x14ac:dyDescent="0.3">
      <c r="A121616" s="13" t="s">
        <v>569</v>
      </c>
      <c r="B121616" s="14" t="s">
        <v>1</v>
      </c>
      <c r="C121616" s="14" t="s">
        <v>565</v>
      </c>
      <c r="D121616" s="14" t="s">
        <v>18</v>
      </c>
      <c r="E121616" s="15">
        <v>45447</v>
      </c>
      <c r="F121616" s="14" t="s">
        <v>15</v>
      </c>
      <c r="G121616" s="16">
        <v>0.29869949808667784</v>
      </c>
    </row>
    <row r="121617" spans="1:7" x14ac:dyDescent="0.3">
      <c r="A121617" s="13" t="s">
        <v>569</v>
      </c>
      <c r="B121617" s="14" t="s">
        <v>1</v>
      </c>
      <c r="C121617" s="14" t="s">
        <v>565</v>
      </c>
      <c r="D121617" s="14" t="s">
        <v>18</v>
      </c>
      <c r="E121617" s="15">
        <v>45448</v>
      </c>
      <c r="F121617" s="14" t="s">
        <v>15</v>
      </c>
      <c r="G121617" s="16">
        <v>0.33657855491012467</v>
      </c>
    </row>
    <row r="121618" spans="1:7" x14ac:dyDescent="0.3">
      <c r="A121618" s="13" t="s">
        <v>569</v>
      </c>
      <c r="B121618" s="14" t="s">
        <v>1</v>
      </c>
      <c r="C121618" s="14" t="s">
        <v>565</v>
      </c>
      <c r="D121618" s="14" t="s">
        <v>18</v>
      </c>
      <c r="E121618" s="15">
        <v>45449</v>
      </c>
      <c r="F121618" s="14" t="s">
        <v>15</v>
      </c>
      <c r="G121618" s="16">
        <v>0.33482511478388233</v>
      </c>
    </row>
    <row r="121619" spans="1:7" x14ac:dyDescent="0.3">
      <c r="A121619" s="13" t="s">
        <v>569</v>
      </c>
      <c r="B121619" s="14" t="s">
        <v>1</v>
      </c>
      <c r="C121619" s="14" t="s">
        <v>565</v>
      </c>
      <c r="D121619" s="14" t="s">
        <v>18</v>
      </c>
      <c r="E121619" s="15">
        <v>45450</v>
      </c>
      <c r="F121619" s="14" t="s">
        <v>15</v>
      </c>
      <c r="G121619" s="16">
        <v>0.33304940587357468</v>
      </c>
    </row>
    <row r="121620" spans="1:7" x14ac:dyDescent="0.3">
      <c r="A121620" s="13" t="s">
        <v>569</v>
      </c>
      <c r="B121620" s="14" t="s">
        <v>1</v>
      </c>
      <c r="C121620" s="14" t="s">
        <v>565</v>
      </c>
      <c r="D121620" s="14" t="s">
        <v>18</v>
      </c>
      <c r="E121620" s="15">
        <v>45451</v>
      </c>
      <c r="F121620" s="14" t="s">
        <v>15</v>
      </c>
      <c r="G121620" s="16">
        <v>0.33304940587357468</v>
      </c>
    </row>
    <row r="121621" spans="1:7" x14ac:dyDescent="0.3">
      <c r="A121621" s="13" t="s">
        <v>569</v>
      </c>
      <c r="B121621" s="14" t="s">
        <v>1</v>
      </c>
      <c r="C121621" s="14" t="s">
        <v>565</v>
      </c>
      <c r="D121621" s="14" t="s">
        <v>18</v>
      </c>
      <c r="E121621" s="15">
        <v>45452</v>
      </c>
      <c r="F121621" s="14" t="s">
        <v>15</v>
      </c>
      <c r="G121621" s="16">
        <v>0.33304940587357468</v>
      </c>
    </row>
    <row r="121622" spans="1:7" x14ac:dyDescent="0.3">
      <c r="A121622" s="13" t="s">
        <v>569</v>
      </c>
      <c r="B121622" s="14" t="s">
        <v>1</v>
      </c>
      <c r="C121622" s="14" t="s">
        <v>565</v>
      </c>
      <c r="D121622" s="14" t="s">
        <v>18</v>
      </c>
      <c r="E121622" s="15">
        <v>45453</v>
      </c>
      <c r="F121622" s="14" t="s">
        <v>15</v>
      </c>
      <c r="G121622" s="16">
        <v>0.33304940587357468</v>
      </c>
    </row>
    <row r="121623" spans="1:7" x14ac:dyDescent="0.3">
      <c r="A121623" s="13" t="s">
        <v>569</v>
      </c>
      <c r="B121623" s="14" t="s">
        <v>1</v>
      </c>
      <c r="C121623" s="14" t="s">
        <v>565</v>
      </c>
      <c r="D121623" s="14" t="s">
        <v>18</v>
      </c>
      <c r="E121623" s="15">
        <v>45454</v>
      </c>
      <c r="F121623" s="14" t="s">
        <v>15</v>
      </c>
      <c r="G121623" s="16">
        <v>0.33441273638678415</v>
      </c>
    </row>
    <row r="121624" spans="1:7" x14ac:dyDescent="0.3">
      <c r="A121624" s="13" t="s">
        <v>569</v>
      </c>
      <c r="B121624" s="14" t="s">
        <v>1</v>
      </c>
      <c r="C121624" s="14" t="s">
        <v>565</v>
      </c>
      <c r="D121624" s="14" t="s">
        <v>18</v>
      </c>
      <c r="E121624" s="15">
        <v>45455</v>
      </c>
      <c r="F121624" s="14" t="s">
        <v>15</v>
      </c>
      <c r="G121624" s="16">
        <v>0.3305082869470376</v>
      </c>
    </row>
    <row r="121625" spans="1:7" x14ac:dyDescent="0.3">
      <c r="A121625" s="13" t="s">
        <v>569</v>
      </c>
      <c r="B121625" s="14" t="s">
        <v>1</v>
      </c>
      <c r="C121625" s="14" t="s">
        <v>565</v>
      </c>
      <c r="D121625" s="14" t="s">
        <v>18</v>
      </c>
      <c r="E121625" s="15">
        <v>45456</v>
      </c>
      <c r="F121625" s="14" t="s">
        <v>15</v>
      </c>
      <c r="G121625" s="16">
        <v>0.39577976525844061</v>
      </c>
    </row>
    <row r="121626" spans="1:7" x14ac:dyDescent="0.3">
      <c r="A121626" s="13" t="s">
        <v>569</v>
      </c>
      <c r="B121626" s="14" t="s">
        <v>1</v>
      </c>
      <c r="C121626" s="14" t="s">
        <v>565</v>
      </c>
      <c r="D121626" s="14" t="s">
        <v>18</v>
      </c>
      <c r="E121626" s="15">
        <v>45457</v>
      </c>
      <c r="F121626" s="14" t="s">
        <v>15</v>
      </c>
      <c r="G121626" s="16">
        <v>0.41747092718312168</v>
      </c>
    </row>
    <row r="121627" spans="1:7" x14ac:dyDescent="0.3">
      <c r="A121627" s="13" t="s">
        <v>569</v>
      </c>
      <c r="B121627" s="14" t="s">
        <v>1</v>
      </c>
      <c r="C121627" s="14" t="s">
        <v>565</v>
      </c>
      <c r="D121627" s="14" t="s">
        <v>18</v>
      </c>
      <c r="E121627" s="15">
        <v>45458</v>
      </c>
      <c r="F121627" s="14" t="s">
        <v>15</v>
      </c>
      <c r="G121627" s="16">
        <v>0.41747092718312168</v>
      </c>
    </row>
    <row r="121628" spans="1:7" x14ac:dyDescent="0.3">
      <c r="A121628" s="13" t="s">
        <v>569</v>
      </c>
      <c r="B121628" s="14" t="s">
        <v>1</v>
      </c>
      <c r="C121628" s="14" t="s">
        <v>565</v>
      </c>
      <c r="D121628" s="14" t="s">
        <v>18</v>
      </c>
      <c r="E121628" s="15">
        <v>45459</v>
      </c>
      <c r="F121628" s="14" t="s">
        <v>15</v>
      </c>
      <c r="G121628" s="16">
        <v>0.41747092718312168</v>
      </c>
    </row>
    <row r="121629" spans="1:7" x14ac:dyDescent="0.3">
      <c r="A121629" s="13" t="s">
        <v>569</v>
      </c>
      <c r="B121629" s="14" t="s">
        <v>1</v>
      </c>
      <c r="C121629" s="14" t="s">
        <v>565</v>
      </c>
      <c r="D121629" s="14" t="s">
        <v>18</v>
      </c>
      <c r="E121629" s="15">
        <v>45460</v>
      </c>
      <c r="F121629" s="14" t="s">
        <v>15</v>
      </c>
      <c r="G121629" s="16">
        <v>0.43592337362476935</v>
      </c>
    </row>
    <row r="121630" spans="1:7" x14ac:dyDescent="0.3">
      <c r="A121630" s="13" t="s">
        <v>569</v>
      </c>
      <c r="B121630" s="14" t="s">
        <v>1</v>
      </c>
      <c r="C121630" s="14" t="s">
        <v>565</v>
      </c>
      <c r="D121630" s="14" t="s">
        <v>18</v>
      </c>
      <c r="E121630" s="15">
        <v>45461</v>
      </c>
      <c r="F121630" s="14" t="s">
        <v>15</v>
      </c>
      <c r="G121630" s="16">
        <v>0.43052436881738254</v>
      </c>
    </row>
    <row r="121631" spans="1:7" x14ac:dyDescent="0.3">
      <c r="A121631" s="13" t="s">
        <v>569</v>
      </c>
      <c r="B121631" s="14" t="s">
        <v>1</v>
      </c>
      <c r="C121631" s="14" t="s">
        <v>565</v>
      </c>
      <c r="D121631" s="14" t="s">
        <v>18</v>
      </c>
      <c r="E121631" s="15">
        <v>45462</v>
      </c>
      <c r="F121631" s="14" t="s">
        <v>15</v>
      </c>
      <c r="G121631" s="16">
        <v>0.44989184459743331</v>
      </c>
    </row>
    <row r="121632" spans="1:7" x14ac:dyDescent="0.3">
      <c r="A121632" s="13" t="s">
        <v>569</v>
      </c>
      <c r="B121632" s="14" t="s">
        <v>1</v>
      </c>
      <c r="C121632" s="14" t="s">
        <v>565</v>
      </c>
      <c r="D121632" s="14" t="s">
        <v>18</v>
      </c>
      <c r="E121632" s="15">
        <v>45463</v>
      </c>
      <c r="F121632" s="14" t="s">
        <v>15</v>
      </c>
      <c r="G121632" s="16">
        <v>0.4480829433301779</v>
      </c>
    </row>
    <row r="121633" spans="1:7" x14ac:dyDescent="0.3">
      <c r="A121633" s="13" t="s">
        <v>569</v>
      </c>
      <c r="B121633" s="14" t="s">
        <v>1</v>
      </c>
      <c r="C121633" s="14" t="s">
        <v>565</v>
      </c>
      <c r="D121633" s="14" t="s">
        <v>18</v>
      </c>
      <c r="E121633" s="15">
        <v>45464</v>
      </c>
      <c r="F121633" s="14" t="s">
        <v>15</v>
      </c>
      <c r="G121633" s="16">
        <v>0.47312261652015736</v>
      </c>
    </row>
    <row r="121634" spans="1:7" x14ac:dyDescent="0.3">
      <c r="A121634" s="13" t="s">
        <v>569</v>
      </c>
      <c r="B121634" s="14" t="s">
        <v>1</v>
      </c>
      <c r="C121634" s="14" t="s">
        <v>565</v>
      </c>
      <c r="D121634" s="14" t="s">
        <v>18</v>
      </c>
      <c r="E121634" s="15">
        <v>45465</v>
      </c>
      <c r="F121634" s="14" t="s">
        <v>15</v>
      </c>
      <c r="G121634" s="16">
        <v>0.47312261652015736</v>
      </c>
    </row>
    <row r="121635" spans="1:7" x14ac:dyDescent="0.3">
      <c r="A121635" s="13" t="s">
        <v>569</v>
      </c>
      <c r="B121635" s="14" t="s">
        <v>1</v>
      </c>
      <c r="C121635" s="14" t="s">
        <v>565</v>
      </c>
      <c r="D121635" s="14" t="s">
        <v>18</v>
      </c>
      <c r="E121635" s="15">
        <v>45466</v>
      </c>
      <c r="F121635" s="14" t="s">
        <v>15</v>
      </c>
      <c r="G121635" s="16">
        <v>0.47312261652015736</v>
      </c>
    </row>
    <row r="121636" spans="1:7" x14ac:dyDescent="0.3">
      <c r="A121636" s="13" t="s">
        <v>569</v>
      </c>
      <c r="B121636" s="14" t="s">
        <v>1</v>
      </c>
      <c r="C121636" s="14" t="s">
        <v>565</v>
      </c>
      <c r="D121636" s="14" t="s">
        <v>18</v>
      </c>
      <c r="E121636" s="15">
        <v>45467</v>
      </c>
      <c r="F121636" s="14" t="s">
        <v>15</v>
      </c>
      <c r="G121636" s="16">
        <v>0.47440279782893696</v>
      </c>
    </row>
    <row r="121637" spans="1:7" x14ac:dyDescent="0.3">
      <c r="A121637" s="13" t="s">
        <v>569</v>
      </c>
      <c r="B121637" s="14" t="s">
        <v>1</v>
      </c>
      <c r="C121637" s="14" t="s">
        <v>565</v>
      </c>
      <c r="D121637" s="14" t="s">
        <v>18</v>
      </c>
      <c r="E121637" s="15">
        <v>45468</v>
      </c>
      <c r="F121637" s="14" t="s">
        <v>15</v>
      </c>
      <c r="G121637" s="16">
        <v>0.4689403084813773</v>
      </c>
    </row>
    <row r="121638" spans="1:7" x14ac:dyDescent="0.3">
      <c r="A121638" s="13" t="s">
        <v>569</v>
      </c>
      <c r="B121638" s="14" t="s">
        <v>1</v>
      </c>
      <c r="C121638" s="14" t="s">
        <v>565</v>
      </c>
      <c r="D121638" s="14" t="s">
        <v>18</v>
      </c>
      <c r="E121638" s="15">
        <v>45469</v>
      </c>
      <c r="F121638" s="14" t="s">
        <v>15</v>
      </c>
      <c r="G121638" s="16">
        <v>0.47344122630288921</v>
      </c>
    </row>
    <row r="121639" spans="1:7" x14ac:dyDescent="0.3">
      <c r="A121639" s="13" t="s">
        <v>569</v>
      </c>
      <c r="B121639" s="14" t="s">
        <v>1</v>
      </c>
      <c r="C121639" s="14" t="s">
        <v>565</v>
      </c>
      <c r="D121639" s="14" t="s">
        <v>18</v>
      </c>
      <c r="E121639" s="15">
        <v>45470</v>
      </c>
      <c r="F121639" s="14" t="s">
        <v>15</v>
      </c>
      <c r="G121639" s="16">
        <v>0.47926100643844149</v>
      </c>
    </row>
    <row r="121640" spans="1:7" x14ac:dyDescent="0.3">
      <c r="A121640" s="13" t="s">
        <v>569</v>
      </c>
      <c r="B121640" s="14" t="s">
        <v>1</v>
      </c>
      <c r="C121640" s="14" t="s">
        <v>565</v>
      </c>
      <c r="D121640" s="14" t="s">
        <v>18</v>
      </c>
      <c r="E121640" s="15">
        <v>45471</v>
      </c>
      <c r="F121640" s="14" t="s">
        <v>15</v>
      </c>
      <c r="G121640" s="16">
        <v>0.50060618765616294</v>
      </c>
    </row>
    <row r="121641" spans="1:7" x14ac:dyDescent="0.3">
      <c r="A121641" s="13" t="s">
        <v>569</v>
      </c>
      <c r="B121641" s="14" t="s">
        <v>1</v>
      </c>
      <c r="C121641" s="14" t="s">
        <v>565</v>
      </c>
      <c r="D121641" s="14" t="s">
        <v>18</v>
      </c>
      <c r="E121641" s="15">
        <v>45472</v>
      </c>
      <c r="F121641" s="14" t="s">
        <v>15</v>
      </c>
      <c r="G121641" s="16">
        <v>0.50060618765616294</v>
      </c>
    </row>
    <row r="121642" spans="1:7" x14ac:dyDescent="0.3">
      <c r="A121642" s="13" t="s">
        <v>569</v>
      </c>
      <c r="B121642" s="14" t="s">
        <v>1</v>
      </c>
      <c r="C121642" s="14" t="s">
        <v>565</v>
      </c>
      <c r="D121642" s="14" t="s">
        <v>18</v>
      </c>
      <c r="E121642" s="15">
        <v>45473</v>
      </c>
      <c r="F121642" s="14" t="s">
        <v>15</v>
      </c>
      <c r="G121642" s="16">
        <v>0.50060618765616294</v>
      </c>
    </row>
    <row r="121643" spans="1:7" x14ac:dyDescent="0.3">
      <c r="A121643" s="13" t="s">
        <v>569</v>
      </c>
      <c r="B121643" s="14" t="s">
        <v>1</v>
      </c>
      <c r="C121643" s="14" t="s">
        <v>565</v>
      </c>
      <c r="D121643" s="14" t="s">
        <v>18</v>
      </c>
      <c r="E121643" s="15">
        <v>45474</v>
      </c>
      <c r="F121643" s="14" t="s">
        <v>15</v>
      </c>
      <c r="G121643" s="16">
        <v>0.50060618765616294</v>
      </c>
    </row>
    <row r="121644" spans="1:7" x14ac:dyDescent="0.3">
      <c r="A121644" s="13" t="s">
        <v>569</v>
      </c>
      <c r="B121644" s="14" t="s">
        <v>1</v>
      </c>
      <c r="C121644" s="14" t="s">
        <v>565</v>
      </c>
      <c r="D121644" s="14" t="s">
        <v>18</v>
      </c>
      <c r="E121644" s="15">
        <v>45475</v>
      </c>
      <c r="F121644" s="14" t="s">
        <v>15</v>
      </c>
      <c r="G121644" s="16">
        <v>0.49878516980637505</v>
      </c>
    </row>
    <row r="121645" spans="1:7" x14ac:dyDescent="0.3">
      <c r="A121645" s="13" t="s">
        <v>569</v>
      </c>
      <c r="B121645" s="14" t="s">
        <v>1</v>
      </c>
      <c r="C121645" s="14" t="s">
        <v>565</v>
      </c>
      <c r="D121645" s="14" t="s">
        <v>18</v>
      </c>
      <c r="E121645" s="15">
        <v>45476</v>
      </c>
      <c r="F121645" s="14" t="s">
        <v>15</v>
      </c>
      <c r="G121645" s="16">
        <v>0.52395454053638779</v>
      </c>
    </row>
    <row r="121646" spans="1:7" x14ac:dyDescent="0.3">
      <c r="A121646" s="13" t="s">
        <v>569</v>
      </c>
      <c r="B121646" s="14" t="s">
        <v>1</v>
      </c>
      <c r="C121646" s="14" t="s">
        <v>565</v>
      </c>
      <c r="D121646" s="14" t="s">
        <v>18</v>
      </c>
      <c r="E121646" s="15">
        <v>45477</v>
      </c>
      <c r="F121646" s="14" t="s">
        <v>15</v>
      </c>
      <c r="G121646" s="16">
        <v>0.55627334584693777</v>
      </c>
    </row>
    <row r="121647" spans="1:7" x14ac:dyDescent="0.3">
      <c r="A121647" s="13" t="s">
        <v>569</v>
      </c>
      <c r="B121647" s="14" t="s">
        <v>1</v>
      </c>
      <c r="C121647" s="14" t="s">
        <v>565</v>
      </c>
      <c r="D121647" s="14" t="s">
        <v>18</v>
      </c>
      <c r="E121647" s="15">
        <v>45478</v>
      </c>
      <c r="F121647" s="14" t="s">
        <v>15</v>
      </c>
      <c r="G121647" s="16">
        <v>0.58860234593945138</v>
      </c>
    </row>
    <row r="121648" spans="1:7" x14ac:dyDescent="0.3">
      <c r="A121648" s="13" t="s">
        <v>569</v>
      </c>
      <c r="B121648" s="14" t="s">
        <v>1</v>
      </c>
      <c r="C121648" s="14" t="s">
        <v>565</v>
      </c>
      <c r="D121648" s="14" t="s">
        <v>18</v>
      </c>
      <c r="E121648" s="15">
        <v>45479</v>
      </c>
      <c r="F121648" s="14" t="s">
        <v>15</v>
      </c>
      <c r="G121648" s="16">
        <v>0.58860234593945138</v>
      </c>
    </row>
    <row r="121649" spans="1:7" x14ac:dyDescent="0.3">
      <c r="A121649" s="13" t="s">
        <v>569</v>
      </c>
      <c r="B121649" s="14" t="s">
        <v>1</v>
      </c>
      <c r="C121649" s="14" t="s">
        <v>565</v>
      </c>
      <c r="D121649" s="14" t="s">
        <v>18</v>
      </c>
      <c r="E121649" s="15">
        <v>45480</v>
      </c>
      <c r="F121649" s="14" t="s">
        <v>15</v>
      </c>
      <c r="G121649" s="16">
        <v>0.58860234593945138</v>
      </c>
    </row>
    <row r="121650" spans="1:7" x14ac:dyDescent="0.3">
      <c r="A121650" s="13" t="s">
        <v>569</v>
      </c>
      <c r="B121650" s="14" t="s">
        <v>1</v>
      </c>
      <c r="C121650" s="14" t="s">
        <v>565</v>
      </c>
      <c r="D121650" s="14" t="s">
        <v>18</v>
      </c>
      <c r="E121650" s="15">
        <v>45481</v>
      </c>
      <c r="F121650" s="14" t="s">
        <v>15</v>
      </c>
      <c r="G121650" s="16">
        <v>0.58675346980843934</v>
      </c>
    </row>
    <row r="121651" spans="1:7" x14ac:dyDescent="0.3">
      <c r="A121651" s="13" t="s">
        <v>569</v>
      </c>
      <c r="B121651" s="14" t="s">
        <v>1</v>
      </c>
      <c r="C121651" s="14" t="s">
        <v>565</v>
      </c>
      <c r="D121651" s="14" t="s">
        <v>18</v>
      </c>
      <c r="E121651" s="15">
        <v>45482</v>
      </c>
      <c r="F121651" s="14" t="s">
        <v>15</v>
      </c>
      <c r="G121651" s="16">
        <v>0.58119812832661866</v>
      </c>
    </row>
    <row r="121652" spans="1:7" x14ac:dyDescent="0.3">
      <c r="A121652" s="13" t="s">
        <v>569</v>
      </c>
      <c r="B121652" s="14" t="s">
        <v>1</v>
      </c>
      <c r="C121652" s="14" t="s">
        <v>565</v>
      </c>
      <c r="D121652" s="14" t="s">
        <v>18</v>
      </c>
      <c r="E121652" s="15">
        <v>45483</v>
      </c>
      <c r="F121652" s="14" t="s">
        <v>15</v>
      </c>
      <c r="G121652" s="16">
        <v>0.58684840600784438</v>
      </c>
    </row>
    <row r="121653" spans="1:7" x14ac:dyDescent="0.3">
      <c r="A121653" s="13" t="s">
        <v>569</v>
      </c>
      <c r="B121653" s="14" t="s">
        <v>1</v>
      </c>
      <c r="C121653" s="14" t="s">
        <v>565</v>
      </c>
      <c r="D121653" s="14" t="s">
        <v>18</v>
      </c>
      <c r="E121653" s="15">
        <v>45484</v>
      </c>
      <c r="F121653" s="14" t="s">
        <v>15</v>
      </c>
      <c r="G121653" s="16">
        <v>0.58828769486635613</v>
      </c>
    </row>
    <row r="121654" spans="1:7" x14ac:dyDescent="0.3">
      <c r="A121654" s="13" t="s">
        <v>569</v>
      </c>
      <c r="B121654" s="14" t="s">
        <v>1</v>
      </c>
      <c r="C121654" s="14" t="s">
        <v>565</v>
      </c>
      <c r="D121654" s="14" t="s">
        <v>18</v>
      </c>
      <c r="E121654" s="15">
        <v>45485</v>
      </c>
      <c r="F121654" s="14" t="s">
        <v>15</v>
      </c>
      <c r="G121654" s="16">
        <v>0.58641912823745279</v>
      </c>
    </row>
    <row r="121655" spans="1:7" x14ac:dyDescent="0.3">
      <c r="A121655" s="13" t="s">
        <v>569</v>
      </c>
      <c r="B121655" s="14" t="s">
        <v>1</v>
      </c>
      <c r="C121655" s="14" t="s">
        <v>565</v>
      </c>
      <c r="D121655" s="14" t="s">
        <v>18</v>
      </c>
      <c r="E121655" s="15">
        <v>45486</v>
      </c>
      <c r="F121655" s="14" t="s">
        <v>15</v>
      </c>
      <c r="G121655" s="16">
        <v>0.58641912823745279</v>
      </c>
    </row>
    <row r="121656" spans="1:7" x14ac:dyDescent="0.3">
      <c r="A121656" s="13" t="s">
        <v>569</v>
      </c>
      <c r="B121656" s="14" t="s">
        <v>1</v>
      </c>
      <c r="C121656" s="14" t="s">
        <v>565</v>
      </c>
      <c r="D121656" s="14" t="s">
        <v>18</v>
      </c>
      <c r="E121656" s="15">
        <v>45487</v>
      </c>
      <c r="F121656" s="14" t="s">
        <v>15</v>
      </c>
      <c r="G121656" s="16">
        <v>0.58641912823745279</v>
      </c>
    </row>
    <row r="121657" spans="1:7" x14ac:dyDescent="0.3">
      <c r="A121657" s="13" t="s">
        <v>569</v>
      </c>
      <c r="B121657" s="14" t="s">
        <v>1</v>
      </c>
      <c r="C121657" s="14" t="s">
        <v>565</v>
      </c>
      <c r="D121657" s="14" t="s">
        <v>18</v>
      </c>
      <c r="E121657" s="15">
        <v>45488</v>
      </c>
      <c r="F121657" s="14" t="s">
        <v>15</v>
      </c>
      <c r="G121657" s="16">
        <v>0.58587414956684758</v>
      </c>
    </row>
    <row r="121658" spans="1:7" x14ac:dyDescent="0.3">
      <c r="A121658" s="13" t="s">
        <v>569</v>
      </c>
      <c r="B121658" s="14" t="s">
        <v>1</v>
      </c>
      <c r="C121658" s="14" t="s">
        <v>565</v>
      </c>
      <c r="D121658" s="14" t="s">
        <v>18</v>
      </c>
      <c r="E121658" s="15">
        <v>45489</v>
      </c>
      <c r="F121658" s="14" t="s">
        <v>15</v>
      </c>
      <c r="G121658" s="16">
        <v>0.58021600194866707</v>
      </c>
    </row>
    <row r="121659" spans="1:7" x14ac:dyDescent="0.3">
      <c r="A121659" s="13" t="s">
        <v>569</v>
      </c>
      <c r="B121659" s="14" t="s">
        <v>1</v>
      </c>
      <c r="C121659" s="14" t="s">
        <v>565</v>
      </c>
      <c r="D121659" s="14" t="s">
        <v>18</v>
      </c>
      <c r="E121659" s="15">
        <v>45490</v>
      </c>
      <c r="F121659" s="14" t="s">
        <v>15</v>
      </c>
      <c r="G121659" s="16">
        <v>0.58835884905782143</v>
      </c>
    </row>
    <row r="121660" spans="1:7" x14ac:dyDescent="0.3">
      <c r="A121660" s="13" t="s">
        <v>569</v>
      </c>
      <c r="B121660" s="14" t="s">
        <v>1</v>
      </c>
      <c r="C121660" s="14" t="s">
        <v>565</v>
      </c>
      <c r="D121660" s="14" t="s">
        <v>18</v>
      </c>
      <c r="E121660" s="15">
        <v>45491</v>
      </c>
      <c r="F121660" s="14" t="s">
        <v>15</v>
      </c>
      <c r="G121660" s="16">
        <v>0.5864898903119532</v>
      </c>
    </row>
    <row r="121661" spans="1:7" x14ac:dyDescent="0.3">
      <c r="A121661" s="13" t="s">
        <v>569</v>
      </c>
      <c r="B121661" s="14" t="s">
        <v>1</v>
      </c>
      <c r="C121661" s="14" t="s">
        <v>565</v>
      </c>
      <c r="D121661" s="14" t="s">
        <v>18</v>
      </c>
      <c r="E121661" s="15">
        <v>45492</v>
      </c>
      <c r="F121661" s="14" t="s">
        <v>15</v>
      </c>
      <c r="G121661" s="16">
        <v>0.64285755848344484</v>
      </c>
    </row>
    <row r="121662" spans="1:7" x14ac:dyDescent="0.3">
      <c r="A121662" s="13" t="s">
        <v>569</v>
      </c>
      <c r="B121662" s="14" t="s">
        <v>1</v>
      </c>
      <c r="C121662" s="14" t="s">
        <v>565</v>
      </c>
      <c r="D121662" s="14" t="s">
        <v>18</v>
      </c>
      <c r="E121662" s="15">
        <v>45493</v>
      </c>
      <c r="F121662" s="14" t="s">
        <v>15</v>
      </c>
      <c r="G121662" s="16">
        <v>0.64285755848344484</v>
      </c>
    </row>
    <row r="121663" spans="1:7" x14ac:dyDescent="0.3">
      <c r="A121663" s="13" t="s">
        <v>569</v>
      </c>
      <c r="B121663" s="14" t="s">
        <v>1</v>
      </c>
      <c r="C121663" s="14" t="s">
        <v>565</v>
      </c>
      <c r="D121663" s="14" t="s">
        <v>18</v>
      </c>
      <c r="E121663" s="15">
        <v>45494</v>
      </c>
      <c r="F121663" s="14" t="s">
        <v>15</v>
      </c>
      <c r="G121663" s="16">
        <v>0.64285755848344484</v>
      </c>
    </row>
    <row r="121664" spans="1:7" x14ac:dyDescent="0.3">
      <c r="A121664" s="13" t="s">
        <v>569</v>
      </c>
      <c r="B121664" s="14" t="s">
        <v>1</v>
      </c>
      <c r="C121664" s="14" t="s">
        <v>565</v>
      </c>
      <c r="D121664" s="14" t="s">
        <v>18</v>
      </c>
      <c r="E121664" s="15">
        <v>45495</v>
      </c>
      <c r="F121664" s="14" t="s">
        <v>15</v>
      </c>
      <c r="G121664" s="16">
        <v>0.64100794018570961</v>
      </c>
    </row>
    <row r="121665" spans="1:7" x14ac:dyDescent="0.3">
      <c r="A121665" s="13" t="s">
        <v>569</v>
      </c>
      <c r="B121665" s="14" t="s">
        <v>1</v>
      </c>
      <c r="C121665" s="14" t="s">
        <v>565</v>
      </c>
      <c r="D121665" s="14" t="s">
        <v>18</v>
      </c>
      <c r="E121665" s="15">
        <v>45496</v>
      </c>
      <c r="F121665" s="14" t="s">
        <v>15</v>
      </c>
      <c r="G121665" s="16">
        <v>0.63553098372870864</v>
      </c>
    </row>
    <row r="121666" spans="1:7" x14ac:dyDescent="0.3">
      <c r="A121666" s="13" t="s">
        <v>569</v>
      </c>
      <c r="B121666" s="14" t="s">
        <v>1</v>
      </c>
      <c r="C121666" s="14" t="s">
        <v>565</v>
      </c>
      <c r="D121666" s="14" t="s">
        <v>18</v>
      </c>
      <c r="E121666" s="15">
        <v>45497</v>
      </c>
      <c r="F121666" s="14" t="s">
        <v>15</v>
      </c>
      <c r="G121666" s="16">
        <v>0.63772618933590974</v>
      </c>
    </row>
    <row r="121667" spans="1:7" x14ac:dyDescent="0.3">
      <c r="A121667" s="13" t="s">
        <v>569</v>
      </c>
      <c r="B121667" s="14" t="s">
        <v>1</v>
      </c>
      <c r="C121667" s="14" t="s">
        <v>565</v>
      </c>
      <c r="D121667" s="14" t="s">
        <v>18</v>
      </c>
      <c r="E121667" s="15">
        <v>45498</v>
      </c>
      <c r="F121667" s="14" t="s">
        <v>15</v>
      </c>
      <c r="G121667" s="16">
        <v>0.63603560654841862</v>
      </c>
    </row>
    <row r="121668" spans="1:7" x14ac:dyDescent="0.3">
      <c r="A121668" s="13" t="s">
        <v>569</v>
      </c>
      <c r="B121668" s="14" t="s">
        <v>1</v>
      </c>
      <c r="C121668" s="14" t="s">
        <v>565</v>
      </c>
      <c r="D121668" s="14" t="s">
        <v>18</v>
      </c>
      <c r="E121668" s="15">
        <v>45499</v>
      </c>
      <c r="F121668" s="14" t="s">
        <v>15</v>
      </c>
      <c r="G121668" s="16">
        <v>0.63422763571940644</v>
      </c>
    </row>
    <row r="121669" spans="1:7" x14ac:dyDescent="0.3">
      <c r="A121669" s="13" t="s">
        <v>569</v>
      </c>
      <c r="B121669" s="14" t="s">
        <v>1</v>
      </c>
      <c r="C121669" s="14" t="s">
        <v>565</v>
      </c>
      <c r="D121669" s="14" t="s">
        <v>18</v>
      </c>
      <c r="E121669" s="15">
        <v>45500</v>
      </c>
      <c r="F121669" s="14" t="s">
        <v>15</v>
      </c>
      <c r="G121669" s="16">
        <v>0.63422763571940644</v>
      </c>
    </row>
    <row r="121670" spans="1:7" x14ac:dyDescent="0.3">
      <c r="A121670" s="13" t="s">
        <v>569</v>
      </c>
      <c r="B121670" s="14" t="s">
        <v>1</v>
      </c>
      <c r="C121670" s="14" t="s">
        <v>565</v>
      </c>
      <c r="D121670" s="14" t="s">
        <v>18</v>
      </c>
      <c r="E121670" s="15">
        <v>45501</v>
      </c>
      <c r="F121670" s="14" t="s">
        <v>15</v>
      </c>
      <c r="G121670" s="16">
        <v>0.63422763571940644</v>
      </c>
    </row>
    <row r="121671" spans="1:7" x14ac:dyDescent="0.3">
      <c r="A121671" s="13" t="s">
        <v>569</v>
      </c>
      <c r="B121671" s="14" t="s">
        <v>1</v>
      </c>
      <c r="C121671" s="14" t="s">
        <v>565</v>
      </c>
      <c r="D121671" s="14" t="s">
        <v>18</v>
      </c>
      <c r="E121671" s="15">
        <v>45502</v>
      </c>
      <c r="F121671" s="14" t="s">
        <v>15</v>
      </c>
      <c r="G121671" s="16">
        <v>0.63243867485916416</v>
      </c>
    </row>
    <row r="121672" spans="1:7" x14ac:dyDescent="0.3">
      <c r="A121672" s="13" t="s">
        <v>569</v>
      </c>
      <c r="B121672" s="14" t="s">
        <v>1</v>
      </c>
      <c r="C121672" s="14" t="s">
        <v>565</v>
      </c>
      <c r="D121672" s="14" t="s">
        <v>18</v>
      </c>
      <c r="E121672" s="15">
        <v>45503</v>
      </c>
      <c r="F121672" s="14" t="s">
        <v>15</v>
      </c>
      <c r="G121672" s="16">
        <v>0.62904150821039806</v>
      </c>
    </row>
    <row r="121673" spans="1:7" x14ac:dyDescent="0.3">
      <c r="A121673" s="13" t="s">
        <v>569</v>
      </c>
      <c r="B121673" s="14" t="s">
        <v>1</v>
      </c>
      <c r="C121673" s="14" t="s">
        <v>565</v>
      </c>
      <c r="D121673" s="14" t="s">
        <v>18</v>
      </c>
      <c r="E121673" s="15">
        <v>45504</v>
      </c>
      <c r="F121673" s="14" t="s">
        <v>15</v>
      </c>
      <c r="G121673" s="16">
        <v>0.62935657140843604</v>
      </c>
    </row>
    <row r="121674" spans="1:7" x14ac:dyDescent="0.3">
      <c r="A121674" s="13" t="s">
        <v>569</v>
      </c>
      <c r="B121674" s="14" t="s">
        <v>1</v>
      </c>
      <c r="C121674" s="14" t="s">
        <v>565</v>
      </c>
      <c r="D121674" s="14" t="s">
        <v>18</v>
      </c>
      <c r="E121674" s="15">
        <v>45505</v>
      </c>
      <c r="F121674" s="14" t="s">
        <v>15</v>
      </c>
      <c r="G121674" s="16">
        <v>0.64281020458650284</v>
      </c>
    </row>
    <row r="121675" spans="1:7" x14ac:dyDescent="0.3">
      <c r="A121675" s="13" t="s">
        <v>569</v>
      </c>
      <c r="B121675" s="14" t="s">
        <v>1</v>
      </c>
      <c r="C121675" s="14" t="s">
        <v>565</v>
      </c>
      <c r="D121675" s="14" t="s">
        <v>18</v>
      </c>
      <c r="E121675" s="15">
        <v>45506</v>
      </c>
      <c r="F121675" s="14" t="s">
        <v>15</v>
      </c>
      <c r="G121675" s="16">
        <v>0.64100217697754847</v>
      </c>
    </row>
    <row r="121676" spans="1:7" x14ac:dyDescent="0.3">
      <c r="A121676" s="13" t="s">
        <v>569</v>
      </c>
      <c r="B121676" s="14" t="s">
        <v>1</v>
      </c>
      <c r="C121676" s="14" t="s">
        <v>565</v>
      </c>
      <c r="D121676" s="14" t="s">
        <v>18</v>
      </c>
      <c r="E121676" s="15">
        <v>45507</v>
      </c>
      <c r="F121676" s="14" t="s">
        <v>15</v>
      </c>
      <c r="G121676" s="16">
        <v>0.64100217697754847</v>
      </c>
    </row>
    <row r="121677" spans="1:7" x14ac:dyDescent="0.3">
      <c r="A121677" s="13" t="s">
        <v>569</v>
      </c>
      <c r="B121677" s="14" t="s">
        <v>1</v>
      </c>
      <c r="C121677" s="14" t="s">
        <v>565</v>
      </c>
      <c r="D121677" s="14" t="s">
        <v>18</v>
      </c>
      <c r="E121677" s="15">
        <v>45508</v>
      </c>
      <c r="F121677" s="14" t="s">
        <v>15</v>
      </c>
      <c r="G121677" s="16">
        <v>0.64100217697754847</v>
      </c>
    </row>
    <row r="121678" spans="1:7" x14ac:dyDescent="0.3">
      <c r="A121678" s="13" t="s">
        <v>569</v>
      </c>
      <c r="B121678" s="14" t="s">
        <v>1</v>
      </c>
      <c r="C121678" s="14" t="s">
        <v>565</v>
      </c>
      <c r="D121678" s="14" t="s">
        <v>18</v>
      </c>
      <c r="E121678" s="15">
        <v>45509</v>
      </c>
      <c r="F121678" s="14" t="s">
        <v>15</v>
      </c>
      <c r="G121678" s="16">
        <v>0.64100217697754847</v>
      </c>
    </row>
    <row r="121679" spans="1:7" x14ac:dyDescent="0.3">
      <c r="A121679" s="13" t="s">
        <v>569</v>
      </c>
      <c r="B121679" s="14" t="s">
        <v>1</v>
      </c>
      <c r="C121679" s="14" t="s">
        <v>565</v>
      </c>
      <c r="D121679" s="14" t="s">
        <v>18</v>
      </c>
      <c r="E121679" s="15">
        <v>45510</v>
      </c>
      <c r="F121679" s="14" t="s">
        <v>15</v>
      </c>
      <c r="G121679" s="16">
        <v>0.63918138056357687</v>
      </c>
    </row>
    <row r="121680" spans="1:7" x14ac:dyDescent="0.3">
      <c r="A121680" s="13" t="s">
        <v>569</v>
      </c>
      <c r="B121680" s="14" t="s">
        <v>1</v>
      </c>
      <c r="C121680" s="14" t="s">
        <v>565</v>
      </c>
      <c r="D121680" s="14" t="s">
        <v>18</v>
      </c>
      <c r="E121680" s="15">
        <v>45511</v>
      </c>
      <c r="F121680" s="14" t="s">
        <v>15</v>
      </c>
      <c r="G121680" s="16">
        <v>0.64175312545066565</v>
      </c>
    </row>
    <row r="121681" spans="1:7" x14ac:dyDescent="0.3">
      <c r="A121681" s="13" t="s">
        <v>569</v>
      </c>
      <c r="B121681" s="14" t="s">
        <v>1</v>
      </c>
      <c r="C121681" s="14" t="s">
        <v>565</v>
      </c>
      <c r="D121681" s="14" t="s">
        <v>18</v>
      </c>
      <c r="E121681" s="15">
        <v>45512</v>
      </c>
      <c r="F121681" s="14" t="s">
        <v>15</v>
      </c>
      <c r="G121681" s="16">
        <v>0.64003667916296836</v>
      </c>
    </row>
    <row r="121682" spans="1:7" x14ac:dyDescent="0.3">
      <c r="A121682" s="13" t="s">
        <v>569</v>
      </c>
      <c r="B121682" s="14" t="s">
        <v>1</v>
      </c>
      <c r="C121682" s="14" t="s">
        <v>565</v>
      </c>
      <c r="D121682" s="14" t="s">
        <v>18</v>
      </c>
      <c r="E121682" s="15">
        <v>45513</v>
      </c>
      <c r="F121682" s="14" t="s">
        <v>15</v>
      </c>
      <c r="G121682" s="16">
        <v>0.65688803084471636</v>
      </c>
    </row>
    <row r="121683" spans="1:7" x14ac:dyDescent="0.3">
      <c r="A121683" s="13" t="s">
        <v>569</v>
      </c>
      <c r="B121683" s="14" t="s">
        <v>1</v>
      </c>
      <c r="C121683" s="14" t="s">
        <v>565</v>
      </c>
      <c r="D121683" s="14" t="s">
        <v>18</v>
      </c>
      <c r="E121683" s="15">
        <v>45514</v>
      </c>
      <c r="F121683" s="14" t="s">
        <v>15</v>
      </c>
      <c r="G121683" s="16">
        <v>0.65688803084471636</v>
      </c>
    </row>
    <row r="121684" spans="1:7" x14ac:dyDescent="0.3">
      <c r="A121684" s="13" t="s">
        <v>569</v>
      </c>
      <c r="B121684" s="14" t="s">
        <v>1</v>
      </c>
      <c r="C121684" s="14" t="s">
        <v>565</v>
      </c>
      <c r="D121684" s="14" t="s">
        <v>18</v>
      </c>
      <c r="E121684" s="15">
        <v>45515</v>
      </c>
      <c r="F121684" s="14" t="s">
        <v>15</v>
      </c>
      <c r="G121684" s="16">
        <v>0.65688803084471636</v>
      </c>
    </row>
    <row r="121685" spans="1:7" x14ac:dyDescent="0.3">
      <c r="A121685" s="13" t="s">
        <v>569</v>
      </c>
      <c r="B121685" s="14" t="s">
        <v>1</v>
      </c>
      <c r="C121685" s="14" t="s">
        <v>565</v>
      </c>
      <c r="D121685" s="14" t="s">
        <v>18</v>
      </c>
      <c r="E121685" s="15">
        <v>45516</v>
      </c>
      <c r="F121685" s="14" t="s">
        <v>15</v>
      </c>
      <c r="G121685" s="16">
        <v>0.67157527940649187</v>
      </c>
    </row>
    <row r="121686" spans="1:7" x14ac:dyDescent="0.3">
      <c r="A121686" s="13" t="s">
        <v>569</v>
      </c>
      <c r="B121686" s="14" t="s">
        <v>1</v>
      </c>
      <c r="C121686" s="14" t="s">
        <v>565</v>
      </c>
      <c r="D121686" s="14" t="s">
        <v>18</v>
      </c>
      <c r="E121686" s="15">
        <v>45517</v>
      </c>
      <c r="F121686" s="14" t="s">
        <v>15</v>
      </c>
      <c r="G121686" s="16">
        <v>0.68076709339749653</v>
      </c>
    </row>
    <row r="121687" spans="1:7" x14ac:dyDescent="0.3">
      <c r="A121687" s="13" t="s">
        <v>569</v>
      </c>
      <c r="B121687" s="14" t="s">
        <v>1</v>
      </c>
      <c r="C121687" s="14" t="s">
        <v>565</v>
      </c>
      <c r="D121687" s="14" t="s">
        <v>18</v>
      </c>
      <c r="E121687" s="15">
        <v>45518</v>
      </c>
      <c r="F121687" s="14" t="s">
        <v>15</v>
      </c>
      <c r="G121687" s="16">
        <v>0.67898272266722204</v>
      </c>
    </row>
    <row r="121688" spans="1:7" x14ac:dyDescent="0.3">
      <c r="A121688" s="13" t="s">
        <v>569</v>
      </c>
      <c r="B121688" s="14" t="s">
        <v>1</v>
      </c>
      <c r="C121688" s="14" t="s">
        <v>565</v>
      </c>
      <c r="D121688" s="14" t="s">
        <v>18</v>
      </c>
      <c r="E121688" s="15">
        <v>45519</v>
      </c>
      <c r="F121688" s="14" t="s">
        <v>15</v>
      </c>
      <c r="G121688" s="16">
        <v>0.69178890646436531</v>
      </c>
    </row>
    <row r="121689" spans="1:7" x14ac:dyDescent="0.3">
      <c r="A121689" s="13" t="s">
        <v>569</v>
      </c>
      <c r="B121689" s="14" t="s">
        <v>1</v>
      </c>
      <c r="C121689" s="14" t="s">
        <v>565</v>
      </c>
      <c r="D121689" s="14" t="s">
        <v>18</v>
      </c>
      <c r="E121689" s="15">
        <v>45520</v>
      </c>
      <c r="F121689" s="14" t="s">
        <v>15</v>
      </c>
      <c r="G121689" s="16">
        <v>0.73532578525060854</v>
      </c>
    </row>
    <row r="121690" spans="1:7" x14ac:dyDescent="0.3">
      <c r="A121690" s="13" t="s">
        <v>569</v>
      </c>
      <c r="B121690" s="14" t="s">
        <v>1</v>
      </c>
      <c r="C121690" s="14" t="s">
        <v>565</v>
      </c>
      <c r="D121690" s="14" t="s">
        <v>18</v>
      </c>
      <c r="E121690" s="15">
        <v>45521</v>
      </c>
      <c r="F121690" s="14" t="s">
        <v>15</v>
      </c>
      <c r="G121690" s="16">
        <v>0.73532578525060854</v>
      </c>
    </row>
    <row r="121691" spans="1:7" x14ac:dyDescent="0.3">
      <c r="A121691" s="13" t="s">
        <v>569</v>
      </c>
      <c r="B121691" s="14" t="s">
        <v>1</v>
      </c>
      <c r="C121691" s="14" t="s">
        <v>565</v>
      </c>
      <c r="D121691" s="14" t="s">
        <v>18</v>
      </c>
      <c r="E121691" s="15">
        <v>45522</v>
      </c>
      <c r="F121691" s="14" t="s">
        <v>15</v>
      </c>
      <c r="G121691" s="16">
        <v>0.73532578525060854</v>
      </c>
    </row>
    <row r="121692" spans="1:7" x14ac:dyDescent="0.3">
      <c r="A121692" s="13" t="s">
        <v>569</v>
      </c>
      <c r="B121692" s="14" t="s">
        <v>1</v>
      </c>
      <c r="C121692" s="14" t="s">
        <v>565</v>
      </c>
      <c r="D121692" s="14" t="s">
        <v>18</v>
      </c>
      <c r="E121692" s="15">
        <v>45523</v>
      </c>
      <c r="F121692" s="14" t="s">
        <v>15</v>
      </c>
      <c r="G121692" s="16">
        <v>0.73899772800183827</v>
      </c>
    </row>
    <row r="121693" spans="1:7" x14ac:dyDescent="0.3">
      <c r="A121693" s="13" t="s">
        <v>569</v>
      </c>
      <c r="B121693" s="14" t="s">
        <v>1</v>
      </c>
      <c r="C121693" s="14" t="s">
        <v>565</v>
      </c>
      <c r="D121693" s="14" t="s">
        <v>18</v>
      </c>
      <c r="E121693" s="15">
        <v>45524</v>
      </c>
      <c r="F121693" s="14" t="s">
        <v>15</v>
      </c>
      <c r="G121693" s="16">
        <v>0.73892199059865948</v>
      </c>
    </row>
    <row r="121694" spans="1:7" x14ac:dyDescent="0.3">
      <c r="A121694" s="13" t="s">
        <v>569</v>
      </c>
      <c r="B121694" s="14" t="s">
        <v>1</v>
      </c>
      <c r="C121694" s="14" t="s">
        <v>565</v>
      </c>
      <c r="D121694" s="14" t="s">
        <v>18</v>
      </c>
      <c r="E121694" s="15">
        <v>45525</v>
      </c>
      <c r="F121694" s="14" t="s">
        <v>15</v>
      </c>
      <c r="G121694" s="16">
        <v>0.73708035467869737</v>
      </c>
    </row>
    <row r="121695" spans="1:7" x14ac:dyDescent="0.3">
      <c r="A121695" s="13" t="s">
        <v>569</v>
      </c>
      <c r="B121695" s="14" t="s">
        <v>1</v>
      </c>
      <c r="C121695" s="14" t="s">
        <v>565</v>
      </c>
      <c r="D121695" s="14" t="s">
        <v>18</v>
      </c>
      <c r="E121695" s="15">
        <v>45526</v>
      </c>
      <c r="F121695" s="14" t="s">
        <v>15</v>
      </c>
      <c r="G121695" s="16">
        <v>0.73413380589694388</v>
      </c>
    </row>
    <row r="121696" spans="1:7" x14ac:dyDescent="0.3">
      <c r="A121696" s="13" t="s">
        <v>569</v>
      </c>
      <c r="B121696" s="14" t="s">
        <v>1</v>
      </c>
      <c r="C121696" s="14" t="s">
        <v>565</v>
      </c>
      <c r="D121696" s="14" t="s">
        <v>18</v>
      </c>
      <c r="E121696" s="15">
        <v>45527</v>
      </c>
      <c r="F121696" s="14" t="s">
        <v>15</v>
      </c>
      <c r="G121696" s="16">
        <v>0.73224690762210898</v>
      </c>
    </row>
    <row r="121697" spans="1:7" x14ac:dyDescent="0.3">
      <c r="A121697" s="13" t="s">
        <v>569</v>
      </c>
      <c r="B121697" s="14" t="s">
        <v>1</v>
      </c>
      <c r="C121697" s="14" t="s">
        <v>565</v>
      </c>
      <c r="D121697" s="14" t="s">
        <v>18</v>
      </c>
      <c r="E121697" s="15">
        <v>45528</v>
      </c>
      <c r="F121697" s="14" t="s">
        <v>15</v>
      </c>
      <c r="G121697" s="16">
        <v>0.73224690762210898</v>
      </c>
    </row>
    <row r="121698" spans="1:7" x14ac:dyDescent="0.3">
      <c r="A121698" s="13" t="s">
        <v>569</v>
      </c>
      <c r="B121698" s="14" t="s">
        <v>1</v>
      </c>
      <c r="C121698" s="14" t="s">
        <v>565</v>
      </c>
      <c r="D121698" s="14" t="s">
        <v>18</v>
      </c>
      <c r="E121698" s="15">
        <v>45529</v>
      </c>
      <c r="F121698" s="14" t="s">
        <v>15</v>
      </c>
      <c r="G121698" s="16">
        <v>0.73224690762210898</v>
      </c>
    </row>
    <row r="121699" spans="1:7" x14ac:dyDescent="0.3">
      <c r="A121699" s="13" t="s">
        <v>569</v>
      </c>
      <c r="B121699" s="14" t="s">
        <v>1</v>
      </c>
      <c r="C121699" s="14" t="s">
        <v>565</v>
      </c>
      <c r="D121699" s="14" t="s">
        <v>18</v>
      </c>
      <c r="E121699" s="15">
        <v>45530</v>
      </c>
      <c r="F121699" s="14" t="s">
        <v>15</v>
      </c>
      <c r="G121699" s="16">
        <v>0.74012049961750137</v>
      </c>
    </row>
    <row r="121700" spans="1:7" x14ac:dyDescent="0.3">
      <c r="A121700" s="13" t="s">
        <v>569</v>
      </c>
      <c r="B121700" s="14" t="s">
        <v>1</v>
      </c>
      <c r="C121700" s="14" t="s">
        <v>565</v>
      </c>
      <c r="D121700" s="14" t="s">
        <v>18</v>
      </c>
      <c r="E121700" s="15">
        <v>45531</v>
      </c>
      <c r="F121700" s="14" t="s">
        <v>15</v>
      </c>
      <c r="G121700" s="16">
        <v>0.73296461554313497</v>
      </c>
    </row>
    <row r="121701" spans="1:7" x14ac:dyDescent="0.3">
      <c r="A121701" s="13" t="s">
        <v>569</v>
      </c>
      <c r="B121701" s="14" t="s">
        <v>1</v>
      </c>
      <c r="C121701" s="14" t="s">
        <v>565</v>
      </c>
      <c r="D121701" s="14" t="s">
        <v>18</v>
      </c>
      <c r="E121701" s="15">
        <v>45532</v>
      </c>
      <c r="F121701" s="14" t="s">
        <v>15</v>
      </c>
      <c r="G121701" s="16">
        <v>0.73162284366512176</v>
      </c>
    </row>
    <row r="121702" spans="1:7" x14ac:dyDescent="0.3">
      <c r="A121702" s="13" t="s">
        <v>569</v>
      </c>
      <c r="B121702" s="14" t="s">
        <v>1</v>
      </c>
      <c r="C121702" s="14" t="s">
        <v>565</v>
      </c>
      <c r="D121702" s="14" t="s">
        <v>18</v>
      </c>
      <c r="E121702" s="15">
        <v>45533</v>
      </c>
      <c r="F121702" s="14" t="s">
        <v>15</v>
      </c>
      <c r="G121702" s="16">
        <v>0.73187837897228347</v>
      </c>
    </row>
    <row r="121703" spans="1:7" x14ac:dyDescent="0.3">
      <c r="A121703" s="13" t="s">
        <v>569</v>
      </c>
      <c r="B121703" s="14" t="s">
        <v>1</v>
      </c>
      <c r="C121703" s="14" t="s">
        <v>565</v>
      </c>
      <c r="D121703" s="14" t="s">
        <v>18</v>
      </c>
      <c r="E121703" s="15">
        <v>45534</v>
      </c>
      <c r="F121703" s="14" t="s">
        <v>15</v>
      </c>
      <c r="G121703" s="16">
        <v>0.73405764039731336</v>
      </c>
    </row>
    <row r="121704" spans="1:7" x14ac:dyDescent="0.3">
      <c r="A121704" s="13" t="s">
        <v>569</v>
      </c>
      <c r="B121704" s="14" t="s">
        <v>1</v>
      </c>
      <c r="C121704" s="14" t="s">
        <v>565</v>
      </c>
      <c r="D121704" s="14" t="s">
        <v>18</v>
      </c>
      <c r="E121704" s="15">
        <v>45535</v>
      </c>
      <c r="F121704" s="14" t="s">
        <v>15</v>
      </c>
      <c r="G121704" s="16">
        <v>0.73405764039731336</v>
      </c>
    </row>
    <row r="121705" spans="1:7" x14ac:dyDescent="0.3">
      <c r="A121705" s="13" t="s">
        <v>569</v>
      </c>
      <c r="B121705" s="14" t="s">
        <v>1</v>
      </c>
      <c r="C121705" s="14" t="s">
        <v>565</v>
      </c>
      <c r="D121705" s="14" t="s">
        <v>18</v>
      </c>
      <c r="E121705" s="15">
        <v>45536</v>
      </c>
      <c r="F121705" s="14" t="s">
        <v>15</v>
      </c>
      <c r="G121705" s="16">
        <v>0.73405764039731336</v>
      </c>
    </row>
    <row r="121706" spans="1:7" x14ac:dyDescent="0.3">
      <c r="A121706" s="13" t="s">
        <v>569</v>
      </c>
      <c r="B121706" s="14" t="s">
        <v>1</v>
      </c>
      <c r="C121706" s="14" t="s">
        <v>565</v>
      </c>
      <c r="D121706" s="14" t="s">
        <v>18</v>
      </c>
      <c r="E121706" s="15">
        <v>45537</v>
      </c>
      <c r="F121706" s="14" t="s">
        <v>15</v>
      </c>
      <c r="G121706" s="16">
        <v>0.73223528901785107</v>
      </c>
    </row>
    <row r="121707" spans="1:7" x14ac:dyDescent="0.3">
      <c r="A121707" s="13" t="s">
        <v>569</v>
      </c>
      <c r="B121707" s="14" t="s">
        <v>1</v>
      </c>
      <c r="C121707" s="14" t="s">
        <v>565</v>
      </c>
      <c r="D121707" s="14" t="s">
        <v>18</v>
      </c>
      <c r="E121707" s="15">
        <v>45538</v>
      </c>
      <c r="F121707" s="14" t="s">
        <v>15</v>
      </c>
      <c r="G121707" s="16">
        <v>0.72672716998367626</v>
      </c>
    </row>
    <row r="121708" spans="1:7" x14ac:dyDescent="0.3">
      <c r="A121708" s="13" t="s">
        <v>569</v>
      </c>
      <c r="B121708" s="14" t="s">
        <v>1</v>
      </c>
      <c r="C121708" s="14" t="s">
        <v>565</v>
      </c>
      <c r="D121708" s="14" t="s">
        <v>18</v>
      </c>
      <c r="E121708" s="15">
        <v>45539</v>
      </c>
      <c r="F121708" s="14" t="s">
        <v>15</v>
      </c>
      <c r="G121708" s="16">
        <v>0.72489892160634839</v>
      </c>
    </row>
    <row r="121709" spans="1:7" x14ac:dyDescent="0.3">
      <c r="A121709" s="13" t="s">
        <v>569</v>
      </c>
      <c r="B121709" s="14" t="s">
        <v>1</v>
      </c>
      <c r="C121709" s="14" t="s">
        <v>565</v>
      </c>
      <c r="D121709" s="14" t="s">
        <v>18</v>
      </c>
      <c r="E121709" s="15">
        <v>45540</v>
      </c>
      <c r="F121709" s="14" t="s">
        <v>15</v>
      </c>
      <c r="G121709" s="16">
        <v>0.7230742435168942</v>
      </c>
    </row>
    <row r="121710" spans="1:7" x14ac:dyDescent="0.3">
      <c r="A121710" s="13" t="s">
        <v>569</v>
      </c>
      <c r="B121710" s="14" t="s">
        <v>1</v>
      </c>
      <c r="C121710" s="14" t="s">
        <v>565</v>
      </c>
      <c r="D121710" s="14" t="s">
        <v>18</v>
      </c>
      <c r="E121710" s="15">
        <v>45541</v>
      </c>
      <c r="F121710" s="14" t="s">
        <v>15</v>
      </c>
      <c r="G121710" s="16">
        <v>0.73700505962526397</v>
      </c>
    </row>
    <row r="121711" spans="1:7" x14ac:dyDescent="0.3">
      <c r="A121711" s="13" t="s">
        <v>569</v>
      </c>
      <c r="B121711" s="14" t="s">
        <v>1</v>
      </c>
      <c r="C121711" s="14" t="s">
        <v>565</v>
      </c>
      <c r="D121711" s="14" t="s">
        <v>18</v>
      </c>
      <c r="E121711" s="15">
        <v>45542</v>
      </c>
      <c r="F121711" s="14" t="s">
        <v>15</v>
      </c>
      <c r="G121711" s="16">
        <v>0.73700505962526397</v>
      </c>
    </row>
    <row r="121712" spans="1:7" x14ac:dyDescent="0.3">
      <c r="A121712" s="13" t="s">
        <v>569</v>
      </c>
      <c r="B121712" s="14" t="s">
        <v>1</v>
      </c>
      <c r="C121712" s="14" t="s">
        <v>565</v>
      </c>
      <c r="D121712" s="14" t="s">
        <v>18</v>
      </c>
      <c r="E121712" s="15">
        <v>45543</v>
      </c>
      <c r="F121712" s="14" t="s">
        <v>15</v>
      </c>
      <c r="G121712" s="16">
        <v>0.73700505962526397</v>
      </c>
    </row>
    <row r="121713" spans="1:7" x14ac:dyDescent="0.3">
      <c r="A121713" s="13" t="s">
        <v>569</v>
      </c>
      <c r="B121713" s="14" t="s">
        <v>1</v>
      </c>
      <c r="C121713" s="14" t="s">
        <v>565</v>
      </c>
      <c r="D121713" s="14" t="s">
        <v>18</v>
      </c>
      <c r="E121713" s="15">
        <v>45544</v>
      </c>
      <c r="F121713" s="14" t="s">
        <v>15</v>
      </c>
      <c r="G121713" s="16">
        <v>0.75081243789715379</v>
      </c>
    </row>
    <row r="121714" spans="1:7" x14ac:dyDescent="0.3">
      <c r="A121714" s="13" t="s">
        <v>569</v>
      </c>
      <c r="B121714" s="14" t="s">
        <v>1</v>
      </c>
      <c r="C121714" s="14" t="s">
        <v>565</v>
      </c>
      <c r="D121714" s="14" t="s">
        <v>18</v>
      </c>
      <c r="E121714" s="15">
        <v>45545</v>
      </c>
      <c r="F121714" s="14" t="s">
        <v>15</v>
      </c>
      <c r="G121714" s="16">
        <v>0.79011574719902833</v>
      </c>
    </row>
    <row r="121715" spans="1:7" x14ac:dyDescent="0.3">
      <c r="A121715" s="13" t="s">
        <v>569</v>
      </c>
      <c r="B121715" s="14" t="s">
        <v>1</v>
      </c>
      <c r="C121715" s="14" t="s">
        <v>565</v>
      </c>
      <c r="D121715" s="14" t="s">
        <v>18</v>
      </c>
      <c r="E121715" s="15">
        <v>45546</v>
      </c>
      <c r="F121715" s="14" t="s">
        <v>15</v>
      </c>
      <c r="G121715" s="16">
        <v>0.78833298169663157</v>
      </c>
    </row>
    <row r="121716" spans="1:7" x14ac:dyDescent="0.3">
      <c r="A121716" s="13" t="s">
        <v>569</v>
      </c>
      <c r="B121716" s="14" t="s">
        <v>1</v>
      </c>
      <c r="C121716" s="14" t="s">
        <v>565</v>
      </c>
      <c r="D121716" s="14" t="s">
        <v>18</v>
      </c>
      <c r="E121716" s="15">
        <v>45547</v>
      </c>
      <c r="F121716" s="14" t="s">
        <v>15</v>
      </c>
      <c r="G121716" s="16">
        <v>0.79456163706576632</v>
      </c>
    </row>
    <row r="121717" spans="1:7" x14ac:dyDescent="0.3">
      <c r="A121717" s="13" t="s">
        <v>569</v>
      </c>
      <c r="B121717" s="14" t="s">
        <v>1</v>
      </c>
      <c r="C121717" s="14" t="s">
        <v>565</v>
      </c>
      <c r="D121717" s="14" t="s">
        <v>18</v>
      </c>
      <c r="E121717" s="15">
        <v>45548</v>
      </c>
      <c r="F121717" s="14" t="s">
        <v>15</v>
      </c>
      <c r="G121717" s="16">
        <v>0.81911402317397053</v>
      </c>
    </row>
    <row r="121718" spans="1:7" x14ac:dyDescent="0.3">
      <c r="A121718" s="13" t="s">
        <v>569</v>
      </c>
      <c r="B121718" s="14" t="s">
        <v>1</v>
      </c>
      <c r="C121718" s="14" t="s">
        <v>565</v>
      </c>
      <c r="D121718" s="14" t="s">
        <v>18</v>
      </c>
      <c r="E121718" s="15">
        <v>45549</v>
      </c>
      <c r="F121718" s="14" t="s">
        <v>15</v>
      </c>
      <c r="G121718" s="16">
        <v>0.81911402317397053</v>
      </c>
    </row>
    <row r="121719" spans="1:7" x14ac:dyDescent="0.3">
      <c r="A121719" s="13" t="s">
        <v>569</v>
      </c>
      <c r="B121719" s="14" t="s">
        <v>1</v>
      </c>
      <c r="C121719" s="14" t="s">
        <v>565</v>
      </c>
      <c r="D121719" s="14" t="s">
        <v>18</v>
      </c>
      <c r="E121719" s="15">
        <v>45550</v>
      </c>
      <c r="F121719" s="14" t="s">
        <v>15</v>
      </c>
      <c r="G121719" s="16">
        <v>0.81911402317397053</v>
      </c>
    </row>
    <row r="121720" spans="1:7" x14ac:dyDescent="0.3">
      <c r="A121720" s="13" t="s">
        <v>569</v>
      </c>
      <c r="B121720" s="14" t="s">
        <v>1</v>
      </c>
      <c r="C121720" s="14" t="s">
        <v>565</v>
      </c>
      <c r="D121720" s="14" t="s">
        <v>18</v>
      </c>
      <c r="E121720" s="15">
        <v>45551</v>
      </c>
      <c r="F121720" s="14" t="s">
        <v>15</v>
      </c>
      <c r="G121720" s="16">
        <v>0.81911402317397053</v>
      </c>
    </row>
    <row r="121721" spans="1:7" x14ac:dyDescent="0.3">
      <c r="A121721" s="13" t="s">
        <v>569</v>
      </c>
      <c r="B121721" s="14" t="s">
        <v>1</v>
      </c>
      <c r="C121721" s="14" t="s">
        <v>565</v>
      </c>
      <c r="D121721" s="14" t="s">
        <v>18</v>
      </c>
      <c r="E121721" s="15">
        <v>45552</v>
      </c>
      <c r="F121721" s="14" t="s">
        <v>15</v>
      </c>
      <c r="G121721" s="16">
        <v>0.81911402317397053</v>
      </c>
    </row>
    <row r="121722" spans="1:7" x14ac:dyDescent="0.3">
      <c r="A121722" s="13" t="s">
        <v>569</v>
      </c>
      <c r="B121722" s="14" t="s">
        <v>1</v>
      </c>
      <c r="C121722" s="14" t="s">
        <v>565</v>
      </c>
      <c r="D121722" s="14" t="s">
        <v>18</v>
      </c>
      <c r="E121722" s="15">
        <v>45553</v>
      </c>
      <c r="F121722" s="14" t="s">
        <v>15</v>
      </c>
      <c r="G121722" s="16">
        <v>0.81911402317397053</v>
      </c>
    </row>
    <row r="121723" spans="1:7" x14ac:dyDescent="0.3">
      <c r="A121723" s="13" t="s">
        <v>569</v>
      </c>
      <c r="B121723" s="14" t="s">
        <v>1</v>
      </c>
      <c r="C121723" s="14" t="s">
        <v>565</v>
      </c>
      <c r="D121723" s="14" t="s">
        <v>18</v>
      </c>
      <c r="E121723" s="15">
        <v>45554</v>
      </c>
      <c r="F121723" s="14" t="s">
        <v>15</v>
      </c>
      <c r="G121723" s="16">
        <v>0.85710559125260355</v>
      </c>
    </row>
    <row r="121724" spans="1:7" x14ac:dyDescent="0.3">
      <c r="A121724" s="13" t="s">
        <v>569</v>
      </c>
      <c r="B121724" s="14" t="s">
        <v>1</v>
      </c>
      <c r="C121724" s="14" t="s">
        <v>565</v>
      </c>
      <c r="D121724" s="14" t="s">
        <v>18</v>
      </c>
      <c r="E121724" s="15">
        <v>45555</v>
      </c>
      <c r="F121724" s="14" t="s">
        <v>15</v>
      </c>
      <c r="G121724" s="16">
        <v>0.85702968153450265</v>
      </c>
    </row>
    <row r="121725" spans="1:7" x14ac:dyDescent="0.3">
      <c r="A121725" s="13" t="s">
        <v>569</v>
      </c>
      <c r="B121725" s="14" t="s">
        <v>1</v>
      </c>
      <c r="C121725" s="14" t="s">
        <v>565</v>
      </c>
      <c r="D121725" s="14" t="s">
        <v>18</v>
      </c>
      <c r="E121725" s="15">
        <v>45556</v>
      </c>
      <c r="F121725" s="14" t="s">
        <v>15</v>
      </c>
      <c r="G121725" s="16">
        <v>0.85702968153450265</v>
      </c>
    </row>
    <row r="121726" spans="1:7" x14ac:dyDescent="0.3">
      <c r="A121726" s="13" t="s">
        <v>569</v>
      </c>
      <c r="B121726" s="14" t="s">
        <v>1</v>
      </c>
      <c r="C121726" s="14" t="s">
        <v>565</v>
      </c>
      <c r="D121726" s="14" t="s">
        <v>18</v>
      </c>
      <c r="E121726" s="15">
        <v>45557</v>
      </c>
      <c r="F121726" s="14" t="s">
        <v>15</v>
      </c>
      <c r="G121726" s="16">
        <v>0.85702968153450265</v>
      </c>
    </row>
    <row r="121727" spans="1:7" x14ac:dyDescent="0.3">
      <c r="A121727" s="13" t="s">
        <v>569</v>
      </c>
      <c r="B121727" s="14" t="s">
        <v>1</v>
      </c>
      <c r="C121727" s="14" t="s">
        <v>565</v>
      </c>
      <c r="D121727" s="14" t="s">
        <v>18</v>
      </c>
      <c r="E121727" s="15">
        <v>45558</v>
      </c>
      <c r="F121727" s="14" t="s">
        <v>15</v>
      </c>
      <c r="G121727" s="16">
        <v>0.85518412722445136</v>
      </c>
    </row>
    <row r="121728" spans="1:7" x14ac:dyDescent="0.3">
      <c r="A121728" s="13" t="s">
        <v>569</v>
      </c>
      <c r="B121728" s="14" t="s">
        <v>1</v>
      </c>
      <c r="C121728" s="14" t="s">
        <v>565</v>
      </c>
      <c r="D121728" s="14" t="s">
        <v>18</v>
      </c>
      <c r="E121728" s="15">
        <v>45559</v>
      </c>
      <c r="F121728" s="14" t="s">
        <v>15</v>
      </c>
      <c r="G121728" s="16">
        <v>0.84959099074059374</v>
      </c>
    </row>
    <row r="121729" spans="1:7" x14ac:dyDescent="0.3">
      <c r="A121729" s="13" t="s">
        <v>569</v>
      </c>
      <c r="B121729" s="14" t="s">
        <v>1</v>
      </c>
      <c r="C121729" s="14" t="s">
        <v>565</v>
      </c>
      <c r="D121729" s="14" t="s">
        <v>18</v>
      </c>
      <c r="E121729" s="15">
        <v>45560</v>
      </c>
      <c r="F121729" s="14" t="s">
        <v>15</v>
      </c>
      <c r="G121729" s="16">
        <v>0.84766664630696786</v>
      </c>
    </row>
    <row r="121730" spans="1:7" x14ac:dyDescent="0.3">
      <c r="A121730" s="13" t="s">
        <v>569</v>
      </c>
      <c r="B121730" s="14" t="s">
        <v>1</v>
      </c>
      <c r="C121730" s="14" t="s">
        <v>565</v>
      </c>
      <c r="D121730" s="14" t="s">
        <v>18</v>
      </c>
      <c r="E121730" s="15">
        <v>45561</v>
      </c>
      <c r="F121730" s="14" t="s">
        <v>15</v>
      </c>
      <c r="G121730" s="16">
        <v>0.84577463602824932</v>
      </c>
    </row>
    <row r="121731" spans="1:7" x14ac:dyDescent="0.3">
      <c r="A121731" s="13" t="s">
        <v>569</v>
      </c>
      <c r="B121731" s="14" t="s">
        <v>1</v>
      </c>
      <c r="C121731" s="14" t="s">
        <v>565</v>
      </c>
      <c r="D121731" s="14" t="s">
        <v>18</v>
      </c>
      <c r="E121731" s="15">
        <v>45562</v>
      </c>
      <c r="F121731" s="14" t="s">
        <v>15</v>
      </c>
      <c r="G121731" s="16">
        <v>0.84428721237789361</v>
      </c>
    </row>
    <row r="121732" spans="1:7" x14ac:dyDescent="0.3">
      <c r="A121732" s="13" t="s">
        <v>569</v>
      </c>
      <c r="B121732" s="14" t="s">
        <v>1</v>
      </c>
      <c r="C121732" s="14" t="s">
        <v>565</v>
      </c>
      <c r="D121732" s="14" t="s">
        <v>18</v>
      </c>
      <c r="E121732" s="15">
        <v>45563</v>
      </c>
      <c r="F121732" s="14" t="s">
        <v>15</v>
      </c>
      <c r="G121732" s="16">
        <v>0.84428721237789361</v>
      </c>
    </row>
    <row r="121733" spans="1:7" x14ac:dyDescent="0.3">
      <c r="A121733" s="13" t="s">
        <v>569</v>
      </c>
      <c r="B121733" s="14" t="s">
        <v>1</v>
      </c>
      <c r="C121733" s="14" t="s">
        <v>565</v>
      </c>
      <c r="D121733" s="14" t="s">
        <v>18</v>
      </c>
      <c r="E121733" s="15">
        <v>45564</v>
      </c>
      <c r="F121733" s="14" t="s">
        <v>15</v>
      </c>
      <c r="G121733" s="16">
        <v>0.84428721237789361</v>
      </c>
    </row>
    <row r="121734" spans="1:7" x14ac:dyDescent="0.3">
      <c r="A121734" s="13" t="s">
        <v>569</v>
      </c>
      <c r="B121734" s="14" t="s">
        <v>1</v>
      </c>
      <c r="C121734" s="14" t="s">
        <v>565</v>
      </c>
      <c r="D121734" s="14" t="s">
        <v>18</v>
      </c>
      <c r="E121734" s="15">
        <v>45565</v>
      </c>
      <c r="F121734" s="14" t="s">
        <v>15</v>
      </c>
      <c r="G121734" s="16">
        <v>0.86384444030130614</v>
      </c>
    </row>
    <row r="121735" spans="1:7" x14ac:dyDescent="0.3">
      <c r="A121735" s="13" t="s">
        <v>569</v>
      </c>
      <c r="B121735" s="14" t="s">
        <v>1</v>
      </c>
      <c r="C121735" s="14" t="s">
        <v>565</v>
      </c>
      <c r="D121735" s="14" t="s">
        <v>18</v>
      </c>
      <c r="E121735" s="15">
        <v>45566</v>
      </c>
      <c r="F121735" s="14" t="s">
        <v>15</v>
      </c>
      <c r="G121735" s="16">
        <v>0.86384444030130614</v>
      </c>
    </row>
    <row r="121736" spans="1:7" x14ac:dyDescent="0.3">
      <c r="A121736" s="13" t="s">
        <v>569</v>
      </c>
      <c r="B121736" s="14" t="s">
        <v>1</v>
      </c>
      <c r="C121736" s="14" t="s">
        <v>565</v>
      </c>
      <c r="D121736" s="14" t="s">
        <v>18</v>
      </c>
      <c r="E121736" s="15">
        <v>45567</v>
      </c>
      <c r="F121736" s="14" t="s">
        <v>15</v>
      </c>
      <c r="G121736" s="16">
        <v>0.86384444030130614</v>
      </c>
    </row>
    <row r="121737" spans="1:7" x14ac:dyDescent="0.3">
      <c r="A121737" s="13" t="s">
        <v>569</v>
      </c>
      <c r="B121737" s="14" t="s">
        <v>1</v>
      </c>
      <c r="C121737" s="14" t="s">
        <v>565</v>
      </c>
      <c r="D121737" s="14" t="s">
        <v>18</v>
      </c>
      <c r="E121737" s="15">
        <v>45568</v>
      </c>
      <c r="F121737" s="14" t="s">
        <v>15</v>
      </c>
      <c r="G121737" s="16">
        <v>0.86384444030130614</v>
      </c>
    </row>
    <row r="121738" spans="1:7" x14ac:dyDescent="0.3">
      <c r="A121738" s="13" t="s">
        <v>569</v>
      </c>
      <c r="B121738" s="14" t="s">
        <v>1</v>
      </c>
      <c r="C121738" s="14" t="s">
        <v>565</v>
      </c>
      <c r="D121738" s="14" t="s">
        <v>18</v>
      </c>
      <c r="E121738" s="15">
        <v>45569</v>
      </c>
      <c r="F121738" s="14" t="s">
        <v>15</v>
      </c>
      <c r="G121738" s="16">
        <v>0.86384444030130614</v>
      </c>
    </row>
    <row r="121739" spans="1:7" x14ac:dyDescent="0.3">
      <c r="A121739" s="13" t="s">
        <v>569</v>
      </c>
      <c r="B121739" s="14" t="s">
        <v>1</v>
      </c>
      <c r="C121739" s="14" t="s">
        <v>565</v>
      </c>
      <c r="D121739" s="14" t="s">
        <v>18</v>
      </c>
      <c r="E121739" s="15">
        <v>45570</v>
      </c>
      <c r="F121739" s="14" t="s">
        <v>15</v>
      </c>
      <c r="G121739" s="16">
        <v>0.86384444030130614</v>
      </c>
    </row>
    <row r="121740" spans="1:7" x14ac:dyDescent="0.3">
      <c r="A121740" s="13" t="s">
        <v>569</v>
      </c>
      <c r="B121740" s="14" t="s">
        <v>1</v>
      </c>
      <c r="C121740" s="14" t="s">
        <v>565</v>
      </c>
      <c r="D121740" s="14" t="s">
        <v>18</v>
      </c>
      <c r="E121740" s="15">
        <v>45571</v>
      </c>
      <c r="F121740" s="14" t="s">
        <v>15</v>
      </c>
      <c r="G121740" s="16">
        <v>0.86384444030130614</v>
      </c>
    </row>
    <row r="121741" spans="1:7" x14ac:dyDescent="0.3">
      <c r="A121741" s="13" t="s">
        <v>569</v>
      </c>
      <c r="B121741" s="14" t="s">
        <v>1</v>
      </c>
      <c r="C121741" s="14" t="s">
        <v>565</v>
      </c>
      <c r="D121741" s="14" t="s">
        <v>18</v>
      </c>
      <c r="E121741" s="15">
        <v>45572</v>
      </c>
      <c r="F121741" s="14" t="s">
        <v>15</v>
      </c>
      <c r="G121741" s="16">
        <v>0.86384444030130614</v>
      </c>
    </row>
    <row r="121742" spans="1:7" x14ac:dyDescent="0.3">
      <c r="A121742" s="13" t="s">
        <v>569</v>
      </c>
      <c r="B121742" s="14" t="s">
        <v>1</v>
      </c>
      <c r="C121742" s="14" t="s">
        <v>565</v>
      </c>
      <c r="D121742" s="14" t="s">
        <v>18</v>
      </c>
      <c r="E121742" s="15">
        <v>45573</v>
      </c>
      <c r="F121742" s="14" t="s">
        <v>15</v>
      </c>
      <c r="G121742" s="16">
        <v>0.85794219877177469</v>
      </c>
    </row>
    <row r="121743" spans="1:7" x14ac:dyDescent="0.3">
      <c r="A121743" s="13" t="s">
        <v>569</v>
      </c>
      <c r="B121743" s="14" t="s">
        <v>1</v>
      </c>
      <c r="C121743" s="14" t="s">
        <v>565</v>
      </c>
      <c r="D121743" s="14" t="s">
        <v>18</v>
      </c>
      <c r="E121743" s="15">
        <v>45574</v>
      </c>
      <c r="F121743" s="14" t="s">
        <v>15</v>
      </c>
      <c r="G121743" s="16">
        <v>0.85395172670198016</v>
      </c>
    </row>
    <row r="121744" spans="1:7" x14ac:dyDescent="0.3">
      <c r="A121744" s="13" t="s">
        <v>569</v>
      </c>
      <c r="B121744" s="14" t="s">
        <v>1</v>
      </c>
      <c r="C121744" s="14" t="s">
        <v>565</v>
      </c>
      <c r="D121744" s="14" t="s">
        <v>18</v>
      </c>
      <c r="E121744" s="15">
        <v>45575</v>
      </c>
      <c r="F121744" s="14" t="s">
        <v>15</v>
      </c>
      <c r="G121744" s="16">
        <v>0.85200563784928063</v>
      </c>
    </row>
    <row r="121745" spans="1:7" x14ac:dyDescent="0.3">
      <c r="A121745" s="13" t="s">
        <v>569</v>
      </c>
      <c r="B121745" s="14" t="s">
        <v>1</v>
      </c>
      <c r="C121745" s="14" t="s">
        <v>565</v>
      </c>
      <c r="D121745" s="14" t="s">
        <v>18</v>
      </c>
      <c r="E121745" s="15">
        <v>45576</v>
      </c>
      <c r="F121745" s="14" t="s">
        <v>15</v>
      </c>
      <c r="G121745" s="16">
        <v>0.85200563784928063</v>
      </c>
    </row>
    <row r="121746" spans="1:7" x14ac:dyDescent="0.3">
      <c r="A121746" s="13" t="s">
        <v>569</v>
      </c>
      <c r="B121746" s="14" t="s">
        <v>1</v>
      </c>
      <c r="C121746" s="14" t="s">
        <v>565</v>
      </c>
      <c r="D121746" s="14" t="s">
        <v>18</v>
      </c>
      <c r="E121746" s="15">
        <v>45577</v>
      </c>
      <c r="F121746" s="14" t="s">
        <v>15</v>
      </c>
      <c r="G121746" s="16">
        <v>0.85200563784928063</v>
      </c>
    </row>
    <row r="121747" spans="1:7" x14ac:dyDescent="0.3">
      <c r="A121747" s="13" t="s">
        <v>569</v>
      </c>
      <c r="B121747" s="14" t="s">
        <v>1</v>
      </c>
      <c r="C121747" s="14" t="s">
        <v>565</v>
      </c>
      <c r="D121747" s="14" t="s">
        <v>18</v>
      </c>
      <c r="E121747" s="15">
        <v>45578</v>
      </c>
      <c r="F121747" s="14" t="s">
        <v>15</v>
      </c>
      <c r="G121747" s="16">
        <v>0.85200563784928063</v>
      </c>
    </row>
    <row r="121748" spans="1:7" x14ac:dyDescent="0.3">
      <c r="A121748" s="13" t="s">
        <v>569</v>
      </c>
      <c r="B121748" s="14" t="s">
        <v>1</v>
      </c>
      <c r="C121748" s="14" t="s">
        <v>565</v>
      </c>
      <c r="D121748" s="14" t="s">
        <v>18</v>
      </c>
      <c r="E121748" s="15">
        <v>45579</v>
      </c>
      <c r="F121748" s="14" t="s">
        <v>15</v>
      </c>
      <c r="G121748" s="16">
        <v>0.85007498131720549</v>
      </c>
    </row>
    <row r="121749" spans="1:7" x14ac:dyDescent="0.3">
      <c r="A121749" s="13" t="s">
        <v>569</v>
      </c>
      <c r="B121749" s="14" t="s">
        <v>1</v>
      </c>
      <c r="C121749" s="14" t="s">
        <v>565</v>
      </c>
      <c r="D121749" s="14" t="s">
        <v>18</v>
      </c>
      <c r="E121749" s="15">
        <v>45580</v>
      </c>
      <c r="F121749" s="14" t="s">
        <v>15</v>
      </c>
      <c r="G121749" s="16">
        <v>0.84263773348511395</v>
      </c>
    </row>
    <row r="121750" spans="1:7" x14ac:dyDescent="0.3">
      <c r="A121750" s="13" t="s">
        <v>569</v>
      </c>
      <c r="B121750" s="14" t="s">
        <v>1</v>
      </c>
      <c r="C121750" s="14" t="s">
        <v>565</v>
      </c>
      <c r="D121750" s="14" t="s">
        <v>18</v>
      </c>
      <c r="E121750" s="15">
        <v>45581</v>
      </c>
      <c r="F121750" s="14" t="s">
        <v>15</v>
      </c>
      <c r="G121750" s="16">
        <v>0.84781880131986287</v>
      </c>
    </row>
    <row r="121751" spans="1:7" x14ac:dyDescent="0.3">
      <c r="A121751" s="13" t="s">
        <v>569</v>
      </c>
      <c r="B121751" s="14" t="s">
        <v>1</v>
      </c>
      <c r="C121751" s="14" t="s">
        <v>565</v>
      </c>
      <c r="D121751" s="14" t="s">
        <v>18</v>
      </c>
      <c r="E121751" s="15">
        <v>45582</v>
      </c>
      <c r="F121751" s="14" t="s">
        <v>15</v>
      </c>
      <c r="G121751" s="16">
        <v>0.84589113893281231</v>
      </c>
    </row>
    <row r="121752" spans="1:7" x14ac:dyDescent="0.3">
      <c r="A121752" s="13" t="s">
        <v>569</v>
      </c>
      <c r="B121752" s="14" t="s">
        <v>1</v>
      </c>
      <c r="C121752" s="14" t="s">
        <v>565</v>
      </c>
      <c r="D121752" s="14" t="s">
        <v>18</v>
      </c>
      <c r="E121752" s="15">
        <v>45583</v>
      </c>
      <c r="F121752" s="14" t="s">
        <v>15</v>
      </c>
      <c r="G121752" s="16">
        <v>0.84398119667205274</v>
      </c>
    </row>
    <row r="121753" spans="1:7" x14ac:dyDescent="0.3">
      <c r="A121753" s="13" t="s">
        <v>569</v>
      </c>
      <c r="B121753" s="14" t="s">
        <v>1</v>
      </c>
      <c r="C121753" s="14" t="s">
        <v>565</v>
      </c>
      <c r="D121753" s="14" t="s">
        <v>18</v>
      </c>
      <c r="E121753" s="15">
        <v>45584</v>
      </c>
      <c r="F121753" s="14" t="s">
        <v>15</v>
      </c>
      <c r="G121753" s="16">
        <v>0.84398119667205274</v>
      </c>
    </row>
    <row r="121754" spans="1:7" x14ac:dyDescent="0.3">
      <c r="A121754" s="13" t="s">
        <v>569</v>
      </c>
      <c r="B121754" s="14" t="s">
        <v>1</v>
      </c>
      <c r="C121754" s="14" t="s">
        <v>565</v>
      </c>
      <c r="D121754" s="14" t="s">
        <v>18</v>
      </c>
      <c r="E121754" s="15">
        <v>45585</v>
      </c>
      <c r="F121754" s="14" t="s">
        <v>15</v>
      </c>
      <c r="G121754" s="16">
        <v>0.84398119667205274</v>
      </c>
    </row>
    <row r="121755" spans="1:7" x14ac:dyDescent="0.3">
      <c r="A121755" s="13" t="s">
        <v>569</v>
      </c>
      <c r="B121755" s="14" t="s">
        <v>1</v>
      </c>
      <c r="C121755" s="14" t="s">
        <v>565</v>
      </c>
      <c r="D121755" s="14" t="s">
        <v>18</v>
      </c>
      <c r="E121755" s="15">
        <v>45586</v>
      </c>
      <c r="F121755" s="14" t="s">
        <v>15</v>
      </c>
      <c r="G121755" s="16">
        <v>0.84926735213098192</v>
      </c>
    </row>
    <row r="121756" spans="1:7" x14ac:dyDescent="0.3">
      <c r="A121756" s="13" t="s">
        <v>569</v>
      </c>
      <c r="B121756" s="14" t="s">
        <v>1</v>
      </c>
      <c r="C121756" s="14" t="s">
        <v>565</v>
      </c>
      <c r="D121756" s="14" t="s">
        <v>18</v>
      </c>
      <c r="E121756" s="15">
        <v>45587</v>
      </c>
      <c r="F121756" s="14" t="s">
        <v>15</v>
      </c>
      <c r="G121756" s="16">
        <v>0.84349376409639132</v>
      </c>
    </row>
    <row r="121757" spans="1:7" x14ac:dyDescent="0.3">
      <c r="A121757" s="13" t="s">
        <v>569</v>
      </c>
      <c r="B121757" s="14" t="s">
        <v>1</v>
      </c>
      <c r="C121757" s="14" t="s">
        <v>565</v>
      </c>
      <c r="D121757" s="14" t="s">
        <v>18</v>
      </c>
      <c r="E121757" s="15">
        <v>45588</v>
      </c>
      <c r="F121757" s="14" t="s">
        <v>15</v>
      </c>
      <c r="G121757" s="16">
        <v>0.84157548620691469</v>
      </c>
    </row>
    <row r="121758" spans="1:7" x14ac:dyDescent="0.3">
      <c r="A121758" s="13" t="s">
        <v>569</v>
      </c>
      <c r="B121758" s="14" t="s">
        <v>1</v>
      </c>
      <c r="C121758" s="14" t="s">
        <v>565</v>
      </c>
      <c r="D121758" s="14" t="s">
        <v>18</v>
      </c>
      <c r="E121758" s="15">
        <v>45589</v>
      </c>
      <c r="F121758" s="14" t="s">
        <v>15</v>
      </c>
      <c r="G121758" s="16">
        <v>0.83967175838471453</v>
      </c>
    </row>
    <row r="121759" spans="1:7" x14ac:dyDescent="0.3">
      <c r="A121759" s="13" t="s">
        <v>569</v>
      </c>
      <c r="B121759" s="14" t="s">
        <v>1</v>
      </c>
      <c r="C121759" s="14" t="s">
        <v>565</v>
      </c>
      <c r="D121759" s="14" t="s">
        <v>18</v>
      </c>
      <c r="E121759" s="15">
        <v>45590</v>
      </c>
      <c r="F121759" s="14" t="s">
        <v>15</v>
      </c>
      <c r="G121759" s="16">
        <v>0.83976823682004564</v>
      </c>
    </row>
    <row r="121760" spans="1:7" x14ac:dyDescent="0.3">
      <c r="A121760" s="13" t="s">
        <v>569</v>
      </c>
      <c r="B121760" s="14" t="s">
        <v>1</v>
      </c>
      <c r="C121760" s="14" t="s">
        <v>565</v>
      </c>
      <c r="D121760" s="14" t="s">
        <v>18</v>
      </c>
      <c r="E121760" s="15">
        <v>45591</v>
      </c>
      <c r="F121760" s="14" t="s">
        <v>15</v>
      </c>
      <c r="G121760" s="16">
        <v>0.83976823682004564</v>
      </c>
    </row>
    <row r="121761" spans="1:7" x14ac:dyDescent="0.3">
      <c r="A121761" s="13" t="s">
        <v>569</v>
      </c>
      <c r="B121761" s="14" t="s">
        <v>1</v>
      </c>
      <c r="C121761" s="14" t="s">
        <v>565</v>
      </c>
      <c r="D121761" s="14" t="s">
        <v>18</v>
      </c>
      <c r="E121761" s="15">
        <v>45592</v>
      </c>
      <c r="F121761" s="14" t="s">
        <v>15</v>
      </c>
      <c r="G121761" s="16">
        <v>0.83976823682004564</v>
      </c>
    </row>
    <row r="121762" spans="1:7" x14ac:dyDescent="0.3">
      <c r="A121762" s="13" t="s">
        <v>569</v>
      </c>
      <c r="B121762" s="14" t="s">
        <v>1</v>
      </c>
      <c r="C121762" s="14" t="s">
        <v>565</v>
      </c>
      <c r="D121762" s="14" t="s">
        <v>18</v>
      </c>
      <c r="E121762" s="15">
        <v>45593</v>
      </c>
      <c r="F121762" s="14" t="s">
        <v>15</v>
      </c>
      <c r="G121762" s="16">
        <v>0.83976823682004564</v>
      </c>
    </row>
    <row r="121763" spans="1:7" x14ac:dyDescent="0.3">
      <c r="A121763" s="13" t="s">
        <v>569</v>
      </c>
      <c r="B121763" s="14" t="s">
        <v>1</v>
      </c>
      <c r="C121763" s="14" t="s">
        <v>565</v>
      </c>
      <c r="D121763" s="14" t="s">
        <v>18</v>
      </c>
      <c r="E121763" s="15">
        <v>45594</v>
      </c>
      <c r="F121763" s="14" t="s">
        <v>15</v>
      </c>
      <c r="G121763" s="16">
        <v>0.83818277169433375</v>
      </c>
    </row>
    <row r="121764" spans="1:7" x14ac:dyDescent="0.3">
      <c r="A121764" s="13" t="s">
        <v>569</v>
      </c>
      <c r="B121764" s="14" t="s">
        <v>1</v>
      </c>
      <c r="C121764" s="14" t="s">
        <v>565</v>
      </c>
      <c r="D121764" s="14" t="s">
        <v>18</v>
      </c>
      <c r="E121764" s="15">
        <v>45595</v>
      </c>
      <c r="F121764" s="14" t="s">
        <v>15</v>
      </c>
      <c r="G121764" s="16">
        <v>0.85615096081600894</v>
      </c>
    </row>
    <row r="121765" spans="1:7" x14ac:dyDescent="0.3">
      <c r="A121765" s="13" t="s">
        <v>569</v>
      </c>
      <c r="B121765" s="14" t="s">
        <v>1</v>
      </c>
      <c r="C121765" s="14" t="s">
        <v>565</v>
      </c>
      <c r="D121765" s="14" t="s">
        <v>18</v>
      </c>
      <c r="E121765" s="15">
        <v>45596</v>
      </c>
      <c r="F121765" s="14" t="s">
        <v>15</v>
      </c>
      <c r="G121765" s="16">
        <v>0.87497949749355663</v>
      </c>
    </row>
    <row r="121766" spans="1:7" x14ac:dyDescent="0.3">
      <c r="A121766" s="13" t="s">
        <v>569</v>
      </c>
      <c r="B121766" s="14" t="s">
        <v>1</v>
      </c>
      <c r="C121766" s="14" t="s">
        <v>565</v>
      </c>
      <c r="D121766" s="14" t="s">
        <v>18</v>
      </c>
      <c r="E121766" s="15">
        <v>45597</v>
      </c>
      <c r="F121766" s="14" t="s">
        <v>15</v>
      </c>
      <c r="G121766" s="16">
        <v>0.87310283785571785</v>
      </c>
    </row>
    <row r="121767" spans="1:7" x14ac:dyDescent="0.3">
      <c r="A121767" s="13" t="s">
        <v>569</v>
      </c>
      <c r="B121767" s="14" t="s">
        <v>1</v>
      </c>
      <c r="C121767" s="14" t="s">
        <v>565</v>
      </c>
      <c r="D121767" s="14" t="s">
        <v>18</v>
      </c>
      <c r="E121767" s="15">
        <v>45598</v>
      </c>
      <c r="F121767" s="14" t="s">
        <v>15</v>
      </c>
      <c r="G121767" s="16">
        <v>0.87310283785571785</v>
      </c>
    </row>
    <row r="121768" spans="1:7" x14ac:dyDescent="0.3">
      <c r="A121768" s="13" t="s">
        <v>569</v>
      </c>
      <c r="B121768" s="14" t="s">
        <v>1</v>
      </c>
      <c r="C121768" s="14" t="s">
        <v>565</v>
      </c>
      <c r="D121768" s="14" t="s">
        <v>18</v>
      </c>
      <c r="E121768" s="15">
        <v>45599</v>
      </c>
      <c r="F121768" s="14" t="s">
        <v>15</v>
      </c>
      <c r="G121768" s="16">
        <v>0.87310283785571785</v>
      </c>
    </row>
    <row r="121769" spans="1:7" x14ac:dyDescent="0.3">
      <c r="A121769" s="13" t="s">
        <v>569</v>
      </c>
      <c r="B121769" s="14" t="s">
        <v>1</v>
      </c>
      <c r="C121769" s="14" t="s">
        <v>565</v>
      </c>
      <c r="D121769" s="14" t="s">
        <v>18</v>
      </c>
      <c r="E121769" s="15">
        <v>45600</v>
      </c>
      <c r="F121769" s="14" t="s">
        <v>15</v>
      </c>
      <c r="G121769" s="16">
        <v>0.87123973713220526</v>
      </c>
    </row>
    <row r="121770" spans="1:7" x14ac:dyDescent="0.3">
      <c r="A121770" s="13" t="s">
        <v>569</v>
      </c>
      <c r="B121770" s="14" t="s">
        <v>1</v>
      </c>
      <c r="C121770" s="14" t="s">
        <v>565</v>
      </c>
      <c r="D121770" s="14" t="s">
        <v>18</v>
      </c>
      <c r="E121770" s="15">
        <v>45601</v>
      </c>
      <c r="F121770" s="14" t="s">
        <v>15</v>
      </c>
      <c r="G121770" s="16">
        <v>0.86565043496166738</v>
      </c>
    </row>
    <row r="121771" spans="1:7" x14ac:dyDescent="0.3">
      <c r="A121771" s="13" t="s">
        <v>569</v>
      </c>
      <c r="B121771" s="14" t="s">
        <v>1</v>
      </c>
      <c r="C121771" s="14" t="s">
        <v>565</v>
      </c>
      <c r="D121771" s="14" t="s">
        <v>18</v>
      </c>
      <c r="E121771" s="15">
        <v>45602</v>
      </c>
      <c r="F121771" s="14" t="s">
        <v>15</v>
      </c>
      <c r="G121771" s="16">
        <v>0.86377769157661155</v>
      </c>
    </row>
    <row r="121772" spans="1:7" x14ac:dyDescent="0.3">
      <c r="A121772" s="13" t="s">
        <v>569</v>
      </c>
      <c r="B121772" s="14" t="s">
        <v>1</v>
      </c>
      <c r="C121772" s="14" t="s">
        <v>565</v>
      </c>
      <c r="D121772" s="14" t="s">
        <v>18</v>
      </c>
      <c r="E121772" s="15">
        <v>45603</v>
      </c>
      <c r="F121772" s="14" t="s">
        <v>15</v>
      </c>
      <c r="G121772" s="16">
        <v>0.87031521366026965</v>
      </c>
    </row>
    <row r="121773" spans="1:7" x14ac:dyDescent="0.3">
      <c r="A121773" s="13" t="s">
        <v>569</v>
      </c>
      <c r="B121773" s="14" t="s">
        <v>1</v>
      </c>
      <c r="C121773" s="14" t="s">
        <v>565</v>
      </c>
      <c r="D121773" s="14" t="s">
        <v>18</v>
      </c>
      <c r="E121773" s="15">
        <v>45604</v>
      </c>
      <c r="F121773" s="14" t="s">
        <v>15</v>
      </c>
      <c r="G121773" s="16">
        <v>0.87419126874555098</v>
      </c>
    </row>
    <row r="121774" spans="1:7" x14ac:dyDescent="0.3">
      <c r="A121774" s="13" t="s">
        <v>569</v>
      </c>
      <c r="B121774" s="14" t="s">
        <v>1</v>
      </c>
      <c r="C121774" s="14" t="s">
        <v>565</v>
      </c>
      <c r="D121774" s="14" t="s">
        <v>18</v>
      </c>
      <c r="E121774" s="15">
        <v>45605</v>
      </c>
      <c r="F121774" s="14" t="s">
        <v>15</v>
      </c>
      <c r="G121774" s="16">
        <v>0.87419126874555098</v>
      </c>
    </row>
    <row r="121775" spans="1:7" x14ac:dyDescent="0.3">
      <c r="A121775" s="13" t="s">
        <v>569</v>
      </c>
      <c r="B121775" s="14" t="s">
        <v>1</v>
      </c>
      <c r="C121775" s="14" t="s">
        <v>565</v>
      </c>
      <c r="D121775" s="14" t="s">
        <v>18</v>
      </c>
      <c r="E121775" s="15">
        <v>45606</v>
      </c>
      <c r="F121775" s="14" t="s">
        <v>15</v>
      </c>
      <c r="G121775" s="16">
        <v>0.87419126874555098</v>
      </c>
    </row>
    <row r="121776" spans="1:7" x14ac:dyDescent="0.3">
      <c r="A121776" s="13" t="s">
        <v>569</v>
      </c>
      <c r="B121776" s="14" t="s">
        <v>1</v>
      </c>
      <c r="C121776" s="14" t="s">
        <v>565</v>
      </c>
      <c r="D121776" s="14" t="s">
        <v>18</v>
      </c>
      <c r="E121776" s="15">
        <v>45607</v>
      </c>
      <c r="F121776" s="14" t="s">
        <v>15</v>
      </c>
      <c r="G121776" s="16">
        <v>0.87230900806516354</v>
      </c>
    </row>
    <row r="121777" spans="1:7" x14ac:dyDescent="0.3">
      <c r="A121777" s="13" t="s">
        <v>569</v>
      </c>
      <c r="B121777" s="14" t="s">
        <v>1</v>
      </c>
      <c r="C121777" s="14" t="s">
        <v>565</v>
      </c>
      <c r="D121777" s="14" t="s">
        <v>18</v>
      </c>
      <c r="E121777" s="15">
        <v>45608</v>
      </c>
      <c r="F121777" s="14" t="s">
        <v>15</v>
      </c>
      <c r="G121777" s="16">
        <v>0.86652990329744839</v>
      </c>
    </row>
    <row r="121778" spans="1:7" x14ac:dyDescent="0.3">
      <c r="A121778" s="13" t="s">
        <v>569</v>
      </c>
      <c r="B121778" s="14" t="s">
        <v>1</v>
      </c>
      <c r="C121778" s="14" t="s">
        <v>565</v>
      </c>
      <c r="D121778" s="14" t="s">
        <v>18</v>
      </c>
      <c r="E121778" s="15">
        <v>45609</v>
      </c>
      <c r="F121778" s="14" t="s">
        <v>15</v>
      </c>
      <c r="G121778" s="16">
        <v>0.87927196271735353</v>
      </c>
    </row>
    <row r="121779" spans="1:7" x14ac:dyDescent="0.3">
      <c r="A121779" s="13" t="s">
        <v>569</v>
      </c>
      <c r="B121779" s="14" t="s">
        <v>1</v>
      </c>
      <c r="C121779" s="14" t="s">
        <v>565</v>
      </c>
      <c r="D121779" s="14" t="s">
        <v>18</v>
      </c>
      <c r="E121779" s="15">
        <v>45610</v>
      </c>
      <c r="F121779" s="14" t="s">
        <v>15</v>
      </c>
      <c r="G121779" s="16">
        <v>0.87698856907816736</v>
      </c>
    </row>
    <row r="121780" spans="1:7" x14ac:dyDescent="0.3">
      <c r="A121780" s="13" t="s">
        <v>569</v>
      </c>
      <c r="B121780" s="14" t="s">
        <v>1</v>
      </c>
      <c r="C121780" s="14" t="s">
        <v>565</v>
      </c>
      <c r="D121780" s="14" t="s">
        <v>18</v>
      </c>
      <c r="E121780" s="15">
        <v>45611</v>
      </c>
      <c r="F121780" s="14" t="s">
        <v>15</v>
      </c>
      <c r="G121780" s="16">
        <v>0.91786248791269331</v>
      </c>
    </row>
    <row r="121781" spans="1:7" x14ac:dyDescent="0.3">
      <c r="A121781" s="13" t="s">
        <v>569</v>
      </c>
      <c r="B121781" s="14" t="s">
        <v>1</v>
      </c>
      <c r="C121781" s="14" t="s">
        <v>565</v>
      </c>
      <c r="D121781" s="14" t="s">
        <v>18</v>
      </c>
      <c r="E121781" s="15">
        <v>45612</v>
      </c>
      <c r="F121781" s="14" t="s">
        <v>15</v>
      </c>
      <c r="G121781" s="16">
        <v>0.91786248791269331</v>
      </c>
    </row>
    <row r="121782" spans="1:7" x14ac:dyDescent="0.3">
      <c r="A121782" s="13" t="s">
        <v>569</v>
      </c>
      <c r="B121782" s="14" t="s">
        <v>1</v>
      </c>
      <c r="C121782" s="14" t="s">
        <v>565</v>
      </c>
      <c r="D121782" s="14" t="s">
        <v>18</v>
      </c>
      <c r="E121782" s="15">
        <v>45613</v>
      </c>
      <c r="F121782" s="14" t="s">
        <v>15</v>
      </c>
      <c r="G121782" s="16">
        <v>0.91786248791269331</v>
      </c>
    </row>
    <row r="121783" spans="1:7" x14ac:dyDescent="0.3">
      <c r="A121783" s="13" t="s">
        <v>569</v>
      </c>
      <c r="B121783" s="14" t="s">
        <v>1</v>
      </c>
      <c r="C121783" s="14" t="s">
        <v>565</v>
      </c>
      <c r="D121783" s="14" t="s">
        <v>18</v>
      </c>
      <c r="E121783" s="15">
        <v>45614</v>
      </c>
      <c r="F121783" s="14" t="s">
        <v>15</v>
      </c>
      <c r="G121783" s="16">
        <v>0.91750890319543599</v>
      </c>
    </row>
    <row r="121784" spans="1:7" x14ac:dyDescent="0.3">
      <c r="A121784" s="13" t="s">
        <v>569</v>
      </c>
      <c r="B121784" s="14" t="s">
        <v>1</v>
      </c>
      <c r="C121784" s="14" t="s">
        <v>565</v>
      </c>
      <c r="D121784" s="14" t="s">
        <v>18</v>
      </c>
      <c r="E121784" s="15">
        <v>45615</v>
      </c>
      <c r="F121784" s="14" t="s">
        <v>15</v>
      </c>
      <c r="G121784" s="16">
        <v>0.91210542986194776</v>
      </c>
    </row>
    <row r="121785" spans="1:7" x14ac:dyDescent="0.3">
      <c r="A121785" s="13" t="s">
        <v>569</v>
      </c>
      <c r="B121785" s="14" t="s">
        <v>1</v>
      </c>
      <c r="C121785" s="14" t="s">
        <v>565</v>
      </c>
      <c r="D121785" s="14" t="s">
        <v>18</v>
      </c>
      <c r="E121785" s="15">
        <v>45616</v>
      </c>
      <c r="F121785" s="14" t="s">
        <v>15</v>
      </c>
      <c r="G121785" s="16">
        <v>0.91095350494866401</v>
      </c>
    </row>
    <row r="121786" spans="1:7" x14ac:dyDescent="0.3">
      <c r="A121786" s="13" t="s">
        <v>569</v>
      </c>
      <c r="B121786" s="14" t="s">
        <v>1</v>
      </c>
      <c r="C121786" s="14" t="s">
        <v>565</v>
      </c>
      <c r="D121786" s="14" t="s">
        <v>18</v>
      </c>
      <c r="E121786" s="15">
        <v>45617</v>
      </c>
      <c r="F121786" s="14" t="s">
        <v>15</v>
      </c>
      <c r="G121786" s="16">
        <v>0.93969286401849672</v>
      </c>
    </row>
    <row r="121787" spans="1:7" x14ac:dyDescent="0.3">
      <c r="A121787" s="13" t="s">
        <v>569</v>
      </c>
      <c r="B121787" s="14" t="s">
        <v>1</v>
      </c>
      <c r="C121787" s="14" t="s">
        <v>565</v>
      </c>
      <c r="D121787" s="14" t="s">
        <v>18</v>
      </c>
      <c r="E121787" s="15">
        <v>45618</v>
      </c>
      <c r="F121787" s="14" t="s">
        <v>15</v>
      </c>
      <c r="G121787" s="16">
        <v>0.95176790605323813</v>
      </c>
    </row>
    <row r="121788" spans="1:7" x14ac:dyDescent="0.3">
      <c r="A121788" s="13" t="s">
        <v>569</v>
      </c>
      <c r="B121788" s="14" t="s">
        <v>1</v>
      </c>
      <c r="C121788" s="14" t="s">
        <v>565</v>
      </c>
      <c r="D121788" s="14" t="s">
        <v>18</v>
      </c>
      <c r="E121788" s="15">
        <v>45619</v>
      </c>
      <c r="F121788" s="14" t="s">
        <v>15</v>
      </c>
      <c r="G121788" s="16">
        <v>0.95176790605323813</v>
      </c>
    </row>
    <row r="121789" spans="1:7" x14ac:dyDescent="0.3">
      <c r="A121789" s="13" t="s">
        <v>569</v>
      </c>
      <c r="B121789" s="14" t="s">
        <v>1</v>
      </c>
      <c r="C121789" s="14" t="s">
        <v>565</v>
      </c>
      <c r="D121789" s="14" t="s">
        <v>18</v>
      </c>
      <c r="E121789" s="15">
        <v>45620</v>
      </c>
      <c r="F121789" s="14" t="s">
        <v>15</v>
      </c>
      <c r="G121789" s="16">
        <v>0.95176790605323813</v>
      </c>
    </row>
    <row r="121790" spans="1:7" x14ac:dyDescent="0.3">
      <c r="A121790" s="13" t="s">
        <v>569</v>
      </c>
      <c r="B121790" s="14" t="s">
        <v>1</v>
      </c>
      <c r="C121790" s="14" t="s">
        <v>565</v>
      </c>
      <c r="D121790" s="14" t="s">
        <v>18</v>
      </c>
      <c r="E121790" s="15">
        <v>45621</v>
      </c>
      <c r="F121790" s="14" t="s">
        <v>15</v>
      </c>
      <c r="G121790" s="16">
        <v>0.94983432765071796</v>
      </c>
    </row>
    <row r="121791" spans="1:7" x14ac:dyDescent="0.3">
      <c r="A121791" s="13" t="s">
        <v>569</v>
      </c>
      <c r="B121791" s="14" t="s">
        <v>1</v>
      </c>
      <c r="C121791" s="14" t="s">
        <v>565</v>
      </c>
      <c r="D121791" s="14" t="s">
        <v>18</v>
      </c>
      <c r="E121791" s="15">
        <v>45622</v>
      </c>
      <c r="F121791" s="14" t="s">
        <v>15</v>
      </c>
      <c r="G121791" s="16">
        <v>0.94527982165429381</v>
      </c>
    </row>
    <row r="121792" spans="1:7" x14ac:dyDescent="0.3">
      <c r="A121792" s="13" t="s">
        <v>569</v>
      </c>
      <c r="B121792" s="14" t="s">
        <v>1</v>
      </c>
      <c r="C121792" s="14" t="s">
        <v>565</v>
      </c>
      <c r="D121792" s="14" t="s">
        <v>18</v>
      </c>
      <c r="E121792" s="15">
        <v>45623</v>
      </c>
      <c r="F121792" s="14" t="s">
        <v>15</v>
      </c>
      <c r="G121792" s="16">
        <v>0.94207409084880966</v>
      </c>
    </row>
    <row r="121793" spans="1:7" x14ac:dyDescent="0.3">
      <c r="A121793" s="13" t="s">
        <v>569</v>
      </c>
      <c r="B121793" s="14" t="s">
        <v>1</v>
      </c>
      <c r="C121793" s="14" t="s">
        <v>565</v>
      </c>
      <c r="D121793" s="14" t="s">
        <v>18</v>
      </c>
      <c r="E121793" s="15">
        <v>45624</v>
      </c>
      <c r="F121793" s="14" t="s">
        <v>15</v>
      </c>
      <c r="G121793" s="16">
        <v>0.94285426455596533</v>
      </c>
    </row>
    <row r="121794" spans="1:7" x14ac:dyDescent="0.3">
      <c r="A121794" s="13" t="s">
        <v>569</v>
      </c>
      <c r="B121794" s="14" t="s">
        <v>1</v>
      </c>
      <c r="C121794" s="14" t="s">
        <v>565</v>
      </c>
      <c r="D121794" s="14" t="s">
        <v>18</v>
      </c>
      <c r="E121794" s="15">
        <v>45625</v>
      </c>
      <c r="F121794" s="14" t="s">
        <v>15</v>
      </c>
      <c r="G121794" s="16">
        <v>0.94104031013428069</v>
      </c>
    </row>
    <row r="121795" spans="1:7" x14ac:dyDescent="0.3">
      <c r="A121795" s="13" t="s">
        <v>569</v>
      </c>
      <c r="B121795" s="14" t="s">
        <v>1</v>
      </c>
      <c r="C121795" s="14" t="s">
        <v>565</v>
      </c>
      <c r="D121795" s="14" t="s">
        <v>18</v>
      </c>
      <c r="E121795" s="15">
        <v>45626</v>
      </c>
      <c r="F121795" s="14" t="s">
        <v>15</v>
      </c>
      <c r="G121795" s="16">
        <v>0.94104031013428069</v>
      </c>
    </row>
    <row r="121796" spans="1:7" x14ac:dyDescent="0.3">
      <c r="A121796" s="13" t="s">
        <v>569</v>
      </c>
      <c r="B121796" s="14" t="s">
        <v>1</v>
      </c>
      <c r="C121796" s="14" t="s">
        <v>565</v>
      </c>
      <c r="D121796" s="14" t="s">
        <v>18</v>
      </c>
      <c r="E121796" s="15">
        <v>45627</v>
      </c>
      <c r="F121796" s="14" t="s">
        <v>15</v>
      </c>
      <c r="G121796" s="16">
        <v>0.94104031013428069</v>
      </c>
    </row>
    <row r="121797" spans="1:7" x14ac:dyDescent="0.3">
      <c r="A121797" s="13" t="s">
        <v>569</v>
      </c>
      <c r="B121797" s="14" t="s">
        <v>1</v>
      </c>
      <c r="C121797" s="14" t="s">
        <v>565</v>
      </c>
      <c r="D121797" s="14" t="s">
        <v>18</v>
      </c>
      <c r="E121797" s="15">
        <v>45628</v>
      </c>
      <c r="F121797" s="14" t="s">
        <v>15</v>
      </c>
      <c r="G121797" s="16">
        <v>0.93948125463538246</v>
      </c>
    </row>
    <row r="121798" spans="1:7" x14ac:dyDescent="0.3">
      <c r="A121798" s="13" t="s">
        <v>569</v>
      </c>
      <c r="B121798" s="14" t="s">
        <v>1</v>
      </c>
      <c r="C121798" s="14" t="s">
        <v>565</v>
      </c>
      <c r="D121798" s="14" t="s">
        <v>18</v>
      </c>
      <c r="E121798" s="15">
        <v>45629</v>
      </c>
      <c r="F121798" s="14" t="s">
        <v>15</v>
      </c>
      <c r="G121798" s="16">
        <v>0.93405811299867592</v>
      </c>
    </row>
    <row r="121799" spans="1:7" x14ac:dyDescent="0.3">
      <c r="A121799" s="13" t="s">
        <v>569</v>
      </c>
      <c r="B121799" s="14" t="s">
        <v>1</v>
      </c>
      <c r="C121799" s="14" t="s">
        <v>565</v>
      </c>
      <c r="D121799" s="14" t="s">
        <v>18</v>
      </c>
      <c r="E121799" s="15">
        <v>45630</v>
      </c>
      <c r="F121799" s="14" t="s">
        <v>15</v>
      </c>
      <c r="G121799" s="16">
        <v>0.9325993058415345</v>
      </c>
    </row>
    <row r="121800" spans="1:7" x14ac:dyDescent="0.3">
      <c r="A121800" s="13" t="s">
        <v>569</v>
      </c>
      <c r="B121800" s="14" t="s">
        <v>1</v>
      </c>
      <c r="C121800" s="14" t="s">
        <v>565</v>
      </c>
      <c r="D121800" s="14" t="s">
        <v>18</v>
      </c>
      <c r="E121800" s="15">
        <v>45631</v>
      </c>
      <c r="F121800" s="14" t="s">
        <v>15</v>
      </c>
      <c r="G121800" s="16">
        <v>0.93076323411055639</v>
      </c>
    </row>
    <row r="121801" spans="1:7" x14ac:dyDescent="0.3">
      <c r="A121801" s="13" t="s">
        <v>569</v>
      </c>
      <c r="B121801" s="14" t="s">
        <v>1</v>
      </c>
      <c r="C121801" s="14" t="s">
        <v>565</v>
      </c>
      <c r="D121801" s="14" t="s">
        <v>18</v>
      </c>
      <c r="E121801" s="15">
        <v>45632</v>
      </c>
      <c r="F121801" s="14" t="s">
        <v>15</v>
      </c>
      <c r="G121801" s="16">
        <v>0.92892373845568632</v>
      </c>
    </row>
    <row r="121802" spans="1:7" x14ac:dyDescent="0.3">
      <c r="A121802" s="13" t="s">
        <v>569</v>
      </c>
      <c r="B121802" s="14" t="s">
        <v>1</v>
      </c>
      <c r="C121802" s="14" t="s">
        <v>565</v>
      </c>
      <c r="D121802" s="14" t="s">
        <v>18</v>
      </c>
      <c r="E121802" s="15">
        <v>45633</v>
      </c>
      <c r="F121802" s="14" t="s">
        <v>15</v>
      </c>
      <c r="G121802" s="16">
        <v>0.92892373845568632</v>
      </c>
    </row>
    <row r="121803" spans="1:7" x14ac:dyDescent="0.3">
      <c r="A121803" s="13" t="s">
        <v>569</v>
      </c>
      <c r="B121803" s="14" t="s">
        <v>1</v>
      </c>
      <c r="C121803" s="14" t="s">
        <v>565</v>
      </c>
      <c r="D121803" s="14" t="s">
        <v>18</v>
      </c>
      <c r="E121803" s="15">
        <v>45634</v>
      </c>
      <c r="F121803" s="14" t="s">
        <v>15</v>
      </c>
      <c r="G121803" s="16">
        <v>0.92892373845568632</v>
      </c>
    </row>
    <row r="121804" spans="1:7" x14ac:dyDescent="0.3">
      <c r="A121804" s="13" t="s">
        <v>569</v>
      </c>
      <c r="B121804" s="14" t="s">
        <v>1</v>
      </c>
      <c r="C121804" s="14" t="s">
        <v>565</v>
      </c>
      <c r="D121804" s="14" t="s">
        <v>18</v>
      </c>
      <c r="E121804" s="15">
        <v>45635</v>
      </c>
      <c r="F121804" s="14" t="s">
        <v>15</v>
      </c>
      <c r="G121804" s="16">
        <v>0.93435347233477295</v>
      </c>
    </row>
    <row r="121805" spans="1:7" x14ac:dyDescent="0.3">
      <c r="A121805" s="13" t="s">
        <v>569</v>
      </c>
      <c r="B121805" s="14" t="s">
        <v>1</v>
      </c>
      <c r="C121805" s="14" t="s">
        <v>565</v>
      </c>
      <c r="D121805" s="14" t="s">
        <v>18</v>
      </c>
      <c r="E121805" s="15">
        <v>45636</v>
      </c>
      <c r="F121805" s="14" t="s">
        <v>15</v>
      </c>
      <c r="G121805" s="16">
        <v>0.92883569154866608</v>
      </c>
    </row>
    <row r="121806" spans="1:7" x14ac:dyDescent="0.3">
      <c r="A121806" s="13" t="s">
        <v>569</v>
      </c>
      <c r="B121806" s="14" t="s">
        <v>1</v>
      </c>
      <c r="C121806" s="14" t="s">
        <v>565</v>
      </c>
      <c r="D121806" s="14" t="s">
        <v>18</v>
      </c>
      <c r="E121806" s="15">
        <v>45637</v>
      </c>
      <c r="F121806" s="14" t="s">
        <v>15</v>
      </c>
      <c r="G121806" s="16">
        <v>0.92698736686687877</v>
      </c>
    </row>
    <row r="121807" spans="1:7" x14ac:dyDescent="0.3">
      <c r="A121807" s="13" t="s">
        <v>569</v>
      </c>
      <c r="B121807" s="14" t="s">
        <v>1</v>
      </c>
      <c r="C121807" s="14" t="s">
        <v>565</v>
      </c>
      <c r="D121807" s="14" t="s">
        <v>18</v>
      </c>
      <c r="E121807" s="15">
        <v>45638</v>
      </c>
      <c r="F121807" s="14" t="s">
        <v>15</v>
      </c>
      <c r="G121807" s="16">
        <v>0.92536369191482892</v>
      </c>
    </row>
    <row r="121808" spans="1:7" x14ac:dyDescent="0.3">
      <c r="A121808" s="13" t="s">
        <v>569</v>
      </c>
      <c r="B121808" s="14" t="s">
        <v>1</v>
      </c>
      <c r="C121808" s="14" t="s">
        <v>565</v>
      </c>
      <c r="D121808" s="14" t="s">
        <v>18</v>
      </c>
      <c r="E121808" s="15">
        <v>45639</v>
      </c>
      <c r="F121808" s="14" t="s">
        <v>15</v>
      </c>
      <c r="G121808" s="16">
        <v>0.95035256339163909</v>
      </c>
    </row>
    <row r="121809" spans="1:7" x14ac:dyDescent="0.3">
      <c r="A121809" s="13" t="s">
        <v>569</v>
      </c>
      <c r="B121809" s="14" t="s">
        <v>1</v>
      </c>
      <c r="C121809" s="14" t="s">
        <v>565</v>
      </c>
      <c r="D121809" s="14" t="s">
        <v>18</v>
      </c>
      <c r="E121809" s="15">
        <v>45640</v>
      </c>
      <c r="F121809" s="14" t="s">
        <v>15</v>
      </c>
      <c r="G121809" s="16">
        <v>0.95035256339163909</v>
      </c>
    </row>
    <row r="121810" spans="1:7" x14ac:dyDescent="0.3">
      <c r="A121810" s="13" t="s">
        <v>569</v>
      </c>
      <c r="B121810" s="14" t="s">
        <v>1</v>
      </c>
      <c r="C121810" s="14" t="s">
        <v>565</v>
      </c>
      <c r="D121810" s="14" t="s">
        <v>18</v>
      </c>
      <c r="E121810" s="15">
        <v>45641</v>
      </c>
      <c r="F121810" s="14" t="s">
        <v>15</v>
      </c>
      <c r="G121810" s="16">
        <v>0.95035256339163909</v>
      </c>
    </row>
    <row r="121811" spans="1:7" x14ac:dyDescent="0.3">
      <c r="A121811" s="13" t="s">
        <v>569</v>
      </c>
      <c r="B121811" s="14" t="s">
        <v>1</v>
      </c>
      <c r="C121811" s="14" t="s">
        <v>565</v>
      </c>
      <c r="D121811" s="14" t="s">
        <v>18</v>
      </c>
      <c r="E121811" s="15">
        <v>45642</v>
      </c>
      <c r="F121811" s="14" t="s">
        <v>15</v>
      </c>
      <c r="G121811" s="16">
        <v>0.94849495469230871</v>
      </c>
    </row>
    <row r="121812" spans="1:7" x14ac:dyDescent="0.3">
      <c r="A121812" s="13" t="s">
        <v>569</v>
      </c>
      <c r="B121812" s="14" t="s">
        <v>1</v>
      </c>
      <c r="C121812" s="14" t="s">
        <v>565</v>
      </c>
      <c r="D121812" s="14" t="s">
        <v>18</v>
      </c>
      <c r="E121812" s="15">
        <v>45643</v>
      </c>
      <c r="F121812" s="14" t="s">
        <v>15</v>
      </c>
      <c r="G121812" s="16">
        <v>0.9429390020053503</v>
      </c>
    </row>
    <row r="121813" spans="1:7" x14ac:dyDescent="0.3">
      <c r="A121813" s="13" t="s">
        <v>569</v>
      </c>
      <c r="B121813" s="14" t="s">
        <v>1</v>
      </c>
      <c r="C121813" s="14" t="s">
        <v>565</v>
      </c>
      <c r="D121813" s="14" t="s">
        <v>18</v>
      </c>
      <c r="E121813" s="15">
        <v>45644</v>
      </c>
      <c r="F121813" s="14" t="s">
        <v>15</v>
      </c>
      <c r="G121813" s="16">
        <v>0.94109837461336954</v>
      </c>
    </row>
    <row r="121814" spans="1:7" x14ac:dyDescent="0.3">
      <c r="A121814" s="13" t="s">
        <v>569</v>
      </c>
      <c r="B121814" s="14" t="s">
        <v>1</v>
      </c>
      <c r="C121814" s="14" t="s">
        <v>565</v>
      </c>
      <c r="D121814" s="14" t="s">
        <v>18</v>
      </c>
      <c r="E121814" s="15">
        <v>45645</v>
      </c>
      <c r="F121814" s="14" t="s">
        <v>15</v>
      </c>
      <c r="G121814" s="16">
        <v>0.939273047613988</v>
      </c>
    </row>
    <row r="121815" spans="1:7" x14ac:dyDescent="0.3">
      <c r="A121815" s="13" t="s">
        <v>569</v>
      </c>
      <c r="B121815" s="14" t="s">
        <v>1</v>
      </c>
      <c r="C121815" s="14" t="s">
        <v>565</v>
      </c>
      <c r="D121815" s="14" t="s">
        <v>18</v>
      </c>
      <c r="E121815" s="15">
        <v>45646</v>
      </c>
      <c r="F121815" s="14" t="s">
        <v>15</v>
      </c>
      <c r="G121815" s="16">
        <v>0.93744166082692848</v>
      </c>
    </row>
    <row r="121816" spans="1:7" x14ac:dyDescent="0.3">
      <c r="A121816" s="13" t="s">
        <v>569</v>
      </c>
      <c r="B121816" s="14" t="s">
        <v>1</v>
      </c>
      <c r="C121816" s="14" t="s">
        <v>565</v>
      </c>
      <c r="D121816" s="14" t="s">
        <v>18</v>
      </c>
      <c r="E121816" s="15">
        <v>45647</v>
      </c>
      <c r="F121816" s="14" t="s">
        <v>15</v>
      </c>
      <c r="G121816" s="16">
        <v>0.93744166082692848</v>
      </c>
    </row>
    <row r="121817" spans="1:7" x14ac:dyDescent="0.3">
      <c r="A121817" s="13" t="s">
        <v>569</v>
      </c>
      <c r="B121817" s="14" t="s">
        <v>1</v>
      </c>
      <c r="C121817" s="14" t="s">
        <v>565</v>
      </c>
      <c r="D121817" s="14" t="s">
        <v>18</v>
      </c>
      <c r="E121817" s="15">
        <v>45648</v>
      </c>
      <c r="F121817" s="14" t="s">
        <v>15</v>
      </c>
      <c r="G121817" s="16">
        <v>0.93744166082692848</v>
      </c>
    </row>
    <row r="121818" spans="1:7" x14ac:dyDescent="0.3">
      <c r="A121818" s="13" t="s">
        <v>569</v>
      </c>
      <c r="B121818" s="14" t="s">
        <v>1</v>
      </c>
      <c r="C121818" s="14" t="s">
        <v>565</v>
      </c>
      <c r="D121818" s="14" t="s">
        <v>18</v>
      </c>
      <c r="E121818" s="15">
        <v>45649</v>
      </c>
      <c r="F121818" s="14" t="s">
        <v>15</v>
      </c>
      <c r="G121818" s="16">
        <v>0.93562920370113156</v>
      </c>
    </row>
    <row r="121819" spans="1:7" x14ac:dyDescent="0.3">
      <c r="A121819" s="13" t="s">
        <v>569</v>
      </c>
      <c r="B121819" s="14" t="s">
        <v>1</v>
      </c>
      <c r="C121819" s="14" t="s">
        <v>565</v>
      </c>
      <c r="D121819" s="14" t="s">
        <v>18</v>
      </c>
      <c r="E121819" s="15">
        <v>45650</v>
      </c>
      <c r="F121819" s="14" t="s">
        <v>15</v>
      </c>
      <c r="G121819" s="16">
        <v>0.93022137897527812</v>
      </c>
    </row>
    <row r="121820" spans="1:7" x14ac:dyDescent="0.3">
      <c r="A121820" s="13" t="s">
        <v>569</v>
      </c>
      <c r="B121820" s="14" t="s">
        <v>1</v>
      </c>
      <c r="C121820" s="14" t="s">
        <v>565</v>
      </c>
      <c r="D121820" s="14" t="s">
        <v>18</v>
      </c>
      <c r="E121820" s="15">
        <v>45651</v>
      </c>
      <c r="F121820" s="14" t="s">
        <v>15</v>
      </c>
      <c r="G121820" s="16">
        <v>0.93022137897527812</v>
      </c>
    </row>
    <row r="121821" spans="1:7" x14ac:dyDescent="0.3">
      <c r="A121821" s="13" t="s">
        <v>569</v>
      </c>
      <c r="B121821" s="14" t="s">
        <v>1</v>
      </c>
      <c r="C121821" s="14" t="s">
        <v>565</v>
      </c>
      <c r="D121821" s="14" t="s">
        <v>18</v>
      </c>
      <c r="E121821" s="15">
        <v>45652</v>
      </c>
      <c r="F121821" s="14" t="s">
        <v>15</v>
      </c>
      <c r="G121821" s="16">
        <v>0.93022137897527812</v>
      </c>
    </row>
    <row r="121822" spans="1:7" x14ac:dyDescent="0.3">
      <c r="A121822" s="13" t="s">
        <v>569</v>
      </c>
      <c r="B121822" s="14" t="s">
        <v>1</v>
      </c>
      <c r="C121822" s="14" t="s">
        <v>565</v>
      </c>
      <c r="D121822" s="14" t="s">
        <v>18</v>
      </c>
      <c r="E121822" s="15">
        <v>45653</v>
      </c>
      <c r="F121822" s="14" t="s">
        <v>15</v>
      </c>
      <c r="G121822" s="16">
        <v>0.93022137897527812</v>
      </c>
    </row>
    <row r="121823" spans="1:7" x14ac:dyDescent="0.3">
      <c r="A121823" s="13" t="s">
        <v>569</v>
      </c>
      <c r="B121823" s="14" t="s">
        <v>1</v>
      </c>
      <c r="C121823" s="14" t="s">
        <v>565</v>
      </c>
      <c r="D121823" s="14" t="s">
        <v>18</v>
      </c>
      <c r="E121823" s="15">
        <v>45654</v>
      </c>
      <c r="F121823" s="14" t="s">
        <v>15</v>
      </c>
      <c r="G121823" s="16">
        <v>0.93022137897527812</v>
      </c>
    </row>
    <row r="121824" spans="1:7" x14ac:dyDescent="0.3">
      <c r="A121824" s="13" t="s">
        <v>569</v>
      </c>
      <c r="B121824" s="14" t="s">
        <v>1</v>
      </c>
      <c r="C121824" s="14" t="s">
        <v>565</v>
      </c>
      <c r="D121824" s="14" t="s">
        <v>18</v>
      </c>
      <c r="E121824" s="15">
        <v>45655</v>
      </c>
      <c r="F121824" s="14" t="s">
        <v>15</v>
      </c>
      <c r="G121824" s="16">
        <v>0.93022137897527812</v>
      </c>
    </row>
    <row r="121825" spans="1:7" x14ac:dyDescent="0.3">
      <c r="A121825" s="13" t="s">
        <v>569</v>
      </c>
      <c r="B121825" s="14" t="s">
        <v>1</v>
      </c>
      <c r="C121825" s="14" t="s">
        <v>565</v>
      </c>
      <c r="D121825" s="14" t="s">
        <v>18</v>
      </c>
      <c r="E121825" s="15">
        <v>45656</v>
      </c>
      <c r="F121825" s="14" t="s">
        <v>15</v>
      </c>
      <c r="G121825" s="16">
        <v>0.92840555860439145</v>
      </c>
    </row>
    <row r="121826" spans="1:7" x14ac:dyDescent="0.3">
      <c r="A121826" s="13" t="s">
        <v>569</v>
      </c>
      <c r="B121826" s="14" t="s">
        <v>1</v>
      </c>
      <c r="C121826" s="14" t="s">
        <v>565</v>
      </c>
      <c r="D121826" s="14" t="s">
        <v>18</v>
      </c>
      <c r="E121826" s="15">
        <v>45657</v>
      </c>
      <c r="F121826" s="14" t="s">
        <v>15</v>
      </c>
      <c r="G121826" s="16">
        <v>0.95741139300141287</v>
      </c>
    </row>
    <row r="121827" spans="1:7" x14ac:dyDescent="0.3">
      <c r="A121827" s="13" t="s">
        <v>569</v>
      </c>
      <c r="B121827" s="14" t="s">
        <v>1</v>
      </c>
      <c r="C121827" s="14" t="s">
        <v>565</v>
      </c>
      <c r="D121827" s="14" t="s">
        <v>18</v>
      </c>
      <c r="E121827" s="15">
        <v>45658</v>
      </c>
      <c r="F121827" s="14" t="s">
        <v>15</v>
      </c>
      <c r="G121827" s="16">
        <v>0.95741139300141287</v>
      </c>
    </row>
    <row r="121828" spans="1:7" x14ac:dyDescent="0.3">
      <c r="A121828" s="13" t="s">
        <v>569</v>
      </c>
      <c r="B121828" s="14" t="s">
        <v>1</v>
      </c>
      <c r="C121828" s="14" t="s">
        <v>565</v>
      </c>
      <c r="D121828" s="14" t="s">
        <v>18</v>
      </c>
      <c r="E121828" s="15">
        <v>45659</v>
      </c>
      <c r="F121828" s="14" t="s">
        <v>15</v>
      </c>
      <c r="G121828" s="16">
        <v>0.95559185429620497</v>
      </c>
    </row>
    <row r="121829" spans="1:7" x14ac:dyDescent="0.3">
      <c r="A121829" s="13" t="s">
        <v>569</v>
      </c>
      <c r="B121829" s="14" t="s">
        <v>1</v>
      </c>
      <c r="C121829" s="14" t="s">
        <v>565</v>
      </c>
      <c r="D121829" s="14" t="s">
        <v>18</v>
      </c>
      <c r="E121829" s="15">
        <v>45660</v>
      </c>
      <c r="F121829" s="14" t="s">
        <v>15</v>
      </c>
      <c r="G121829" s="16">
        <v>0.99950715014306746</v>
      </c>
    </row>
    <row r="121830" spans="1:7" x14ac:dyDescent="0.3">
      <c r="A121830" s="13" t="s">
        <v>569</v>
      </c>
      <c r="B121830" s="14" t="s">
        <v>1</v>
      </c>
      <c r="C121830" s="14" t="s">
        <v>565</v>
      </c>
      <c r="D121830" s="14" t="s">
        <v>18</v>
      </c>
      <c r="E121830" s="15">
        <v>45661</v>
      </c>
      <c r="F121830" s="14" t="s">
        <v>15</v>
      </c>
      <c r="G121830" s="16">
        <v>0.99950715014306746</v>
      </c>
    </row>
    <row r="121831" spans="1:7" x14ac:dyDescent="0.3">
      <c r="A121831" s="13" t="s">
        <v>569</v>
      </c>
      <c r="B121831" s="14" t="s">
        <v>1</v>
      </c>
      <c r="C121831" s="14" t="s">
        <v>565</v>
      </c>
      <c r="D121831" s="14" t="s">
        <v>18</v>
      </c>
      <c r="E121831" s="15">
        <v>45662</v>
      </c>
      <c r="F121831" s="14" t="s">
        <v>15</v>
      </c>
      <c r="G121831" s="16">
        <v>0.99950715014306746</v>
      </c>
    </row>
    <row r="121832" spans="1:7" x14ac:dyDescent="0.3">
      <c r="A121832" s="13" t="s">
        <v>569</v>
      </c>
      <c r="B121832" s="14" t="s">
        <v>1</v>
      </c>
      <c r="C121832" s="14" t="s">
        <v>565</v>
      </c>
      <c r="D121832" s="14" t="s">
        <v>18</v>
      </c>
      <c r="E121832" s="15">
        <v>45663</v>
      </c>
      <c r="F121832" s="14" t="s">
        <v>15</v>
      </c>
      <c r="G121832" s="16">
        <v>0.99770129481831593</v>
      </c>
    </row>
    <row r="121833" spans="1:7" x14ac:dyDescent="0.3">
      <c r="A121833" s="13" t="s">
        <v>569</v>
      </c>
      <c r="B121833" s="14" t="s">
        <v>1</v>
      </c>
      <c r="C121833" s="14" t="s">
        <v>565</v>
      </c>
      <c r="D121833" s="14" t="s">
        <v>18</v>
      </c>
      <c r="E121833" s="15">
        <v>45664</v>
      </c>
      <c r="F121833" s="14" t="s">
        <v>15</v>
      </c>
      <c r="G121833" s="16">
        <v>0.99227849252823808</v>
      </c>
    </row>
    <row r="121834" spans="1:7" x14ac:dyDescent="0.3">
      <c r="A121834" s="13" t="s">
        <v>569</v>
      </c>
      <c r="B121834" s="14" t="s">
        <v>1</v>
      </c>
      <c r="C121834" s="14" t="s">
        <v>565</v>
      </c>
      <c r="D121834" s="14" t="s">
        <v>18</v>
      </c>
      <c r="E121834" s="15">
        <v>45665</v>
      </c>
      <c r="F121834" s="14" t="s">
        <v>15</v>
      </c>
      <c r="G121834" s="16">
        <v>0.99046298963931589</v>
      </c>
    </row>
    <row r="121835" spans="1:7" x14ac:dyDescent="0.3">
      <c r="A121835" s="13" t="s">
        <v>569</v>
      </c>
      <c r="B121835" s="14" t="s">
        <v>1</v>
      </c>
      <c r="C121835" s="14" t="s">
        <v>565</v>
      </c>
      <c r="D121835" s="14" t="s">
        <v>18</v>
      </c>
      <c r="E121835" s="15">
        <v>45666</v>
      </c>
      <c r="F121835" s="14" t="s">
        <v>15</v>
      </c>
      <c r="G121835" s="16">
        <v>0.98864665941069407</v>
      </c>
    </row>
    <row r="121836" spans="1:7" x14ac:dyDescent="0.3">
      <c r="A121836" s="13" t="s">
        <v>569</v>
      </c>
      <c r="B121836" s="14" t="s">
        <v>1</v>
      </c>
      <c r="C121836" s="14" t="s">
        <v>565</v>
      </c>
      <c r="D121836" s="14" t="s">
        <v>18</v>
      </c>
      <c r="E121836" s="15">
        <v>45667</v>
      </c>
      <c r="F121836" s="14" t="s">
        <v>15</v>
      </c>
      <c r="G121836" s="16">
        <v>0.99380734508806845</v>
      </c>
    </row>
    <row r="121837" spans="1:7" x14ac:dyDescent="0.3">
      <c r="A121837" s="13" t="s">
        <v>569</v>
      </c>
      <c r="B121837" s="14" t="s">
        <v>1</v>
      </c>
      <c r="C121837" s="14" t="s">
        <v>565</v>
      </c>
      <c r="D121837" s="14" t="s">
        <v>18</v>
      </c>
      <c r="E121837" s="15">
        <v>45668</v>
      </c>
      <c r="F121837" s="14" t="s">
        <v>15</v>
      </c>
      <c r="G121837" s="16">
        <v>0.99380734508806845</v>
      </c>
    </row>
    <row r="121838" spans="1:7" x14ac:dyDescent="0.3">
      <c r="A121838" s="13" t="s">
        <v>569</v>
      </c>
      <c r="B121838" s="14" t="s">
        <v>1</v>
      </c>
      <c r="C121838" s="14" t="s">
        <v>565</v>
      </c>
      <c r="D121838" s="14" t="s">
        <v>18</v>
      </c>
      <c r="E121838" s="15">
        <v>45669</v>
      </c>
      <c r="F121838" s="14" t="s">
        <v>15</v>
      </c>
      <c r="G121838" s="16">
        <v>0.99380734508806845</v>
      </c>
    </row>
    <row r="121839" spans="1:7" x14ac:dyDescent="0.3">
      <c r="A121839" s="13" t="s">
        <v>569</v>
      </c>
      <c r="B121839" s="14" t="s">
        <v>1</v>
      </c>
      <c r="C121839" s="14" t="s">
        <v>565</v>
      </c>
      <c r="D121839" s="14" t="s">
        <v>18</v>
      </c>
      <c r="E121839" s="15">
        <v>45670</v>
      </c>
      <c r="F121839" s="14" t="s">
        <v>15</v>
      </c>
      <c r="G121839" s="16">
        <v>0.99201702879666809</v>
      </c>
    </row>
    <row r="121840" spans="1:7" x14ac:dyDescent="0.3">
      <c r="A121840" s="13" t="s">
        <v>569</v>
      </c>
      <c r="B121840" s="14" t="s">
        <v>1</v>
      </c>
      <c r="C121840" s="14" t="s">
        <v>565</v>
      </c>
      <c r="D121840" s="14" t="s">
        <v>18</v>
      </c>
      <c r="E121840" s="15">
        <v>45671</v>
      </c>
      <c r="F121840" s="14" t="s">
        <v>15</v>
      </c>
      <c r="G121840" s="16">
        <v>0.98667749603236188</v>
      </c>
    </row>
    <row r="121841" spans="1:7" x14ac:dyDescent="0.3">
      <c r="A121841" s="13" t="s">
        <v>569</v>
      </c>
      <c r="B121841" s="14" t="s">
        <v>1</v>
      </c>
      <c r="C121841" s="14" t="s">
        <v>565</v>
      </c>
      <c r="D121841" s="14" t="s">
        <v>18</v>
      </c>
      <c r="E121841" s="15">
        <v>45672</v>
      </c>
      <c r="F121841" s="14" t="s">
        <v>15</v>
      </c>
      <c r="G121841" s="16">
        <v>0.98493353638520076</v>
      </c>
    </row>
    <row r="121842" spans="1:7" x14ac:dyDescent="0.3">
      <c r="A121842" s="13" t="s">
        <v>569</v>
      </c>
      <c r="B121842" s="14" t="s">
        <v>1</v>
      </c>
      <c r="C121842" s="14" t="s">
        <v>565</v>
      </c>
      <c r="D121842" s="14" t="s">
        <v>18</v>
      </c>
      <c r="E121842" s="15">
        <v>45673</v>
      </c>
      <c r="F121842" s="14" t="s">
        <v>15</v>
      </c>
      <c r="G121842" s="16">
        <v>0.98317312937275647</v>
      </c>
    </row>
    <row r="121843" spans="1:7" x14ac:dyDescent="0.3">
      <c r="A121843" s="13" t="s">
        <v>569</v>
      </c>
      <c r="B121843" s="14" t="s">
        <v>1</v>
      </c>
      <c r="C121843" s="14" t="s">
        <v>565</v>
      </c>
      <c r="D121843" s="14" t="s">
        <v>18</v>
      </c>
      <c r="E121843" s="15">
        <v>45674</v>
      </c>
      <c r="F121843" s="14" t="s">
        <v>15</v>
      </c>
      <c r="G121843" s="16">
        <v>0.98141351800042553</v>
      </c>
    </row>
    <row r="121844" spans="1:7" x14ac:dyDescent="0.3">
      <c r="A121844" s="13" t="s">
        <v>569</v>
      </c>
      <c r="B121844" s="14" t="s">
        <v>1</v>
      </c>
      <c r="C121844" s="14" t="s">
        <v>565</v>
      </c>
      <c r="D121844" s="14" t="s">
        <v>18</v>
      </c>
      <c r="E121844" s="15">
        <v>45675</v>
      </c>
      <c r="F121844" s="14" t="s">
        <v>15</v>
      </c>
      <c r="G121844" s="16">
        <v>0.98141351800042553</v>
      </c>
    </row>
    <row r="121845" spans="1:7" x14ac:dyDescent="0.3">
      <c r="A121845" s="13" t="s">
        <v>569</v>
      </c>
      <c r="B121845" s="14" t="s">
        <v>1</v>
      </c>
      <c r="C121845" s="14" t="s">
        <v>565</v>
      </c>
      <c r="D121845" s="14" t="s">
        <v>18</v>
      </c>
      <c r="E121845" s="15">
        <v>45676</v>
      </c>
      <c r="F121845" s="14" t="s">
        <v>15</v>
      </c>
      <c r="G121845" s="16">
        <v>0.98141351800042553</v>
      </c>
    </row>
    <row r="121846" spans="1:7" x14ac:dyDescent="0.3">
      <c r="A121846" s="13" t="s">
        <v>569</v>
      </c>
      <c r="B121846" s="14" t="s">
        <v>1</v>
      </c>
      <c r="C121846" s="14" t="s">
        <v>565</v>
      </c>
      <c r="D121846" s="14" t="s">
        <v>18</v>
      </c>
      <c r="E121846" s="15">
        <v>45677</v>
      </c>
      <c r="F121846" s="14" t="s">
        <v>15</v>
      </c>
      <c r="G121846" s="16">
        <v>0.97962937042670617</v>
      </c>
    </row>
    <row r="121847" spans="1:7" x14ac:dyDescent="0.3">
      <c r="A121847" s="13" t="s">
        <v>569</v>
      </c>
      <c r="B121847" s="14" t="s">
        <v>1</v>
      </c>
      <c r="C121847" s="14" t="s">
        <v>565</v>
      </c>
      <c r="D121847" s="14" t="s">
        <v>18</v>
      </c>
      <c r="E121847" s="15">
        <v>45678</v>
      </c>
      <c r="F121847" s="14" t="s">
        <v>15</v>
      </c>
      <c r="G121847" s="16">
        <v>0.9742820798132783</v>
      </c>
    </row>
    <row r="121848" spans="1:7" x14ac:dyDescent="0.3">
      <c r="A121848" s="13" t="s">
        <v>569</v>
      </c>
      <c r="B121848" s="14" t="s">
        <v>1</v>
      </c>
      <c r="C121848" s="14" t="s">
        <v>565</v>
      </c>
      <c r="D121848" s="14" t="s">
        <v>18</v>
      </c>
      <c r="E121848" s="15">
        <v>45679</v>
      </c>
      <c r="F121848" s="14" t="s">
        <v>15</v>
      </c>
      <c r="G121848" s="16">
        <v>0.97269413943014083</v>
      </c>
    </row>
    <row r="121849" spans="1:7" x14ac:dyDescent="0.3">
      <c r="A121849" s="13" t="s">
        <v>569</v>
      </c>
      <c r="B121849" s="14" t="s">
        <v>1</v>
      </c>
      <c r="C121849" s="14" t="s">
        <v>565</v>
      </c>
      <c r="D121849" s="14" t="s">
        <v>18</v>
      </c>
      <c r="E121849" s="15">
        <v>45680</v>
      </c>
      <c r="F121849" s="14" t="s">
        <v>15</v>
      </c>
      <c r="G121849" s="16">
        <v>0.97088950653319039</v>
      </c>
    </row>
    <row r="121850" spans="1:7" x14ac:dyDescent="0.3">
      <c r="A121850" s="13" t="s">
        <v>569</v>
      </c>
      <c r="B121850" s="14" t="s">
        <v>1</v>
      </c>
      <c r="C121850" s="14" t="s">
        <v>565</v>
      </c>
      <c r="D121850" s="14" t="s">
        <v>18</v>
      </c>
      <c r="E121850" s="15">
        <v>45681</v>
      </c>
      <c r="F121850" s="14" t="s">
        <v>15</v>
      </c>
      <c r="G121850" s="16">
        <v>0.96908775434274241</v>
      </c>
    </row>
    <row r="121851" spans="1:7" x14ac:dyDescent="0.3">
      <c r="A121851" s="13" t="s">
        <v>569</v>
      </c>
      <c r="B121851" s="14" t="s">
        <v>1</v>
      </c>
      <c r="C121851" s="14" t="s">
        <v>565</v>
      </c>
      <c r="D121851" s="14" t="s">
        <v>18</v>
      </c>
      <c r="E121851" s="15">
        <v>45682</v>
      </c>
      <c r="F121851" s="14" t="s">
        <v>15</v>
      </c>
      <c r="G121851" s="16">
        <v>0.96908775434274241</v>
      </c>
    </row>
    <row r="121852" spans="1:7" x14ac:dyDescent="0.3">
      <c r="A121852" s="13" t="s">
        <v>569</v>
      </c>
      <c r="B121852" s="14" t="s">
        <v>1</v>
      </c>
      <c r="C121852" s="14" t="s">
        <v>565</v>
      </c>
      <c r="D121852" s="14" t="s">
        <v>18</v>
      </c>
      <c r="E121852" s="15">
        <v>45683</v>
      </c>
      <c r="F121852" s="14" t="s">
        <v>15</v>
      </c>
      <c r="G121852" s="16">
        <v>0.96908775434274241</v>
      </c>
    </row>
    <row r="121853" spans="1:7" x14ac:dyDescent="0.3">
      <c r="A121853" s="13" t="s">
        <v>569</v>
      </c>
      <c r="B121853" s="14" t="s">
        <v>1</v>
      </c>
      <c r="C121853" s="14" t="s">
        <v>565</v>
      </c>
      <c r="D121853" s="14" t="s">
        <v>18</v>
      </c>
      <c r="E121853" s="15">
        <v>45684</v>
      </c>
      <c r="F121853" s="14" t="s">
        <v>15</v>
      </c>
      <c r="G121853" s="16">
        <v>0.97146925471072565</v>
      </c>
    </row>
    <row r="121854" spans="1:7" x14ac:dyDescent="0.3">
      <c r="A121854" s="13" t="s">
        <v>569</v>
      </c>
      <c r="B121854" s="14" t="s">
        <v>1</v>
      </c>
      <c r="C121854" s="14" t="s">
        <v>565</v>
      </c>
      <c r="D121854" s="14" t="s">
        <v>18</v>
      </c>
      <c r="E121854" s="15">
        <v>45685</v>
      </c>
      <c r="F121854" s="14" t="s">
        <v>15</v>
      </c>
      <c r="G121854" s="16">
        <v>0.97146925471072565</v>
      </c>
    </row>
    <row r="121855" spans="1:7" x14ac:dyDescent="0.3">
      <c r="A121855" s="13" t="s">
        <v>569</v>
      </c>
      <c r="B121855" s="14" t="s">
        <v>1</v>
      </c>
      <c r="C121855" s="14" t="s">
        <v>565</v>
      </c>
      <c r="D121855" s="14" t="s">
        <v>18</v>
      </c>
      <c r="E121855" s="15">
        <v>45686</v>
      </c>
      <c r="F121855" s="14" t="s">
        <v>15</v>
      </c>
      <c r="G121855" s="16">
        <v>0.97146925471072565</v>
      </c>
    </row>
    <row r="121856" spans="1:7" x14ac:dyDescent="0.3">
      <c r="A121856" s="13" t="s">
        <v>569</v>
      </c>
      <c r="B121856" s="14" t="s">
        <v>1</v>
      </c>
      <c r="C121856" s="14" t="s">
        <v>565</v>
      </c>
      <c r="D121856" s="14" t="s">
        <v>18</v>
      </c>
      <c r="E121856" s="15">
        <v>45687</v>
      </c>
      <c r="F121856" s="14" t="s">
        <v>15</v>
      </c>
      <c r="G121856" s="16">
        <v>0.97146925471072565</v>
      </c>
    </row>
    <row r="121857" spans="1:7" x14ac:dyDescent="0.3">
      <c r="A121857" s="13" t="s">
        <v>569</v>
      </c>
      <c r="B121857" s="14" t="s">
        <v>1</v>
      </c>
      <c r="C121857" s="14" t="s">
        <v>565</v>
      </c>
      <c r="D121857" s="14" t="s">
        <v>18</v>
      </c>
      <c r="E121857" s="15">
        <v>45688</v>
      </c>
      <c r="F121857" s="14" t="s">
        <v>15</v>
      </c>
      <c r="G121857" s="16">
        <v>0.97146925471072565</v>
      </c>
    </row>
    <row r="121858" spans="1:7" x14ac:dyDescent="0.3">
      <c r="A121858" s="13" t="s">
        <v>569</v>
      </c>
      <c r="B121858" s="14" t="s">
        <v>1</v>
      </c>
      <c r="C121858" s="14" t="s">
        <v>565</v>
      </c>
      <c r="D121858" s="14" t="s">
        <v>18</v>
      </c>
      <c r="E121858" s="15">
        <v>45689</v>
      </c>
      <c r="F121858" s="14" t="s">
        <v>15</v>
      </c>
      <c r="G121858" s="16">
        <v>0.97146925471072565</v>
      </c>
    </row>
    <row r="121859" spans="1:7" x14ac:dyDescent="0.3">
      <c r="A121859" s="13" t="s">
        <v>569</v>
      </c>
      <c r="B121859" s="14" t="s">
        <v>1</v>
      </c>
      <c r="C121859" s="14" t="s">
        <v>565</v>
      </c>
      <c r="D121859" s="14" t="s">
        <v>18</v>
      </c>
      <c r="E121859" s="15">
        <v>45690</v>
      </c>
      <c r="F121859" s="14" t="s">
        <v>15</v>
      </c>
      <c r="G121859" s="16">
        <v>0.97146925471072565</v>
      </c>
    </row>
    <row r="121860" spans="1:7" x14ac:dyDescent="0.3">
      <c r="A121860" s="13" t="s">
        <v>569</v>
      </c>
      <c r="B121860" s="14" t="s">
        <v>1</v>
      </c>
      <c r="C121860" s="14" t="s">
        <v>565</v>
      </c>
      <c r="D121860" s="14" t="s">
        <v>18</v>
      </c>
      <c r="E121860" s="15">
        <v>45691</v>
      </c>
      <c r="F121860" s="14" t="s">
        <v>15</v>
      </c>
      <c r="G121860" s="16">
        <v>0.97146925471072565</v>
      </c>
    </row>
    <row r="121861" spans="1:7" x14ac:dyDescent="0.3">
      <c r="A121861" s="13" t="s">
        <v>569</v>
      </c>
      <c r="B121861" s="14" t="s">
        <v>1</v>
      </c>
      <c r="C121861" s="14" t="s">
        <v>565</v>
      </c>
      <c r="D121861" s="14" t="s">
        <v>18</v>
      </c>
      <c r="E121861" s="15">
        <v>45692</v>
      </c>
      <c r="F121861" s="14" t="s">
        <v>15</v>
      </c>
      <c r="G121861" s="16">
        <v>0.97146925471072565</v>
      </c>
    </row>
    <row r="121862" spans="1:7" x14ac:dyDescent="0.3">
      <c r="A121862" s="13" t="s">
        <v>569</v>
      </c>
      <c r="B121862" s="14" t="s">
        <v>1</v>
      </c>
      <c r="C121862" s="14" t="s">
        <v>565</v>
      </c>
      <c r="D121862" s="14" t="s">
        <v>18</v>
      </c>
      <c r="E121862" s="15">
        <v>45693</v>
      </c>
      <c r="F121862" s="14" t="s">
        <v>15</v>
      </c>
      <c r="G121862" s="16">
        <v>0.96603826375044655</v>
      </c>
    </row>
    <row r="121863" spans="1:7" x14ac:dyDescent="0.3">
      <c r="A121863" s="13" t="s">
        <v>569</v>
      </c>
      <c r="B121863" s="14" t="s">
        <v>1</v>
      </c>
      <c r="C121863" s="14" t="s">
        <v>565</v>
      </c>
      <c r="D121863" s="14" t="s">
        <v>18</v>
      </c>
      <c r="E121863" s="15">
        <v>45694</v>
      </c>
      <c r="F121863" s="14" t="s">
        <v>15</v>
      </c>
      <c r="G121863" s="16">
        <v>0.9508449644699527</v>
      </c>
    </row>
    <row r="121864" spans="1:7" x14ac:dyDescent="0.3">
      <c r="A121864" s="13" t="s">
        <v>569</v>
      </c>
      <c r="B121864" s="14" t="s">
        <v>1</v>
      </c>
      <c r="C121864" s="14" t="s">
        <v>565</v>
      </c>
      <c r="D121864" s="14" t="s">
        <v>18</v>
      </c>
      <c r="E121864" s="15">
        <v>45695</v>
      </c>
      <c r="F121864" s="14" t="s">
        <v>15</v>
      </c>
      <c r="G121864" s="16">
        <v>0.94902372605182261</v>
      </c>
    </row>
    <row r="121865" spans="1:7" x14ac:dyDescent="0.3">
      <c r="A121865" s="13" t="s">
        <v>569</v>
      </c>
      <c r="B121865" s="14" t="s">
        <v>1</v>
      </c>
      <c r="C121865" s="14" t="s">
        <v>565</v>
      </c>
      <c r="D121865" s="14" t="s">
        <v>18</v>
      </c>
      <c r="E121865" s="15">
        <v>45696</v>
      </c>
      <c r="F121865" s="14" t="s">
        <v>15</v>
      </c>
      <c r="G121865" s="16">
        <v>0.94902372605182261</v>
      </c>
    </row>
    <row r="121866" spans="1:7" x14ac:dyDescent="0.3">
      <c r="A121866" s="13" t="s">
        <v>569</v>
      </c>
      <c r="B121866" s="14" t="s">
        <v>1</v>
      </c>
      <c r="C121866" s="14" t="s">
        <v>565</v>
      </c>
      <c r="D121866" s="14" t="s">
        <v>18</v>
      </c>
      <c r="E121866" s="15">
        <v>45697</v>
      </c>
      <c r="F121866" s="14" t="s">
        <v>15</v>
      </c>
      <c r="G121866" s="16">
        <v>0.94902372605182261</v>
      </c>
    </row>
    <row r="121867" spans="1:7" x14ac:dyDescent="0.3">
      <c r="A121867" s="13" t="s">
        <v>569</v>
      </c>
      <c r="B121867" s="14" t="s">
        <v>1</v>
      </c>
      <c r="C121867" s="14" t="s">
        <v>565</v>
      </c>
      <c r="D121867" s="14" t="s">
        <v>18</v>
      </c>
      <c r="E121867" s="15">
        <v>45698</v>
      </c>
      <c r="F121867" s="14" t="s">
        <v>15</v>
      </c>
      <c r="G121867" s="16">
        <v>0.95487994526241471</v>
      </c>
    </row>
    <row r="121868" spans="1:7" x14ac:dyDescent="0.3">
      <c r="A121868" s="13" t="s">
        <v>569</v>
      </c>
      <c r="B121868" s="14" t="s">
        <v>1</v>
      </c>
      <c r="C121868" s="14" t="s">
        <v>565</v>
      </c>
      <c r="D121868" s="14" t="s">
        <v>18</v>
      </c>
      <c r="E121868" s="15">
        <v>45699</v>
      </c>
      <c r="F121868" s="14" t="s">
        <v>15</v>
      </c>
      <c r="G121868" s="16">
        <v>0.94934014997745964</v>
      </c>
    </row>
    <row r="121869" spans="1:7" x14ac:dyDescent="0.3">
      <c r="A121869" s="13" t="s">
        <v>569</v>
      </c>
      <c r="B121869" s="14" t="s">
        <v>1</v>
      </c>
      <c r="C121869" s="14" t="s">
        <v>565</v>
      </c>
      <c r="D121869" s="14" t="s">
        <v>18</v>
      </c>
      <c r="E121869" s="15">
        <v>45700</v>
      </c>
      <c r="F121869" s="14" t="s">
        <v>15</v>
      </c>
      <c r="G121869" s="16">
        <v>0.94749993914140773</v>
      </c>
    </row>
    <row r="121870" spans="1:7" x14ac:dyDescent="0.3">
      <c r="A121870" s="13" t="s">
        <v>569</v>
      </c>
      <c r="B121870" s="14" t="s">
        <v>1</v>
      </c>
      <c r="C121870" s="14" t="s">
        <v>565</v>
      </c>
      <c r="D121870" s="14" t="s">
        <v>18</v>
      </c>
      <c r="E121870" s="15">
        <v>45701</v>
      </c>
      <c r="F121870" s="14" t="s">
        <v>15</v>
      </c>
      <c r="G121870" s="16">
        <v>0.94566019984761207</v>
      </c>
    </row>
    <row r="121871" spans="1:7" x14ac:dyDescent="0.3">
      <c r="A121871" s="13" t="s">
        <v>569</v>
      </c>
      <c r="B121871" s="14" t="s">
        <v>1</v>
      </c>
      <c r="C121871" s="14" t="s">
        <v>565</v>
      </c>
      <c r="D121871" s="14" t="s">
        <v>18</v>
      </c>
      <c r="E121871" s="15">
        <v>45702</v>
      </c>
      <c r="F121871" s="14" t="s">
        <v>15</v>
      </c>
      <c r="G121871" s="16">
        <v>0.94380460799505494</v>
      </c>
    </row>
    <row r="121872" spans="1:7" x14ac:dyDescent="0.3">
      <c r="A121872" s="13" t="s">
        <v>569</v>
      </c>
      <c r="B121872" s="14" t="s">
        <v>1</v>
      </c>
      <c r="C121872" s="14" t="s">
        <v>565</v>
      </c>
      <c r="D121872" s="14" t="s">
        <v>18</v>
      </c>
      <c r="E121872" s="15">
        <v>45703</v>
      </c>
      <c r="F121872" s="14" t="s">
        <v>15</v>
      </c>
      <c r="G121872" s="16">
        <v>0.94380460799505494</v>
      </c>
    </row>
    <row r="121873" spans="1:7" x14ac:dyDescent="0.3">
      <c r="A121873" s="13" t="s">
        <v>569</v>
      </c>
      <c r="B121873" s="14" t="s">
        <v>1</v>
      </c>
      <c r="C121873" s="14" t="s">
        <v>565</v>
      </c>
      <c r="D121873" s="14" t="s">
        <v>18</v>
      </c>
      <c r="E121873" s="15">
        <v>45704</v>
      </c>
      <c r="F121873" s="14" t="s">
        <v>15</v>
      </c>
      <c r="G121873" s="16">
        <v>0.94380460799505494</v>
      </c>
    </row>
    <row r="121874" spans="1:7" x14ac:dyDescent="0.3">
      <c r="A121874" s="13" t="s">
        <v>569</v>
      </c>
      <c r="B121874" s="14" t="s">
        <v>1</v>
      </c>
      <c r="C121874" s="14" t="s">
        <v>565</v>
      </c>
      <c r="D121874" s="14" t="s">
        <v>18</v>
      </c>
      <c r="E121874" s="15">
        <v>45705</v>
      </c>
      <c r="F121874" s="14" t="s">
        <v>15</v>
      </c>
      <c r="G121874" s="16">
        <v>0.94194657194987863</v>
      </c>
    </row>
    <row r="121875" spans="1:7" x14ac:dyDescent="0.3">
      <c r="A121875" s="13" t="s">
        <v>569</v>
      </c>
      <c r="B121875" s="14" t="s">
        <v>1</v>
      </c>
      <c r="C121875" s="14" t="s">
        <v>565</v>
      </c>
      <c r="D121875" s="14" t="s">
        <v>18</v>
      </c>
      <c r="E121875" s="15">
        <v>45706</v>
      </c>
      <c r="F121875" s="14" t="s">
        <v>15</v>
      </c>
      <c r="G121875" s="16">
        <v>0.93630346897985983</v>
      </c>
    </row>
    <row r="121876" spans="1:7" x14ac:dyDescent="0.3">
      <c r="A121876" s="13" t="s">
        <v>569</v>
      </c>
      <c r="B121876" s="14" t="s">
        <v>1</v>
      </c>
      <c r="C121876" s="14" t="s">
        <v>565</v>
      </c>
      <c r="D121876" s="14" t="s">
        <v>18</v>
      </c>
      <c r="E121876" s="15">
        <v>45707</v>
      </c>
      <c r="F121876" s="14" t="s">
        <v>15</v>
      </c>
      <c r="G121876" s="16">
        <v>0.93440430349160486</v>
      </c>
    </row>
    <row r="121877" spans="1:7" x14ac:dyDescent="0.3">
      <c r="A121877" s="13" t="s">
        <v>569</v>
      </c>
      <c r="B121877" s="14" t="s">
        <v>1</v>
      </c>
      <c r="C121877" s="14" t="s">
        <v>565</v>
      </c>
      <c r="D121877" s="14" t="s">
        <v>18</v>
      </c>
      <c r="E121877" s="15">
        <v>45708</v>
      </c>
      <c r="F121877" s="14" t="s">
        <v>15</v>
      </c>
      <c r="G121877" s="16">
        <v>0.93249664533644916</v>
      </c>
    </row>
    <row r="121878" spans="1:7" x14ac:dyDescent="0.3">
      <c r="A121878" s="13" t="s">
        <v>569</v>
      </c>
      <c r="B121878" s="14" t="s">
        <v>1</v>
      </c>
      <c r="C121878" s="14" t="s">
        <v>565</v>
      </c>
      <c r="D121878" s="14" t="s">
        <v>18</v>
      </c>
      <c r="E121878" s="15">
        <v>45709</v>
      </c>
      <c r="F121878" s="14" t="s">
        <v>15</v>
      </c>
      <c r="G121878" s="16">
        <v>0.93058612429908938</v>
      </c>
    </row>
    <row r="121879" spans="1:7" x14ac:dyDescent="0.3">
      <c r="A121879" s="13" t="s">
        <v>569</v>
      </c>
      <c r="B121879" s="14" t="s">
        <v>1</v>
      </c>
      <c r="C121879" s="14" t="s">
        <v>565</v>
      </c>
      <c r="D121879" s="14" t="s">
        <v>18</v>
      </c>
      <c r="E121879" s="15">
        <v>45710</v>
      </c>
      <c r="F121879" s="14" t="s">
        <v>15</v>
      </c>
      <c r="G121879" s="16">
        <v>0.93058612429908938</v>
      </c>
    </row>
    <row r="121880" spans="1:7" x14ac:dyDescent="0.3">
      <c r="A121880" s="13" t="s">
        <v>569</v>
      </c>
      <c r="B121880" s="14" t="s">
        <v>1</v>
      </c>
      <c r="C121880" s="14" t="s">
        <v>565</v>
      </c>
      <c r="D121880" s="14" t="s">
        <v>18</v>
      </c>
      <c r="E121880" s="15">
        <v>45711</v>
      </c>
      <c r="F121880" s="14" t="s">
        <v>15</v>
      </c>
      <c r="G121880" s="16">
        <v>0.93058612429908938</v>
      </c>
    </row>
    <row r="121881" spans="1:7" x14ac:dyDescent="0.3">
      <c r="A121881" s="13" t="s">
        <v>569</v>
      </c>
      <c r="B121881" s="14" t="s">
        <v>1</v>
      </c>
      <c r="C121881" s="14" t="s">
        <v>565</v>
      </c>
      <c r="D121881" s="14" t="s">
        <v>18</v>
      </c>
      <c r="E121881" s="15">
        <v>45712</v>
      </c>
      <c r="F121881" s="14" t="s">
        <v>15</v>
      </c>
      <c r="G121881" s="16">
        <v>0.92868775879033627</v>
      </c>
    </row>
    <row r="121882" spans="1:7" x14ac:dyDescent="0.3">
      <c r="A121882" s="13" t="s">
        <v>569</v>
      </c>
      <c r="B121882" s="14" t="s">
        <v>1</v>
      </c>
      <c r="C121882" s="14" t="s">
        <v>565</v>
      </c>
      <c r="D121882" s="14" t="s">
        <v>18</v>
      </c>
      <c r="E121882" s="15">
        <v>45713</v>
      </c>
      <c r="F121882" s="14" t="s">
        <v>15</v>
      </c>
      <c r="G121882" s="16">
        <v>0.92289950154004974</v>
      </c>
    </row>
    <row r="121883" spans="1:7" x14ac:dyDescent="0.3">
      <c r="A121883" s="13" t="s">
        <v>569</v>
      </c>
      <c r="B121883" s="14" t="s">
        <v>1</v>
      </c>
      <c r="C121883" s="14" t="s">
        <v>565</v>
      </c>
      <c r="D121883" s="14" t="s">
        <v>18</v>
      </c>
      <c r="E121883" s="15">
        <v>45714</v>
      </c>
      <c r="F121883" s="14" t="s">
        <v>15</v>
      </c>
      <c r="G121883" s="16">
        <v>0.92098823392401863</v>
      </c>
    </row>
    <row r="121884" spans="1:7" x14ac:dyDescent="0.3">
      <c r="A121884" s="13" t="s">
        <v>569</v>
      </c>
      <c r="B121884" s="14" t="s">
        <v>1</v>
      </c>
      <c r="C121884" s="14" t="s">
        <v>565</v>
      </c>
      <c r="D121884" s="14" t="s">
        <v>18</v>
      </c>
      <c r="E121884" s="15">
        <v>45715</v>
      </c>
      <c r="F121884" s="14" t="s">
        <v>15</v>
      </c>
      <c r="G121884" s="16">
        <v>0.91954335467378179</v>
      </c>
    </row>
    <row r="121885" spans="1:7" x14ac:dyDescent="0.3">
      <c r="A121885" s="13" t="s">
        <v>569</v>
      </c>
      <c r="B121885" s="14" t="s">
        <v>1</v>
      </c>
      <c r="C121885" s="14" t="s">
        <v>565</v>
      </c>
      <c r="D121885" s="14" t="s">
        <v>18</v>
      </c>
      <c r="E121885" s="15">
        <v>45716</v>
      </c>
      <c r="F121885" s="14" t="s">
        <v>15</v>
      </c>
      <c r="G121885" s="16">
        <v>0.93231294912292517</v>
      </c>
    </row>
    <row r="121886" spans="1:7" x14ac:dyDescent="0.3">
      <c r="A121886" s="13" t="s">
        <v>569</v>
      </c>
      <c r="B121886" s="14" t="s">
        <v>1</v>
      </c>
      <c r="C121886" s="14" t="s">
        <v>565</v>
      </c>
      <c r="D121886" s="14" t="s">
        <v>18</v>
      </c>
      <c r="E121886" s="15">
        <v>45717</v>
      </c>
      <c r="F121886" s="14" t="s">
        <v>15</v>
      </c>
      <c r="G121886" s="16">
        <v>0.93231294912292517</v>
      </c>
    </row>
    <row r="121887" spans="1:7" x14ac:dyDescent="0.3">
      <c r="A121887" s="13" t="s">
        <v>569</v>
      </c>
      <c r="B121887" s="14" t="s">
        <v>1</v>
      </c>
      <c r="C121887" s="14" t="s">
        <v>565</v>
      </c>
      <c r="D121887" s="14" t="s">
        <v>18</v>
      </c>
      <c r="E121887" s="15">
        <v>45718</v>
      </c>
      <c r="F121887" s="14" t="s">
        <v>15</v>
      </c>
      <c r="G121887" s="16">
        <v>0.93231294912292517</v>
      </c>
    </row>
    <row r="121888" spans="1:7" x14ac:dyDescent="0.3">
      <c r="A121888" s="13" t="s">
        <v>569</v>
      </c>
      <c r="B121888" s="14" t="s">
        <v>1</v>
      </c>
      <c r="C121888" s="14" t="s">
        <v>565</v>
      </c>
      <c r="D121888" s="14" t="s">
        <v>18</v>
      </c>
      <c r="E121888" s="15">
        <v>45719</v>
      </c>
      <c r="F121888" s="14" t="s">
        <v>15</v>
      </c>
      <c r="G121888" s="16">
        <v>0.9304075962300522</v>
      </c>
    </row>
    <row r="121889" spans="1:7" x14ac:dyDescent="0.3">
      <c r="A121889" s="13" t="s">
        <v>569</v>
      </c>
      <c r="B121889" s="14" t="s">
        <v>1</v>
      </c>
      <c r="C121889" s="14" t="s">
        <v>565</v>
      </c>
      <c r="D121889" s="14" t="s">
        <v>18</v>
      </c>
      <c r="E121889" s="15">
        <v>45720</v>
      </c>
      <c r="F121889" s="14" t="s">
        <v>15</v>
      </c>
      <c r="G121889" s="16">
        <v>0.9248210161667193</v>
      </c>
    </row>
    <row r="121890" spans="1:7" x14ac:dyDescent="0.3">
      <c r="A121890" s="13" t="s">
        <v>569</v>
      </c>
      <c r="B121890" s="14" t="s">
        <v>1</v>
      </c>
      <c r="C121890" s="14" t="s">
        <v>565</v>
      </c>
      <c r="D121890" s="14" t="s">
        <v>18</v>
      </c>
      <c r="E121890" s="15">
        <v>45721</v>
      </c>
      <c r="F121890" s="14" t="s">
        <v>15</v>
      </c>
      <c r="G121890" s="16">
        <v>0.92296518883918099</v>
      </c>
    </row>
    <row r="121891" spans="1:7" x14ac:dyDescent="0.3">
      <c r="A121891" s="13" t="s">
        <v>569</v>
      </c>
      <c r="B121891" s="14" t="s">
        <v>1</v>
      </c>
      <c r="C121891" s="14" t="s">
        <v>565</v>
      </c>
      <c r="D121891" s="14" t="s">
        <v>18</v>
      </c>
      <c r="E121891" s="15">
        <v>45722</v>
      </c>
      <c r="F121891" s="14" t="s">
        <v>15</v>
      </c>
      <c r="G121891" s="16">
        <v>0.92183288613775849</v>
      </c>
    </row>
    <row r="121892" spans="1:7" x14ac:dyDescent="0.3">
      <c r="A121892" s="13" t="s">
        <v>569</v>
      </c>
      <c r="B121892" s="14" t="s">
        <v>1</v>
      </c>
      <c r="C121892" s="14" t="s">
        <v>565</v>
      </c>
      <c r="D121892" s="14" t="s">
        <v>18</v>
      </c>
      <c r="E121892" s="15">
        <v>45723</v>
      </c>
      <c r="F121892" s="14" t="s">
        <v>15</v>
      </c>
      <c r="G121892" s="16">
        <v>0.91995286656590414</v>
      </c>
    </row>
    <row r="121893" spans="1:7" x14ac:dyDescent="0.3">
      <c r="A121893" s="13" t="s">
        <v>569</v>
      </c>
      <c r="B121893" s="14" t="s">
        <v>1</v>
      </c>
      <c r="C121893" s="14" t="s">
        <v>565</v>
      </c>
      <c r="D121893" s="14" t="s">
        <v>18</v>
      </c>
      <c r="E121893" s="15">
        <v>45724</v>
      </c>
      <c r="F121893" s="14" t="s">
        <v>15</v>
      </c>
      <c r="G121893" s="16">
        <v>0.91995286656590414</v>
      </c>
    </row>
    <row r="121894" spans="1:7" x14ac:dyDescent="0.3">
      <c r="A121894" s="13" t="s">
        <v>569</v>
      </c>
      <c r="B121894" s="14" t="s">
        <v>1</v>
      </c>
      <c r="C121894" s="14" t="s">
        <v>565</v>
      </c>
      <c r="D121894" s="14" t="s">
        <v>18</v>
      </c>
      <c r="E121894" s="15">
        <v>45725</v>
      </c>
      <c r="F121894" s="14" t="s">
        <v>15</v>
      </c>
      <c r="G121894" s="16">
        <v>0.91995286656590414</v>
      </c>
    </row>
    <row r="121895" spans="1:7" x14ac:dyDescent="0.3">
      <c r="A121895" s="13" t="s">
        <v>569</v>
      </c>
      <c r="B121895" s="14" t="s">
        <v>1</v>
      </c>
      <c r="C121895" s="14" t="s">
        <v>565</v>
      </c>
      <c r="D121895" s="14" t="s">
        <v>18</v>
      </c>
      <c r="E121895" s="15">
        <v>45726</v>
      </c>
      <c r="F121895" s="14" t="s">
        <v>15</v>
      </c>
      <c r="G121895" s="16">
        <v>0.92537906610277076</v>
      </c>
    </row>
    <row r="121896" spans="1:7" x14ac:dyDescent="0.3">
      <c r="A121896" s="13" t="s">
        <v>569</v>
      </c>
      <c r="B121896" s="14" t="s">
        <v>1</v>
      </c>
      <c r="C121896" s="14" t="s">
        <v>565</v>
      </c>
      <c r="D121896" s="14" t="s">
        <v>18</v>
      </c>
      <c r="E121896" s="15">
        <v>45727</v>
      </c>
      <c r="F121896" s="14" t="s">
        <v>15</v>
      </c>
      <c r="G121896" s="16">
        <v>0.92286236736625671</v>
      </c>
    </row>
    <row r="121897" spans="1:7" x14ac:dyDescent="0.3">
      <c r="A121897" s="13" t="s">
        <v>569</v>
      </c>
      <c r="B121897" s="14" t="s">
        <v>1</v>
      </c>
      <c r="C121897" s="14" t="s">
        <v>565</v>
      </c>
      <c r="D121897" s="14" t="s">
        <v>18</v>
      </c>
      <c r="E121897" s="15">
        <v>45728</v>
      </c>
      <c r="F121897" s="14" t="s">
        <v>15</v>
      </c>
      <c r="G121897" s="16">
        <v>0.9209805829412504</v>
      </c>
    </row>
    <row r="121898" spans="1:7" x14ac:dyDescent="0.3">
      <c r="A121898" s="13" t="s">
        <v>569</v>
      </c>
      <c r="B121898" s="14" t="s">
        <v>1</v>
      </c>
      <c r="C121898" s="14" t="s">
        <v>565</v>
      </c>
      <c r="D121898" s="14" t="s">
        <v>18</v>
      </c>
      <c r="E121898" s="15">
        <v>45729</v>
      </c>
      <c r="F121898" s="14" t="s">
        <v>15</v>
      </c>
      <c r="G121898" s="16">
        <v>0.9191143351874872</v>
      </c>
    </row>
    <row r="121899" spans="1:7" x14ac:dyDescent="0.3">
      <c r="A121899" s="13" t="s">
        <v>569</v>
      </c>
      <c r="B121899" s="14" t="s">
        <v>1</v>
      </c>
      <c r="C121899" s="14" t="s">
        <v>565</v>
      </c>
      <c r="D121899" s="14" t="s">
        <v>18</v>
      </c>
      <c r="E121899" s="15">
        <v>45730</v>
      </c>
      <c r="F121899" s="14" t="s">
        <v>15</v>
      </c>
      <c r="G121899" s="16">
        <v>0.91723891909070709</v>
      </c>
    </row>
    <row r="121900" spans="1:7" x14ac:dyDescent="0.3">
      <c r="A121900" s="13" t="s">
        <v>569</v>
      </c>
      <c r="B121900" s="14" t="s">
        <v>1</v>
      </c>
      <c r="C121900" s="14" t="s">
        <v>565</v>
      </c>
      <c r="D121900" s="14" t="s">
        <v>18</v>
      </c>
      <c r="E121900" s="15">
        <v>45731</v>
      </c>
      <c r="F121900" s="14" t="s">
        <v>15</v>
      </c>
      <c r="G121900" s="16">
        <v>0.91723891909070709</v>
      </c>
    </row>
    <row r="121901" spans="1:7" x14ac:dyDescent="0.3">
      <c r="A121901" s="13" t="s">
        <v>569</v>
      </c>
      <c r="B121901" s="14" t="s">
        <v>1</v>
      </c>
      <c r="C121901" s="14" t="s">
        <v>565</v>
      </c>
      <c r="D121901" s="14" t="s">
        <v>18</v>
      </c>
      <c r="E121901" s="15">
        <v>45732</v>
      </c>
      <c r="F121901" s="14" t="s">
        <v>15</v>
      </c>
      <c r="G121901" s="16">
        <v>0.91723891909070709</v>
      </c>
    </row>
    <row r="121902" spans="1:7" x14ac:dyDescent="0.3">
      <c r="A121902" s="13" t="s">
        <v>569</v>
      </c>
      <c r="B121902" s="14" t="s">
        <v>1</v>
      </c>
      <c r="C121902" s="14" t="s">
        <v>565</v>
      </c>
      <c r="D121902" s="14" t="s">
        <v>18</v>
      </c>
      <c r="E121902" s="15">
        <v>45733</v>
      </c>
      <c r="F121902" s="14" t="s">
        <v>15</v>
      </c>
      <c r="G121902" s="16">
        <v>0.91723891909070709</v>
      </c>
    </row>
    <row r="121903" spans="1:7" x14ac:dyDescent="0.3">
      <c r="A121903" s="13" t="s">
        <v>569</v>
      </c>
      <c r="B121903" s="14" t="s">
        <v>1</v>
      </c>
      <c r="C121903" s="14" t="s">
        <v>565</v>
      </c>
      <c r="D121903" s="14" t="s">
        <v>18</v>
      </c>
      <c r="E121903" s="15">
        <v>45734</v>
      </c>
      <c r="F121903" s="14" t="s">
        <v>15</v>
      </c>
      <c r="G121903" s="16">
        <v>0.92975075580012001</v>
      </c>
    </row>
    <row r="121904" spans="1:7" x14ac:dyDescent="0.3">
      <c r="A121904" s="13" t="s">
        <v>569</v>
      </c>
      <c r="B121904" s="14" t="s">
        <v>1</v>
      </c>
      <c r="C121904" s="14" t="s">
        <v>565</v>
      </c>
      <c r="D121904" s="14" t="s">
        <v>18</v>
      </c>
      <c r="E121904" s="15">
        <v>45735</v>
      </c>
      <c r="F121904" s="14" t="s">
        <v>15</v>
      </c>
      <c r="G121904" s="16">
        <v>0.9506868629269597</v>
      </c>
    </row>
    <row r="121905" spans="1:7" x14ac:dyDescent="0.3">
      <c r="A121905" s="13" t="s">
        <v>569</v>
      </c>
      <c r="B121905" s="14" t="s">
        <v>1</v>
      </c>
      <c r="C121905" s="14" t="s">
        <v>565</v>
      </c>
      <c r="D121905" s="14" t="s">
        <v>18</v>
      </c>
      <c r="E121905" s="15">
        <v>45736</v>
      </c>
      <c r="F121905" s="14" t="s">
        <v>15</v>
      </c>
      <c r="G121905" s="16">
        <v>0.94877401294402253</v>
      </c>
    </row>
    <row r="121906" spans="1:7" x14ac:dyDescent="0.3">
      <c r="A121906" s="13" t="s">
        <v>569</v>
      </c>
      <c r="B121906" s="14" t="s">
        <v>1</v>
      </c>
      <c r="C121906" s="14" t="s">
        <v>565</v>
      </c>
      <c r="D121906" s="14" t="s">
        <v>18</v>
      </c>
      <c r="E121906" s="15">
        <v>45737</v>
      </c>
      <c r="F121906" s="14" t="s">
        <v>15</v>
      </c>
      <c r="G121906" s="16">
        <v>0.9468656491183044</v>
      </c>
    </row>
    <row r="121907" spans="1:7" x14ac:dyDescent="0.3">
      <c r="A121907" s="13" t="s">
        <v>569</v>
      </c>
      <c r="B121907" s="14" t="s">
        <v>1</v>
      </c>
      <c r="C121907" s="14" t="s">
        <v>565</v>
      </c>
      <c r="D121907" s="14" t="s">
        <v>18</v>
      </c>
      <c r="E121907" s="15">
        <v>45738</v>
      </c>
      <c r="F121907" s="14" t="s">
        <v>15</v>
      </c>
      <c r="G121907" s="16">
        <v>0.9468656491183044</v>
      </c>
    </row>
    <row r="121908" spans="1:7" x14ac:dyDescent="0.3">
      <c r="A121908" s="13" t="s">
        <v>569</v>
      </c>
      <c r="B121908" s="14" t="s">
        <v>1</v>
      </c>
      <c r="C121908" s="14" t="s">
        <v>565</v>
      </c>
      <c r="D121908" s="14" t="s">
        <v>18</v>
      </c>
      <c r="E121908" s="15">
        <v>45739</v>
      </c>
      <c r="F121908" s="14" t="s">
        <v>15</v>
      </c>
      <c r="G121908" s="16">
        <v>0.9468656491183044</v>
      </c>
    </row>
    <row r="121909" spans="1:7" x14ac:dyDescent="0.3">
      <c r="A121909" s="13" t="s">
        <v>569</v>
      </c>
      <c r="B121909" s="14" t="s">
        <v>1</v>
      </c>
      <c r="C121909" s="14" t="s">
        <v>565</v>
      </c>
      <c r="D121909" s="14" t="s">
        <v>18</v>
      </c>
      <c r="E121909" s="15">
        <v>45740</v>
      </c>
      <c r="F121909" s="14" t="s">
        <v>15</v>
      </c>
      <c r="G121909" s="16">
        <v>0.99390639348018428</v>
      </c>
    </row>
    <row r="121910" spans="1:7" x14ac:dyDescent="0.3">
      <c r="A121910" s="13" t="s">
        <v>569</v>
      </c>
      <c r="B121910" s="14" t="s">
        <v>1</v>
      </c>
      <c r="C121910" s="14" t="s">
        <v>565</v>
      </c>
      <c r="D121910" s="14" t="s">
        <v>18</v>
      </c>
      <c r="E121910" s="15">
        <v>45741</v>
      </c>
      <c r="F121910" s="14" t="s">
        <v>15</v>
      </c>
      <c r="G121910" s="16">
        <v>0.98824481532694453</v>
      </c>
    </row>
    <row r="121911" spans="1:7" x14ac:dyDescent="0.3">
      <c r="A121911" s="13" t="s">
        <v>569</v>
      </c>
      <c r="B121911" s="14" t="s">
        <v>1</v>
      </c>
      <c r="C121911" s="14" t="s">
        <v>565</v>
      </c>
      <c r="D121911" s="14" t="s">
        <v>18</v>
      </c>
      <c r="E121911" s="15">
        <v>45742</v>
      </c>
      <c r="F121911" s="14" t="s">
        <v>15</v>
      </c>
      <c r="G121911" s="16">
        <v>1.010670837958332</v>
      </c>
    </row>
    <row r="121912" spans="1:7" x14ac:dyDescent="0.3">
      <c r="A121912" s="13" t="s">
        <v>569</v>
      </c>
      <c r="B121912" s="14" t="s">
        <v>1</v>
      </c>
      <c r="C121912" s="14" t="s">
        <v>565</v>
      </c>
      <c r="D121912" s="14" t="s">
        <v>18</v>
      </c>
      <c r="E121912" s="15">
        <v>45743</v>
      </c>
      <c r="F121912" s="14" t="s">
        <v>15</v>
      </c>
      <c r="G121912" s="16">
        <v>1.0090065141649966</v>
      </c>
    </row>
    <row r="121913" spans="1:7" x14ac:dyDescent="0.3">
      <c r="A121913" s="13" t="s">
        <v>569</v>
      </c>
      <c r="B121913" s="14" t="s">
        <v>1</v>
      </c>
      <c r="C121913" s="14" t="s">
        <v>565</v>
      </c>
      <c r="D121913" s="14" t="s">
        <v>18</v>
      </c>
      <c r="E121913" s="15">
        <v>45744</v>
      </c>
      <c r="F121913" s="14" t="s">
        <v>15</v>
      </c>
      <c r="G121913" s="16">
        <v>1.0582536589335727</v>
      </c>
    </row>
    <row r="121914" spans="1:7" x14ac:dyDescent="0.3">
      <c r="A121914" s="13" t="s">
        <v>569</v>
      </c>
      <c r="B121914" s="14" t="s">
        <v>1</v>
      </c>
      <c r="C121914" s="14" t="s">
        <v>565</v>
      </c>
      <c r="D121914" s="14" t="s">
        <v>18</v>
      </c>
      <c r="E121914" s="15">
        <v>45745</v>
      </c>
      <c r="F121914" s="14" t="s">
        <v>15</v>
      </c>
      <c r="G121914" s="16">
        <v>1.0582536589335727</v>
      </c>
    </row>
    <row r="121915" spans="1:7" x14ac:dyDescent="0.3">
      <c r="A121915" s="13" t="s">
        <v>569</v>
      </c>
      <c r="B121915" s="14" t="s">
        <v>1</v>
      </c>
      <c r="C121915" s="14" t="s">
        <v>565</v>
      </c>
      <c r="D121915" s="14" t="s">
        <v>18</v>
      </c>
      <c r="E121915" s="15">
        <v>45746</v>
      </c>
      <c r="F121915" s="14" t="s">
        <v>15</v>
      </c>
      <c r="G121915" s="16">
        <v>1.0582536589335727</v>
      </c>
    </row>
    <row r="121916" spans="1:7" x14ac:dyDescent="0.3">
      <c r="A121916" s="13" t="s">
        <v>569</v>
      </c>
      <c r="B121916" s="14" t="s">
        <v>1</v>
      </c>
      <c r="C121916" s="14" t="s">
        <v>565</v>
      </c>
      <c r="D121916" s="14" t="s">
        <v>18</v>
      </c>
      <c r="E121916" s="15">
        <v>45747</v>
      </c>
      <c r="F121916" s="14" t="s">
        <v>15</v>
      </c>
      <c r="G121916" s="16">
        <v>1.0582536589335727</v>
      </c>
    </row>
    <row r="121917" spans="1:7" x14ac:dyDescent="0.3">
      <c r="A121917" s="13" t="s">
        <v>570</v>
      </c>
      <c r="B121917" s="14" t="s">
        <v>1</v>
      </c>
      <c r="C121917" s="14" t="s">
        <v>565</v>
      </c>
      <c r="D121917" s="14" t="s">
        <v>39</v>
      </c>
      <c r="E121917" s="15">
        <v>45383</v>
      </c>
      <c r="F121917" s="14" t="s">
        <v>15</v>
      </c>
      <c r="G121917" s="16">
        <v>0</v>
      </c>
    </row>
    <row r="121918" spans="1:7" x14ac:dyDescent="0.3">
      <c r="A121918" s="13" t="s">
        <v>570</v>
      </c>
      <c r="B121918" s="14" t="s">
        <v>1</v>
      </c>
      <c r="C121918" s="14" t="s">
        <v>565</v>
      </c>
      <c r="D121918" s="14" t="s">
        <v>39</v>
      </c>
      <c r="E121918" s="15">
        <v>45384</v>
      </c>
      <c r="F121918" s="14" t="s">
        <v>15</v>
      </c>
      <c r="G121918" s="16">
        <v>0</v>
      </c>
    </row>
    <row r="121919" spans="1:7" x14ac:dyDescent="0.3">
      <c r="A121919" s="13" t="s">
        <v>570</v>
      </c>
      <c r="B121919" s="14" t="s">
        <v>1</v>
      </c>
      <c r="C121919" s="14" t="s">
        <v>565</v>
      </c>
      <c r="D121919" s="14" t="s">
        <v>39</v>
      </c>
      <c r="E121919" s="15">
        <v>45385</v>
      </c>
      <c r="F121919" s="14" t="s">
        <v>15</v>
      </c>
      <c r="G121919" s="16">
        <v>0</v>
      </c>
    </row>
    <row r="121920" spans="1:7" x14ac:dyDescent="0.3">
      <c r="A121920" s="13" t="s">
        <v>570</v>
      </c>
      <c r="B121920" s="14" t="s">
        <v>1</v>
      </c>
      <c r="C121920" s="14" t="s">
        <v>565</v>
      </c>
      <c r="D121920" s="14" t="s">
        <v>39</v>
      </c>
      <c r="E121920" s="15">
        <v>45386</v>
      </c>
      <c r="F121920" s="14" t="s">
        <v>15</v>
      </c>
      <c r="G121920" s="16">
        <v>0</v>
      </c>
    </row>
    <row r="121921" spans="1:7" x14ac:dyDescent="0.3">
      <c r="A121921" s="13" t="s">
        <v>570</v>
      </c>
      <c r="B121921" s="14" t="s">
        <v>1</v>
      </c>
      <c r="C121921" s="14" t="s">
        <v>565</v>
      </c>
      <c r="D121921" s="14" t="s">
        <v>39</v>
      </c>
      <c r="E121921" s="15">
        <v>45387</v>
      </c>
      <c r="F121921" s="14" t="s">
        <v>15</v>
      </c>
      <c r="G121921" s="16">
        <v>0</v>
      </c>
    </row>
    <row r="121922" spans="1:7" x14ac:dyDescent="0.3">
      <c r="A121922" s="13" t="s">
        <v>570</v>
      </c>
      <c r="B121922" s="14" t="s">
        <v>1</v>
      </c>
      <c r="C121922" s="14" t="s">
        <v>565</v>
      </c>
      <c r="D121922" s="14" t="s">
        <v>39</v>
      </c>
      <c r="E121922" s="15">
        <v>45388</v>
      </c>
      <c r="F121922" s="14" t="s">
        <v>15</v>
      </c>
      <c r="G121922" s="16">
        <v>0</v>
      </c>
    </row>
    <row r="121923" spans="1:7" x14ac:dyDescent="0.3">
      <c r="A121923" s="13" t="s">
        <v>570</v>
      </c>
      <c r="B121923" s="14" t="s">
        <v>1</v>
      </c>
      <c r="C121923" s="14" t="s">
        <v>565</v>
      </c>
      <c r="D121923" s="14" t="s">
        <v>39</v>
      </c>
      <c r="E121923" s="15">
        <v>45389</v>
      </c>
      <c r="F121923" s="14" t="s">
        <v>15</v>
      </c>
      <c r="G121923" s="16">
        <v>0</v>
      </c>
    </row>
    <row r="121924" spans="1:7" x14ac:dyDescent="0.3">
      <c r="A121924" s="13" t="s">
        <v>570</v>
      </c>
      <c r="B121924" s="14" t="s">
        <v>1</v>
      </c>
      <c r="C121924" s="14" t="s">
        <v>565</v>
      </c>
      <c r="D121924" s="14" t="s">
        <v>39</v>
      </c>
      <c r="E121924" s="15">
        <v>45390</v>
      </c>
      <c r="F121924" s="14" t="s">
        <v>15</v>
      </c>
      <c r="G121924" s="16">
        <v>0</v>
      </c>
    </row>
    <row r="121925" spans="1:7" x14ac:dyDescent="0.3">
      <c r="A121925" s="13" t="s">
        <v>570</v>
      </c>
      <c r="B121925" s="14" t="s">
        <v>1</v>
      </c>
      <c r="C121925" s="14" t="s">
        <v>565</v>
      </c>
      <c r="D121925" s="14" t="s">
        <v>39</v>
      </c>
      <c r="E121925" s="15">
        <v>45391</v>
      </c>
      <c r="F121925" s="14" t="s">
        <v>15</v>
      </c>
      <c r="G121925" s="16">
        <v>4.4517537394638276E-2</v>
      </c>
    </row>
    <row r="121926" spans="1:7" x14ac:dyDescent="0.3">
      <c r="A121926" s="13" t="s">
        <v>570</v>
      </c>
      <c r="B121926" s="14" t="s">
        <v>1</v>
      </c>
      <c r="C121926" s="14" t="s">
        <v>565</v>
      </c>
      <c r="D121926" s="14" t="s">
        <v>39</v>
      </c>
      <c r="E121926" s="15">
        <v>45392</v>
      </c>
      <c r="F121926" s="14" t="s">
        <v>15</v>
      </c>
      <c r="G121926" s="16">
        <v>4.2876130937041179E-2</v>
      </c>
    </row>
    <row r="121927" spans="1:7" x14ac:dyDescent="0.3">
      <c r="A121927" s="13" t="s">
        <v>570</v>
      </c>
      <c r="B121927" s="14" t="s">
        <v>1</v>
      </c>
      <c r="C121927" s="14" t="s">
        <v>565</v>
      </c>
      <c r="D121927" s="14" t="s">
        <v>39</v>
      </c>
      <c r="E121927" s="15">
        <v>45393</v>
      </c>
      <c r="F121927" s="14" t="s">
        <v>15</v>
      </c>
      <c r="G121927" s="16">
        <v>4.1227204691846576E-2</v>
      </c>
    </row>
    <row r="121928" spans="1:7" x14ac:dyDescent="0.3">
      <c r="A121928" s="13" t="s">
        <v>570</v>
      </c>
      <c r="B121928" s="14" t="s">
        <v>1</v>
      </c>
      <c r="C121928" s="14" t="s">
        <v>565</v>
      </c>
      <c r="D121928" s="14" t="s">
        <v>39</v>
      </c>
      <c r="E121928" s="15">
        <v>45394</v>
      </c>
      <c r="F121928" s="14" t="s">
        <v>15</v>
      </c>
      <c r="G121928" s="16">
        <v>4.3233286304014337E-2</v>
      </c>
    </row>
    <row r="121929" spans="1:7" x14ac:dyDescent="0.3">
      <c r="A121929" s="13" t="s">
        <v>570</v>
      </c>
      <c r="B121929" s="14" t="s">
        <v>1</v>
      </c>
      <c r="C121929" s="14" t="s">
        <v>565</v>
      </c>
      <c r="D121929" s="14" t="s">
        <v>39</v>
      </c>
      <c r="E121929" s="15">
        <v>45395</v>
      </c>
      <c r="F121929" s="14" t="s">
        <v>15</v>
      </c>
      <c r="G121929" s="16">
        <v>4.3233286304014337E-2</v>
      </c>
    </row>
    <row r="121930" spans="1:7" x14ac:dyDescent="0.3">
      <c r="A121930" s="13" t="s">
        <v>570</v>
      </c>
      <c r="B121930" s="14" t="s">
        <v>1</v>
      </c>
      <c r="C121930" s="14" t="s">
        <v>565</v>
      </c>
      <c r="D121930" s="14" t="s">
        <v>39</v>
      </c>
      <c r="E121930" s="15">
        <v>45396</v>
      </c>
      <c r="F121930" s="14" t="s">
        <v>15</v>
      </c>
      <c r="G121930" s="16">
        <v>4.3233286304014337E-2</v>
      </c>
    </row>
    <row r="121931" spans="1:7" x14ac:dyDescent="0.3">
      <c r="A121931" s="13" t="s">
        <v>570</v>
      </c>
      <c r="B121931" s="14" t="s">
        <v>1</v>
      </c>
      <c r="C121931" s="14" t="s">
        <v>565</v>
      </c>
      <c r="D121931" s="14" t="s">
        <v>39</v>
      </c>
      <c r="E121931" s="15">
        <v>45397</v>
      </c>
      <c r="F121931" s="14" t="s">
        <v>15</v>
      </c>
      <c r="G121931" s="16">
        <v>4.1580367271572993E-2</v>
      </c>
    </row>
    <row r="121932" spans="1:7" x14ac:dyDescent="0.3">
      <c r="A121932" s="13" t="s">
        <v>570</v>
      </c>
      <c r="B121932" s="14" t="s">
        <v>1</v>
      </c>
      <c r="C121932" s="14" t="s">
        <v>565</v>
      </c>
      <c r="D121932" s="14" t="s">
        <v>39</v>
      </c>
      <c r="E121932" s="15">
        <v>45398</v>
      </c>
      <c r="F121932" s="14" t="s">
        <v>15</v>
      </c>
      <c r="G121932" s="16">
        <v>3.6671052861962289E-2</v>
      </c>
    </row>
    <row r="121933" spans="1:7" x14ac:dyDescent="0.3">
      <c r="A121933" s="13" t="s">
        <v>570</v>
      </c>
      <c r="B121933" s="14" t="s">
        <v>1</v>
      </c>
      <c r="C121933" s="14" t="s">
        <v>565</v>
      </c>
      <c r="D121933" s="14" t="s">
        <v>39</v>
      </c>
      <c r="E121933" s="15">
        <v>45399</v>
      </c>
      <c r="F121933" s="14" t="s">
        <v>15</v>
      </c>
      <c r="G121933" s="16">
        <v>3.5058326967077405E-2</v>
      </c>
    </row>
    <row r="121934" spans="1:7" x14ac:dyDescent="0.3">
      <c r="A121934" s="13" t="s">
        <v>570</v>
      </c>
      <c r="B121934" s="14" t="s">
        <v>1</v>
      </c>
      <c r="C121934" s="14" t="s">
        <v>565</v>
      </c>
      <c r="D121934" s="14" t="s">
        <v>39</v>
      </c>
      <c r="E121934" s="15">
        <v>45400</v>
      </c>
      <c r="F121934" s="14" t="s">
        <v>15</v>
      </c>
      <c r="G121934" s="16">
        <v>9.9612334637622771E-2</v>
      </c>
    </row>
    <row r="121935" spans="1:7" x14ac:dyDescent="0.3">
      <c r="A121935" s="13" t="s">
        <v>570</v>
      </c>
      <c r="B121935" s="14" t="s">
        <v>1</v>
      </c>
      <c r="C121935" s="14" t="s">
        <v>565</v>
      </c>
      <c r="D121935" s="14" t="s">
        <v>39</v>
      </c>
      <c r="E121935" s="15">
        <v>45401</v>
      </c>
      <c r="F121935" s="14" t="s">
        <v>15</v>
      </c>
      <c r="G121935" s="16">
        <v>9.7887632322700174E-2</v>
      </c>
    </row>
    <row r="121936" spans="1:7" x14ac:dyDescent="0.3">
      <c r="A121936" s="13" t="s">
        <v>570</v>
      </c>
      <c r="B121936" s="14" t="s">
        <v>1</v>
      </c>
      <c r="C121936" s="14" t="s">
        <v>565</v>
      </c>
      <c r="D121936" s="14" t="s">
        <v>39</v>
      </c>
      <c r="E121936" s="15">
        <v>45402</v>
      </c>
      <c r="F121936" s="14" t="s">
        <v>15</v>
      </c>
      <c r="G121936" s="16">
        <v>9.7887632322700174E-2</v>
      </c>
    </row>
    <row r="121937" spans="1:7" x14ac:dyDescent="0.3">
      <c r="A121937" s="13" t="s">
        <v>570</v>
      </c>
      <c r="B121937" s="14" t="s">
        <v>1</v>
      </c>
      <c r="C121937" s="14" t="s">
        <v>565</v>
      </c>
      <c r="D121937" s="14" t="s">
        <v>39</v>
      </c>
      <c r="E121937" s="15">
        <v>45403</v>
      </c>
      <c r="F121937" s="14" t="s">
        <v>15</v>
      </c>
      <c r="G121937" s="16">
        <v>9.7887632322700174E-2</v>
      </c>
    </row>
    <row r="121938" spans="1:7" x14ac:dyDescent="0.3">
      <c r="A121938" s="13" t="s">
        <v>570</v>
      </c>
      <c r="B121938" s="14" t="s">
        <v>1</v>
      </c>
      <c r="C121938" s="14" t="s">
        <v>565</v>
      </c>
      <c r="D121938" s="14" t="s">
        <v>39</v>
      </c>
      <c r="E121938" s="15">
        <v>45404</v>
      </c>
      <c r="F121938" s="14" t="s">
        <v>15</v>
      </c>
      <c r="G121938" s="16">
        <v>9.6300703052305897E-2</v>
      </c>
    </row>
    <row r="121939" spans="1:7" x14ac:dyDescent="0.3">
      <c r="A121939" s="13" t="s">
        <v>570</v>
      </c>
      <c r="B121939" s="14" t="s">
        <v>1</v>
      </c>
      <c r="C121939" s="14" t="s">
        <v>565</v>
      </c>
      <c r="D121939" s="14" t="s">
        <v>39</v>
      </c>
      <c r="E121939" s="15">
        <v>45405</v>
      </c>
      <c r="F121939" s="14" t="s">
        <v>15</v>
      </c>
      <c r="G121939" s="16">
        <v>9.1615693508183049E-2</v>
      </c>
    </row>
    <row r="121940" spans="1:7" x14ac:dyDescent="0.3">
      <c r="A121940" s="13" t="s">
        <v>570</v>
      </c>
      <c r="B121940" s="14" t="s">
        <v>1</v>
      </c>
      <c r="C121940" s="14" t="s">
        <v>565</v>
      </c>
      <c r="D121940" s="14" t="s">
        <v>39</v>
      </c>
      <c r="E121940" s="15">
        <v>45406</v>
      </c>
      <c r="F121940" s="14" t="s">
        <v>15</v>
      </c>
      <c r="G121940" s="16">
        <v>8.986919733317926E-2</v>
      </c>
    </row>
    <row r="121941" spans="1:7" x14ac:dyDescent="0.3">
      <c r="A121941" s="13" t="s">
        <v>570</v>
      </c>
      <c r="B121941" s="14" t="s">
        <v>1</v>
      </c>
      <c r="C121941" s="14" t="s">
        <v>565</v>
      </c>
      <c r="D121941" s="14" t="s">
        <v>39</v>
      </c>
      <c r="E121941" s="15">
        <v>45407</v>
      </c>
      <c r="F121941" s="14" t="s">
        <v>15</v>
      </c>
      <c r="G121941" s="16">
        <v>8.6191950393880473E-2</v>
      </c>
    </row>
    <row r="121942" spans="1:7" x14ac:dyDescent="0.3">
      <c r="A121942" s="13" t="s">
        <v>570</v>
      </c>
      <c r="B121942" s="14" t="s">
        <v>1</v>
      </c>
      <c r="C121942" s="14" t="s">
        <v>565</v>
      </c>
      <c r="D121942" s="14" t="s">
        <v>39</v>
      </c>
      <c r="E121942" s="15">
        <v>45408</v>
      </c>
      <c r="F121942" s="14" t="s">
        <v>15</v>
      </c>
      <c r="G121942" s="16">
        <v>8.4741187302504725E-2</v>
      </c>
    </row>
    <row r="121943" spans="1:7" x14ac:dyDescent="0.3">
      <c r="A121943" s="13" t="s">
        <v>570</v>
      </c>
      <c r="B121943" s="14" t="s">
        <v>1</v>
      </c>
      <c r="C121943" s="14" t="s">
        <v>565</v>
      </c>
      <c r="D121943" s="14" t="s">
        <v>39</v>
      </c>
      <c r="E121943" s="15">
        <v>45409</v>
      </c>
      <c r="F121943" s="14" t="s">
        <v>15</v>
      </c>
      <c r="G121943" s="16">
        <v>8.4741187302504725E-2</v>
      </c>
    </row>
    <row r="121944" spans="1:7" x14ac:dyDescent="0.3">
      <c r="A121944" s="13" t="s">
        <v>570</v>
      </c>
      <c r="B121944" s="14" t="s">
        <v>1</v>
      </c>
      <c r="C121944" s="14" t="s">
        <v>565</v>
      </c>
      <c r="D121944" s="14" t="s">
        <v>39</v>
      </c>
      <c r="E121944" s="15">
        <v>45410</v>
      </c>
      <c r="F121944" s="14" t="s">
        <v>15</v>
      </c>
      <c r="G121944" s="16">
        <v>8.4741187302504725E-2</v>
      </c>
    </row>
    <row r="121945" spans="1:7" x14ac:dyDescent="0.3">
      <c r="A121945" s="13" t="s">
        <v>570</v>
      </c>
      <c r="B121945" s="14" t="s">
        <v>1</v>
      </c>
      <c r="C121945" s="14" t="s">
        <v>565</v>
      </c>
      <c r="D121945" s="14" t="s">
        <v>39</v>
      </c>
      <c r="E121945" s="15">
        <v>45411</v>
      </c>
      <c r="F121945" s="14" t="s">
        <v>15</v>
      </c>
      <c r="G121945" s="16">
        <v>8.0611987887443962E-2</v>
      </c>
    </row>
    <row r="121946" spans="1:7" x14ac:dyDescent="0.3">
      <c r="A121946" s="13" t="s">
        <v>570</v>
      </c>
      <c r="B121946" s="14" t="s">
        <v>1</v>
      </c>
      <c r="C121946" s="14" t="s">
        <v>565</v>
      </c>
      <c r="D121946" s="14" t="s">
        <v>39</v>
      </c>
      <c r="E121946" s="15">
        <v>45412</v>
      </c>
      <c r="F121946" s="14" t="s">
        <v>15</v>
      </c>
      <c r="G121946" s="16">
        <v>7.8037268855301073E-2</v>
      </c>
    </row>
    <row r="121947" spans="1:7" x14ac:dyDescent="0.3">
      <c r="A121947" s="13" t="s">
        <v>570</v>
      </c>
      <c r="B121947" s="14" t="s">
        <v>1</v>
      </c>
      <c r="C121947" s="14" t="s">
        <v>565</v>
      </c>
      <c r="D121947" s="14" t="s">
        <v>39</v>
      </c>
      <c r="E121947" s="15">
        <v>45413</v>
      </c>
      <c r="F121947" s="14" t="s">
        <v>15</v>
      </c>
      <c r="G121947" s="16">
        <v>7.8037268855301073E-2</v>
      </c>
    </row>
    <row r="121948" spans="1:7" x14ac:dyDescent="0.3">
      <c r="A121948" s="13" t="s">
        <v>570</v>
      </c>
      <c r="B121948" s="14" t="s">
        <v>1</v>
      </c>
      <c r="C121948" s="14" t="s">
        <v>565</v>
      </c>
      <c r="D121948" s="14" t="s">
        <v>39</v>
      </c>
      <c r="E121948" s="15">
        <v>45414</v>
      </c>
      <c r="F121948" s="14" t="s">
        <v>15</v>
      </c>
      <c r="G121948" s="16">
        <v>7.8037268855301073E-2</v>
      </c>
    </row>
    <row r="121949" spans="1:7" x14ac:dyDescent="0.3">
      <c r="A121949" s="13" t="s">
        <v>570</v>
      </c>
      <c r="B121949" s="14" t="s">
        <v>1</v>
      </c>
      <c r="C121949" s="14" t="s">
        <v>565</v>
      </c>
      <c r="D121949" s="14" t="s">
        <v>39</v>
      </c>
      <c r="E121949" s="15">
        <v>45415</v>
      </c>
      <c r="F121949" s="14" t="s">
        <v>15</v>
      </c>
      <c r="G121949" s="16">
        <v>7.8037268855301073E-2</v>
      </c>
    </row>
    <row r="121950" spans="1:7" x14ac:dyDescent="0.3">
      <c r="A121950" s="13" t="s">
        <v>570</v>
      </c>
      <c r="B121950" s="14" t="s">
        <v>1</v>
      </c>
      <c r="C121950" s="14" t="s">
        <v>565</v>
      </c>
      <c r="D121950" s="14" t="s">
        <v>39</v>
      </c>
      <c r="E121950" s="15">
        <v>45416</v>
      </c>
      <c r="F121950" s="14" t="s">
        <v>15</v>
      </c>
      <c r="G121950" s="16">
        <v>7.8037268855301073E-2</v>
      </c>
    </row>
    <row r="121951" spans="1:7" x14ac:dyDescent="0.3">
      <c r="A121951" s="13" t="s">
        <v>570</v>
      </c>
      <c r="B121951" s="14" t="s">
        <v>1</v>
      </c>
      <c r="C121951" s="14" t="s">
        <v>565</v>
      </c>
      <c r="D121951" s="14" t="s">
        <v>39</v>
      </c>
      <c r="E121951" s="15">
        <v>45417</v>
      </c>
      <c r="F121951" s="14" t="s">
        <v>15</v>
      </c>
      <c r="G121951" s="16">
        <v>7.8037268855301073E-2</v>
      </c>
    </row>
    <row r="121952" spans="1:7" x14ac:dyDescent="0.3">
      <c r="A121952" s="13" t="s">
        <v>570</v>
      </c>
      <c r="B121952" s="14" t="s">
        <v>1</v>
      </c>
      <c r="C121952" s="14" t="s">
        <v>565</v>
      </c>
      <c r="D121952" s="14" t="s">
        <v>39</v>
      </c>
      <c r="E121952" s="15">
        <v>45418</v>
      </c>
      <c r="F121952" s="14" t="s">
        <v>15</v>
      </c>
      <c r="G121952" s="16">
        <v>7.8037268855301073E-2</v>
      </c>
    </row>
    <row r="121953" spans="1:7" x14ac:dyDescent="0.3">
      <c r="A121953" s="13" t="s">
        <v>570</v>
      </c>
      <c r="B121953" s="14" t="s">
        <v>1</v>
      </c>
      <c r="C121953" s="14" t="s">
        <v>565</v>
      </c>
      <c r="D121953" s="14" t="s">
        <v>39</v>
      </c>
      <c r="E121953" s="15">
        <v>45419</v>
      </c>
      <c r="F121953" s="14" t="s">
        <v>15</v>
      </c>
      <c r="G121953" s="16">
        <v>7.4015891312502594E-2</v>
      </c>
    </row>
    <row r="121954" spans="1:7" x14ac:dyDescent="0.3">
      <c r="A121954" s="13" t="s">
        <v>570</v>
      </c>
      <c r="B121954" s="14" t="s">
        <v>1</v>
      </c>
      <c r="C121954" s="14" t="s">
        <v>565</v>
      </c>
      <c r="D121954" s="14" t="s">
        <v>39</v>
      </c>
      <c r="E121954" s="15">
        <v>45420</v>
      </c>
      <c r="F121954" s="14" t="s">
        <v>15</v>
      </c>
      <c r="G121954" s="16">
        <v>6.9401482110577686E-2</v>
      </c>
    </row>
    <row r="121955" spans="1:7" x14ac:dyDescent="0.3">
      <c r="A121955" s="13" t="s">
        <v>570</v>
      </c>
      <c r="B121955" s="14" t="s">
        <v>1</v>
      </c>
      <c r="C121955" s="14" t="s">
        <v>565</v>
      </c>
      <c r="D121955" s="14" t="s">
        <v>39</v>
      </c>
      <c r="E121955" s="15">
        <v>45421</v>
      </c>
      <c r="F121955" s="14" t="s">
        <v>15</v>
      </c>
      <c r="G121955" s="16">
        <v>7.0789854758505272E-2</v>
      </c>
    </row>
    <row r="121956" spans="1:7" x14ac:dyDescent="0.3">
      <c r="A121956" s="13" t="s">
        <v>570</v>
      </c>
      <c r="B121956" s="14" t="s">
        <v>1</v>
      </c>
      <c r="C121956" s="14" t="s">
        <v>565</v>
      </c>
      <c r="D121956" s="14" t="s">
        <v>39</v>
      </c>
      <c r="E121956" s="15">
        <v>45422</v>
      </c>
      <c r="F121956" s="14" t="s">
        <v>15</v>
      </c>
      <c r="G121956" s="16">
        <v>0.11485548743252968</v>
      </c>
    </row>
    <row r="121957" spans="1:7" x14ac:dyDescent="0.3">
      <c r="A121957" s="13" t="s">
        <v>570</v>
      </c>
      <c r="B121957" s="14" t="s">
        <v>1</v>
      </c>
      <c r="C121957" s="14" t="s">
        <v>565</v>
      </c>
      <c r="D121957" s="14" t="s">
        <v>39</v>
      </c>
      <c r="E121957" s="15">
        <v>45423</v>
      </c>
      <c r="F121957" s="14" t="s">
        <v>15</v>
      </c>
      <c r="G121957" s="16">
        <v>0.11485548743252968</v>
      </c>
    </row>
    <row r="121958" spans="1:7" x14ac:dyDescent="0.3">
      <c r="A121958" s="13" t="s">
        <v>570</v>
      </c>
      <c r="B121958" s="14" t="s">
        <v>1</v>
      </c>
      <c r="C121958" s="14" t="s">
        <v>565</v>
      </c>
      <c r="D121958" s="14" t="s">
        <v>39</v>
      </c>
      <c r="E121958" s="15">
        <v>45424</v>
      </c>
      <c r="F121958" s="14" t="s">
        <v>15</v>
      </c>
      <c r="G121958" s="16">
        <v>0.11485548743252968</v>
      </c>
    </row>
    <row r="121959" spans="1:7" x14ac:dyDescent="0.3">
      <c r="A121959" s="13" t="s">
        <v>570</v>
      </c>
      <c r="B121959" s="14" t="s">
        <v>1</v>
      </c>
      <c r="C121959" s="14" t="s">
        <v>565</v>
      </c>
      <c r="D121959" s="14" t="s">
        <v>39</v>
      </c>
      <c r="E121959" s="15">
        <v>45425</v>
      </c>
      <c r="F121959" s="14" t="s">
        <v>15</v>
      </c>
      <c r="G121959" s="16">
        <v>0.13125955199133982</v>
      </c>
    </row>
    <row r="121960" spans="1:7" x14ac:dyDescent="0.3">
      <c r="A121960" s="13" t="s">
        <v>570</v>
      </c>
      <c r="B121960" s="14" t="s">
        <v>1</v>
      </c>
      <c r="C121960" s="14" t="s">
        <v>565</v>
      </c>
      <c r="D121960" s="14" t="s">
        <v>39</v>
      </c>
      <c r="E121960" s="15">
        <v>45426</v>
      </c>
      <c r="F121960" s="14" t="s">
        <v>15</v>
      </c>
      <c r="G121960" s="16">
        <v>0.12621705071975572</v>
      </c>
    </row>
    <row r="121961" spans="1:7" x14ac:dyDescent="0.3">
      <c r="A121961" s="13" t="s">
        <v>570</v>
      </c>
      <c r="B121961" s="14" t="s">
        <v>1</v>
      </c>
      <c r="C121961" s="14" t="s">
        <v>565</v>
      </c>
      <c r="D121961" s="14" t="s">
        <v>39</v>
      </c>
      <c r="E121961" s="15">
        <v>45427</v>
      </c>
      <c r="F121961" s="14" t="s">
        <v>15</v>
      </c>
      <c r="G121961" s="16">
        <v>0.12621705071975572</v>
      </c>
    </row>
    <row r="121962" spans="1:7" x14ac:dyDescent="0.3">
      <c r="A121962" s="13" t="s">
        <v>570</v>
      </c>
      <c r="B121962" s="14" t="s">
        <v>1</v>
      </c>
      <c r="C121962" s="14" t="s">
        <v>565</v>
      </c>
      <c r="D121962" s="14" t="s">
        <v>39</v>
      </c>
      <c r="E121962" s="15">
        <v>45428</v>
      </c>
      <c r="F121962" s="14" t="s">
        <v>15</v>
      </c>
      <c r="G121962" s="16">
        <v>0.12452797606707357</v>
      </c>
    </row>
    <row r="121963" spans="1:7" x14ac:dyDescent="0.3">
      <c r="A121963" s="13" t="s">
        <v>570</v>
      </c>
      <c r="B121963" s="14" t="s">
        <v>1</v>
      </c>
      <c r="C121963" s="14" t="s">
        <v>565</v>
      </c>
      <c r="D121963" s="14" t="s">
        <v>39</v>
      </c>
      <c r="E121963" s="15">
        <v>45429</v>
      </c>
      <c r="F121963" s="14" t="s">
        <v>15</v>
      </c>
      <c r="G121963" s="16">
        <v>0.14743115572408066</v>
      </c>
    </row>
    <row r="121964" spans="1:7" x14ac:dyDescent="0.3">
      <c r="A121964" s="13" t="s">
        <v>570</v>
      </c>
      <c r="B121964" s="14" t="s">
        <v>1</v>
      </c>
      <c r="C121964" s="14" t="s">
        <v>565</v>
      </c>
      <c r="D121964" s="14" t="s">
        <v>39</v>
      </c>
      <c r="E121964" s="15">
        <v>45430</v>
      </c>
      <c r="F121964" s="14" t="s">
        <v>15</v>
      </c>
      <c r="G121964" s="16">
        <v>0.14743115572408066</v>
      </c>
    </row>
    <row r="121965" spans="1:7" x14ac:dyDescent="0.3">
      <c r="A121965" s="13" t="s">
        <v>570</v>
      </c>
      <c r="B121965" s="14" t="s">
        <v>1</v>
      </c>
      <c r="C121965" s="14" t="s">
        <v>565</v>
      </c>
      <c r="D121965" s="14" t="s">
        <v>39</v>
      </c>
      <c r="E121965" s="15">
        <v>45431</v>
      </c>
      <c r="F121965" s="14" t="s">
        <v>15</v>
      </c>
      <c r="G121965" s="16">
        <v>0.14743115572408066</v>
      </c>
    </row>
    <row r="121966" spans="1:7" x14ac:dyDescent="0.3">
      <c r="A121966" s="13" t="s">
        <v>570</v>
      </c>
      <c r="B121966" s="14" t="s">
        <v>1</v>
      </c>
      <c r="C121966" s="14" t="s">
        <v>565</v>
      </c>
      <c r="D121966" s="14" t="s">
        <v>39</v>
      </c>
      <c r="E121966" s="15">
        <v>45432</v>
      </c>
      <c r="F121966" s="14" t="s">
        <v>15</v>
      </c>
      <c r="G121966" s="16">
        <v>0.19334884096719324</v>
      </c>
    </row>
    <row r="121967" spans="1:7" x14ac:dyDescent="0.3">
      <c r="A121967" s="13" t="s">
        <v>570</v>
      </c>
      <c r="B121967" s="14" t="s">
        <v>1</v>
      </c>
      <c r="C121967" s="14" t="s">
        <v>565</v>
      </c>
      <c r="D121967" s="14" t="s">
        <v>39</v>
      </c>
      <c r="E121967" s="15">
        <v>45433</v>
      </c>
      <c r="F121967" s="14" t="s">
        <v>15</v>
      </c>
      <c r="G121967" s="16">
        <v>0.19632011800751831</v>
      </c>
    </row>
    <row r="121968" spans="1:7" x14ac:dyDescent="0.3">
      <c r="A121968" s="13" t="s">
        <v>570</v>
      </c>
      <c r="B121968" s="14" t="s">
        <v>1</v>
      </c>
      <c r="C121968" s="14" t="s">
        <v>565</v>
      </c>
      <c r="D121968" s="14" t="s">
        <v>39</v>
      </c>
      <c r="E121968" s="15">
        <v>45434</v>
      </c>
      <c r="F121968" s="14" t="s">
        <v>15</v>
      </c>
      <c r="G121968" s="16">
        <v>0.19458798690090298</v>
      </c>
    </row>
    <row r="121969" spans="1:7" x14ac:dyDescent="0.3">
      <c r="A121969" s="13" t="s">
        <v>570</v>
      </c>
      <c r="B121969" s="14" t="s">
        <v>1</v>
      </c>
      <c r="C121969" s="14" t="s">
        <v>565</v>
      </c>
      <c r="D121969" s="14" t="s">
        <v>39</v>
      </c>
      <c r="E121969" s="15">
        <v>45435</v>
      </c>
      <c r="F121969" s="14" t="s">
        <v>15</v>
      </c>
      <c r="G121969" s="16">
        <v>0.20940732181493371</v>
      </c>
    </row>
    <row r="121970" spans="1:7" x14ac:dyDescent="0.3">
      <c r="A121970" s="13" t="s">
        <v>570</v>
      </c>
      <c r="B121970" s="14" t="s">
        <v>1</v>
      </c>
      <c r="C121970" s="14" t="s">
        <v>565</v>
      </c>
      <c r="D121970" s="14" t="s">
        <v>39</v>
      </c>
      <c r="E121970" s="15">
        <v>45436</v>
      </c>
      <c r="F121970" s="14" t="s">
        <v>15</v>
      </c>
      <c r="G121970" s="16">
        <v>0.20769775277600855</v>
      </c>
    </row>
    <row r="121971" spans="1:7" x14ac:dyDescent="0.3">
      <c r="A121971" s="13" t="s">
        <v>570</v>
      </c>
      <c r="B121971" s="14" t="s">
        <v>1</v>
      </c>
      <c r="C121971" s="14" t="s">
        <v>565</v>
      </c>
      <c r="D121971" s="14" t="s">
        <v>39</v>
      </c>
      <c r="E121971" s="15">
        <v>45437</v>
      </c>
      <c r="F121971" s="14" t="s">
        <v>15</v>
      </c>
      <c r="G121971" s="16">
        <v>0.20769775277600855</v>
      </c>
    </row>
    <row r="121972" spans="1:7" x14ac:dyDescent="0.3">
      <c r="A121972" s="13" t="s">
        <v>570</v>
      </c>
      <c r="B121972" s="14" t="s">
        <v>1</v>
      </c>
      <c r="C121972" s="14" t="s">
        <v>565</v>
      </c>
      <c r="D121972" s="14" t="s">
        <v>39</v>
      </c>
      <c r="E121972" s="15">
        <v>45438</v>
      </c>
      <c r="F121972" s="14" t="s">
        <v>15</v>
      </c>
      <c r="G121972" s="16">
        <v>0.20769775277600855</v>
      </c>
    </row>
    <row r="121973" spans="1:7" x14ac:dyDescent="0.3">
      <c r="A121973" s="13" t="s">
        <v>570</v>
      </c>
      <c r="B121973" s="14" t="s">
        <v>1</v>
      </c>
      <c r="C121973" s="14" t="s">
        <v>565</v>
      </c>
      <c r="D121973" s="14" t="s">
        <v>39</v>
      </c>
      <c r="E121973" s="15">
        <v>45439</v>
      </c>
      <c r="F121973" s="14" t="s">
        <v>15</v>
      </c>
      <c r="G121973" s="16">
        <v>0.20541219277682471</v>
      </c>
    </row>
    <row r="121974" spans="1:7" x14ac:dyDescent="0.3">
      <c r="A121974" s="13" t="s">
        <v>570</v>
      </c>
      <c r="B121974" s="14" t="s">
        <v>1</v>
      </c>
      <c r="C121974" s="14" t="s">
        <v>565</v>
      </c>
      <c r="D121974" s="14" t="s">
        <v>39</v>
      </c>
      <c r="E121974" s="15">
        <v>45440</v>
      </c>
      <c r="F121974" s="14" t="s">
        <v>15</v>
      </c>
      <c r="G121974" s="16">
        <v>0.20322447544819358</v>
      </c>
    </row>
    <row r="121975" spans="1:7" x14ac:dyDescent="0.3">
      <c r="A121975" s="13" t="s">
        <v>570</v>
      </c>
      <c r="B121975" s="14" t="s">
        <v>1</v>
      </c>
      <c r="C121975" s="14" t="s">
        <v>565</v>
      </c>
      <c r="D121975" s="14" t="s">
        <v>39</v>
      </c>
      <c r="E121975" s="15">
        <v>45441</v>
      </c>
      <c r="F121975" s="14" t="s">
        <v>15</v>
      </c>
      <c r="G121975" s="16">
        <v>0.1997841642431418</v>
      </c>
    </row>
    <row r="121976" spans="1:7" x14ac:dyDescent="0.3">
      <c r="A121976" s="13" t="s">
        <v>570</v>
      </c>
      <c r="B121976" s="14" t="s">
        <v>1</v>
      </c>
      <c r="C121976" s="14" t="s">
        <v>565</v>
      </c>
      <c r="D121976" s="14" t="s">
        <v>39</v>
      </c>
      <c r="E121976" s="15">
        <v>45442</v>
      </c>
      <c r="F121976" s="14" t="s">
        <v>15</v>
      </c>
      <c r="G121976" s="16">
        <v>0.23895723836371355</v>
      </c>
    </row>
    <row r="121977" spans="1:7" x14ac:dyDescent="0.3">
      <c r="A121977" s="13" t="s">
        <v>570</v>
      </c>
      <c r="B121977" s="14" t="s">
        <v>1</v>
      </c>
      <c r="C121977" s="14" t="s">
        <v>565</v>
      </c>
      <c r="D121977" s="14" t="s">
        <v>39</v>
      </c>
      <c r="E121977" s="15">
        <v>45443</v>
      </c>
      <c r="F121977" s="14" t="s">
        <v>15</v>
      </c>
      <c r="G121977" s="16">
        <v>0.27162438167680431</v>
      </c>
    </row>
    <row r="121978" spans="1:7" x14ac:dyDescent="0.3">
      <c r="A121978" s="13" t="s">
        <v>570</v>
      </c>
      <c r="B121978" s="14" t="s">
        <v>1</v>
      </c>
      <c r="C121978" s="14" t="s">
        <v>565</v>
      </c>
      <c r="D121978" s="14" t="s">
        <v>39</v>
      </c>
      <c r="E121978" s="15">
        <v>45444</v>
      </c>
      <c r="F121978" s="14" t="s">
        <v>15</v>
      </c>
      <c r="G121978" s="16">
        <v>0.27162438167680431</v>
      </c>
    </row>
    <row r="121979" spans="1:7" x14ac:dyDescent="0.3">
      <c r="A121979" s="13" t="s">
        <v>570</v>
      </c>
      <c r="B121979" s="14" t="s">
        <v>1</v>
      </c>
      <c r="C121979" s="14" t="s">
        <v>565</v>
      </c>
      <c r="D121979" s="14" t="s">
        <v>39</v>
      </c>
      <c r="E121979" s="15">
        <v>45445</v>
      </c>
      <c r="F121979" s="14" t="s">
        <v>15</v>
      </c>
      <c r="G121979" s="16">
        <v>0.27162438167680431</v>
      </c>
    </row>
    <row r="121980" spans="1:7" x14ac:dyDescent="0.3">
      <c r="A121980" s="13" t="s">
        <v>570</v>
      </c>
      <c r="B121980" s="14" t="s">
        <v>1</v>
      </c>
      <c r="C121980" s="14" t="s">
        <v>565</v>
      </c>
      <c r="D121980" s="14" t="s">
        <v>39</v>
      </c>
      <c r="E121980" s="15">
        <v>45446</v>
      </c>
      <c r="F121980" s="14" t="s">
        <v>15</v>
      </c>
      <c r="G121980" s="16">
        <v>0.27162438167680431</v>
      </c>
    </row>
    <row r="121981" spans="1:7" x14ac:dyDescent="0.3">
      <c r="A121981" s="13" t="s">
        <v>570</v>
      </c>
      <c r="B121981" s="14" t="s">
        <v>1</v>
      </c>
      <c r="C121981" s="14" t="s">
        <v>565</v>
      </c>
      <c r="D121981" s="14" t="s">
        <v>39</v>
      </c>
      <c r="E121981" s="15">
        <v>45447</v>
      </c>
      <c r="F121981" s="14" t="s">
        <v>15</v>
      </c>
      <c r="G121981" s="16">
        <v>0.28337065267588218</v>
      </c>
    </row>
    <row r="121982" spans="1:7" x14ac:dyDescent="0.3">
      <c r="A121982" s="13" t="s">
        <v>570</v>
      </c>
      <c r="B121982" s="14" t="s">
        <v>1</v>
      </c>
      <c r="C121982" s="14" t="s">
        <v>565</v>
      </c>
      <c r="D121982" s="14" t="s">
        <v>39</v>
      </c>
      <c r="E121982" s="15">
        <v>45448</v>
      </c>
      <c r="F121982" s="14" t="s">
        <v>15</v>
      </c>
      <c r="G121982" s="16">
        <v>0.31934163634295792</v>
      </c>
    </row>
    <row r="121983" spans="1:7" x14ac:dyDescent="0.3">
      <c r="A121983" s="13" t="s">
        <v>570</v>
      </c>
      <c r="B121983" s="14" t="s">
        <v>1</v>
      </c>
      <c r="C121983" s="14" t="s">
        <v>565</v>
      </c>
      <c r="D121983" s="14" t="s">
        <v>39</v>
      </c>
      <c r="E121983" s="15">
        <v>45449</v>
      </c>
      <c r="F121983" s="14" t="s">
        <v>15</v>
      </c>
      <c r="G121983" s="16">
        <v>0.31767653227260684</v>
      </c>
    </row>
    <row r="121984" spans="1:7" x14ac:dyDescent="0.3">
      <c r="A121984" s="13" t="s">
        <v>570</v>
      </c>
      <c r="B121984" s="14" t="s">
        <v>1</v>
      </c>
      <c r="C121984" s="14" t="s">
        <v>565</v>
      </c>
      <c r="D121984" s="14" t="s">
        <v>39</v>
      </c>
      <c r="E121984" s="15">
        <v>45450</v>
      </c>
      <c r="F121984" s="14" t="s">
        <v>15</v>
      </c>
      <c r="G121984" s="16">
        <v>0.31599026962752463</v>
      </c>
    </row>
    <row r="121985" spans="1:7" x14ac:dyDescent="0.3">
      <c r="A121985" s="13" t="s">
        <v>570</v>
      </c>
      <c r="B121985" s="14" t="s">
        <v>1</v>
      </c>
      <c r="C121985" s="14" t="s">
        <v>565</v>
      </c>
      <c r="D121985" s="14" t="s">
        <v>39</v>
      </c>
      <c r="E121985" s="15">
        <v>45451</v>
      </c>
      <c r="F121985" s="14" t="s">
        <v>15</v>
      </c>
      <c r="G121985" s="16">
        <v>0.31599026962752463</v>
      </c>
    </row>
    <row r="121986" spans="1:7" x14ac:dyDescent="0.3">
      <c r="A121986" s="13" t="s">
        <v>570</v>
      </c>
      <c r="B121986" s="14" t="s">
        <v>1</v>
      </c>
      <c r="C121986" s="14" t="s">
        <v>565</v>
      </c>
      <c r="D121986" s="14" t="s">
        <v>39</v>
      </c>
      <c r="E121986" s="15">
        <v>45452</v>
      </c>
      <c r="F121986" s="14" t="s">
        <v>15</v>
      </c>
      <c r="G121986" s="16">
        <v>0.31599026962752463</v>
      </c>
    </row>
    <row r="121987" spans="1:7" x14ac:dyDescent="0.3">
      <c r="A121987" s="13" t="s">
        <v>570</v>
      </c>
      <c r="B121987" s="14" t="s">
        <v>1</v>
      </c>
      <c r="C121987" s="14" t="s">
        <v>565</v>
      </c>
      <c r="D121987" s="14" t="s">
        <v>39</v>
      </c>
      <c r="E121987" s="15">
        <v>45453</v>
      </c>
      <c r="F121987" s="14" t="s">
        <v>15</v>
      </c>
      <c r="G121987" s="16">
        <v>0.31599026962752463</v>
      </c>
    </row>
    <row r="121988" spans="1:7" x14ac:dyDescent="0.3">
      <c r="A121988" s="13" t="s">
        <v>570</v>
      </c>
      <c r="B121988" s="14" t="s">
        <v>1</v>
      </c>
      <c r="C121988" s="14" t="s">
        <v>565</v>
      </c>
      <c r="D121988" s="14" t="s">
        <v>39</v>
      </c>
      <c r="E121988" s="15">
        <v>45454</v>
      </c>
      <c r="F121988" s="14" t="s">
        <v>15</v>
      </c>
      <c r="G121988" s="16">
        <v>0.31728492814954207</v>
      </c>
    </row>
    <row r="121989" spans="1:7" x14ac:dyDescent="0.3">
      <c r="A121989" s="13" t="s">
        <v>570</v>
      </c>
      <c r="B121989" s="14" t="s">
        <v>1</v>
      </c>
      <c r="C121989" s="14" t="s">
        <v>565</v>
      </c>
      <c r="D121989" s="14" t="s">
        <v>39</v>
      </c>
      <c r="E121989" s="15">
        <v>45455</v>
      </c>
      <c r="F121989" s="14" t="s">
        <v>15</v>
      </c>
      <c r="G121989" s="16">
        <v>0.31357716671407176</v>
      </c>
    </row>
    <row r="121990" spans="1:7" x14ac:dyDescent="0.3">
      <c r="A121990" s="13" t="s">
        <v>570</v>
      </c>
      <c r="B121990" s="14" t="s">
        <v>1</v>
      </c>
      <c r="C121990" s="14" t="s">
        <v>565</v>
      </c>
      <c r="D121990" s="14" t="s">
        <v>39</v>
      </c>
      <c r="E121990" s="15">
        <v>45456</v>
      </c>
      <c r="F121990" s="14" t="s">
        <v>15</v>
      </c>
      <c r="G121990" s="16">
        <v>0.37556078166761325</v>
      </c>
    </row>
    <row r="121991" spans="1:7" x14ac:dyDescent="0.3">
      <c r="A121991" s="13" t="s">
        <v>570</v>
      </c>
      <c r="B121991" s="14" t="s">
        <v>1</v>
      </c>
      <c r="C121991" s="14" t="s">
        <v>565</v>
      </c>
      <c r="D121991" s="14" t="s">
        <v>39</v>
      </c>
      <c r="E121991" s="15">
        <v>45457</v>
      </c>
      <c r="F121991" s="14" t="s">
        <v>15</v>
      </c>
      <c r="G121991" s="16">
        <v>0.3961593154204911</v>
      </c>
    </row>
    <row r="121992" spans="1:7" x14ac:dyDescent="0.3">
      <c r="A121992" s="13" t="s">
        <v>570</v>
      </c>
      <c r="B121992" s="14" t="s">
        <v>1</v>
      </c>
      <c r="C121992" s="14" t="s">
        <v>565</v>
      </c>
      <c r="D121992" s="14" t="s">
        <v>39</v>
      </c>
      <c r="E121992" s="15">
        <v>45458</v>
      </c>
      <c r="F121992" s="14" t="s">
        <v>15</v>
      </c>
      <c r="G121992" s="16">
        <v>0.3961593154204911</v>
      </c>
    </row>
    <row r="121993" spans="1:7" x14ac:dyDescent="0.3">
      <c r="A121993" s="13" t="s">
        <v>570</v>
      </c>
      <c r="B121993" s="14" t="s">
        <v>1</v>
      </c>
      <c r="C121993" s="14" t="s">
        <v>565</v>
      </c>
      <c r="D121993" s="14" t="s">
        <v>39</v>
      </c>
      <c r="E121993" s="15">
        <v>45459</v>
      </c>
      <c r="F121993" s="14" t="s">
        <v>15</v>
      </c>
      <c r="G121993" s="16">
        <v>0.3961593154204911</v>
      </c>
    </row>
    <row r="121994" spans="1:7" x14ac:dyDescent="0.3">
      <c r="A121994" s="13" t="s">
        <v>570</v>
      </c>
      <c r="B121994" s="14" t="s">
        <v>1</v>
      </c>
      <c r="C121994" s="14" t="s">
        <v>565</v>
      </c>
      <c r="D121994" s="14" t="s">
        <v>39</v>
      </c>
      <c r="E121994" s="15">
        <v>45460</v>
      </c>
      <c r="F121994" s="14" t="s">
        <v>15</v>
      </c>
      <c r="G121994" s="16">
        <v>0.41368227809594188</v>
      </c>
    </row>
    <row r="121995" spans="1:7" x14ac:dyDescent="0.3">
      <c r="A121995" s="13" t="s">
        <v>570</v>
      </c>
      <c r="B121995" s="14" t="s">
        <v>1</v>
      </c>
      <c r="C121995" s="14" t="s">
        <v>565</v>
      </c>
      <c r="D121995" s="14" t="s">
        <v>39</v>
      </c>
      <c r="E121995" s="15">
        <v>45461</v>
      </c>
      <c r="F121995" s="14" t="s">
        <v>15</v>
      </c>
      <c r="G121995" s="16">
        <v>0.40855523658849341</v>
      </c>
    </row>
    <row r="121996" spans="1:7" x14ac:dyDescent="0.3">
      <c r="A121996" s="13" t="s">
        <v>570</v>
      </c>
      <c r="B121996" s="14" t="s">
        <v>1</v>
      </c>
      <c r="C121996" s="14" t="s">
        <v>565</v>
      </c>
      <c r="D121996" s="14" t="s">
        <v>39</v>
      </c>
      <c r="E121996" s="15">
        <v>45462</v>
      </c>
      <c r="F121996" s="14" t="s">
        <v>15</v>
      </c>
      <c r="G121996" s="16">
        <v>0.42694712354284503</v>
      </c>
    </row>
    <row r="121997" spans="1:7" x14ac:dyDescent="0.3">
      <c r="A121997" s="13" t="s">
        <v>570</v>
      </c>
      <c r="B121997" s="14" t="s">
        <v>1</v>
      </c>
      <c r="C121997" s="14" t="s">
        <v>565</v>
      </c>
      <c r="D121997" s="14" t="s">
        <v>39</v>
      </c>
      <c r="E121997" s="15">
        <v>45463</v>
      </c>
      <c r="F121997" s="14" t="s">
        <v>15</v>
      </c>
      <c r="G121997" s="16">
        <v>0.42522933585333822</v>
      </c>
    </row>
    <row r="121998" spans="1:7" x14ac:dyDescent="0.3">
      <c r="A121998" s="13" t="s">
        <v>570</v>
      </c>
      <c r="B121998" s="14" t="s">
        <v>1</v>
      </c>
      <c r="C121998" s="14" t="s">
        <v>565</v>
      </c>
      <c r="D121998" s="14" t="s">
        <v>39</v>
      </c>
      <c r="E121998" s="15">
        <v>45464</v>
      </c>
      <c r="F121998" s="14" t="s">
        <v>15</v>
      </c>
      <c r="G121998" s="16">
        <v>0.44900772071093631</v>
      </c>
    </row>
    <row r="121999" spans="1:7" x14ac:dyDescent="0.3">
      <c r="A121999" s="13" t="s">
        <v>570</v>
      </c>
      <c r="B121999" s="14" t="s">
        <v>1</v>
      </c>
      <c r="C121999" s="14" t="s">
        <v>565</v>
      </c>
      <c r="D121999" s="14" t="s">
        <v>39</v>
      </c>
      <c r="E121999" s="15">
        <v>45465</v>
      </c>
      <c r="F121999" s="14" t="s">
        <v>15</v>
      </c>
      <c r="G121999" s="16">
        <v>0.44900772071093631</v>
      </c>
    </row>
    <row r="122000" spans="1:7" x14ac:dyDescent="0.3">
      <c r="A122000" s="13" t="s">
        <v>570</v>
      </c>
      <c r="B122000" s="14" t="s">
        <v>1</v>
      </c>
      <c r="C122000" s="14" t="s">
        <v>565</v>
      </c>
      <c r="D122000" s="14" t="s">
        <v>39</v>
      </c>
      <c r="E122000" s="15">
        <v>45466</v>
      </c>
      <c r="F122000" s="14" t="s">
        <v>15</v>
      </c>
      <c r="G122000" s="16">
        <v>0.44900772071093631</v>
      </c>
    </row>
    <row r="122001" spans="1:7" x14ac:dyDescent="0.3">
      <c r="A122001" s="13" t="s">
        <v>570</v>
      </c>
      <c r="B122001" s="14" t="s">
        <v>1</v>
      </c>
      <c r="C122001" s="14" t="s">
        <v>565</v>
      </c>
      <c r="D122001" s="14" t="s">
        <v>39</v>
      </c>
      <c r="E122001" s="15">
        <v>45467</v>
      </c>
      <c r="F122001" s="14" t="s">
        <v>15</v>
      </c>
      <c r="G122001" s="16">
        <v>0.45022339418796087</v>
      </c>
    </row>
    <row r="122002" spans="1:7" x14ac:dyDescent="0.3">
      <c r="A122002" s="13" t="s">
        <v>570</v>
      </c>
      <c r="B122002" s="14" t="s">
        <v>1</v>
      </c>
      <c r="C122002" s="14" t="s">
        <v>565</v>
      </c>
      <c r="D122002" s="14" t="s">
        <v>39</v>
      </c>
      <c r="E122002" s="15">
        <v>45468</v>
      </c>
      <c r="F122002" s="14" t="s">
        <v>15</v>
      </c>
      <c r="G122002" s="16">
        <v>0.4450360588390323</v>
      </c>
    </row>
    <row r="122003" spans="1:7" x14ac:dyDescent="0.3">
      <c r="A122003" s="13" t="s">
        <v>570</v>
      </c>
      <c r="B122003" s="14" t="s">
        <v>1</v>
      </c>
      <c r="C122003" s="14" t="s">
        <v>565</v>
      </c>
      <c r="D122003" s="14" t="s">
        <v>39</v>
      </c>
      <c r="E122003" s="15">
        <v>45469</v>
      </c>
      <c r="F122003" s="14" t="s">
        <v>15</v>
      </c>
      <c r="G122003" s="16">
        <v>0.44931024888877236</v>
      </c>
    </row>
    <row r="122004" spans="1:7" x14ac:dyDescent="0.3">
      <c r="A122004" s="13" t="s">
        <v>570</v>
      </c>
      <c r="B122004" s="14" t="s">
        <v>1</v>
      </c>
      <c r="C122004" s="14" t="s">
        <v>565</v>
      </c>
      <c r="D122004" s="14" t="s">
        <v>39</v>
      </c>
      <c r="E122004" s="15">
        <v>45470</v>
      </c>
      <c r="F122004" s="14" t="s">
        <v>15</v>
      </c>
      <c r="G122004" s="16">
        <v>0.45483688545536416</v>
      </c>
    </row>
    <row r="122005" spans="1:7" x14ac:dyDescent="0.3">
      <c r="A122005" s="13" t="s">
        <v>570</v>
      </c>
      <c r="B122005" s="14" t="s">
        <v>1</v>
      </c>
      <c r="C122005" s="14" t="s">
        <v>565</v>
      </c>
      <c r="D122005" s="14" t="s">
        <v>39</v>
      </c>
      <c r="E122005" s="15">
        <v>45471</v>
      </c>
      <c r="F122005" s="14" t="s">
        <v>15</v>
      </c>
      <c r="G122005" s="16">
        <v>0.47510684736617065</v>
      </c>
    </row>
    <row r="122006" spans="1:7" x14ac:dyDescent="0.3">
      <c r="A122006" s="13" t="s">
        <v>570</v>
      </c>
      <c r="B122006" s="14" t="s">
        <v>1</v>
      </c>
      <c r="C122006" s="14" t="s">
        <v>565</v>
      </c>
      <c r="D122006" s="14" t="s">
        <v>39</v>
      </c>
      <c r="E122006" s="15">
        <v>45472</v>
      </c>
      <c r="F122006" s="14" t="s">
        <v>15</v>
      </c>
      <c r="G122006" s="16">
        <v>0.47510684736617065</v>
      </c>
    </row>
    <row r="122007" spans="1:7" x14ac:dyDescent="0.3">
      <c r="A122007" s="13" t="s">
        <v>570</v>
      </c>
      <c r="B122007" s="14" t="s">
        <v>1</v>
      </c>
      <c r="C122007" s="14" t="s">
        <v>565</v>
      </c>
      <c r="D122007" s="14" t="s">
        <v>39</v>
      </c>
      <c r="E122007" s="15">
        <v>45473</v>
      </c>
      <c r="F122007" s="14" t="s">
        <v>15</v>
      </c>
      <c r="G122007" s="16">
        <v>0.47510684736617065</v>
      </c>
    </row>
    <row r="122008" spans="1:7" x14ac:dyDescent="0.3">
      <c r="A122008" s="13" t="s">
        <v>570</v>
      </c>
      <c r="B122008" s="14" t="s">
        <v>1</v>
      </c>
      <c r="C122008" s="14" t="s">
        <v>565</v>
      </c>
      <c r="D122008" s="14" t="s">
        <v>39</v>
      </c>
      <c r="E122008" s="15">
        <v>45474</v>
      </c>
      <c r="F122008" s="14" t="s">
        <v>15</v>
      </c>
      <c r="G122008" s="16">
        <v>0.47510684736617065</v>
      </c>
    </row>
    <row r="122009" spans="1:7" x14ac:dyDescent="0.3">
      <c r="A122009" s="13" t="s">
        <v>570</v>
      </c>
      <c r="B122009" s="14" t="s">
        <v>1</v>
      </c>
      <c r="C122009" s="14" t="s">
        <v>565</v>
      </c>
      <c r="D122009" s="14" t="s">
        <v>39</v>
      </c>
      <c r="E122009" s="15">
        <v>45475</v>
      </c>
      <c r="F122009" s="14" t="s">
        <v>15</v>
      </c>
      <c r="G122009" s="16">
        <v>0.47337755840998819</v>
      </c>
    </row>
    <row r="122010" spans="1:7" x14ac:dyDescent="0.3">
      <c r="A122010" s="13" t="s">
        <v>570</v>
      </c>
      <c r="B122010" s="14" t="s">
        <v>1</v>
      </c>
      <c r="C122010" s="14" t="s">
        <v>565</v>
      </c>
      <c r="D122010" s="14" t="s">
        <v>39</v>
      </c>
      <c r="E122010" s="15">
        <v>45476</v>
      </c>
      <c r="F122010" s="14" t="s">
        <v>15</v>
      </c>
      <c r="G122010" s="16">
        <v>0.49727907137464517</v>
      </c>
    </row>
    <row r="122011" spans="1:7" x14ac:dyDescent="0.3">
      <c r="A122011" s="13" t="s">
        <v>570</v>
      </c>
      <c r="B122011" s="14" t="s">
        <v>1</v>
      </c>
      <c r="C122011" s="14" t="s">
        <v>565</v>
      </c>
      <c r="D122011" s="14" t="s">
        <v>39</v>
      </c>
      <c r="E122011" s="15">
        <v>45477</v>
      </c>
      <c r="F122011" s="14" t="s">
        <v>15</v>
      </c>
      <c r="G122011" s="16">
        <v>0.5279698903403206</v>
      </c>
    </row>
    <row r="122012" spans="1:7" x14ac:dyDescent="0.3">
      <c r="A122012" s="13" t="s">
        <v>570</v>
      </c>
      <c r="B122012" s="14" t="s">
        <v>1</v>
      </c>
      <c r="C122012" s="14" t="s">
        <v>565</v>
      </c>
      <c r="D122012" s="14" t="s">
        <v>39</v>
      </c>
      <c r="E122012" s="15">
        <v>45478</v>
      </c>
      <c r="F122012" s="14" t="s">
        <v>15</v>
      </c>
      <c r="G122012" s="16">
        <v>0.5586704033172788</v>
      </c>
    </row>
    <row r="122013" spans="1:7" x14ac:dyDescent="0.3">
      <c r="A122013" s="13" t="s">
        <v>570</v>
      </c>
      <c r="B122013" s="14" t="s">
        <v>1</v>
      </c>
      <c r="C122013" s="14" t="s">
        <v>565</v>
      </c>
      <c r="D122013" s="14" t="s">
        <v>39</v>
      </c>
      <c r="E122013" s="15">
        <v>45479</v>
      </c>
      <c r="F122013" s="14" t="s">
        <v>15</v>
      </c>
      <c r="G122013" s="16">
        <v>0.5586704033172788</v>
      </c>
    </row>
    <row r="122014" spans="1:7" x14ac:dyDescent="0.3">
      <c r="A122014" s="13" t="s">
        <v>570</v>
      </c>
      <c r="B122014" s="14" t="s">
        <v>1</v>
      </c>
      <c r="C122014" s="14" t="s">
        <v>565</v>
      </c>
      <c r="D122014" s="14" t="s">
        <v>39</v>
      </c>
      <c r="E122014" s="15">
        <v>45480</v>
      </c>
      <c r="F122014" s="14" t="s">
        <v>15</v>
      </c>
      <c r="G122014" s="16">
        <v>0.5586704033172788</v>
      </c>
    </row>
    <row r="122015" spans="1:7" x14ac:dyDescent="0.3">
      <c r="A122015" s="13" t="s">
        <v>570</v>
      </c>
      <c r="B122015" s="14" t="s">
        <v>1</v>
      </c>
      <c r="C122015" s="14" t="s">
        <v>565</v>
      </c>
      <c r="D122015" s="14" t="s">
        <v>39</v>
      </c>
      <c r="E122015" s="15">
        <v>45481</v>
      </c>
      <c r="F122015" s="14" t="s">
        <v>15</v>
      </c>
      <c r="G122015" s="16">
        <v>0.55691466810590817</v>
      </c>
    </row>
    <row r="122016" spans="1:7" x14ac:dyDescent="0.3">
      <c r="A122016" s="13" t="s">
        <v>570</v>
      </c>
      <c r="B122016" s="14" t="s">
        <v>1</v>
      </c>
      <c r="C122016" s="14" t="s">
        <v>565</v>
      </c>
      <c r="D122016" s="14" t="s">
        <v>39</v>
      </c>
      <c r="E122016" s="15">
        <v>45482</v>
      </c>
      <c r="F122016" s="14" t="s">
        <v>15</v>
      </c>
      <c r="G122016" s="16">
        <v>0.5516391588582914</v>
      </c>
    </row>
    <row r="122017" spans="1:7" x14ac:dyDescent="0.3">
      <c r="A122017" s="13" t="s">
        <v>570</v>
      </c>
      <c r="B122017" s="14" t="s">
        <v>1</v>
      </c>
      <c r="C122017" s="14" t="s">
        <v>565</v>
      </c>
      <c r="D122017" s="14" t="s">
        <v>39</v>
      </c>
      <c r="E122017" s="15">
        <v>45483</v>
      </c>
      <c r="F122017" s="14" t="s">
        <v>15</v>
      </c>
      <c r="G122017" s="16">
        <v>0.55700481730143891</v>
      </c>
    </row>
    <row r="122018" spans="1:7" x14ac:dyDescent="0.3">
      <c r="A122018" s="13" t="s">
        <v>570</v>
      </c>
      <c r="B122018" s="14" t="s">
        <v>1</v>
      </c>
      <c r="C122018" s="14" t="s">
        <v>565</v>
      </c>
      <c r="D122018" s="14" t="s">
        <v>39</v>
      </c>
      <c r="E122018" s="15">
        <v>45484</v>
      </c>
      <c r="F122018" s="14" t="s">
        <v>15</v>
      </c>
      <c r="G122018" s="16">
        <v>0.55837158576146972</v>
      </c>
    </row>
    <row r="122019" spans="1:7" x14ac:dyDescent="0.3">
      <c r="A122019" s="13" t="s">
        <v>570</v>
      </c>
      <c r="B122019" s="14" t="s">
        <v>1</v>
      </c>
      <c r="C122019" s="14" t="s">
        <v>565</v>
      </c>
      <c r="D122019" s="14" t="s">
        <v>39</v>
      </c>
      <c r="E122019" s="15">
        <v>45485</v>
      </c>
      <c r="F122019" s="14" t="s">
        <v>15</v>
      </c>
      <c r="G122019" s="16">
        <v>0.55659713773472563</v>
      </c>
    </row>
    <row r="122020" spans="1:7" x14ac:dyDescent="0.3">
      <c r="A122020" s="13" t="s">
        <v>570</v>
      </c>
      <c r="B122020" s="14" t="s">
        <v>1</v>
      </c>
      <c r="C122020" s="14" t="s">
        <v>565</v>
      </c>
      <c r="D122020" s="14" t="s">
        <v>39</v>
      </c>
      <c r="E122020" s="15">
        <v>45486</v>
      </c>
      <c r="F122020" s="14" t="s">
        <v>15</v>
      </c>
      <c r="G122020" s="16">
        <v>0.55659713773472563</v>
      </c>
    </row>
    <row r="122021" spans="1:7" x14ac:dyDescent="0.3">
      <c r="A122021" s="13" t="s">
        <v>570</v>
      </c>
      <c r="B122021" s="14" t="s">
        <v>1</v>
      </c>
      <c r="C122021" s="14" t="s">
        <v>565</v>
      </c>
      <c r="D122021" s="14" t="s">
        <v>39</v>
      </c>
      <c r="E122021" s="15">
        <v>45487</v>
      </c>
      <c r="F122021" s="14" t="s">
        <v>15</v>
      </c>
      <c r="G122021" s="16">
        <v>0.55659713773472563</v>
      </c>
    </row>
    <row r="122022" spans="1:7" x14ac:dyDescent="0.3">
      <c r="A122022" s="13" t="s">
        <v>570</v>
      </c>
      <c r="B122022" s="14" t="s">
        <v>1</v>
      </c>
      <c r="C122022" s="14" t="s">
        <v>565</v>
      </c>
      <c r="D122022" s="14" t="s">
        <v>39</v>
      </c>
      <c r="E122022" s="15">
        <v>45488</v>
      </c>
      <c r="F122022" s="14" t="s">
        <v>15</v>
      </c>
      <c r="G122022" s="16">
        <v>0.55607963637241264</v>
      </c>
    </row>
    <row r="122023" spans="1:7" x14ac:dyDescent="0.3">
      <c r="A122023" s="13" t="s">
        <v>570</v>
      </c>
      <c r="B122023" s="14" t="s">
        <v>1</v>
      </c>
      <c r="C122023" s="14" t="s">
        <v>565</v>
      </c>
      <c r="D122023" s="14" t="s">
        <v>39</v>
      </c>
      <c r="E122023" s="15">
        <v>45489</v>
      </c>
      <c r="F122023" s="14" t="s">
        <v>15</v>
      </c>
      <c r="G122023" s="16">
        <v>0.55070649644572356</v>
      </c>
    </row>
    <row r="122024" spans="1:7" x14ac:dyDescent="0.3">
      <c r="A122024" s="13" t="s">
        <v>570</v>
      </c>
      <c r="B122024" s="14" t="s">
        <v>1</v>
      </c>
      <c r="C122024" s="14" t="s">
        <v>565</v>
      </c>
      <c r="D122024" s="14" t="s">
        <v>39</v>
      </c>
      <c r="E122024" s="15">
        <v>45490</v>
      </c>
      <c r="F122024" s="14" t="s">
        <v>15</v>
      </c>
      <c r="G122024" s="16">
        <v>0.5584391840359797</v>
      </c>
    </row>
    <row r="122025" spans="1:7" x14ac:dyDescent="0.3">
      <c r="A122025" s="13" t="s">
        <v>570</v>
      </c>
      <c r="B122025" s="14" t="s">
        <v>1</v>
      </c>
      <c r="C122025" s="14" t="s">
        <v>565</v>
      </c>
      <c r="D122025" s="14" t="s">
        <v>39</v>
      </c>
      <c r="E122025" s="15">
        <v>45491</v>
      </c>
      <c r="F122025" s="14" t="s">
        <v>15</v>
      </c>
      <c r="G122025" s="16">
        <v>0.55666436899928218</v>
      </c>
    </row>
    <row r="122026" spans="1:7" x14ac:dyDescent="0.3">
      <c r="A122026" s="13" t="s">
        <v>570</v>
      </c>
      <c r="B122026" s="14" t="s">
        <v>1</v>
      </c>
      <c r="C122026" s="14" t="s">
        <v>565</v>
      </c>
      <c r="D122026" s="14" t="s">
        <v>39</v>
      </c>
      <c r="E122026" s="15">
        <v>45492</v>
      </c>
      <c r="F122026" s="14" t="s">
        <v>15</v>
      </c>
      <c r="G122026" s="16">
        <v>0.61019267373534902</v>
      </c>
    </row>
    <row r="122027" spans="1:7" x14ac:dyDescent="0.3">
      <c r="A122027" s="13" t="s">
        <v>570</v>
      </c>
      <c r="B122027" s="14" t="s">
        <v>1</v>
      </c>
      <c r="C122027" s="14" t="s">
        <v>565</v>
      </c>
      <c r="D122027" s="14" t="s">
        <v>39</v>
      </c>
      <c r="E122027" s="15">
        <v>45493</v>
      </c>
      <c r="F122027" s="14" t="s">
        <v>15</v>
      </c>
      <c r="G122027" s="16">
        <v>0.61019267373534902</v>
      </c>
    </row>
    <row r="122028" spans="1:7" x14ac:dyDescent="0.3">
      <c r="A122028" s="13" t="s">
        <v>570</v>
      </c>
      <c r="B122028" s="14" t="s">
        <v>1</v>
      </c>
      <c r="C122028" s="14" t="s">
        <v>565</v>
      </c>
      <c r="D122028" s="14" t="s">
        <v>39</v>
      </c>
      <c r="E122028" s="15">
        <v>45494</v>
      </c>
      <c r="F122028" s="14" t="s">
        <v>15</v>
      </c>
      <c r="G122028" s="16">
        <v>0.61019267373534902</v>
      </c>
    </row>
    <row r="122029" spans="1:7" x14ac:dyDescent="0.3">
      <c r="A122029" s="13" t="s">
        <v>570</v>
      </c>
      <c r="B122029" s="14" t="s">
        <v>1</v>
      </c>
      <c r="C122029" s="14" t="s">
        <v>565</v>
      </c>
      <c r="D122029" s="14" t="s">
        <v>39</v>
      </c>
      <c r="E122029" s="15">
        <v>45495</v>
      </c>
      <c r="F122029" s="14" t="s">
        <v>15</v>
      </c>
      <c r="G122029" s="16">
        <v>0.60843622257329988</v>
      </c>
    </row>
    <row r="122030" spans="1:7" x14ac:dyDescent="0.3">
      <c r="A122030" s="13" t="s">
        <v>570</v>
      </c>
      <c r="B122030" s="14" t="s">
        <v>1</v>
      </c>
      <c r="C122030" s="14" t="s">
        <v>565</v>
      </c>
      <c r="D122030" s="14" t="s">
        <v>39</v>
      </c>
      <c r="E122030" s="15">
        <v>45496</v>
      </c>
      <c r="F122030" s="14" t="s">
        <v>15</v>
      </c>
      <c r="G122030" s="16">
        <v>0.60323515235253267</v>
      </c>
    </row>
    <row r="122031" spans="1:7" x14ac:dyDescent="0.3">
      <c r="A122031" s="13" t="s">
        <v>570</v>
      </c>
      <c r="B122031" s="14" t="s">
        <v>1</v>
      </c>
      <c r="C122031" s="14" t="s">
        <v>565</v>
      </c>
      <c r="D122031" s="14" t="s">
        <v>39</v>
      </c>
      <c r="E122031" s="15">
        <v>45497</v>
      </c>
      <c r="F122031" s="14" t="s">
        <v>15</v>
      </c>
      <c r="G122031" s="16">
        <v>0.60531979697399907</v>
      </c>
    </row>
    <row r="122032" spans="1:7" x14ac:dyDescent="0.3">
      <c r="A122032" s="13" t="s">
        <v>570</v>
      </c>
      <c r="B122032" s="14" t="s">
        <v>1</v>
      </c>
      <c r="C122032" s="14" t="s">
        <v>565</v>
      </c>
      <c r="D122032" s="14" t="s">
        <v>39</v>
      </c>
      <c r="E122032" s="15">
        <v>45498</v>
      </c>
      <c r="F122032" s="14" t="s">
        <v>15</v>
      </c>
      <c r="G122032" s="16">
        <v>0.60371438250672327</v>
      </c>
    </row>
    <row r="122033" spans="1:7" x14ac:dyDescent="0.3">
      <c r="A122033" s="13" t="s">
        <v>570</v>
      </c>
      <c r="B122033" s="14" t="s">
        <v>1</v>
      </c>
      <c r="C122033" s="14" t="s">
        <v>565</v>
      </c>
      <c r="D122033" s="14" t="s">
        <v>39</v>
      </c>
      <c r="E122033" s="15">
        <v>45499</v>
      </c>
      <c r="F122033" s="14" t="s">
        <v>15</v>
      </c>
      <c r="G122033" s="16">
        <v>0.60199747913265966</v>
      </c>
    </row>
    <row r="122034" spans="1:7" x14ac:dyDescent="0.3">
      <c r="A122034" s="13" t="s">
        <v>570</v>
      </c>
      <c r="B122034" s="14" t="s">
        <v>1</v>
      </c>
      <c r="C122034" s="14" t="s">
        <v>565</v>
      </c>
      <c r="D122034" s="14" t="s">
        <v>39</v>
      </c>
      <c r="E122034" s="15">
        <v>45500</v>
      </c>
      <c r="F122034" s="14" t="s">
        <v>15</v>
      </c>
      <c r="G122034" s="16">
        <v>0.60199747913265966</v>
      </c>
    </row>
    <row r="122035" spans="1:7" x14ac:dyDescent="0.3">
      <c r="A122035" s="13" t="s">
        <v>570</v>
      </c>
      <c r="B122035" s="14" t="s">
        <v>1</v>
      </c>
      <c r="C122035" s="14" t="s">
        <v>565</v>
      </c>
      <c r="D122035" s="14" t="s">
        <v>39</v>
      </c>
      <c r="E122035" s="15">
        <v>45501</v>
      </c>
      <c r="F122035" s="14" t="s">
        <v>15</v>
      </c>
      <c r="G122035" s="16">
        <v>0.60199747913265966</v>
      </c>
    </row>
    <row r="122036" spans="1:7" x14ac:dyDescent="0.3">
      <c r="A122036" s="13" t="s">
        <v>570</v>
      </c>
      <c r="B122036" s="14" t="s">
        <v>1</v>
      </c>
      <c r="C122036" s="14" t="s">
        <v>565</v>
      </c>
      <c r="D122036" s="14" t="s">
        <v>39</v>
      </c>
      <c r="E122036" s="15">
        <v>45502</v>
      </c>
      <c r="F122036" s="14" t="s">
        <v>15</v>
      </c>
      <c r="G122036" s="16">
        <v>0.60029862680386359</v>
      </c>
    </row>
    <row r="122037" spans="1:7" x14ac:dyDescent="0.3">
      <c r="A122037" s="13" t="s">
        <v>570</v>
      </c>
      <c r="B122037" s="14" t="s">
        <v>1</v>
      </c>
      <c r="C122037" s="14" t="s">
        <v>565</v>
      </c>
      <c r="D122037" s="14" t="s">
        <v>39</v>
      </c>
      <c r="E122037" s="15">
        <v>45503</v>
      </c>
      <c r="F122037" s="14" t="s">
        <v>15</v>
      </c>
      <c r="G122037" s="16">
        <v>0.59707258221722093</v>
      </c>
    </row>
    <row r="122038" spans="1:7" x14ac:dyDescent="0.3">
      <c r="A122038" s="13" t="s">
        <v>570</v>
      </c>
      <c r="B122038" s="14" t="s">
        <v>1</v>
      </c>
      <c r="C122038" s="14" t="s">
        <v>565</v>
      </c>
      <c r="D122038" s="14" t="s">
        <v>39</v>
      </c>
      <c r="E122038" s="15">
        <v>45504</v>
      </c>
      <c r="F122038" s="14" t="s">
        <v>15</v>
      </c>
      <c r="G122038" s="16">
        <v>0.59737175574710588</v>
      </c>
    </row>
    <row r="122039" spans="1:7" x14ac:dyDescent="0.3">
      <c r="A122039" s="13" t="s">
        <v>570</v>
      </c>
      <c r="B122039" s="14" t="s">
        <v>1</v>
      </c>
      <c r="C122039" s="14" t="s">
        <v>565</v>
      </c>
      <c r="D122039" s="14" t="s">
        <v>39</v>
      </c>
      <c r="E122039" s="15">
        <v>45505</v>
      </c>
      <c r="F122039" s="14" t="s">
        <v>15</v>
      </c>
      <c r="G122039" s="16">
        <v>0.61014771784495458</v>
      </c>
    </row>
    <row r="122040" spans="1:7" x14ac:dyDescent="0.3">
      <c r="A122040" s="13" t="s">
        <v>570</v>
      </c>
      <c r="B122040" s="14" t="s">
        <v>1</v>
      </c>
      <c r="C122040" s="14" t="s">
        <v>565</v>
      </c>
      <c r="D122040" s="14" t="s">
        <v>39</v>
      </c>
      <c r="E122040" s="15">
        <v>45506</v>
      </c>
      <c r="F122040" s="14" t="s">
        <v>15</v>
      </c>
      <c r="G122040" s="16">
        <v>0.60843077070154905</v>
      </c>
    </row>
    <row r="122041" spans="1:7" x14ac:dyDescent="0.3">
      <c r="A122041" s="13" t="s">
        <v>570</v>
      </c>
      <c r="B122041" s="14" t="s">
        <v>1</v>
      </c>
      <c r="C122041" s="14" t="s">
        <v>565</v>
      </c>
      <c r="D122041" s="14" t="s">
        <v>39</v>
      </c>
      <c r="E122041" s="15">
        <v>45507</v>
      </c>
      <c r="F122041" s="14" t="s">
        <v>15</v>
      </c>
      <c r="G122041" s="16">
        <v>0.60843077070154905</v>
      </c>
    </row>
    <row r="122042" spans="1:7" x14ac:dyDescent="0.3">
      <c r="A122042" s="13" t="s">
        <v>570</v>
      </c>
      <c r="B122042" s="14" t="s">
        <v>1</v>
      </c>
      <c r="C122042" s="14" t="s">
        <v>565</v>
      </c>
      <c r="D122042" s="14" t="s">
        <v>39</v>
      </c>
      <c r="E122042" s="15">
        <v>45508</v>
      </c>
      <c r="F122042" s="14" t="s">
        <v>15</v>
      </c>
      <c r="G122042" s="16">
        <v>0.60843077070154905</v>
      </c>
    </row>
    <row r="122043" spans="1:7" x14ac:dyDescent="0.3">
      <c r="A122043" s="13" t="s">
        <v>570</v>
      </c>
      <c r="B122043" s="14" t="s">
        <v>1</v>
      </c>
      <c r="C122043" s="14" t="s">
        <v>565</v>
      </c>
      <c r="D122043" s="14" t="s">
        <v>39</v>
      </c>
      <c r="E122043" s="15">
        <v>45509</v>
      </c>
      <c r="F122043" s="14" t="s">
        <v>15</v>
      </c>
      <c r="G122043" s="16">
        <v>0.60843077070154905</v>
      </c>
    </row>
    <row r="122044" spans="1:7" x14ac:dyDescent="0.3">
      <c r="A122044" s="13" t="s">
        <v>570</v>
      </c>
      <c r="B122044" s="14" t="s">
        <v>1</v>
      </c>
      <c r="C122044" s="14" t="s">
        <v>565</v>
      </c>
      <c r="D122044" s="14" t="s">
        <v>39</v>
      </c>
      <c r="E122044" s="15">
        <v>45510</v>
      </c>
      <c r="F122044" s="14" t="s">
        <v>15</v>
      </c>
      <c r="G122044" s="16">
        <v>0.60670169417767073</v>
      </c>
    </row>
    <row r="122045" spans="1:7" x14ac:dyDescent="0.3">
      <c r="A122045" s="13" t="s">
        <v>570</v>
      </c>
      <c r="B122045" s="14" t="s">
        <v>1</v>
      </c>
      <c r="C122045" s="14" t="s">
        <v>565</v>
      </c>
      <c r="D122045" s="14" t="s">
        <v>39</v>
      </c>
      <c r="E122045" s="15">
        <v>45511</v>
      </c>
      <c r="F122045" s="14" t="s">
        <v>15</v>
      </c>
      <c r="G122045" s="16">
        <v>0.60914388155225541</v>
      </c>
    </row>
    <row r="122046" spans="1:7" x14ac:dyDescent="0.3">
      <c r="A122046" s="13" t="s">
        <v>570</v>
      </c>
      <c r="B122046" s="14" t="s">
        <v>1</v>
      </c>
      <c r="C122046" s="14" t="s">
        <v>565</v>
      </c>
      <c r="D122046" s="14" t="s">
        <v>39</v>
      </c>
      <c r="E122046" s="15">
        <v>45512</v>
      </c>
      <c r="F122046" s="14" t="s">
        <v>15</v>
      </c>
      <c r="G122046" s="16">
        <v>0.60751389973104719</v>
      </c>
    </row>
    <row r="122047" spans="1:7" x14ac:dyDescent="0.3">
      <c r="A122047" s="13" t="s">
        <v>570</v>
      </c>
      <c r="B122047" s="14" t="s">
        <v>1</v>
      </c>
      <c r="C122047" s="14" t="s">
        <v>565</v>
      </c>
      <c r="D122047" s="14" t="s">
        <v>39</v>
      </c>
      <c r="E122047" s="15">
        <v>45513</v>
      </c>
      <c r="F122047" s="14" t="s">
        <v>15</v>
      </c>
      <c r="G122047" s="16">
        <v>0.62351640636101191</v>
      </c>
    </row>
    <row r="122048" spans="1:7" x14ac:dyDescent="0.3">
      <c r="A122048" s="13" t="s">
        <v>570</v>
      </c>
      <c r="B122048" s="14" t="s">
        <v>1</v>
      </c>
      <c r="C122048" s="14" t="s">
        <v>565</v>
      </c>
      <c r="D122048" s="14" t="s">
        <v>39</v>
      </c>
      <c r="E122048" s="15">
        <v>45514</v>
      </c>
      <c r="F122048" s="14" t="s">
        <v>15</v>
      </c>
      <c r="G122048" s="16">
        <v>0.62351640636101191</v>
      </c>
    </row>
    <row r="122049" spans="1:7" x14ac:dyDescent="0.3">
      <c r="A122049" s="13" t="s">
        <v>570</v>
      </c>
      <c r="B122049" s="14" t="s">
        <v>1</v>
      </c>
      <c r="C122049" s="14" t="s">
        <v>565</v>
      </c>
      <c r="D122049" s="14" t="s">
        <v>39</v>
      </c>
      <c r="E122049" s="15">
        <v>45515</v>
      </c>
      <c r="F122049" s="14" t="s">
        <v>15</v>
      </c>
      <c r="G122049" s="16">
        <v>0.62351640636101191</v>
      </c>
    </row>
    <row r="122050" spans="1:7" x14ac:dyDescent="0.3">
      <c r="A122050" s="13" t="s">
        <v>570</v>
      </c>
      <c r="B122050" s="14" t="s">
        <v>1</v>
      </c>
      <c r="C122050" s="14" t="s">
        <v>565</v>
      </c>
      <c r="D122050" s="14" t="s">
        <v>39</v>
      </c>
      <c r="E122050" s="15">
        <v>45516</v>
      </c>
      <c r="F122050" s="14" t="s">
        <v>15</v>
      </c>
      <c r="G122050" s="16">
        <v>0.63746383219898395</v>
      </c>
    </row>
    <row r="122051" spans="1:7" x14ac:dyDescent="0.3">
      <c r="A122051" s="13" t="s">
        <v>570</v>
      </c>
      <c r="B122051" s="14" t="s">
        <v>1</v>
      </c>
      <c r="C122051" s="14" t="s">
        <v>565</v>
      </c>
      <c r="D122051" s="14" t="s">
        <v>39</v>
      </c>
      <c r="E122051" s="15">
        <v>45517</v>
      </c>
      <c r="F122051" s="14" t="s">
        <v>15</v>
      </c>
      <c r="G122051" s="16">
        <v>0.64619262817611545</v>
      </c>
    </row>
    <row r="122052" spans="1:7" x14ac:dyDescent="0.3">
      <c r="A122052" s="13" t="s">
        <v>570</v>
      </c>
      <c r="B122052" s="14" t="s">
        <v>1</v>
      </c>
      <c r="C122052" s="14" t="s">
        <v>565</v>
      </c>
      <c r="D122052" s="14" t="s">
        <v>39</v>
      </c>
      <c r="E122052" s="15">
        <v>45518</v>
      </c>
      <c r="F122052" s="14" t="s">
        <v>15</v>
      </c>
      <c r="G122052" s="16">
        <v>0.64449814331326283</v>
      </c>
    </row>
    <row r="122053" spans="1:7" x14ac:dyDescent="0.3">
      <c r="A122053" s="13" t="s">
        <v>570</v>
      </c>
      <c r="B122053" s="14" t="s">
        <v>1</v>
      </c>
      <c r="C122053" s="14" t="s">
        <v>565</v>
      </c>
      <c r="D122053" s="14" t="s">
        <v>39</v>
      </c>
      <c r="E122053" s="15">
        <v>45519</v>
      </c>
      <c r="F122053" s="14" t="s">
        <v>15</v>
      </c>
      <c r="G122053" s="16">
        <v>0.65665923842486551</v>
      </c>
    </row>
    <row r="122054" spans="1:7" x14ac:dyDescent="0.3">
      <c r="A122054" s="13" t="s">
        <v>570</v>
      </c>
      <c r="B122054" s="14" t="s">
        <v>1</v>
      </c>
      <c r="C122054" s="14" t="s">
        <v>565</v>
      </c>
      <c r="D122054" s="14" t="s">
        <v>39</v>
      </c>
      <c r="E122054" s="15">
        <v>45520</v>
      </c>
      <c r="F122054" s="14" t="s">
        <v>15</v>
      </c>
      <c r="G122054" s="16">
        <v>0.69800306290868175</v>
      </c>
    </row>
    <row r="122055" spans="1:7" x14ac:dyDescent="0.3">
      <c r="A122055" s="13" t="s">
        <v>570</v>
      </c>
      <c r="B122055" s="14" t="s">
        <v>1</v>
      </c>
      <c r="C122055" s="14" t="s">
        <v>565</v>
      </c>
      <c r="D122055" s="14" t="s">
        <v>39</v>
      </c>
      <c r="E122055" s="15">
        <v>45521</v>
      </c>
      <c r="F122055" s="14" t="s">
        <v>15</v>
      </c>
      <c r="G122055" s="16">
        <v>0.69800306290868175</v>
      </c>
    </row>
    <row r="122056" spans="1:7" x14ac:dyDescent="0.3">
      <c r="A122056" s="13" t="s">
        <v>570</v>
      </c>
      <c r="B122056" s="14" t="s">
        <v>1</v>
      </c>
      <c r="C122056" s="14" t="s">
        <v>565</v>
      </c>
      <c r="D122056" s="14" t="s">
        <v>39</v>
      </c>
      <c r="E122056" s="15">
        <v>45522</v>
      </c>
      <c r="F122056" s="14" t="s">
        <v>15</v>
      </c>
      <c r="G122056" s="16">
        <v>0.69800306290868175</v>
      </c>
    </row>
    <row r="122057" spans="1:7" x14ac:dyDescent="0.3">
      <c r="A122057" s="13" t="s">
        <v>570</v>
      </c>
      <c r="B122057" s="14" t="s">
        <v>1</v>
      </c>
      <c r="C122057" s="14" t="s">
        <v>565</v>
      </c>
      <c r="D122057" s="14" t="s">
        <v>39</v>
      </c>
      <c r="E122057" s="15">
        <v>45523</v>
      </c>
      <c r="F122057" s="14" t="s">
        <v>15</v>
      </c>
      <c r="G122057" s="16">
        <v>0.70149005699956313</v>
      </c>
    </row>
    <row r="122058" spans="1:7" x14ac:dyDescent="0.3">
      <c r="A122058" s="13" t="s">
        <v>570</v>
      </c>
      <c r="B122058" s="14" t="s">
        <v>1</v>
      </c>
      <c r="C122058" s="14" t="s">
        <v>565</v>
      </c>
      <c r="D122058" s="14" t="s">
        <v>39</v>
      </c>
      <c r="E122058" s="15">
        <v>45524</v>
      </c>
      <c r="F122058" s="14" t="s">
        <v>15</v>
      </c>
      <c r="G122058" s="16">
        <v>0.70141813178536716</v>
      </c>
    </row>
    <row r="122059" spans="1:7" x14ac:dyDescent="0.3">
      <c r="A122059" s="13" t="s">
        <v>570</v>
      </c>
      <c r="B122059" s="14" t="s">
        <v>1</v>
      </c>
      <c r="C122059" s="14" t="s">
        <v>565</v>
      </c>
      <c r="D122059" s="14" t="s">
        <v>39</v>
      </c>
      <c r="E122059" s="15">
        <v>45525</v>
      </c>
      <c r="F122059" s="14" t="s">
        <v>15</v>
      </c>
      <c r="G122059" s="16">
        <v>0.69966926344705327</v>
      </c>
    </row>
    <row r="122060" spans="1:7" x14ac:dyDescent="0.3">
      <c r="A122060" s="13" t="s">
        <v>570</v>
      </c>
      <c r="B122060" s="14" t="s">
        <v>1</v>
      </c>
      <c r="C122060" s="14" t="s">
        <v>565</v>
      </c>
      <c r="D122060" s="14" t="s">
        <v>39</v>
      </c>
      <c r="E122060" s="15">
        <v>45526</v>
      </c>
      <c r="F122060" s="14" t="s">
        <v>15</v>
      </c>
      <c r="G122060" s="16">
        <v>0.69687113871291229</v>
      </c>
    </row>
    <row r="122061" spans="1:7" x14ac:dyDescent="0.3">
      <c r="A122061" s="13" t="s">
        <v>570</v>
      </c>
      <c r="B122061" s="14" t="s">
        <v>1</v>
      </c>
      <c r="C122061" s="14" t="s">
        <v>565</v>
      </c>
      <c r="D122061" s="14" t="s">
        <v>39</v>
      </c>
      <c r="E122061" s="15">
        <v>45527</v>
      </c>
      <c r="F122061" s="14" t="s">
        <v>15</v>
      </c>
      <c r="G122061" s="16">
        <v>0.69507927648207279</v>
      </c>
    </row>
    <row r="122062" spans="1:7" x14ac:dyDescent="0.3">
      <c r="A122062" s="13" t="s">
        <v>570</v>
      </c>
      <c r="B122062" s="14" t="s">
        <v>1</v>
      </c>
      <c r="C122062" s="14" t="s">
        <v>565</v>
      </c>
      <c r="D122062" s="14" t="s">
        <v>39</v>
      </c>
      <c r="E122062" s="15">
        <v>45528</v>
      </c>
      <c r="F122062" s="14" t="s">
        <v>15</v>
      </c>
      <c r="G122062" s="16">
        <v>0.69507927648207279</v>
      </c>
    </row>
    <row r="122063" spans="1:7" x14ac:dyDescent="0.3">
      <c r="A122063" s="13" t="s">
        <v>570</v>
      </c>
      <c r="B122063" s="14" t="s">
        <v>1</v>
      </c>
      <c r="C122063" s="14" t="s">
        <v>565</v>
      </c>
      <c r="D122063" s="14" t="s">
        <v>39</v>
      </c>
      <c r="E122063" s="15">
        <v>45529</v>
      </c>
      <c r="F122063" s="14" t="s">
        <v>15</v>
      </c>
      <c r="G122063" s="16">
        <v>0.69507927648207279</v>
      </c>
    </row>
    <row r="122064" spans="1:7" x14ac:dyDescent="0.3">
      <c r="A122064" s="13" t="s">
        <v>570</v>
      </c>
      <c r="B122064" s="14" t="s">
        <v>1</v>
      </c>
      <c r="C122064" s="14" t="s">
        <v>565</v>
      </c>
      <c r="D122064" s="14" t="s">
        <v>39</v>
      </c>
      <c r="E122064" s="15">
        <v>45530</v>
      </c>
      <c r="F122064" s="14" t="s">
        <v>15</v>
      </c>
      <c r="G122064" s="16">
        <v>0.70255627130497622</v>
      </c>
    </row>
    <row r="122065" spans="1:7" x14ac:dyDescent="0.3">
      <c r="A122065" s="13" t="s">
        <v>570</v>
      </c>
      <c r="B122065" s="14" t="s">
        <v>1</v>
      </c>
      <c r="C122065" s="14" t="s">
        <v>565</v>
      </c>
      <c r="D122065" s="14" t="s">
        <v>39</v>
      </c>
      <c r="E122065" s="15">
        <v>45531</v>
      </c>
      <c r="F122065" s="14" t="s">
        <v>15</v>
      </c>
      <c r="G122065" s="16">
        <v>0.69576085186807735</v>
      </c>
    </row>
    <row r="122066" spans="1:7" x14ac:dyDescent="0.3">
      <c r="A122066" s="13" t="s">
        <v>570</v>
      </c>
      <c r="B122066" s="14" t="s">
        <v>1</v>
      </c>
      <c r="C122066" s="14" t="s">
        <v>565</v>
      </c>
      <c r="D122066" s="14" t="s">
        <v>39</v>
      </c>
      <c r="E122066" s="15">
        <v>45532</v>
      </c>
      <c r="F122066" s="14" t="s">
        <v>15</v>
      </c>
      <c r="G122066" s="16">
        <v>0.69448666783005142</v>
      </c>
    </row>
    <row r="122067" spans="1:7" x14ac:dyDescent="0.3">
      <c r="A122067" s="13" t="s">
        <v>570</v>
      </c>
      <c r="B122067" s="14" t="s">
        <v>1</v>
      </c>
      <c r="C122067" s="14" t="s">
        <v>565</v>
      </c>
      <c r="D122067" s="14" t="s">
        <v>39</v>
      </c>
      <c r="E122067" s="15">
        <v>45533</v>
      </c>
      <c r="F122067" s="14" t="s">
        <v>15</v>
      </c>
      <c r="G122067" s="16">
        <v>0.6947293225095551</v>
      </c>
    </row>
    <row r="122068" spans="1:7" x14ac:dyDescent="0.3">
      <c r="A122068" s="13" t="s">
        <v>570</v>
      </c>
      <c r="B122068" s="14" t="s">
        <v>1</v>
      </c>
      <c r="C122068" s="14" t="s">
        <v>565</v>
      </c>
      <c r="D122068" s="14" t="s">
        <v>39</v>
      </c>
      <c r="E122068" s="15">
        <v>45534</v>
      </c>
      <c r="F122068" s="14" t="s">
        <v>15</v>
      </c>
      <c r="G122068" s="16">
        <v>0.69679881368382757</v>
      </c>
    </row>
    <row r="122069" spans="1:7" x14ac:dyDescent="0.3">
      <c r="A122069" s="13" t="s">
        <v>570</v>
      </c>
      <c r="B122069" s="14" t="s">
        <v>1</v>
      </c>
      <c r="C122069" s="14" t="s">
        <v>565</v>
      </c>
      <c r="D122069" s="14" t="s">
        <v>39</v>
      </c>
      <c r="E122069" s="15">
        <v>45535</v>
      </c>
      <c r="F122069" s="14" t="s">
        <v>15</v>
      </c>
      <c r="G122069" s="16">
        <v>0.69679881368382757</v>
      </c>
    </row>
    <row r="122070" spans="1:7" x14ac:dyDescent="0.3">
      <c r="A122070" s="13" t="s">
        <v>570</v>
      </c>
      <c r="B122070" s="14" t="s">
        <v>1</v>
      </c>
      <c r="C122070" s="14" t="s">
        <v>565</v>
      </c>
      <c r="D122070" s="14" t="s">
        <v>39</v>
      </c>
      <c r="E122070" s="15">
        <v>45536</v>
      </c>
      <c r="F122070" s="14" t="s">
        <v>15</v>
      </c>
      <c r="G122070" s="16">
        <v>0.69679881368382757</v>
      </c>
    </row>
    <row r="122071" spans="1:7" x14ac:dyDescent="0.3">
      <c r="A122071" s="13" t="s">
        <v>570</v>
      </c>
      <c r="B122071" s="14" t="s">
        <v>1</v>
      </c>
      <c r="C122071" s="14" t="s">
        <v>565</v>
      </c>
      <c r="D122071" s="14" t="s">
        <v>39</v>
      </c>
      <c r="E122071" s="15">
        <v>45537</v>
      </c>
      <c r="F122071" s="14" t="s">
        <v>15</v>
      </c>
      <c r="G122071" s="16">
        <v>0.69506824896590491</v>
      </c>
    </row>
    <row r="122072" spans="1:7" x14ac:dyDescent="0.3">
      <c r="A122072" s="13" t="s">
        <v>570</v>
      </c>
      <c r="B122072" s="14" t="s">
        <v>1</v>
      </c>
      <c r="C122072" s="14" t="s">
        <v>565</v>
      </c>
      <c r="D122072" s="14" t="s">
        <v>39</v>
      </c>
      <c r="E122072" s="15">
        <v>45538</v>
      </c>
      <c r="F122072" s="14" t="s">
        <v>15</v>
      </c>
      <c r="G122072" s="16">
        <v>0.68983758202041068</v>
      </c>
    </row>
    <row r="122073" spans="1:7" x14ac:dyDescent="0.3">
      <c r="A122073" s="13" t="s">
        <v>570</v>
      </c>
      <c r="B122073" s="14" t="s">
        <v>1</v>
      </c>
      <c r="C122073" s="14" t="s">
        <v>565</v>
      </c>
      <c r="D122073" s="14" t="s">
        <v>39</v>
      </c>
      <c r="E122073" s="15">
        <v>45539</v>
      </c>
      <c r="F122073" s="14" t="s">
        <v>15</v>
      </c>
      <c r="G122073" s="16">
        <v>0.68810143409689073</v>
      </c>
    </row>
    <row r="122074" spans="1:7" x14ac:dyDescent="0.3">
      <c r="A122074" s="13" t="s">
        <v>570</v>
      </c>
      <c r="B122074" s="14" t="s">
        <v>1</v>
      </c>
      <c r="C122074" s="14" t="s">
        <v>565</v>
      </c>
      <c r="D122074" s="14" t="s">
        <v>39</v>
      </c>
      <c r="E122074" s="15">
        <v>45540</v>
      </c>
      <c r="F122074" s="14" t="s">
        <v>15</v>
      </c>
      <c r="G122074" s="16">
        <v>0.68636867169646187</v>
      </c>
    </row>
    <row r="122075" spans="1:7" x14ac:dyDescent="0.3">
      <c r="A122075" s="13" t="s">
        <v>570</v>
      </c>
      <c r="B122075" s="14" t="s">
        <v>1</v>
      </c>
      <c r="C122075" s="14" t="s">
        <v>565</v>
      </c>
      <c r="D122075" s="14" t="s">
        <v>39</v>
      </c>
      <c r="E122075" s="15">
        <v>45541</v>
      </c>
      <c r="F122075" s="14" t="s">
        <v>15</v>
      </c>
      <c r="G122075" s="16">
        <v>0.69959774968511579</v>
      </c>
    </row>
    <row r="122076" spans="1:7" x14ac:dyDescent="0.3">
      <c r="A122076" s="13" t="s">
        <v>570</v>
      </c>
      <c r="B122076" s="14" t="s">
        <v>1</v>
      </c>
      <c r="C122076" s="14" t="s">
        <v>565</v>
      </c>
      <c r="D122076" s="14" t="s">
        <v>39</v>
      </c>
      <c r="E122076" s="15">
        <v>45542</v>
      </c>
      <c r="F122076" s="14" t="s">
        <v>15</v>
      </c>
      <c r="G122076" s="16">
        <v>0.69959774968511579</v>
      </c>
    </row>
    <row r="122077" spans="1:7" x14ac:dyDescent="0.3">
      <c r="A122077" s="13" t="s">
        <v>570</v>
      </c>
      <c r="B122077" s="14" t="s">
        <v>1</v>
      </c>
      <c r="C122077" s="14" t="s">
        <v>565</v>
      </c>
      <c r="D122077" s="14" t="s">
        <v>39</v>
      </c>
      <c r="E122077" s="15">
        <v>45543</v>
      </c>
      <c r="F122077" s="14" t="s">
        <v>15</v>
      </c>
      <c r="G122077" s="16">
        <v>0.69959774968511579</v>
      </c>
    </row>
    <row r="122078" spans="1:7" x14ac:dyDescent="0.3">
      <c r="A122078" s="13" t="s">
        <v>570</v>
      </c>
      <c r="B122078" s="14" t="s">
        <v>1</v>
      </c>
      <c r="C122078" s="14" t="s">
        <v>565</v>
      </c>
      <c r="D122078" s="14" t="s">
        <v>39</v>
      </c>
      <c r="E122078" s="15">
        <v>45544</v>
      </c>
      <c r="F122078" s="14" t="s">
        <v>15</v>
      </c>
      <c r="G122078" s="16">
        <v>0.71270960651617798</v>
      </c>
    </row>
    <row r="122079" spans="1:7" x14ac:dyDescent="0.3">
      <c r="A122079" s="13" t="s">
        <v>570</v>
      </c>
      <c r="B122079" s="14" t="s">
        <v>1</v>
      </c>
      <c r="C122079" s="14" t="s">
        <v>565</v>
      </c>
      <c r="D122079" s="14" t="s">
        <v>39</v>
      </c>
      <c r="E122079" s="15">
        <v>45545</v>
      </c>
      <c r="F122079" s="14" t="s">
        <v>15</v>
      </c>
      <c r="G122079" s="16">
        <v>0.75003313322948162</v>
      </c>
    </row>
    <row r="122080" spans="1:7" x14ac:dyDescent="0.3">
      <c r="A122080" s="13" t="s">
        <v>570</v>
      </c>
      <c r="B122080" s="14" t="s">
        <v>1</v>
      </c>
      <c r="C122080" s="14" t="s">
        <v>565</v>
      </c>
      <c r="D122080" s="14" t="s">
        <v>39</v>
      </c>
      <c r="E122080" s="15">
        <v>45546</v>
      </c>
      <c r="F122080" s="14" t="s">
        <v>15</v>
      </c>
      <c r="G122080" s="16">
        <v>0.74834016761302602</v>
      </c>
    </row>
    <row r="122081" spans="1:7" x14ac:dyDescent="0.3">
      <c r="A122081" s="13" t="s">
        <v>570</v>
      </c>
      <c r="B122081" s="14" t="s">
        <v>1</v>
      </c>
      <c r="C122081" s="14" t="s">
        <v>565</v>
      </c>
      <c r="D122081" s="14" t="s">
        <v>39</v>
      </c>
      <c r="E122081" s="15">
        <v>45547</v>
      </c>
      <c r="F122081" s="14" t="s">
        <v>15</v>
      </c>
      <c r="G122081" s="16">
        <v>0.75425507402951542</v>
      </c>
    </row>
    <row r="122082" spans="1:7" x14ac:dyDescent="0.3">
      <c r="A122082" s="13" t="s">
        <v>570</v>
      </c>
      <c r="B122082" s="14" t="s">
        <v>1</v>
      </c>
      <c r="C122082" s="14" t="s">
        <v>565</v>
      </c>
      <c r="D122082" s="14" t="s">
        <v>39</v>
      </c>
      <c r="E122082" s="15">
        <v>45548</v>
      </c>
      <c r="F122082" s="14" t="s">
        <v>15</v>
      </c>
      <c r="G122082" s="16">
        <v>0.77757068072202151</v>
      </c>
    </row>
    <row r="122083" spans="1:7" x14ac:dyDescent="0.3">
      <c r="A122083" s="13" t="s">
        <v>570</v>
      </c>
      <c r="B122083" s="14" t="s">
        <v>1</v>
      </c>
      <c r="C122083" s="14" t="s">
        <v>565</v>
      </c>
      <c r="D122083" s="14" t="s">
        <v>39</v>
      </c>
      <c r="E122083" s="15">
        <v>45549</v>
      </c>
      <c r="F122083" s="14" t="s">
        <v>15</v>
      </c>
      <c r="G122083" s="16">
        <v>0.77757068072202151</v>
      </c>
    </row>
    <row r="122084" spans="1:7" x14ac:dyDescent="0.3">
      <c r="A122084" s="13" t="s">
        <v>570</v>
      </c>
      <c r="B122084" s="14" t="s">
        <v>1</v>
      </c>
      <c r="C122084" s="14" t="s">
        <v>565</v>
      </c>
      <c r="D122084" s="14" t="s">
        <v>39</v>
      </c>
      <c r="E122084" s="15">
        <v>45550</v>
      </c>
      <c r="F122084" s="14" t="s">
        <v>15</v>
      </c>
      <c r="G122084" s="16">
        <v>0.77757068072202151</v>
      </c>
    </row>
    <row r="122085" spans="1:7" x14ac:dyDescent="0.3">
      <c r="A122085" s="13" t="s">
        <v>570</v>
      </c>
      <c r="B122085" s="14" t="s">
        <v>1</v>
      </c>
      <c r="C122085" s="14" t="s">
        <v>565</v>
      </c>
      <c r="D122085" s="14" t="s">
        <v>39</v>
      </c>
      <c r="E122085" s="15">
        <v>45551</v>
      </c>
      <c r="F122085" s="14" t="s">
        <v>15</v>
      </c>
      <c r="G122085" s="16">
        <v>0.77757068072202151</v>
      </c>
    </row>
    <row r="122086" spans="1:7" x14ac:dyDescent="0.3">
      <c r="A122086" s="13" t="s">
        <v>570</v>
      </c>
      <c r="B122086" s="14" t="s">
        <v>1</v>
      </c>
      <c r="C122086" s="14" t="s">
        <v>565</v>
      </c>
      <c r="D122086" s="14" t="s">
        <v>39</v>
      </c>
      <c r="E122086" s="15">
        <v>45552</v>
      </c>
      <c r="F122086" s="14" t="s">
        <v>15</v>
      </c>
      <c r="G122086" s="16">
        <v>0.77757068072202151</v>
      </c>
    </row>
    <row r="122087" spans="1:7" x14ac:dyDescent="0.3">
      <c r="A122087" s="13" t="s">
        <v>570</v>
      </c>
      <c r="B122087" s="14" t="s">
        <v>1</v>
      </c>
      <c r="C122087" s="14" t="s">
        <v>565</v>
      </c>
      <c r="D122087" s="14" t="s">
        <v>39</v>
      </c>
      <c r="E122087" s="15">
        <v>45553</v>
      </c>
      <c r="F122087" s="14" t="s">
        <v>15</v>
      </c>
      <c r="G122087" s="16">
        <v>0.77757068072202151</v>
      </c>
    </row>
    <row r="122088" spans="1:7" x14ac:dyDescent="0.3">
      <c r="A122088" s="13" t="s">
        <v>570</v>
      </c>
      <c r="B122088" s="14" t="s">
        <v>1</v>
      </c>
      <c r="C122088" s="14" t="s">
        <v>565</v>
      </c>
      <c r="D122088" s="14" t="s">
        <v>39</v>
      </c>
      <c r="E122088" s="15">
        <v>45554</v>
      </c>
      <c r="F122088" s="14" t="s">
        <v>15</v>
      </c>
      <c r="G122088" s="16">
        <v>0.81364853609905263</v>
      </c>
    </row>
    <row r="122089" spans="1:7" x14ac:dyDescent="0.3">
      <c r="A122089" s="13" t="s">
        <v>570</v>
      </c>
      <c r="B122089" s="14" t="s">
        <v>1</v>
      </c>
      <c r="C122089" s="14" t="s">
        <v>565</v>
      </c>
      <c r="D122089" s="14" t="s">
        <v>39</v>
      </c>
      <c r="E122089" s="15">
        <v>45555</v>
      </c>
      <c r="F122089" s="14" t="s">
        <v>15</v>
      </c>
      <c r="G122089" s="16">
        <v>0.8135764691525097</v>
      </c>
    </row>
    <row r="122090" spans="1:7" x14ac:dyDescent="0.3">
      <c r="A122090" s="13" t="s">
        <v>570</v>
      </c>
      <c r="B122090" s="14" t="s">
        <v>1</v>
      </c>
      <c r="C122090" s="14" t="s">
        <v>565</v>
      </c>
      <c r="D122090" s="14" t="s">
        <v>39</v>
      </c>
      <c r="E122090" s="15">
        <v>45556</v>
      </c>
      <c r="F122090" s="14" t="s">
        <v>15</v>
      </c>
      <c r="G122090" s="16">
        <v>0.8135764691525097</v>
      </c>
    </row>
    <row r="122091" spans="1:7" x14ac:dyDescent="0.3">
      <c r="A122091" s="13" t="s">
        <v>570</v>
      </c>
      <c r="B122091" s="14" t="s">
        <v>1</v>
      </c>
      <c r="C122091" s="14" t="s">
        <v>565</v>
      </c>
      <c r="D122091" s="14" t="s">
        <v>39</v>
      </c>
      <c r="E122091" s="15">
        <v>45557</v>
      </c>
      <c r="F122091" s="14" t="s">
        <v>15</v>
      </c>
      <c r="G122091" s="16">
        <v>0.8135764691525097</v>
      </c>
    </row>
    <row r="122092" spans="1:7" x14ac:dyDescent="0.3">
      <c r="A122092" s="13" t="s">
        <v>570</v>
      </c>
      <c r="B122092" s="14" t="s">
        <v>1</v>
      </c>
      <c r="C122092" s="14" t="s">
        <v>565</v>
      </c>
      <c r="D122092" s="14" t="s">
        <v>39</v>
      </c>
      <c r="E122092" s="15">
        <v>45558</v>
      </c>
      <c r="F122092" s="14" t="s">
        <v>15</v>
      </c>
      <c r="G122092" s="16">
        <v>0.81182388170974518</v>
      </c>
    </row>
    <row r="122093" spans="1:7" x14ac:dyDescent="0.3">
      <c r="A122093" s="13" t="s">
        <v>570</v>
      </c>
      <c r="B122093" s="14" t="s">
        <v>1</v>
      </c>
      <c r="C122093" s="14" t="s">
        <v>565</v>
      </c>
      <c r="D122093" s="14" t="s">
        <v>39</v>
      </c>
      <c r="E122093" s="15">
        <v>45559</v>
      </c>
      <c r="F122093" s="14" t="s">
        <v>15</v>
      </c>
      <c r="G122093" s="16">
        <v>0.80651248224855321</v>
      </c>
    </row>
    <row r="122094" spans="1:7" x14ac:dyDescent="0.3">
      <c r="A122094" s="13" t="s">
        <v>570</v>
      </c>
      <c r="B122094" s="14" t="s">
        <v>1</v>
      </c>
      <c r="C122094" s="14" t="s">
        <v>565</v>
      </c>
      <c r="D122094" s="14" t="s">
        <v>39</v>
      </c>
      <c r="E122094" s="15">
        <v>45560</v>
      </c>
      <c r="F122094" s="14" t="s">
        <v>15</v>
      </c>
      <c r="G122094" s="16">
        <v>0.80468509399348132</v>
      </c>
    </row>
    <row r="122095" spans="1:7" x14ac:dyDescent="0.3">
      <c r="A122095" s="13" t="s">
        <v>570</v>
      </c>
      <c r="B122095" s="14" t="s">
        <v>1</v>
      </c>
      <c r="C122095" s="14" t="s">
        <v>565</v>
      </c>
      <c r="D122095" s="14" t="s">
        <v>39</v>
      </c>
      <c r="E122095" s="15">
        <v>45561</v>
      </c>
      <c r="F122095" s="14" t="s">
        <v>15</v>
      </c>
      <c r="G122095" s="16">
        <v>0.80288839421592062</v>
      </c>
    </row>
    <row r="122096" spans="1:7" x14ac:dyDescent="0.3">
      <c r="A122096" s="13" t="s">
        <v>570</v>
      </c>
      <c r="B122096" s="14" t="s">
        <v>1</v>
      </c>
      <c r="C122096" s="14" t="s">
        <v>565</v>
      </c>
      <c r="D122096" s="14" t="s">
        <v>39</v>
      </c>
      <c r="E122096" s="15">
        <v>45562</v>
      </c>
      <c r="F122096" s="14" t="s">
        <v>15</v>
      </c>
      <c r="G122096" s="16">
        <v>0.80147587983759661</v>
      </c>
    </row>
    <row r="122097" spans="1:7" x14ac:dyDescent="0.3">
      <c r="A122097" s="13" t="s">
        <v>570</v>
      </c>
      <c r="B122097" s="14" t="s">
        <v>1</v>
      </c>
      <c r="C122097" s="14" t="s">
        <v>565</v>
      </c>
      <c r="D122097" s="14" t="s">
        <v>39</v>
      </c>
      <c r="E122097" s="15">
        <v>45563</v>
      </c>
      <c r="F122097" s="14" t="s">
        <v>15</v>
      </c>
      <c r="G122097" s="16">
        <v>0.80147587983759661</v>
      </c>
    </row>
    <row r="122098" spans="1:7" x14ac:dyDescent="0.3">
      <c r="A122098" s="13" t="s">
        <v>570</v>
      </c>
      <c r="B122098" s="14" t="s">
        <v>1</v>
      </c>
      <c r="C122098" s="14" t="s">
        <v>565</v>
      </c>
      <c r="D122098" s="14" t="s">
        <v>39</v>
      </c>
      <c r="E122098" s="15">
        <v>45564</v>
      </c>
      <c r="F122098" s="14" t="s">
        <v>15</v>
      </c>
      <c r="G122098" s="16">
        <v>0.80147587983759661</v>
      </c>
    </row>
    <row r="122099" spans="1:7" x14ac:dyDescent="0.3">
      <c r="A122099" s="13" t="s">
        <v>570</v>
      </c>
      <c r="B122099" s="14" t="s">
        <v>1</v>
      </c>
      <c r="C122099" s="14" t="s">
        <v>565</v>
      </c>
      <c r="D122099" s="14" t="s">
        <v>39</v>
      </c>
      <c r="E122099" s="15">
        <v>45565</v>
      </c>
      <c r="F122099" s="14" t="s">
        <v>15</v>
      </c>
      <c r="G122099" s="16">
        <v>0.82004794376148948</v>
      </c>
    </row>
    <row r="122100" spans="1:7" x14ac:dyDescent="0.3">
      <c r="A122100" s="13" t="s">
        <v>570</v>
      </c>
      <c r="B122100" s="14" t="s">
        <v>1</v>
      </c>
      <c r="C122100" s="14" t="s">
        <v>565</v>
      </c>
      <c r="D122100" s="14" t="s">
        <v>39</v>
      </c>
      <c r="E122100" s="15">
        <v>45566</v>
      </c>
      <c r="F122100" s="14" t="s">
        <v>15</v>
      </c>
      <c r="G122100" s="16">
        <v>0.82004794376148948</v>
      </c>
    </row>
    <row r="122101" spans="1:7" x14ac:dyDescent="0.3">
      <c r="A122101" s="13" t="s">
        <v>570</v>
      </c>
      <c r="B122101" s="14" t="s">
        <v>1</v>
      </c>
      <c r="C122101" s="14" t="s">
        <v>565</v>
      </c>
      <c r="D122101" s="14" t="s">
        <v>39</v>
      </c>
      <c r="E122101" s="15">
        <v>45567</v>
      </c>
      <c r="F122101" s="14" t="s">
        <v>15</v>
      </c>
      <c r="G122101" s="16">
        <v>0.82004794376148948</v>
      </c>
    </row>
    <row r="122102" spans="1:7" x14ac:dyDescent="0.3">
      <c r="A122102" s="13" t="s">
        <v>570</v>
      </c>
      <c r="B122102" s="14" t="s">
        <v>1</v>
      </c>
      <c r="C122102" s="14" t="s">
        <v>565</v>
      </c>
      <c r="D122102" s="14" t="s">
        <v>39</v>
      </c>
      <c r="E122102" s="15">
        <v>45568</v>
      </c>
      <c r="F122102" s="14" t="s">
        <v>15</v>
      </c>
      <c r="G122102" s="16">
        <v>0.82004794376148948</v>
      </c>
    </row>
    <row r="122103" spans="1:7" x14ac:dyDescent="0.3">
      <c r="A122103" s="13" t="s">
        <v>570</v>
      </c>
      <c r="B122103" s="14" t="s">
        <v>1</v>
      </c>
      <c r="C122103" s="14" t="s">
        <v>565</v>
      </c>
      <c r="D122103" s="14" t="s">
        <v>39</v>
      </c>
      <c r="E122103" s="15">
        <v>45569</v>
      </c>
      <c r="F122103" s="14" t="s">
        <v>15</v>
      </c>
      <c r="G122103" s="16">
        <v>0.82004794376148948</v>
      </c>
    </row>
    <row r="122104" spans="1:7" x14ac:dyDescent="0.3">
      <c r="A122104" s="13" t="s">
        <v>570</v>
      </c>
      <c r="B122104" s="14" t="s">
        <v>1</v>
      </c>
      <c r="C122104" s="14" t="s">
        <v>565</v>
      </c>
      <c r="D122104" s="14" t="s">
        <v>39</v>
      </c>
      <c r="E122104" s="15">
        <v>45570</v>
      </c>
      <c r="F122104" s="14" t="s">
        <v>15</v>
      </c>
      <c r="G122104" s="16">
        <v>0.82004794376148948</v>
      </c>
    </row>
    <row r="122105" spans="1:7" x14ac:dyDescent="0.3">
      <c r="A122105" s="13" t="s">
        <v>570</v>
      </c>
      <c r="B122105" s="14" t="s">
        <v>1</v>
      </c>
      <c r="C122105" s="14" t="s">
        <v>565</v>
      </c>
      <c r="D122105" s="14" t="s">
        <v>39</v>
      </c>
      <c r="E122105" s="15">
        <v>45571</v>
      </c>
      <c r="F122105" s="14" t="s">
        <v>15</v>
      </c>
      <c r="G122105" s="16">
        <v>0.82004794376148948</v>
      </c>
    </row>
    <row r="122106" spans="1:7" x14ac:dyDescent="0.3">
      <c r="A122106" s="13" t="s">
        <v>570</v>
      </c>
      <c r="B122106" s="14" t="s">
        <v>1</v>
      </c>
      <c r="C122106" s="14" t="s">
        <v>565</v>
      </c>
      <c r="D122106" s="14" t="s">
        <v>39</v>
      </c>
      <c r="E122106" s="15">
        <v>45572</v>
      </c>
      <c r="F122106" s="14" t="s">
        <v>15</v>
      </c>
      <c r="G122106" s="16">
        <v>0.82004794376148948</v>
      </c>
    </row>
    <row r="122107" spans="1:7" x14ac:dyDescent="0.3">
      <c r="A122107" s="13" t="s">
        <v>570</v>
      </c>
      <c r="B122107" s="14" t="s">
        <v>1</v>
      </c>
      <c r="C122107" s="14" t="s">
        <v>565</v>
      </c>
      <c r="D122107" s="14" t="s">
        <v>39</v>
      </c>
      <c r="E122107" s="15">
        <v>45573</v>
      </c>
      <c r="F122107" s="14" t="s">
        <v>15</v>
      </c>
      <c r="G122107" s="16">
        <v>0.81444300930112523</v>
      </c>
    </row>
    <row r="122108" spans="1:7" x14ac:dyDescent="0.3">
      <c r="A122108" s="13" t="s">
        <v>570</v>
      </c>
      <c r="B122108" s="14" t="s">
        <v>1</v>
      </c>
      <c r="C122108" s="14" t="s">
        <v>565</v>
      </c>
      <c r="D122108" s="14" t="s">
        <v>39</v>
      </c>
      <c r="E122108" s="15">
        <v>45574</v>
      </c>
      <c r="F122108" s="14" t="s">
        <v>15</v>
      </c>
      <c r="G122108" s="16">
        <v>0.81065354625877073</v>
      </c>
    </row>
    <row r="122109" spans="1:7" x14ac:dyDescent="0.3">
      <c r="A122109" s="13" t="s">
        <v>570</v>
      </c>
      <c r="B122109" s="14" t="s">
        <v>1</v>
      </c>
      <c r="C122109" s="14" t="s">
        <v>565</v>
      </c>
      <c r="D122109" s="14" t="s">
        <v>39</v>
      </c>
      <c r="E122109" s="15">
        <v>45575</v>
      </c>
      <c r="F122109" s="14" t="s">
        <v>15</v>
      </c>
      <c r="G122109" s="16">
        <v>0.80880548772729111</v>
      </c>
    </row>
    <row r="122110" spans="1:7" x14ac:dyDescent="0.3">
      <c r="A122110" s="13" t="s">
        <v>570</v>
      </c>
      <c r="B122110" s="14" t="s">
        <v>1</v>
      </c>
      <c r="C122110" s="14" t="s">
        <v>565</v>
      </c>
      <c r="D122110" s="14" t="s">
        <v>39</v>
      </c>
      <c r="E122110" s="15">
        <v>45576</v>
      </c>
      <c r="F122110" s="14" t="s">
        <v>15</v>
      </c>
      <c r="G122110" s="16">
        <v>0.80880548772729111</v>
      </c>
    </row>
    <row r="122111" spans="1:7" x14ac:dyDescent="0.3">
      <c r="A122111" s="13" t="s">
        <v>570</v>
      </c>
      <c r="B122111" s="14" t="s">
        <v>1</v>
      </c>
      <c r="C122111" s="14" t="s">
        <v>565</v>
      </c>
      <c r="D122111" s="14" t="s">
        <v>39</v>
      </c>
      <c r="E122111" s="15">
        <v>45577</v>
      </c>
      <c r="F122111" s="14" t="s">
        <v>15</v>
      </c>
      <c r="G122111" s="16">
        <v>0.80880548772729111</v>
      </c>
    </row>
    <row r="122112" spans="1:7" x14ac:dyDescent="0.3">
      <c r="A122112" s="13" t="s">
        <v>570</v>
      </c>
      <c r="B122112" s="14" t="s">
        <v>1</v>
      </c>
      <c r="C122112" s="14" t="s">
        <v>565</v>
      </c>
      <c r="D122112" s="14" t="s">
        <v>39</v>
      </c>
      <c r="E122112" s="15">
        <v>45578</v>
      </c>
      <c r="F122112" s="14" t="s">
        <v>15</v>
      </c>
      <c r="G122112" s="16">
        <v>0.80880548772729111</v>
      </c>
    </row>
    <row r="122113" spans="1:7" x14ac:dyDescent="0.3">
      <c r="A122113" s="13" t="s">
        <v>570</v>
      </c>
      <c r="B122113" s="14" t="s">
        <v>1</v>
      </c>
      <c r="C122113" s="14" t="s">
        <v>565</v>
      </c>
      <c r="D122113" s="14" t="s">
        <v>39</v>
      </c>
      <c r="E122113" s="15">
        <v>45579</v>
      </c>
      <c r="F122113" s="14" t="s">
        <v>15</v>
      </c>
      <c r="G122113" s="16">
        <v>0.80697208773338236</v>
      </c>
    </row>
    <row r="122114" spans="1:7" x14ac:dyDescent="0.3">
      <c r="A122114" s="13" t="s">
        <v>570</v>
      </c>
      <c r="B122114" s="14" t="s">
        <v>1</v>
      </c>
      <c r="C122114" s="14" t="s">
        <v>565</v>
      </c>
      <c r="D122114" s="14" t="s">
        <v>39</v>
      </c>
      <c r="E122114" s="15">
        <v>45580</v>
      </c>
      <c r="F122114" s="14" t="s">
        <v>15</v>
      </c>
      <c r="G122114" s="16">
        <v>0.79990948191126399</v>
      </c>
    </row>
    <row r="122115" spans="1:7" x14ac:dyDescent="0.3">
      <c r="A122115" s="13" t="s">
        <v>570</v>
      </c>
      <c r="B122115" s="14" t="s">
        <v>1</v>
      </c>
      <c r="C122115" s="14" t="s">
        <v>565</v>
      </c>
      <c r="D122115" s="14" t="s">
        <v>39</v>
      </c>
      <c r="E122115" s="15">
        <v>45581</v>
      </c>
      <c r="F122115" s="14" t="s">
        <v>15</v>
      </c>
      <c r="G122115" s="16">
        <v>0.80482956323177079</v>
      </c>
    </row>
    <row r="122116" spans="1:7" x14ac:dyDescent="0.3">
      <c r="A122116" s="13" t="s">
        <v>570</v>
      </c>
      <c r="B122116" s="14" t="s">
        <v>1</v>
      </c>
      <c r="C122116" s="14" t="s">
        <v>565</v>
      </c>
      <c r="D122116" s="14" t="s">
        <v>39</v>
      </c>
      <c r="E122116" s="15">
        <v>45582</v>
      </c>
      <c r="F122116" s="14" t="s">
        <v>15</v>
      </c>
      <c r="G122116" s="16">
        <v>0.80299900768243659</v>
      </c>
    </row>
    <row r="122117" spans="1:7" x14ac:dyDescent="0.3">
      <c r="A122117" s="13" t="s">
        <v>570</v>
      </c>
      <c r="B122117" s="14" t="s">
        <v>1</v>
      </c>
      <c r="C122117" s="14" t="s">
        <v>565</v>
      </c>
      <c r="D122117" s="14" t="s">
        <v>39</v>
      </c>
      <c r="E122117" s="15">
        <v>45583</v>
      </c>
      <c r="F122117" s="14" t="s">
        <v>15</v>
      </c>
      <c r="G122117" s="16">
        <v>0.80118527975078113</v>
      </c>
    </row>
    <row r="122118" spans="1:7" x14ac:dyDescent="0.3">
      <c r="A122118" s="13" t="s">
        <v>570</v>
      </c>
      <c r="B122118" s="14" t="s">
        <v>1</v>
      </c>
      <c r="C122118" s="14" t="s">
        <v>565</v>
      </c>
      <c r="D122118" s="14" t="s">
        <v>39</v>
      </c>
      <c r="E122118" s="15">
        <v>45584</v>
      </c>
      <c r="F122118" s="14" t="s">
        <v>15</v>
      </c>
      <c r="G122118" s="16">
        <v>0.80118527975078113</v>
      </c>
    </row>
    <row r="122119" spans="1:7" x14ac:dyDescent="0.3">
      <c r="A122119" s="13" t="s">
        <v>570</v>
      </c>
      <c r="B122119" s="14" t="s">
        <v>1</v>
      </c>
      <c r="C122119" s="14" t="s">
        <v>565</v>
      </c>
      <c r="D122119" s="14" t="s">
        <v>39</v>
      </c>
      <c r="E122119" s="15">
        <v>45585</v>
      </c>
      <c r="F122119" s="14" t="s">
        <v>15</v>
      </c>
      <c r="G122119" s="16">
        <v>0.80118527975078113</v>
      </c>
    </row>
    <row r="122120" spans="1:7" x14ac:dyDescent="0.3">
      <c r="A122120" s="13" t="s">
        <v>570</v>
      </c>
      <c r="B122120" s="14" t="s">
        <v>1</v>
      </c>
      <c r="C122120" s="14" t="s">
        <v>565</v>
      </c>
      <c r="D122120" s="14" t="s">
        <v>39</v>
      </c>
      <c r="E122120" s="15">
        <v>45586</v>
      </c>
      <c r="F122120" s="14" t="s">
        <v>15</v>
      </c>
      <c r="G122120" s="16">
        <v>0.80620515551899885</v>
      </c>
    </row>
    <row r="122121" spans="1:7" x14ac:dyDescent="0.3">
      <c r="A122121" s="13" t="s">
        <v>570</v>
      </c>
      <c r="B122121" s="14" t="s">
        <v>1</v>
      </c>
      <c r="C122121" s="14" t="s">
        <v>565</v>
      </c>
      <c r="D122121" s="14" t="s">
        <v>39</v>
      </c>
      <c r="E122121" s="15">
        <v>45587</v>
      </c>
      <c r="F122121" s="14" t="s">
        <v>15</v>
      </c>
      <c r="G122121" s="16">
        <v>0.80072240011174212</v>
      </c>
    </row>
    <row r="122122" spans="1:7" x14ac:dyDescent="0.3">
      <c r="A122122" s="13" t="s">
        <v>570</v>
      </c>
      <c r="B122122" s="14" t="s">
        <v>1</v>
      </c>
      <c r="C122122" s="14" t="s">
        <v>565</v>
      </c>
      <c r="D122122" s="14" t="s">
        <v>39</v>
      </c>
      <c r="E122122" s="15">
        <v>45588</v>
      </c>
      <c r="F122122" s="14" t="s">
        <v>15</v>
      </c>
      <c r="G122122" s="16">
        <v>0.79890074482830842</v>
      </c>
    </row>
    <row r="122123" spans="1:7" x14ac:dyDescent="0.3">
      <c r="A122123" s="13" t="s">
        <v>570</v>
      </c>
      <c r="B122123" s="14" t="s">
        <v>1</v>
      </c>
      <c r="C122123" s="14" t="s">
        <v>565</v>
      </c>
      <c r="D122123" s="14" t="s">
        <v>39</v>
      </c>
      <c r="E122123" s="15">
        <v>45589</v>
      </c>
      <c r="F122123" s="14" t="s">
        <v>15</v>
      </c>
      <c r="G122123" s="16">
        <v>0.79709291336861354</v>
      </c>
    </row>
    <row r="122124" spans="1:7" x14ac:dyDescent="0.3">
      <c r="A122124" s="13" t="s">
        <v>570</v>
      </c>
      <c r="B122124" s="14" t="s">
        <v>1</v>
      </c>
      <c r="C122124" s="14" t="s">
        <v>565</v>
      </c>
      <c r="D122124" s="14" t="s">
        <v>39</v>
      </c>
      <c r="E122124" s="15">
        <v>45590</v>
      </c>
      <c r="F122124" s="14" t="s">
        <v>15</v>
      </c>
      <c r="G122124" s="16">
        <v>0.79718452412451046</v>
      </c>
    </row>
    <row r="122125" spans="1:7" x14ac:dyDescent="0.3">
      <c r="A122125" s="13" t="s">
        <v>570</v>
      </c>
      <c r="B122125" s="14" t="s">
        <v>1</v>
      </c>
      <c r="C122125" s="14" t="s">
        <v>565</v>
      </c>
      <c r="D122125" s="14" t="s">
        <v>39</v>
      </c>
      <c r="E122125" s="15">
        <v>45591</v>
      </c>
      <c r="F122125" s="14" t="s">
        <v>15</v>
      </c>
      <c r="G122125" s="16">
        <v>0.79718452412451046</v>
      </c>
    </row>
    <row r="122126" spans="1:7" x14ac:dyDescent="0.3">
      <c r="A122126" s="13" t="s">
        <v>570</v>
      </c>
      <c r="B122126" s="14" t="s">
        <v>1</v>
      </c>
      <c r="C122126" s="14" t="s">
        <v>565</v>
      </c>
      <c r="D122126" s="14" t="s">
        <v>39</v>
      </c>
      <c r="E122126" s="15">
        <v>45592</v>
      </c>
      <c r="F122126" s="14" t="s">
        <v>15</v>
      </c>
      <c r="G122126" s="16">
        <v>0.79718452412451046</v>
      </c>
    </row>
    <row r="122127" spans="1:7" x14ac:dyDescent="0.3">
      <c r="A122127" s="13" t="s">
        <v>570</v>
      </c>
      <c r="B122127" s="14" t="s">
        <v>1</v>
      </c>
      <c r="C122127" s="14" t="s">
        <v>565</v>
      </c>
      <c r="D122127" s="14" t="s">
        <v>39</v>
      </c>
      <c r="E122127" s="15">
        <v>45593</v>
      </c>
      <c r="F122127" s="14" t="s">
        <v>15</v>
      </c>
      <c r="G122127" s="16">
        <v>0.79718452412451046</v>
      </c>
    </row>
    <row r="122128" spans="1:7" x14ac:dyDescent="0.3">
      <c r="A122128" s="13" t="s">
        <v>570</v>
      </c>
      <c r="B122128" s="14" t="s">
        <v>1</v>
      </c>
      <c r="C122128" s="14" t="s">
        <v>565</v>
      </c>
      <c r="D122128" s="14" t="s">
        <v>39</v>
      </c>
      <c r="E122128" s="15">
        <v>45594</v>
      </c>
      <c r="F122128" s="14" t="s">
        <v>15</v>
      </c>
      <c r="G122128" s="16">
        <v>0.79567892681736019</v>
      </c>
    </row>
    <row r="122129" spans="1:7" x14ac:dyDescent="0.3">
      <c r="A122129" s="13" t="s">
        <v>570</v>
      </c>
      <c r="B122129" s="14" t="s">
        <v>1</v>
      </c>
      <c r="C122129" s="14" t="s">
        <v>565</v>
      </c>
      <c r="D122129" s="14" t="s">
        <v>39</v>
      </c>
      <c r="E122129" s="15">
        <v>45595</v>
      </c>
      <c r="F122129" s="14" t="s">
        <v>15</v>
      </c>
      <c r="G122129" s="16">
        <v>0.81274201890799991</v>
      </c>
    </row>
    <row r="122130" spans="1:7" x14ac:dyDescent="0.3">
      <c r="A122130" s="13" t="s">
        <v>570</v>
      </c>
      <c r="B122130" s="14" t="s">
        <v>1</v>
      </c>
      <c r="C122130" s="14" t="s">
        <v>565</v>
      </c>
      <c r="D122130" s="14" t="s">
        <v>39</v>
      </c>
      <c r="E122130" s="15">
        <v>45596</v>
      </c>
      <c r="F122130" s="14" t="s">
        <v>15</v>
      </c>
      <c r="G122130" s="16">
        <v>0.83062212338687791</v>
      </c>
    </row>
    <row r="122131" spans="1:7" x14ac:dyDescent="0.3">
      <c r="A122131" s="13" t="s">
        <v>570</v>
      </c>
      <c r="B122131" s="14" t="s">
        <v>1</v>
      </c>
      <c r="C122131" s="14" t="s">
        <v>565</v>
      </c>
      <c r="D122131" s="14" t="s">
        <v>39</v>
      </c>
      <c r="E122131" s="15">
        <v>45597</v>
      </c>
      <c r="F122131" s="14" t="s">
        <v>15</v>
      </c>
      <c r="G122131" s="16">
        <v>0.82883999589121815</v>
      </c>
    </row>
    <row r="122132" spans="1:7" x14ac:dyDescent="0.3">
      <c r="A122132" s="13" t="s">
        <v>570</v>
      </c>
      <c r="B122132" s="14" t="s">
        <v>1</v>
      </c>
      <c r="C122132" s="14" t="s">
        <v>565</v>
      </c>
      <c r="D122132" s="14" t="s">
        <v>39</v>
      </c>
      <c r="E122132" s="15">
        <v>45598</v>
      </c>
      <c r="F122132" s="14" t="s">
        <v>15</v>
      </c>
      <c r="G122132" s="16">
        <v>0.82883999589121815</v>
      </c>
    </row>
    <row r="122133" spans="1:7" x14ac:dyDescent="0.3">
      <c r="A122133" s="13" t="s">
        <v>570</v>
      </c>
      <c r="B122133" s="14" t="s">
        <v>1</v>
      </c>
      <c r="C122133" s="14" t="s">
        <v>565</v>
      </c>
      <c r="D122133" s="14" t="s">
        <v>39</v>
      </c>
      <c r="E122133" s="15">
        <v>45599</v>
      </c>
      <c r="F122133" s="14" t="s">
        <v>15</v>
      </c>
      <c r="G122133" s="16">
        <v>0.82883999589121815</v>
      </c>
    </row>
    <row r="122134" spans="1:7" x14ac:dyDescent="0.3">
      <c r="A122134" s="13" t="s">
        <v>570</v>
      </c>
      <c r="B122134" s="14" t="s">
        <v>1</v>
      </c>
      <c r="C122134" s="14" t="s">
        <v>565</v>
      </c>
      <c r="D122134" s="14" t="s">
        <v>39</v>
      </c>
      <c r="E122134" s="15">
        <v>45600</v>
      </c>
      <c r="F122134" s="14" t="s">
        <v>15</v>
      </c>
      <c r="G122134" s="16">
        <v>0.82707074617336718</v>
      </c>
    </row>
    <row r="122135" spans="1:7" x14ac:dyDescent="0.3">
      <c r="A122135" s="13" t="s">
        <v>570</v>
      </c>
      <c r="B122135" s="14" t="s">
        <v>1</v>
      </c>
      <c r="C122135" s="14" t="s">
        <v>565</v>
      </c>
      <c r="D122135" s="14" t="s">
        <v>39</v>
      </c>
      <c r="E122135" s="15">
        <v>45601</v>
      </c>
      <c r="F122135" s="14" t="s">
        <v>15</v>
      </c>
      <c r="G122135" s="16">
        <v>0.82176299123299124</v>
      </c>
    </row>
    <row r="122136" spans="1:7" x14ac:dyDescent="0.3">
      <c r="A122136" s="13" t="s">
        <v>570</v>
      </c>
      <c r="B122136" s="14" t="s">
        <v>1</v>
      </c>
      <c r="C122136" s="14" t="s">
        <v>565</v>
      </c>
      <c r="D122136" s="14" t="s">
        <v>39</v>
      </c>
      <c r="E122136" s="15">
        <v>45602</v>
      </c>
      <c r="F122136" s="14" t="s">
        <v>15</v>
      </c>
      <c r="G122136" s="16">
        <v>0.81998457667363078</v>
      </c>
    </row>
    <row r="122137" spans="1:7" x14ac:dyDescent="0.3">
      <c r="A122137" s="13" t="s">
        <v>570</v>
      </c>
      <c r="B122137" s="14" t="s">
        <v>1</v>
      </c>
      <c r="C122137" s="14" t="s">
        <v>565</v>
      </c>
      <c r="D122137" s="14" t="s">
        <v>39</v>
      </c>
      <c r="E122137" s="15">
        <v>45603</v>
      </c>
      <c r="F122137" s="14" t="s">
        <v>15</v>
      </c>
      <c r="G122137" s="16">
        <v>0.82619277259903867</v>
      </c>
    </row>
    <row r="122138" spans="1:7" x14ac:dyDescent="0.3">
      <c r="A122138" s="13" t="s">
        <v>570</v>
      </c>
      <c r="B122138" s="14" t="s">
        <v>1</v>
      </c>
      <c r="C122138" s="14" t="s">
        <v>565</v>
      </c>
      <c r="D122138" s="14" t="s">
        <v>39</v>
      </c>
      <c r="E122138" s="15">
        <v>45604</v>
      </c>
      <c r="F122138" s="14" t="s">
        <v>15</v>
      </c>
      <c r="G122138" s="16">
        <v>0.82987357818377605</v>
      </c>
    </row>
    <row r="122139" spans="1:7" x14ac:dyDescent="0.3">
      <c r="A122139" s="13" t="s">
        <v>570</v>
      </c>
      <c r="B122139" s="14" t="s">
        <v>1</v>
      </c>
      <c r="C122139" s="14" t="s">
        <v>565</v>
      </c>
      <c r="D122139" s="14" t="s">
        <v>39</v>
      </c>
      <c r="E122139" s="15">
        <v>45605</v>
      </c>
      <c r="F122139" s="14" t="s">
        <v>15</v>
      </c>
      <c r="G122139" s="16">
        <v>0.82987357818377605</v>
      </c>
    </row>
    <row r="122140" spans="1:7" x14ac:dyDescent="0.3">
      <c r="A122140" s="13" t="s">
        <v>570</v>
      </c>
      <c r="B122140" s="14" t="s">
        <v>1</v>
      </c>
      <c r="C122140" s="14" t="s">
        <v>565</v>
      </c>
      <c r="D122140" s="14" t="s">
        <v>39</v>
      </c>
      <c r="E122140" s="15">
        <v>45606</v>
      </c>
      <c r="F122140" s="14" t="s">
        <v>15</v>
      </c>
      <c r="G122140" s="16">
        <v>0.82987357818377605</v>
      </c>
    </row>
    <row r="122141" spans="1:7" x14ac:dyDescent="0.3">
      <c r="A122141" s="13" t="s">
        <v>570</v>
      </c>
      <c r="B122141" s="14" t="s">
        <v>1</v>
      </c>
      <c r="C122141" s="14" t="s">
        <v>565</v>
      </c>
      <c r="D122141" s="14" t="s">
        <v>39</v>
      </c>
      <c r="E122141" s="15">
        <v>45607</v>
      </c>
      <c r="F122141" s="14" t="s">
        <v>15</v>
      </c>
      <c r="G122141" s="16">
        <v>0.82808612845804574</v>
      </c>
    </row>
    <row r="122142" spans="1:7" x14ac:dyDescent="0.3">
      <c r="A122142" s="13" t="s">
        <v>570</v>
      </c>
      <c r="B122142" s="14" t="s">
        <v>1</v>
      </c>
      <c r="C122142" s="14" t="s">
        <v>565</v>
      </c>
      <c r="D122142" s="14" t="s">
        <v>39</v>
      </c>
      <c r="E122142" s="15">
        <v>45608</v>
      </c>
      <c r="F122142" s="14" t="s">
        <v>15</v>
      </c>
      <c r="G122142" s="16">
        <v>0.82259812439167812</v>
      </c>
    </row>
    <row r="122143" spans="1:7" x14ac:dyDescent="0.3">
      <c r="A122143" s="13" t="s">
        <v>570</v>
      </c>
      <c r="B122143" s="14" t="s">
        <v>1</v>
      </c>
      <c r="C122143" s="14" t="s">
        <v>565</v>
      </c>
      <c r="D122143" s="14" t="s">
        <v>39</v>
      </c>
      <c r="E122143" s="15">
        <v>45609</v>
      </c>
      <c r="F122143" s="14" t="s">
        <v>15</v>
      </c>
      <c r="G122143" s="16">
        <v>0.83469831979911335</v>
      </c>
    </row>
    <row r="122144" spans="1:7" x14ac:dyDescent="0.3">
      <c r="A122144" s="13" t="s">
        <v>570</v>
      </c>
      <c r="B122144" s="14" t="s">
        <v>1</v>
      </c>
      <c r="C122144" s="14" t="s">
        <v>565</v>
      </c>
      <c r="D122144" s="14" t="s">
        <v>39</v>
      </c>
      <c r="E122144" s="15">
        <v>45610</v>
      </c>
      <c r="F122144" s="14" t="s">
        <v>15</v>
      </c>
      <c r="G122144" s="16">
        <v>0.8325299220020379</v>
      </c>
    </row>
    <row r="122145" spans="1:7" x14ac:dyDescent="0.3">
      <c r="A122145" s="13" t="s">
        <v>570</v>
      </c>
      <c r="B122145" s="14" t="s">
        <v>1</v>
      </c>
      <c r="C122145" s="14" t="s">
        <v>565</v>
      </c>
      <c r="D122145" s="14" t="s">
        <v>39</v>
      </c>
      <c r="E122145" s="15">
        <v>45611</v>
      </c>
      <c r="F122145" s="14" t="s">
        <v>15</v>
      </c>
      <c r="G122145" s="16">
        <v>0.8713449256819279</v>
      </c>
    </row>
    <row r="122146" spans="1:7" x14ac:dyDescent="0.3">
      <c r="A122146" s="13" t="s">
        <v>570</v>
      </c>
      <c r="B122146" s="14" t="s">
        <v>1</v>
      </c>
      <c r="C122146" s="14" t="s">
        <v>565</v>
      </c>
      <c r="D122146" s="14" t="s">
        <v>39</v>
      </c>
      <c r="E122146" s="15">
        <v>45612</v>
      </c>
      <c r="F122146" s="14" t="s">
        <v>15</v>
      </c>
      <c r="G122146" s="16">
        <v>0.8713449256819279</v>
      </c>
    </row>
    <row r="122147" spans="1:7" x14ac:dyDescent="0.3">
      <c r="A122147" s="13" t="s">
        <v>570</v>
      </c>
      <c r="B122147" s="14" t="s">
        <v>1</v>
      </c>
      <c r="C122147" s="14" t="s">
        <v>565</v>
      </c>
      <c r="D122147" s="14" t="s">
        <v>39</v>
      </c>
      <c r="E122147" s="15">
        <v>45613</v>
      </c>
      <c r="F122147" s="14" t="s">
        <v>15</v>
      </c>
      <c r="G122147" s="16">
        <v>0.8713449256819279</v>
      </c>
    </row>
    <row r="122148" spans="1:7" x14ac:dyDescent="0.3">
      <c r="A122148" s="13" t="s">
        <v>570</v>
      </c>
      <c r="B122148" s="14" t="s">
        <v>1</v>
      </c>
      <c r="C122148" s="14" t="s">
        <v>565</v>
      </c>
      <c r="D122148" s="14" t="s">
        <v>39</v>
      </c>
      <c r="E122148" s="15">
        <v>45614</v>
      </c>
      <c r="F122148" s="14" t="s">
        <v>15</v>
      </c>
      <c r="G122148" s="16">
        <v>0.87100915411669089</v>
      </c>
    </row>
    <row r="122149" spans="1:7" x14ac:dyDescent="0.3">
      <c r="A122149" s="13" t="s">
        <v>570</v>
      </c>
      <c r="B122149" s="14" t="s">
        <v>1</v>
      </c>
      <c r="C122149" s="14" t="s">
        <v>565</v>
      </c>
      <c r="D122149" s="14" t="s">
        <v>39</v>
      </c>
      <c r="E122149" s="15">
        <v>45615</v>
      </c>
      <c r="F122149" s="14" t="s">
        <v>15</v>
      </c>
      <c r="G122149" s="16">
        <v>0.86587786183408078</v>
      </c>
    </row>
    <row r="122150" spans="1:7" x14ac:dyDescent="0.3">
      <c r="A122150" s="13" t="s">
        <v>570</v>
      </c>
      <c r="B122150" s="14" t="s">
        <v>1</v>
      </c>
      <c r="C122150" s="14" t="s">
        <v>565</v>
      </c>
      <c r="D122150" s="14" t="s">
        <v>39</v>
      </c>
      <c r="E122150" s="15">
        <v>45616</v>
      </c>
      <c r="F122150" s="14" t="s">
        <v>15</v>
      </c>
      <c r="G122150" s="16">
        <v>0.86478396031859273</v>
      </c>
    </row>
    <row r="122151" spans="1:7" x14ac:dyDescent="0.3">
      <c r="A122151" s="13" t="s">
        <v>570</v>
      </c>
      <c r="B122151" s="14" t="s">
        <v>1</v>
      </c>
      <c r="C122151" s="14" t="s">
        <v>565</v>
      </c>
      <c r="D122151" s="14" t="s">
        <v>39</v>
      </c>
      <c r="E122151" s="15">
        <v>45617</v>
      </c>
      <c r="F122151" s="14" t="s">
        <v>15</v>
      </c>
      <c r="G122151" s="16">
        <v>0.8920756681629326</v>
      </c>
    </row>
    <row r="122152" spans="1:7" x14ac:dyDescent="0.3">
      <c r="A122152" s="13" t="s">
        <v>570</v>
      </c>
      <c r="B122152" s="14" t="s">
        <v>1</v>
      </c>
      <c r="C122152" s="14" t="s">
        <v>565</v>
      </c>
      <c r="D122152" s="14" t="s">
        <v>39</v>
      </c>
      <c r="E122152" s="15">
        <v>45618</v>
      </c>
      <c r="F122152" s="14" t="s">
        <v>15</v>
      </c>
      <c r="G122152" s="16">
        <v>0.90354246177013497</v>
      </c>
    </row>
    <row r="122153" spans="1:7" x14ac:dyDescent="0.3">
      <c r="A122153" s="13" t="s">
        <v>570</v>
      </c>
      <c r="B122153" s="14" t="s">
        <v>1</v>
      </c>
      <c r="C122153" s="14" t="s">
        <v>565</v>
      </c>
      <c r="D122153" s="14" t="s">
        <v>39</v>
      </c>
      <c r="E122153" s="15">
        <v>45619</v>
      </c>
      <c r="F122153" s="14" t="s">
        <v>15</v>
      </c>
      <c r="G122153" s="16">
        <v>0.90354246177013497</v>
      </c>
    </row>
    <row r="122154" spans="1:7" x14ac:dyDescent="0.3">
      <c r="A122154" s="13" t="s">
        <v>570</v>
      </c>
      <c r="B122154" s="14" t="s">
        <v>1</v>
      </c>
      <c r="C122154" s="14" t="s">
        <v>565</v>
      </c>
      <c r="D122154" s="14" t="s">
        <v>39</v>
      </c>
      <c r="E122154" s="15">
        <v>45620</v>
      </c>
      <c r="F122154" s="14" t="s">
        <v>15</v>
      </c>
      <c r="G122154" s="16">
        <v>0.90354246177013497</v>
      </c>
    </row>
    <row r="122155" spans="1:7" x14ac:dyDescent="0.3">
      <c r="A122155" s="13" t="s">
        <v>570</v>
      </c>
      <c r="B122155" s="14" t="s">
        <v>1</v>
      </c>
      <c r="C122155" s="14" t="s">
        <v>565</v>
      </c>
      <c r="D122155" s="14" t="s">
        <v>39</v>
      </c>
      <c r="E122155" s="15">
        <v>45621</v>
      </c>
      <c r="F122155" s="14" t="s">
        <v>15</v>
      </c>
      <c r="G122155" s="16">
        <v>0.90170628676504228</v>
      </c>
    </row>
    <row r="122156" spans="1:7" x14ac:dyDescent="0.3">
      <c r="A122156" s="13" t="s">
        <v>570</v>
      </c>
      <c r="B122156" s="14" t="s">
        <v>1</v>
      </c>
      <c r="C122156" s="14" t="s">
        <v>565</v>
      </c>
      <c r="D122156" s="14" t="s">
        <v>39</v>
      </c>
      <c r="E122156" s="15">
        <v>45622</v>
      </c>
      <c r="F122156" s="14" t="s">
        <v>15</v>
      </c>
      <c r="G122156" s="16">
        <v>0.89738119727830545</v>
      </c>
    </row>
    <row r="122157" spans="1:7" x14ac:dyDescent="0.3">
      <c r="A122157" s="13" t="s">
        <v>570</v>
      </c>
      <c r="B122157" s="14" t="s">
        <v>1</v>
      </c>
      <c r="C122157" s="14" t="s">
        <v>565</v>
      </c>
      <c r="D122157" s="14" t="s">
        <v>39</v>
      </c>
      <c r="E122157" s="15">
        <v>45623</v>
      </c>
      <c r="F122157" s="14" t="s">
        <v>15</v>
      </c>
      <c r="G122157" s="16">
        <v>0.89433693605971631</v>
      </c>
    </row>
    <row r="122158" spans="1:7" x14ac:dyDescent="0.3">
      <c r="A122158" s="13" t="s">
        <v>570</v>
      </c>
      <c r="B122158" s="14" t="s">
        <v>1</v>
      </c>
      <c r="C122158" s="14" t="s">
        <v>565</v>
      </c>
      <c r="D122158" s="14" t="s">
        <v>39</v>
      </c>
      <c r="E122158" s="15">
        <v>45624</v>
      </c>
      <c r="F122158" s="14" t="s">
        <v>15</v>
      </c>
      <c r="G122158" s="16">
        <v>0.89507781316814594</v>
      </c>
    </row>
    <row r="122159" spans="1:7" x14ac:dyDescent="0.3">
      <c r="A122159" s="13" t="s">
        <v>570</v>
      </c>
      <c r="B122159" s="14" t="s">
        <v>1</v>
      </c>
      <c r="C122159" s="14" t="s">
        <v>565</v>
      </c>
      <c r="D122159" s="14" t="s">
        <v>39</v>
      </c>
      <c r="E122159" s="15">
        <v>45625</v>
      </c>
      <c r="F122159" s="14" t="s">
        <v>15</v>
      </c>
      <c r="G122159" s="16">
        <v>0.89335523813802431</v>
      </c>
    </row>
    <row r="122160" spans="1:7" x14ac:dyDescent="0.3">
      <c r="A122160" s="13" t="s">
        <v>570</v>
      </c>
      <c r="B122160" s="14" t="s">
        <v>1</v>
      </c>
      <c r="C122160" s="14" t="s">
        <v>565</v>
      </c>
      <c r="D122160" s="14" t="s">
        <v>39</v>
      </c>
      <c r="E122160" s="15">
        <v>45626</v>
      </c>
      <c r="F122160" s="14" t="s">
        <v>15</v>
      </c>
      <c r="G122160" s="16">
        <v>0.89335523813802431</v>
      </c>
    </row>
    <row r="122161" spans="1:7" x14ac:dyDescent="0.3">
      <c r="A122161" s="13" t="s">
        <v>570</v>
      </c>
      <c r="B122161" s="14" t="s">
        <v>1</v>
      </c>
      <c r="C122161" s="14" t="s">
        <v>565</v>
      </c>
      <c r="D122161" s="14" t="s">
        <v>39</v>
      </c>
      <c r="E122161" s="15">
        <v>45627</v>
      </c>
      <c r="F122161" s="14" t="s">
        <v>15</v>
      </c>
      <c r="G122161" s="16">
        <v>0.89335523813802431</v>
      </c>
    </row>
    <row r="122162" spans="1:7" x14ac:dyDescent="0.3">
      <c r="A122162" s="13" t="s">
        <v>570</v>
      </c>
      <c r="B122162" s="14" t="s">
        <v>1</v>
      </c>
      <c r="C122162" s="14" t="s">
        <v>565</v>
      </c>
      <c r="D122162" s="14" t="s">
        <v>39</v>
      </c>
      <c r="E122162" s="15">
        <v>45628</v>
      </c>
      <c r="F122162" s="14" t="s">
        <v>15</v>
      </c>
      <c r="G122162" s="16">
        <v>0.89187471847258259</v>
      </c>
    </row>
    <row r="122163" spans="1:7" x14ac:dyDescent="0.3">
      <c r="A122163" s="13" t="s">
        <v>570</v>
      </c>
      <c r="B122163" s="14" t="s">
        <v>1</v>
      </c>
      <c r="C122163" s="14" t="s">
        <v>565</v>
      </c>
      <c r="D122163" s="14" t="s">
        <v>39</v>
      </c>
      <c r="E122163" s="15">
        <v>45629</v>
      </c>
      <c r="F122163" s="14" t="s">
        <v>15</v>
      </c>
      <c r="G122163" s="16">
        <v>0.88672476237491915</v>
      </c>
    </row>
    <row r="122164" spans="1:7" x14ac:dyDescent="0.3">
      <c r="A122164" s="13" t="s">
        <v>570</v>
      </c>
      <c r="B122164" s="14" t="s">
        <v>1</v>
      </c>
      <c r="C122164" s="14" t="s">
        <v>565</v>
      </c>
      <c r="D122164" s="14" t="s">
        <v>39</v>
      </c>
      <c r="E122164" s="15">
        <v>45630</v>
      </c>
      <c r="F122164" s="14" t="s">
        <v>15</v>
      </c>
      <c r="G122164" s="16">
        <v>0.88533946270308583</v>
      </c>
    </row>
    <row r="122165" spans="1:7" x14ac:dyDescent="0.3">
      <c r="A122165" s="13" t="s">
        <v>570</v>
      </c>
      <c r="B122165" s="14" t="s">
        <v>1</v>
      </c>
      <c r="C122165" s="14" t="s">
        <v>565</v>
      </c>
      <c r="D122165" s="14" t="s">
        <v>39</v>
      </c>
      <c r="E122165" s="15">
        <v>45631</v>
      </c>
      <c r="F122165" s="14" t="s">
        <v>15</v>
      </c>
      <c r="G122165" s="16">
        <v>0.88359588108389886</v>
      </c>
    </row>
    <row r="122166" spans="1:7" x14ac:dyDescent="0.3">
      <c r="A122166" s="13" t="s">
        <v>570</v>
      </c>
      <c r="B122166" s="14" t="s">
        <v>1</v>
      </c>
      <c r="C122166" s="14" t="s">
        <v>565</v>
      </c>
      <c r="D122166" s="14" t="s">
        <v>39</v>
      </c>
      <c r="E122166" s="15">
        <v>45632</v>
      </c>
      <c r="F122166" s="14" t="s">
        <v>15</v>
      </c>
      <c r="G122166" s="16">
        <v>0.88184904736051561</v>
      </c>
    </row>
    <row r="122167" spans="1:7" x14ac:dyDescent="0.3">
      <c r="A122167" s="13" t="s">
        <v>570</v>
      </c>
      <c r="B122167" s="14" t="s">
        <v>1</v>
      </c>
      <c r="C122167" s="14" t="s">
        <v>565</v>
      </c>
      <c r="D122167" s="14" t="s">
        <v>39</v>
      </c>
      <c r="E122167" s="15">
        <v>45633</v>
      </c>
      <c r="F122167" s="14" t="s">
        <v>15</v>
      </c>
      <c r="G122167" s="16">
        <v>0.88184904736051561</v>
      </c>
    </row>
    <row r="122168" spans="1:7" x14ac:dyDescent="0.3">
      <c r="A122168" s="13" t="s">
        <v>570</v>
      </c>
      <c r="B122168" s="14" t="s">
        <v>1</v>
      </c>
      <c r="C122168" s="14" t="s">
        <v>565</v>
      </c>
      <c r="D122168" s="14" t="s">
        <v>39</v>
      </c>
      <c r="E122168" s="15">
        <v>45634</v>
      </c>
      <c r="F122168" s="14" t="s">
        <v>15</v>
      </c>
      <c r="G122168" s="16">
        <v>0.88184904736051561</v>
      </c>
    </row>
    <row r="122169" spans="1:7" x14ac:dyDescent="0.3">
      <c r="A122169" s="13" t="s">
        <v>570</v>
      </c>
      <c r="B122169" s="14" t="s">
        <v>1</v>
      </c>
      <c r="C122169" s="14" t="s">
        <v>565</v>
      </c>
      <c r="D122169" s="14" t="s">
        <v>39</v>
      </c>
      <c r="E122169" s="15">
        <v>45635</v>
      </c>
      <c r="F122169" s="14" t="s">
        <v>15</v>
      </c>
      <c r="G122169" s="16">
        <v>0.88700526906558175</v>
      </c>
    </row>
    <row r="122170" spans="1:7" x14ac:dyDescent="0.3">
      <c r="A122170" s="13" t="s">
        <v>570</v>
      </c>
      <c r="B122170" s="14" t="s">
        <v>1</v>
      </c>
      <c r="C122170" s="14" t="s">
        <v>565</v>
      </c>
      <c r="D122170" s="14" t="s">
        <v>39</v>
      </c>
      <c r="E122170" s="15">
        <v>45636</v>
      </c>
      <c r="F122170" s="14" t="s">
        <v>15</v>
      </c>
      <c r="G122170" s="16">
        <v>0.88176542806931646</v>
      </c>
    </row>
    <row r="122171" spans="1:7" x14ac:dyDescent="0.3">
      <c r="A122171" s="13" t="s">
        <v>570</v>
      </c>
      <c r="B122171" s="14" t="s">
        <v>1</v>
      </c>
      <c r="C122171" s="14" t="s">
        <v>565</v>
      </c>
      <c r="D122171" s="14" t="s">
        <v>39</v>
      </c>
      <c r="E122171" s="15">
        <v>45637</v>
      </c>
      <c r="F122171" s="14" t="s">
        <v>15</v>
      </c>
      <c r="G122171" s="16">
        <v>0.88001019587560037</v>
      </c>
    </row>
    <row r="122172" spans="1:7" x14ac:dyDescent="0.3">
      <c r="A122172" s="13" t="s">
        <v>570</v>
      </c>
      <c r="B122172" s="14" t="s">
        <v>1</v>
      </c>
      <c r="C122172" s="14" t="s">
        <v>565</v>
      </c>
      <c r="D122172" s="14" t="s">
        <v>39</v>
      </c>
      <c r="E122172" s="15">
        <v>45638</v>
      </c>
      <c r="F122172" s="14" t="s">
        <v>15</v>
      </c>
      <c r="G122172" s="16">
        <v>0.87846831748166576</v>
      </c>
    </row>
    <row r="122173" spans="1:7" x14ac:dyDescent="0.3">
      <c r="A122173" s="13" t="s">
        <v>570</v>
      </c>
      <c r="B122173" s="14" t="s">
        <v>1</v>
      </c>
      <c r="C122173" s="14" t="s">
        <v>565</v>
      </c>
      <c r="D122173" s="14" t="s">
        <v>39</v>
      </c>
      <c r="E122173" s="15">
        <v>45639</v>
      </c>
      <c r="F122173" s="14" t="s">
        <v>15</v>
      </c>
      <c r="G122173" s="16">
        <v>0.90219844260799742</v>
      </c>
    </row>
    <row r="122174" spans="1:7" x14ac:dyDescent="0.3">
      <c r="A122174" s="13" t="s">
        <v>570</v>
      </c>
      <c r="B122174" s="14" t="s">
        <v>1</v>
      </c>
      <c r="C122174" s="14" t="s">
        <v>565</v>
      </c>
      <c r="D122174" s="14" t="s">
        <v>39</v>
      </c>
      <c r="E122174" s="15">
        <v>45640</v>
      </c>
      <c r="F122174" s="14" t="s">
        <v>15</v>
      </c>
      <c r="G122174" s="16">
        <v>0.90219844260799742</v>
      </c>
    </row>
    <row r="122175" spans="1:7" x14ac:dyDescent="0.3">
      <c r="A122175" s="13" t="s">
        <v>570</v>
      </c>
      <c r="B122175" s="14" t="s">
        <v>1</v>
      </c>
      <c r="C122175" s="14" t="s">
        <v>565</v>
      </c>
      <c r="D122175" s="14" t="s">
        <v>39</v>
      </c>
      <c r="E122175" s="15">
        <v>45641</v>
      </c>
      <c r="F122175" s="14" t="s">
        <v>15</v>
      </c>
      <c r="G122175" s="16">
        <v>0.90219844260799742</v>
      </c>
    </row>
    <row r="122176" spans="1:7" x14ac:dyDescent="0.3">
      <c r="A122176" s="13" t="s">
        <v>570</v>
      </c>
      <c r="B122176" s="14" t="s">
        <v>1</v>
      </c>
      <c r="C122176" s="14" t="s">
        <v>565</v>
      </c>
      <c r="D122176" s="14" t="s">
        <v>39</v>
      </c>
      <c r="E122176" s="15">
        <v>45642</v>
      </c>
      <c r="F122176" s="14" t="s">
        <v>15</v>
      </c>
      <c r="G122176" s="16">
        <v>0.90043439986985729</v>
      </c>
    </row>
    <row r="122177" spans="1:7" x14ac:dyDescent="0.3">
      <c r="A122177" s="13" t="s">
        <v>570</v>
      </c>
      <c r="B122177" s="14" t="s">
        <v>1</v>
      </c>
      <c r="C122177" s="14" t="s">
        <v>565</v>
      </c>
      <c r="D122177" s="14" t="s">
        <v>39</v>
      </c>
      <c r="E122177" s="15">
        <v>45643</v>
      </c>
      <c r="F122177" s="14" t="s">
        <v>15</v>
      </c>
      <c r="G122177" s="16">
        <v>0.89515830853025014</v>
      </c>
    </row>
    <row r="122178" spans="1:7" x14ac:dyDescent="0.3">
      <c r="A122178" s="13" t="s">
        <v>570</v>
      </c>
      <c r="B122178" s="14" t="s">
        <v>1</v>
      </c>
      <c r="C122178" s="14" t="s">
        <v>565</v>
      </c>
      <c r="D122178" s="14" t="s">
        <v>39</v>
      </c>
      <c r="E122178" s="15">
        <v>45644</v>
      </c>
      <c r="F122178" s="14" t="s">
        <v>15</v>
      </c>
      <c r="G122178" s="16">
        <v>0.89341039334509753</v>
      </c>
    </row>
    <row r="122179" spans="1:7" x14ac:dyDescent="0.3">
      <c r="A122179" s="13" t="s">
        <v>570</v>
      </c>
      <c r="B122179" s="14" t="s">
        <v>1</v>
      </c>
      <c r="C122179" s="14" t="s">
        <v>565</v>
      </c>
      <c r="D122179" s="14" t="s">
        <v>39</v>
      </c>
      <c r="E122179" s="15">
        <v>45645</v>
      </c>
      <c r="F122179" s="14" t="s">
        <v>15</v>
      </c>
      <c r="G122179" s="16">
        <v>0.89167700361528757</v>
      </c>
    </row>
    <row r="122180" spans="1:7" x14ac:dyDescent="0.3">
      <c r="A122180" s="13" t="s">
        <v>570</v>
      </c>
      <c r="B122180" s="14" t="s">
        <v>1</v>
      </c>
      <c r="C122180" s="14" t="s">
        <v>565</v>
      </c>
      <c r="D122180" s="14" t="s">
        <v>39</v>
      </c>
      <c r="E122180" s="15">
        <v>45646</v>
      </c>
      <c r="F122180" s="14" t="s">
        <v>15</v>
      </c>
      <c r="G122180" s="16">
        <v>0.88993785783698853</v>
      </c>
    </row>
    <row r="122181" spans="1:7" x14ac:dyDescent="0.3">
      <c r="A122181" s="13" t="s">
        <v>570</v>
      </c>
      <c r="B122181" s="14" t="s">
        <v>1</v>
      </c>
      <c r="C122181" s="14" t="s">
        <v>565</v>
      </c>
      <c r="D122181" s="14" t="s">
        <v>39</v>
      </c>
      <c r="E122181" s="15">
        <v>45647</v>
      </c>
      <c r="F122181" s="14" t="s">
        <v>15</v>
      </c>
      <c r="G122181" s="16">
        <v>0.88993785783698853</v>
      </c>
    </row>
    <row r="122182" spans="1:7" x14ac:dyDescent="0.3">
      <c r="A122182" s="13" t="s">
        <v>570</v>
      </c>
      <c r="B122182" s="14" t="s">
        <v>1</v>
      </c>
      <c r="C122182" s="14" t="s">
        <v>565</v>
      </c>
      <c r="D122182" s="14" t="s">
        <v>39</v>
      </c>
      <c r="E122182" s="15">
        <v>45648</v>
      </c>
      <c r="F122182" s="14" t="s">
        <v>15</v>
      </c>
      <c r="G122182" s="16">
        <v>0.88993785783698853</v>
      </c>
    </row>
    <row r="122183" spans="1:7" x14ac:dyDescent="0.3">
      <c r="A122183" s="13" t="s">
        <v>570</v>
      </c>
      <c r="B122183" s="14" t="s">
        <v>1</v>
      </c>
      <c r="C122183" s="14" t="s">
        <v>565</v>
      </c>
      <c r="D122183" s="14" t="s">
        <v>39</v>
      </c>
      <c r="E122183" s="15">
        <v>45649</v>
      </c>
      <c r="F122183" s="14" t="s">
        <v>15</v>
      </c>
      <c r="G122183" s="16">
        <v>0.888216695079736</v>
      </c>
    </row>
    <row r="122184" spans="1:7" x14ac:dyDescent="0.3">
      <c r="A122184" s="13" t="s">
        <v>570</v>
      </c>
      <c r="B122184" s="14" t="s">
        <v>1</v>
      </c>
      <c r="C122184" s="14" t="s">
        <v>565</v>
      </c>
      <c r="D122184" s="14" t="s">
        <v>39</v>
      </c>
      <c r="E122184" s="15">
        <v>45650</v>
      </c>
      <c r="F122184" s="14" t="s">
        <v>15</v>
      </c>
      <c r="G122184" s="16">
        <v>0.88308125715682328</v>
      </c>
    </row>
    <row r="122185" spans="1:7" x14ac:dyDescent="0.3">
      <c r="A122185" s="13" t="s">
        <v>570</v>
      </c>
      <c r="B122185" s="14" t="s">
        <v>1</v>
      </c>
      <c r="C122185" s="14" t="s">
        <v>565</v>
      </c>
      <c r="D122185" s="14" t="s">
        <v>39</v>
      </c>
      <c r="E122185" s="15">
        <v>45651</v>
      </c>
      <c r="F122185" s="14" t="s">
        <v>15</v>
      </c>
      <c r="G122185" s="16">
        <v>0.88308125715682328</v>
      </c>
    </row>
    <row r="122186" spans="1:7" x14ac:dyDescent="0.3">
      <c r="A122186" s="13" t="s">
        <v>570</v>
      </c>
      <c r="B122186" s="14" t="s">
        <v>1</v>
      </c>
      <c r="C122186" s="14" t="s">
        <v>565</v>
      </c>
      <c r="D122186" s="14" t="s">
        <v>39</v>
      </c>
      <c r="E122186" s="15">
        <v>45652</v>
      </c>
      <c r="F122186" s="14" t="s">
        <v>15</v>
      </c>
      <c r="G122186" s="16">
        <v>0.88308125715682328</v>
      </c>
    </row>
    <row r="122187" spans="1:7" x14ac:dyDescent="0.3">
      <c r="A122187" s="13" t="s">
        <v>570</v>
      </c>
      <c r="B122187" s="14" t="s">
        <v>1</v>
      </c>
      <c r="C122187" s="14" t="s">
        <v>565</v>
      </c>
      <c r="D122187" s="14" t="s">
        <v>39</v>
      </c>
      <c r="E122187" s="15">
        <v>45653</v>
      </c>
      <c r="F122187" s="14" t="s">
        <v>15</v>
      </c>
      <c r="G122187" s="16">
        <v>0.88308125715682328</v>
      </c>
    </row>
    <row r="122188" spans="1:7" x14ac:dyDescent="0.3">
      <c r="A122188" s="13" t="s">
        <v>570</v>
      </c>
      <c r="B122188" s="14" t="s">
        <v>1</v>
      </c>
      <c r="C122188" s="14" t="s">
        <v>565</v>
      </c>
      <c r="D122188" s="14" t="s">
        <v>39</v>
      </c>
      <c r="E122188" s="15">
        <v>45654</v>
      </c>
      <c r="F122188" s="14" t="s">
        <v>15</v>
      </c>
      <c r="G122188" s="16">
        <v>0.88308125715682328</v>
      </c>
    </row>
    <row r="122189" spans="1:7" x14ac:dyDescent="0.3">
      <c r="A122189" s="13" t="s">
        <v>570</v>
      </c>
      <c r="B122189" s="14" t="s">
        <v>1</v>
      </c>
      <c r="C122189" s="14" t="s">
        <v>565</v>
      </c>
      <c r="D122189" s="14" t="s">
        <v>39</v>
      </c>
      <c r="E122189" s="15">
        <v>45655</v>
      </c>
      <c r="F122189" s="14" t="s">
        <v>15</v>
      </c>
      <c r="G122189" s="16">
        <v>0.88308125715682328</v>
      </c>
    </row>
    <row r="122190" spans="1:7" x14ac:dyDescent="0.3">
      <c r="A122190" s="13" t="s">
        <v>570</v>
      </c>
      <c r="B122190" s="14" t="s">
        <v>1</v>
      </c>
      <c r="C122190" s="14" t="s">
        <v>565</v>
      </c>
      <c r="D122190" s="14" t="s">
        <v>39</v>
      </c>
      <c r="E122190" s="15">
        <v>45656</v>
      </c>
      <c r="F122190" s="14" t="s">
        <v>15</v>
      </c>
      <c r="G122190" s="16">
        <v>0.88135691832918228</v>
      </c>
    </row>
    <row r="122191" spans="1:7" x14ac:dyDescent="0.3">
      <c r="A122191" s="13" t="s">
        <v>570</v>
      </c>
      <c r="B122191" s="14" t="s">
        <v>1</v>
      </c>
      <c r="C122191" s="14" t="s">
        <v>565</v>
      </c>
      <c r="D122191" s="14" t="s">
        <v>39</v>
      </c>
      <c r="E122191" s="15">
        <v>45657</v>
      </c>
      <c r="F122191" s="14" t="s">
        <v>15</v>
      </c>
      <c r="G122191" s="16">
        <v>0.90890165898959385</v>
      </c>
    </row>
    <row r="122192" spans="1:7" x14ac:dyDescent="0.3">
      <c r="A122192" s="13" t="s">
        <v>570</v>
      </c>
      <c r="B122192" s="14" t="s">
        <v>1</v>
      </c>
      <c r="C122192" s="14" t="s">
        <v>565</v>
      </c>
      <c r="D122192" s="14" t="s">
        <v>39</v>
      </c>
      <c r="E122192" s="15">
        <v>45658</v>
      </c>
      <c r="F122192" s="14" t="s">
        <v>15</v>
      </c>
      <c r="G122192" s="16">
        <v>0.90890165898959385</v>
      </c>
    </row>
    <row r="122193" spans="1:7" x14ac:dyDescent="0.3">
      <c r="A122193" s="13" t="s">
        <v>570</v>
      </c>
      <c r="B122193" s="14" t="s">
        <v>1</v>
      </c>
      <c r="C122193" s="14" t="s">
        <v>565</v>
      </c>
      <c r="D122193" s="14" t="s">
        <v>39</v>
      </c>
      <c r="E122193" s="15">
        <v>45659</v>
      </c>
      <c r="F122193" s="14" t="s">
        <v>15</v>
      </c>
      <c r="G122193" s="16">
        <v>0.90717373140184387</v>
      </c>
    </row>
    <row r="122194" spans="1:7" x14ac:dyDescent="0.3">
      <c r="A122194" s="13" t="s">
        <v>570</v>
      </c>
      <c r="B122194" s="14" t="s">
        <v>1</v>
      </c>
      <c r="C122194" s="14" t="s">
        <v>565</v>
      </c>
      <c r="D122194" s="14" t="s">
        <v>39</v>
      </c>
      <c r="E122194" s="15">
        <v>45660</v>
      </c>
      <c r="F122194" s="14" t="s">
        <v>15</v>
      </c>
      <c r="G122194" s="16">
        <v>0.94887692533704149</v>
      </c>
    </row>
    <row r="122195" spans="1:7" x14ac:dyDescent="0.3">
      <c r="A122195" s="13" t="s">
        <v>570</v>
      </c>
      <c r="B122195" s="14" t="s">
        <v>1</v>
      </c>
      <c r="C122195" s="14" t="s">
        <v>565</v>
      </c>
      <c r="D122195" s="14" t="s">
        <v>39</v>
      </c>
      <c r="E122195" s="15">
        <v>45661</v>
      </c>
      <c r="F122195" s="14" t="s">
        <v>15</v>
      </c>
      <c r="G122195" s="16">
        <v>0.94887692533704149</v>
      </c>
    </row>
    <row r="122196" spans="1:7" x14ac:dyDescent="0.3">
      <c r="A122196" s="13" t="s">
        <v>570</v>
      </c>
      <c r="B122196" s="14" t="s">
        <v>1</v>
      </c>
      <c r="C122196" s="14" t="s">
        <v>565</v>
      </c>
      <c r="D122196" s="14" t="s">
        <v>39</v>
      </c>
      <c r="E122196" s="15">
        <v>45662</v>
      </c>
      <c r="F122196" s="14" t="s">
        <v>15</v>
      </c>
      <c r="G122196" s="16">
        <v>0.94887692533704149</v>
      </c>
    </row>
    <row r="122197" spans="1:7" x14ac:dyDescent="0.3">
      <c r="A122197" s="13" t="s">
        <v>570</v>
      </c>
      <c r="B122197" s="14" t="s">
        <v>1</v>
      </c>
      <c r="C122197" s="14" t="s">
        <v>565</v>
      </c>
      <c r="D122197" s="14" t="s">
        <v>39</v>
      </c>
      <c r="E122197" s="15">
        <v>45663</v>
      </c>
      <c r="F122197" s="14" t="s">
        <v>15</v>
      </c>
      <c r="G122197" s="16">
        <v>0.94716201953244039</v>
      </c>
    </row>
    <row r="122198" spans="1:7" x14ac:dyDescent="0.3">
      <c r="A122198" s="13" t="s">
        <v>570</v>
      </c>
      <c r="B122198" s="14" t="s">
        <v>1</v>
      </c>
      <c r="C122198" s="14" t="s">
        <v>565</v>
      </c>
      <c r="D122198" s="14" t="s">
        <v>39</v>
      </c>
      <c r="E122198" s="15">
        <v>45664</v>
      </c>
      <c r="F122198" s="14" t="s">
        <v>15</v>
      </c>
      <c r="G122198" s="16">
        <v>0.94201236338716665</v>
      </c>
    </row>
    <row r="122199" spans="1:7" x14ac:dyDescent="0.3">
      <c r="A122199" s="13" t="s">
        <v>570</v>
      </c>
      <c r="B122199" s="14" t="s">
        <v>1</v>
      </c>
      <c r="C122199" s="14" t="s">
        <v>565</v>
      </c>
      <c r="D122199" s="14" t="s">
        <v>39</v>
      </c>
      <c r="E122199" s="15">
        <v>45665</v>
      </c>
      <c r="F122199" s="14" t="s">
        <v>15</v>
      </c>
      <c r="G122199" s="16">
        <v>0.94028833399187728</v>
      </c>
    </row>
    <row r="122200" spans="1:7" x14ac:dyDescent="0.3">
      <c r="A122200" s="13" t="s">
        <v>570</v>
      </c>
      <c r="B122200" s="14" t="s">
        <v>1</v>
      </c>
      <c r="C122200" s="14" t="s">
        <v>565</v>
      </c>
      <c r="D122200" s="14" t="s">
        <v>39</v>
      </c>
      <c r="E122200" s="15">
        <v>45666</v>
      </c>
      <c r="F122200" s="14" t="s">
        <v>15</v>
      </c>
      <c r="G122200" s="16">
        <v>0.93856348193219186</v>
      </c>
    </row>
    <row r="122201" spans="1:7" x14ac:dyDescent="0.3">
      <c r="A122201" s="13" t="s">
        <v>570</v>
      </c>
      <c r="B122201" s="14" t="s">
        <v>1</v>
      </c>
      <c r="C122201" s="14" t="s">
        <v>565</v>
      </c>
      <c r="D122201" s="14" t="s">
        <v>39</v>
      </c>
      <c r="E122201" s="15">
        <v>45667</v>
      </c>
      <c r="F122201" s="14" t="s">
        <v>15</v>
      </c>
      <c r="G122201" s="16">
        <v>0.94346422635536398</v>
      </c>
    </row>
    <row r="122202" spans="1:7" x14ac:dyDescent="0.3">
      <c r="A122202" s="13" t="s">
        <v>570</v>
      </c>
      <c r="B122202" s="14" t="s">
        <v>1</v>
      </c>
      <c r="C122202" s="14" t="s">
        <v>565</v>
      </c>
      <c r="D122202" s="14" t="s">
        <v>39</v>
      </c>
      <c r="E122202" s="15">
        <v>45668</v>
      </c>
      <c r="F122202" s="14" t="s">
        <v>15</v>
      </c>
      <c r="G122202" s="16">
        <v>0.94346422635536398</v>
      </c>
    </row>
    <row r="122203" spans="1:7" x14ac:dyDescent="0.3">
      <c r="A122203" s="13" t="s">
        <v>570</v>
      </c>
      <c r="B122203" s="14" t="s">
        <v>1</v>
      </c>
      <c r="C122203" s="14" t="s">
        <v>565</v>
      </c>
      <c r="D122203" s="14" t="s">
        <v>39</v>
      </c>
      <c r="E122203" s="15">
        <v>45669</v>
      </c>
      <c r="F122203" s="14" t="s">
        <v>15</v>
      </c>
      <c r="G122203" s="16">
        <v>0.94346422635536398</v>
      </c>
    </row>
    <row r="122204" spans="1:7" x14ac:dyDescent="0.3">
      <c r="A122204" s="13" t="s">
        <v>570</v>
      </c>
      <c r="B122204" s="14" t="s">
        <v>1</v>
      </c>
      <c r="C122204" s="14" t="s">
        <v>565</v>
      </c>
      <c r="D122204" s="14" t="s">
        <v>39</v>
      </c>
      <c r="E122204" s="15">
        <v>45670</v>
      </c>
      <c r="F122204" s="14" t="s">
        <v>15</v>
      </c>
      <c r="G122204" s="16">
        <v>0.94176407650554472</v>
      </c>
    </row>
    <row r="122205" spans="1:7" x14ac:dyDescent="0.3">
      <c r="A122205" s="13" t="s">
        <v>570</v>
      </c>
      <c r="B122205" s="14" t="s">
        <v>1</v>
      </c>
      <c r="C122205" s="14" t="s">
        <v>565</v>
      </c>
      <c r="D122205" s="14" t="s">
        <v>39</v>
      </c>
      <c r="E122205" s="15">
        <v>45671</v>
      </c>
      <c r="F122205" s="14" t="s">
        <v>15</v>
      </c>
      <c r="G122205" s="16">
        <v>0.93669350681146535</v>
      </c>
    </row>
    <row r="122206" spans="1:7" x14ac:dyDescent="0.3">
      <c r="A122206" s="13" t="s">
        <v>570</v>
      </c>
      <c r="B122206" s="14" t="s">
        <v>1</v>
      </c>
      <c r="C122206" s="14" t="s">
        <v>565</v>
      </c>
      <c r="D122206" s="14" t="s">
        <v>39</v>
      </c>
      <c r="E122206" s="15">
        <v>45672</v>
      </c>
      <c r="F122206" s="14" t="s">
        <v>15</v>
      </c>
      <c r="G122206" s="16">
        <v>0.93503738943720904</v>
      </c>
    </row>
    <row r="122207" spans="1:7" x14ac:dyDescent="0.3">
      <c r="A122207" s="13" t="s">
        <v>570</v>
      </c>
      <c r="B122207" s="14" t="s">
        <v>1</v>
      </c>
      <c r="C122207" s="14" t="s">
        <v>565</v>
      </c>
      <c r="D122207" s="14" t="s">
        <v>39</v>
      </c>
      <c r="E122207" s="15">
        <v>45673</v>
      </c>
      <c r="F122207" s="14" t="s">
        <v>15</v>
      </c>
      <c r="G122207" s="16">
        <v>0.93336565414412742</v>
      </c>
    </row>
    <row r="122208" spans="1:7" x14ac:dyDescent="0.3">
      <c r="A122208" s="13" t="s">
        <v>570</v>
      </c>
      <c r="B122208" s="14" t="s">
        <v>1</v>
      </c>
      <c r="C122208" s="14" t="s">
        <v>565</v>
      </c>
      <c r="D122208" s="14" t="s">
        <v>39</v>
      </c>
      <c r="E122208" s="15">
        <v>45674</v>
      </c>
      <c r="F122208" s="14" t="s">
        <v>15</v>
      </c>
      <c r="G122208" s="16">
        <v>0.93169469156523488</v>
      </c>
    </row>
    <row r="122209" spans="1:7" x14ac:dyDescent="0.3">
      <c r="A122209" s="13" t="s">
        <v>570</v>
      </c>
      <c r="B122209" s="14" t="s">
        <v>1</v>
      </c>
      <c r="C122209" s="14" t="s">
        <v>565</v>
      </c>
      <c r="D122209" s="14" t="s">
        <v>39</v>
      </c>
      <c r="E122209" s="15">
        <v>45675</v>
      </c>
      <c r="F122209" s="14" t="s">
        <v>15</v>
      </c>
      <c r="G122209" s="16">
        <v>0.93169469156523488</v>
      </c>
    </row>
    <row r="122210" spans="1:7" x14ac:dyDescent="0.3">
      <c r="A122210" s="13" t="s">
        <v>570</v>
      </c>
      <c r="B122210" s="14" t="s">
        <v>1</v>
      </c>
      <c r="C122210" s="14" t="s">
        <v>565</v>
      </c>
      <c r="D122210" s="14" t="s">
        <v>39</v>
      </c>
      <c r="E122210" s="15">
        <v>45676</v>
      </c>
      <c r="F122210" s="14" t="s">
        <v>15</v>
      </c>
      <c r="G122210" s="16">
        <v>0.93169469156523488</v>
      </c>
    </row>
    <row r="122211" spans="1:7" x14ac:dyDescent="0.3">
      <c r="A122211" s="13" t="s">
        <v>570</v>
      </c>
      <c r="B122211" s="14" t="s">
        <v>1</v>
      </c>
      <c r="C122211" s="14" t="s">
        <v>565</v>
      </c>
      <c r="D122211" s="14" t="s">
        <v>39</v>
      </c>
      <c r="E122211" s="15">
        <v>45677</v>
      </c>
      <c r="F122211" s="14" t="s">
        <v>15</v>
      </c>
      <c r="G122211" s="16">
        <v>0.9300003839691996</v>
      </c>
    </row>
    <row r="122212" spans="1:7" x14ac:dyDescent="0.3">
      <c r="A122212" s="13" t="s">
        <v>570</v>
      </c>
      <c r="B122212" s="14" t="s">
        <v>1</v>
      </c>
      <c r="C122212" s="14" t="s">
        <v>565</v>
      </c>
      <c r="D122212" s="14" t="s">
        <v>39</v>
      </c>
      <c r="E122212" s="15">
        <v>45678</v>
      </c>
      <c r="F122212" s="14" t="s">
        <v>15</v>
      </c>
      <c r="G122212" s="16">
        <v>0.92492247205113509</v>
      </c>
    </row>
    <row r="122213" spans="1:7" x14ac:dyDescent="0.3">
      <c r="A122213" s="13" t="s">
        <v>570</v>
      </c>
      <c r="B122213" s="14" t="s">
        <v>1</v>
      </c>
      <c r="C122213" s="14" t="s">
        <v>565</v>
      </c>
      <c r="D122213" s="14" t="s">
        <v>39</v>
      </c>
      <c r="E122213" s="15">
        <v>45679</v>
      </c>
      <c r="F122213" s="14" t="s">
        <v>15</v>
      </c>
      <c r="G122213" s="16">
        <v>0.92341450316917773</v>
      </c>
    </row>
    <row r="122214" spans="1:7" x14ac:dyDescent="0.3">
      <c r="A122214" s="13" t="s">
        <v>570</v>
      </c>
      <c r="B122214" s="14" t="s">
        <v>1</v>
      </c>
      <c r="C122214" s="14" t="s">
        <v>565</v>
      </c>
      <c r="D122214" s="14" t="s">
        <v>39</v>
      </c>
      <c r="E122214" s="15">
        <v>45680</v>
      </c>
      <c r="F122214" s="14" t="s">
        <v>15</v>
      </c>
      <c r="G122214" s="16">
        <v>0.92170075330912593</v>
      </c>
    </row>
    <row r="122215" spans="1:7" x14ac:dyDescent="0.3">
      <c r="A122215" s="13" t="s">
        <v>570</v>
      </c>
      <c r="B122215" s="14" t="s">
        <v>1</v>
      </c>
      <c r="C122215" s="14" t="s">
        <v>565</v>
      </c>
      <c r="D122215" s="14" t="s">
        <v>39</v>
      </c>
      <c r="E122215" s="15">
        <v>45681</v>
      </c>
      <c r="F122215" s="14" t="s">
        <v>15</v>
      </c>
      <c r="G122215" s="16">
        <v>0.91998973431710196</v>
      </c>
    </row>
    <row r="122216" spans="1:7" x14ac:dyDescent="0.3">
      <c r="A122216" s="13" t="s">
        <v>570</v>
      </c>
      <c r="B122216" s="14" t="s">
        <v>1</v>
      </c>
      <c r="C122216" s="14" t="s">
        <v>565</v>
      </c>
      <c r="D122216" s="14" t="s">
        <v>39</v>
      </c>
      <c r="E122216" s="15">
        <v>45682</v>
      </c>
      <c r="F122216" s="14" t="s">
        <v>15</v>
      </c>
      <c r="G122216" s="16">
        <v>0.91998973431710196</v>
      </c>
    </row>
    <row r="122217" spans="1:7" x14ac:dyDescent="0.3">
      <c r="A122217" s="13" t="s">
        <v>570</v>
      </c>
      <c r="B122217" s="14" t="s">
        <v>1</v>
      </c>
      <c r="C122217" s="14" t="s">
        <v>565</v>
      </c>
      <c r="D122217" s="14" t="s">
        <v>39</v>
      </c>
      <c r="E122217" s="15">
        <v>45683</v>
      </c>
      <c r="F122217" s="14" t="s">
        <v>15</v>
      </c>
      <c r="G122217" s="16">
        <v>0.91998973431710196</v>
      </c>
    </row>
    <row r="122218" spans="1:7" x14ac:dyDescent="0.3">
      <c r="A122218" s="13" t="s">
        <v>570</v>
      </c>
      <c r="B122218" s="14" t="s">
        <v>1</v>
      </c>
      <c r="C122218" s="14" t="s">
        <v>565</v>
      </c>
      <c r="D122218" s="14" t="s">
        <v>39</v>
      </c>
      <c r="E122218" s="15">
        <v>45684</v>
      </c>
      <c r="F122218" s="14" t="s">
        <v>15</v>
      </c>
      <c r="G122218" s="16">
        <v>0.92225128491260844</v>
      </c>
    </row>
    <row r="122219" spans="1:7" x14ac:dyDescent="0.3">
      <c r="A122219" s="13" t="s">
        <v>570</v>
      </c>
      <c r="B122219" s="14" t="s">
        <v>1</v>
      </c>
      <c r="C122219" s="14" t="s">
        <v>565</v>
      </c>
      <c r="D122219" s="14" t="s">
        <v>39</v>
      </c>
      <c r="E122219" s="15">
        <v>45685</v>
      </c>
      <c r="F122219" s="14" t="s">
        <v>15</v>
      </c>
      <c r="G122219" s="16">
        <v>0.92225128491260844</v>
      </c>
    </row>
    <row r="122220" spans="1:7" x14ac:dyDescent="0.3">
      <c r="A122220" s="13" t="s">
        <v>570</v>
      </c>
      <c r="B122220" s="14" t="s">
        <v>1</v>
      </c>
      <c r="C122220" s="14" t="s">
        <v>565</v>
      </c>
      <c r="D122220" s="14" t="s">
        <v>39</v>
      </c>
      <c r="E122220" s="15">
        <v>45686</v>
      </c>
      <c r="F122220" s="14" t="s">
        <v>15</v>
      </c>
      <c r="G122220" s="16">
        <v>0.92225128491260844</v>
      </c>
    </row>
    <row r="122221" spans="1:7" x14ac:dyDescent="0.3">
      <c r="A122221" s="13" t="s">
        <v>570</v>
      </c>
      <c r="B122221" s="14" t="s">
        <v>1</v>
      </c>
      <c r="C122221" s="14" t="s">
        <v>565</v>
      </c>
      <c r="D122221" s="14" t="s">
        <v>39</v>
      </c>
      <c r="E122221" s="15">
        <v>45687</v>
      </c>
      <c r="F122221" s="14" t="s">
        <v>15</v>
      </c>
      <c r="G122221" s="16">
        <v>0.92225128491260844</v>
      </c>
    </row>
    <row r="122222" spans="1:7" x14ac:dyDescent="0.3">
      <c r="A122222" s="13" t="s">
        <v>570</v>
      </c>
      <c r="B122222" s="14" t="s">
        <v>1</v>
      </c>
      <c r="C122222" s="14" t="s">
        <v>565</v>
      </c>
      <c r="D122222" s="14" t="s">
        <v>39</v>
      </c>
      <c r="E122222" s="15">
        <v>45688</v>
      </c>
      <c r="F122222" s="14" t="s">
        <v>15</v>
      </c>
      <c r="G122222" s="16">
        <v>0.92225128491260844</v>
      </c>
    </row>
    <row r="122223" spans="1:7" x14ac:dyDescent="0.3">
      <c r="A122223" s="13" t="s">
        <v>570</v>
      </c>
      <c r="B122223" s="14" t="s">
        <v>1</v>
      </c>
      <c r="C122223" s="14" t="s">
        <v>565</v>
      </c>
      <c r="D122223" s="14" t="s">
        <v>39</v>
      </c>
      <c r="E122223" s="15">
        <v>45689</v>
      </c>
      <c r="F122223" s="14" t="s">
        <v>15</v>
      </c>
      <c r="G122223" s="16">
        <v>0.92225128491260844</v>
      </c>
    </row>
    <row r="122224" spans="1:7" x14ac:dyDescent="0.3">
      <c r="A122224" s="13" t="s">
        <v>570</v>
      </c>
      <c r="B122224" s="14" t="s">
        <v>1</v>
      </c>
      <c r="C122224" s="14" t="s">
        <v>565</v>
      </c>
      <c r="D122224" s="14" t="s">
        <v>39</v>
      </c>
      <c r="E122224" s="15">
        <v>45690</v>
      </c>
      <c r="F122224" s="14" t="s">
        <v>15</v>
      </c>
      <c r="G122224" s="16">
        <v>0.92225128491260844</v>
      </c>
    </row>
    <row r="122225" spans="1:7" x14ac:dyDescent="0.3">
      <c r="A122225" s="13" t="s">
        <v>570</v>
      </c>
      <c r="B122225" s="14" t="s">
        <v>1</v>
      </c>
      <c r="C122225" s="14" t="s">
        <v>565</v>
      </c>
      <c r="D122225" s="14" t="s">
        <v>39</v>
      </c>
      <c r="E122225" s="15">
        <v>45691</v>
      </c>
      <c r="F122225" s="14" t="s">
        <v>15</v>
      </c>
      <c r="G122225" s="16">
        <v>0.92225128491260844</v>
      </c>
    </row>
    <row r="122226" spans="1:7" x14ac:dyDescent="0.3">
      <c r="A122226" s="13" t="s">
        <v>570</v>
      </c>
      <c r="B122226" s="14" t="s">
        <v>1</v>
      </c>
      <c r="C122226" s="14" t="s">
        <v>565</v>
      </c>
      <c r="D122226" s="14" t="s">
        <v>39</v>
      </c>
      <c r="E122226" s="15">
        <v>45692</v>
      </c>
      <c r="F122226" s="14" t="s">
        <v>15</v>
      </c>
      <c r="G122226" s="16">
        <v>0.92225128491260844</v>
      </c>
    </row>
    <row r="122227" spans="1:7" x14ac:dyDescent="0.3">
      <c r="A122227" s="13" t="s">
        <v>570</v>
      </c>
      <c r="B122227" s="14" t="s">
        <v>1</v>
      </c>
      <c r="C122227" s="14" t="s">
        <v>565</v>
      </c>
      <c r="D122227" s="14" t="s">
        <v>39</v>
      </c>
      <c r="E122227" s="15">
        <v>45693</v>
      </c>
      <c r="F122227" s="14" t="s">
        <v>15</v>
      </c>
      <c r="G122227" s="16">
        <v>0.91709387628604544</v>
      </c>
    </row>
    <row r="122228" spans="1:7" x14ac:dyDescent="0.3">
      <c r="A122228" s="13" t="s">
        <v>570</v>
      </c>
      <c r="B122228" s="14" t="s">
        <v>1</v>
      </c>
      <c r="C122228" s="14" t="s">
        <v>565</v>
      </c>
      <c r="D122228" s="14" t="s">
        <v>39</v>
      </c>
      <c r="E122228" s="15">
        <v>45694</v>
      </c>
      <c r="F122228" s="14" t="s">
        <v>15</v>
      </c>
      <c r="G122228" s="16">
        <v>0.90266586322729869</v>
      </c>
    </row>
    <row r="122229" spans="1:7" x14ac:dyDescent="0.3">
      <c r="A122229" s="13" t="s">
        <v>570</v>
      </c>
      <c r="B122229" s="14" t="s">
        <v>1</v>
      </c>
      <c r="C122229" s="14" t="s">
        <v>565</v>
      </c>
      <c r="D122229" s="14" t="s">
        <v>39</v>
      </c>
      <c r="E122229" s="15">
        <v>45695</v>
      </c>
      <c r="F122229" s="14" t="s">
        <v>15</v>
      </c>
      <c r="G122229" s="16">
        <v>0.90093638543194565</v>
      </c>
    </row>
    <row r="122230" spans="1:7" x14ac:dyDescent="0.3">
      <c r="A122230" s="13" t="s">
        <v>570</v>
      </c>
      <c r="B122230" s="14" t="s">
        <v>1</v>
      </c>
      <c r="C122230" s="14" t="s">
        <v>565</v>
      </c>
      <c r="D122230" s="14" t="s">
        <v>39</v>
      </c>
      <c r="E122230" s="15">
        <v>45696</v>
      </c>
      <c r="F122230" s="14" t="s">
        <v>15</v>
      </c>
      <c r="G122230" s="16">
        <v>0.90093638543194565</v>
      </c>
    </row>
    <row r="122231" spans="1:7" x14ac:dyDescent="0.3">
      <c r="A122231" s="13" t="s">
        <v>570</v>
      </c>
      <c r="B122231" s="14" t="s">
        <v>1</v>
      </c>
      <c r="C122231" s="14" t="s">
        <v>565</v>
      </c>
      <c r="D122231" s="14" t="s">
        <v>39</v>
      </c>
      <c r="E122231" s="15">
        <v>45697</v>
      </c>
      <c r="F122231" s="14" t="s">
        <v>15</v>
      </c>
      <c r="G122231" s="16">
        <v>0.90093638543194565</v>
      </c>
    </row>
    <row r="122232" spans="1:7" x14ac:dyDescent="0.3">
      <c r="A122232" s="13" t="s">
        <v>570</v>
      </c>
      <c r="B122232" s="14" t="s">
        <v>1</v>
      </c>
      <c r="C122232" s="14" t="s">
        <v>565</v>
      </c>
      <c r="D122232" s="14" t="s">
        <v>39</v>
      </c>
      <c r="E122232" s="15">
        <v>45698</v>
      </c>
      <c r="F122232" s="14" t="s">
        <v>15</v>
      </c>
      <c r="G122232" s="16">
        <v>0.90649760709805227</v>
      </c>
    </row>
    <row r="122233" spans="1:7" x14ac:dyDescent="0.3">
      <c r="A122233" s="13" t="s">
        <v>570</v>
      </c>
      <c r="B122233" s="14" t="s">
        <v>1</v>
      </c>
      <c r="C122233" s="14" t="s">
        <v>565</v>
      </c>
      <c r="D122233" s="14" t="s">
        <v>39</v>
      </c>
      <c r="E122233" s="15">
        <v>45699</v>
      </c>
      <c r="F122233" s="14" t="s">
        <v>15</v>
      </c>
      <c r="G122233" s="16">
        <v>0.90123686000679748</v>
      </c>
    </row>
    <row r="122234" spans="1:7" x14ac:dyDescent="0.3">
      <c r="A122234" s="13" t="s">
        <v>570</v>
      </c>
      <c r="B122234" s="14" t="s">
        <v>1</v>
      </c>
      <c r="C122234" s="14" t="s">
        <v>565</v>
      </c>
      <c r="D122234" s="14" t="s">
        <v>39</v>
      </c>
      <c r="E122234" s="15">
        <v>45700</v>
      </c>
      <c r="F122234" s="14" t="s">
        <v>15</v>
      </c>
      <c r="G122234" s="16">
        <v>0.89948935659249152</v>
      </c>
    </row>
    <row r="122235" spans="1:7" x14ac:dyDescent="0.3">
      <c r="A122235" s="13" t="s">
        <v>570</v>
      </c>
      <c r="B122235" s="14" t="s">
        <v>1</v>
      </c>
      <c r="C122235" s="14" t="s">
        <v>565</v>
      </c>
      <c r="D122235" s="14" t="s">
        <v>39</v>
      </c>
      <c r="E122235" s="15">
        <v>45701</v>
      </c>
      <c r="F122235" s="14" t="s">
        <v>15</v>
      </c>
      <c r="G122235" s="16">
        <v>0.89774228510581322</v>
      </c>
    </row>
    <row r="122236" spans="1:7" x14ac:dyDescent="0.3">
      <c r="A122236" s="13" t="s">
        <v>570</v>
      </c>
      <c r="B122236" s="14" t="s">
        <v>1</v>
      </c>
      <c r="C122236" s="14" t="s">
        <v>565</v>
      </c>
      <c r="D122236" s="14" t="s">
        <v>39</v>
      </c>
      <c r="E122236" s="15">
        <v>45702</v>
      </c>
      <c r="F122236" s="14" t="s">
        <v>15</v>
      </c>
      <c r="G122236" s="16">
        <v>0.89598016302195427</v>
      </c>
    </row>
    <row r="122237" spans="1:7" x14ac:dyDescent="0.3">
      <c r="A122237" s="13" t="s">
        <v>570</v>
      </c>
      <c r="B122237" s="14" t="s">
        <v>1</v>
      </c>
      <c r="C122237" s="14" t="s">
        <v>565</v>
      </c>
      <c r="D122237" s="14" t="s">
        <v>39</v>
      </c>
      <c r="E122237" s="15">
        <v>45703</v>
      </c>
      <c r="F122237" s="14" t="s">
        <v>15</v>
      </c>
      <c r="G122237" s="16">
        <v>0.89598016302195427</v>
      </c>
    </row>
    <row r="122238" spans="1:7" x14ac:dyDescent="0.3">
      <c r="A122238" s="13" t="s">
        <v>570</v>
      </c>
      <c r="B122238" s="14" t="s">
        <v>1</v>
      </c>
      <c r="C122238" s="14" t="s">
        <v>565</v>
      </c>
      <c r="D122238" s="14" t="s">
        <v>39</v>
      </c>
      <c r="E122238" s="15">
        <v>45704</v>
      </c>
      <c r="F122238" s="14" t="s">
        <v>15</v>
      </c>
      <c r="G122238" s="16">
        <v>0.89598016302195427</v>
      </c>
    </row>
    <row r="122239" spans="1:7" x14ac:dyDescent="0.3">
      <c r="A122239" s="13" t="s">
        <v>570</v>
      </c>
      <c r="B122239" s="14" t="s">
        <v>1</v>
      </c>
      <c r="C122239" s="14" t="s">
        <v>565</v>
      </c>
      <c r="D122239" s="14" t="s">
        <v>39</v>
      </c>
      <c r="E122239" s="15">
        <v>45705</v>
      </c>
      <c r="F122239" s="14" t="s">
        <v>15</v>
      </c>
      <c r="G122239" s="16">
        <v>0.89421572181130937</v>
      </c>
    </row>
    <row r="122240" spans="1:7" x14ac:dyDescent="0.3">
      <c r="A122240" s="13" t="s">
        <v>570</v>
      </c>
      <c r="B122240" s="14" t="s">
        <v>1</v>
      </c>
      <c r="C122240" s="14" t="s">
        <v>565</v>
      </c>
      <c r="D122240" s="14" t="s">
        <v>39</v>
      </c>
      <c r="E122240" s="15">
        <v>45706</v>
      </c>
      <c r="F122240" s="14" t="s">
        <v>15</v>
      </c>
      <c r="G122240" s="16">
        <v>0.88885690727119859</v>
      </c>
    </row>
    <row r="122241" spans="1:7" x14ac:dyDescent="0.3">
      <c r="A122241" s="13" t="s">
        <v>570</v>
      </c>
      <c r="B122241" s="14" t="s">
        <v>1</v>
      </c>
      <c r="C122241" s="14" t="s">
        <v>565</v>
      </c>
      <c r="D122241" s="14" t="s">
        <v>39</v>
      </c>
      <c r="E122241" s="15">
        <v>45707</v>
      </c>
      <c r="F122241" s="14" t="s">
        <v>15</v>
      </c>
      <c r="G122241" s="16">
        <v>0.88705339574550013</v>
      </c>
    </row>
    <row r="122242" spans="1:7" x14ac:dyDescent="0.3">
      <c r="A122242" s="13" t="s">
        <v>570</v>
      </c>
      <c r="B122242" s="14" t="s">
        <v>1</v>
      </c>
      <c r="C122242" s="14" t="s">
        <v>565</v>
      </c>
      <c r="D122242" s="14" t="s">
        <v>39</v>
      </c>
      <c r="E122242" s="15">
        <v>45708</v>
      </c>
      <c r="F122242" s="14" t="s">
        <v>15</v>
      </c>
      <c r="G122242" s="16">
        <v>0.88524183046463545</v>
      </c>
    </row>
    <row r="122243" spans="1:7" x14ac:dyDescent="0.3">
      <c r="A122243" s="13" t="s">
        <v>570</v>
      </c>
      <c r="B122243" s="14" t="s">
        <v>1</v>
      </c>
      <c r="C122243" s="14" t="s">
        <v>565</v>
      </c>
      <c r="D122243" s="14" t="s">
        <v>39</v>
      </c>
      <c r="E122243" s="15">
        <v>45709</v>
      </c>
      <c r="F122243" s="14" t="s">
        <v>15</v>
      </c>
      <c r="G122243" s="16">
        <v>0.88342757711231679</v>
      </c>
    </row>
    <row r="122244" spans="1:7" x14ac:dyDescent="0.3">
      <c r="A122244" s="13" t="s">
        <v>570</v>
      </c>
      <c r="B122244" s="14" t="s">
        <v>1</v>
      </c>
      <c r="C122244" s="14" t="s">
        <v>565</v>
      </c>
      <c r="D122244" s="14" t="s">
        <v>39</v>
      </c>
      <c r="E122244" s="15">
        <v>45710</v>
      </c>
      <c r="F122244" s="14" t="s">
        <v>15</v>
      </c>
      <c r="G122244" s="16">
        <v>0.88342757711231679</v>
      </c>
    </row>
    <row r="122245" spans="1:7" x14ac:dyDescent="0.3">
      <c r="A122245" s="13" t="s">
        <v>570</v>
      </c>
      <c r="B122245" s="14" t="s">
        <v>1</v>
      </c>
      <c r="C122245" s="14" t="s">
        <v>565</v>
      </c>
      <c r="D122245" s="14" t="s">
        <v>39</v>
      </c>
      <c r="E122245" s="15">
        <v>45711</v>
      </c>
      <c r="F122245" s="14" t="s">
        <v>15</v>
      </c>
      <c r="G122245" s="16">
        <v>0.88342757711231679</v>
      </c>
    </row>
    <row r="122246" spans="1:7" x14ac:dyDescent="0.3">
      <c r="A122246" s="13" t="s">
        <v>570</v>
      </c>
      <c r="B122246" s="14" t="s">
        <v>1</v>
      </c>
      <c r="C122246" s="14" t="s">
        <v>565</v>
      </c>
      <c r="D122246" s="14" t="s">
        <v>39</v>
      </c>
      <c r="E122246" s="15">
        <v>45712</v>
      </c>
      <c r="F122246" s="14" t="s">
        <v>15</v>
      </c>
      <c r="G122246" s="16">
        <v>0.88162485276659197</v>
      </c>
    </row>
    <row r="122247" spans="1:7" x14ac:dyDescent="0.3">
      <c r="A122247" s="13" t="s">
        <v>570</v>
      </c>
      <c r="B122247" s="14" t="s">
        <v>1</v>
      </c>
      <c r="C122247" s="14" t="s">
        <v>565</v>
      </c>
      <c r="D122247" s="14" t="s">
        <v>39</v>
      </c>
      <c r="E122247" s="15">
        <v>45713</v>
      </c>
      <c r="F122247" s="14" t="s">
        <v>15</v>
      </c>
      <c r="G122247" s="16">
        <v>0.87612814326584887</v>
      </c>
    </row>
    <row r="122248" spans="1:7" x14ac:dyDescent="0.3">
      <c r="A122248" s="13" t="s">
        <v>570</v>
      </c>
      <c r="B122248" s="14" t="s">
        <v>1</v>
      </c>
      <c r="C122248" s="14" t="s">
        <v>565</v>
      </c>
      <c r="D122248" s="14" t="s">
        <v>39</v>
      </c>
      <c r="E122248" s="15">
        <v>45714</v>
      </c>
      <c r="F122248" s="14" t="s">
        <v>15</v>
      </c>
      <c r="G122248" s="16">
        <v>0.87431316635862311</v>
      </c>
    </row>
    <row r="122249" spans="1:7" x14ac:dyDescent="0.3">
      <c r="A122249" s="13" t="s">
        <v>570</v>
      </c>
      <c r="B122249" s="14" t="s">
        <v>1</v>
      </c>
      <c r="C122249" s="14" t="s">
        <v>565</v>
      </c>
      <c r="D122249" s="14" t="s">
        <v>39</v>
      </c>
      <c r="E122249" s="15">
        <v>45715</v>
      </c>
      <c r="F122249" s="14" t="s">
        <v>15</v>
      </c>
      <c r="G122249" s="16">
        <v>0.872941077567426</v>
      </c>
    </row>
    <row r="122250" spans="1:7" x14ac:dyDescent="0.3">
      <c r="A122250" s="13" t="s">
        <v>570</v>
      </c>
      <c r="B122250" s="14" t="s">
        <v>1</v>
      </c>
      <c r="C122250" s="14" t="s">
        <v>565</v>
      </c>
      <c r="D122250" s="14" t="s">
        <v>39</v>
      </c>
      <c r="E122250" s="15">
        <v>45716</v>
      </c>
      <c r="F122250" s="14" t="s">
        <v>15</v>
      </c>
      <c r="G122250" s="16">
        <v>0.88506743572044577</v>
      </c>
    </row>
    <row r="122251" spans="1:7" x14ac:dyDescent="0.3">
      <c r="A122251" s="13" t="s">
        <v>570</v>
      </c>
      <c r="B122251" s="14" t="s">
        <v>1</v>
      </c>
      <c r="C122251" s="14" t="s">
        <v>565</v>
      </c>
      <c r="D122251" s="14" t="s">
        <v>39</v>
      </c>
      <c r="E122251" s="15">
        <v>45717</v>
      </c>
      <c r="F122251" s="14" t="s">
        <v>15</v>
      </c>
      <c r="G122251" s="16">
        <v>0.88506743572044577</v>
      </c>
    </row>
    <row r="122252" spans="1:7" x14ac:dyDescent="0.3">
      <c r="A122252" s="13" t="s">
        <v>570</v>
      </c>
      <c r="B122252" s="14" t="s">
        <v>1</v>
      </c>
      <c r="C122252" s="14" t="s">
        <v>565</v>
      </c>
      <c r="D122252" s="14" t="s">
        <v>39</v>
      </c>
      <c r="E122252" s="15">
        <v>45718</v>
      </c>
      <c r="F122252" s="14" t="s">
        <v>15</v>
      </c>
      <c r="G122252" s="16">
        <v>0.88506743572044577</v>
      </c>
    </row>
    <row r="122253" spans="1:7" x14ac:dyDescent="0.3">
      <c r="A122253" s="13" t="s">
        <v>570</v>
      </c>
      <c r="B122253" s="14" t="s">
        <v>1</v>
      </c>
      <c r="C122253" s="14" t="s">
        <v>565</v>
      </c>
      <c r="D122253" s="14" t="s">
        <v>39</v>
      </c>
      <c r="E122253" s="15">
        <v>45719</v>
      </c>
      <c r="F122253" s="14" t="s">
        <v>15</v>
      </c>
      <c r="G122253" s="16">
        <v>0.88325807342591867</v>
      </c>
    </row>
    <row r="122254" spans="1:7" x14ac:dyDescent="0.3">
      <c r="A122254" s="13" t="s">
        <v>570</v>
      </c>
      <c r="B122254" s="14" t="s">
        <v>1</v>
      </c>
      <c r="C122254" s="14" t="s">
        <v>565</v>
      </c>
      <c r="D122254" s="14" t="s">
        <v>39</v>
      </c>
      <c r="E122254" s="15">
        <v>45720</v>
      </c>
      <c r="F122254" s="14" t="s">
        <v>15</v>
      </c>
      <c r="G122254" s="16">
        <v>0.87795288191865739</v>
      </c>
    </row>
    <row r="122255" spans="1:7" x14ac:dyDescent="0.3">
      <c r="A122255" s="13" t="s">
        <v>570</v>
      </c>
      <c r="B122255" s="14" t="s">
        <v>1</v>
      </c>
      <c r="C122255" s="14" t="s">
        <v>565</v>
      </c>
      <c r="D122255" s="14" t="s">
        <v>39</v>
      </c>
      <c r="E122255" s="15">
        <v>45721</v>
      </c>
      <c r="F122255" s="14" t="s">
        <v>15</v>
      </c>
      <c r="G122255" s="16">
        <v>0.87619056714664323</v>
      </c>
    </row>
    <row r="122256" spans="1:7" x14ac:dyDescent="0.3">
      <c r="A122256" s="13" t="s">
        <v>570</v>
      </c>
      <c r="B122256" s="14" t="s">
        <v>1</v>
      </c>
      <c r="C122256" s="14" t="s">
        <v>565</v>
      </c>
      <c r="D122256" s="14" t="s">
        <v>39</v>
      </c>
      <c r="E122256" s="15">
        <v>45722</v>
      </c>
      <c r="F122256" s="14" t="s">
        <v>15</v>
      </c>
      <c r="G122256" s="16">
        <v>0.87511533086194337</v>
      </c>
    </row>
    <row r="122257" spans="1:7" x14ac:dyDescent="0.3">
      <c r="A122257" s="13" t="s">
        <v>570</v>
      </c>
      <c r="B122257" s="14" t="s">
        <v>1</v>
      </c>
      <c r="C122257" s="14" t="s">
        <v>565</v>
      </c>
      <c r="D122257" s="14" t="s">
        <v>39</v>
      </c>
      <c r="E122257" s="15">
        <v>45723</v>
      </c>
      <c r="F122257" s="14" t="s">
        <v>15</v>
      </c>
      <c r="G122257" s="16">
        <v>0.87333001447985203</v>
      </c>
    </row>
    <row r="122258" spans="1:7" x14ac:dyDescent="0.3">
      <c r="A122258" s="13" t="s">
        <v>570</v>
      </c>
      <c r="B122258" s="14" t="s">
        <v>1</v>
      </c>
      <c r="C122258" s="14" t="s">
        <v>565</v>
      </c>
      <c r="D122258" s="14" t="s">
        <v>39</v>
      </c>
      <c r="E122258" s="15">
        <v>45724</v>
      </c>
      <c r="F122258" s="14" t="s">
        <v>15</v>
      </c>
      <c r="G122258" s="16">
        <v>0.87333001447985203</v>
      </c>
    </row>
    <row r="122259" spans="1:7" x14ac:dyDescent="0.3">
      <c r="A122259" s="13" t="s">
        <v>570</v>
      </c>
      <c r="B122259" s="14" t="s">
        <v>1</v>
      </c>
      <c r="C122259" s="14" t="s">
        <v>565</v>
      </c>
      <c r="D122259" s="14" t="s">
        <v>39</v>
      </c>
      <c r="E122259" s="15">
        <v>45725</v>
      </c>
      <c r="F122259" s="14" t="s">
        <v>15</v>
      </c>
      <c r="G122259" s="16">
        <v>0.87333001447985203</v>
      </c>
    </row>
    <row r="122260" spans="1:7" x14ac:dyDescent="0.3">
      <c r="A122260" s="13" t="s">
        <v>570</v>
      </c>
      <c r="B122260" s="14" t="s">
        <v>1</v>
      </c>
      <c r="C122260" s="14" t="s">
        <v>565</v>
      </c>
      <c r="D122260" s="14" t="s">
        <v>39</v>
      </c>
      <c r="E122260" s="15">
        <v>45726</v>
      </c>
      <c r="F122260" s="14" t="s">
        <v>15</v>
      </c>
      <c r="G122260" s="16">
        <v>0.87848289418231207</v>
      </c>
    </row>
    <row r="122261" spans="1:7" x14ac:dyDescent="0.3">
      <c r="A122261" s="13" t="s">
        <v>570</v>
      </c>
      <c r="B122261" s="14" t="s">
        <v>1</v>
      </c>
      <c r="C122261" s="14" t="s">
        <v>565</v>
      </c>
      <c r="D122261" s="14" t="s">
        <v>39</v>
      </c>
      <c r="E122261" s="15">
        <v>45727</v>
      </c>
      <c r="F122261" s="14" t="s">
        <v>15</v>
      </c>
      <c r="G122261" s="16">
        <v>0.87609301211967272</v>
      </c>
    </row>
    <row r="122262" spans="1:7" x14ac:dyDescent="0.3">
      <c r="A122262" s="13" t="s">
        <v>570</v>
      </c>
      <c r="B122262" s="14" t="s">
        <v>1</v>
      </c>
      <c r="C122262" s="14" t="s">
        <v>565</v>
      </c>
      <c r="D122262" s="14" t="s">
        <v>39</v>
      </c>
      <c r="E122262" s="15">
        <v>45728</v>
      </c>
      <c r="F122262" s="14" t="s">
        <v>15</v>
      </c>
      <c r="G122262" s="16">
        <v>0.87430603846191923</v>
      </c>
    </row>
    <row r="122263" spans="1:7" x14ac:dyDescent="0.3">
      <c r="A122263" s="13" t="s">
        <v>570</v>
      </c>
      <c r="B122263" s="14" t="s">
        <v>1</v>
      </c>
      <c r="C122263" s="14" t="s">
        <v>565</v>
      </c>
      <c r="D122263" s="14" t="s">
        <v>39</v>
      </c>
      <c r="E122263" s="15">
        <v>45729</v>
      </c>
      <c r="F122263" s="14" t="s">
        <v>15</v>
      </c>
      <c r="G122263" s="16">
        <v>0.87253381395256202</v>
      </c>
    </row>
    <row r="122264" spans="1:7" x14ac:dyDescent="0.3">
      <c r="A122264" s="13" t="s">
        <v>570</v>
      </c>
      <c r="B122264" s="14" t="s">
        <v>1</v>
      </c>
      <c r="C122264" s="14" t="s">
        <v>565</v>
      </c>
      <c r="D122264" s="14" t="s">
        <v>39</v>
      </c>
      <c r="E122264" s="15">
        <v>45730</v>
      </c>
      <c r="F122264" s="14" t="s">
        <v>15</v>
      </c>
      <c r="G122264" s="16">
        <v>0.87075285061330776</v>
      </c>
    </row>
    <row r="122265" spans="1:7" x14ac:dyDescent="0.3">
      <c r="A122265" s="13" t="s">
        <v>570</v>
      </c>
      <c r="B122265" s="14" t="s">
        <v>1</v>
      </c>
      <c r="C122265" s="14" t="s">
        <v>565</v>
      </c>
      <c r="D122265" s="14" t="s">
        <v>39</v>
      </c>
      <c r="E122265" s="15">
        <v>45731</v>
      </c>
      <c r="F122265" s="14" t="s">
        <v>15</v>
      </c>
      <c r="G122265" s="16">
        <v>0.87075285061330776</v>
      </c>
    </row>
    <row r="122266" spans="1:7" x14ac:dyDescent="0.3">
      <c r="A122266" s="13" t="s">
        <v>570</v>
      </c>
      <c r="B122266" s="14" t="s">
        <v>1</v>
      </c>
      <c r="C122266" s="14" t="s">
        <v>565</v>
      </c>
      <c r="D122266" s="14" t="s">
        <v>39</v>
      </c>
      <c r="E122266" s="15">
        <v>45732</v>
      </c>
      <c r="F122266" s="14" t="s">
        <v>15</v>
      </c>
      <c r="G122266" s="16">
        <v>0.87075285061330776</v>
      </c>
    </row>
    <row r="122267" spans="1:7" x14ac:dyDescent="0.3">
      <c r="A122267" s="13" t="s">
        <v>570</v>
      </c>
      <c r="B122267" s="14" t="s">
        <v>1</v>
      </c>
      <c r="C122267" s="14" t="s">
        <v>565</v>
      </c>
      <c r="D122267" s="14" t="s">
        <v>39</v>
      </c>
      <c r="E122267" s="15">
        <v>45733</v>
      </c>
      <c r="F122267" s="14" t="s">
        <v>15</v>
      </c>
      <c r="G122267" s="16">
        <v>0.87075285061330776</v>
      </c>
    </row>
    <row r="122268" spans="1:7" x14ac:dyDescent="0.3">
      <c r="A122268" s="13" t="s">
        <v>570</v>
      </c>
      <c r="B122268" s="14" t="s">
        <v>1</v>
      </c>
      <c r="C122268" s="14" t="s">
        <v>565</v>
      </c>
      <c r="D122268" s="14" t="s">
        <v>39</v>
      </c>
      <c r="E122268" s="15">
        <v>45734</v>
      </c>
      <c r="F122268" s="14" t="s">
        <v>15</v>
      </c>
      <c r="G122268" s="16">
        <v>0.88263445162648224</v>
      </c>
    </row>
    <row r="122269" spans="1:7" x14ac:dyDescent="0.3">
      <c r="A122269" s="13" t="s">
        <v>570</v>
      </c>
      <c r="B122269" s="14" t="s">
        <v>1</v>
      </c>
      <c r="C122269" s="14" t="s">
        <v>565</v>
      </c>
      <c r="D122269" s="14" t="s">
        <v>39</v>
      </c>
      <c r="E122269" s="15">
        <v>45735</v>
      </c>
      <c r="F122269" s="14" t="s">
        <v>15</v>
      </c>
      <c r="G122269" s="16">
        <v>0.90251599021485762</v>
      </c>
    </row>
    <row r="122270" spans="1:7" x14ac:dyDescent="0.3">
      <c r="A122270" s="13" t="s">
        <v>570</v>
      </c>
      <c r="B122270" s="14" t="s">
        <v>1</v>
      </c>
      <c r="C122270" s="14" t="s">
        <v>565</v>
      </c>
      <c r="D122270" s="14" t="s">
        <v>39</v>
      </c>
      <c r="E122270" s="15">
        <v>45736</v>
      </c>
      <c r="F122270" s="14" t="s">
        <v>15</v>
      </c>
      <c r="G122270" s="16">
        <v>0.90069948950325718</v>
      </c>
    </row>
    <row r="122271" spans="1:7" x14ac:dyDescent="0.3">
      <c r="A122271" s="13" t="s">
        <v>570</v>
      </c>
      <c r="B122271" s="14" t="s">
        <v>1</v>
      </c>
      <c r="C122271" s="14" t="s">
        <v>565</v>
      </c>
      <c r="D122271" s="14" t="s">
        <v>39</v>
      </c>
      <c r="E122271" s="15">
        <v>45737</v>
      </c>
      <c r="F122271" s="14" t="s">
        <v>15</v>
      </c>
      <c r="G122271" s="16">
        <v>0.89888725467639252</v>
      </c>
    </row>
    <row r="122272" spans="1:7" x14ac:dyDescent="0.3">
      <c r="A122272" s="13" t="s">
        <v>570</v>
      </c>
      <c r="B122272" s="14" t="s">
        <v>1</v>
      </c>
      <c r="C122272" s="14" t="s">
        <v>565</v>
      </c>
      <c r="D122272" s="14" t="s">
        <v>39</v>
      </c>
      <c r="E122272" s="15">
        <v>45738</v>
      </c>
      <c r="F122272" s="14" t="s">
        <v>15</v>
      </c>
      <c r="G122272" s="16">
        <v>0.89888725467639252</v>
      </c>
    </row>
    <row r="122273" spans="1:7" x14ac:dyDescent="0.3">
      <c r="A122273" s="13" t="s">
        <v>570</v>
      </c>
      <c r="B122273" s="14" t="s">
        <v>1</v>
      </c>
      <c r="C122273" s="14" t="s">
        <v>565</v>
      </c>
      <c r="D122273" s="14" t="s">
        <v>39</v>
      </c>
      <c r="E122273" s="15">
        <v>45739</v>
      </c>
      <c r="F122273" s="14" t="s">
        <v>15</v>
      </c>
      <c r="G122273" s="16">
        <v>0.89888725467639252</v>
      </c>
    </row>
    <row r="122274" spans="1:7" x14ac:dyDescent="0.3">
      <c r="A122274" s="13" t="s">
        <v>570</v>
      </c>
      <c r="B122274" s="14" t="s">
        <v>1</v>
      </c>
      <c r="C122274" s="14" t="s">
        <v>565</v>
      </c>
      <c r="D122274" s="14" t="s">
        <v>39</v>
      </c>
      <c r="E122274" s="15">
        <v>45740</v>
      </c>
      <c r="F122274" s="14" t="s">
        <v>15</v>
      </c>
      <c r="G122274" s="16">
        <v>0.9435584682414021</v>
      </c>
    </row>
    <row r="122275" spans="1:7" x14ac:dyDescent="0.3">
      <c r="A122275" s="13" t="s">
        <v>570</v>
      </c>
      <c r="B122275" s="14" t="s">
        <v>1</v>
      </c>
      <c r="C122275" s="14" t="s">
        <v>565</v>
      </c>
      <c r="D122275" s="14" t="s">
        <v>39</v>
      </c>
      <c r="E122275" s="15">
        <v>45741</v>
      </c>
      <c r="F122275" s="14" t="s">
        <v>15</v>
      </c>
      <c r="G122275" s="16">
        <v>0.93818205727316084</v>
      </c>
    </row>
    <row r="122276" spans="1:7" x14ac:dyDescent="0.3">
      <c r="A122276" s="13" t="s">
        <v>570</v>
      </c>
      <c r="B122276" s="14" t="s">
        <v>1</v>
      </c>
      <c r="C122276" s="14" t="s">
        <v>565</v>
      </c>
      <c r="D122276" s="14" t="s">
        <v>39</v>
      </c>
      <c r="E122276" s="15">
        <v>45742</v>
      </c>
      <c r="F122276" s="14" t="s">
        <v>15</v>
      </c>
      <c r="G122276" s="16">
        <v>0.95947846258176084</v>
      </c>
    </row>
    <row r="122277" spans="1:7" x14ac:dyDescent="0.3">
      <c r="A122277" s="13" t="s">
        <v>570</v>
      </c>
      <c r="B122277" s="14" t="s">
        <v>1</v>
      </c>
      <c r="C122277" s="14" t="s">
        <v>565</v>
      </c>
      <c r="D122277" s="14" t="s">
        <v>39</v>
      </c>
      <c r="E122277" s="15">
        <v>45743</v>
      </c>
      <c r="F122277" s="14" t="s">
        <v>15</v>
      </c>
      <c r="G122277" s="16">
        <v>0.9578980003057872</v>
      </c>
    </row>
    <row r="122278" spans="1:7" x14ac:dyDescent="0.3">
      <c r="A122278" s="13" t="s">
        <v>570</v>
      </c>
      <c r="B122278" s="14" t="s">
        <v>1</v>
      </c>
      <c r="C122278" s="14" t="s">
        <v>565</v>
      </c>
      <c r="D122278" s="14" t="s">
        <v>39</v>
      </c>
      <c r="E122278" s="15">
        <v>45744</v>
      </c>
      <c r="F122278" s="14" t="s">
        <v>15</v>
      </c>
      <c r="G122278" s="16">
        <v>1.0046644790034738</v>
      </c>
    </row>
    <row r="122279" spans="1:7" x14ac:dyDescent="0.3">
      <c r="A122279" s="13" t="s">
        <v>570</v>
      </c>
      <c r="B122279" s="14" t="s">
        <v>1</v>
      </c>
      <c r="C122279" s="14" t="s">
        <v>565</v>
      </c>
      <c r="D122279" s="14" t="s">
        <v>39</v>
      </c>
      <c r="E122279" s="15">
        <v>45745</v>
      </c>
      <c r="F122279" s="14" t="s">
        <v>15</v>
      </c>
      <c r="G122279" s="16">
        <v>1.0046644790034738</v>
      </c>
    </row>
    <row r="122280" spans="1:7" x14ac:dyDescent="0.3">
      <c r="A122280" s="13" t="s">
        <v>570</v>
      </c>
      <c r="B122280" s="14" t="s">
        <v>1</v>
      </c>
      <c r="C122280" s="14" t="s">
        <v>565</v>
      </c>
      <c r="D122280" s="14" t="s">
        <v>39</v>
      </c>
      <c r="E122280" s="15">
        <v>45746</v>
      </c>
      <c r="F122280" s="14" t="s">
        <v>15</v>
      </c>
      <c r="G122280" s="16">
        <v>1.0046644790034738</v>
      </c>
    </row>
    <row r="122281" spans="1:7" x14ac:dyDescent="0.3">
      <c r="A122281" s="13" t="s">
        <v>570</v>
      </c>
      <c r="B122281" s="14" t="s">
        <v>1</v>
      </c>
      <c r="C122281" s="14" t="s">
        <v>565</v>
      </c>
      <c r="D122281" s="14" t="s">
        <v>39</v>
      </c>
      <c r="E122281" s="15">
        <v>45747</v>
      </c>
      <c r="F122281" s="14" t="s">
        <v>15</v>
      </c>
      <c r="G122281" s="16">
        <v>1.0046644790034738</v>
      </c>
    </row>
    <row r="122282" spans="1:7" x14ac:dyDescent="0.3">
      <c r="A122282" s="13" t="s">
        <v>571</v>
      </c>
      <c r="B122282" s="14" t="s">
        <v>1</v>
      </c>
      <c r="C122282" s="14" t="s">
        <v>200</v>
      </c>
      <c r="D122282" s="14" t="s">
        <v>14</v>
      </c>
      <c r="E122282" s="15">
        <v>45383</v>
      </c>
      <c r="F122282" s="14" t="s">
        <v>15</v>
      </c>
      <c r="G122282" s="16">
        <v>0</v>
      </c>
    </row>
    <row r="122283" spans="1:7" x14ac:dyDescent="0.3">
      <c r="A122283" s="13" t="s">
        <v>571</v>
      </c>
      <c r="B122283" s="14" t="s">
        <v>1</v>
      </c>
      <c r="C122283" s="14" t="s">
        <v>200</v>
      </c>
      <c r="D122283" s="14" t="s">
        <v>14</v>
      </c>
      <c r="E122283" s="15">
        <v>45384</v>
      </c>
      <c r="F122283" s="14" t="s">
        <v>15</v>
      </c>
      <c r="G122283" s="16">
        <v>0</v>
      </c>
    </row>
    <row r="122284" spans="1:7" x14ac:dyDescent="0.3">
      <c r="A122284" s="13" t="s">
        <v>571</v>
      </c>
      <c r="B122284" s="14" t="s">
        <v>1</v>
      </c>
      <c r="C122284" s="14" t="s">
        <v>200</v>
      </c>
      <c r="D122284" s="14" t="s">
        <v>14</v>
      </c>
      <c r="E122284" s="15">
        <v>45385</v>
      </c>
      <c r="F122284" s="14" t="s">
        <v>15</v>
      </c>
      <c r="G122284" s="16">
        <v>3.6642809952011073E-2</v>
      </c>
    </row>
    <row r="122285" spans="1:7" x14ac:dyDescent="0.3">
      <c r="A122285" s="13" t="s">
        <v>571</v>
      </c>
      <c r="B122285" s="14" t="s">
        <v>1</v>
      </c>
      <c r="C122285" s="14" t="s">
        <v>200</v>
      </c>
      <c r="D122285" s="14" t="s">
        <v>14</v>
      </c>
      <c r="E122285" s="15">
        <v>45386</v>
      </c>
      <c r="F122285" s="14" t="s">
        <v>15</v>
      </c>
      <c r="G122285" s="16">
        <v>4.6831258139096381E-2</v>
      </c>
    </row>
    <row r="122286" spans="1:7" x14ac:dyDescent="0.3">
      <c r="A122286" s="13" t="s">
        <v>571</v>
      </c>
      <c r="B122286" s="14" t="s">
        <v>1</v>
      </c>
      <c r="C122286" s="14" t="s">
        <v>200</v>
      </c>
      <c r="D122286" s="14" t="s">
        <v>14</v>
      </c>
      <c r="E122286" s="15">
        <v>45387</v>
      </c>
      <c r="F122286" s="14" t="s">
        <v>15</v>
      </c>
      <c r="G122286" s="16">
        <v>5.4710501845496799E-2</v>
      </c>
    </row>
    <row r="122287" spans="1:7" x14ac:dyDescent="0.3">
      <c r="A122287" s="13" t="s">
        <v>571</v>
      </c>
      <c r="B122287" s="14" t="s">
        <v>1</v>
      </c>
      <c r="C122287" s="14" t="s">
        <v>200</v>
      </c>
      <c r="D122287" s="14" t="s">
        <v>14</v>
      </c>
      <c r="E122287" s="15">
        <v>45388</v>
      </c>
      <c r="F122287" s="14" t="s">
        <v>15</v>
      </c>
      <c r="G122287" s="16">
        <v>5.4710501845496799E-2</v>
      </c>
    </row>
    <row r="122288" spans="1:7" x14ac:dyDescent="0.3">
      <c r="A122288" s="13" t="s">
        <v>571</v>
      </c>
      <c r="B122288" s="14" t="s">
        <v>1</v>
      </c>
      <c r="C122288" s="14" t="s">
        <v>200</v>
      </c>
      <c r="D122288" s="14" t="s">
        <v>14</v>
      </c>
      <c r="E122288" s="15">
        <v>45389</v>
      </c>
      <c r="F122288" s="14" t="s">
        <v>15</v>
      </c>
      <c r="G122288" s="16">
        <v>5.4710501845496799E-2</v>
      </c>
    </row>
    <row r="122289" spans="1:7" x14ac:dyDescent="0.3">
      <c r="A122289" s="13" t="s">
        <v>571</v>
      </c>
      <c r="B122289" s="14" t="s">
        <v>1</v>
      </c>
      <c r="C122289" s="14" t="s">
        <v>200</v>
      </c>
      <c r="D122289" s="14" t="s">
        <v>14</v>
      </c>
      <c r="E122289" s="15">
        <v>45390</v>
      </c>
      <c r="F122289" s="14" t="s">
        <v>15</v>
      </c>
      <c r="G122289" s="16">
        <v>5.4425407243902463E-2</v>
      </c>
    </row>
    <row r="122290" spans="1:7" x14ac:dyDescent="0.3">
      <c r="A122290" s="13" t="s">
        <v>571</v>
      </c>
      <c r="B122290" s="14" t="s">
        <v>1</v>
      </c>
      <c r="C122290" s="14" t="s">
        <v>200</v>
      </c>
      <c r="D122290" s="14" t="s">
        <v>14</v>
      </c>
      <c r="E122290" s="15">
        <v>45391</v>
      </c>
      <c r="F122290" s="14" t="s">
        <v>15</v>
      </c>
      <c r="G122290" s="16">
        <v>7.5639690324961192E-2</v>
      </c>
    </row>
    <row r="122291" spans="1:7" x14ac:dyDescent="0.3">
      <c r="A122291" s="13" t="s">
        <v>571</v>
      </c>
      <c r="B122291" s="14" t="s">
        <v>1</v>
      </c>
      <c r="C122291" s="14" t="s">
        <v>200</v>
      </c>
      <c r="D122291" s="14" t="s">
        <v>14</v>
      </c>
      <c r="E122291" s="15">
        <v>45392</v>
      </c>
      <c r="F122291" s="14" t="s">
        <v>15</v>
      </c>
      <c r="G122291" s="16">
        <v>9.5106025770808816E-2</v>
      </c>
    </row>
    <row r="122292" spans="1:7" x14ac:dyDescent="0.3">
      <c r="A122292" s="13" t="s">
        <v>571</v>
      </c>
      <c r="B122292" s="14" t="s">
        <v>1</v>
      </c>
      <c r="C122292" s="14" t="s">
        <v>200</v>
      </c>
      <c r="D122292" s="14" t="s">
        <v>14</v>
      </c>
      <c r="E122292" s="15">
        <v>45393</v>
      </c>
      <c r="F122292" s="14" t="s">
        <v>15</v>
      </c>
      <c r="G122292" s="16">
        <v>0.12173056114671137</v>
      </c>
    </row>
    <row r="122293" spans="1:7" x14ac:dyDescent="0.3">
      <c r="A122293" s="13" t="s">
        <v>571</v>
      </c>
      <c r="B122293" s="14" t="s">
        <v>1</v>
      </c>
      <c r="C122293" s="14" t="s">
        <v>200</v>
      </c>
      <c r="D122293" s="14" t="s">
        <v>14</v>
      </c>
      <c r="E122293" s="15">
        <v>45394</v>
      </c>
      <c r="F122293" s="14" t="s">
        <v>15</v>
      </c>
      <c r="G122293" s="16">
        <v>0.1267786251380402</v>
      </c>
    </row>
    <row r="122294" spans="1:7" x14ac:dyDescent="0.3">
      <c r="A122294" s="13" t="s">
        <v>571</v>
      </c>
      <c r="B122294" s="14" t="s">
        <v>1</v>
      </c>
      <c r="C122294" s="14" t="s">
        <v>200</v>
      </c>
      <c r="D122294" s="14" t="s">
        <v>14</v>
      </c>
      <c r="E122294" s="15">
        <v>45395</v>
      </c>
      <c r="F122294" s="14" t="s">
        <v>15</v>
      </c>
      <c r="G122294" s="16">
        <v>0.1267786251380402</v>
      </c>
    </row>
    <row r="122295" spans="1:7" x14ac:dyDescent="0.3">
      <c r="A122295" s="13" t="s">
        <v>571</v>
      </c>
      <c r="B122295" s="14" t="s">
        <v>1</v>
      </c>
      <c r="C122295" s="14" t="s">
        <v>200</v>
      </c>
      <c r="D122295" s="14" t="s">
        <v>14</v>
      </c>
      <c r="E122295" s="15">
        <v>45396</v>
      </c>
      <c r="F122295" s="14" t="s">
        <v>15</v>
      </c>
      <c r="G122295" s="16">
        <v>0.1267786251380402</v>
      </c>
    </row>
    <row r="122296" spans="1:7" x14ac:dyDescent="0.3">
      <c r="A122296" s="13" t="s">
        <v>571</v>
      </c>
      <c r="B122296" s="14" t="s">
        <v>1</v>
      </c>
      <c r="C122296" s="14" t="s">
        <v>200</v>
      </c>
      <c r="D122296" s="14" t="s">
        <v>14</v>
      </c>
      <c r="E122296" s="15">
        <v>45397</v>
      </c>
      <c r="F122296" s="14" t="s">
        <v>15</v>
      </c>
      <c r="G122296" s="16">
        <v>0.1349199529689015</v>
      </c>
    </row>
    <row r="122297" spans="1:7" x14ac:dyDescent="0.3">
      <c r="A122297" s="13" t="s">
        <v>571</v>
      </c>
      <c r="B122297" s="14" t="s">
        <v>1</v>
      </c>
      <c r="C122297" s="14" t="s">
        <v>200</v>
      </c>
      <c r="D122297" s="14" t="s">
        <v>14</v>
      </c>
      <c r="E122297" s="15">
        <v>45398</v>
      </c>
      <c r="F122297" s="14" t="s">
        <v>15</v>
      </c>
      <c r="G122297" s="16">
        <v>0.1598321881676851</v>
      </c>
    </row>
    <row r="122298" spans="1:7" x14ac:dyDescent="0.3">
      <c r="A122298" s="13" t="s">
        <v>571</v>
      </c>
      <c r="B122298" s="14" t="s">
        <v>1</v>
      </c>
      <c r="C122298" s="14" t="s">
        <v>200</v>
      </c>
      <c r="D122298" s="14" t="s">
        <v>14</v>
      </c>
      <c r="E122298" s="15">
        <v>45399</v>
      </c>
      <c r="F122298" s="14" t="s">
        <v>15</v>
      </c>
      <c r="G122298" s="16">
        <v>0.16748243399360516</v>
      </c>
    </row>
    <row r="122299" spans="1:7" x14ac:dyDescent="0.3">
      <c r="A122299" s="13" t="s">
        <v>571</v>
      </c>
      <c r="B122299" s="14" t="s">
        <v>1</v>
      </c>
      <c r="C122299" s="14" t="s">
        <v>200</v>
      </c>
      <c r="D122299" s="14" t="s">
        <v>14</v>
      </c>
      <c r="E122299" s="15">
        <v>45400</v>
      </c>
      <c r="F122299" s="14" t="s">
        <v>15</v>
      </c>
      <c r="G122299" s="16">
        <v>0.1749838773466289</v>
      </c>
    </row>
    <row r="122300" spans="1:7" x14ac:dyDescent="0.3">
      <c r="A122300" s="13" t="s">
        <v>571</v>
      </c>
      <c r="B122300" s="14" t="s">
        <v>1</v>
      </c>
      <c r="C122300" s="14" t="s">
        <v>200</v>
      </c>
      <c r="D122300" s="14" t="s">
        <v>14</v>
      </c>
      <c r="E122300" s="15">
        <v>45401</v>
      </c>
      <c r="F122300" s="14" t="s">
        <v>15</v>
      </c>
      <c r="G122300" s="16">
        <v>0.16973975149352907</v>
      </c>
    </row>
    <row r="122301" spans="1:7" x14ac:dyDescent="0.3">
      <c r="A122301" s="13" t="s">
        <v>571</v>
      </c>
      <c r="B122301" s="14" t="s">
        <v>1</v>
      </c>
      <c r="C122301" s="14" t="s">
        <v>200</v>
      </c>
      <c r="D122301" s="14" t="s">
        <v>14</v>
      </c>
      <c r="E122301" s="15">
        <v>45402</v>
      </c>
      <c r="F122301" s="14" t="s">
        <v>15</v>
      </c>
      <c r="G122301" s="16">
        <v>0.16973975149352907</v>
      </c>
    </row>
    <row r="122302" spans="1:7" x14ac:dyDescent="0.3">
      <c r="A122302" s="13" t="s">
        <v>571</v>
      </c>
      <c r="B122302" s="14" t="s">
        <v>1</v>
      </c>
      <c r="C122302" s="14" t="s">
        <v>200</v>
      </c>
      <c r="D122302" s="14" t="s">
        <v>14</v>
      </c>
      <c r="E122302" s="15">
        <v>45403</v>
      </c>
      <c r="F122302" s="14" t="s">
        <v>15</v>
      </c>
      <c r="G122302" s="16">
        <v>0.16973975149352907</v>
      </c>
    </row>
    <row r="122303" spans="1:7" x14ac:dyDescent="0.3">
      <c r="A122303" s="13" t="s">
        <v>571</v>
      </c>
      <c r="B122303" s="14" t="s">
        <v>1</v>
      </c>
      <c r="C122303" s="14" t="s">
        <v>200</v>
      </c>
      <c r="D122303" s="14" t="s">
        <v>14</v>
      </c>
      <c r="E122303" s="15">
        <v>45404</v>
      </c>
      <c r="F122303" s="14" t="s">
        <v>15</v>
      </c>
      <c r="G122303" s="16">
        <v>0.16463269539370368</v>
      </c>
    </row>
    <row r="122304" spans="1:7" x14ac:dyDescent="0.3">
      <c r="A122304" s="13" t="s">
        <v>571</v>
      </c>
      <c r="B122304" s="14" t="s">
        <v>1</v>
      </c>
      <c r="C122304" s="14" t="s">
        <v>200</v>
      </c>
      <c r="D122304" s="14" t="s">
        <v>14</v>
      </c>
      <c r="E122304" s="15">
        <v>45405</v>
      </c>
      <c r="F122304" s="14" t="s">
        <v>15</v>
      </c>
      <c r="G122304" s="16">
        <v>0.18983836139764518</v>
      </c>
    </row>
    <row r="122305" spans="1:7" x14ac:dyDescent="0.3">
      <c r="A122305" s="13" t="s">
        <v>571</v>
      </c>
      <c r="B122305" s="14" t="s">
        <v>1</v>
      </c>
      <c r="C122305" s="14" t="s">
        <v>200</v>
      </c>
      <c r="D122305" s="14" t="s">
        <v>14</v>
      </c>
      <c r="E122305" s="15">
        <v>45406</v>
      </c>
      <c r="F122305" s="14" t="s">
        <v>15</v>
      </c>
      <c r="G122305" s="16">
        <v>0.19918342113586313</v>
      </c>
    </row>
    <row r="122306" spans="1:7" x14ac:dyDescent="0.3">
      <c r="A122306" s="13" t="s">
        <v>571</v>
      </c>
      <c r="B122306" s="14" t="s">
        <v>1</v>
      </c>
      <c r="C122306" s="14" t="s">
        <v>200</v>
      </c>
      <c r="D122306" s="14" t="s">
        <v>14</v>
      </c>
      <c r="E122306" s="15">
        <v>45407</v>
      </c>
      <c r="F122306" s="14" t="s">
        <v>15</v>
      </c>
      <c r="G122306" s="16">
        <v>0.2059487491472278</v>
      </c>
    </row>
    <row r="122307" spans="1:7" x14ac:dyDescent="0.3">
      <c r="A122307" s="13" t="s">
        <v>571</v>
      </c>
      <c r="B122307" s="14" t="s">
        <v>1</v>
      </c>
      <c r="C122307" s="14" t="s">
        <v>200</v>
      </c>
      <c r="D122307" s="14" t="s">
        <v>14</v>
      </c>
      <c r="E122307" s="15">
        <v>45408</v>
      </c>
      <c r="F122307" s="14" t="s">
        <v>15</v>
      </c>
      <c r="G122307" s="16">
        <v>0.21290044689720103</v>
      </c>
    </row>
    <row r="122308" spans="1:7" x14ac:dyDescent="0.3">
      <c r="A122308" s="13" t="s">
        <v>571</v>
      </c>
      <c r="B122308" s="14" t="s">
        <v>1</v>
      </c>
      <c r="C122308" s="14" t="s">
        <v>200</v>
      </c>
      <c r="D122308" s="14" t="s">
        <v>14</v>
      </c>
      <c r="E122308" s="15">
        <v>45409</v>
      </c>
      <c r="F122308" s="14" t="s">
        <v>15</v>
      </c>
      <c r="G122308" s="16">
        <v>0.21290044689720103</v>
      </c>
    </row>
    <row r="122309" spans="1:7" x14ac:dyDescent="0.3">
      <c r="A122309" s="13" t="s">
        <v>571</v>
      </c>
      <c r="B122309" s="14" t="s">
        <v>1</v>
      </c>
      <c r="C122309" s="14" t="s">
        <v>200</v>
      </c>
      <c r="D122309" s="14" t="s">
        <v>14</v>
      </c>
      <c r="E122309" s="15">
        <v>45410</v>
      </c>
      <c r="F122309" s="14" t="s">
        <v>15</v>
      </c>
      <c r="G122309" s="16">
        <v>0.21290044689720103</v>
      </c>
    </row>
    <row r="122310" spans="1:7" x14ac:dyDescent="0.3">
      <c r="A122310" s="13" t="s">
        <v>571</v>
      </c>
      <c r="B122310" s="14" t="s">
        <v>1</v>
      </c>
      <c r="C122310" s="14" t="s">
        <v>200</v>
      </c>
      <c r="D122310" s="14" t="s">
        <v>14</v>
      </c>
      <c r="E122310" s="15">
        <v>45411</v>
      </c>
      <c r="F122310" s="14" t="s">
        <v>15</v>
      </c>
      <c r="G122310" s="16">
        <v>0.22008589652271718</v>
      </c>
    </row>
    <row r="122311" spans="1:7" x14ac:dyDescent="0.3">
      <c r="A122311" s="13" t="s">
        <v>571</v>
      </c>
      <c r="B122311" s="14" t="s">
        <v>1</v>
      </c>
      <c r="C122311" s="14" t="s">
        <v>200</v>
      </c>
      <c r="D122311" s="14" t="s">
        <v>14</v>
      </c>
      <c r="E122311" s="15">
        <v>45412</v>
      </c>
      <c r="F122311" s="14" t="s">
        <v>15</v>
      </c>
      <c r="G122311" s="16">
        <v>0.24057231656976247</v>
      </c>
    </row>
    <row r="122312" spans="1:7" x14ac:dyDescent="0.3">
      <c r="A122312" s="13" t="s">
        <v>571</v>
      </c>
      <c r="B122312" s="14" t="s">
        <v>1</v>
      </c>
      <c r="C122312" s="14" t="s">
        <v>200</v>
      </c>
      <c r="D122312" s="14" t="s">
        <v>14</v>
      </c>
      <c r="E122312" s="15">
        <v>45413</v>
      </c>
      <c r="F122312" s="14" t="s">
        <v>15</v>
      </c>
      <c r="G122312" s="16">
        <v>0.24647561371892354</v>
      </c>
    </row>
    <row r="122313" spans="1:7" x14ac:dyDescent="0.3">
      <c r="A122313" s="13" t="s">
        <v>571</v>
      </c>
      <c r="B122313" s="14" t="s">
        <v>1</v>
      </c>
      <c r="C122313" s="14" t="s">
        <v>200</v>
      </c>
      <c r="D122313" s="14" t="s">
        <v>14</v>
      </c>
      <c r="E122313" s="15">
        <v>45414</v>
      </c>
      <c r="F122313" s="14" t="s">
        <v>15</v>
      </c>
      <c r="G122313" s="16">
        <v>0.25622660216733995</v>
      </c>
    </row>
    <row r="122314" spans="1:7" x14ac:dyDescent="0.3">
      <c r="A122314" s="13" t="s">
        <v>571</v>
      </c>
      <c r="B122314" s="14" t="s">
        <v>1</v>
      </c>
      <c r="C122314" s="14" t="s">
        <v>200</v>
      </c>
      <c r="D122314" s="14" t="s">
        <v>14</v>
      </c>
      <c r="E122314" s="15">
        <v>45415</v>
      </c>
      <c r="F122314" s="14" t="s">
        <v>15</v>
      </c>
      <c r="G122314" s="16">
        <v>0.26281278473574216</v>
      </c>
    </row>
    <row r="122315" spans="1:7" x14ac:dyDescent="0.3">
      <c r="A122315" s="13" t="s">
        <v>571</v>
      </c>
      <c r="B122315" s="14" t="s">
        <v>1</v>
      </c>
      <c r="C122315" s="14" t="s">
        <v>200</v>
      </c>
      <c r="D122315" s="14" t="s">
        <v>14</v>
      </c>
      <c r="E122315" s="15">
        <v>45416</v>
      </c>
      <c r="F122315" s="14" t="s">
        <v>15</v>
      </c>
      <c r="G122315" s="16">
        <v>0.26281278473574216</v>
      </c>
    </row>
    <row r="122316" spans="1:7" x14ac:dyDescent="0.3">
      <c r="A122316" s="13" t="s">
        <v>571</v>
      </c>
      <c r="B122316" s="14" t="s">
        <v>1</v>
      </c>
      <c r="C122316" s="14" t="s">
        <v>200</v>
      </c>
      <c r="D122316" s="14" t="s">
        <v>14</v>
      </c>
      <c r="E122316" s="15">
        <v>45417</v>
      </c>
      <c r="F122316" s="14" t="s">
        <v>15</v>
      </c>
      <c r="G122316" s="16">
        <v>0.26281278473574216</v>
      </c>
    </row>
    <row r="122317" spans="1:7" x14ac:dyDescent="0.3">
      <c r="A122317" s="13" t="s">
        <v>571</v>
      </c>
      <c r="B122317" s="14" t="s">
        <v>1</v>
      </c>
      <c r="C122317" s="14" t="s">
        <v>200</v>
      </c>
      <c r="D122317" s="14" t="s">
        <v>14</v>
      </c>
      <c r="E122317" s="15">
        <v>45418</v>
      </c>
      <c r="F122317" s="14" t="s">
        <v>15</v>
      </c>
      <c r="G122317" s="16">
        <v>0.26281278473574216</v>
      </c>
    </row>
    <row r="122318" spans="1:7" x14ac:dyDescent="0.3">
      <c r="A122318" s="13" t="s">
        <v>571</v>
      </c>
      <c r="B122318" s="14" t="s">
        <v>1</v>
      </c>
      <c r="C122318" s="14" t="s">
        <v>200</v>
      </c>
      <c r="D122318" s="14" t="s">
        <v>14</v>
      </c>
      <c r="E122318" s="15">
        <v>45419</v>
      </c>
      <c r="F122318" s="14" t="s">
        <v>15</v>
      </c>
      <c r="G122318" s="16">
        <v>0.26745422138480113</v>
      </c>
    </row>
    <row r="122319" spans="1:7" x14ac:dyDescent="0.3">
      <c r="A122319" s="13" t="s">
        <v>571</v>
      </c>
      <c r="B122319" s="14" t="s">
        <v>1</v>
      </c>
      <c r="C122319" s="14" t="s">
        <v>200</v>
      </c>
      <c r="D122319" s="14" t="s">
        <v>14</v>
      </c>
      <c r="E122319" s="15">
        <v>45420</v>
      </c>
      <c r="F122319" s="14" t="s">
        <v>15</v>
      </c>
      <c r="G122319" s="16">
        <v>0.29171956063537957</v>
      </c>
    </row>
    <row r="122320" spans="1:7" x14ac:dyDescent="0.3">
      <c r="A122320" s="13" t="s">
        <v>571</v>
      </c>
      <c r="B122320" s="14" t="s">
        <v>1</v>
      </c>
      <c r="C122320" s="14" t="s">
        <v>200</v>
      </c>
      <c r="D122320" s="14" t="s">
        <v>14</v>
      </c>
      <c r="E122320" s="15">
        <v>45421</v>
      </c>
      <c r="F122320" s="14" t="s">
        <v>15</v>
      </c>
      <c r="G122320" s="16">
        <v>0.29875673771275979</v>
      </c>
    </row>
    <row r="122321" spans="1:7" x14ac:dyDescent="0.3">
      <c r="A122321" s="13" t="s">
        <v>571</v>
      </c>
      <c r="B122321" s="14" t="s">
        <v>1</v>
      </c>
      <c r="C122321" s="14" t="s">
        <v>200</v>
      </c>
      <c r="D122321" s="14" t="s">
        <v>14</v>
      </c>
      <c r="E122321" s="15">
        <v>45422</v>
      </c>
      <c r="F122321" s="14" t="s">
        <v>15</v>
      </c>
      <c r="G122321" s="16">
        <v>0.30502076599526351</v>
      </c>
    </row>
    <row r="122322" spans="1:7" x14ac:dyDescent="0.3">
      <c r="A122322" s="13" t="s">
        <v>571</v>
      </c>
      <c r="B122322" s="14" t="s">
        <v>1</v>
      </c>
      <c r="C122322" s="14" t="s">
        <v>200</v>
      </c>
      <c r="D122322" s="14" t="s">
        <v>14</v>
      </c>
      <c r="E122322" s="15">
        <v>45423</v>
      </c>
      <c r="F122322" s="14" t="s">
        <v>15</v>
      </c>
      <c r="G122322" s="16">
        <v>0.30502076599526351</v>
      </c>
    </row>
    <row r="122323" spans="1:7" x14ac:dyDescent="0.3">
      <c r="A122323" s="13" t="s">
        <v>571</v>
      </c>
      <c r="B122323" s="14" t="s">
        <v>1</v>
      </c>
      <c r="C122323" s="14" t="s">
        <v>200</v>
      </c>
      <c r="D122323" s="14" t="s">
        <v>14</v>
      </c>
      <c r="E122323" s="15">
        <v>45424</v>
      </c>
      <c r="F122323" s="14" t="s">
        <v>15</v>
      </c>
      <c r="G122323" s="16">
        <v>0.30502076599526351</v>
      </c>
    </row>
    <row r="122324" spans="1:7" x14ac:dyDescent="0.3">
      <c r="A122324" s="13" t="s">
        <v>571</v>
      </c>
      <c r="B122324" s="14" t="s">
        <v>1</v>
      </c>
      <c r="C122324" s="14" t="s">
        <v>200</v>
      </c>
      <c r="D122324" s="14" t="s">
        <v>14</v>
      </c>
      <c r="E122324" s="15">
        <v>45425</v>
      </c>
      <c r="F122324" s="14" t="s">
        <v>15</v>
      </c>
      <c r="G122324" s="16">
        <v>0.30983499253482444</v>
      </c>
    </row>
    <row r="122325" spans="1:7" x14ac:dyDescent="0.3">
      <c r="A122325" s="13" t="s">
        <v>571</v>
      </c>
      <c r="B122325" s="14" t="s">
        <v>1</v>
      </c>
      <c r="C122325" s="14" t="s">
        <v>200</v>
      </c>
      <c r="D122325" s="14" t="s">
        <v>14</v>
      </c>
      <c r="E122325" s="15">
        <v>45426</v>
      </c>
      <c r="F122325" s="14" t="s">
        <v>15</v>
      </c>
      <c r="G122325" s="16">
        <v>0.3348214716828895</v>
      </c>
    </row>
    <row r="122326" spans="1:7" x14ac:dyDescent="0.3">
      <c r="A122326" s="13" t="s">
        <v>571</v>
      </c>
      <c r="B122326" s="14" t="s">
        <v>1</v>
      </c>
      <c r="C122326" s="14" t="s">
        <v>200</v>
      </c>
      <c r="D122326" s="14" t="s">
        <v>14</v>
      </c>
      <c r="E122326" s="15">
        <v>45427</v>
      </c>
      <c r="F122326" s="14" t="s">
        <v>15</v>
      </c>
      <c r="G122326" s="16">
        <v>0.34146120515297101</v>
      </c>
    </row>
    <row r="122327" spans="1:7" x14ac:dyDescent="0.3">
      <c r="A122327" s="13" t="s">
        <v>571</v>
      </c>
      <c r="B122327" s="14" t="s">
        <v>1</v>
      </c>
      <c r="C122327" s="14" t="s">
        <v>200</v>
      </c>
      <c r="D122327" s="14" t="s">
        <v>14</v>
      </c>
      <c r="E122327" s="15">
        <v>45428</v>
      </c>
      <c r="F122327" s="14" t="s">
        <v>15</v>
      </c>
      <c r="G122327" s="16">
        <v>0.34927083355407601</v>
      </c>
    </row>
    <row r="122328" spans="1:7" x14ac:dyDescent="0.3">
      <c r="A122328" s="13" t="s">
        <v>571</v>
      </c>
      <c r="B122328" s="14" t="s">
        <v>1</v>
      </c>
      <c r="C122328" s="14" t="s">
        <v>200</v>
      </c>
      <c r="D122328" s="14" t="s">
        <v>14</v>
      </c>
      <c r="E122328" s="15">
        <v>45429</v>
      </c>
      <c r="F122328" s="14" t="s">
        <v>15</v>
      </c>
      <c r="G122328" s="16">
        <v>0.35632593035428273</v>
      </c>
    </row>
    <row r="122329" spans="1:7" x14ac:dyDescent="0.3">
      <c r="A122329" s="13" t="s">
        <v>571</v>
      </c>
      <c r="B122329" s="14" t="s">
        <v>1</v>
      </c>
      <c r="C122329" s="14" t="s">
        <v>200</v>
      </c>
      <c r="D122329" s="14" t="s">
        <v>14</v>
      </c>
      <c r="E122329" s="15">
        <v>45430</v>
      </c>
      <c r="F122329" s="14" t="s">
        <v>15</v>
      </c>
      <c r="G122329" s="16">
        <v>0.35632593035428273</v>
      </c>
    </row>
    <row r="122330" spans="1:7" x14ac:dyDescent="0.3">
      <c r="A122330" s="13" t="s">
        <v>571</v>
      </c>
      <c r="B122330" s="14" t="s">
        <v>1</v>
      </c>
      <c r="C122330" s="14" t="s">
        <v>200</v>
      </c>
      <c r="D122330" s="14" t="s">
        <v>14</v>
      </c>
      <c r="E122330" s="15">
        <v>45431</v>
      </c>
      <c r="F122330" s="14" t="s">
        <v>15</v>
      </c>
      <c r="G122330" s="16">
        <v>0.35632593035428273</v>
      </c>
    </row>
    <row r="122331" spans="1:7" x14ac:dyDescent="0.3">
      <c r="A122331" s="13" t="s">
        <v>571</v>
      </c>
      <c r="B122331" s="14" t="s">
        <v>1</v>
      </c>
      <c r="C122331" s="14" t="s">
        <v>200</v>
      </c>
      <c r="D122331" s="14" t="s">
        <v>14</v>
      </c>
      <c r="E122331" s="15">
        <v>45432</v>
      </c>
      <c r="F122331" s="14" t="s">
        <v>15</v>
      </c>
      <c r="G122331" s="16">
        <v>0.36085596299022887</v>
      </c>
    </row>
    <row r="122332" spans="1:7" x14ac:dyDescent="0.3">
      <c r="A122332" s="13" t="s">
        <v>571</v>
      </c>
      <c r="B122332" s="14" t="s">
        <v>1</v>
      </c>
      <c r="C122332" s="14" t="s">
        <v>200</v>
      </c>
      <c r="D122332" s="14" t="s">
        <v>14</v>
      </c>
      <c r="E122332" s="15">
        <v>45433</v>
      </c>
      <c r="F122332" s="14" t="s">
        <v>15</v>
      </c>
      <c r="G122332" s="16">
        <v>0.38261750829861646</v>
      </c>
    </row>
    <row r="122333" spans="1:7" x14ac:dyDescent="0.3">
      <c r="A122333" s="13" t="s">
        <v>571</v>
      </c>
      <c r="B122333" s="14" t="s">
        <v>1</v>
      </c>
      <c r="C122333" s="14" t="s">
        <v>200</v>
      </c>
      <c r="D122333" s="14" t="s">
        <v>14</v>
      </c>
      <c r="E122333" s="15">
        <v>45434</v>
      </c>
      <c r="F122333" s="14" t="s">
        <v>15</v>
      </c>
      <c r="G122333" s="16">
        <v>0.3905975730166929</v>
      </c>
    </row>
    <row r="122334" spans="1:7" x14ac:dyDescent="0.3">
      <c r="A122334" s="13" t="s">
        <v>571</v>
      </c>
      <c r="B122334" s="14" t="s">
        <v>1</v>
      </c>
      <c r="C122334" s="14" t="s">
        <v>200</v>
      </c>
      <c r="D122334" s="14" t="s">
        <v>14</v>
      </c>
      <c r="E122334" s="15">
        <v>45435</v>
      </c>
      <c r="F122334" s="14" t="s">
        <v>15</v>
      </c>
      <c r="G122334" s="16">
        <v>0.39744904854644725</v>
      </c>
    </row>
    <row r="122335" spans="1:7" x14ac:dyDescent="0.3">
      <c r="A122335" s="13" t="s">
        <v>571</v>
      </c>
      <c r="B122335" s="14" t="s">
        <v>1</v>
      </c>
      <c r="C122335" s="14" t="s">
        <v>200</v>
      </c>
      <c r="D122335" s="14" t="s">
        <v>14</v>
      </c>
      <c r="E122335" s="15">
        <v>45436</v>
      </c>
      <c r="F122335" s="14" t="s">
        <v>15</v>
      </c>
      <c r="G122335" s="16">
        <v>0.40415134217052301</v>
      </c>
    </row>
    <row r="122336" spans="1:7" x14ac:dyDescent="0.3">
      <c r="A122336" s="13" t="s">
        <v>571</v>
      </c>
      <c r="B122336" s="14" t="s">
        <v>1</v>
      </c>
      <c r="C122336" s="14" t="s">
        <v>200</v>
      </c>
      <c r="D122336" s="14" t="s">
        <v>14</v>
      </c>
      <c r="E122336" s="15">
        <v>45437</v>
      </c>
      <c r="F122336" s="14" t="s">
        <v>15</v>
      </c>
      <c r="G122336" s="16">
        <v>0.40415134217052301</v>
      </c>
    </row>
    <row r="122337" spans="1:7" x14ac:dyDescent="0.3">
      <c r="A122337" s="13" t="s">
        <v>571</v>
      </c>
      <c r="B122337" s="14" t="s">
        <v>1</v>
      </c>
      <c r="C122337" s="14" t="s">
        <v>200</v>
      </c>
      <c r="D122337" s="14" t="s">
        <v>14</v>
      </c>
      <c r="E122337" s="15">
        <v>45438</v>
      </c>
      <c r="F122337" s="14" t="s">
        <v>15</v>
      </c>
      <c r="G122337" s="16">
        <v>0.40415134217052301</v>
      </c>
    </row>
    <row r="122338" spans="1:7" x14ac:dyDescent="0.3">
      <c r="A122338" s="13" t="s">
        <v>571</v>
      </c>
      <c r="B122338" s="14" t="s">
        <v>1</v>
      </c>
      <c r="C122338" s="14" t="s">
        <v>200</v>
      </c>
      <c r="D122338" s="14" t="s">
        <v>14</v>
      </c>
      <c r="E122338" s="15">
        <v>45439</v>
      </c>
      <c r="F122338" s="14" t="s">
        <v>15</v>
      </c>
      <c r="G122338" s="16">
        <v>0.40415134217052301</v>
      </c>
    </row>
    <row r="122339" spans="1:7" x14ac:dyDescent="0.3">
      <c r="A122339" s="13" t="s">
        <v>571</v>
      </c>
      <c r="B122339" s="14" t="s">
        <v>1</v>
      </c>
      <c r="C122339" s="14" t="s">
        <v>200</v>
      </c>
      <c r="D122339" s="14" t="s">
        <v>14</v>
      </c>
      <c r="E122339" s="15">
        <v>45440</v>
      </c>
      <c r="F122339" s="14" t="s">
        <v>15</v>
      </c>
      <c r="G122339" s="16">
        <v>0.41097705173941756</v>
      </c>
    </row>
    <row r="122340" spans="1:7" x14ac:dyDescent="0.3">
      <c r="A122340" s="13" t="s">
        <v>571</v>
      </c>
      <c r="B122340" s="14" t="s">
        <v>1</v>
      </c>
      <c r="C122340" s="14" t="s">
        <v>200</v>
      </c>
      <c r="D122340" s="14" t="s">
        <v>14</v>
      </c>
      <c r="E122340" s="15">
        <v>45441</v>
      </c>
      <c r="F122340" s="14" t="s">
        <v>15</v>
      </c>
      <c r="G122340" s="16">
        <v>0.42389585964004134</v>
      </c>
    </row>
    <row r="122341" spans="1:7" x14ac:dyDescent="0.3">
      <c r="A122341" s="13" t="s">
        <v>571</v>
      </c>
      <c r="B122341" s="14" t="s">
        <v>1</v>
      </c>
      <c r="C122341" s="14" t="s">
        <v>200</v>
      </c>
      <c r="D122341" s="14" t="s">
        <v>14</v>
      </c>
      <c r="E122341" s="15">
        <v>45442</v>
      </c>
      <c r="F122341" s="14" t="s">
        <v>15</v>
      </c>
      <c r="G122341" s="16">
        <v>0.42617242339565387</v>
      </c>
    </row>
    <row r="122342" spans="1:7" x14ac:dyDescent="0.3">
      <c r="A122342" s="13" t="s">
        <v>571</v>
      </c>
      <c r="B122342" s="14" t="s">
        <v>1</v>
      </c>
      <c r="C122342" s="14" t="s">
        <v>200</v>
      </c>
      <c r="D122342" s="14" t="s">
        <v>14</v>
      </c>
      <c r="E122342" s="15">
        <v>45443</v>
      </c>
      <c r="F122342" s="14" t="s">
        <v>15</v>
      </c>
      <c r="G122342" s="16">
        <v>0.43207055837359554</v>
      </c>
    </row>
    <row r="122343" spans="1:7" x14ac:dyDescent="0.3">
      <c r="A122343" s="13" t="s">
        <v>571</v>
      </c>
      <c r="B122343" s="14" t="s">
        <v>1</v>
      </c>
      <c r="C122343" s="14" t="s">
        <v>200</v>
      </c>
      <c r="D122343" s="14" t="s">
        <v>14</v>
      </c>
      <c r="E122343" s="15">
        <v>45444</v>
      </c>
      <c r="F122343" s="14" t="s">
        <v>15</v>
      </c>
      <c r="G122343" s="16">
        <v>0.43207055837359554</v>
      </c>
    </row>
    <row r="122344" spans="1:7" x14ac:dyDescent="0.3">
      <c r="A122344" s="13" t="s">
        <v>571</v>
      </c>
      <c r="B122344" s="14" t="s">
        <v>1</v>
      </c>
      <c r="C122344" s="14" t="s">
        <v>200</v>
      </c>
      <c r="D122344" s="14" t="s">
        <v>14</v>
      </c>
      <c r="E122344" s="15">
        <v>45445</v>
      </c>
      <c r="F122344" s="14" t="s">
        <v>15</v>
      </c>
      <c r="G122344" s="16">
        <v>0.43207055837359554</v>
      </c>
    </row>
    <row r="122345" spans="1:7" x14ac:dyDescent="0.3">
      <c r="A122345" s="13" t="s">
        <v>571</v>
      </c>
      <c r="B122345" s="14" t="s">
        <v>1</v>
      </c>
      <c r="C122345" s="14" t="s">
        <v>200</v>
      </c>
      <c r="D122345" s="14" t="s">
        <v>14</v>
      </c>
      <c r="E122345" s="15">
        <v>45446</v>
      </c>
      <c r="F122345" s="14" t="s">
        <v>15</v>
      </c>
      <c r="G122345" s="16">
        <v>0.43207055837359554</v>
      </c>
    </row>
    <row r="122346" spans="1:7" x14ac:dyDescent="0.3">
      <c r="A122346" s="13" t="s">
        <v>571</v>
      </c>
      <c r="B122346" s="14" t="s">
        <v>1</v>
      </c>
      <c r="C122346" s="14" t="s">
        <v>200</v>
      </c>
      <c r="D122346" s="14" t="s">
        <v>14</v>
      </c>
      <c r="E122346" s="15">
        <v>45447</v>
      </c>
      <c r="F122346" s="14" t="s">
        <v>15</v>
      </c>
      <c r="G122346" s="16">
        <v>0.44005593669449522</v>
      </c>
    </row>
    <row r="122347" spans="1:7" x14ac:dyDescent="0.3">
      <c r="A122347" s="13" t="s">
        <v>571</v>
      </c>
      <c r="B122347" s="14" t="s">
        <v>1</v>
      </c>
      <c r="C122347" s="14" t="s">
        <v>200</v>
      </c>
      <c r="D122347" s="14" t="s">
        <v>14</v>
      </c>
      <c r="E122347" s="15">
        <v>45448</v>
      </c>
      <c r="F122347" s="14" t="s">
        <v>15</v>
      </c>
      <c r="G122347" s="16">
        <v>0.46573821908982538</v>
      </c>
    </row>
    <row r="122348" spans="1:7" x14ac:dyDescent="0.3">
      <c r="A122348" s="13" t="s">
        <v>571</v>
      </c>
      <c r="B122348" s="14" t="s">
        <v>1</v>
      </c>
      <c r="C122348" s="14" t="s">
        <v>200</v>
      </c>
      <c r="D122348" s="14" t="s">
        <v>14</v>
      </c>
      <c r="E122348" s="15">
        <v>45449</v>
      </c>
      <c r="F122348" s="14" t="s">
        <v>15</v>
      </c>
      <c r="G122348" s="16">
        <v>0.47213302554675329</v>
      </c>
    </row>
    <row r="122349" spans="1:7" x14ac:dyDescent="0.3">
      <c r="A122349" s="13" t="s">
        <v>571</v>
      </c>
      <c r="B122349" s="14" t="s">
        <v>1</v>
      </c>
      <c r="C122349" s="14" t="s">
        <v>200</v>
      </c>
      <c r="D122349" s="14" t="s">
        <v>14</v>
      </c>
      <c r="E122349" s="15">
        <v>45450</v>
      </c>
      <c r="F122349" s="14" t="s">
        <v>15</v>
      </c>
      <c r="G122349" s="16">
        <v>0.47851403295953143</v>
      </c>
    </row>
    <row r="122350" spans="1:7" x14ac:dyDescent="0.3">
      <c r="A122350" s="13" t="s">
        <v>571</v>
      </c>
      <c r="B122350" s="14" t="s">
        <v>1</v>
      </c>
      <c r="C122350" s="14" t="s">
        <v>200</v>
      </c>
      <c r="D122350" s="14" t="s">
        <v>14</v>
      </c>
      <c r="E122350" s="15">
        <v>45451</v>
      </c>
      <c r="F122350" s="14" t="s">
        <v>15</v>
      </c>
      <c r="G122350" s="16">
        <v>0.47851403295953143</v>
      </c>
    </row>
    <row r="122351" spans="1:7" x14ac:dyDescent="0.3">
      <c r="A122351" s="13" t="s">
        <v>571</v>
      </c>
      <c r="B122351" s="14" t="s">
        <v>1</v>
      </c>
      <c r="C122351" s="14" t="s">
        <v>200</v>
      </c>
      <c r="D122351" s="14" t="s">
        <v>14</v>
      </c>
      <c r="E122351" s="15">
        <v>45452</v>
      </c>
      <c r="F122351" s="14" t="s">
        <v>15</v>
      </c>
      <c r="G122351" s="16">
        <v>0.47851403295953143</v>
      </c>
    </row>
    <row r="122352" spans="1:7" x14ac:dyDescent="0.3">
      <c r="A122352" s="13" t="s">
        <v>571</v>
      </c>
      <c r="B122352" s="14" t="s">
        <v>1</v>
      </c>
      <c r="C122352" s="14" t="s">
        <v>200</v>
      </c>
      <c r="D122352" s="14" t="s">
        <v>14</v>
      </c>
      <c r="E122352" s="15">
        <v>45453</v>
      </c>
      <c r="F122352" s="14" t="s">
        <v>15</v>
      </c>
      <c r="G122352" s="16">
        <v>0.48522256498178828</v>
      </c>
    </row>
    <row r="122353" spans="1:7" x14ac:dyDescent="0.3">
      <c r="A122353" s="13" t="s">
        <v>571</v>
      </c>
      <c r="B122353" s="14" t="s">
        <v>1</v>
      </c>
      <c r="C122353" s="14" t="s">
        <v>200</v>
      </c>
      <c r="D122353" s="14" t="s">
        <v>14</v>
      </c>
      <c r="E122353" s="15">
        <v>45454</v>
      </c>
      <c r="F122353" s="14" t="s">
        <v>15</v>
      </c>
      <c r="G122353" s="16">
        <v>0.50408342872841927</v>
      </c>
    </row>
    <row r="122354" spans="1:7" x14ac:dyDescent="0.3">
      <c r="A122354" s="13" t="s">
        <v>571</v>
      </c>
      <c r="B122354" s="14" t="s">
        <v>1</v>
      </c>
      <c r="C122354" s="14" t="s">
        <v>200</v>
      </c>
      <c r="D122354" s="14" t="s">
        <v>14</v>
      </c>
      <c r="E122354" s="15">
        <v>45455</v>
      </c>
      <c r="F122354" s="14" t="s">
        <v>15</v>
      </c>
      <c r="G122354" s="16">
        <v>0.51279036446015136</v>
      </c>
    </row>
    <row r="122355" spans="1:7" x14ac:dyDescent="0.3">
      <c r="A122355" s="13" t="s">
        <v>571</v>
      </c>
      <c r="B122355" s="14" t="s">
        <v>1</v>
      </c>
      <c r="C122355" s="14" t="s">
        <v>200</v>
      </c>
      <c r="D122355" s="14" t="s">
        <v>14</v>
      </c>
      <c r="E122355" s="15">
        <v>45456</v>
      </c>
      <c r="F122355" s="14" t="s">
        <v>15</v>
      </c>
      <c r="G122355" s="16">
        <v>0.51725344781075011</v>
      </c>
    </row>
    <row r="122356" spans="1:7" x14ac:dyDescent="0.3">
      <c r="A122356" s="13" t="s">
        <v>571</v>
      </c>
      <c r="B122356" s="14" t="s">
        <v>1</v>
      </c>
      <c r="C122356" s="14" t="s">
        <v>200</v>
      </c>
      <c r="D122356" s="14" t="s">
        <v>14</v>
      </c>
      <c r="E122356" s="15">
        <v>45457</v>
      </c>
      <c r="F122356" s="14" t="s">
        <v>15</v>
      </c>
      <c r="G122356" s="16">
        <v>0.52358561633485046</v>
      </c>
    </row>
    <row r="122357" spans="1:7" x14ac:dyDescent="0.3">
      <c r="A122357" s="13" t="s">
        <v>571</v>
      </c>
      <c r="B122357" s="14" t="s">
        <v>1</v>
      </c>
      <c r="C122357" s="14" t="s">
        <v>200</v>
      </c>
      <c r="D122357" s="14" t="s">
        <v>14</v>
      </c>
      <c r="E122357" s="15">
        <v>45458</v>
      </c>
      <c r="F122357" s="14" t="s">
        <v>15</v>
      </c>
      <c r="G122357" s="16">
        <v>0.52358561633485046</v>
      </c>
    </row>
    <row r="122358" spans="1:7" x14ac:dyDescent="0.3">
      <c r="A122358" s="13" t="s">
        <v>571</v>
      </c>
      <c r="B122358" s="14" t="s">
        <v>1</v>
      </c>
      <c r="C122358" s="14" t="s">
        <v>200</v>
      </c>
      <c r="D122358" s="14" t="s">
        <v>14</v>
      </c>
      <c r="E122358" s="15">
        <v>45459</v>
      </c>
      <c r="F122358" s="14" t="s">
        <v>15</v>
      </c>
      <c r="G122358" s="16">
        <v>0.52358561633485046</v>
      </c>
    </row>
    <row r="122359" spans="1:7" x14ac:dyDescent="0.3">
      <c r="A122359" s="13" t="s">
        <v>571</v>
      </c>
      <c r="B122359" s="14" t="s">
        <v>1</v>
      </c>
      <c r="C122359" s="14" t="s">
        <v>200</v>
      </c>
      <c r="D122359" s="14" t="s">
        <v>14</v>
      </c>
      <c r="E122359" s="15">
        <v>45460</v>
      </c>
      <c r="F122359" s="14" t="s">
        <v>15</v>
      </c>
      <c r="G122359" s="16">
        <v>0.53951263112097048</v>
      </c>
    </row>
    <row r="122360" spans="1:7" x14ac:dyDescent="0.3">
      <c r="A122360" s="13" t="s">
        <v>571</v>
      </c>
      <c r="B122360" s="14" t="s">
        <v>1</v>
      </c>
      <c r="C122360" s="14" t="s">
        <v>200</v>
      </c>
      <c r="D122360" s="14" t="s">
        <v>14</v>
      </c>
      <c r="E122360" s="15">
        <v>45461</v>
      </c>
      <c r="F122360" s="14" t="s">
        <v>15</v>
      </c>
      <c r="G122360" s="16">
        <v>0.55720145655662867</v>
      </c>
    </row>
    <row r="122361" spans="1:7" x14ac:dyDescent="0.3">
      <c r="A122361" s="13" t="s">
        <v>571</v>
      </c>
      <c r="B122361" s="14" t="s">
        <v>1</v>
      </c>
      <c r="C122361" s="14" t="s">
        <v>200</v>
      </c>
      <c r="D122361" s="14" t="s">
        <v>14</v>
      </c>
      <c r="E122361" s="15">
        <v>45462</v>
      </c>
      <c r="F122361" s="14" t="s">
        <v>15</v>
      </c>
      <c r="G122361" s="16">
        <v>0.55720145655662867</v>
      </c>
    </row>
    <row r="122362" spans="1:7" x14ac:dyDescent="0.3">
      <c r="A122362" s="13" t="s">
        <v>571</v>
      </c>
      <c r="B122362" s="14" t="s">
        <v>1</v>
      </c>
      <c r="C122362" s="14" t="s">
        <v>200</v>
      </c>
      <c r="D122362" s="14" t="s">
        <v>14</v>
      </c>
      <c r="E122362" s="15">
        <v>45463</v>
      </c>
      <c r="F122362" s="14" t="s">
        <v>15</v>
      </c>
      <c r="G122362" s="16">
        <v>0.56318956746224236</v>
      </c>
    </row>
    <row r="122363" spans="1:7" x14ac:dyDescent="0.3">
      <c r="A122363" s="13" t="s">
        <v>571</v>
      </c>
      <c r="B122363" s="14" t="s">
        <v>1</v>
      </c>
      <c r="C122363" s="14" t="s">
        <v>200</v>
      </c>
      <c r="D122363" s="14" t="s">
        <v>14</v>
      </c>
      <c r="E122363" s="15">
        <v>45464</v>
      </c>
      <c r="F122363" s="14" t="s">
        <v>15</v>
      </c>
      <c r="G122363" s="16">
        <v>0.57507920244523825</v>
      </c>
    </row>
    <row r="122364" spans="1:7" x14ac:dyDescent="0.3">
      <c r="A122364" s="13" t="s">
        <v>571</v>
      </c>
      <c r="B122364" s="14" t="s">
        <v>1</v>
      </c>
      <c r="C122364" s="14" t="s">
        <v>200</v>
      </c>
      <c r="D122364" s="14" t="s">
        <v>14</v>
      </c>
      <c r="E122364" s="15">
        <v>45465</v>
      </c>
      <c r="F122364" s="14" t="s">
        <v>15</v>
      </c>
      <c r="G122364" s="16">
        <v>0.57507920244523825</v>
      </c>
    </row>
    <row r="122365" spans="1:7" x14ac:dyDescent="0.3">
      <c r="A122365" s="13" t="s">
        <v>571</v>
      </c>
      <c r="B122365" s="14" t="s">
        <v>1</v>
      </c>
      <c r="C122365" s="14" t="s">
        <v>200</v>
      </c>
      <c r="D122365" s="14" t="s">
        <v>14</v>
      </c>
      <c r="E122365" s="15">
        <v>45466</v>
      </c>
      <c r="F122365" s="14" t="s">
        <v>15</v>
      </c>
      <c r="G122365" s="16">
        <v>0.57507920244523825</v>
      </c>
    </row>
    <row r="122366" spans="1:7" x14ac:dyDescent="0.3">
      <c r="A122366" s="13" t="s">
        <v>571</v>
      </c>
      <c r="B122366" s="14" t="s">
        <v>1</v>
      </c>
      <c r="C122366" s="14" t="s">
        <v>200</v>
      </c>
      <c r="D122366" s="14" t="s">
        <v>14</v>
      </c>
      <c r="E122366" s="15">
        <v>45467</v>
      </c>
      <c r="F122366" s="14" t="s">
        <v>15</v>
      </c>
      <c r="G122366" s="16">
        <v>0.58197412306780116</v>
      </c>
    </row>
    <row r="122367" spans="1:7" x14ac:dyDescent="0.3">
      <c r="A122367" s="13" t="s">
        <v>571</v>
      </c>
      <c r="B122367" s="14" t="s">
        <v>1</v>
      </c>
      <c r="C122367" s="14" t="s">
        <v>200</v>
      </c>
      <c r="D122367" s="14" t="s">
        <v>14</v>
      </c>
      <c r="E122367" s="15">
        <v>45468</v>
      </c>
      <c r="F122367" s="14" t="s">
        <v>15</v>
      </c>
      <c r="G122367" s="16">
        <v>0.60138323618013223</v>
      </c>
    </row>
    <row r="122368" spans="1:7" x14ac:dyDescent="0.3">
      <c r="A122368" s="13" t="s">
        <v>571</v>
      </c>
      <c r="B122368" s="14" t="s">
        <v>1</v>
      </c>
      <c r="C122368" s="14" t="s">
        <v>200</v>
      </c>
      <c r="D122368" s="14" t="s">
        <v>14</v>
      </c>
      <c r="E122368" s="15">
        <v>45469</v>
      </c>
      <c r="F122368" s="14" t="s">
        <v>15</v>
      </c>
      <c r="G122368" s="16">
        <v>0.60793263333086311</v>
      </c>
    </row>
    <row r="122369" spans="1:7" x14ac:dyDescent="0.3">
      <c r="A122369" s="13" t="s">
        <v>571</v>
      </c>
      <c r="B122369" s="14" t="s">
        <v>1</v>
      </c>
      <c r="C122369" s="14" t="s">
        <v>200</v>
      </c>
      <c r="D122369" s="14" t="s">
        <v>14</v>
      </c>
      <c r="E122369" s="15">
        <v>45470</v>
      </c>
      <c r="F122369" s="14" t="s">
        <v>15</v>
      </c>
      <c r="G122369" s="16">
        <v>0.61564232545905584</v>
      </c>
    </row>
    <row r="122370" spans="1:7" x14ac:dyDescent="0.3">
      <c r="A122370" s="13" t="s">
        <v>571</v>
      </c>
      <c r="B122370" s="14" t="s">
        <v>1</v>
      </c>
      <c r="C122370" s="14" t="s">
        <v>200</v>
      </c>
      <c r="D122370" s="14" t="s">
        <v>14</v>
      </c>
      <c r="E122370" s="15">
        <v>45471</v>
      </c>
      <c r="F122370" s="14" t="s">
        <v>15</v>
      </c>
      <c r="G122370" s="16">
        <v>0.61999737756726847</v>
      </c>
    </row>
    <row r="122371" spans="1:7" x14ac:dyDescent="0.3">
      <c r="A122371" s="13" t="s">
        <v>571</v>
      </c>
      <c r="B122371" s="14" t="s">
        <v>1</v>
      </c>
      <c r="C122371" s="14" t="s">
        <v>200</v>
      </c>
      <c r="D122371" s="14" t="s">
        <v>14</v>
      </c>
      <c r="E122371" s="15">
        <v>45472</v>
      </c>
      <c r="F122371" s="14" t="s">
        <v>15</v>
      </c>
      <c r="G122371" s="16">
        <v>0.61999737756726847</v>
      </c>
    </row>
    <row r="122372" spans="1:7" x14ac:dyDescent="0.3">
      <c r="A122372" s="13" t="s">
        <v>571</v>
      </c>
      <c r="B122372" s="14" t="s">
        <v>1</v>
      </c>
      <c r="C122372" s="14" t="s">
        <v>200</v>
      </c>
      <c r="D122372" s="14" t="s">
        <v>14</v>
      </c>
      <c r="E122372" s="15">
        <v>45473</v>
      </c>
      <c r="F122372" s="14" t="s">
        <v>15</v>
      </c>
      <c r="G122372" s="16">
        <v>0.61999737756726847</v>
      </c>
    </row>
    <row r="122373" spans="1:7" x14ac:dyDescent="0.3">
      <c r="A122373" s="13" t="s">
        <v>571</v>
      </c>
      <c r="B122373" s="14" t="s">
        <v>1</v>
      </c>
      <c r="C122373" s="14" t="s">
        <v>200</v>
      </c>
      <c r="D122373" s="14" t="s">
        <v>14</v>
      </c>
      <c r="E122373" s="15">
        <v>45474</v>
      </c>
      <c r="F122373" s="14" t="s">
        <v>15</v>
      </c>
      <c r="G122373" s="16">
        <v>0.62640633005808</v>
      </c>
    </row>
    <row r="122374" spans="1:7" x14ac:dyDescent="0.3">
      <c r="A122374" s="13" t="s">
        <v>571</v>
      </c>
      <c r="B122374" s="14" t="s">
        <v>1</v>
      </c>
      <c r="C122374" s="14" t="s">
        <v>200</v>
      </c>
      <c r="D122374" s="14" t="s">
        <v>14</v>
      </c>
      <c r="E122374" s="15">
        <v>45475</v>
      </c>
      <c r="F122374" s="14" t="s">
        <v>15</v>
      </c>
      <c r="G122374" s="16">
        <v>0.64785557941724903</v>
      </c>
    </row>
    <row r="122375" spans="1:7" x14ac:dyDescent="0.3">
      <c r="A122375" s="13" t="s">
        <v>571</v>
      </c>
      <c r="B122375" s="14" t="s">
        <v>1</v>
      </c>
      <c r="C122375" s="14" t="s">
        <v>200</v>
      </c>
      <c r="D122375" s="14" t="s">
        <v>14</v>
      </c>
      <c r="E122375" s="15">
        <v>45476</v>
      </c>
      <c r="F122375" s="14" t="s">
        <v>15</v>
      </c>
      <c r="G122375" s="16">
        <v>0.65363288956712251</v>
      </c>
    </row>
    <row r="122376" spans="1:7" x14ac:dyDescent="0.3">
      <c r="A122376" s="13" t="s">
        <v>571</v>
      </c>
      <c r="B122376" s="14" t="s">
        <v>1</v>
      </c>
      <c r="C122376" s="14" t="s">
        <v>200</v>
      </c>
      <c r="D122376" s="14" t="s">
        <v>14</v>
      </c>
      <c r="E122376" s="15">
        <v>45477</v>
      </c>
      <c r="F122376" s="14" t="s">
        <v>15</v>
      </c>
      <c r="G122376" s="16">
        <v>0.65363288956712251</v>
      </c>
    </row>
    <row r="122377" spans="1:7" x14ac:dyDescent="0.3">
      <c r="A122377" s="13" t="s">
        <v>571</v>
      </c>
      <c r="B122377" s="14" t="s">
        <v>1</v>
      </c>
      <c r="C122377" s="14" t="s">
        <v>200</v>
      </c>
      <c r="D122377" s="14" t="s">
        <v>14</v>
      </c>
      <c r="E122377" s="15">
        <v>45478</v>
      </c>
      <c r="F122377" s="14" t="s">
        <v>15</v>
      </c>
      <c r="G122377" s="16">
        <v>0.66006832285714045</v>
      </c>
    </row>
    <row r="122378" spans="1:7" x14ac:dyDescent="0.3">
      <c r="A122378" s="13" t="s">
        <v>571</v>
      </c>
      <c r="B122378" s="14" t="s">
        <v>1</v>
      </c>
      <c r="C122378" s="14" t="s">
        <v>200</v>
      </c>
      <c r="D122378" s="14" t="s">
        <v>14</v>
      </c>
      <c r="E122378" s="15">
        <v>45479</v>
      </c>
      <c r="F122378" s="14" t="s">
        <v>15</v>
      </c>
      <c r="G122378" s="16">
        <v>0.66006832285714045</v>
      </c>
    </row>
    <row r="122379" spans="1:7" x14ac:dyDescent="0.3">
      <c r="A122379" s="13" t="s">
        <v>571</v>
      </c>
      <c r="B122379" s="14" t="s">
        <v>1</v>
      </c>
      <c r="C122379" s="14" t="s">
        <v>200</v>
      </c>
      <c r="D122379" s="14" t="s">
        <v>14</v>
      </c>
      <c r="E122379" s="15">
        <v>45480</v>
      </c>
      <c r="F122379" s="14" t="s">
        <v>15</v>
      </c>
      <c r="G122379" s="16">
        <v>0.66006832285714045</v>
      </c>
    </row>
    <row r="122380" spans="1:7" x14ac:dyDescent="0.3">
      <c r="A122380" s="13" t="s">
        <v>571</v>
      </c>
      <c r="B122380" s="14" t="s">
        <v>1</v>
      </c>
      <c r="C122380" s="14" t="s">
        <v>200</v>
      </c>
      <c r="D122380" s="14" t="s">
        <v>14</v>
      </c>
      <c r="E122380" s="15">
        <v>45481</v>
      </c>
      <c r="F122380" s="14" t="s">
        <v>15</v>
      </c>
      <c r="G122380" s="16">
        <v>0.67100301220497327</v>
      </c>
    </row>
    <row r="122381" spans="1:7" x14ac:dyDescent="0.3">
      <c r="A122381" s="13" t="s">
        <v>571</v>
      </c>
      <c r="B122381" s="14" t="s">
        <v>1</v>
      </c>
      <c r="C122381" s="14" t="s">
        <v>200</v>
      </c>
      <c r="D122381" s="14" t="s">
        <v>14</v>
      </c>
      <c r="E122381" s="15">
        <v>45482</v>
      </c>
      <c r="F122381" s="14" t="s">
        <v>15</v>
      </c>
      <c r="G122381" s="16">
        <v>0.69122155272827834</v>
      </c>
    </row>
    <row r="122382" spans="1:7" x14ac:dyDescent="0.3">
      <c r="A122382" s="13" t="s">
        <v>571</v>
      </c>
      <c r="B122382" s="14" t="s">
        <v>1</v>
      </c>
      <c r="C122382" s="14" t="s">
        <v>200</v>
      </c>
      <c r="D122382" s="14" t="s">
        <v>14</v>
      </c>
      <c r="E122382" s="15">
        <v>45483</v>
      </c>
      <c r="F122382" s="14" t="s">
        <v>15</v>
      </c>
      <c r="G122382" s="16">
        <v>0.69807894066341514</v>
      </c>
    </row>
    <row r="122383" spans="1:7" x14ac:dyDescent="0.3">
      <c r="A122383" s="13" t="s">
        <v>571</v>
      </c>
      <c r="B122383" s="14" t="s">
        <v>1</v>
      </c>
      <c r="C122383" s="14" t="s">
        <v>200</v>
      </c>
      <c r="D122383" s="14" t="s">
        <v>14</v>
      </c>
      <c r="E122383" s="15">
        <v>45484</v>
      </c>
      <c r="F122383" s="14" t="s">
        <v>15</v>
      </c>
      <c r="G122383" s="16">
        <v>0.70315758499786918</v>
      </c>
    </row>
    <row r="122384" spans="1:7" x14ac:dyDescent="0.3">
      <c r="A122384" s="13" t="s">
        <v>571</v>
      </c>
      <c r="B122384" s="14" t="s">
        <v>1</v>
      </c>
      <c r="C122384" s="14" t="s">
        <v>200</v>
      </c>
      <c r="D122384" s="14" t="s">
        <v>14</v>
      </c>
      <c r="E122384" s="15">
        <v>45485</v>
      </c>
      <c r="F122384" s="14" t="s">
        <v>15</v>
      </c>
      <c r="G122384" s="16">
        <v>0.70957644193186808</v>
      </c>
    </row>
    <row r="122385" spans="1:7" x14ac:dyDescent="0.3">
      <c r="A122385" s="13" t="s">
        <v>571</v>
      </c>
      <c r="B122385" s="14" t="s">
        <v>1</v>
      </c>
      <c r="C122385" s="14" t="s">
        <v>200</v>
      </c>
      <c r="D122385" s="14" t="s">
        <v>14</v>
      </c>
      <c r="E122385" s="15">
        <v>45486</v>
      </c>
      <c r="F122385" s="14" t="s">
        <v>15</v>
      </c>
      <c r="G122385" s="16">
        <v>0.70957644193186808</v>
      </c>
    </row>
    <row r="122386" spans="1:7" x14ac:dyDescent="0.3">
      <c r="A122386" s="13" t="s">
        <v>571</v>
      </c>
      <c r="B122386" s="14" t="s">
        <v>1</v>
      </c>
      <c r="C122386" s="14" t="s">
        <v>200</v>
      </c>
      <c r="D122386" s="14" t="s">
        <v>14</v>
      </c>
      <c r="E122386" s="15">
        <v>45487</v>
      </c>
      <c r="F122386" s="14" t="s">
        <v>15</v>
      </c>
      <c r="G122386" s="16">
        <v>0.70957644193186808</v>
      </c>
    </row>
    <row r="122387" spans="1:7" x14ac:dyDescent="0.3">
      <c r="A122387" s="13" t="s">
        <v>571</v>
      </c>
      <c r="B122387" s="14" t="s">
        <v>1</v>
      </c>
      <c r="C122387" s="14" t="s">
        <v>200</v>
      </c>
      <c r="D122387" s="14" t="s">
        <v>14</v>
      </c>
      <c r="E122387" s="15">
        <v>45488</v>
      </c>
      <c r="F122387" s="14" t="s">
        <v>15</v>
      </c>
      <c r="G122387" s="16">
        <v>0.71056876658486601</v>
      </c>
    </row>
    <row r="122388" spans="1:7" x14ac:dyDescent="0.3">
      <c r="A122388" s="13" t="s">
        <v>571</v>
      </c>
      <c r="B122388" s="14" t="s">
        <v>1</v>
      </c>
      <c r="C122388" s="14" t="s">
        <v>200</v>
      </c>
      <c r="D122388" s="14" t="s">
        <v>14</v>
      </c>
      <c r="E122388" s="15">
        <v>45489</v>
      </c>
      <c r="F122388" s="14" t="s">
        <v>15</v>
      </c>
      <c r="G122388" s="16">
        <v>0.73099469560839803</v>
      </c>
    </row>
    <row r="122389" spans="1:7" x14ac:dyDescent="0.3">
      <c r="A122389" s="13" t="s">
        <v>571</v>
      </c>
      <c r="B122389" s="14" t="s">
        <v>1</v>
      </c>
      <c r="C122389" s="14" t="s">
        <v>200</v>
      </c>
      <c r="D122389" s="14" t="s">
        <v>14</v>
      </c>
      <c r="E122389" s="15">
        <v>45490</v>
      </c>
      <c r="F122389" s="14" t="s">
        <v>15</v>
      </c>
      <c r="G122389" s="16">
        <v>0.72650554683223689</v>
      </c>
    </row>
    <row r="122390" spans="1:7" x14ac:dyDescent="0.3">
      <c r="A122390" s="13" t="s">
        <v>571</v>
      </c>
      <c r="B122390" s="14" t="s">
        <v>1</v>
      </c>
      <c r="C122390" s="14" t="s">
        <v>200</v>
      </c>
      <c r="D122390" s="14" t="s">
        <v>14</v>
      </c>
      <c r="E122390" s="15">
        <v>45491</v>
      </c>
      <c r="F122390" s="14" t="s">
        <v>15</v>
      </c>
      <c r="G122390" s="16">
        <v>0.73329598385489236</v>
      </c>
    </row>
    <row r="122391" spans="1:7" x14ac:dyDescent="0.3">
      <c r="A122391" s="13" t="s">
        <v>571</v>
      </c>
      <c r="B122391" s="14" t="s">
        <v>1</v>
      </c>
      <c r="C122391" s="14" t="s">
        <v>200</v>
      </c>
      <c r="D122391" s="14" t="s">
        <v>14</v>
      </c>
      <c r="E122391" s="15">
        <v>45492</v>
      </c>
      <c r="F122391" s="14" t="s">
        <v>15</v>
      </c>
      <c r="G122391" s="16">
        <v>0.74043341481428537</v>
      </c>
    </row>
    <row r="122392" spans="1:7" x14ac:dyDescent="0.3">
      <c r="A122392" s="13" t="s">
        <v>571</v>
      </c>
      <c r="B122392" s="14" t="s">
        <v>1</v>
      </c>
      <c r="C122392" s="14" t="s">
        <v>200</v>
      </c>
      <c r="D122392" s="14" t="s">
        <v>14</v>
      </c>
      <c r="E122392" s="15">
        <v>45493</v>
      </c>
      <c r="F122392" s="14" t="s">
        <v>15</v>
      </c>
      <c r="G122392" s="16">
        <v>0.74043341481428537</v>
      </c>
    </row>
    <row r="122393" spans="1:7" x14ac:dyDescent="0.3">
      <c r="A122393" s="13" t="s">
        <v>571</v>
      </c>
      <c r="B122393" s="14" t="s">
        <v>1</v>
      </c>
      <c r="C122393" s="14" t="s">
        <v>200</v>
      </c>
      <c r="D122393" s="14" t="s">
        <v>14</v>
      </c>
      <c r="E122393" s="15">
        <v>45494</v>
      </c>
      <c r="F122393" s="14" t="s">
        <v>15</v>
      </c>
      <c r="G122393" s="16">
        <v>0.74043341481428537</v>
      </c>
    </row>
    <row r="122394" spans="1:7" x14ac:dyDescent="0.3">
      <c r="A122394" s="13" t="s">
        <v>571</v>
      </c>
      <c r="B122394" s="14" t="s">
        <v>1</v>
      </c>
      <c r="C122394" s="14" t="s">
        <v>200</v>
      </c>
      <c r="D122394" s="14" t="s">
        <v>14</v>
      </c>
      <c r="E122394" s="15">
        <v>45495</v>
      </c>
      <c r="F122394" s="14" t="s">
        <v>15</v>
      </c>
      <c r="G122394" s="16">
        <v>0.74701903410007175</v>
      </c>
    </row>
    <row r="122395" spans="1:7" x14ac:dyDescent="0.3">
      <c r="A122395" s="13" t="s">
        <v>571</v>
      </c>
      <c r="B122395" s="14" t="s">
        <v>1</v>
      </c>
      <c r="C122395" s="14" t="s">
        <v>200</v>
      </c>
      <c r="D122395" s="14" t="s">
        <v>14</v>
      </c>
      <c r="E122395" s="15">
        <v>45496</v>
      </c>
      <c r="F122395" s="14" t="s">
        <v>15</v>
      </c>
      <c r="G122395" s="16">
        <v>0.76740898533121582</v>
      </c>
    </row>
    <row r="122396" spans="1:7" x14ac:dyDescent="0.3">
      <c r="A122396" s="13" t="s">
        <v>571</v>
      </c>
      <c r="B122396" s="14" t="s">
        <v>1</v>
      </c>
      <c r="C122396" s="14" t="s">
        <v>200</v>
      </c>
      <c r="D122396" s="14" t="s">
        <v>14</v>
      </c>
      <c r="E122396" s="15">
        <v>45497</v>
      </c>
      <c r="F122396" s="14" t="s">
        <v>15</v>
      </c>
      <c r="G122396" s="16">
        <v>0.77394903883425692</v>
      </c>
    </row>
    <row r="122397" spans="1:7" x14ac:dyDescent="0.3">
      <c r="A122397" s="13" t="s">
        <v>571</v>
      </c>
      <c r="B122397" s="14" t="s">
        <v>1</v>
      </c>
      <c r="C122397" s="14" t="s">
        <v>200</v>
      </c>
      <c r="D122397" s="14" t="s">
        <v>14</v>
      </c>
      <c r="E122397" s="15">
        <v>45498</v>
      </c>
      <c r="F122397" s="14" t="s">
        <v>15</v>
      </c>
      <c r="G122397" s="16">
        <v>0.78053584520456376</v>
      </c>
    </row>
    <row r="122398" spans="1:7" x14ac:dyDescent="0.3">
      <c r="A122398" s="13" t="s">
        <v>571</v>
      </c>
      <c r="B122398" s="14" t="s">
        <v>1</v>
      </c>
      <c r="C122398" s="14" t="s">
        <v>200</v>
      </c>
      <c r="D122398" s="14" t="s">
        <v>14</v>
      </c>
      <c r="E122398" s="15">
        <v>45499</v>
      </c>
      <c r="F122398" s="14" t="s">
        <v>15</v>
      </c>
      <c r="G122398" s="16">
        <v>0.78718565836864662</v>
      </c>
    </row>
    <row r="122399" spans="1:7" x14ac:dyDescent="0.3">
      <c r="A122399" s="13" t="s">
        <v>571</v>
      </c>
      <c r="B122399" s="14" t="s">
        <v>1</v>
      </c>
      <c r="C122399" s="14" t="s">
        <v>200</v>
      </c>
      <c r="D122399" s="14" t="s">
        <v>14</v>
      </c>
      <c r="E122399" s="15">
        <v>45500</v>
      </c>
      <c r="F122399" s="14" t="s">
        <v>15</v>
      </c>
      <c r="G122399" s="16">
        <v>0.78718565836864662</v>
      </c>
    </row>
    <row r="122400" spans="1:7" x14ac:dyDescent="0.3">
      <c r="A122400" s="13" t="s">
        <v>571</v>
      </c>
      <c r="B122400" s="14" t="s">
        <v>1</v>
      </c>
      <c r="C122400" s="14" t="s">
        <v>200</v>
      </c>
      <c r="D122400" s="14" t="s">
        <v>14</v>
      </c>
      <c r="E122400" s="15">
        <v>45501</v>
      </c>
      <c r="F122400" s="14" t="s">
        <v>15</v>
      </c>
      <c r="G122400" s="16">
        <v>0.78718565836864662</v>
      </c>
    </row>
    <row r="122401" spans="1:7" x14ac:dyDescent="0.3">
      <c r="A122401" s="13" t="s">
        <v>571</v>
      </c>
      <c r="B122401" s="14" t="s">
        <v>1</v>
      </c>
      <c r="C122401" s="14" t="s">
        <v>200</v>
      </c>
      <c r="D122401" s="14" t="s">
        <v>14</v>
      </c>
      <c r="E122401" s="15">
        <v>45502</v>
      </c>
      <c r="F122401" s="14" t="s">
        <v>15</v>
      </c>
      <c r="G122401" s="16">
        <v>0.79850911460380847</v>
      </c>
    </row>
    <row r="122402" spans="1:7" x14ac:dyDescent="0.3">
      <c r="A122402" s="13" t="s">
        <v>571</v>
      </c>
      <c r="B122402" s="14" t="s">
        <v>1</v>
      </c>
      <c r="C122402" s="14" t="s">
        <v>200</v>
      </c>
      <c r="D122402" s="14" t="s">
        <v>14</v>
      </c>
      <c r="E122402" s="15">
        <v>45503</v>
      </c>
      <c r="F122402" s="14" t="s">
        <v>15</v>
      </c>
      <c r="G122402" s="16">
        <v>0.81710857712138685</v>
      </c>
    </row>
    <row r="122403" spans="1:7" x14ac:dyDescent="0.3">
      <c r="A122403" s="13" t="s">
        <v>571</v>
      </c>
      <c r="B122403" s="14" t="s">
        <v>1</v>
      </c>
      <c r="C122403" s="14" t="s">
        <v>200</v>
      </c>
      <c r="D122403" s="14" t="s">
        <v>14</v>
      </c>
      <c r="E122403" s="15">
        <v>45504</v>
      </c>
      <c r="F122403" s="14" t="s">
        <v>15</v>
      </c>
      <c r="G122403" s="16">
        <v>0.82360123855780509</v>
      </c>
    </row>
    <row r="122404" spans="1:7" x14ac:dyDescent="0.3">
      <c r="A122404" s="13" t="s">
        <v>571</v>
      </c>
      <c r="B122404" s="14" t="s">
        <v>1</v>
      </c>
      <c r="C122404" s="14" t="s">
        <v>200</v>
      </c>
      <c r="D122404" s="14" t="s">
        <v>14</v>
      </c>
      <c r="E122404" s="15">
        <v>45505</v>
      </c>
      <c r="F122404" s="14" t="s">
        <v>15</v>
      </c>
      <c r="G122404" s="16">
        <v>0.8308686096150868</v>
      </c>
    </row>
    <row r="122405" spans="1:7" x14ac:dyDescent="0.3">
      <c r="A122405" s="13" t="s">
        <v>571</v>
      </c>
      <c r="B122405" s="14" t="s">
        <v>1</v>
      </c>
      <c r="C122405" s="14" t="s">
        <v>200</v>
      </c>
      <c r="D122405" s="14" t="s">
        <v>14</v>
      </c>
      <c r="E122405" s="15">
        <v>45506</v>
      </c>
      <c r="F122405" s="14" t="s">
        <v>15</v>
      </c>
      <c r="G122405" s="16">
        <v>0.84548814299247965</v>
      </c>
    </row>
    <row r="122406" spans="1:7" x14ac:dyDescent="0.3">
      <c r="A122406" s="13" t="s">
        <v>571</v>
      </c>
      <c r="B122406" s="14" t="s">
        <v>1</v>
      </c>
      <c r="C122406" s="14" t="s">
        <v>200</v>
      </c>
      <c r="D122406" s="14" t="s">
        <v>14</v>
      </c>
      <c r="E122406" s="15">
        <v>45507</v>
      </c>
      <c r="F122406" s="14" t="s">
        <v>15</v>
      </c>
      <c r="G122406" s="16">
        <v>0.84548814299247965</v>
      </c>
    </row>
    <row r="122407" spans="1:7" x14ac:dyDescent="0.3">
      <c r="A122407" s="13" t="s">
        <v>571</v>
      </c>
      <c r="B122407" s="14" t="s">
        <v>1</v>
      </c>
      <c r="C122407" s="14" t="s">
        <v>200</v>
      </c>
      <c r="D122407" s="14" t="s">
        <v>14</v>
      </c>
      <c r="E122407" s="15">
        <v>45508</v>
      </c>
      <c r="F122407" s="14" t="s">
        <v>15</v>
      </c>
      <c r="G122407" s="16">
        <v>0.84548814299247965</v>
      </c>
    </row>
    <row r="122408" spans="1:7" x14ac:dyDescent="0.3">
      <c r="A122408" s="13" t="s">
        <v>571</v>
      </c>
      <c r="B122408" s="14" t="s">
        <v>1</v>
      </c>
      <c r="C122408" s="14" t="s">
        <v>200</v>
      </c>
      <c r="D122408" s="14" t="s">
        <v>14</v>
      </c>
      <c r="E122408" s="15">
        <v>45509</v>
      </c>
      <c r="F122408" s="14" t="s">
        <v>15</v>
      </c>
      <c r="G122408" s="16">
        <v>0.84548814299247965</v>
      </c>
    </row>
    <row r="122409" spans="1:7" x14ac:dyDescent="0.3">
      <c r="A122409" s="13" t="s">
        <v>571</v>
      </c>
      <c r="B122409" s="14" t="s">
        <v>1</v>
      </c>
      <c r="C122409" s="14" t="s">
        <v>200</v>
      </c>
      <c r="D122409" s="14" t="s">
        <v>14</v>
      </c>
      <c r="E122409" s="15">
        <v>45510</v>
      </c>
      <c r="F122409" s="14" t="s">
        <v>15</v>
      </c>
      <c r="G122409" s="16">
        <v>0.85955276001367409</v>
      </c>
    </row>
    <row r="122410" spans="1:7" x14ac:dyDescent="0.3">
      <c r="A122410" s="13" t="s">
        <v>571</v>
      </c>
      <c r="B122410" s="14" t="s">
        <v>1</v>
      </c>
      <c r="C122410" s="14" t="s">
        <v>200</v>
      </c>
      <c r="D122410" s="14" t="s">
        <v>14</v>
      </c>
      <c r="E122410" s="15">
        <v>45511</v>
      </c>
      <c r="F122410" s="14" t="s">
        <v>15</v>
      </c>
      <c r="G122410" s="16">
        <v>0.88569773761803949</v>
      </c>
    </row>
    <row r="122411" spans="1:7" x14ac:dyDescent="0.3">
      <c r="A122411" s="13" t="s">
        <v>571</v>
      </c>
      <c r="B122411" s="14" t="s">
        <v>1</v>
      </c>
      <c r="C122411" s="14" t="s">
        <v>200</v>
      </c>
      <c r="D122411" s="14" t="s">
        <v>14</v>
      </c>
      <c r="E122411" s="15">
        <v>45512</v>
      </c>
      <c r="F122411" s="14" t="s">
        <v>15</v>
      </c>
      <c r="G122411" s="16">
        <v>0.89166945404935383</v>
      </c>
    </row>
    <row r="122412" spans="1:7" x14ac:dyDescent="0.3">
      <c r="A122412" s="13" t="s">
        <v>571</v>
      </c>
      <c r="B122412" s="14" t="s">
        <v>1</v>
      </c>
      <c r="C122412" s="14" t="s">
        <v>200</v>
      </c>
      <c r="D122412" s="14" t="s">
        <v>14</v>
      </c>
      <c r="E122412" s="15">
        <v>45513</v>
      </c>
      <c r="F122412" s="14" t="s">
        <v>15</v>
      </c>
      <c r="G122412" s="16">
        <v>0.89733547751358944</v>
      </c>
    </row>
    <row r="122413" spans="1:7" x14ac:dyDescent="0.3">
      <c r="A122413" s="13" t="s">
        <v>571</v>
      </c>
      <c r="B122413" s="14" t="s">
        <v>1</v>
      </c>
      <c r="C122413" s="14" t="s">
        <v>200</v>
      </c>
      <c r="D122413" s="14" t="s">
        <v>14</v>
      </c>
      <c r="E122413" s="15">
        <v>45514</v>
      </c>
      <c r="F122413" s="14" t="s">
        <v>15</v>
      </c>
      <c r="G122413" s="16">
        <v>0.89733547751358944</v>
      </c>
    </row>
    <row r="122414" spans="1:7" x14ac:dyDescent="0.3">
      <c r="A122414" s="13" t="s">
        <v>571</v>
      </c>
      <c r="B122414" s="14" t="s">
        <v>1</v>
      </c>
      <c r="C122414" s="14" t="s">
        <v>200</v>
      </c>
      <c r="D122414" s="14" t="s">
        <v>14</v>
      </c>
      <c r="E122414" s="15">
        <v>45515</v>
      </c>
      <c r="F122414" s="14" t="s">
        <v>15</v>
      </c>
      <c r="G122414" s="16">
        <v>0.89733547751358944</v>
      </c>
    </row>
    <row r="122415" spans="1:7" x14ac:dyDescent="0.3">
      <c r="A122415" s="13" t="s">
        <v>571</v>
      </c>
      <c r="B122415" s="14" t="s">
        <v>1</v>
      </c>
      <c r="C122415" s="14" t="s">
        <v>200</v>
      </c>
      <c r="D122415" s="14" t="s">
        <v>14</v>
      </c>
      <c r="E122415" s="15">
        <v>45516</v>
      </c>
      <c r="F122415" s="14" t="s">
        <v>15</v>
      </c>
      <c r="G122415" s="16">
        <v>0.90189337823077131</v>
      </c>
    </row>
    <row r="122416" spans="1:7" x14ac:dyDescent="0.3">
      <c r="A122416" s="13" t="s">
        <v>571</v>
      </c>
      <c r="B122416" s="14" t="s">
        <v>1</v>
      </c>
      <c r="C122416" s="14" t="s">
        <v>200</v>
      </c>
      <c r="D122416" s="14" t="s">
        <v>14</v>
      </c>
      <c r="E122416" s="15">
        <v>45517</v>
      </c>
      <c r="F122416" s="14" t="s">
        <v>15</v>
      </c>
      <c r="G122416" s="16">
        <v>0.91912082191502509</v>
      </c>
    </row>
    <row r="122417" spans="1:7" x14ac:dyDescent="0.3">
      <c r="A122417" s="13" t="s">
        <v>571</v>
      </c>
      <c r="B122417" s="14" t="s">
        <v>1</v>
      </c>
      <c r="C122417" s="14" t="s">
        <v>200</v>
      </c>
      <c r="D122417" s="14" t="s">
        <v>14</v>
      </c>
      <c r="E122417" s="15">
        <v>45518</v>
      </c>
      <c r="F122417" s="14" t="s">
        <v>15</v>
      </c>
      <c r="G122417" s="16">
        <v>0.92609079935845406</v>
      </c>
    </row>
    <row r="122418" spans="1:7" x14ac:dyDescent="0.3">
      <c r="A122418" s="13" t="s">
        <v>571</v>
      </c>
      <c r="B122418" s="14" t="s">
        <v>1</v>
      </c>
      <c r="C122418" s="14" t="s">
        <v>200</v>
      </c>
      <c r="D122418" s="14" t="s">
        <v>14</v>
      </c>
      <c r="E122418" s="15">
        <v>45519</v>
      </c>
      <c r="F122418" s="14" t="s">
        <v>15</v>
      </c>
      <c r="G122418" s="16">
        <v>0.93214531015015822</v>
      </c>
    </row>
    <row r="122419" spans="1:7" x14ac:dyDescent="0.3">
      <c r="A122419" s="13" t="s">
        <v>571</v>
      </c>
      <c r="B122419" s="14" t="s">
        <v>1</v>
      </c>
      <c r="C122419" s="14" t="s">
        <v>200</v>
      </c>
      <c r="D122419" s="14" t="s">
        <v>14</v>
      </c>
      <c r="E122419" s="15">
        <v>45520</v>
      </c>
      <c r="F122419" s="14" t="s">
        <v>15</v>
      </c>
      <c r="G122419" s="16">
        <v>0.93815331452621831</v>
      </c>
    </row>
    <row r="122420" spans="1:7" x14ac:dyDescent="0.3">
      <c r="A122420" s="13" t="s">
        <v>571</v>
      </c>
      <c r="B122420" s="14" t="s">
        <v>1</v>
      </c>
      <c r="C122420" s="14" t="s">
        <v>200</v>
      </c>
      <c r="D122420" s="14" t="s">
        <v>14</v>
      </c>
      <c r="E122420" s="15">
        <v>45521</v>
      </c>
      <c r="F122420" s="14" t="s">
        <v>15</v>
      </c>
      <c r="G122420" s="16">
        <v>0.93815331452621831</v>
      </c>
    </row>
    <row r="122421" spans="1:7" x14ac:dyDescent="0.3">
      <c r="A122421" s="13" t="s">
        <v>571</v>
      </c>
      <c r="B122421" s="14" t="s">
        <v>1</v>
      </c>
      <c r="C122421" s="14" t="s">
        <v>200</v>
      </c>
      <c r="D122421" s="14" t="s">
        <v>14</v>
      </c>
      <c r="E122421" s="15">
        <v>45522</v>
      </c>
      <c r="F122421" s="14" t="s">
        <v>15</v>
      </c>
      <c r="G122421" s="16">
        <v>0.93815331452621831</v>
      </c>
    </row>
    <row r="122422" spans="1:7" x14ac:dyDescent="0.3">
      <c r="A122422" s="13" t="s">
        <v>571</v>
      </c>
      <c r="B122422" s="14" t="s">
        <v>1</v>
      </c>
      <c r="C122422" s="14" t="s">
        <v>200</v>
      </c>
      <c r="D122422" s="14" t="s">
        <v>14</v>
      </c>
      <c r="E122422" s="15">
        <v>45523</v>
      </c>
      <c r="F122422" s="14" t="s">
        <v>15</v>
      </c>
      <c r="G122422" s="16">
        <v>0.94406821268461349</v>
      </c>
    </row>
    <row r="122423" spans="1:7" x14ac:dyDescent="0.3">
      <c r="A122423" s="13" t="s">
        <v>571</v>
      </c>
      <c r="B122423" s="14" t="s">
        <v>1</v>
      </c>
      <c r="C122423" s="14" t="s">
        <v>200</v>
      </c>
      <c r="D122423" s="14" t="s">
        <v>14</v>
      </c>
      <c r="E122423" s="15">
        <v>45524</v>
      </c>
      <c r="F122423" s="14" t="s">
        <v>15</v>
      </c>
      <c r="G122423" s="16">
        <v>0.96124083856568843</v>
      </c>
    </row>
    <row r="122424" spans="1:7" x14ac:dyDescent="0.3">
      <c r="A122424" s="13" t="s">
        <v>571</v>
      </c>
      <c r="B122424" s="14" t="s">
        <v>1</v>
      </c>
      <c r="C122424" s="14" t="s">
        <v>200</v>
      </c>
      <c r="D122424" s="14" t="s">
        <v>14</v>
      </c>
      <c r="E122424" s="15">
        <v>45525</v>
      </c>
      <c r="F122424" s="14" t="s">
        <v>15</v>
      </c>
      <c r="G122424" s="16">
        <v>0.96601847742746971</v>
      </c>
    </row>
    <row r="122425" spans="1:7" x14ac:dyDescent="0.3">
      <c r="A122425" s="13" t="s">
        <v>571</v>
      </c>
      <c r="B122425" s="14" t="s">
        <v>1</v>
      </c>
      <c r="C122425" s="14" t="s">
        <v>200</v>
      </c>
      <c r="D122425" s="14" t="s">
        <v>14</v>
      </c>
      <c r="E122425" s="15">
        <v>45526</v>
      </c>
      <c r="F122425" s="14" t="s">
        <v>15</v>
      </c>
      <c r="G122425" s="16">
        <v>0.97574017784955069</v>
      </c>
    </row>
    <row r="122426" spans="1:7" x14ac:dyDescent="0.3">
      <c r="A122426" s="13" t="s">
        <v>571</v>
      </c>
      <c r="B122426" s="14" t="s">
        <v>1</v>
      </c>
      <c r="C122426" s="14" t="s">
        <v>200</v>
      </c>
      <c r="D122426" s="14" t="s">
        <v>14</v>
      </c>
      <c r="E122426" s="15">
        <v>45527</v>
      </c>
      <c r="F122426" s="14" t="s">
        <v>15</v>
      </c>
      <c r="G122426" s="16">
        <v>0.97908377550926262</v>
      </c>
    </row>
    <row r="122427" spans="1:7" x14ac:dyDescent="0.3">
      <c r="A122427" s="13" t="s">
        <v>571</v>
      </c>
      <c r="B122427" s="14" t="s">
        <v>1</v>
      </c>
      <c r="C122427" s="14" t="s">
        <v>200</v>
      </c>
      <c r="D122427" s="14" t="s">
        <v>14</v>
      </c>
      <c r="E122427" s="15">
        <v>45528</v>
      </c>
      <c r="F122427" s="14" t="s">
        <v>15</v>
      </c>
      <c r="G122427" s="16">
        <v>0.97908377550926262</v>
      </c>
    </row>
    <row r="122428" spans="1:7" x14ac:dyDescent="0.3">
      <c r="A122428" s="13" t="s">
        <v>571</v>
      </c>
      <c r="B122428" s="14" t="s">
        <v>1</v>
      </c>
      <c r="C122428" s="14" t="s">
        <v>200</v>
      </c>
      <c r="D122428" s="14" t="s">
        <v>14</v>
      </c>
      <c r="E122428" s="15">
        <v>45529</v>
      </c>
      <c r="F122428" s="14" t="s">
        <v>15</v>
      </c>
      <c r="G122428" s="16">
        <v>0.97908377550926262</v>
      </c>
    </row>
    <row r="122429" spans="1:7" x14ac:dyDescent="0.3">
      <c r="A122429" s="13" t="s">
        <v>571</v>
      </c>
      <c r="B122429" s="14" t="s">
        <v>1</v>
      </c>
      <c r="C122429" s="14" t="s">
        <v>200</v>
      </c>
      <c r="D122429" s="14" t="s">
        <v>14</v>
      </c>
      <c r="E122429" s="15">
        <v>45530</v>
      </c>
      <c r="F122429" s="14" t="s">
        <v>15</v>
      </c>
      <c r="G122429" s="16">
        <v>0.99366063366093382</v>
      </c>
    </row>
    <row r="122430" spans="1:7" x14ac:dyDescent="0.3">
      <c r="A122430" s="13" t="s">
        <v>571</v>
      </c>
      <c r="B122430" s="14" t="s">
        <v>1</v>
      </c>
      <c r="C122430" s="14" t="s">
        <v>200</v>
      </c>
      <c r="D122430" s="14" t="s">
        <v>14</v>
      </c>
      <c r="E122430" s="15">
        <v>45531</v>
      </c>
      <c r="F122430" s="14" t="s">
        <v>15</v>
      </c>
      <c r="G122430" s="16">
        <v>1.010724090867535</v>
      </c>
    </row>
    <row r="122431" spans="1:7" x14ac:dyDescent="0.3">
      <c r="A122431" s="13" t="s">
        <v>571</v>
      </c>
      <c r="B122431" s="14" t="s">
        <v>1</v>
      </c>
      <c r="C122431" s="14" t="s">
        <v>200</v>
      </c>
      <c r="D122431" s="14" t="s">
        <v>14</v>
      </c>
      <c r="E122431" s="15">
        <v>45532</v>
      </c>
      <c r="F122431" s="14" t="s">
        <v>15</v>
      </c>
      <c r="G122431" s="16">
        <v>1.015856037642878</v>
      </c>
    </row>
    <row r="122432" spans="1:7" x14ac:dyDescent="0.3">
      <c r="A122432" s="13" t="s">
        <v>571</v>
      </c>
      <c r="B122432" s="14" t="s">
        <v>1</v>
      </c>
      <c r="C122432" s="14" t="s">
        <v>200</v>
      </c>
      <c r="D122432" s="14" t="s">
        <v>14</v>
      </c>
      <c r="E122432" s="15">
        <v>45533</v>
      </c>
      <c r="F122432" s="14" t="s">
        <v>15</v>
      </c>
      <c r="G122432" s="16">
        <v>1.0207449244599061</v>
      </c>
    </row>
    <row r="122433" spans="1:7" x14ac:dyDescent="0.3">
      <c r="A122433" s="13" t="s">
        <v>571</v>
      </c>
      <c r="B122433" s="14" t="s">
        <v>1</v>
      </c>
      <c r="C122433" s="14" t="s">
        <v>200</v>
      </c>
      <c r="D122433" s="14" t="s">
        <v>14</v>
      </c>
      <c r="E122433" s="15">
        <v>45534</v>
      </c>
      <c r="F122433" s="14" t="s">
        <v>15</v>
      </c>
      <c r="G122433" s="16">
        <v>1.0302984985077401</v>
      </c>
    </row>
    <row r="122434" spans="1:7" x14ac:dyDescent="0.3">
      <c r="A122434" s="13" t="s">
        <v>571</v>
      </c>
      <c r="B122434" s="14" t="s">
        <v>1</v>
      </c>
      <c r="C122434" s="14" t="s">
        <v>200</v>
      </c>
      <c r="D122434" s="14" t="s">
        <v>14</v>
      </c>
      <c r="E122434" s="15">
        <v>45535</v>
      </c>
      <c r="F122434" s="14" t="s">
        <v>15</v>
      </c>
      <c r="G122434" s="16">
        <v>1.0302984985077401</v>
      </c>
    </row>
    <row r="122435" spans="1:7" x14ac:dyDescent="0.3">
      <c r="A122435" s="13" t="s">
        <v>571</v>
      </c>
      <c r="B122435" s="14" t="s">
        <v>1</v>
      </c>
      <c r="C122435" s="14" t="s">
        <v>200</v>
      </c>
      <c r="D122435" s="14" t="s">
        <v>14</v>
      </c>
      <c r="E122435" s="15">
        <v>45536</v>
      </c>
      <c r="F122435" s="14" t="s">
        <v>15</v>
      </c>
      <c r="G122435" s="16">
        <v>1.0302984985077401</v>
      </c>
    </row>
    <row r="122436" spans="1:7" x14ac:dyDescent="0.3">
      <c r="A122436" s="13" t="s">
        <v>571</v>
      </c>
      <c r="B122436" s="14" t="s">
        <v>1</v>
      </c>
      <c r="C122436" s="14" t="s">
        <v>200</v>
      </c>
      <c r="D122436" s="14" t="s">
        <v>14</v>
      </c>
      <c r="E122436" s="15">
        <v>45537</v>
      </c>
      <c r="F122436" s="14" t="s">
        <v>15</v>
      </c>
      <c r="G122436" s="16">
        <v>1.0302984985077401</v>
      </c>
    </row>
    <row r="122437" spans="1:7" x14ac:dyDescent="0.3">
      <c r="A122437" s="13" t="s">
        <v>571</v>
      </c>
      <c r="B122437" s="14" t="s">
        <v>1</v>
      </c>
      <c r="C122437" s="14" t="s">
        <v>200</v>
      </c>
      <c r="D122437" s="14" t="s">
        <v>14</v>
      </c>
      <c r="E122437" s="15">
        <v>45538</v>
      </c>
      <c r="F122437" s="14" t="s">
        <v>15</v>
      </c>
      <c r="G122437" s="16">
        <v>1.0358795463921973</v>
      </c>
    </row>
    <row r="122438" spans="1:7" x14ac:dyDescent="0.3">
      <c r="A122438" s="13" t="s">
        <v>571</v>
      </c>
      <c r="B122438" s="14" t="s">
        <v>1</v>
      </c>
      <c r="C122438" s="14" t="s">
        <v>200</v>
      </c>
      <c r="D122438" s="14" t="s">
        <v>14</v>
      </c>
      <c r="E122438" s="15">
        <v>45539</v>
      </c>
      <c r="F122438" s="14" t="s">
        <v>15</v>
      </c>
      <c r="G122438" s="16">
        <v>1.0550331094431655</v>
      </c>
    </row>
    <row r="122439" spans="1:7" x14ac:dyDescent="0.3">
      <c r="A122439" s="13" t="s">
        <v>571</v>
      </c>
      <c r="B122439" s="14" t="s">
        <v>1</v>
      </c>
      <c r="C122439" s="14" t="s">
        <v>200</v>
      </c>
      <c r="D122439" s="14" t="s">
        <v>14</v>
      </c>
      <c r="E122439" s="15">
        <v>45540</v>
      </c>
      <c r="F122439" s="14" t="s">
        <v>15</v>
      </c>
      <c r="G122439" s="16">
        <v>1.0607023291431048</v>
      </c>
    </row>
    <row r="122440" spans="1:7" x14ac:dyDescent="0.3">
      <c r="A122440" s="13" t="s">
        <v>571</v>
      </c>
      <c r="B122440" s="14" t="s">
        <v>1</v>
      </c>
      <c r="C122440" s="14" t="s">
        <v>200</v>
      </c>
      <c r="D122440" s="14" t="s">
        <v>14</v>
      </c>
      <c r="E122440" s="15">
        <v>45541</v>
      </c>
      <c r="F122440" s="14" t="s">
        <v>15</v>
      </c>
      <c r="G122440" s="16">
        <v>1.0669148539566093</v>
      </c>
    </row>
    <row r="122441" spans="1:7" x14ac:dyDescent="0.3">
      <c r="A122441" s="13" t="s">
        <v>571</v>
      </c>
      <c r="B122441" s="14" t="s">
        <v>1</v>
      </c>
      <c r="C122441" s="14" t="s">
        <v>200</v>
      </c>
      <c r="D122441" s="14" t="s">
        <v>14</v>
      </c>
      <c r="E122441" s="15">
        <v>45542</v>
      </c>
      <c r="F122441" s="14" t="s">
        <v>15</v>
      </c>
      <c r="G122441" s="16">
        <v>1.0669148539566093</v>
      </c>
    </row>
    <row r="122442" spans="1:7" x14ac:dyDescent="0.3">
      <c r="A122442" s="13" t="s">
        <v>571</v>
      </c>
      <c r="B122442" s="14" t="s">
        <v>1</v>
      </c>
      <c r="C122442" s="14" t="s">
        <v>200</v>
      </c>
      <c r="D122442" s="14" t="s">
        <v>14</v>
      </c>
      <c r="E122442" s="15">
        <v>45543</v>
      </c>
      <c r="F122442" s="14" t="s">
        <v>15</v>
      </c>
      <c r="G122442" s="16">
        <v>1.0669148539566093</v>
      </c>
    </row>
    <row r="122443" spans="1:7" x14ac:dyDescent="0.3">
      <c r="A122443" s="13" t="s">
        <v>571</v>
      </c>
      <c r="B122443" s="14" t="s">
        <v>1</v>
      </c>
      <c r="C122443" s="14" t="s">
        <v>200</v>
      </c>
      <c r="D122443" s="14" t="s">
        <v>14</v>
      </c>
      <c r="E122443" s="15">
        <v>45544</v>
      </c>
      <c r="F122443" s="14" t="s">
        <v>15</v>
      </c>
      <c r="G122443" s="16">
        <v>1.0752103914242632</v>
      </c>
    </row>
    <row r="122444" spans="1:7" x14ac:dyDescent="0.3">
      <c r="A122444" s="13" t="s">
        <v>571</v>
      </c>
      <c r="B122444" s="14" t="s">
        <v>1</v>
      </c>
      <c r="C122444" s="14" t="s">
        <v>200</v>
      </c>
      <c r="D122444" s="14" t="s">
        <v>14</v>
      </c>
      <c r="E122444" s="15">
        <v>45545</v>
      </c>
      <c r="F122444" s="14" t="s">
        <v>15</v>
      </c>
      <c r="G122444" s="16">
        <v>1.0907661354391422</v>
      </c>
    </row>
    <row r="122445" spans="1:7" x14ac:dyDescent="0.3">
      <c r="A122445" s="13" t="s">
        <v>571</v>
      </c>
      <c r="B122445" s="14" t="s">
        <v>1</v>
      </c>
      <c r="C122445" s="14" t="s">
        <v>200</v>
      </c>
      <c r="D122445" s="14" t="s">
        <v>14</v>
      </c>
      <c r="E122445" s="15">
        <v>45546</v>
      </c>
      <c r="F122445" s="14" t="s">
        <v>15</v>
      </c>
      <c r="G122445" s="16">
        <v>1.0981310470006915</v>
      </c>
    </row>
    <row r="122446" spans="1:7" x14ac:dyDescent="0.3">
      <c r="A122446" s="13" t="s">
        <v>571</v>
      </c>
      <c r="B122446" s="14" t="s">
        <v>1</v>
      </c>
      <c r="C122446" s="14" t="s">
        <v>200</v>
      </c>
      <c r="D122446" s="14" t="s">
        <v>14</v>
      </c>
      <c r="E122446" s="15">
        <v>45547</v>
      </c>
      <c r="F122446" s="14" t="s">
        <v>15</v>
      </c>
      <c r="G122446" s="16">
        <v>1.103675701505922</v>
      </c>
    </row>
    <row r="122447" spans="1:7" x14ac:dyDescent="0.3">
      <c r="A122447" s="13" t="s">
        <v>571</v>
      </c>
      <c r="B122447" s="14" t="s">
        <v>1</v>
      </c>
      <c r="C122447" s="14" t="s">
        <v>200</v>
      </c>
      <c r="D122447" s="14" t="s">
        <v>14</v>
      </c>
      <c r="E122447" s="15">
        <v>45548</v>
      </c>
      <c r="F122447" s="14" t="s">
        <v>15</v>
      </c>
      <c r="G122447" s="16">
        <v>1.1088152360753689</v>
      </c>
    </row>
    <row r="122448" spans="1:7" x14ac:dyDescent="0.3">
      <c r="A122448" s="13" t="s">
        <v>571</v>
      </c>
      <c r="B122448" s="14" t="s">
        <v>1</v>
      </c>
      <c r="C122448" s="14" t="s">
        <v>200</v>
      </c>
      <c r="D122448" s="14" t="s">
        <v>14</v>
      </c>
      <c r="E122448" s="15">
        <v>45549</v>
      </c>
      <c r="F122448" s="14" t="s">
        <v>15</v>
      </c>
      <c r="G122448" s="16">
        <v>1.1088152360753689</v>
      </c>
    </row>
    <row r="122449" spans="1:7" x14ac:dyDescent="0.3">
      <c r="A122449" s="13" t="s">
        <v>571</v>
      </c>
      <c r="B122449" s="14" t="s">
        <v>1</v>
      </c>
      <c r="C122449" s="14" t="s">
        <v>200</v>
      </c>
      <c r="D122449" s="14" t="s">
        <v>14</v>
      </c>
      <c r="E122449" s="15">
        <v>45550</v>
      </c>
      <c r="F122449" s="14" t="s">
        <v>15</v>
      </c>
      <c r="G122449" s="16">
        <v>1.1088152360753689</v>
      </c>
    </row>
    <row r="122450" spans="1:7" x14ac:dyDescent="0.3">
      <c r="A122450" s="13" t="s">
        <v>571</v>
      </c>
      <c r="B122450" s="14" t="s">
        <v>1</v>
      </c>
      <c r="C122450" s="14" t="s">
        <v>200</v>
      </c>
      <c r="D122450" s="14" t="s">
        <v>14</v>
      </c>
      <c r="E122450" s="15">
        <v>45551</v>
      </c>
      <c r="F122450" s="14" t="s">
        <v>15</v>
      </c>
      <c r="G122450" s="16">
        <v>1.1143307352519656</v>
      </c>
    </row>
    <row r="122451" spans="1:7" x14ac:dyDescent="0.3">
      <c r="A122451" s="13" t="s">
        <v>571</v>
      </c>
      <c r="B122451" s="14" t="s">
        <v>1</v>
      </c>
      <c r="C122451" s="14" t="s">
        <v>200</v>
      </c>
      <c r="D122451" s="14" t="s">
        <v>14</v>
      </c>
      <c r="E122451" s="15">
        <v>45552</v>
      </c>
      <c r="F122451" s="14" t="s">
        <v>15</v>
      </c>
      <c r="G122451" s="16">
        <v>1.128800490520151</v>
      </c>
    </row>
    <row r="122452" spans="1:7" x14ac:dyDescent="0.3">
      <c r="A122452" s="13" t="s">
        <v>571</v>
      </c>
      <c r="B122452" s="14" t="s">
        <v>1</v>
      </c>
      <c r="C122452" s="14" t="s">
        <v>200</v>
      </c>
      <c r="D122452" s="14" t="s">
        <v>14</v>
      </c>
      <c r="E122452" s="15">
        <v>45553</v>
      </c>
      <c r="F122452" s="14" t="s">
        <v>15</v>
      </c>
      <c r="G122452" s="16">
        <v>1.1346233975419375</v>
      </c>
    </row>
    <row r="122453" spans="1:7" x14ac:dyDescent="0.3">
      <c r="A122453" s="13" t="s">
        <v>571</v>
      </c>
      <c r="B122453" s="14" t="s">
        <v>1</v>
      </c>
      <c r="C122453" s="14" t="s">
        <v>200</v>
      </c>
      <c r="D122453" s="14" t="s">
        <v>14</v>
      </c>
      <c r="E122453" s="15">
        <v>45554</v>
      </c>
      <c r="F122453" s="14" t="s">
        <v>15</v>
      </c>
      <c r="G122453" s="16">
        <v>1.1403740329033332</v>
      </c>
    </row>
    <row r="122454" spans="1:7" x14ac:dyDescent="0.3">
      <c r="A122454" s="13" t="s">
        <v>571</v>
      </c>
      <c r="B122454" s="14" t="s">
        <v>1</v>
      </c>
      <c r="C122454" s="14" t="s">
        <v>200</v>
      </c>
      <c r="D122454" s="14" t="s">
        <v>14</v>
      </c>
      <c r="E122454" s="15">
        <v>45555</v>
      </c>
      <c r="F122454" s="14" t="s">
        <v>15</v>
      </c>
      <c r="G122454" s="16">
        <v>1.1477213147245997</v>
      </c>
    </row>
    <row r="122455" spans="1:7" x14ac:dyDescent="0.3">
      <c r="A122455" s="13" t="s">
        <v>571</v>
      </c>
      <c r="B122455" s="14" t="s">
        <v>1</v>
      </c>
      <c r="C122455" s="14" t="s">
        <v>200</v>
      </c>
      <c r="D122455" s="14" t="s">
        <v>14</v>
      </c>
      <c r="E122455" s="15">
        <v>45556</v>
      </c>
      <c r="F122455" s="14" t="s">
        <v>15</v>
      </c>
      <c r="G122455" s="16">
        <v>1.1477213147245997</v>
      </c>
    </row>
    <row r="122456" spans="1:7" x14ac:dyDescent="0.3">
      <c r="A122456" s="13" t="s">
        <v>571</v>
      </c>
      <c r="B122456" s="14" t="s">
        <v>1</v>
      </c>
      <c r="C122456" s="14" t="s">
        <v>200</v>
      </c>
      <c r="D122456" s="14" t="s">
        <v>14</v>
      </c>
      <c r="E122456" s="15">
        <v>45557</v>
      </c>
      <c r="F122456" s="14" t="s">
        <v>15</v>
      </c>
      <c r="G122456" s="16">
        <v>1.1477213147245997</v>
      </c>
    </row>
    <row r="122457" spans="1:7" x14ac:dyDescent="0.3">
      <c r="A122457" s="13" t="s">
        <v>571</v>
      </c>
      <c r="B122457" s="14" t="s">
        <v>1</v>
      </c>
      <c r="C122457" s="14" t="s">
        <v>200</v>
      </c>
      <c r="D122457" s="14" t="s">
        <v>14</v>
      </c>
      <c r="E122457" s="15">
        <v>45558</v>
      </c>
      <c r="F122457" s="14" t="s">
        <v>15</v>
      </c>
      <c r="G122457" s="16">
        <v>1.1539320909144177</v>
      </c>
    </row>
    <row r="122458" spans="1:7" x14ac:dyDescent="0.3">
      <c r="A122458" s="13" t="s">
        <v>571</v>
      </c>
      <c r="B122458" s="14" t="s">
        <v>1</v>
      </c>
      <c r="C122458" s="14" t="s">
        <v>200</v>
      </c>
      <c r="D122458" s="14" t="s">
        <v>14</v>
      </c>
      <c r="E122458" s="15">
        <v>45559</v>
      </c>
      <c r="F122458" s="14" t="s">
        <v>15</v>
      </c>
      <c r="G122458" s="16">
        <v>1.1715655887739136</v>
      </c>
    </row>
    <row r="122459" spans="1:7" x14ac:dyDescent="0.3">
      <c r="A122459" s="13" t="s">
        <v>571</v>
      </c>
      <c r="B122459" s="14" t="s">
        <v>1</v>
      </c>
      <c r="C122459" s="14" t="s">
        <v>200</v>
      </c>
      <c r="D122459" s="14" t="s">
        <v>14</v>
      </c>
      <c r="E122459" s="15">
        <v>45560</v>
      </c>
      <c r="F122459" s="14" t="s">
        <v>15</v>
      </c>
      <c r="G122459" s="16">
        <v>1.1771959120838411</v>
      </c>
    </row>
    <row r="122460" spans="1:7" x14ac:dyDescent="0.3">
      <c r="A122460" s="13" t="s">
        <v>571</v>
      </c>
      <c r="B122460" s="14" t="s">
        <v>1</v>
      </c>
      <c r="C122460" s="14" t="s">
        <v>200</v>
      </c>
      <c r="D122460" s="14" t="s">
        <v>14</v>
      </c>
      <c r="E122460" s="15">
        <v>45561</v>
      </c>
      <c r="F122460" s="14" t="s">
        <v>15</v>
      </c>
      <c r="G122460" s="16">
        <v>1.1830650020474898</v>
      </c>
    </row>
    <row r="122461" spans="1:7" x14ac:dyDescent="0.3">
      <c r="A122461" s="13" t="s">
        <v>571</v>
      </c>
      <c r="B122461" s="14" t="s">
        <v>1</v>
      </c>
      <c r="C122461" s="14" t="s">
        <v>200</v>
      </c>
      <c r="D122461" s="14" t="s">
        <v>14</v>
      </c>
      <c r="E122461" s="15">
        <v>45562</v>
      </c>
      <c r="F122461" s="14" t="s">
        <v>15</v>
      </c>
      <c r="G122461" s="16">
        <v>1.1889005734957465</v>
      </c>
    </row>
    <row r="122462" spans="1:7" x14ac:dyDescent="0.3">
      <c r="A122462" s="13" t="s">
        <v>571</v>
      </c>
      <c r="B122462" s="14" t="s">
        <v>1</v>
      </c>
      <c r="C122462" s="14" t="s">
        <v>200</v>
      </c>
      <c r="D122462" s="14" t="s">
        <v>14</v>
      </c>
      <c r="E122462" s="15">
        <v>45563</v>
      </c>
      <c r="F122462" s="14" t="s">
        <v>15</v>
      </c>
      <c r="G122462" s="16">
        <v>1.1889005734957465</v>
      </c>
    </row>
    <row r="122463" spans="1:7" x14ac:dyDescent="0.3">
      <c r="A122463" s="13" t="s">
        <v>571</v>
      </c>
      <c r="B122463" s="14" t="s">
        <v>1</v>
      </c>
      <c r="C122463" s="14" t="s">
        <v>200</v>
      </c>
      <c r="D122463" s="14" t="s">
        <v>14</v>
      </c>
      <c r="E122463" s="15">
        <v>45564</v>
      </c>
      <c r="F122463" s="14" t="s">
        <v>15</v>
      </c>
      <c r="G122463" s="16">
        <v>1.1889005734957465</v>
      </c>
    </row>
    <row r="122464" spans="1:7" x14ac:dyDescent="0.3">
      <c r="A122464" s="13" t="s">
        <v>571</v>
      </c>
      <c r="B122464" s="14" t="s">
        <v>1</v>
      </c>
      <c r="C122464" s="14" t="s">
        <v>200</v>
      </c>
      <c r="D122464" s="14" t="s">
        <v>14</v>
      </c>
      <c r="E122464" s="15">
        <v>45565</v>
      </c>
      <c r="F122464" s="14" t="s">
        <v>15</v>
      </c>
      <c r="G122464" s="16">
        <v>1.1955827196387907</v>
      </c>
    </row>
    <row r="122465" spans="1:7" x14ac:dyDescent="0.3">
      <c r="A122465" s="13" t="s">
        <v>571</v>
      </c>
      <c r="B122465" s="14" t="s">
        <v>1</v>
      </c>
      <c r="C122465" s="14" t="s">
        <v>200</v>
      </c>
      <c r="D122465" s="14" t="s">
        <v>14</v>
      </c>
      <c r="E122465" s="15">
        <v>45566</v>
      </c>
      <c r="F122465" s="14" t="s">
        <v>15</v>
      </c>
      <c r="G122465" s="16">
        <v>1.2034522824076939</v>
      </c>
    </row>
    <row r="122466" spans="1:7" x14ac:dyDescent="0.3">
      <c r="A122466" s="13" t="s">
        <v>571</v>
      </c>
      <c r="B122466" s="14" t="s">
        <v>1</v>
      </c>
      <c r="C122466" s="14" t="s">
        <v>200</v>
      </c>
      <c r="D122466" s="14" t="s">
        <v>14</v>
      </c>
      <c r="E122466" s="15">
        <v>45567</v>
      </c>
      <c r="F122466" s="14" t="s">
        <v>15</v>
      </c>
      <c r="G122466" s="16">
        <v>1.2123285826514794</v>
      </c>
    </row>
    <row r="122467" spans="1:7" x14ac:dyDescent="0.3">
      <c r="A122467" s="13" t="s">
        <v>571</v>
      </c>
      <c r="B122467" s="14" t="s">
        <v>1</v>
      </c>
      <c r="C122467" s="14" t="s">
        <v>200</v>
      </c>
      <c r="D122467" s="14" t="s">
        <v>14</v>
      </c>
      <c r="E122467" s="15">
        <v>45568</v>
      </c>
      <c r="F122467" s="14" t="s">
        <v>15</v>
      </c>
      <c r="G122467" s="16">
        <v>1.2178993831569962</v>
      </c>
    </row>
    <row r="122468" spans="1:7" x14ac:dyDescent="0.3">
      <c r="A122468" s="13" t="s">
        <v>571</v>
      </c>
      <c r="B122468" s="14" t="s">
        <v>1</v>
      </c>
      <c r="C122468" s="14" t="s">
        <v>200</v>
      </c>
      <c r="D122468" s="14" t="s">
        <v>14</v>
      </c>
      <c r="E122468" s="15">
        <v>45569</v>
      </c>
      <c r="F122468" s="14" t="s">
        <v>15</v>
      </c>
      <c r="G122468" s="16">
        <v>1.2235432151884922</v>
      </c>
    </row>
    <row r="122469" spans="1:7" x14ac:dyDescent="0.3">
      <c r="A122469" s="13" t="s">
        <v>571</v>
      </c>
      <c r="B122469" s="14" t="s">
        <v>1</v>
      </c>
      <c r="C122469" s="14" t="s">
        <v>200</v>
      </c>
      <c r="D122469" s="14" t="s">
        <v>14</v>
      </c>
      <c r="E122469" s="15">
        <v>45570</v>
      </c>
      <c r="F122469" s="14" t="s">
        <v>15</v>
      </c>
      <c r="G122469" s="16">
        <v>1.2235432151884922</v>
      </c>
    </row>
    <row r="122470" spans="1:7" x14ac:dyDescent="0.3">
      <c r="A122470" s="13" t="s">
        <v>571</v>
      </c>
      <c r="B122470" s="14" t="s">
        <v>1</v>
      </c>
      <c r="C122470" s="14" t="s">
        <v>200</v>
      </c>
      <c r="D122470" s="14" t="s">
        <v>14</v>
      </c>
      <c r="E122470" s="15">
        <v>45571</v>
      </c>
      <c r="F122470" s="14" t="s">
        <v>15</v>
      </c>
      <c r="G122470" s="16">
        <v>1.2235432151884922</v>
      </c>
    </row>
    <row r="122471" spans="1:7" x14ac:dyDescent="0.3">
      <c r="A122471" s="13" t="s">
        <v>571</v>
      </c>
      <c r="B122471" s="14" t="s">
        <v>1</v>
      </c>
      <c r="C122471" s="14" t="s">
        <v>200</v>
      </c>
      <c r="D122471" s="14" t="s">
        <v>14</v>
      </c>
      <c r="E122471" s="15">
        <v>45572</v>
      </c>
      <c r="F122471" s="14" t="s">
        <v>15</v>
      </c>
      <c r="G122471" s="16">
        <v>1.2356539255232928</v>
      </c>
    </row>
    <row r="122472" spans="1:7" x14ac:dyDescent="0.3">
      <c r="A122472" s="13" t="s">
        <v>571</v>
      </c>
      <c r="B122472" s="14" t="s">
        <v>1</v>
      </c>
      <c r="C122472" s="14" t="s">
        <v>200</v>
      </c>
      <c r="D122472" s="14" t="s">
        <v>14</v>
      </c>
      <c r="E122472" s="15">
        <v>45573</v>
      </c>
      <c r="F122472" s="14" t="s">
        <v>15</v>
      </c>
      <c r="G122472" s="16">
        <v>1.2521630284160921</v>
      </c>
    </row>
    <row r="122473" spans="1:7" x14ac:dyDescent="0.3">
      <c r="A122473" s="13" t="s">
        <v>571</v>
      </c>
      <c r="B122473" s="14" t="s">
        <v>1</v>
      </c>
      <c r="C122473" s="14" t="s">
        <v>200</v>
      </c>
      <c r="D122473" s="14" t="s">
        <v>14</v>
      </c>
      <c r="E122473" s="15">
        <v>45574</v>
      </c>
      <c r="F122473" s="14" t="s">
        <v>15</v>
      </c>
      <c r="G122473" s="16">
        <v>1.2576847342070476</v>
      </c>
    </row>
    <row r="122474" spans="1:7" x14ac:dyDescent="0.3">
      <c r="A122474" s="13" t="s">
        <v>571</v>
      </c>
      <c r="B122474" s="14" t="s">
        <v>1</v>
      </c>
      <c r="C122474" s="14" t="s">
        <v>200</v>
      </c>
      <c r="D122474" s="14" t="s">
        <v>14</v>
      </c>
      <c r="E122474" s="15">
        <v>45575</v>
      </c>
      <c r="F122474" s="14" t="s">
        <v>15</v>
      </c>
      <c r="G122474" s="16">
        <v>1.2621320471821658</v>
      </c>
    </row>
    <row r="122475" spans="1:7" x14ac:dyDescent="0.3">
      <c r="A122475" s="13" t="s">
        <v>571</v>
      </c>
      <c r="B122475" s="14" t="s">
        <v>1</v>
      </c>
      <c r="C122475" s="14" t="s">
        <v>200</v>
      </c>
      <c r="D122475" s="14" t="s">
        <v>14</v>
      </c>
      <c r="E122475" s="15">
        <v>45576</v>
      </c>
      <c r="F122475" s="14" t="s">
        <v>15</v>
      </c>
      <c r="G122475" s="16">
        <v>1.2672771967448069</v>
      </c>
    </row>
    <row r="122476" spans="1:7" x14ac:dyDescent="0.3">
      <c r="A122476" s="13" t="s">
        <v>571</v>
      </c>
      <c r="B122476" s="14" t="s">
        <v>1</v>
      </c>
      <c r="C122476" s="14" t="s">
        <v>200</v>
      </c>
      <c r="D122476" s="14" t="s">
        <v>14</v>
      </c>
      <c r="E122476" s="15">
        <v>45577</v>
      </c>
      <c r="F122476" s="14" t="s">
        <v>15</v>
      </c>
      <c r="G122476" s="16">
        <v>1.2672771967448069</v>
      </c>
    </row>
    <row r="122477" spans="1:7" x14ac:dyDescent="0.3">
      <c r="A122477" s="13" t="s">
        <v>571</v>
      </c>
      <c r="B122477" s="14" t="s">
        <v>1</v>
      </c>
      <c r="C122477" s="14" t="s">
        <v>200</v>
      </c>
      <c r="D122477" s="14" t="s">
        <v>14</v>
      </c>
      <c r="E122477" s="15">
        <v>45578</v>
      </c>
      <c r="F122477" s="14" t="s">
        <v>15</v>
      </c>
      <c r="G122477" s="16">
        <v>1.2672771967448069</v>
      </c>
    </row>
    <row r="122478" spans="1:7" x14ac:dyDescent="0.3">
      <c r="A122478" s="13" t="s">
        <v>571</v>
      </c>
      <c r="B122478" s="14" t="s">
        <v>1</v>
      </c>
      <c r="C122478" s="14" t="s">
        <v>200</v>
      </c>
      <c r="D122478" s="14" t="s">
        <v>14</v>
      </c>
      <c r="E122478" s="15">
        <v>45579</v>
      </c>
      <c r="F122478" s="14" t="s">
        <v>15</v>
      </c>
      <c r="G122478" s="16">
        <v>1.2672771967448069</v>
      </c>
    </row>
    <row r="122479" spans="1:7" x14ac:dyDescent="0.3">
      <c r="A122479" s="13" t="s">
        <v>571</v>
      </c>
      <c r="B122479" s="14" t="s">
        <v>1</v>
      </c>
      <c r="C122479" s="14" t="s">
        <v>200</v>
      </c>
      <c r="D122479" s="14" t="s">
        <v>14</v>
      </c>
      <c r="E122479" s="15">
        <v>45580</v>
      </c>
      <c r="F122479" s="14" t="s">
        <v>15</v>
      </c>
      <c r="G122479" s="16">
        <v>1.2726726184348032</v>
      </c>
    </row>
    <row r="122480" spans="1:7" x14ac:dyDescent="0.3">
      <c r="A122480" s="13" t="s">
        <v>571</v>
      </c>
      <c r="B122480" s="14" t="s">
        <v>1</v>
      </c>
      <c r="C122480" s="14" t="s">
        <v>200</v>
      </c>
      <c r="D122480" s="14" t="s">
        <v>14</v>
      </c>
      <c r="E122480" s="15">
        <v>45581</v>
      </c>
      <c r="F122480" s="14" t="s">
        <v>15</v>
      </c>
      <c r="G122480" s="16">
        <v>1.294681075025133</v>
      </c>
    </row>
    <row r="122481" spans="1:7" x14ac:dyDescent="0.3">
      <c r="A122481" s="13" t="s">
        <v>571</v>
      </c>
      <c r="B122481" s="14" t="s">
        <v>1</v>
      </c>
      <c r="C122481" s="14" t="s">
        <v>200</v>
      </c>
      <c r="D122481" s="14" t="s">
        <v>14</v>
      </c>
      <c r="E122481" s="15">
        <v>45582</v>
      </c>
      <c r="F122481" s="14" t="s">
        <v>15</v>
      </c>
      <c r="G122481" s="16">
        <v>1.3027062674478325</v>
      </c>
    </row>
    <row r="122482" spans="1:7" x14ac:dyDescent="0.3">
      <c r="A122482" s="13" t="s">
        <v>571</v>
      </c>
      <c r="B122482" s="14" t="s">
        <v>1</v>
      </c>
      <c r="C122482" s="14" t="s">
        <v>200</v>
      </c>
      <c r="D122482" s="14" t="s">
        <v>14</v>
      </c>
      <c r="E122482" s="15">
        <v>45583</v>
      </c>
      <c r="F122482" s="14" t="s">
        <v>15</v>
      </c>
      <c r="G122482" s="16">
        <v>1.3162778130018802</v>
      </c>
    </row>
    <row r="122483" spans="1:7" x14ac:dyDescent="0.3">
      <c r="A122483" s="13" t="s">
        <v>571</v>
      </c>
      <c r="B122483" s="14" t="s">
        <v>1</v>
      </c>
      <c r="C122483" s="14" t="s">
        <v>200</v>
      </c>
      <c r="D122483" s="14" t="s">
        <v>14</v>
      </c>
      <c r="E122483" s="15">
        <v>45584</v>
      </c>
      <c r="F122483" s="14" t="s">
        <v>15</v>
      </c>
      <c r="G122483" s="16">
        <v>1.3162778130018802</v>
      </c>
    </row>
    <row r="122484" spans="1:7" x14ac:dyDescent="0.3">
      <c r="A122484" s="13" t="s">
        <v>571</v>
      </c>
      <c r="B122484" s="14" t="s">
        <v>1</v>
      </c>
      <c r="C122484" s="14" t="s">
        <v>200</v>
      </c>
      <c r="D122484" s="14" t="s">
        <v>14</v>
      </c>
      <c r="E122484" s="15">
        <v>45585</v>
      </c>
      <c r="F122484" s="14" t="s">
        <v>15</v>
      </c>
      <c r="G122484" s="16">
        <v>1.3162778130018802</v>
      </c>
    </row>
    <row r="122485" spans="1:7" x14ac:dyDescent="0.3">
      <c r="A122485" s="13" t="s">
        <v>571</v>
      </c>
      <c r="B122485" s="14" t="s">
        <v>1</v>
      </c>
      <c r="C122485" s="14" t="s">
        <v>200</v>
      </c>
      <c r="D122485" s="14" t="s">
        <v>14</v>
      </c>
      <c r="E122485" s="15">
        <v>45586</v>
      </c>
      <c r="F122485" s="14" t="s">
        <v>15</v>
      </c>
      <c r="G122485" s="16">
        <v>1.3275538985757414</v>
      </c>
    </row>
    <row r="122486" spans="1:7" x14ac:dyDescent="0.3">
      <c r="A122486" s="13" t="s">
        <v>571</v>
      </c>
      <c r="B122486" s="14" t="s">
        <v>1</v>
      </c>
      <c r="C122486" s="14" t="s">
        <v>200</v>
      </c>
      <c r="D122486" s="14" t="s">
        <v>14</v>
      </c>
      <c r="E122486" s="15">
        <v>45587</v>
      </c>
      <c r="F122486" s="14" t="s">
        <v>15</v>
      </c>
      <c r="G122486" s="16">
        <v>1.3453268413217407</v>
      </c>
    </row>
    <row r="122487" spans="1:7" x14ac:dyDescent="0.3">
      <c r="A122487" s="13" t="s">
        <v>571</v>
      </c>
      <c r="B122487" s="14" t="s">
        <v>1</v>
      </c>
      <c r="C122487" s="14" t="s">
        <v>200</v>
      </c>
      <c r="D122487" s="14" t="s">
        <v>14</v>
      </c>
      <c r="E122487" s="15">
        <v>45588</v>
      </c>
      <c r="F122487" s="14" t="s">
        <v>15</v>
      </c>
      <c r="G122487" s="16">
        <v>1.3515234167668144</v>
      </c>
    </row>
    <row r="122488" spans="1:7" x14ac:dyDescent="0.3">
      <c r="A122488" s="13" t="s">
        <v>571</v>
      </c>
      <c r="B122488" s="14" t="s">
        <v>1</v>
      </c>
      <c r="C122488" s="14" t="s">
        <v>200</v>
      </c>
      <c r="D122488" s="14" t="s">
        <v>14</v>
      </c>
      <c r="E122488" s="15">
        <v>45589</v>
      </c>
      <c r="F122488" s="14" t="s">
        <v>15</v>
      </c>
      <c r="G122488" s="16">
        <v>1.3575299706903494</v>
      </c>
    </row>
    <row r="122489" spans="1:7" x14ac:dyDescent="0.3">
      <c r="A122489" s="13" t="s">
        <v>571</v>
      </c>
      <c r="B122489" s="14" t="s">
        <v>1</v>
      </c>
      <c r="C122489" s="14" t="s">
        <v>200</v>
      </c>
      <c r="D122489" s="14" t="s">
        <v>14</v>
      </c>
      <c r="E122489" s="15">
        <v>45590</v>
      </c>
      <c r="F122489" s="14" t="s">
        <v>15</v>
      </c>
      <c r="G122489" s="16">
        <v>1.363472301609751</v>
      </c>
    </row>
    <row r="122490" spans="1:7" x14ac:dyDescent="0.3">
      <c r="A122490" s="13" t="s">
        <v>571</v>
      </c>
      <c r="B122490" s="14" t="s">
        <v>1</v>
      </c>
      <c r="C122490" s="14" t="s">
        <v>200</v>
      </c>
      <c r="D122490" s="14" t="s">
        <v>14</v>
      </c>
      <c r="E122490" s="15">
        <v>45591</v>
      </c>
      <c r="F122490" s="14" t="s">
        <v>15</v>
      </c>
      <c r="G122490" s="16">
        <v>1.363472301609751</v>
      </c>
    </row>
    <row r="122491" spans="1:7" x14ac:dyDescent="0.3">
      <c r="A122491" s="13" t="s">
        <v>571</v>
      </c>
      <c r="B122491" s="14" t="s">
        <v>1</v>
      </c>
      <c r="C122491" s="14" t="s">
        <v>200</v>
      </c>
      <c r="D122491" s="14" t="s">
        <v>14</v>
      </c>
      <c r="E122491" s="15">
        <v>45592</v>
      </c>
      <c r="F122491" s="14" t="s">
        <v>15</v>
      </c>
      <c r="G122491" s="16">
        <v>1.363472301609751</v>
      </c>
    </row>
    <row r="122492" spans="1:7" x14ac:dyDescent="0.3">
      <c r="A122492" s="13" t="s">
        <v>571</v>
      </c>
      <c r="B122492" s="14" t="s">
        <v>1</v>
      </c>
      <c r="C122492" s="14" t="s">
        <v>200</v>
      </c>
      <c r="D122492" s="14" t="s">
        <v>14</v>
      </c>
      <c r="E122492" s="15">
        <v>45593</v>
      </c>
      <c r="F122492" s="14" t="s">
        <v>15</v>
      </c>
      <c r="G122492" s="16">
        <v>1.363472301609751</v>
      </c>
    </row>
    <row r="122493" spans="1:7" x14ac:dyDescent="0.3">
      <c r="A122493" s="13" t="s">
        <v>571</v>
      </c>
      <c r="B122493" s="14" t="s">
        <v>1</v>
      </c>
      <c r="C122493" s="14" t="s">
        <v>200</v>
      </c>
      <c r="D122493" s="14" t="s">
        <v>14</v>
      </c>
      <c r="E122493" s="15">
        <v>45594</v>
      </c>
      <c r="F122493" s="14" t="s">
        <v>15</v>
      </c>
      <c r="G122493" s="16">
        <v>1.369849248045157</v>
      </c>
    </row>
    <row r="122494" spans="1:7" x14ac:dyDescent="0.3">
      <c r="A122494" s="13" t="s">
        <v>571</v>
      </c>
      <c r="B122494" s="14" t="s">
        <v>1</v>
      </c>
      <c r="C122494" s="14" t="s">
        <v>200</v>
      </c>
      <c r="D122494" s="14" t="s">
        <v>14</v>
      </c>
      <c r="E122494" s="15">
        <v>45595</v>
      </c>
      <c r="F122494" s="14" t="s">
        <v>15</v>
      </c>
      <c r="G122494" s="16">
        <v>1.3942839610231108</v>
      </c>
    </row>
    <row r="122495" spans="1:7" x14ac:dyDescent="0.3">
      <c r="A122495" s="13" t="s">
        <v>571</v>
      </c>
      <c r="B122495" s="14" t="s">
        <v>1</v>
      </c>
      <c r="C122495" s="14" t="s">
        <v>200</v>
      </c>
      <c r="D122495" s="14" t="s">
        <v>14</v>
      </c>
      <c r="E122495" s="15">
        <v>45596</v>
      </c>
      <c r="F122495" s="14" t="s">
        <v>15</v>
      </c>
      <c r="G122495" s="16">
        <v>1.4002274021806156</v>
      </c>
    </row>
    <row r="122496" spans="1:7" x14ac:dyDescent="0.3">
      <c r="A122496" s="13" t="s">
        <v>571</v>
      </c>
      <c r="B122496" s="14" t="s">
        <v>1</v>
      </c>
      <c r="C122496" s="14" t="s">
        <v>200</v>
      </c>
      <c r="D122496" s="14" t="s">
        <v>14</v>
      </c>
      <c r="E122496" s="15">
        <v>45597</v>
      </c>
      <c r="F122496" s="14" t="s">
        <v>15</v>
      </c>
      <c r="G122496" s="16">
        <v>1.405524343150234</v>
      </c>
    </row>
    <row r="122497" spans="1:7" x14ac:dyDescent="0.3">
      <c r="A122497" s="13" t="s">
        <v>571</v>
      </c>
      <c r="B122497" s="14" t="s">
        <v>1</v>
      </c>
      <c r="C122497" s="14" t="s">
        <v>200</v>
      </c>
      <c r="D122497" s="14" t="s">
        <v>14</v>
      </c>
      <c r="E122497" s="15">
        <v>45598</v>
      </c>
      <c r="F122497" s="14" t="s">
        <v>15</v>
      </c>
      <c r="G122497" s="16">
        <v>1.405524343150234</v>
      </c>
    </row>
    <row r="122498" spans="1:7" x14ac:dyDescent="0.3">
      <c r="A122498" s="13" t="s">
        <v>571</v>
      </c>
      <c r="B122498" s="14" t="s">
        <v>1</v>
      </c>
      <c r="C122498" s="14" t="s">
        <v>200</v>
      </c>
      <c r="D122498" s="14" t="s">
        <v>14</v>
      </c>
      <c r="E122498" s="15">
        <v>45599</v>
      </c>
      <c r="F122498" s="14" t="s">
        <v>15</v>
      </c>
      <c r="G122498" s="16">
        <v>1.405524343150234</v>
      </c>
    </row>
    <row r="122499" spans="1:7" x14ac:dyDescent="0.3">
      <c r="A122499" s="13" t="s">
        <v>571</v>
      </c>
      <c r="B122499" s="14" t="s">
        <v>1</v>
      </c>
      <c r="C122499" s="14" t="s">
        <v>200</v>
      </c>
      <c r="D122499" s="14" t="s">
        <v>14</v>
      </c>
      <c r="E122499" s="15">
        <v>45600</v>
      </c>
      <c r="F122499" s="14" t="s">
        <v>15</v>
      </c>
      <c r="G122499" s="16">
        <v>1.413586033206041</v>
      </c>
    </row>
    <row r="122500" spans="1:7" x14ac:dyDescent="0.3">
      <c r="A122500" s="13" t="s">
        <v>571</v>
      </c>
      <c r="B122500" s="14" t="s">
        <v>1</v>
      </c>
      <c r="C122500" s="14" t="s">
        <v>200</v>
      </c>
      <c r="D122500" s="14" t="s">
        <v>14</v>
      </c>
      <c r="E122500" s="15">
        <v>45601</v>
      </c>
      <c r="F122500" s="14" t="s">
        <v>15</v>
      </c>
      <c r="G122500" s="16">
        <v>1.4405502955981309</v>
      </c>
    </row>
    <row r="122501" spans="1:7" x14ac:dyDescent="0.3">
      <c r="A122501" s="13" t="s">
        <v>571</v>
      </c>
      <c r="B122501" s="14" t="s">
        <v>1</v>
      </c>
      <c r="C122501" s="14" t="s">
        <v>200</v>
      </c>
      <c r="D122501" s="14" t="s">
        <v>14</v>
      </c>
      <c r="E122501" s="15">
        <v>45602</v>
      </c>
      <c r="F122501" s="14" t="s">
        <v>15</v>
      </c>
      <c r="G122501" s="16">
        <v>1.4460627081627342</v>
      </c>
    </row>
    <row r="122502" spans="1:7" x14ac:dyDescent="0.3">
      <c r="A122502" s="13" t="s">
        <v>571</v>
      </c>
      <c r="B122502" s="14" t="s">
        <v>1</v>
      </c>
      <c r="C122502" s="14" t="s">
        <v>200</v>
      </c>
      <c r="D122502" s="14" t="s">
        <v>14</v>
      </c>
      <c r="E122502" s="15">
        <v>45603</v>
      </c>
      <c r="F122502" s="14" t="s">
        <v>15</v>
      </c>
      <c r="G122502" s="16">
        <v>1.4446747347060895</v>
      </c>
    </row>
    <row r="122503" spans="1:7" x14ac:dyDescent="0.3">
      <c r="A122503" s="13" t="s">
        <v>571</v>
      </c>
      <c r="B122503" s="14" t="s">
        <v>1</v>
      </c>
      <c r="C122503" s="14" t="s">
        <v>200</v>
      </c>
      <c r="D122503" s="14" t="s">
        <v>14</v>
      </c>
      <c r="E122503" s="15">
        <v>45604</v>
      </c>
      <c r="F122503" s="14" t="s">
        <v>15</v>
      </c>
      <c r="G122503" s="16">
        <v>1.452477141463294</v>
      </c>
    </row>
    <row r="122504" spans="1:7" x14ac:dyDescent="0.3">
      <c r="A122504" s="13" t="s">
        <v>571</v>
      </c>
      <c r="B122504" s="14" t="s">
        <v>1</v>
      </c>
      <c r="C122504" s="14" t="s">
        <v>200</v>
      </c>
      <c r="D122504" s="14" t="s">
        <v>14</v>
      </c>
      <c r="E122504" s="15">
        <v>45605</v>
      </c>
      <c r="F122504" s="14" t="s">
        <v>15</v>
      </c>
      <c r="G122504" s="16">
        <v>1.452477141463294</v>
      </c>
    </row>
    <row r="122505" spans="1:7" x14ac:dyDescent="0.3">
      <c r="A122505" s="13" t="s">
        <v>571</v>
      </c>
      <c r="B122505" s="14" t="s">
        <v>1</v>
      </c>
      <c r="C122505" s="14" t="s">
        <v>200</v>
      </c>
      <c r="D122505" s="14" t="s">
        <v>14</v>
      </c>
      <c r="E122505" s="15">
        <v>45606</v>
      </c>
      <c r="F122505" s="14" t="s">
        <v>15</v>
      </c>
      <c r="G122505" s="16">
        <v>1.452477141463294</v>
      </c>
    </row>
    <row r="122506" spans="1:7" x14ac:dyDescent="0.3">
      <c r="A122506" s="13" t="s">
        <v>571</v>
      </c>
      <c r="B122506" s="14" t="s">
        <v>1</v>
      </c>
      <c r="C122506" s="14" t="s">
        <v>200</v>
      </c>
      <c r="D122506" s="14" t="s">
        <v>14</v>
      </c>
      <c r="E122506" s="15">
        <v>45607</v>
      </c>
      <c r="F122506" s="14" t="s">
        <v>15</v>
      </c>
      <c r="G122506" s="16">
        <v>1.452477141463294</v>
      </c>
    </row>
    <row r="122507" spans="1:7" x14ac:dyDescent="0.3">
      <c r="A122507" s="13" t="s">
        <v>571</v>
      </c>
      <c r="B122507" s="14" t="s">
        <v>1</v>
      </c>
      <c r="C122507" s="14" t="s">
        <v>200</v>
      </c>
      <c r="D122507" s="14" t="s">
        <v>14</v>
      </c>
      <c r="E122507" s="15">
        <v>45608</v>
      </c>
      <c r="F122507" s="14" t="s">
        <v>15</v>
      </c>
      <c r="G122507" s="16">
        <v>1.4597441572458798</v>
      </c>
    </row>
    <row r="122508" spans="1:7" x14ac:dyDescent="0.3">
      <c r="A122508" s="13" t="s">
        <v>571</v>
      </c>
      <c r="B122508" s="14" t="s">
        <v>1</v>
      </c>
      <c r="C122508" s="14" t="s">
        <v>200</v>
      </c>
      <c r="D122508" s="14" t="s">
        <v>14</v>
      </c>
      <c r="E122508" s="15">
        <v>45609</v>
      </c>
      <c r="F122508" s="14" t="s">
        <v>15</v>
      </c>
      <c r="G122508" s="16">
        <v>1.4763179652365479</v>
      </c>
    </row>
    <row r="122509" spans="1:7" x14ac:dyDescent="0.3">
      <c r="A122509" s="13" t="s">
        <v>571</v>
      </c>
      <c r="B122509" s="14" t="s">
        <v>1</v>
      </c>
      <c r="C122509" s="14" t="s">
        <v>200</v>
      </c>
      <c r="D122509" s="14" t="s">
        <v>14</v>
      </c>
      <c r="E122509" s="15">
        <v>45610</v>
      </c>
      <c r="F122509" s="14" t="s">
        <v>15</v>
      </c>
      <c r="G122509" s="16">
        <v>1.4821090179697767</v>
      </c>
    </row>
    <row r="122510" spans="1:7" x14ac:dyDescent="0.3">
      <c r="A122510" s="13" t="s">
        <v>571</v>
      </c>
      <c r="B122510" s="14" t="s">
        <v>1</v>
      </c>
      <c r="C122510" s="14" t="s">
        <v>200</v>
      </c>
      <c r="D122510" s="14" t="s">
        <v>14</v>
      </c>
      <c r="E122510" s="15">
        <v>45611</v>
      </c>
      <c r="F122510" s="14" t="s">
        <v>15</v>
      </c>
      <c r="G122510" s="16">
        <v>1.489178967368018</v>
      </c>
    </row>
    <row r="122511" spans="1:7" x14ac:dyDescent="0.3">
      <c r="A122511" s="13" t="s">
        <v>571</v>
      </c>
      <c r="B122511" s="14" t="s">
        <v>1</v>
      </c>
      <c r="C122511" s="14" t="s">
        <v>200</v>
      </c>
      <c r="D122511" s="14" t="s">
        <v>14</v>
      </c>
      <c r="E122511" s="15">
        <v>45612</v>
      </c>
      <c r="F122511" s="14" t="s">
        <v>15</v>
      </c>
      <c r="G122511" s="16">
        <v>1.489178967368018</v>
      </c>
    </row>
    <row r="122512" spans="1:7" x14ac:dyDescent="0.3">
      <c r="A122512" s="13" t="s">
        <v>571</v>
      </c>
      <c r="B122512" s="14" t="s">
        <v>1</v>
      </c>
      <c r="C122512" s="14" t="s">
        <v>200</v>
      </c>
      <c r="D122512" s="14" t="s">
        <v>14</v>
      </c>
      <c r="E122512" s="15">
        <v>45613</v>
      </c>
      <c r="F122512" s="14" t="s">
        <v>15</v>
      </c>
      <c r="G122512" s="16">
        <v>1.489178967368018</v>
      </c>
    </row>
    <row r="122513" spans="1:7" x14ac:dyDescent="0.3">
      <c r="A122513" s="13" t="s">
        <v>571</v>
      </c>
      <c r="B122513" s="14" t="s">
        <v>1</v>
      </c>
      <c r="C122513" s="14" t="s">
        <v>200</v>
      </c>
      <c r="D122513" s="14" t="s">
        <v>14</v>
      </c>
      <c r="E122513" s="15">
        <v>45614</v>
      </c>
      <c r="F122513" s="14" t="s">
        <v>15</v>
      </c>
      <c r="G122513" s="16">
        <v>1.4947298633619712</v>
      </c>
    </row>
    <row r="122514" spans="1:7" x14ac:dyDescent="0.3">
      <c r="A122514" s="13" t="s">
        <v>571</v>
      </c>
      <c r="B122514" s="14" t="s">
        <v>1</v>
      </c>
      <c r="C122514" s="14" t="s">
        <v>200</v>
      </c>
      <c r="D122514" s="14" t="s">
        <v>14</v>
      </c>
      <c r="E122514" s="15">
        <v>45615</v>
      </c>
      <c r="F122514" s="14" t="s">
        <v>15</v>
      </c>
      <c r="G122514" s="16">
        <v>1.5122036388412174</v>
      </c>
    </row>
    <row r="122515" spans="1:7" x14ac:dyDescent="0.3">
      <c r="A122515" s="13" t="s">
        <v>571</v>
      </c>
      <c r="B122515" s="14" t="s">
        <v>1</v>
      </c>
      <c r="C122515" s="14" t="s">
        <v>200</v>
      </c>
      <c r="D122515" s="14" t="s">
        <v>14</v>
      </c>
      <c r="E122515" s="15">
        <v>45616</v>
      </c>
      <c r="F122515" s="14" t="s">
        <v>15</v>
      </c>
      <c r="G122515" s="16">
        <v>1.5208131751732896</v>
      </c>
    </row>
    <row r="122516" spans="1:7" x14ac:dyDescent="0.3">
      <c r="A122516" s="13" t="s">
        <v>571</v>
      </c>
      <c r="B122516" s="14" t="s">
        <v>1</v>
      </c>
      <c r="C122516" s="14" t="s">
        <v>200</v>
      </c>
      <c r="D122516" s="14" t="s">
        <v>14</v>
      </c>
      <c r="E122516" s="15">
        <v>45617</v>
      </c>
      <c r="F122516" s="14" t="s">
        <v>15</v>
      </c>
      <c r="G122516" s="16">
        <v>1.526707494448843</v>
      </c>
    </row>
    <row r="122517" spans="1:7" x14ac:dyDescent="0.3">
      <c r="A122517" s="13" t="s">
        <v>571</v>
      </c>
      <c r="B122517" s="14" t="s">
        <v>1</v>
      </c>
      <c r="C122517" s="14" t="s">
        <v>200</v>
      </c>
      <c r="D122517" s="14" t="s">
        <v>14</v>
      </c>
      <c r="E122517" s="15">
        <v>45618</v>
      </c>
      <c r="F122517" s="14" t="s">
        <v>15</v>
      </c>
      <c r="G122517" s="16">
        <v>1.5359764137483525</v>
      </c>
    </row>
    <row r="122518" spans="1:7" x14ac:dyDescent="0.3">
      <c r="A122518" s="13" t="s">
        <v>571</v>
      </c>
      <c r="B122518" s="14" t="s">
        <v>1</v>
      </c>
      <c r="C122518" s="14" t="s">
        <v>200</v>
      </c>
      <c r="D122518" s="14" t="s">
        <v>14</v>
      </c>
      <c r="E122518" s="15">
        <v>45619</v>
      </c>
      <c r="F122518" s="14" t="s">
        <v>15</v>
      </c>
      <c r="G122518" s="16">
        <v>1.5359764137483525</v>
      </c>
    </row>
    <row r="122519" spans="1:7" x14ac:dyDescent="0.3">
      <c r="A122519" s="13" t="s">
        <v>571</v>
      </c>
      <c r="B122519" s="14" t="s">
        <v>1</v>
      </c>
      <c r="C122519" s="14" t="s">
        <v>200</v>
      </c>
      <c r="D122519" s="14" t="s">
        <v>14</v>
      </c>
      <c r="E122519" s="15">
        <v>45620</v>
      </c>
      <c r="F122519" s="14" t="s">
        <v>15</v>
      </c>
      <c r="G122519" s="16">
        <v>1.5359764137483525</v>
      </c>
    </row>
    <row r="122520" spans="1:7" x14ac:dyDescent="0.3">
      <c r="A122520" s="13" t="s">
        <v>571</v>
      </c>
      <c r="B122520" s="14" t="s">
        <v>1</v>
      </c>
      <c r="C122520" s="14" t="s">
        <v>200</v>
      </c>
      <c r="D122520" s="14" t="s">
        <v>14</v>
      </c>
      <c r="E122520" s="15">
        <v>45621</v>
      </c>
      <c r="F122520" s="14" t="s">
        <v>15</v>
      </c>
      <c r="G122520" s="16">
        <v>1.5403541607544375</v>
      </c>
    </row>
    <row r="122521" spans="1:7" x14ac:dyDescent="0.3">
      <c r="A122521" s="13" t="s">
        <v>571</v>
      </c>
      <c r="B122521" s="14" t="s">
        <v>1</v>
      </c>
      <c r="C122521" s="14" t="s">
        <v>200</v>
      </c>
      <c r="D122521" s="14" t="s">
        <v>14</v>
      </c>
      <c r="E122521" s="15">
        <v>45622</v>
      </c>
      <c r="F122521" s="14" t="s">
        <v>15</v>
      </c>
      <c r="G122521" s="16">
        <v>1.561083527342666</v>
      </c>
    </row>
    <row r="122522" spans="1:7" x14ac:dyDescent="0.3">
      <c r="A122522" s="13" t="s">
        <v>571</v>
      </c>
      <c r="B122522" s="14" t="s">
        <v>1</v>
      </c>
      <c r="C122522" s="14" t="s">
        <v>200</v>
      </c>
      <c r="D122522" s="14" t="s">
        <v>14</v>
      </c>
      <c r="E122522" s="15">
        <v>45623</v>
      </c>
      <c r="F122522" s="14" t="s">
        <v>15</v>
      </c>
      <c r="G122522" s="16">
        <v>1.567087273219407</v>
      </c>
    </row>
    <row r="122523" spans="1:7" x14ac:dyDescent="0.3">
      <c r="A122523" s="13" t="s">
        <v>571</v>
      </c>
      <c r="B122523" s="14" t="s">
        <v>1</v>
      </c>
      <c r="C122523" s="14" t="s">
        <v>200</v>
      </c>
      <c r="D122523" s="14" t="s">
        <v>14</v>
      </c>
      <c r="E122523" s="15">
        <v>45624</v>
      </c>
      <c r="F122523" s="14" t="s">
        <v>15</v>
      </c>
      <c r="G122523" s="16">
        <v>1.567087273219407</v>
      </c>
    </row>
    <row r="122524" spans="1:7" x14ac:dyDescent="0.3">
      <c r="A122524" s="13" t="s">
        <v>571</v>
      </c>
      <c r="B122524" s="14" t="s">
        <v>1</v>
      </c>
      <c r="C122524" s="14" t="s">
        <v>200</v>
      </c>
      <c r="D122524" s="14" t="s">
        <v>14</v>
      </c>
      <c r="E122524" s="15">
        <v>45625</v>
      </c>
      <c r="F122524" s="14" t="s">
        <v>15</v>
      </c>
      <c r="G122524" s="16">
        <v>1.5751596866411934</v>
      </c>
    </row>
    <row r="122525" spans="1:7" x14ac:dyDescent="0.3">
      <c r="A122525" s="13" t="s">
        <v>571</v>
      </c>
      <c r="B122525" s="14" t="s">
        <v>1</v>
      </c>
      <c r="C122525" s="14" t="s">
        <v>200</v>
      </c>
      <c r="D122525" s="14" t="s">
        <v>14</v>
      </c>
      <c r="E122525" s="15">
        <v>45626</v>
      </c>
      <c r="F122525" s="14" t="s">
        <v>15</v>
      </c>
      <c r="G122525" s="16">
        <v>1.5751596866411934</v>
      </c>
    </row>
    <row r="122526" spans="1:7" x14ac:dyDescent="0.3">
      <c r="A122526" s="13" t="s">
        <v>571</v>
      </c>
      <c r="B122526" s="14" t="s">
        <v>1</v>
      </c>
      <c r="C122526" s="14" t="s">
        <v>200</v>
      </c>
      <c r="D122526" s="14" t="s">
        <v>14</v>
      </c>
      <c r="E122526" s="15">
        <v>45627</v>
      </c>
      <c r="F122526" s="14" t="s">
        <v>15</v>
      </c>
      <c r="G122526" s="16">
        <v>1.5751596866411934</v>
      </c>
    </row>
    <row r="122527" spans="1:7" x14ac:dyDescent="0.3">
      <c r="A122527" s="13" t="s">
        <v>571</v>
      </c>
      <c r="B122527" s="14" t="s">
        <v>1</v>
      </c>
      <c r="C122527" s="14" t="s">
        <v>200</v>
      </c>
      <c r="D122527" s="14" t="s">
        <v>14</v>
      </c>
      <c r="E122527" s="15">
        <v>45628</v>
      </c>
      <c r="F122527" s="14" t="s">
        <v>15</v>
      </c>
      <c r="G122527" s="16">
        <v>1.5881069310891431</v>
      </c>
    </row>
    <row r="122528" spans="1:7" x14ac:dyDescent="0.3">
      <c r="A122528" s="13" t="s">
        <v>571</v>
      </c>
      <c r="B122528" s="14" t="s">
        <v>1</v>
      </c>
      <c r="C122528" s="14" t="s">
        <v>200</v>
      </c>
      <c r="D122528" s="14" t="s">
        <v>14</v>
      </c>
      <c r="E122528" s="15">
        <v>45629</v>
      </c>
      <c r="F122528" s="14" t="s">
        <v>15</v>
      </c>
      <c r="G122528" s="16">
        <v>1.6063631196003358</v>
      </c>
    </row>
    <row r="122529" spans="1:7" x14ac:dyDescent="0.3">
      <c r="A122529" s="13" t="s">
        <v>571</v>
      </c>
      <c r="B122529" s="14" t="s">
        <v>1</v>
      </c>
      <c r="C122529" s="14" t="s">
        <v>200</v>
      </c>
      <c r="D122529" s="14" t="s">
        <v>14</v>
      </c>
      <c r="E122529" s="15">
        <v>45630</v>
      </c>
      <c r="F122529" s="14" t="s">
        <v>15</v>
      </c>
      <c r="G122529" s="16">
        <v>1.6111985932024753</v>
      </c>
    </row>
    <row r="122530" spans="1:7" x14ac:dyDescent="0.3">
      <c r="A122530" s="13" t="s">
        <v>571</v>
      </c>
      <c r="B122530" s="14" t="s">
        <v>1</v>
      </c>
      <c r="C122530" s="14" t="s">
        <v>200</v>
      </c>
      <c r="D122530" s="14" t="s">
        <v>14</v>
      </c>
      <c r="E122530" s="15">
        <v>45631</v>
      </c>
      <c r="F122530" s="14" t="s">
        <v>15</v>
      </c>
      <c r="G122530" s="16">
        <v>1.614590987459634</v>
      </c>
    </row>
    <row r="122531" spans="1:7" x14ac:dyDescent="0.3">
      <c r="A122531" s="13" t="s">
        <v>571</v>
      </c>
      <c r="B122531" s="14" t="s">
        <v>1</v>
      </c>
      <c r="C122531" s="14" t="s">
        <v>200</v>
      </c>
      <c r="D122531" s="14" t="s">
        <v>14</v>
      </c>
      <c r="E122531" s="15">
        <v>45632</v>
      </c>
      <c r="F122531" s="14" t="s">
        <v>15</v>
      </c>
      <c r="G122531" s="16">
        <v>1.6210166973684759</v>
      </c>
    </row>
    <row r="122532" spans="1:7" x14ac:dyDescent="0.3">
      <c r="A122532" s="13" t="s">
        <v>571</v>
      </c>
      <c r="B122532" s="14" t="s">
        <v>1</v>
      </c>
      <c r="C122532" s="14" t="s">
        <v>200</v>
      </c>
      <c r="D122532" s="14" t="s">
        <v>14</v>
      </c>
      <c r="E122532" s="15">
        <v>45633</v>
      </c>
      <c r="F122532" s="14" t="s">
        <v>15</v>
      </c>
      <c r="G122532" s="16">
        <v>1.6210166973684759</v>
      </c>
    </row>
    <row r="122533" spans="1:7" x14ac:dyDescent="0.3">
      <c r="A122533" s="13" t="s">
        <v>571</v>
      </c>
      <c r="B122533" s="14" t="s">
        <v>1</v>
      </c>
      <c r="C122533" s="14" t="s">
        <v>200</v>
      </c>
      <c r="D122533" s="14" t="s">
        <v>14</v>
      </c>
      <c r="E122533" s="15">
        <v>45634</v>
      </c>
      <c r="F122533" s="14" t="s">
        <v>15</v>
      </c>
      <c r="G122533" s="16">
        <v>1.6210166973684759</v>
      </c>
    </row>
    <row r="122534" spans="1:7" x14ac:dyDescent="0.3">
      <c r="A122534" s="13" t="s">
        <v>571</v>
      </c>
      <c r="B122534" s="14" t="s">
        <v>1</v>
      </c>
      <c r="C122534" s="14" t="s">
        <v>200</v>
      </c>
      <c r="D122534" s="14" t="s">
        <v>14</v>
      </c>
      <c r="E122534" s="15">
        <v>45635</v>
      </c>
      <c r="F122534" s="14" t="s">
        <v>15</v>
      </c>
      <c r="G122534" s="16">
        <v>1.6270833271794414</v>
      </c>
    </row>
    <row r="122535" spans="1:7" x14ac:dyDescent="0.3">
      <c r="A122535" s="13" t="s">
        <v>571</v>
      </c>
      <c r="B122535" s="14" t="s">
        <v>1</v>
      </c>
      <c r="C122535" s="14" t="s">
        <v>200</v>
      </c>
      <c r="D122535" s="14" t="s">
        <v>14</v>
      </c>
      <c r="E122535" s="15">
        <v>45636</v>
      </c>
      <c r="F122535" s="14" t="s">
        <v>15</v>
      </c>
      <c r="G122535" s="16">
        <v>1.6484192028965343</v>
      </c>
    </row>
    <row r="122536" spans="1:7" x14ac:dyDescent="0.3">
      <c r="A122536" s="13" t="s">
        <v>571</v>
      </c>
      <c r="B122536" s="14" t="s">
        <v>1</v>
      </c>
      <c r="C122536" s="14" t="s">
        <v>200</v>
      </c>
      <c r="D122536" s="14" t="s">
        <v>14</v>
      </c>
      <c r="E122536" s="15">
        <v>45637</v>
      </c>
      <c r="F122536" s="14" t="s">
        <v>15</v>
      </c>
      <c r="G122536" s="16">
        <v>1.6545526522348861</v>
      </c>
    </row>
    <row r="122537" spans="1:7" x14ac:dyDescent="0.3">
      <c r="A122537" s="13" t="s">
        <v>571</v>
      </c>
      <c r="B122537" s="14" t="s">
        <v>1</v>
      </c>
      <c r="C122537" s="14" t="s">
        <v>200</v>
      </c>
      <c r="D122537" s="14" t="s">
        <v>14</v>
      </c>
      <c r="E122537" s="15">
        <v>45638</v>
      </c>
      <c r="F122537" s="14" t="s">
        <v>15</v>
      </c>
      <c r="G122537" s="16">
        <v>1.6609260016433942</v>
      </c>
    </row>
    <row r="122538" spans="1:7" x14ac:dyDescent="0.3">
      <c r="A122538" s="13" t="s">
        <v>571</v>
      </c>
      <c r="B122538" s="14" t="s">
        <v>1</v>
      </c>
      <c r="C122538" s="14" t="s">
        <v>200</v>
      </c>
      <c r="D122538" s="14" t="s">
        <v>14</v>
      </c>
      <c r="E122538" s="15">
        <v>45639</v>
      </c>
      <c r="F122538" s="14" t="s">
        <v>15</v>
      </c>
      <c r="G122538" s="16">
        <v>1.668472157814278</v>
      </c>
    </row>
    <row r="122539" spans="1:7" x14ac:dyDescent="0.3">
      <c r="A122539" s="13" t="s">
        <v>571</v>
      </c>
      <c r="B122539" s="14" t="s">
        <v>1</v>
      </c>
      <c r="C122539" s="14" t="s">
        <v>200</v>
      </c>
      <c r="D122539" s="14" t="s">
        <v>14</v>
      </c>
      <c r="E122539" s="15">
        <v>45640</v>
      </c>
      <c r="F122539" s="14" t="s">
        <v>15</v>
      </c>
      <c r="G122539" s="16">
        <v>1.668472157814278</v>
      </c>
    </row>
    <row r="122540" spans="1:7" x14ac:dyDescent="0.3">
      <c r="A122540" s="13" t="s">
        <v>571</v>
      </c>
      <c r="B122540" s="14" t="s">
        <v>1</v>
      </c>
      <c r="C122540" s="14" t="s">
        <v>200</v>
      </c>
      <c r="D122540" s="14" t="s">
        <v>14</v>
      </c>
      <c r="E122540" s="15">
        <v>45641</v>
      </c>
      <c r="F122540" s="14" t="s">
        <v>15</v>
      </c>
      <c r="G122540" s="16">
        <v>1.668472157814278</v>
      </c>
    </row>
    <row r="122541" spans="1:7" x14ac:dyDescent="0.3">
      <c r="A122541" s="13" t="s">
        <v>571</v>
      </c>
      <c r="B122541" s="14" t="s">
        <v>1</v>
      </c>
      <c r="C122541" s="14" t="s">
        <v>200</v>
      </c>
      <c r="D122541" s="14" t="s">
        <v>14</v>
      </c>
      <c r="E122541" s="15">
        <v>45642</v>
      </c>
      <c r="F122541" s="14" t="s">
        <v>15</v>
      </c>
      <c r="G122541" s="16">
        <v>1.6749883008094806</v>
      </c>
    </row>
    <row r="122542" spans="1:7" x14ac:dyDescent="0.3">
      <c r="A122542" s="13" t="s">
        <v>571</v>
      </c>
      <c r="B122542" s="14" t="s">
        <v>1</v>
      </c>
      <c r="C122542" s="14" t="s">
        <v>200</v>
      </c>
      <c r="D122542" s="14" t="s">
        <v>14</v>
      </c>
      <c r="E122542" s="15">
        <v>45643</v>
      </c>
      <c r="F122542" s="14" t="s">
        <v>15</v>
      </c>
      <c r="G122542" s="16">
        <v>1.6933027532107505</v>
      </c>
    </row>
    <row r="122543" spans="1:7" x14ac:dyDescent="0.3">
      <c r="A122543" s="13" t="s">
        <v>571</v>
      </c>
      <c r="B122543" s="14" t="s">
        <v>1</v>
      </c>
      <c r="C122543" s="14" t="s">
        <v>200</v>
      </c>
      <c r="D122543" s="14" t="s">
        <v>14</v>
      </c>
      <c r="E122543" s="15">
        <v>45644</v>
      </c>
      <c r="F122543" s="14" t="s">
        <v>15</v>
      </c>
      <c r="G122543" s="16">
        <v>1.6996376195753895</v>
      </c>
    </row>
    <row r="122544" spans="1:7" x14ac:dyDescent="0.3">
      <c r="A122544" s="13" t="s">
        <v>571</v>
      </c>
      <c r="B122544" s="14" t="s">
        <v>1</v>
      </c>
      <c r="C122544" s="14" t="s">
        <v>200</v>
      </c>
      <c r="D122544" s="14" t="s">
        <v>14</v>
      </c>
      <c r="E122544" s="15">
        <v>45645</v>
      </c>
      <c r="F122544" s="14" t="s">
        <v>15</v>
      </c>
      <c r="G122544" s="16">
        <v>1.7081633623956802</v>
      </c>
    </row>
    <row r="122545" spans="1:7" x14ac:dyDescent="0.3">
      <c r="A122545" s="13" t="s">
        <v>571</v>
      </c>
      <c r="B122545" s="14" t="s">
        <v>1</v>
      </c>
      <c r="C122545" s="14" t="s">
        <v>200</v>
      </c>
      <c r="D122545" s="14" t="s">
        <v>14</v>
      </c>
      <c r="E122545" s="15">
        <v>45646</v>
      </c>
      <c r="F122545" s="14" t="s">
        <v>15</v>
      </c>
      <c r="G122545" s="16">
        <v>1.7179852263962532</v>
      </c>
    </row>
    <row r="122546" spans="1:7" x14ac:dyDescent="0.3">
      <c r="A122546" s="13" t="s">
        <v>571</v>
      </c>
      <c r="B122546" s="14" t="s">
        <v>1</v>
      </c>
      <c r="C122546" s="14" t="s">
        <v>200</v>
      </c>
      <c r="D122546" s="14" t="s">
        <v>14</v>
      </c>
      <c r="E122546" s="15">
        <v>45647</v>
      </c>
      <c r="F122546" s="14" t="s">
        <v>15</v>
      </c>
      <c r="G122546" s="16">
        <v>1.7179852263962532</v>
      </c>
    </row>
    <row r="122547" spans="1:7" x14ac:dyDescent="0.3">
      <c r="A122547" s="13" t="s">
        <v>571</v>
      </c>
      <c r="B122547" s="14" t="s">
        <v>1</v>
      </c>
      <c r="C122547" s="14" t="s">
        <v>200</v>
      </c>
      <c r="D122547" s="14" t="s">
        <v>14</v>
      </c>
      <c r="E122547" s="15">
        <v>45648</v>
      </c>
      <c r="F122547" s="14" t="s">
        <v>15</v>
      </c>
      <c r="G122547" s="16">
        <v>1.7179852263962532</v>
      </c>
    </row>
    <row r="122548" spans="1:7" x14ac:dyDescent="0.3">
      <c r="A122548" s="13" t="s">
        <v>571</v>
      </c>
      <c r="B122548" s="14" t="s">
        <v>1</v>
      </c>
      <c r="C122548" s="14" t="s">
        <v>200</v>
      </c>
      <c r="D122548" s="14" t="s">
        <v>14</v>
      </c>
      <c r="E122548" s="15">
        <v>45649</v>
      </c>
      <c r="F122548" s="14" t="s">
        <v>15</v>
      </c>
      <c r="G122548" s="16">
        <v>1.7251447140725109</v>
      </c>
    </row>
    <row r="122549" spans="1:7" x14ac:dyDescent="0.3">
      <c r="A122549" s="13" t="s">
        <v>571</v>
      </c>
      <c r="B122549" s="14" t="s">
        <v>1</v>
      </c>
      <c r="C122549" s="14" t="s">
        <v>200</v>
      </c>
      <c r="D122549" s="14" t="s">
        <v>14</v>
      </c>
      <c r="E122549" s="15">
        <v>45650</v>
      </c>
      <c r="F122549" s="14" t="s">
        <v>15</v>
      </c>
      <c r="G122549" s="16">
        <v>1.744050458643962</v>
      </c>
    </row>
    <row r="122550" spans="1:7" x14ac:dyDescent="0.3">
      <c r="A122550" s="13" t="s">
        <v>571</v>
      </c>
      <c r="B122550" s="14" t="s">
        <v>1</v>
      </c>
      <c r="C122550" s="14" t="s">
        <v>200</v>
      </c>
      <c r="D122550" s="14" t="s">
        <v>14</v>
      </c>
      <c r="E122550" s="15">
        <v>45651</v>
      </c>
      <c r="F122550" s="14" t="s">
        <v>15</v>
      </c>
      <c r="G122550" s="16">
        <v>1.744050458643962</v>
      </c>
    </row>
    <row r="122551" spans="1:7" x14ac:dyDescent="0.3">
      <c r="A122551" s="13" t="s">
        <v>571</v>
      </c>
      <c r="B122551" s="14" t="s">
        <v>1</v>
      </c>
      <c r="C122551" s="14" t="s">
        <v>200</v>
      </c>
      <c r="D122551" s="14" t="s">
        <v>14</v>
      </c>
      <c r="E122551" s="15">
        <v>45652</v>
      </c>
      <c r="F122551" s="14" t="s">
        <v>15</v>
      </c>
      <c r="G122551" s="16">
        <v>1.744050458643962</v>
      </c>
    </row>
    <row r="122552" spans="1:7" x14ac:dyDescent="0.3">
      <c r="A122552" s="13" t="s">
        <v>571</v>
      </c>
      <c r="B122552" s="14" t="s">
        <v>1</v>
      </c>
      <c r="C122552" s="14" t="s">
        <v>200</v>
      </c>
      <c r="D122552" s="14" t="s">
        <v>14</v>
      </c>
      <c r="E122552" s="15">
        <v>45653</v>
      </c>
      <c r="F122552" s="14" t="s">
        <v>15</v>
      </c>
      <c r="G122552" s="16">
        <v>1.744050458643962</v>
      </c>
    </row>
    <row r="122553" spans="1:7" x14ac:dyDescent="0.3">
      <c r="A122553" s="13" t="s">
        <v>571</v>
      </c>
      <c r="B122553" s="14" t="s">
        <v>1</v>
      </c>
      <c r="C122553" s="14" t="s">
        <v>200</v>
      </c>
      <c r="D122553" s="14" t="s">
        <v>14</v>
      </c>
      <c r="E122553" s="15">
        <v>45654</v>
      </c>
      <c r="F122553" s="14" t="s">
        <v>15</v>
      </c>
      <c r="G122553" s="16">
        <v>1.744050458643962</v>
      </c>
    </row>
    <row r="122554" spans="1:7" x14ac:dyDescent="0.3">
      <c r="A122554" s="13" t="s">
        <v>571</v>
      </c>
      <c r="B122554" s="14" t="s">
        <v>1</v>
      </c>
      <c r="C122554" s="14" t="s">
        <v>200</v>
      </c>
      <c r="D122554" s="14" t="s">
        <v>14</v>
      </c>
      <c r="E122554" s="15">
        <v>45655</v>
      </c>
      <c r="F122554" s="14" t="s">
        <v>15</v>
      </c>
      <c r="G122554" s="16">
        <v>1.744050458643962</v>
      </c>
    </row>
    <row r="122555" spans="1:7" x14ac:dyDescent="0.3">
      <c r="A122555" s="13" t="s">
        <v>571</v>
      </c>
      <c r="B122555" s="14" t="s">
        <v>1</v>
      </c>
      <c r="C122555" s="14" t="s">
        <v>200</v>
      </c>
      <c r="D122555" s="14" t="s">
        <v>14</v>
      </c>
      <c r="E122555" s="15">
        <v>45656</v>
      </c>
      <c r="F122555" s="14" t="s">
        <v>15</v>
      </c>
      <c r="G122555" s="16">
        <v>1.7503074382574304</v>
      </c>
    </row>
    <row r="122556" spans="1:7" x14ac:dyDescent="0.3">
      <c r="A122556" s="13" t="s">
        <v>571</v>
      </c>
      <c r="B122556" s="14" t="s">
        <v>1</v>
      </c>
      <c r="C122556" s="14" t="s">
        <v>200</v>
      </c>
      <c r="D122556" s="14" t="s">
        <v>14</v>
      </c>
      <c r="E122556" s="15">
        <v>45657</v>
      </c>
      <c r="F122556" s="14" t="s">
        <v>15</v>
      </c>
      <c r="G122556" s="16">
        <v>1.7919999766649604</v>
      </c>
    </row>
    <row r="122557" spans="1:7" x14ac:dyDescent="0.3">
      <c r="A122557" s="13" t="s">
        <v>571</v>
      </c>
      <c r="B122557" s="14" t="s">
        <v>1</v>
      </c>
      <c r="C122557" s="14" t="s">
        <v>200</v>
      </c>
      <c r="D122557" s="14" t="s">
        <v>14</v>
      </c>
      <c r="E122557" s="15">
        <v>45658</v>
      </c>
      <c r="F122557" s="14" t="s">
        <v>15</v>
      </c>
      <c r="G122557" s="16">
        <v>1.7919999766649604</v>
      </c>
    </row>
    <row r="122558" spans="1:7" x14ac:dyDescent="0.3">
      <c r="A122558" s="13" t="s">
        <v>571</v>
      </c>
      <c r="B122558" s="14" t="s">
        <v>1</v>
      </c>
      <c r="C122558" s="14" t="s">
        <v>200</v>
      </c>
      <c r="D122558" s="14" t="s">
        <v>14</v>
      </c>
      <c r="E122558" s="15">
        <v>45659</v>
      </c>
      <c r="F122558" s="14" t="s">
        <v>15</v>
      </c>
      <c r="G122558" s="16">
        <v>1.7991891905438446</v>
      </c>
    </row>
    <row r="122559" spans="1:7" x14ac:dyDescent="0.3">
      <c r="A122559" s="13" t="s">
        <v>571</v>
      </c>
      <c r="B122559" s="14" t="s">
        <v>1</v>
      </c>
      <c r="C122559" s="14" t="s">
        <v>200</v>
      </c>
      <c r="D122559" s="14" t="s">
        <v>14</v>
      </c>
      <c r="E122559" s="15">
        <v>45660</v>
      </c>
      <c r="F122559" s="14" t="s">
        <v>15</v>
      </c>
      <c r="G122559" s="16">
        <v>1.807594088911298</v>
      </c>
    </row>
    <row r="122560" spans="1:7" x14ac:dyDescent="0.3">
      <c r="A122560" s="13" t="s">
        <v>571</v>
      </c>
      <c r="B122560" s="14" t="s">
        <v>1</v>
      </c>
      <c r="C122560" s="14" t="s">
        <v>200</v>
      </c>
      <c r="D122560" s="14" t="s">
        <v>14</v>
      </c>
      <c r="E122560" s="15">
        <v>45661</v>
      </c>
      <c r="F122560" s="14" t="s">
        <v>15</v>
      </c>
      <c r="G122560" s="16">
        <v>1.807594088911298</v>
      </c>
    </row>
    <row r="122561" spans="1:7" x14ac:dyDescent="0.3">
      <c r="A122561" s="13" t="s">
        <v>571</v>
      </c>
      <c r="B122561" s="14" t="s">
        <v>1</v>
      </c>
      <c r="C122561" s="14" t="s">
        <v>200</v>
      </c>
      <c r="D122561" s="14" t="s">
        <v>14</v>
      </c>
      <c r="E122561" s="15">
        <v>45662</v>
      </c>
      <c r="F122561" s="14" t="s">
        <v>15</v>
      </c>
      <c r="G122561" s="16">
        <v>1.807594088911298</v>
      </c>
    </row>
    <row r="122562" spans="1:7" x14ac:dyDescent="0.3">
      <c r="A122562" s="13" t="s">
        <v>571</v>
      </c>
      <c r="B122562" s="14" t="s">
        <v>1</v>
      </c>
      <c r="C122562" s="14" t="s">
        <v>200</v>
      </c>
      <c r="D122562" s="14" t="s">
        <v>14</v>
      </c>
      <c r="E122562" s="15">
        <v>45663</v>
      </c>
      <c r="F122562" s="14" t="s">
        <v>15</v>
      </c>
      <c r="G122562" s="16">
        <v>1.8140026305978152</v>
      </c>
    </row>
    <row r="122563" spans="1:7" x14ac:dyDescent="0.3">
      <c r="A122563" s="13" t="s">
        <v>571</v>
      </c>
      <c r="B122563" s="14" t="s">
        <v>1</v>
      </c>
      <c r="C122563" s="14" t="s">
        <v>200</v>
      </c>
      <c r="D122563" s="14" t="s">
        <v>14</v>
      </c>
      <c r="E122563" s="15">
        <v>45664</v>
      </c>
      <c r="F122563" s="14" t="s">
        <v>15</v>
      </c>
      <c r="G122563" s="16">
        <v>1.8347873449776557</v>
      </c>
    </row>
    <row r="122564" spans="1:7" x14ac:dyDescent="0.3">
      <c r="A122564" s="13" t="s">
        <v>571</v>
      </c>
      <c r="B122564" s="14" t="s">
        <v>1</v>
      </c>
      <c r="C122564" s="14" t="s">
        <v>200</v>
      </c>
      <c r="D122564" s="14" t="s">
        <v>14</v>
      </c>
      <c r="E122564" s="15">
        <v>45665</v>
      </c>
      <c r="F122564" s="14" t="s">
        <v>15</v>
      </c>
      <c r="G122564" s="16">
        <v>1.8406882812356276</v>
      </c>
    </row>
    <row r="122565" spans="1:7" x14ac:dyDescent="0.3">
      <c r="A122565" s="13" t="s">
        <v>571</v>
      </c>
      <c r="B122565" s="14" t="s">
        <v>1</v>
      </c>
      <c r="C122565" s="14" t="s">
        <v>200</v>
      </c>
      <c r="D122565" s="14" t="s">
        <v>14</v>
      </c>
      <c r="E122565" s="15">
        <v>45666</v>
      </c>
      <c r="F122565" s="14" t="s">
        <v>15</v>
      </c>
      <c r="G122565" s="16">
        <v>1.8406882812356276</v>
      </c>
    </row>
    <row r="122566" spans="1:7" x14ac:dyDescent="0.3">
      <c r="A122566" s="13" t="s">
        <v>571</v>
      </c>
      <c r="B122566" s="14" t="s">
        <v>1</v>
      </c>
      <c r="C122566" s="14" t="s">
        <v>200</v>
      </c>
      <c r="D122566" s="14" t="s">
        <v>14</v>
      </c>
      <c r="E122566" s="15">
        <v>45667</v>
      </c>
      <c r="F122566" s="14" t="s">
        <v>15</v>
      </c>
      <c r="G122566" s="16">
        <v>1.8534515000329925</v>
      </c>
    </row>
    <row r="122567" spans="1:7" x14ac:dyDescent="0.3">
      <c r="A122567" s="13" t="s">
        <v>571</v>
      </c>
      <c r="B122567" s="14" t="s">
        <v>1</v>
      </c>
      <c r="C122567" s="14" t="s">
        <v>200</v>
      </c>
      <c r="D122567" s="14" t="s">
        <v>14</v>
      </c>
      <c r="E122567" s="15">
        <v>45668</v>
      </c>
      <c r="F122567" s="14" t="s">
        <v>15</v>
      </c>
      <c r="G122567" s="16">
        <v>1.8534515000329925</v>
      </c>
    </row>
    <row r="122568" spans="1:7" x14ac:dyDescent="0.3">
      <c r="A122568" s="13" t="s">
        <v>571</v>
      </c>
      <c r="B122568" s="14" t="s">
        <v>1</v>
      </c>
      <c r="C122568" s="14" t="s">
        <v>200</v>
      </c>
      <c r="D122568" s="14" t="s">
        <v>14</v>
      </c>
      <c r="E122568" s="15">
        <v>45669</v>
      </c>
      <c r="F122568" s="14" t="s">
        <v>15</v>
      </c>
      <c r="G122568" s="16">
        <v>1.8534515000329925</v>
      </c>
    </row>
    <row r="122569" spans="1:7" x14ac:dyDescent="0.3">
      <c r="A122569" s="13" t="s">
        <v>571</v>
      </c>
      <c r="B122569" s="14" t="s">
        <v>1</v>
      </c>
      <c r="C122569" s="14" t="s">
        <v>200</v>
      </c>
      <c r="D122569" s="14" t="s">
        <v>14</v>
      </c>
      <c r="E122569" s="15">
        <v>45670</v>
      </c>
      <c r="F122569" s="14" t="s">
        <v>15</v>
      </c>
      <c r="G122569" s="16">
        <v>1.8643597229290916</v>
      </c>
    </row>
    <row r="122570" spans="1:7" x14ac:dyDescent="0.3">
      <c r="A122570" s="13" t="s">
        <v>571</v>
      </c>
      <c r="B122570" s="14" t="s">
        <v>1</v>
      </c>
      <c r="C122570" s="14" t="s">
        <v>200</v>
      </c>
      <c r="D122570" s="14" t="s">
        <v>14</v>
      </c>
      <c r="E122570" s="15">
        <v>45671</v>
      </c>
      <c r="F122570" s="14" t="s">
        <v>15</v>
      </c>
      <c r="G122570" s="16">
        <v>1.8809139062951785</v>
      </c>
    </row>
    <row r="122571" spans="1:7" x14ac:dyDescent="0.3">
      <c r="A122571" s="13" t="s">
        <v>571</v>
      </c>
      <c r="B122571" s="14" t="s">
        <v>1</v>
      </c>
      <c r="C122571" s="14" t="s">
        <v>200</v>
      </c>
      <c r="D122571" s="14" t="s">
        <v>14</v>
      </c>
      <c r="E122571" s="15">
        <v>45672</v>
      </c>
      <c r="F122571" s="14" t="s">
        <v>15</v>
      </c>
      <c r="G122571" s="16">
        <v>1.8870601290091116</v>
      </c>
    </row>
    <row r="122572" spans="1:7" x14ac:dyDescent="0.3">
      <c r="A122572" s="13" t="s">
        <v>571</v>
      </c>
      <c r="B122572" s="14" t="s">
        <v>1</v>
      </c>
      <c r="C122572" s="14" t="s">
        <v>200</v>
      </c>
      <c r="D122572" s="14" t="s">
        <v>14</v>
      </c>
      <c r="E122572" s="15">
        <v>45673</v>
      </c>
      <c r="F122572" s="14" t="s">
        <v>15</v>
      </c>
      <c r="G122572" s="16">
        <v>1.8916259709962024</v>
      </c>
    </row>
    <row r="122573" spans="1:7" x14ac:dyDescent="0.3">
      <c r="A122573" s="13" t="s">
        <v>571</v>
      </c>
      <c r="B122573" s="14" t="s">
        <v>1</v>
      </c>
      <c r="C122573" s="14" t="s">
        <v>200</v>
      </c>
      <c r="D122573" s="14" t="s">
        <v>14</v>
      </c>
      <c r="E122573" s="15">
        <v>45674</v>
      </c>
      <c r="F122573" s="14" t="s">
        <v>15</v>
      </c>
      <c r="G122573" s="16">
        <v>1.8969488946847235</v>
      </c>
    </row>
    <row r="122574" spans="1:7" x14ac:dyDescent="0.3">
      <c r="A122574" s="13" t="s">
        <v>571</v>
      </c>
      <c r="B122574" s="14" t="s">
        <v>1</v>
      </c>
      <c r="C122574" s="14" t="s">
        <v>200</v>
      </c>
      <c r="D122574" s="14" t="s">
        <v>14</v>
      </c>
      <c r="E122574" s="15">
        <v>45675</v>
      </c>
      <c r="F122574" s="14" t="s">
        <v>15</v>
      </c>
      <c r="G122574" s="16">
        <v>1.8969488946847235</v>
      </c>
    </row>
    <row r="122575" spans="1:7" x14ac:dyDescent="0.3">
      <c r="A122575" s="13" t="s">
        <v>571</v>
      </c>
      <c r="B122575" s="14" t="s">
        <v>1</v>
      </c>
      <c r="C122575" s="14" t="s">
        <v>200</v>
      </c>
      <c r="D122575" s="14" t="s">
        <v>14</v>
      </c>
      <c r="E122575" s="15">
        <v>45676</v>
      </c>
      <c r="F122575" s="14" t="s">
        <v>15</v>
      </c>
      <c r="G122575" s="16">
        <v>1.8969488946847235</v>
      </c>
    </row>
    <row r="122576" spans="1:7" x14ac:dyDescent="0.3">
      <c r="A122576" s="13" t="s">
        <v>571</v>
      </c>
      <c r="B122576" s="14" t="s">
        <v>1</v>
      </c>
      <c r="C122576" s="14" t="s">
        <v>200</v>
      </c>
      <c r="D122576" s="14" t="s">
        <v>14</v>
      </c>
      <c r="E122576" s="15">
        <v>45677</v>
      </c>
      <c r="F122576" s="14" t="s">
        <v>15</v>
      </c>
      <c r="G122576" s="16">
        <v>1.8969488946847235</v>
      </c>
    </row>
    <row r="122577" spans="1:7" x14ac:dyDescent="0.3">
      <c r="A122577" s="13" t="s">
        <v>571</v>
      </c>
      <c r="B122577" s="14" t="s">
        <v>1</v>
      </c>
      <c r="C122577" s="14" t="s">
        <v>200</v>
      </c>
      <c r="D122577" s="14" t="s">
        <v>14</v>
      </c>
      <c r="E122577" s="15">
        <v>45678</v>
      </c>
      <c r="F122577" s="14" t="s">
        <v>15</v>
      </c>
      <c r="G122577" s="16">
        <v>1.9038088436032288</v>
      </c>
    </row>
    <row r="122578" spans="1:7" x14ac:dyDescent="0.3">
      <c r="A122578" s="13" t="s">
        <v>571</v>
      </c>
      <c r="B122578" s="14" t="s">
        <v>1</v>
      </c>
      <c r="C122578" s="14" t="s">
        <v>200</v>
      </c>
      <c r="D122578" s="14" t="s">
        <v>14</v>
      </c>
      <c r="E122578" s="15">
        <v>45679</v>
      </c>
      <c r="F122578" s="14" t="s">
        <v>15</v>
      </c>
      <c r="G122578" s="16">
        <v>1.925111637953923</v>
      </c>
    </row>
    <row r="122579" spans="1:7" x14ac:dyDescent="0.3">
      <c r="A122579" s="13" t="s">
        <v>571</v>
      </c>
      <c r="B122579" s="14" t="s">
        <v>1</v>
      </c>
      <c r="C122579" s="14" t="s">
        <v>200</v>
      </c>
      <c r="D122579" s="14" t="s">
        <v>14</v>
      </c>
      <c r="E122579" s="15">
        <v>45680</v>
      </c>
      <c r="F122579" s="14" t="s">
        <v>15</v>
      </c>
      <c r="G122579" s="16">
        <v>1.9308413382159024</v>
      </c>
    </row>
    <row r="122580" spans="1:7" x14ac:dyDescent="0.3">
      <c r="A122580" s="13" t="s">
        <v>571</v>
      </c>
      <c r="B122580" s="14" t="s">
        <v>1</v>
      </c>
      <c r="C122580" s="14" t="s">
        <v>200</v>
      </c>
      <c r="D122580" s="14" t="s">
        <v>14</v>
      </c>
      <c r="E122580" s="15">
        <v>45681</v>
      </c>
      <c r="F122580" s="14" t="s">
        <v>15</v>
      </c>
      <c r="G122580" s="16">
        <v>1.9359312716503017</v>
      </c>
    </row>
    <row r="122581" spans="1:7" x14ac:dyDescent="0.3">
      <c r="A122581" s="13" t="s">
        <v>571</v>
      </c>
      <c r="B122581" s="14" t="s">
        <v>1</v>
      </c>
      <c r="C122581" s="14" t="s">
        <v>200</v>
      </c>
      <c r="D122581" s="14" t="s">
        <v>14</v>
      </c>
      <c r="E122581" s="15">
        <v>45682</v>
      </c>
      <c r="F122581" s="14" t="s">
        <v>15</v>
      </c>
      <c r="G122581" s="16">
        <v>1.9359312716503017</v>
      </c>
    </row>
    <row r="122582" spans="1:7" x14ac:dyDescent="0.3">
      <c r="A122582" s="13" t="s">
        <v>571</v>
      </c>
      <c r="B122582" s="14" t="s">
        <v>1</v>
      </c>
      <c r="C122582" s="14" t="s">
        <v>200</v>
      </c>
      <c r="D122582" s="14" t="s">
        <v>14</v>
      </c>
      <c r="E122582" s="15">
        <v>45683</v>
      </c>
      <c r="F122582" s="14" t="s">
        <v>15</v>
      </c>
      <c r="G122582" s="16">
        <v>1.9359312716503017</v>
      </c>
    </row>
    <row r="122583" spans="1:7" x14ac:dyDescent="0.3">
      <c r="A122583" s="13" t="s">
        <v>571</v>
      </c>
      <c r="B122583" s="14" t="s">
        <v>1</v>
      </c>
      <c r="C122583" s="14" t="s">
        <v>200</v>
      </c>
      <c r="D122583" s="14" t="s">
        <v>14</v>
      </c>
      <c r="E122583" s="15">
        <v>45684</v>
      </c>
      <c r="F122583" s="14" t="s">
        <v>15</v>
      </c>
      <c r="G122583" s="16">
        <v>1.9401223071887177</v>
      </c>
    </row>
    <row r="122584" spans="1:7" x14ac:dyDescent="0.3">
      <c r="A122584" s="13" t="s">
        <v>571</v>
      </c>
      <c r="B122584" s="14" t="s">
        <v>1</v>
      </c>
      <c r="C122584" s="14" t="s">
        <v>200</v>
      </c>
      <c r="D122584" s="14" t="s">
        <v>14</v>
      </c>
      <c r="E122584" s="15">
        <v>45685</v>
      </c>
      <c r="F122584" s="14" t="s">
        <v>15</v>
      </c>
      <c r="G122584" s="16">
        <v>1.9575729292104203</v>
      </c>
    </row>
    <row r="122585" spans="1:7" x14ac:dyDescent="0.3">
      <c r="A122585" s="13" t="s">
        <v>571</v>
      </c>
      <c r="B122585" s="14" t="s">
        <v>1</v>
      </c>
      <c r="C122585" s="14" t="s">
        <v>200</v>
      </c>
      <c r="D122585" s="14" t="s">
        <v>14</v>
      </c>
      <c r="E122585" s="15">
        <v>45686</v>
      </c>
      <c r="F122585" s="14" t="s">
        <v>15</v>
      </c>
      <c r="G122585" s="16">
        <v>1.9633169294997241</v>
      </c>
    </row>
    <row r="122586" spans="1:7" x14ac:dyDescent="0.3">
      <c r="A122586" s="13" t="s">
        <v>571</v>
      </c>
      <c r="B122586" s="14" t="s">
        <v>1</v>
      </c>
      <c r="C122586" s="14" t="s">
        <v>200</v>
      </c>
      <c r="D122586" s="14" t="s">
        <v>14</v>
      </c>
      <c r="E122586" s="15">
        <v>45687</v>
      </c>
      <c r="F122586" s="14" t="s">
        <v>15</v>
      </c>
      <c r="G122586" s="16">
        <v>1.9675823798300158</v>
      </c>
    </row>
    <row r="122587" spans="1:7" x14ac:dyDescent="0.3">
      <c r="A122587" s="13" t="s">
        <v>571</v>
      </c>
      <c r="B122587" s="14" t="s">
        <v>1</v>
      </c>
      <c r="C122587" s="14" t="s">
        <v>200</v>
      </c>
      <c r="D122587" s="14" t="s">
        <v>14</v>
      </c>
      <c r="E122587" s="15">
        <v>45688</v>
      </c>
      <c r="F122587" s="14" t="s">
        <v>15</v>
      </c>
      <c r="G122587" s="16">
        <v>1.9732516920785148</v>
      </c>
    </row>
    <row r="122588" spans="1:7" x14ac:dyDescent="0.3">
      <c r="A122588" s="13" t="s">
        <v>571</v>
      </c>
      <c r="B122588" s="14" t="s">
        <v>1</v>
      </c>
      <c r="C122588" s="14" t="s">
        <v>200</v>
      </c>
      <c r="D122588" s="14" t="s">
        <v>14</v>
      </c>
      <c r="E122588" s="15">
        <v>45689</v>
      </c>
      <c r="F122588" s="14" t="s">
        <v>15</v>
      </c>
      <c r="G122588" s="16">
        <v>1.9732516920785148</v>
      </c>
    </row>
    <row r="122589" spans="1:7" x14ac:dyDescent="0.3">
      <c r="A122589" s="13" t="s">
        <v>571</v>
      </c>
      <c r="B122589" s="14" t="s">
        <v>1</v>
      </c>
      <c r="C122589" s="14" t="s">
        <v>200</v>
      </c>
      <c r="D122589" s="14" t="s">
        <v>14</v>
      </c>
      <c r="E122589" s="15">
        <v>45690</v>
      </c>
      <c r="F122589" s="14" t="s">
        <v>15</v>
      </c>
      <c r="G122589" s="16">
        <v>1.9732516920785148</v>
      </c>
    </row>
    <row r="122590" spans="1:7" x14ac:dyDescent="0.3">
      <c r="A122590" s="13" t="s">
        <v>571</v>
      </c>
      <c r="B122590" s="14" t="s">
        <v>1</v>
      </c>
      <c r="C122590" s="14" t="s">
        <v>200</v>
      </c>
      <c r="D122590" s="14" t="s">
        <v>14</v>
      </c>
      <c r="E122590" s="15">
        <v>45691</v>
      </c>
      <c r="F122590" s="14" t="s">
        <v>15</v>
      </c>
      <c r="G122590" s="16">
        <v>1.9732516920785148</v>
      </c>
    </row>
    <row r="122591" spans="1:7" x14ac:dyDescent="0.3">
      <c r="A122591" s="13" t="s">
        <v>571</v>
      </c>
      <c r="B122591" s="14" t="s">
        <v>1</v>
      </c>
      <c r="C122591" s="14" t="s">
        <v>200</v>
      </c>
      <c r="D122591" s="14" t="s">
        <v>14</v>
      </c>
      <c r="E122591" s="15">
        <v>45692</v>
      </c>
      <c r="F122591" s="14" t="s">
        <v>15</v>
      </c>
      <c r="G122591" s="16">
        <v>1.9791235728669536</v>
      </c>
    </row>
    <row r="122592" spans="1:7" x14ac:dyDescent="0.3">
      <c r="A122592" s="13" t="s">
        <v>571</v>
      </c>
      <c r="B122592" s="14" t="s">
        <v>1</v>
      </c>
      <c r="C122592" s="14" t="s">
        <v>200</v>
      </c>
      <c r="D122592" s="14" t="s">
        <v>14</v>
      </c>
      <c r="E122592" s="15">
        <v>45693</v>
      </c>
      <c r="F122592" s="14" t="s">
        <v>15</v>
      </c>
      <c r="G122592" s="16">
        <v>2.0035513330615315</v>
      </c>
    </row>
    <row r="122593" spans="1:7" x14ac:dyDescent="0.3">
      <c r="A122593" s="13" t="s">
        <v>571</v>
      </c>
      <c r="B122593" s="14" t="s">
        <v>1</v>
      </c>
      <c r="C122593" s="14" t="s">
        <v>200</v>
      </c>
      <c r="D122593" s="14" t="s">
        <v>14</v>
      </c>
      <c r="E122593" s="15">
        <v>45694</v>
      </c>
      <c r="F122593" s="14" t="s">
        <v>15</v>
      </c>
      <c r="G122593" s="16">
        <v>2.0100148888659097</v>
      </c>
    </row>
    <row r="122594" spans="1:7" x14ac:dyDescent="0.3">
      <c r="A122594" s="13" t="s">
        <v>571</v>
      </c>
      <c r="B122594" s="14" t="s">
        <v>1</v>
      </c>
      <c r="C122594" s="14" t="s">
        <v>200</v>
      </c>
      <c r="D122594" s="14" t="s">
        <v>14</v>
      </c>
      <c r="E122594" s="15">
        <v>45695</v>
      </c>
      <c r="F122594" s="14" t="s">
        <v>15</v>
      </c>
      <c r="G122594" s="16">
        <v>2.0161593810032876</v>
      </c>
    </row>
    <row r="122595" spans="1:7" x14ac:dyDescent="0.3">
      <c r="A122595" s="13" t="s">
        <v>571</v>
      </c>
      <c r="B122595" s="14" t="s">
        <v>1</v>
      </c>
      <c r="C122595" s="14" t="s">
        <v>200</v>
      </c>
      <c r="D122595" s="14" t="s">
        <v>14</v>
      </c>
      <c r="E122595" s="15">
        <v>45696</v>
      </c>
      <c r="F122595" s="14" t="s">
        <v>15</v>
      </c>
      <c r="G122595" s="16">
        <v>2.0161593810032876</v>
      </c>
    </row>
    <row r="122596" spans="1:7" x14ac:dyDescent="0.3">
      <c r="A122596" s="13" t="s">
        <v>571</v>
      </c>
      <c r="B122596" s="14" t="s">
        <v>1</v>
      </c>
      <c r="C122596" s="14" t="s">
        <v>200</v>
      </c>
      <c r="D122596" s="14" t="s">
        <v>14</v>
      </c>
      <c r="E122596" s="15">
        <v>45697</v>
      </c>
      <c r="F122596" s="14" t="s">
        <v>15</v>
      </c>
      <c r="G122596" s="16">
        <v>2.0161593810032876</v>
      </c>
    </row>
    <row r="122597" spans="1:7" x14ac:dyDescent="0.3">
      <c r="A122597" s="13" t="s">
        <v>571</v>
      </c>
      <c r="B122597" s="14" t="s">
        <v>1</v>
      </c>
      <c r="C122597" s="14" t="s">
        <v>200</v>
      </c>
      <c r="D122597" s="14" t="s">
        <v>14</v>
      </c>
      <c r="E122597" s="15">
        <v>45698</v>
      </c>
      <c r="F122597" s="14" t="s">
        <v>15</v>
      </c>
      <c r="G122597" s="16">
        <v>2.0224869499236147</v>
      </c>
    </row>
    <row r="122598" spans="1:7" x14ac:dyDescent="0.3">
      <c r="A122598" s="13" t="s">
        <v>571</v>
      </c>
      <c r="B122598" s="14" t="s">
        <v>1</v>
      </c>
      <c r="C122598" s="14" t="s">
        <v>200</v>
      </c>
      <c r="D122598" s="14" t="s">
        <v>14</v>
      </c>
      <c r="E122598" s="15">
        <v>45699</v>
      </c>
      <c r="F122598" s="14" t="s">
        <v>15</v>
      </c>
      <c r="G122598" s="16">
        <v>2.0418139723460822</v>
      </c>
    </row>
    <row r="122599" spans="1:7" x14ac:dyDescent="0.3">
      <c r="A122599" s="13" t="s">
        <v>571</v>
      </c>
      <c r="B122599" s="14" t="s">
        <v>1</v>
      </c>
      <c r="C122599" s="14" t="s">
        <v>200</v>
      </c>
      <c r="D122599" s="14" t="s">
        <v>14</v>
      </c>
      <c r="E122599" s="15">
        <v>45700</v>
      </c>
      <c r="F122599" s="14" t="s">
        <v>15</v>
      </c>
      <c r="G122599" s="16">
        <v>2.0483343639278537</v>
      </c>
    </row>
    <row r="122600" spans="1:7" x14ac:dyDescent="0.3">
      <c r="A122600" s="13" t="s">
        <v>571</v>
      </c>
      <c r="B122600" s="14" t="s">
        <v>1</v>
      </c>
      <c r="C122600" s="14" t="s">
        <v>200</v>
      </c>
      <c r="D122600" s="14" t="s">
        <v>14</v>
      </c>
      <c r="E122600" s="15">
        <v>45701</v>
      </c>
      <c r="F122600" s="14" t="s">
        <v>15</v>
      </c>
      <c r="G122600" s="16">
        <v>2.0571777848401771</v>
      </c>
    </row>
    <row r="122601" spans="1:7" x14ac:dyDescent="0.3">
      <c r="A122601" s="13" t="s">
        <v>571</v>
      </c>
      <c r="B122601" s="14" t="s">
        <v>1</v>
      </c>
      <c r="C122601" s="14" t="s">
        <v>200</v>
      </c>
      <c r="D122601" s="14" t="s">
        <v>14</v>
      </c>
      <c r="E122601" s="15">
        <v>45702</v>
      </c>
      <c r="F122601" s="14" t="s">
        <v>15</v>
      </c>
      <c r="G122601" s="16">
        <v>2.0635961766439266</v>
      </c>
    </row>
    <row r="122602" spans="1:7" x14ac:dyDescent="0.3">
      <c r="A122602" s="13" t="s">
        <v>571</v>
      </c>
      <c r="B122602" s="14" t="s">
        <v>1</v>
      </c>
      <c r="C122602" s="14" t="s">
        <v>200</v>
      </c>
      <c r="D122602" s="14" t="s">
        <v>14</v>
      </c>
      <c r="E122602" s="15">
        <v>45703</v>
      </c>
      <c r="F122602" s="14" t="s">
        <v>15</v>
      </c>
      <c r="G122602" s="16">
        <v>2.0635961766439266</v>
      </c>
    </row>
    <row r="122603" spans="1:7" x14ac:dyDescent="0.3">
      <c r="A122603" s="13" t="s">
        <v>571</v>
      </c>
      <c r="B122603" s="14" t="s">
        <v>1</v>
      </c>
      <c r="C122603" s="14" t="s">
        <v>200</v>
      </c>
      <c r="D122603" s="14" t="s">
        <v>14</v>
      </c>
      <c r="E122603" s="15">
        <v>45704</v>
      </c>
      <c r="F122603" s="14" t="s">
        <v>15</v>
      </c>
      <c r="G122603" s="16">
        <v>2.0635961766439266</v>
      </c>
    </row>
    <row r="122604" spans="1:7" x14ac:dyDescent="0.3">
      <c r="A122604" s="13" t="s">
        <v>571</v>
      </c>
      <c r="B122604" s="14" t="s">
        <v>1</v>
      </c>
      <c r="C122604" s="14" t="s">
        <v>200</v>
      </c>
      <c r="D122604" s="14" t="s">
        <v>14</v>
      </c>
      <c r="E122604" s="15">
        <v>45705</v>
      </c>
      <c r="F122604" s="14" t="s">
        <v>15</v>
      </c>
      <c r="G122604" s="16">
        <v>2.0635961766439266</v>
      </c>
    </row>
    <row r="122605" spans="1:7" x14ac:dyDescent="0.3">
      <c r="A122605" s="13" t="s">
        <v>571</v>
      </c>
      <c r="B122605" s="14" t="s">
        <v>1</v>
      </c>
      <c r="C122605" s="14" t="s">
        <v>200</v>
      </c>
      <c r="D122605" s="14" t="s">
        <v>14</v>
      </c>
      <c r="E122605" s="15">
        <v>45706</v>
      </c>
      <c r="F122605" s="14" t="s">
        <v>15</v>
      </c>
      <c r="G122605" s="16">
        <v>2.0703824671148463</v>
      </c>
    </row>
    <row r="122606" spans="1:7" x14ac:dyDescent="0.3">
      <c r="A122606" s="13" t="s">
        <v>571</v>
      </c>
      <c r="B122606" s="14" t="s">
        <v>1</v>
      </c>
      <c r="C122606" s="14" t="s">
        <v>200</v>
      </c>
      <c r="D122606" s="14" t="s">
        <v>14</v>
      </c>
      <c r="E122606" s="15">
        <v>45707</v>
      </c>
      <c r="F122606" s="14" t="s">
        <v>15</v>
      </c>
      <c r="G122606" s="16">
        <v>2.0946184220152966</v>
      </c>
    </row>
    <row r="122607" spans="1:7" x14ac:dyDescent="0.3">
      <c r="A122607" s="13" t="s">
        <v>571</v>
      </c>
      <c r="B122607" s="14" t="s">
        <v>1</v>
      </c>
      <c r="C122607" s="14" t="s">
        <v>200</v>
      </c>
      <c r="D122607" s="14" t="s">
        <v>14</v>
      </c>
      <c r="E122607" s="15">
        <v>45708</v>
      </c>
      <c r="F122607" s="14" t="s">
        <v>15</v>
      </c>
      <c r="G122607" s="16">
        <v>2.1014795777853945</v>
      </c>
    </row>
    <row r="122608" spans="1:7" x14ac:dyDescent="0.3">
      <c r="A122608" s="13" t="s">
        <v>571</v>
      </c>
      <c r="B122608" s="14" t="s">
        <v>1</v>
      </c>
      <c r="C122608" s="14" t="s">
        <v>200</v>
      </c>
      <c r="D122608" s="14" t="s">
        <v>14</v>
      </c>
      <c r="E122608" s="15">
        <v>45709</v>
      </c>
      <c r="F122608" s="14" t="s">
        <v>15</v>
      </c>
      <c r="G122608" s="16">
        <v>2.10821359488454</v>
      </c>
    </row>
    <row r="122609" spans="1:7" x14ac:dyDescent="0.3">
      <c r="A122609" s="13" t="s">
        <v>571</v>
      </c>
      <c r="B122609" s="14" t="s">
        <v>1</v>
      </c>
      <c r="C122609" s="14" t="s">
        <v>200</v>
      </c>
      <c r="D122609" s="14" t="s">
        <v>14</v>
      </c>
      <c r="E122609" s="15">
        <v>45710</v>
      </c>
      <c r="F122609" s="14" t="s">
        <v>15</v>
      </c>
      <c r="G122609" s="16">
        <v>2.10821359488454</v>
      </c>
    </row>
    <row r="122610" spans="1:7" x14ac:dyDescent="0.3">
      <c r="A122610" s="13" t="s">
        <v>571</v>
      </c>
      <c r="B122610" s="14" t="s">
        <v>1</v>
      </c>
      <c r="C122610" s="14" t="s">
        <v>200</v>
      </c>
      <c r="D122610" s="14" t="s">
        <v>14</v>
      </c>
      <c r="E122610" s="15">
        <v>45711</v>
      </c>
      <c r="F122610" s="14" t="s">
        <v>15</v>
      </c>
      <c r="G122610" s="16">
        <v>2.10821359488454</v>
      </c>
    </row>
    <row r="122611" spans="1:7" x14ac:dyDescent="0.3">
      <c r="A122611" s="13" t="s">
        <v>571</v>
      </c>
      <c r="B122611" s="14" t="s">
        <v>1</v>
      </c>
      <c r="C122611" s="14" t="s">
        <v>200</v>
      </c>
      <c r="D122611" s="14" t="s">
        <v>14</v>
      </c>
      <c r="E122611" s="15">
        <v>45712</v>
      </c>
      <c r="F122611" s="14" t="s">
        <v>15</v>
      </c>
      <c r="G122611" s="16">
        <v>2.1155727955012735</v>
      </c>
    </row>
    <row r="122612" spans="1:7" x14ac:dyDescent="0.3">
      <c r="A122612" s="13" t="s">
        <v>571</v>
      </c>
      <c r="B122612" s="14" t="s">
        <v>1</v>
      </c>
      <c r="C122612" s="14" t="s">
        <v>200</v>
      </c>
      <c r="D122612" s="14" t="s">
        <v>14</v>
      </c>
      <c r="E122612" s="15">
        <v>45713</v>
      </c>
      <c r="F122612" s="14" t="s">
        <v>15</v>
      </c>
      <c r="G122612" s="16">
        <v>2.134664630330052</v>
      </c>
    </row>
    <row r="122613" spans="1:7" x14ac:dyDescent="0.3">
      <c r="A122613" s="13" t="s">
        <v>571</v>
      </c>
      <c r="B122613" s="14" t="s">
        <v>1</v>
      </c>
      <c r="C122613" s="14" t="s">
        <v>200</v>
      </c>
      <c r="D122613" s="14" t="s">
        <v>14</v>
      </c>
      <c r="E122613" s="15">
        <v>45714</v>
      </c>
      <c r="F122613" s="14" t="s">
        <v>15</v>
      </c>
      <c r="G122613" s="16">
        <v>2.1413018759727618</v>
      </c>
    </row>
    <row r="122614" spans="1:7" x14ac:dyDescent="0.3">
      <c r="A122614" s="13" t="s">
        <v>571</v>
      </c>
      <c r="B122614" s="14" t="s">
        <v>1</v>
      </c>
      <c r="C122614" s="14" t="s">
        <v>200</v>
      </c>
      <c r="D122614" s="14" t="s">
        <v>14</v>
      </c>
      <c r="E122614" s="15">
        <v>45715</v>
      </c>
      <c r="F122614" s="14" t="s">
        <v>15</v>
      </c>
      <c r="G122614" s="16">
        <v>2.148212548592574</v>
      </c>
    </row>
    <row r="122615" spans="1:7" x14ac:dyDescent="0.3">
      <c r="A122615" s="13" t="s">
        <v>571</v>
      </c>
      <c r="B122615" s="14" t="s">
        <v>1</v>
      </c>
      <c r="C122615" s="14" t="s">
        <v>200</v>
      </c>
      <c r="D122615" s="14" t="s">
        <v>14</v>
      </c>
      <c r="E122615" s="15">
        <v>45716</v>
      </c>
      <c r="F122615" s="14" t="s">
        <v>15</v>
      </c>
      <c r="G122615" s="16">
        <v>2.1548900097442312</v>
      </c>
    </row>
    <row r="122616" spans="1:7" x14ac:dyDescent="0.3">
      <c r="A122616" s="13" t="s">
        <v>571</v>
      </c>
      <c r="B122616" s="14" t="s">
        <v>1</v>
      </c>
      <c r="C122616" s="14" t="s">
        <v>200</v>
      </c>
      <c r="D122616" s="14" t="s">
        <v>14</v>
      </c>
      <c r="E122616" s="15">
        <v>45717</v>
      </c>
      <c r="F122616" s="14" t="s">
        <v>15</v>
      </c>
      <c r="G122616" s="16">
        <v>2.1548900097442312</v>
      </c>
    </row>
    <row r="122617" spans="1:7" x14ac:dyDescent="0.3">
      <c r="A122617" s="13" t="s">
        <v>571</v>
      </c>
      <c r="B122617" s="14" t="s">
        <v>1</v>
      </c>
      <c r="C122617" s="14" t="s">
        <v>200</v>
      </c>
      <c r="D122617" s="14" t="s">
        <v>14</v>
      </c>
      <c r="E122617" s="15">
        <v>45718</v>
      </c>
      <c r="F122617" s="14" t="s">
        <v>15</v>
      </c>
      <c r="G122617" s="16">
        <v>2.1548900097442312</v>
      </c>
    </row>
    <row r="122618" spans="1:7" x14ac:dyDescent="0.3">
      <c r="A122618" s="13" t="s">
        <v>571</v>
      </c>
      <c r="B122618" s="14" t="s">
        <v>1</v>
      </c>
      <c r="C122618" s="14" t="s">
        <v>200</v>
      </c>
      <c r="D122618" s="14" t="s">
        <v>14</v>
      </c>
      <c r="E122618" s="15">
        <v>45719</v>
      </c>
      <c r="F122618" s="14" t="s">
        <v>15</v>
      </c>
      <c r="G122618" s="16">
        <v>2.1647661432068368</v>
      </c>
    </row>
    <row r="122619" spans="1:7" x14ac:dyDescent="0.3">
      <c r="A122619" s="13" t="s">
        <v>571</v>
      </c>
      <c r="B122619" s="14" t="s">
        <v>1</v>
      </c>
      <c r="C122619" s="14" t="s">
        <v>200</v>
      </c>
      <c r="D122619" s="14" t="s">
        <v>14</v>
      </c>
      <c r="E122619" s="15">
        <v>45720</v>
      </c>
      <c r="F122619" s="14" t="s">
        <v>15</v>
      </c>
      <c r="G122619" s="16">
        <v>2.1840475104581669</v>
      </c>
    </row>
    <row r="122620" spans="1:7" x14ac:dyDescent="0.3">
      <c r="A122620" s="13" t="s">
        <v>571</v>
      </c>
      <c r="B122620" s="14" t="s">
        <v>1</v>
      </c>
      <c r="C122620" s="14" t="s">
        <v>200</v>
      </c>
      <c r="D122620" s="14" t="s">
        <v>14</v>
      </c>
      <c r="E122620" s="15">
        <v>45721</v>
      </c>
      <c r="F122620" s="14" t="s">
        <v>15</v>
      </c>
      <c r="G122620" s="16">
        <v>2.1904302823660293</v>
      </c>
    </row>
    <row r="122621" spans="1:7" x14ac:dyDescent="0.3">
      <c r="A122621" s="13" t="s">
        <v>571</v>
      </c>
      <c r="B122621" s="14" t="s">
        <v>1</v>
      </c>
      <c r="C122621" s="14" t="s">
        <v>200</v>
      </c>
      <c r="D122621" s="14" t="s">
        <v>14</v>
      </c>
      <c r="E122621" s="15">
        <v>45722</v>
      </c>
      <c r="F122621" s="14" t="s">
        <v>15</v>
      </c>
      <c r="G122621" s="16">
        <v>2.1969194618167052</v>
      </c>
    </row>
    <row r="122622" spans="1:7" x14ac:dyDescent="0.3">
      <c r="A122622" s="13" t="s">
        <v>571</v>
      </c>
      <c r="B122622" s="14" t="s">
        <v>1</v>
      </c>
      <c r="C122622" s="14" t="s">
        <v>200</v>
      </c>
      <c r="D122622" s="14" t="s">
        <v>14</v>
      </c>
      <c r="E122622" s="15">
        <v>45723</v>
      </c>
      <c r="F122622" s="14" t="s">
        <v>15</v>
      </c>
      <c r="G122622" s="16">
        <v>2.2032886682059996</v>
      </c>
    </row>
    <row r="122623" spans="1:7" x14ac:dyDescent="0.3">
      <c r="A122623" s="13" t="s">
        <v>571</v>
      </c>
      <c r="B122623" s="14" t="s">
        <v>1</v>
      </c>
      <c r="C122623" s="14" t="s">
        <v>200</v>
      </c>
      <c r="D122623" s="14" t="s">
        <v>14</v>
      </c>
      <c r="E122623" s="15">
        <v>45724</v>
      </c>
      <c r="F122623" s="14" t="s">
        <v>15</v>
      </c>
      <c r="G122623" s="16">
        <v>2.2032886682059996</v>
      </c>
    </row>
    <row r="122624" spans="1:7" x14ac:dyDescent="0.3">
      <c r="A122624" s="13" t="s">
        <v>571</v>
      </c>
      <c r="B122624" s="14" t="s">
        <v>1</v>
      </c>
      <c r="C122624" s="14" t="s">
        <v>200</v>
      </c>
      <c r="D122624" s="14" t="s">
        <v>14</v>
      </c>
      <c r="E122624" s="15">
        <v>45725</v>
      </c>
      <c r="F122624" s="14" t="s">
        <v>15</v>
      </c>
      <c r="G122624" s="16">
        <v>2.2032886682059996</v>
      </c>
    </row>
    <row r="122625" spans="1:7" x14ac:dyDescent="0.3">
      <c r="A122625" s="13" t="s">
        <v>571</v>
      </c>
      <c r="B122625" s="14" t="s">
        <v>1</v>
      </c>
      <c r="C122625" s="14" t="s">
        <v>200</v>
      </c>
      <c r="D122625" s="14" t="s">
        <v>14</v>
      </c>
      <c r="E122625" s="15">
        <v>45726</v>
      </c>
      <c r="F122625" s="14" t="s">
        <v>15</v>
      </c>
      <c r="G122625" s="16">
        <v>2.2097349382858842</v>
      </c>
    </row>
    <row r="122626" spans="1:7" x14ac:dyDescent="0.3">
      <c r="A122626" s="13" t="s">
        <v>571</v>
      </c>
      <c r="B122626" s="14" t="s">
        <v>1</v>
      </c>
      <c r="C122626" s="14" t="s">
        <v>200</v>
      </c>
      <c r="D122626" s="14" t="s">
        <v>14</v>
      </c>
      <c r="E122626" s="15">
        <v>45727</v>
      </c>
      <c r="F122626" s="14" t="s">
        <v>15</v>
      </c>
      <c r="G122626" s="16">
        <v>2.2295859989125253</v>
      </c>
    </row>
    <row r="122627" spans="1:7" x14ac:dyDescent="0.3">
      <c r="A122627" s="13" t="s">
        <v>571</v>
      </c>
      <c r="B122627" s="14" t="s">
        <v>1</v>
      </c>
      <c r="C122627" s="14" t="s">
        <v>200</v>
      </c>
      <c r="D122627" s="14" t="s">
        <v>14</v>
      </c>
      <c r="E122627" s="15">
        <v>45728</v>
      </c>
      <c r="F122627" s="14" t="s">
        <v>15</v>
      </c>
      <c r="G122627" s="16">
        <v>2.2374636402523254</v>
      </c>
    </row>
    <row r="122628" spans="1:7" x14ac:dyDescent="0.3">
      <c r="A122628" s="13" t="s">
        <v>571</v>
      </c>
      <c r="B122628" s="14" t="s">
        <v>1</v>
      </c>
      <c r="C122628" s="14" t="s">
        <v>200</v>
      </c>
      <c r="D122628" s="14" t="s">
        <v>14</v>
      </c>
      <c r="E122628" s="15">
        <v>45729</v>
      </c>
      <c r="F122628" s="14" t="s">
        <v>15</v>
      </c>
      <c r="G122628" s="16">
        <v>2.2444923471012022</v>
      </c>
    </row>
    <row r="122629" spans="1:7" x14ac:dyDescent="0.3">
      <c r="A122629" s="13" t="s">
        <v>571</v>
      </c>
      <c r="B122629" s="14" t="s">
        <v>1</v>
      </c>
      <c r="C122629" s="14" t="s">
        <v>200</v>
      </c>
      <c r="D122629" s="14" t="s">
        <v>14</v>
      </c>
      <c r="E122629" s="15">
        <v>45730</v>
      </c>
      <c r="F122629" s="14" t="s">
        <v>15</v>
      </c>
      <c r="G122629" s="16">
        <v>2.2507023220374243</v>
      </c>
    </row>
    <row r="122630" spans="1:7" x14ac:dyDescent="0.3">
      <c r="A122630" s="13" t="s">
        <v>571</v>
      </c>
      <c r="B122630" s="14" t="s">
        <v>1</v>
      </c>
      <c r="C122630" s="14" t="s">
        <v>200</v>
      </c>
      <c r="D122630" s="14" t="s">
        <v>14</v>
      </c>
      <c r="E122630" s="15">
        <v>45731</v>
      </c>
      <c r="F122630" s="14" t="s">
        <v>15</v>
      </c>
      <c r="G122630" s="16">
        <v>2.2507023220374243</v>
      </c>
    </row>
    <row r="122631" spans="1:7" x14ac:dyDescent="0.3">
      <c r="A122631" s="13" t="s">
        <v>571</v>
      </c>
      <c r="B122631" s="14" t="s">
        <v>1</v>
      </c>
      <c r="C122631" s="14" t="s">
        <v>200</v>
      </c>
      <c r="D122631" s="14" t="s">
        <v>14</v>
      </c>
      <c r="E122631" s="15">
        <v>45732</v>
      </c>
      <c r="F122631" s="14" t="s">
        <v>15</v>
      </c>
      <c r="G122631" s="16">
        <v>2.2507023220374243</v>
      </c>
    </row>
    <row r="122632" spans="1:7" x14ac:dyDescent="0.3">
      <c r="A122632" s="13" t="s">
        <v>571</v>
      </c>
      <c r="B122632" s="14" t="s">
        <v>1</v>
      </c>
      <c r="C122632" s="14" t="s">
        <v>200</v>
      </c>
      <c r="D122632" s="14" t="s">
        <v>14</v>
      </c>
      <c r="E122632" s="15">
        <v>45733</v>
      </c>
      <c r="F122632" s="14" t="s">
        <v>15</v>
      </c>
      <c r="G122632" s="16">
        <v>2.2507023220374243</v>
      </c>
    </row>
    <row r="122633" spans="1:7" x14ac:dyDescent="0.3">
      <c r="A122633" s="13" t="s">
        <v>571</v>
      </c>
      <c r="B122633" s="14" t="s">
        <v>1</v>
      </c>
      <c r="C122633" s="14" t="s">
        <v>200</v>
      </c>
      <c r="D122633" s="14" t="s">
        <v>14</v>
      </c>
      <c r="E122633" s="15">
        <v>45734</v>
      </c>
      <c r="F122633" s="14" t="s">
        <v>15</v>
      </c>
      <c r="G122633" s="16">
        <v>2.2573590215198189</v>
      </c>
    </row>
    <row r="122634" spans="1:7" x14ac:dyDescent="0.3">
      <c r="A122634" s="13" t="s">
        <v>571</v>
      </c>
      <c r="B122634" s="14" t="s">
        <v>1</v>
      </c>
      <c r="C122634" s="14" t="s">
        <v>200</v>
      </c>
      <c r="D122634" s="14" t="s">
        <v>14</v>
      </c>
      <c r="E122634" s="15">
        <v>45735</v>
      </c>
      <c r="F122634" s="14" t="s">
        <v>15</v>
      </c>
      <c r="G122634" s="16">
        <v>2.2808322429701162</v>
      </c>
    </row>
    <row r="122635" spans="1:7" x14ac:dyDescent="0.3">
      <c r="A122635" s="13" t="s">
        <v>571</v>
      </c>
      <c r="B122635" s="14" t="s">
        <v>1</v>
      </c>
      <c r="C122635" s="14" t="s">
        <v>200</v>
      </c>
      <c r="D122635" s="14" t="s">
        <v>14</v>
      </c>
      <c r="E122635" s="15">
        <v>45736</v>
      </c>
      <c r="F122635" s="14" t="s">
        <v>15</v>
      </c>
      <c r="G122635" s="16">
        <v>2.287824807460257</v>
      </c>
    </row>
    <row r="122636" spans="1:7" x14ac:dyDescent="0.3">
      <c r="A122636" s="13" t="s">
        <v>571</v>
      </c>
      <c r="B122636" s="14" t="s">
        <v>1</v>
      </c>
      <c r="C122636" s="14" t="s">
        <v>200</v>
      </c>
      <c r="D122636" s="14" t="s">
        <v>14</v>
      </c>
      <c r="E122636" s="15">
        <v>45737</v>
      </c>
      <c r="F122636" s="14" t="s">
        <v>15</v>
      </c>
      <c r="G122636" s="16">
        <v>2.2894517719928533</v>
      </c>
    </row>
    <row r="122637" spans="1:7" x14ac:dyDescent="0.3">
      <c r="A122637" s="13" t="s">
        <v>571</v>
      </c>
      <c r="B122637" s="14" t="s">
        <v>1</v>
      </c>
      <c r="C122637" s="14" t="s">
        <v>200</v>
      </c>
      <c r="D122637" s="14" t="s">
        <v>14</v>
      </c>
      <c r="E122637" s="15">
        <v>45738</v>
      </c>
      <c r="F122637" s="14" t="s">
        <v>15</v>
      </c>
      <c r="G122637" s="16">
        <v>2.2894517719928533</v>
      </c>
    </row>
    <row r="122638" spans="1:7" x14ac:dyDescent="0.3">
      <c r="A122638" s="13" t="s">
        <v>571</v>
      </c>
      <c r="B122638" s="14" t="s">
        <v>1</v>
      </c>
      <c r="C122638" s="14" t="s">
        <v>200</v>
      </c>
      <c r="D122638" s="14" t="s">
        <v>14</v>
      </c>
      <c r="E122638" s="15">
        <v>45739</v>
      </c>
      <c r="F122638" s="14" t="s">
        <v>15</v>
      </c>
      <c r="G122638" s="16">
        <v>2.2894517719928533</v>
      </c>
    </row>
    <row r="122639" spans="1:7" x14ac:dyDescent="0.3">
      <c r="A122639" s="13" t="s">
        <v>571</v>
      </c>
      <c r="B122639" s="14" t="s">
        <v>1</v>
      </c>
      <c r="C122639" s="14" t="s">
        <v>200</v>
      </c>
      <c r="D122639" s="14" t="s">
        <v>14</v>
      </c>
      <c r="E122639" s="15">
        <v>45740</v>
      </c>
      <c r="F122639" s="14" t="s">
        <v>15</v>
      </c>
      <c r="G122639" s="16">
        <v>2.2954538360318981</v>
      </c>
    </row>
    <row r="122640" spans="1:7" x14ac:dyDescent="0.3">
      <c r="A122640" s="13" t="s">
        <v>571</v>
      </c>
      <c r="B122640" s="14" t="s">
        <v>1</v>
      </c>
      <c r="C122640" s="14" t="s">
        <v>200</v>
      </c>
      <c r="D122640" s="14" t="s">
        <v>14</v>
      </c>
      <c r="E122640" s="15">
        <v>45741</v>
      </c>
      <c r="F122640" s="14" t="s">
        <v>15</v>
      </c>
      <c r="G122640" s="16">
        <v>2.3143217919140677</v>
      </c>
    </row>
    <row r="122641" spans="1:7" x14ac:dyDescent="0.3">
      <c r="A122641" s="13" t="s">
        <v>571</v>
      </c>
      <c r="B122641" s="14" t="s">
        <v>1</v>
      </c>
      <c r="C122641" s="14" t="s">
        <v>200</v>
      </c>
      <c r="D122641" s="14" t="s">
        <v>14</v>
      </c>
      <c r="E122641" s="15">
        <v>45742</v>
      </c>
      <c r="F122641" s="14" t="s">
        <v>15</v>
      </c>
      <c r="G122641" s="16">
        <v>2.320169634226211</v>
      </c>
    </row>
    <row r="122642" spans="1:7" x14ac:dyDescent="0.3">
      <c r="A122642" s="13" t="s">
        <v>571</v>
      </c>
      <c r="B122642" s="14" t="s">
        <v>1</v>
      </c>
      <c r="C122642" s="14" t="s">
        <v>200</v>
      </c>
      <c r="D122642" s="14" t="s">
        <v>14</v>
      </c>
      <c r="E122642" s="15">
        <v>45743</v>
      </c>
      <c r="F122642" s="14" t="s">
        <v>15</v>
      </c>
      <c r="G122642" s="16">
        <v>2.3260148230330739</v>
      </c>
    </row>
    <row r="122643" spans="1:7" x14ac:dyDescent="0.3">
      <c r="A122643" s="13" t="s">
        <v>571</v>
      </c>
      <c r="B122643" s="14" t="s">
        <v>1</v>
      </c>
      <c r="C122643" s="14" t="s">
        <v>200</v>
      </c>
      <c r="D122643" s="14" t="s">
        <v>14</v>
      </c>
      <c r="E122643" s="15">
        <v>45744</v>
      </c>
      <c r="F122643" s="14" t="s">
        <v>15</v>
      </c>
      <c r="G122643" s="16">
        <v>2.3319431196253215</v>
      </c>
    </row>
    <row r="122644" spans="1:7" x14ac:dyDescent="0.3">
      <c r="A122644" s="13" t="s">
        <v>571</v>
      </c>
      <c r="B122644" s="14" t="s">
        <v>1</v>
      </c>
      <c r="C122644" s="14" t="s">
        <v>200</v>
      </c>
      <c r="D122644" s="14" t="s">
        <v>14</v>
      </c>
      <c r="E122644" s="15">
        <v>45745</v>
      </c>
      <c r="F122644" s="14" t="s">
        <v>15</v>
      </c>
      <c r="G122644" s="16">
        <v>2.3319431196253215</v>
      </c>
    </row>
    <row r="122645" spans="1:7" x14ac:dyDescent="0.3">
      <c r="A122645" s="13" t="s">
        <v>571</v>
      </c>
      <c r="B122645" s="14" t="s">
        <v>1</v>
      </c>
      <c r="C122645" s="14" t="s">
        <v>200</v>
      </c>
      <c r="D122645" s="14" t="s">
        <v>14</v>
      </c>
      <c r="E122645" s="15">
        <v>45746</v>
      </c>
      <c r="F122645" s="14" t="s">
        <v>15</v>
      </c>
      <c r="G122645" s="16">
        <v>2.3319431196253215</v>
      </c>
    </row>
    <row r="122646" spans="1:7" x14ac:dyDescent="0.3">
      <c r="A122646" s="13" t="s">
        <v>571</v>
      </c>
      <c r="B122646" s="14" t="s">
        <v>1</v>
      </c>
      <c r="C122646" s="14" t="s">
        <v>200</v>
      </c>
      <c r="D122646" s="14" t="s">
        <v>14</v>
      </c>
      <c r="E122646" s="15">
        <v>45747</v>
      </c>
      <c r="F122646" s="14" t="s">
        <v>15</v>
      </c>
      <c r="G122646" s="16">
        <v>2.3379999520133552</v>
      </c>
    </row>
    <row r="122647" spans="1:7" x14ac:dyDescent="0.3">
      <c r="A122647" s="13" t="s">
        <v>572</v>
      </c>
      <c r="B122647" s="14" t="s">
        <v>1</v>
      </c>
      <c r="C122647" s="14" t="s">
        <v>200</v>
      </c>
      <c r="D122647" s="14" t="s">
        <v>122</v>
      </c>
      <c r="E122647" s="15">
        <v>45383</v>
      </c>
      <c r="F122647" s="14" t="s">
        <v>15</v>
      </c>
      <c r="G122647" s="16">
        <v>0</v>
      </c>
    </row>
    <row r="122648" spans="1:7" x14ac:dyDescent="0.3">
      <c r="A122648" s="13" t="s">
        <v>572</v>
      </c>
      <c r="B122648" s="14" t="s">
        <v>1</v>
      </c>
      <c r="C122648" s="14" t="s">
        <v>200</v>
      </c>
      <c r="D122648" s="14" t="s">
        <v>122</v>
      </c>
      <c r="E122648" s="15">
        <v>45384</v>
      </c>
      <c r="F122648" s="14" t="s">
        <v>15</v>
      </c>
      <c r="G122648" s="16">
        <v>0</v>
      </c>
    </row>
    <row r="122649" spans="1:7" x14ac:dyDescent="0.3">
      <c r="A122649" s="13" t="s">
        <v>572</v>
      </c>
      <c r="B122649" s="14" t="s">
        <v>1</v>
      </c>
      <c r="C122649" s="14" t="s">
        <v>200</v>
      </c>
      <c r="D122649" s="14" t="s">
        <v>122</v>
      </c>
      <c r="E122649" s="15">
        <v>45385</v>
      </c>
      <c r="F122649" s="14" t="s">
        <v>15</v>
      </c>
      <c r="G122649" s="16">
        <v>3.4246020746561981E-2</v>
      </c>
    </row>
    <row r="122650" spans="1:7" x14ac:dyDescent="0.3">
      <c r="A122650" s="13" t="s">
        <v>572</v>
      </c>
      <c r="B122650" s="14" t="s">
        <v>1</v>
      </c>
      <c r="C122650" s="14" t="s">
        <v>200</v>
      </c>
      <c r="D122650" s="14" t="s">
        <v>122</v>
      </c>
      <c r="E122650" s="15">
        <v>45386</v>
      </c>
      <c r="F122650" s="14" t="s">
        <v>15</v>
      </c>
      <c r="G122650" s="16">
        <v>4.3148607149689613E-2</v>
      </c>
    </row>
    <row r="122651" spans="1:7" x14ac:dyDescent="0.3">
      <c r="A122651" s="13" t="s">
        <v>572</v>
      </c>
      <c r="B122651" s="14" t="s">
        <v>1</v>
      </c>
      <c r="C122651" s="14" t="s">
        <v>200</v>
      </c>
      <c r="D122651" s="14" t="s">
        <v>122</v>
      </c>
      <c r="E122651" s="15">
        <v>45387</v>
      </c>
      <c r="F122651" s="14" t="s">
        <v>15</v>
      </c>
      <c r="G122651" s="16">
        <v>5.0034021835645537E-2</v>
      </c>
    </row>
    <row r="122652" spans="1:7" x14ac:dyDescent="0.3">
      <c r="A122652" s="13" t="s">
        <v>572</v>
      </c>
      <c r="B122652" s="14" t="s">
        <v>1</v>
      </c>
      <c r="C122652" s="14" t="s">
        <v>200</v>
      </c>
      <c r="D122652" s="14" t="s">
        <v>122</v>
      </c>
      <c r="E122652" s="15">
        <v>45388</v>
      </c>
      <c r="F122652" s="14" t="s">
        <v>15</v>
      </c>
      <c r="G122652" s="16">
        <v>5.0034021835645537E-2</v>
      </c>
    </row>
    <row r="122653" spans="1:7" x14ac:dyDescent="0.3">
      <c r="A122653" s="13" t="s">
        <v>572</v>
      </c>
      <c r="B122653" s="14" t="s">
        <v>1</v>
      </c>
      <c r="C122653" s="14" t="s">
        <v>200</v>
      </c>
      <c r="D122653" s="14" t="s">
        <v>122</v>
      </c>
      <c r="E122653" s="15">
        <v>45389</v>
      </c>
      <c r="F122653" s="14" t="s">
        <v>15</v>
      </c>
      <c r="G122653" s="16">
        <v>5.0034021835645537E-2</v>
      </c>
    </row>
    <row r="122654" spans="1:7" x14ac:dyDescent="0.3">
      <c r="A122654" s="13" t="s">
        <v>572</v>
      </c>
      <c r="B122654" s="14" t="s">
        <v>1</v>
      </c>
      <c r="C122654" s="14" t="s">
        <v>200</v>
      </c>
      <c r="D122654" s="14" t="s">
        <v>122</v>
      </c>
      <c r="E122654" s="15">
        <v>45390</v>
      </c>
      <c r="F122654" s="14" t="s">
        <v>15</v>
      </c>
      <c r="G122654" s="16">
        <v>4.9788123390288319E-2</v>
      </c>
    </row>
    <row r="122655" spans="1:7" x14ac:dyDescent="0.3">
      <c r="A122655" s="13" t="s">
        <v>572</v>
      </c>
      <c r="B122655" s="14" t="s">
        <v>1</v>
      </c>
      <c r="C122655" s="14" t="s">
        <v>200</v>
      </c>
      <c r="D122655" s="14" t="s">
        <v>122</v>
      </c>
      <c r="E122655" s="15">
        <v>45391</v>
      </c>
      <c r="F122655" s="14" t="s">
        <v>15</v>
      </c>
      <c r="G122655" s="16">
        <v>6.8323033025739194E-2</v>
      </c>
    </row>
    <row r="122656" spans="1:7" x14ac:dyDescent="0.3">
      <c r="A122656" s="13" t="s">
        <v>572</v>
      </c>
      <c r="B122656" s="14" t="s">
        <v>1</v>
      </c>
      <c r="C122656" s="14" t="s">
        <v>200</v>
      </c>
      <c r="D122656" s="14" t="s">
        <v>122</v>
      </c>
      <c r="E122656" s="15">
        <v>45392</v>
      </c>
      <c r="F122656" s="14" t="s">
        <v>15</v>
      </c>
      <c r="G122656" s="16">
        <v>8.5331680034927429E-2</v>
      </c>
    </row>
    <row r="122657" spans="1:7" x14ac:dyDescent="0.3">
      <c r="A122657" s="13" t="s">
        <v>572</v>
      </c>
      <c r="B122657" s="14" t="s">
        <v>1</v>
      </c>
      <c r="C122657" s="14" t="s">
        <v>200</v>
      </c>
      <c r="D122657" s="14" t="s">
        <v>122</v>
      </c>
      <c r="E122657" s="15">
        <v>45393</v>
      </c>
      <c r="F122657" s="14" t="s">
        <v>15</v>
      </c>
      <c r="G122657" s="16">
        <v>0.10859285229664092</v>
      </c>
    </row>
    <row r="122658" spans="1:7" x14ac:dyDescent="0.3">
      <c r="A122658" s="13" t="s">
        <v>572</v>
      </c>
      <c r="B122658" s="14" t="s">
        <v>1</v>
      </c>
      <c r="C122658" s="14" t="s">
        <v>200</v>
      </c>
      <c r="D122658" s="14" t="s">
        <v>122</v>
      </c>
      <c r="E122658" s="15">
        <v>45394</v>
      </c>
      <c r="F122658" s="14" t="s">
        <v>15</v>
      </c>
      <c r="G122658" s="16">
        <v>0.11300553970986957</v>
      </c>
    </row>
    <row r="122659" spans="1:7" x14ac:dyDescent="0.3">
      <c r="A122659" s="13" t="s">
        <v>572</v>
      </c>
      <c r="B122659" s="14" t="s">
        <v>1</v>
      </c>
      <c r="C122659" s="14" t="s">
        <v>200</v>
      </c>
      <c r="D122659" s="14" t="s">
        <v>122</v>
      </c>
      <c r="E122659" s="15">
        <v>45395</v>
      </c>
      <c r="F122659" s="14" t="s">
        <v>15</v>
      </c>
      <c r="G122659" s="16">
        <v>0.11300553970986957</v>
      </c>
    </row>
    <row r="122660" spans="1:7" x14ac:dyDescent="0.3">
      <c r="A122660" s="13" t="s">
        <v>572</v>
      </c>
      <c r="B122660" s="14" t="s">
        <v>1</v>
      </c>
      <c r="C122660" s="14" t="s">
        <v>200</v>
      </c>
      <c r="D122660" s="14" t="s">
        <v>122</v>
      </c>
      <c r="E122660" s="15">
        <v>45396</v>
      </c>
      <c r="F122660" s="14" t="s">
        <v>15</v>
      </c>
      <c r="G122660" s="16">
        <v>0.11300553970986957</v>
      </c>
    </row>
    <row r="122661" spans="1:7" x14ac:dyDescent="0.3">
      <c r="A122661" s="13" t="s">
        <v>572</v>
      </c>
      <c r="B122661" s="14" t="s">
        <v>1</v>
      </c>
      <c r="C122661" s="14" t="s">
        <v>200</v>
      </c>
      <c r="D122661" s="14" t="s">
        <v>122</v>
      </c>
      <c r="E122661" s="15">
        <v>45397</v>
      </c>
      <c r="F122661" s="14" t="s">
        <v>15</v>
      </c>
      <c r="G122661" s="16">
        <v>0.1201202473251184</v>
      </c>
    </row>
    <row r="122662" spans="1:7" x14ac:dyDescent="0.3">
      <c r="A122662" s="13" t="s">
        <v>572</v>
      </c>
      <c r="B122662" s="14" t="s">
        <v>1</v>
      </c>
      <c r="C122662" s="14" t="s">
        <v>200</v>
      </c>
      <c r="D122662" s="14" t="s">
        <v>122</v>
      </c>
      <c r="E122662" s="15">
        <v>45398</v>
      </c>
      <c r="F122662" s="14" t="s">
        <v>15</v>
      </c>
      <c r="G122662" s="16">
        <v>0.14188545999087229</v>
      </c>
    </row>
    <row r="122663" spans="1:7" x14ac:dyDescent="0.3">
      <c r="A122663" s="13" t="s">
        <v>572</v>
      </c>
      <c r="B122663" s="14" t="s">
        <v>1</v>
      </c>
      <c r="C122663" s="14" t="s">
        <v>200</v>
      </c>
      <c r="D122663" s="14" t="s">
        <v>122</v>
      </c>
      <c r="E122663" s="15">
        <v>45399</v>
      </c>
      <c r="F122663" s="14" t="s">
        <v>15</v>
      </c>
      <c r="G122663" s="16">
        <v>0.14857289487884842</v>
      </c>
    </row>
    <row r="122664" spans="1:7" x14ac:dyDescent="0.3">
      <c r="A122664" s="13" t="s">
        <v>572</v>
      </c>
      <c r="B122664" s="14" t="s">
        <v>1</v>
      </c>
      <c r="C122664" s="14" t="s">
        <v>200</v>
      </c>
      <c r="D122664" s="14" t="s">
        <v>122</v>
      </c>
      <c r="E122664" s="15">
        <v>45400</v>
      </c>
      <c r="F122664" s="14" t="s">
        <v>15</v>
      </c>
      <c r="G122664" s="16">
        <v>0.15513002673652151</v>
      </c>
    </row>
    <row r="122665" spans="1:7" x14ac:dyDescent="0.3">
      <c r="A122665" s="13" t="s">
        <v>572</v>
      </c>
      <c r="B122665" s="14" t="s">
        <v>1</v>
      </c>
      <c r="C122665" s="14" t="s">
        <v>200</v>
      </c>
      <c r="D122665" s="14" t="s">
        <v>122</v>
      </c>
      <c r="E122665" s="15">
        <v>45401</v>
      </c>
      <c r="F122665" s="14" t="s">
        <v>15</v>
      </c>
      <c r="G122665" s="16">
        <v>0.15055281515985117</v>
      </c>
    </row>
    <row r="122666" spans="1:7" x14ac:dyDescent="0.3">
      <c r="A122666" s="13" t="s">
        <v>572</v>
      </c>
      <c r="B122666" s="14" t="s">
        <v>1</v>
      </c>
      <c r="C122666" s="14" t="s">
        <v>200</v>
      </c>
      <c r="D122666" s="14" t="s">
        <v>122</v>
      </c>
      <c r="E122666" s="15">
        <v>45402</v>
      </c>
      <c r="F122666" s="14" t="s">
        <v>15</v>
      </c>
      <c r="G122666" s="16">
        <v>0.15055281515985117</v>
      </c>
    </row>
    <row r="122667" spans="1:7" x14ac:dyDescent="0.3">
      <c r="A122667" s="13" t="s">
        <v>572</v>
      </c>
      <c r="B122667" s="14" t="s">
        <v>1</v>
      </c>
      <c r="C122667" s="14" t="s">
        <v>200</v>
      </c>
      <c r="D122667" s="14" t="s">
        <v>122</v>
      </c>
      <c r="E122667" s="15">
        <v>45403</v>
      </c>
      <c r="F122667" s="14" t="s">
        <v>15</v>
      </c>
      <c r="G122667" s="16">
        <v>0.15055281515985117</v>
      </c>
    </row>
    <row r="122668" spans="1:7" x14ac:dyDescent="0.3">
      <c r="A122668" s="13" t="s">
        <v>572</v>
      </c>
      <c r="B122668" s="14" t="s">
        <v>1</v>
      </c>
      <c r="C122668" s="14" t="s">
        <v>200</v>
      </c>
      <c r="D122668" s="14" t="s">
        <v>122</v>
      </c>
      <c r="E122668" s="15">
        <v>45404</v>
      </c>
      <c r="F122668" s="14" t="s">
        <v>15</v>
      </c>
      <c r="G122668" s="16">
        <v>0.14609580560338284</v>
      </c>
    </row>
    <row r="122669" spans="1:7" x14ac:dyDescent="0.3">
      <c r="A122669" s="13" t="s">
        <v>572</v>
      </c>
      <c r="B122669" s="14" t="s">
        <v>1</v>
      </c>
      <c r="C122669" s="14" t="s">
        <v>200</v>
      </c>
      <c r="D122669" s="14" t="s">
        <v>122</v>
      </c>
      <c r="E122669" s="15">
        <v>45405</v>
      </c>
      <c r="F122669" s="14" t="s">
        <v>15</v>
      </c>
      <c r="G122669" s="16">
        <v>0.16811859402671248</v>
      </c>
    </row>
    <row r="122670" spans="1:7" x14ac:dyDescent="0.3">
      <c r="A122670" s="13" t="s">
        <v>572</v>
      </c>
      <c r="B122670" s="14" t="s">
        <v>1</v>
      </c>
      <c r="C122670" s="14" t="s">
        <v>200</v>
      </c>
      <c r="D122670" s="14" t="s">
        <v>122</v>
      </c>
      <c r="E122670" s="15">
        <v>45406</v>
      </c>
      <c r="F122670" s="14" t="s">
        <v>15</v>
      </c>
      <c r="G122670" s="16">
        <v>0.17628481679347649</v>
      </c>
    </row>
    <row r="122671" spans="1:7" x14ac:dyDescent="0.3">
      <c r="A122671" s="13" t="s">
        <v>572</v>
      </c>
      <c r="B122671" s="14" t="s">
        <v>1</v>
      </c>
      <c r="C122671" s="14" t="s">
        <v>200</v>
      </c>
      <c r="D122671" s="14" t="s">
        <v>122</v>
      </c>
      <c r="E122671" s="15">
        <v>45407</v>
      </c>
      <c r="F122671" s="14" t="s">
        <v>15</v>
      </c>
      <c r="G122671" s="16">
        <v>0.18219750420670514</v>
      </c>
    </row>
    <row r="122672" spans="1:7" x14ac:dyDescent="0.3">
      <c r="A122672" s="13" t="s">
        <v>572</v>
      </c>
      <c r="B122672" s="14" t="s">
        <v>1</v>
      </c>
      <c r="C122672" s="14" t="s">
        <v>200</v>
      </c>
      <c r="D122672" s="14" t="s">
        <v>122</v>
      </c>
      <c r="E122672" s="15">
        <v>45408</v>
      </c>
      <c r="F122672" s="14" t="s">
        <v>15</v>
      </c>
      <c r="G122672" s="16">
        <v>0.18827180778154992</v>
      </c>
    </row>
    <row r="122673" spans="1:7" x14ac:dyDescent="0.3">
      <c r="A122673" s="13" t="s">
        <v>572</v>
      </c>
      <c r="B122673" s="14" t="s">
        <v>1</v>
      </c>
      <c r="C122673" s="14" t="s">
        <v>200</v>
      </c>
      <c r="D122673" s="14" t="s">
        <v>122</v>
      </c>
      <c r="E122673" s="15">
        <v>45409</v>
      </c>
      <c r="F122673" s="14" t="s">
        <v>15</v>
      </c>
      <c r="G122673" s="16">
        <v>0.18827180778154992</v>
      </c>
    </row>
    <row r="122674" spans="1:7" x14ac:dyDescent="0.3">
      <c r="A122674" s="13" t="s">
        <v>572</v>
      </c>
      <c r="B122674" s="14" t="s">
        <v>1</v>
      </c>
      <c r="C122674" s="14" t="s">
        <v>200</v>
      </c>
      <c r="D122674" s="14" t="s">
        <v>122</v>
      </c>
      <c r="E122674" s="15">
        <v>45410</v>
      </c>
      <c r="F122674" s="14" t="s">
        <v>15</v>
      </c>
      <c r="G122674" s="16">
        <v>0.18827180778154992</v>
      </c>
    </row>
    <row r="122675" spans="1:7" x14ac:dyDescent="0.3">
      <c r="A122675" s="13" t="s">
        <v>572</v>
      </c>
      <c r="B122675" s="14" t="s">
        <v>1</v>
      </c>
      <c r="C122675" s="14" t="s">
        <v>200</v>
      </c>
      <c r="D122675" s="14" t="s">
        <v>122</v>
      </c>
      <c r="E122675" s="15">
        <v>45411</v>
      </c>
      <c r="F122675" s="14" t="s">
        <v>15</v>
      </c>
      <c r="G122675" s="16">
        <v>0.19455116186144522</v>
      </c>
    </row>
    <row r="122676" spans="1:7" x14ac:dyDescent="0.3">
      <c r="A122676" s="13" t="s">
        <v>572</v>
      </c>
      <c r="B122676" s="14" t="s">
        <v>1</v>
      </c>
      <c r="C122676" s="14" t="s">
        <v>200</v>
      </c>
      <c r="D122676" s="14" t="s">
        <v>122</v>
      </c>
      <c r="E122676" s="15">
        <v>45412</v>
      </c>
      <c r="F122676" s="14" t="s">
        <v>15</v>
      </c>
      <c r="G122676" s="16">
        <v>0.21245071796154258</v>
      </c>
    </row>
    <row r="122677" spans="1:7" x14ac:dyDescent="0.3">
      <c r="A122677" s="13" t="s">
        <v>572</v>
      </c>
      <c r="B122677" s="14" t="s">
        <v>1</v>
      </c>
      <c r="C122677" s="14" t="s">
        <v>200</v>
      </c>
      <c r="D122677" s="14" t="s">
        <v>122</v>
      </c>
      <c r="E122677" s="15">
        <v>45413</v>
      </c>
      <c r="F122677" s="14" t="s">
        <v>15</v>
      </c>
      <c r="G122677" s="16">
        <v>0.21760987002123586</v>
      </c>
    </row>
    <row r="122678" spans="1:7" x14ac:dyDescent="0.3">
      <c r="A122678" s="13" t="s">
        <v>572</v>
      </c>
      <c r="B122678" s="14" t="s">
        <v>1</v>
      </c>
      <c r="C122678" s="14" t="s">
        <v>200</v>
      </c>
      <c r="D122678" s="14" t="s">
        <v>122</v>
      </c>
      <c r="E122678" s="15">
        <v>45414</v>
      </c>
      <c r="F122678" s="14" t="s">
        <v>15</v>
      </c>
      <c r="G122678" s="16">
        <v>0.22613265844456554</v>
      </c>
    </row>
    <row r="122679" spans="1:7" x14ac:dyDescent="0.3">
      <c r="A122679" s="13" t="s">
        <v>572</v>
      </c>
      <c r="B122679" s="14" t="s">
        <v>1</v>
      </c>
      <c r="C122679" s="14" t="s">
        <v>200</v>
      </c>
      <c r="D122679" s="14" t="s">
        <v>122</v>
      </c>
      <c r="E122679" s="15">
        <v>45415</v>
      </c>
      <c r="F122679" s="14" t="s">
        <v>15</v>
      </c>
      <c r="G122679" s="16">
        <v>0.23189080040324872</v>
      </c>
    </row>
    <row r="122680" spans="1:7" x14ac:dyDescent="0.3">
      <c r="A122680" s="13" t="s">
        <v>572</v>
      </c>
      <c r="B122680" s="14" t="s">
        <v>1</v>
      </c>
      <c r="C122680" s="14" t="s">
        <v>200</v>
      </c>
      <c r="D122680" s="14" t="s">
        <v>122</v>
      </c>
      <c r="E122680" s="15">
        <v>45416</v>
      </c>
      <c r="F122680" s="14" t="s">
        <v>15</v>
      </c>
      <c r="G122680" s="16">
        <v>0.23189080040324872</v>
      </c>
    </row>
    <row r="122681" spans="1:7" x14ac:dyDescent="0.3">
      <c r="A122681" s="13" t="s">
        <v>572</v>
      </c>
      <c r="B122681" s="14" t="s">
        <v>1</v>
      </c>
      <c r="C122681" s="14" t="s">
        <v>200</v>
      </c>
      <c r="D122681" s="14" t="s">
        <v>122</v>
      </c>
      <c r="E122681" s="15">
        <v>45417</v>
      </c>
      <c r="F122681" s="14" t="s">
        <v>15</v>
      </c>
      <c r="G122681" s="16">
        <v>0.23189080040324872</v>
      </c>
    </row>
    <row r="122682" spans="1:7" x14ac:dyDescent="0.3">
      <c r="A122682" s="13" t="s">
        <v>572</v>
      </c>
      <c r="B122682" s="14" t="s">
        <v>1</v>
      </c>
      <c r="C122682" s="14" t="s">
        <v>200</v>
      </c>
      <c r="D122682" s="14" t="s">
        <v>122</v>
      </c>
      <c r="E122682" s="15">
        <v>45418</v>
      </c>
      <c r="F122682" s="14" t="s">
        <v>15</v>
      </c>
      <c r="G122682" s="16">
        <v>0.23189080040324872</v>
      </c>
    </row>
    <row r="122683" spans="1:7" x14ac:dyDescent="0.3">
      <c r="A122683" s="13" t="s">
        <v>572</v>
      </c>
      <c r="B122683" s="14" t="s">
        <v>1</v>
      </c>
      <c r="C122683" s="14" t="s">
        <v>200</v>
      </c>
      <c r="D122683" s="14" t="s">
        <v>122</v>
      </c>
      <c r="E122683" s="15">
        <v>45419</v>
      </c>
      <c r="F122683" s="14" t="s">
        <v>15</v>
      </c>
      <c r="G122683" s="16">
        <v>0.23594995246294201</v>
      </c>
    </row>
    <row r="122684" spans="1:7" x14ac:dyDescent="0.3">
      <c r="A122684" s="13" t="s">
        <v>572</v>
      </c>
      <c r="B122684" s="14" t="s">
        <v>1</v>
      </c>
      <c r="C122684" s="14" t="s">
        <v>200</v>
      </c>
      <c r="D122684" s="14" t="s">
        <v>122</v>
      </c>
      <c r="E122684" s="15">
        <v>45420</v>
      </c>
      <c r="F122684" s="14" t="s">
        <v>15</v>
      </c>
      <c r="G122684" s="16">
        <v>0.25715152876505953</v>
      </c>
    </row>
    <row r="122685" spans="1:7" x14ac:dyDescent="0.3">
      <c r="A122685" s="13" t="s">
        <v>572</v>
      </c>
      <c r="B122685" s="14" t="s">
        <v>1</v>
      </c>
      <c r="C122685" s="14" t="s">
        <v>200</v>
      </c>
      <c r="D122685" s="14" t="s">
        <v>122</v>
      </c>
      <c r="E122685" s="15">
        <v>45421</v>
      </c>
      <c r="F122685" s="14" t="s">
        <v>15</v>
      </c>
      <c r="G122685" s="16">
        <v>0.26330361011768216</v>
      </c>
    </row>
    <row r="122686" spans="1:7" x14ac:dyDescent="0.3">
      <c r="A122686" s="13" t="s">
        <v>572</v>
      </c>
      <c r="B122686" s="14" t="s">
        <v>1</v>
      </c>
      <c r="C122686" s="14" t="s">
        <v>200</v>
      </c>
      <c r="D122686" s="14" t="s">
        <v>122</v>
      </c>
      <c r="E122686" s="15">
        <v>45422</v>
      </c>
      <c r="F122686" s="14" t="s">
        <v>15</v>
      </c>
      <c r="G122686" s="16">
        <v>0.26877892379353707</v>
      </c>
    </row>
    <row r="122687" spans="1:7" x14ac:dyDescent="0.3">
      <c r="A122687" s="13" t="s">
        <v>572</v>
      </c>
      <c r="B122687" s="14" t="s">
        <v>1</v>
      </c>
      <c r="C122687" s="14" t="s">
        <v>200</v>
      </c>
      <c r="D122687" s="14" t="s">
        <v>122</v>
      </c>
      <c r="E122687" s="15">
        <v>45423</v>
      </c>
      <c r="F122687" s="14" t="s">
        <v>15</v>
      </c>
      <c r="G122687" s="16">
        <v>0.26877892379353707</v>
      </c>
    </row>
    <row r="122688" spans="1:7" x14ac:dyDescent="0.3">
      <c r="A122688" s="13" t="s">
        <v>572</v>
      </c>
      <c r="B122688" s="14" t="s">
        <v>1</v>
      </c>
      <c r="C122688" s="14" t="s">
        <v>200</v>
      </c>
      <c r="D122688" s="14" t="s">
        <v>122</v>
      </c>
      <c r="E122688" s="15">
        <v>45424</v>
      </c>
      <c r="F122688" s="14" t="s">
        <v>15</v>
      </c>
      <c r="G122688" s="16">
        <v>0.26877892379353707</v>
      </c>
    </row>
    <row r="122689" spans="1:7" x14ac:dyDescent="0.3">
      <c r="A122689" s="13" t="s">
        <v>572</v>
      </c>
      <c r="B122689" s="14" t="s">
        <v>1</v>
      </c>
      <c r="C122689" s="14" t="s">
        <v>200</v>
      </c>
      <c r="D122689" s="14" t="s">
        <v>122</v>
      </c>
      <c r="E122689" s="15">
        <v>45425</v>
      </c>
      <c r="F122689" s="14" t="s">
        <v>15</v>
      </c>
      <c r="G122689" s="16">
        <v>0.2729885809037354</v>
      </c>
    </row>
    <row r="122690" spans="1:7" x14ac:dyDescent="0.3">
      <c r="A122690" s="13" t="s">
        <v>572</v>
      </c>
      <c r="B122690" s="14" t="s">
        <v>1</v>
      </c>
      <c r="C122690" s="14" t="s">
        <v>200</v>
      </c>
      <c r="D122690" s="14" t="s">
        <v>122</v>
      </c>
      <c r="E122690" s="15">
        <v>45426</v>
      </c>
      <c r="F122690" s="14" t="s">
        <v>15</v>
      </c>
      <c r="G122690" s="16">
        <v>0.29481945013514588</v>
      </c>
    </row>
    <row r="122691" spans="1:7" x14ac:dyDescent="0.3">
      <c r="A122691" s="13" t="s">
        <v>572</v>
      </c>
      <c r="B122691" s="14" t="s">
        <v>1</v>
      </c>
      <c r="C122691" s="14" t="s">
        <v>200</v>
      </c>
      <c r="D122691" s="14" t="s">
        <v>122</v>
      </c>
      <c r="E122691" s="15">
        <v>45427</v>
      </c>
      <c r="F122691" s="14" t="s">
        <v>15</v>
      </c>
      <c r="G122691" s="16">
        <v>0.30062405674029369</v>
      </c>
    </row>
    <row r="122692" spans="1:7" x14ac:dyDescent="0.3">
      <c r="A122692" s="13" t="s">
        <v>572</v>
      </c>
      <c r="B122692" s="14" t="s">
        <v>1</v>
      </c>
      <c r="C122692" s="14" t="s">
        <v>200</v>
      </c>
      <c r="D122692" s="14" t="s">
        <v>122</v>
      </c>
      <c r="E122692" s="15">
        <v>45428</v>
      </c>
      <c r="F122692" s="14" t="s">
        <v>15</v>
      </c>
      <c r="G122692" s="16">
        <v>0.30744987546665364</v>
      </c>
    </row>
    <row r="122693" spans="1:7" x14ac:dyDescent="0.3">
      <c r="A122693" s="13" t="s">
        <v>572</v>
      </c>
      <c r="B122693" s="14" t="s">
        <v>1</v>
      </c>
      <c r="C122693" s="14" t="s">
        <v>200</v>
      </c>
      <c r="D122693" s="14" t="s">
        <v>122</v>
      </c>
      <c r="E122693" s="15">
        <v>45429</v>
      </c>
      <c r="F122693" s="14" t="s">
        <v>15</v>
      </c>
      <c r="G122693" s="16">
        <v>0.31361609823341763</v>
      </c>
    </row>
    <row r="122694" spans="1:7" x14ac:dyDescent="0.3">
      <c r="A122694" s="13" t="s">
        <v>572</v>
      </c>
      <c r="B122694" s="14" t="s">
        <v>1</v>
      </c>
      <c r="C122694" s="14" t="s">
        <v>200</v>
      </c>
      <c r="D122694" s="14" t="s">
        <v>122</v>
      </c>
      <c r="E122694" s="15">
        <v>45430</v>
      </c>
      <c r="F122694" s="14" t="s">
        <v>15</v>
      </c>
      <c r="G122694" s="16">
        <v>0.31361609823341763</v>
      </c>
    </row>
    <row r="122695" spans="1:7" x14ac:dyDescent="0.3">
      <c r="A122695" s="13" t="s">
        <v>572</v>
      </c>
      <c r="B122695" s="14" t="s">
        <v>1</v>
      </c>
      <c r="C122695" s="14" t="s">
        <v>200</v>
      </c>
      <c r="D122695" s="14" t="s">
        <v>122</v>
      </c>
      <c r="E122695" s="15">
        <v>45431</v>
      </c>
      <c r="F122695" s="14" t="s">
        <v>15</v>
      </c>
      <c r="G122695" s="16">
        <v>0.31361609823341763</v>
      </c>
    </row>
    <row r="122696" spans="1:7" x14ac:dyDescent="0.3">
      <c r="A122696" s="13" t="s">
        <v>572</v>
      </c>
      <c r="B122696" s="14" t="s">
        <v>1</v>
      </c>
      <c r="C122696" s="14" t="s">
        <v>200</v>
      </c>
      <c r="D122696" s="14" t="s">
        <v>122</v>
      </c>
      <c r="E122696" s="15">
        <v>45432</v>
      </c>
      <c r="F122696" s="14" t="s">
        <v>15</v>
      </c>
      <c r="G122696" s="16">
        <v>0.31757626039412101</v>
      </c>
    </row>
    <row r="122697" spans="1:7" x14ac:dyDescent="0.3">
      <c r="A122697" s="13" t="s">
        <v>572</v>
      </c>
      <c r="B122697" s="14" t="s">
        <v>1</v>
      </c>
      <c r="C122697" s="14" t="s">
        <v>200</v>
      </c>
      <c r="D122697" s="14" t="s">
        <v>122</v>
      </c>
      <c r="E122697" s="15">
        <v>45433</v>
      </c>
      <c r="F122697" s="14" t="s">
        <v>15</v>
      </c>
      <c r="G122697" s="16">
        <v>0.33659096800936988</v>
      </c>
    </row>
    <row r="122698" spans="1:7" x14ac:dyDescent="0.3">
      <c r="A122698" s="13" t="s">
        <v>572</v>
      </c>
      <c r="B122698" s="14" t="s">
        <v>1</v>
      </c>
      <c r="C122698" s="14" t="s">
        <v>200</v>
      </c>
      <c r="D122698" s="14" t="s">
        <v>122</v>
      </c>
      <c r="E122698" s="15">
        <v>45434</v>
      </c>
      <c r="F122698" s="14" t="s">
        <v>15</v>
      </c>
      <c r="G122698" s="16">
        <v>0.34356527158421474</v>
      </c>
    </row>
    <row r="122699" spans="1:7" x14ac:dyDescent="0.3">
      <c r="A122699" s="13" t="s">
        <v>572</v>
      </c>
      <c r="B122699" s="14" t="s">
        <v>1</v>
      </c>
      <c r="C122699" s="14" t="s">
        <v>200</v>
      </c>
      <c r="D122699" s="14" t="s">
        <v>122</v>
      </c>
      <c r="E122699" s="15">
        <v>45435</v>
      </c>
      <c r="F122699" s="14" t="s">
        <v>15</v>
      </c>
      <c r="G122699" s="16">
        <v>0.34955371657320095</v>
      </c>
    </row>
    <row r="122700" spans="1:7" x14ac:dyDescent="0.3">
      <c r="A122700" s="13" t="s">
        <v>572</v>
      </c>
      <c r="B122700" s="14" t="s">
        <v>1</v>
      </c>
      <c r="C122700" s="14" t="s">
        <v>200</v>
      </c>
      <c r="D122700" s="14" t="s">
        <v>122</v>
      </c>
      <c r="E122700" s="15">
        <v>45436</v>
      </c>
      <c r="F122700" s="14" t="s">
        <v>15</v>
      </c>
      <c r="G122700" s="16">
        <v>0.35541286863289423</v>
      </c>
    </row>
    <row r="122701" spans="1:7" x14ac:dyDescent="0.3">
      <c r="A122701" s="13" t="s">
        <v>572</v>
      </c>
      <c r="B122701" s="14" t="s">
        <v>1</v>
      </c>
      <c r="C122701" s="14" t="s">
        <v>200</v>
      </c>
      <c r="D122701" s="14" t="s">
        <v>122</v>
      </c>
      <c r="E122701" s="15">
        <v>45437</v>
      </c>
      <c r="F122701" s="14" t="s">
        <v>15</v>
      </c>
      <c r="G122701" s="16">
        <v>0.35541286863289423</v>
      </c>
    </row>
    <row r="122702" spans="1:7" x14ac:dyDescent="0.3">
      <c r="A122702" s="13" t="s">
        <v>572</v>
      </c>
      <c r="B122702" s="14" t="s">
        <v>1</v>
      </c>
      <c r="C122702" s="14" t="s">
        <v>200</v>
      </c>
      <c r="D122702" s="14" t="s">
        <v>122</v>
      </c>
      <c r="E122702" s="15">
        <v>45438</v>
      </c>
      <c r="F122702" s="14" t="s">
        <v>15</v>
      </c>
      <c r="G122702" s="16">
        <v>0.35541286863289423</v>
      </c>
    </row>
    <row r="122703" spans="1:7" x14ac:dyDescent="0.3">
      <c r="A122703" s="13" t="s">
        <v>572</v>
      </c>
      <c r="B122703" s="14" t="s">
        <v>1</v>
      </c>
      <c r="C122703" s="14" t="s">
        <v>200</v>
      </c>
      <c r="D122703" s="14" t="s">
        <v>122</v>
      </c>
      <c r="E122703" s="15">
        <v>45439</v>
      </c>
      <c r="F122703" s="14" t="s">
        <v>15</v>
      </c>
      <c r="G122703" s="16">
        <v>0.35541286863289423</v>
      </c>
    </row>
    <row r="122704" spans="1:7" x14ac:dyDescent="0.3">
      <c r="A122704" s="13" t="s">
        <v>572</v>
      </c>
      <c r="B122704" s="14" t="s">
        <v>1</v>
      </c>
      <c r="C122704" s="14" t="s">
        <v>200</v>
      </c>
      <c r="D122704" s="14" t="s">
        <v>122</v>
      </c>
      <c r="E122704" s="15">
        <v>45440</v>
      </c>
      <c r="F122704" s="14" t="s">
        <v>15</v>
      </c>
      <c r="G122704" s="16">
        <v>0.36137808129864812</v>
      </c>
    </row>
    <row r="122705" spans="1:7" x14ac:dyDescent="0.3">
      <c r="A122705" s="13" t="s">
        <v>572</v>
      </c>
      <c r="B122705" s="14" t="s">
        <v>1</v>
      </c>
      <c r="C122705" s="14" t="s">
        <v>200</v>
      </c>
      <c r="D122705" s="14" t="s">
        <v>122</v>
      </c>
      <c r="E122705" s="15">
        <v>45441</v>
      </c>
      <c r="F122705" s="14" t="s">
        <v>15</v>
      </c>
      <c r="G122705" s="16">
        <v>0.37266753638864442</v>
      </c>
    </row>
    <row r="122706" spans="1:7" x14ac:dyDescent="0.3">
      <c r="A122706" s="13" t="s">
        <v>572</v>
      </c>
      <c r="B122706" s="14" t="s">
        <v>1</v>
      </c>
      <c r="C122706" s="14" t="s">
        <v>200</v>
      </c>
      <c r="D122706" s="14" t="s">
        <v>122</v>
      </c>
      <c r="E122706" s="15">
        <v>45442</v>
      </c>
      <c r="F122706" s="14" t="s">
        <v>15</v>
      </c>
      <c r="G122706" s="16">
        <v>0.37466002178167107</v>
      </c>
    </row>
    <row r="122707" spans="1:7" x14ac:dyDescent="0.3">
      <c r="A122707" s="13" t="s">
        <v>572</v>
      </c>
      <c r="B122707" s="14" t="s">
        <v>1</v>
      </c>
      <c r="C122707" s="14" t="s">
        <v>200</v>
      </c>
      <c r="D122707" s="14" t="s">
        <v>122</v>
      </c>
      <c r="E122707" s="15">
        <v>45443</v>
      </c>
      <c r="F122707" s="14" t="s">
        <v>15</v>
      </c>
      <c r="G122707" s="16">
        <v>0.37981715363934415</v>
      </c>
    </row>
    <row r="122708" spans="1:7" x14ac:dyDescent="0.3">
      <c r="A122708" s="13" t="s">
        <v>572</v>
      </c>
      <c r="B122708" s="14" t="s">
        <v>1</v>
      </c>
      <c r="C122708" s="14" t="s">
        <v>200</v>
      </c>
      <c r="D122708" s="14" t="s">
        <v>122</v>
      </c>
      <c r="E122708" s="15">
        <v>45444</v>
      </c>
      <c r="F122708" s="14" t="s">
        <v>15</v>
      </c>
      <c r="G122708" s="16">
        <v>0.37981715363934415</v>
      </c>
    </row>
    <row r="122709" spans="1:7" x14ac:dyDescent="0.3">
      <c r="A122709" s="13" t="s">
        <v>572</v>
      </c>
      <c r="B122709" s="14" t="s">
        <v>1</v>
      </c>
      <c r="C122709" s="14" t="s">
        <v>200</v>
      </c>
      <c r="D122709" s="14" t="s">
        <v>122</v>
      </c>
      <c r="E122709" s="15">
        <v>45445</v>
      </c>
      <c r="F122709" s="14" t="s">
        <v>15</v>
      </c>
      <c r="G122709" s="16">
        <v>0.37981715363934415</v>
      </c>
    </row>
    <row r="122710" spans="1:7" x14ac:dyDescent="0.3">
      <c r="A122710" s="13" t="s">
        <v>572</v>
      </c>
      <c r="B122710" s="14" t="s">
        <v>1</v>
      </c>
      <c r="C122710" s="14" t="s">
        <v>200</v>
      </c>
      <c r="D122710" s="14" t="s">
        <v>122</v>
      </c>
      <c r="E122710" s="15">
        <v>45446</v>
      </c>
      <c r="F122710" s="14" t="s">
        <v>15</v>
      </c>
      <c r="G122710" s="16">
        <v>0.37981715363934415</v>
      </c>
    </row>
    <row r="122711" spans="1:7" x14ac:dyDescent="0.3">
      <c r="A122711" s="13" t="s">
        <v>572</v>
      </c>
      <c r="B122711" s="14" t="s">
        <v>1</v>
      </c>
      <c r="C122711" s="14" t="s">
        <v>200</v>
      </c>
      <c r="D122711" s="14" t="s">
        <v>122</v>
      </c>
      <c r="E122711" s="15">
        <v>45447</v>
      </c>
      <c r="F122711" s="14" t="s">
        <v>15</v>
      </c>
      <c r="G122711" s="16">
        <v>0.3867954976182294</v>
      </c>
    </row>
    <row r="122712" spans="1:7" x14ac:dyDescent="0.3">
      <c r="A122712" s="13" t="s">
        <v>572</v>
      </c>
      <c r="B122712" s="14" t="s">
        <v>1</v>
      </c>
      <c r="C122712" s="14" t="s">
        <v>200</v>
      </c>
      <c r="D122712" s="14" t="s">
        <v>122</v>
      </c>
      <c r="E122712" s="15">
        <v>45448</v>
      </c>
      <c r="F122712" s="14" t="s">
        <v>15</v>
      </c>
      <c r="G122712" s="16">
        <v>0.40923343755671054</v>
      </c>
    </row>
    <row r="122713" spans="1:7" x14ac:dyDescent="0.3">
      <c r="A122713" s="13" t="s">
        <v>572</v>
      </c>
      <c r="B122713" s="14" t="s">
        <v>1</v>
      </c>
      <c r="C122713" s="14" t="s">
        <v>200</v>
      </c>
      <c r="D122713" s="14" t="s">
        <v>122</v>
      </c>
      <c r="E122713" s="15">
        <v>45449</v>
      </c>
      <c r="F122713" s="14" t="s">
        <v>15</v>
      </c>
      <c r="G122713" s="16">
        <v>0.41482390274771702</v>
      </c>
    </row>
    <row r="122714" spans="1:7" x14ac:dyDescent="0.3">
      <c r="A122714" s="13" t="s">
        <v>572</v>
      </c>
      <c r="B122714" s="14" t="s">
        <v>1</v>
      </c>
      <c r="C122714" s="14" t="s">
        <v>200</v>
      </c>
      <c r="D122714" s="14" t="s">
        <v>122</v>
      </c>
      <c r="E122714" s="15">
        <v>45450</v>
      </c>
      <c r="F122714" s="14" t="s">
        <v>15</v>
      </c>
      <c r="G122714" s="16">
        <v>0.4204022467266022</v>
      </c>
    </row>
    <row r="122715" spans="1:7" x14ac:dyDescent="0.3">
      <c r="A122715" s="13" t="s">
        <v>572</v>
      </c>
      <c r="B122715" s="14" t="s">
        <v>1</v>
      </c>
      <c r="C122715" s="14" t="s">
        <v>200</v>
      </c>
      <c r="D122715" s="14" t="s">
        <v>122</v>
      </c>
      <c r="E122715" s="15">
        <v>45451</v>
      </c>
      <c r="F122715" s="14" t="s">
        <v>15</v>
      </c>
      <c r="G122715" s="16">
        <v>0.4204022467266022</v>
      </c>
    </row>
    <row r="122716" spans="1:7" x14ac:dyDescent="0.3">
      <c r="A122716" s="13" t="s">
        <v>572</v>
      </c>
      <c r="B122716" s="14" t="s">
        <v>1</v>
      </c>
      <c r="C122716" s="14" t="s">
        <v>200</v>
      </c>
      <c r="D122716" s="14" t="s">
        <v>122</v>
      </c>
      <c r="E122716" s="15">
        <v>45452</v>
      </c>
      <c r="F122716" s="14" t="s">
        <v>15</v>
      </c>
      <c r="G122716" s="16">
        <v>0.4204022467266022</v>
      </c>
    </row>
    <row r="122717" spans="1:7" x14ac:dyDescent="0.3">
      <c r="A122717" s="13" t="s">
        <v>572</v>
      </c>
      <c r="B122717" s="14" t="s">
        <v>1</v>
      </c>
      <c r="C122717" s="14" t="s">
        <v>200</v>
      </c>
      <c r="D122717" s="14" t="s">
        <v>122</v>
      </c>
      <c r="E122717" s="15">
        <v>45453</v>
      </c>
      <c r="F122717" s="14" t="s">
        <v>15</v>
      </c>
      <c r="G122717" s="16">
        <v>0.42626644929134594</v>
      </c>
    </row>
    <row r="122718" spans="1:7" x14ac:dyDescent="0.3">
      <c r="A122718" s="13" t="s">
        <v>572</v>
      </c>
      <c r="B122718" s="14" t="s">
        <v>1</v>
      </c>
      <c r="C122718" s="14" t="s">
        <v>200</v>
      </c>
      <c r="D122718" s="14" t="s">
        <v>122</v>
      </c>
      <c r="E122718" s="15">
        <v>45454</v>
      </c>
      <c r="F122718" s="14" t="s">
        <v>15</v>
      </c>
      <c r="G122718" s="16">
        <v>0.4427458033712412</v>
      </c>
    </row>
    <row r="122719" spans="1:7" x14ac:dyDescent="0.3">
      <c r="A122719" s="13" t="s">
        <v>572</v>
      </c>
      <c r="B122719" s="14" t="s">
        <v>1</v>
      </c>
      <c r="C122719" s="14" t="s">
        <v>200</v>
      </c>
      <c r="D122719" s="14" t="s">
        <v>122</v>
      </c>
      <c r="E122719" s="15">
        <v>45455</v>
      </c>
      <c r="F122719" s="14" t="s">
        <v>15</v>
      </c>
      <c r="G122719" s="16">
        <v>0.4503554604814396</v>
      </c>
    </row>
    <row r="122720" spans="1:7" x14ac:dyDescent="0.3">
      <c r="A122720" s="13" t="s">
        <v>572</v>
      </c>
      <c r="B122720" s="14" t="s">
        <v>1</v>
      </c>
      <c r="C122720" s="14" t="s">
        <v>200</v>
      </c>
      <c r="D122720" s="14" t="s">
        <v>122</v>
      </c>
      <c r="E122720" s="15">
        <v>45456</v>
      </c>
      <c r="F122720" s="14" t="s">
        <v>15</v>
      </c>
      <c r="G122720" s="16">
        <v>0.45425804688456728</v>
      </c>
    </row>
    <row r="122721" spans="1:7" x14ac:dyDescent="0.3">
      <c r="A122721" s="13" t="s">
        <v>572</v>
      </c>
      <c r="B122721" s="14" t="s">
        <v>1</v>
      </c>
      <c r="C122721" s="14" t="s">
        <v>200</v>
      </c>
      <c r="D122721" s="14" t="s">
        <v>122</v>
      </c>
      <c r="E122721" s="15">
        <v>45457</v>
      </c>
      <c r="F122721" s="14" t="s">
        <v>15</v>
      </c>
      <c r="G122721" s="16">
        <v>0.459791946419008</v>
      </c>
    </row>
    <row r="122722" spans="1:7" x14ac:dyDescent="0.3">
      <c r="A122722" s="13" t="s">
        <v>572</v>
      </c>
      <c r="B122722" s="14" t="s">
        <v>1</v>
      </c>
      <c r="C122722" s="14" t="s">
        <v>200</v>
      </c>
      <c r="D122722" s="14" t="s">
        <v>122</v>
      </c>
      <c r="E122722" s="15">
        <v>45458</v>
      </c>
      <c r="F122722" s="14" t="s">
        <v>15</v>
      </c>
      <c r="G122722" s="16">
        <v>0.459791946419008</v>
      </c>
    </row>
    <row r="122723" spans="1:7" x14ac:dyDescent="0.3">
      <c r="A122723" s="13" t="s">
        <v>572</v>
      </c>
      <c r="B122723" s="14" t="s">
        <v>1</v>
      </c>
      <c r="C122723" s="14" t="s">
        <v>200</v>
      </c>
      <c r="D122723" s="14" t="s">
        <v>122</v>
      </c>
      <c r="E122723" s="15">
        <v>45459</v>
      </c>
      <c r="F122723" s="14" t="s">
        <v>15</v>
      </c>
      <c r="G122723" s="16">
        <v>0.459791946419008</v>
      </c>
    </row>
    <row r="122724" spans="1:7" x14ac:dyDescent="0.3">
      <c r="A122724" s="13" t="s">
        <v>572</v>
      </c>
      <c r="B122724" s="14" t="s">
        <v>1</v>
      </c>
      <c r="C122724" s="14" t="s">
        <v>200</v>
      </c>
      <c r="D122724" s="14" t="s">
        <v>122</v>
      </c>
      <c r="E122724" s="15">
        <v>45460</v>
      </c>
      <c r="F122724" s="14" t="s">
        <v>15</v>
      </c>
      <c r="G122724" s="16">
        <v>0.47370867423627705</v>
      </c>
    </row>
    <row r="122725" spans="1:7" x14ac:dyDescent="0.3">
      <c r="A122725" s="13" t="s">
        <v>572</v>
      </c>
      <c r="B122725" s="14" t="s">
        <v>1</v>
      </c>
      <c r="C122725" s="14" t="s">
        <v>200</v>
      </c>
      <c r="D122725" s="14" t="s">
        <v>122</v>
      </c>
      <c r="E122725" s="15">
        <v>45461</v>
      </c>
      <c r="F122725" s="14" t="s">
        <v>15</v>
      </c>
      <c r="G122725" s="16">
        <v>0.48916378589192999</v>
      </c>
    </row>
    <row r="122726" spans="1:7" x14ac:dyDescent="0.3">
      <c r="A122726" s="13" t="s">
        <v>572</v>
      </c>
      <c r="B122726" s="14" t="s">
        <v>1</v>
      </c>
      <c r="C122726" s="14" t="s">
        <v>200</v>
      </c>
      <c r="D122726" s="14" t="s">
        <v>122</v>
      </c>
      <c r="E122726" s="15">
        <v>45462</v>
      </c>
      <c r="F122726" s="14" t="s">
        <v>15</v>
      </c>
      <c r="G122726" s="16">
        <v>0.48916378589192999</v>
      </c>
    </row>
    <row r="122727" spans="1:7" x14ac:dyDescent="0.3">
      <c r="A122727" s="13" t="s">
        <v>572</v>
      </c>
      <c r="B122727" s="14" t="s">
        <v>1</v>
      </c>
      <c r="C122727" s="14" t="s">
        <v>200</v>
      </c>
      <c r="D122727" s="14" t="s">
        <v>122</v>
      </c>
      <c r="E122727" s="15">
        <v>45463</v>
      </c>
      <c r="F122727" s="14" t="s">
        <v>15</v>
      </c>
      <c r="G122727" s="16">
        <v>0.49439768542637069</v>
      </c>
    </row>
    <row r="122728" spans="1:7" x14ac:dyDescent="0.3">
      <c r="A122728" s="13" t="s">
        <v>572</v>
      </c>
      <c r="B122728" s="14" t="s">
        <v>1</v>
      </c>
      <c r="C122728" s="14" t="s">
        <v>200</v>
      </c>
      <c r="D122728" s="14" t="s">
        <v>122</v>
      </c>
      <c r="E122728" s="15">
        <v>45464</v>
      </c>
      <c r="F122728" s="14" t="s">
        <v>15</v>
      </c>
      <c r="G122728" s="16">
        <v>0.50478815061737714</v>
      </c>
    </row>
    <row r="122729" spans="1:7" x14ac:dyDescent="0.3">
      <c r="A122729" s="13" t="s">
        <v>572</v>
      </c>
      <c r="B122729" s="14" t="s">
        <v>1</v>
      </c>
      <c r="C122729" s="14" t="s">
        <v>200</v>
      </c>
      <c r="D122729" s="14" t="s">
        <v>122</v>
      </c>
      <c r="E122729" s="15">
        <v>45465</v>
      </c>
      <c r="F122729" s="14" t="s">
        <v>15</v>
      </c>
      <c r="G122729" s="16">
        <v>0.50478815061737714</v>
      </c>
    </row>
    <row r="122730" spans="1:7" x14ac:dyDescent="0.3">
      <c r="A122730" s="13" t="s">
        <v>572</v>
      </c>
      <c r="B122730" s="14" t="s">
        <v>1</v>
      </c>
      <c r="C122730" s="14" t="s">
        <v>200</v>
      </c>
      <c r="D122730" s="14" t="s">
        <v>122</v>
      </c>
      <c r="E122730" s="15">
        <v>45466</v>
      </c>
      <c r="F122730" s="14" t="s">
        <v>15</v>
      </c>
      <c r="G122730" s="16">
        <v>0.50478815061737714</v>
      </c>
    </row>
    <row r="122731" spans="1:7" x14ac:dyDescent="0.3">
      <c r="A122731" s="13" t="s">
        <v>572</v>
      </c>
      <c r="B122731" s="14" t="s">
        <v>1</v>
      </c>
      <c r="C122731" s="14" t="s">
        <v>200</v>
      </c>
      <c r="D122731" s="14" t="s">
        <v>122</v>
      </c>
      <c r="E122731" s="15">
        <v>45467</v>
      </c>
      <c r="F122731" s="14" t="s">
        <v>15</v>
      </c>
      <c r="G122731" s="16">
        <v>0.51081598954575735</v>
      </c>
    </row>
    <row r="122732" spans="1:7" x14ac:dyDescent="0.3">
      <c r="A122732" s="13" t="s">
        <v>572</v>
      </c>
      <c r="B122732" s="14" t="s">
        <v>1</v>
      </c>
      <c r="C122732" s="14" t="s">
        <v>200</v>
      </c>
      <c r="D122732" s="14" t="s">
        <v>122</v>
      </c>
      <c r="E122732" s="15">
        <v>45468</v>
      </c>
      <c r="F122732" s="14" t="s">
        <v>15</v>
      </c>
      <c r="G122732" s="16">
        <v>0.52777413150444052</v>
      </c>
    </row>
    <row r="122733" spans="1:7" x14ac:dyDescent="0.3">
      <c r="A122733" s="13" t="s">
        <v>572</v>
      </c>
      <c r="B122733" s="14" t="s">
        <v>1</v>
      </c>
      <c r="C122733" s="14" t="s">
        <v>200</v>
      </c>
      <c r="D122733" s="14" t="s">
        <v>122</v>
      </c>
      <c r="E122733" s="15">
        <v>45469</v>
      </c>
      <c r="F122733" s="14" t="s">
        <v>15</v>
      </c>
      <c r="G122733" s="16">
        <v>0.53349995023080043</v>
      </c>
    </row>
    <row r="122734" spans="1:7" x14ac:dyDescent="0.3">
      <c r="A122734" s="13" t="s">
        <v>572</v>
      </c>
      <c r="B122734" s="14" t="s">
        <v>1</v>
      </c>
      <c r="C122734" s="14" t="s">
        <v>200</v>
      </c>
      <c r="D122734" s="14" t="s">
        <v>122</v>
      </c>
      <c r="E122734" s="15">
        <v>45470</v>
      </c>
      <c r="F122734" s="14" t="s">
        <v>15</v>
      </c>
      <c r="G122734" s="16">
        <v>0.5402378901692817</v>
      </c>
    </row>
    <row r="122735" spans="1:7" x14ac:dyDescent="0.3">
      <c r="A122735" s="13" t="s">
        <v>572</v>
      </c>
      <c r="B122735" s="14" t="s">
        <v>1</v>
      </c>
      <c r="C122735" s="14" t="s">
        <v>200</v>
      </c>
      <c r="D122735" s="14" t="s">
        <v>122</v>
      </c>
      <c r="E122735" s="15">
        <v>45471</v>
      </c>
      <c r="F122735" s="14" t="s">
        <v>15</v>
      </c>
      <c r="G122735" s="16">
        <v>0.54404552707745979</v>
      </c>
    </row>
    <row r="122736" spans="1:7" x14ac:dyDescent="0.3">
      <c r="A122736" s="13" t="s">
        <v>572</v>
      </c>
      <c r="B122736" s="14" t="s">
        <v>1</v>
      </c>
      <c r="C122736" s="14" t="s">
        <v>200</v>
      </c>
      <c r="D122736" s="14" t="s">
        <v>122</v>
      </c>
      <c r="E122736" s="15">
        <v>45472</v>
      </c>
      <c r="F122736" s="14" t="s">
        <v>15</v>
      </c>
      <c r="G122736" s="16">
        <v>0.54404552707745979</v>
      </c>
    </row>
    <row r="122737" spans="1:7" x14ac:dyDescent="0.3">
      <c r="A122737" s="13" t="s">
        <v>572</v>
      </c>
      <c r="B122737" s="14" t="s">
        <v>1</v>
      </c>
      <c r="C122737" s="14" t="s">
        <v>200</v>
      </c>
      <c r="D122737" s="14" t="s">
        <v>122</v>
      </c>
      <c r="E122737" s="15">
        <v>45473</v>
      </c>
      <c r="F122737" s="14" t="s">
        <v>15</v>
      </c>
      <c r="G122737" s="16">
        <v>0.54404552707745979</v>
      </c>
    </row>
    <row r="122738" spans="1:7" x14ac:dyDescent="0.3">
      <c r="A122738" s="13" t="s">
        <v>572</v>
      </c>
      <c r="B122738" s="14" t="s">
        <v>1</v>
      </c>
      <c r="C122738" s="14" t="s">
        <v>200</v>
      </c>
      <c r="D122738" s="14" t="s">
        <v>122</v>
      </c>
      <c r="E122738" s="15">
        <v>45474</v>
      </c>
      <c r="F122738" s="14" t="s">
        <v>15</v>
      </c>
      <c r="G122738" s="16">
        <v>0.54964811348058751</v>
      </c>
    </row>
    <row r="122739" spans="1:7" x14ac:dyDescent="0.3">
      <c r="A122739" s="13" t="s">
        <v>572</v>
      </c>
      <c r="B122739" s="14" t="s">
        <v>1</v>
      </c>
      <c r="C122739" s="14" t="s">
        <v>200</v>
      </c>
      <c r="D122739" s="14" t="s">
        <v>122</v>
      </c>
      <c r="E122739" s="15">
        <v>45475</v>
      </c>
      <c r="F122739" s="14" t="s">
        <v>15</v>
      </c>
      <c r="G122739" s="16">
        <v>0.56838908372209895</v>
      </c>
    </row>
    <row r="122740" spans="1:7" x14ac:dyDescent="0.3">
      <c r="A122740" s="13" t="s">
        <v>572</v>
      </c>
      <c r="B122740" s="14" t="s">
        <v>1</v>
      </c>
      <c r="C122740" s="14" t="s">
        <v>200</v>
      </c>
      <c r="D122740" s="14" t="s">
        <v>122</v>
      </c>
      <c r="E122740" s="15">
        <v>45476</v>
      </c>
      <c r="F122740" s="14" t="s">
        <v>15</v>
      </c>
      <c r="G122740" s="16">
        <v>0.57343914487270131</v>
      </c>
    </row>
    <row r="122741" spans="1:7" x14ac:dyDescent="0.3">
      <c r="A122741" s="13" t="s">
        <v>572</v>
      </c>
      <c r="B122741" s="14" t="s">
        <v>1</v>
      </c>
      <c r="C122741" s="14" t="s">
        <v>200</v>
      </c>
      <c r="D122741" s="14" t="s">
        <v>122</v>
      </c>
      <c r="E122741" s="15">
        <v>45477</v>
      </c>
      <c r="F122741" s="14" t="s">
        <v>15</v>
      </c>
      <c r="G122741" s="16">
        <v>0.57343914487270131</v>
      </c>
    </row>
    <row r="122742" spans="1:7" x14ac:dyDescent="0.3">
      <c r="A122742" s="13" t="s">
        <v>572</v>
      </c>
      <c r="B122742" s="14" t="s">
        <v>1</v>
      </c>
      <c r="C122742" s="14" t="s">
        <v>200</v>
      </c>
      <c r="D122742" s="14" t="s">
        <v>122</v>
      </c>
      <c r="E122742" s="15">
        <v>45478</v>
      </c>
      <c r="F122742" s="14" t="s">
        <v>15</v>
      </c>
      <c r="G122742" s="16">
        <v>0.57906496359906123</v>
      </c>
    </row>
    <row r="122743" spans="1:7" x14ac:dyDescent="0.3">
      <c r="A122743" s="13" t="s">
        <v>572</v>
      </c>
      <c r="B122743" s="14" t="s">
        <v>1</v>
      </c>
      <c r="C122743" s="14" t="s">
        <v>200</v>
      </c>
      <c r="D122743" s="14" t="s">
        <v>122</v>
      </c>
      <c r="E122743" s="15">
        <v>45479</v>
      </c>
      <c r="F122743" s="14" t="s">
        <v>15</v>
      </c>
      <c r="G122743" s="16">
        <v>0.57906496359906123</v>
      </c>
    </row>
    <row r="122744" spans="1:7" x14ac:dyDescent="0.3">
      <c r="A122744" s="13" t="s">
        <v>572</v>
      </c>
      <c r="B122744" s="14" t="s">
        <v>1</v>
      </c>
      <c r="C122744" s="14" t="s">
        <v>200</v>
      </c>
      <c r="D122744" s="14" t="s">
        <v>122</v>
      </c>
      <c r="E122744" s="15">
        <v>45480</v>
      </c>
      <c r="F122744" s="14" t="s">
        <v>15</v>
      </c>
      <c r="G122744" s="16">
        <v>0.57906496359906123</v>
      </c>
    </row>
    <row r="122745" spans="1:7" x14ac:dyDescent="0.3">
      <c r="A122745" s="13" t="s">
        <v>572</v>
      </c>
      <c r="B122745" s="14" t="s">
        <v>1</v>
      </c>
      <c r="C122745" s="14" t="s">
        <v>200</v>
      </c>
      <c r="D122745" s="14" t="s">
        <v>122</v>
      </c>
      <c r="E122745" s="15">
        <v>45481</v>
      </c>
      <c r="F122745" s="14" t="s">
        <v>15</v>
      </c>
      <c r="G122745" s="16">
        <v>0.58862108535572422</v>
      </c>
    </row>
    <row r="122746" spans="1:7" x14ac:dyDescent="0.3">
      <c r="A122746" s="13" t="s">
        <v>572</v>
      </c>
      <c r="B122746" s="14" t="s">
        <v>1</v>
      </c>
      <c r="C122746" s="14" t="s">
        <v>200</v>
      </c>
      <c r="D122746" s="14" t="s">
        <v>122</v>
      </c>
      <c r="E122746" s="15">
        <v>45482</v>
      </c>
      <c r="F122746" s="14" t="s">
        <v>15</v>
      </c>
      <c r="G122746" s="16">
        <v>0.6062852879204681</v>
      </c>
    </row>
    <row r="122747" spans="1:7" x14ac:dyDescent="0.3">
      <c r="A122747" s="13" t="s">
        <v>572</v>
      </c>
      <c r="B122747" s="14" t="s">
        <v>1</v>
      </c>
      <c r="C122747" s="14" t="s">
        <v>200</v>
      </c>
      <c r="D122747" s="14" t="s">
        <v>122</v>
      </c>
      <c r="E122747" s="15">
        <v>45483</v>
      </c>
      <c r="F122747" s="14" t="s">
        <v>15</v>
      </c>
      <c r="G122747" s="16">
        <v>0.61227878341450481</v>
      </c>
    </row>
    <row r="122748" spans="1:7" x14ac:dyDescent="0.3">
      <c r="A122748" s="13" t="s">
        <v>572</v>
      </c>
      <c r="B122748" s="14" t="s">
        <v>1</v>
      </c>
      <c r="C122748" s="14" t="s">
        <v>200</v>
      </c>
      <c r="D122748" s="14" t="s">
        <v>122</v>
      </c>
      <c r="E122748" s="15">
        <v>45484</v>
      </c>
      <c r="F122748" s="14" t="s">
        <v>15</v>
      </c>
      <c r="G122748" s="16">
        <v>0.61671773345399605</v>
      </c>
    </row>
    <row r="122749" spans="1:7" x14ac:dyDescent="0.3">
      <c r="A122749" s="13" t="s">
        <v>572</v>
      </c>
      <c r="B122749" s="14" t="s">
        <v>1</v>
      </c>
      <c r="C122749" s="14" t="s">
        <v>200</v>
      </c>
      <c r="D122749" s="14" t="s">
        <v>122</v>
      </c>
      <c r="E122749" s="15">
        <v>45485</v>
      </c>
      <c r="F122749" s="14" t="s">
        <v>15</v>
      </c>
      <c r="G122749" s="16">
        <v>0.62232739056419439</v>
      </c>
    </row>
    <row r="122750" spans="1:7" x14ac:dyDescent="0.3">
      <c r="A122750" s="13" t="s">
        <v>572</v>
      </c>
      <c r="B122750" s="14" t="s">
        <v>1</v>
      </c>
      <c r="C122750" s="14" t="s">
        <v>200</v>
      </c>
      <c r="D122750" s="14" t="s">
        <v>122</v>
      </c>
      <c r="E122750" s="15">
        <v>45486</v>
      </c>
      <c r="F122750" s="14" t="s">
        <v>15</v>
      </c>
      <c r="G122750" s="16">
        <v>0.62232739056419439</v>
      </c>
    </row>
    <row r="122751" spans="1:7" x14ac:dyDescent="0.3">
      <c r="A122751" s="13" t="s">
        <v>572</v>
      </c>
      <c r="B122751" s="14" t="s">
        <v>1</v>
      </c>
      <c r="C122751" s="14" t="s">
        <v>200</v>
      </c>
      <c r="D122751" s="14" t="s">
        <v>122</v>
      </c>
      <c r="E122751" s="15">
        <v>45487</v>
      </c>
      <c r="F122751" s="14" t="s">
        <v>15</v>
      </c>
      <c r="G122751" s="16">
        <v>0.62232739056419439</v>
      </c>
    </row>
    <row r="122752" spans="1:7" x14ac:dyDescent="0.3">
      <c r="A122752" s="13" t="s">
        <v>572</v>
      </c>
      <c r="B122752" s="14" t="s">
        <v>1</v>
      </c>
      <c r="C122752" s="14" t="s">
        <v>200</v>
      </c>
      <c r="D122752" s="14" t="s">
        <v>122</v>
      </c>
      <c r="E122752" s="15">
        <v>45488</v>
      </c>
      <c r="F122752" s="14" t="s">
        <v>15</v>
      </c>
      <c r="G122752" s="16">
        <v>0.6231976537349988</v>
      </c>
    </row>
    <row r="122753" spans="1:7" x14ac:dyDescent="0.3">
      <c r="A122753" s="13" t="s">
        <v>572</v>
      </c>
      <c r="B122753" s="14" t="s">
        <v>1</v>
      </c>
      <c r="C122753" s="14" t="s">
        <v>200</v>
      </c>
      <c r="D122753" s="14" t="s">
        <v>122</v>
      </c>
      <c r="E122753" s="15">
        <v>45489</v>
      </c>
      <c r="F122753" s="14" t="s">
        <v>15</v>
      </c>
      <c r="G122753" s="16">
        <v>0.6410446845825708</v>
      </c>
    </row>
    <row r="122754" spans="1:7" x14ac:dyDescent="0.3">
      <c r="A122754" s="13" t="s">
        <v>572</v>
      </c>
      <c r="B122754" s="14" t="s">
        <v>1</v>
      </c>
      <c r="C122754" s="14" t="s">
        <v>200</v>
      </c>
      <c r="D122754" s="14" t="s">
        <v>122</v>
      </c>
      <c r="E122754" s="15">
        <v>45490</v>
      </c>
      <c r="F122754" s="14" t="s">
        <v>15</v>
      </c>
      <c r="G122754" s="16">
        <v>0.63712605886448637</v>
      </c>
    </row>
    <row r="122755" spans="1:7" x14ac:dyDescent="0.3">
      <c r="A122755" s="13" t="s">
        <v>572</v>
      </c>
      <c r="B122755" s="14" t="s">
        <v>1</v>
      </c>
      <c r="C122755" s="14" t="s">
        <v>200</v>
      </c>
      <c r="D122755" s="14" t="s">
        <v>122</v>
      </c>
      <c r="E122755" s="15">
        <v>45491</v>
      </c>
      <c r="F122755" s="14" t="s">
        <v>15</v>
      </c>
      <c r="G122755" s="16">
        <v>0.64306197860094727</v>
      </c>
    </row>
    <row r="122756" spans="1:7" x14ac:dyDescent="0.3">
      <c r="A122756" s="13" t="s">
        <v>572</v>
      </c>
      <c r="B122756" s="14" t="s">
        <v>1</v>
      </c>
      <c r="C122756" s="14" t="s">
        <v>200</v>
      </c>
      <c r="D122756" s="14" t="s">
        <v>122</v>
      </c>
      <c r="E122756" s="15">
        <v>45492</v>
      </c>
      <c r="F122756" s="14" t="s">
        <v>15</v>
      </c>
      <c r="G122756" s="16">
        <v>0.64929890843841831</v>
      </c>
    </row>
    <row r="122757" spans="1:7" x14ac:dyDescent="0.3">
      <c r="A122757" s="13" t="s">
        <v>572</v>
      </c>
      <c r="B122757" s="14" t="s">
        <v>1</v>
      </c>
      <c r="C122757" s="14" t="s">
        <v>200</v>
      </c>
      <c r="D122757" s="14" t="s">
        <v>122</v>
      </c>
      <c r="E122757" s="15">
        <v>45493</v>
      </c>
      <c r="F122757" s="14" t="s">
        <v>15</v>
      </c>
      <c r="G122757" s="16">
        <v>0.64929890843841831</v>
      </c>
    </row>
    <row r="122758" spans="1:7" x14ac:dyDescent="0.3">
      <c r="A122758" s="13" t="s">
        <v>572</v>
      </c>
      <c r="B122758" s="14" t="s">
        <v>1</v>
      </c>
      <c r="C122758" s="14" t="s">
        <v>200</v>
      </c>
      <c r="D122758" s="14" t="s">
        <v>122</v>
      </c>
      <c r="E122758" s="15">
        <v>45494</v>
      </c>
      <c r="F122758" s="14" t="s">
        <v>15</v>
      </c>
      <c r="G122758" s="16">
        <v>0.64929890843841831</v>
      </c>
    </row>
    <row r="122759" spans="1:7" x14ac:dyDescent="0.3">
      <c r="A122759" s="13" t="s">
        <v>572</v>
      </c>
      <c r="B122759" s="14" t="s">
        <v>1</v>
      </c>
      <c r="C122759" s="14" t="s">
        <v>200</v>
      </c>
      <c r="D122759" s="14" t="s">
        <v>122</v>
      </c>
      <c r="E122759" s="15">
        <v>45495</v>
      </c>
      <c r="F122759" s="14" t="s">
        <v>15</v>
      </c>
      <c r="G122759" s="16">
        <v>0.65505503019508138</v>
      </c>
    </row>
    <row r="122760" spans="1:7" x14ac:dyDescent="0.3">
      <c r="A122760" s="13" t="s">
        <v>572</v>
      </c>
      <c r="B122760" s="14" t="s">
        <v>1</v>
      </c>
      <c r="C122760" s="14" t="s">
        <v>200</v>
      </c>
      <c r="D122760" s="14" t="s">
        <v>122</v>
      </c>
      <c r="E122760" s="15">
        <v>45496</v>
      </c>
      <c r="F122760" s="14" t="s">
        <v>15</v>
      </c>
      <c r="G122760" s="16">
        <v>0.67287074791134027</v>
      </c>
    </row>
    <row r="122761" spans="1:7" x14ac:dyDescent="0.3">
      <c r="A122761" s="13" t="s">
        <v>572</v>
      </c>
      <c r="B122761" s="14" t="s">
        <v>1</v>
      </c>
      <c r="C122761" s="14" t="s">
        <v>200</v>
      </c>
      <c r="D122761" s="14" t="s">
        <v>122</v>
      </c>
      <c r="E122761" s="15">
        <v>45497</v>
      </c>
      <c r="F122761" s="14" t="s">
        <v>15</v>
      </c>
      <c r="G122761" s="16">
        <v>0.67858747572860934</v>
      </c>
    </row>
    <row r="122762" spans="1:7" x14ac:dyDescent="0.3">
      <c r="A122762" s="13" t="s">
        <v>572</v>
      </c>
      <c r="B122762" s="14" t="s">
        <v>1</v>
      </c>
      <c r="C122762" s="14" t="s">
        <v>200</v>
      </c>
      <c r="D122762" s="14" t="s">
        <v>122</v>
      </c>
      <c r="E122762" s="15">
        <v>45498</v>
      </c>
      <c r="F122762" s="14" t="s">
        <v>15</v>
      </c>
      <c r="G122762" s="16">
        <v>0.68434460758628246</v>
      </c>
    </row>
    <row r="122763" spans="1:7" x14ac:dyDescent="0.3">
      <c r="A122763" s="13" t="s">
        <v>572</v>
      </c>
      <c r="B122763" s="14" t="s">
        <v>1</v>
      </c>
      <c r="C122763" s="14" t="s">
        <v>200</v>
      </c>
      <c r="D122763" s="14" t="s">
        <v>122</v>
      </c>
      <c r="E122763" s="15">
        <v>45499</v>
      </c>
      <c r="F122763" s="14" t="s">
        <v>15</v>
      </c>
      <c r="G122763" s="16">
        <v>0.69015729499951117</v>
      </c>
    </row>
    <row r="122764" spans="1:7" x14ac:dyDescent="0.3">
      <c r="A122764" s="13" t="s">
        <v>572</v>
      </c>
      <c r="B122764" s="14" t="s">
        <v>1</v>
      </c>
      <c r="C122764" s="14" t="s">
        <v>200</v>
      </c>
      <c r="D122764" s="14" t="s">
        <v>122</v>
      </c>
      <c r="E122764" s="15">
        <v>45500</v>
      </c>
      <c r="F122764" s="14" t="s">
        <v>15</v>
      </c>
      <c r="G122764" s="16">
        <v>0.69015729499951117</v>
      </c>
    </row>
    <row r="122765" spans="1:7" x14ac:dyDescent="0.3">
      <c r="A122765" s="13" t="s">
        <v>572</v>
      </c>
      <c r="B122765" s="14" t="s">
        <v>1</v>
      </c>
      <c r="C122765" s="14" t="s">
        <v>200</v>
      </c>
      <c r="D122765" s="14" t="s">
        <v>122</v>
      </c>
      <c r="E122765" s="15">
        <v>45501</v>
      </c>
      <c r="F122765" s="14" t="s">
        <v>15</v>
      </c>
      <c r="G122765" s="16">
        <v>0.69015729499951117</v>
      </c>
    </row>
    <row r="122766" spans="1:7" x14ac:dyDescent="0.3">
      <c r="A122766" s="13" t="s">
        <v>572</v>
      </c>
      <c r="B122766" s="14" t="s">
        <v>1</v>
      </c>
      <c r="C122766" s="14" t="s">
        <v>200</v>
      </c>
      <c r="D122766" s="14" t="s">
        <v>122</v>
      </c>
      <c r="E122766" s="15">
        <v>45502</v>
      </c>
      <c r="F122766" s="14" t="s">
        <v>15</v>
      </c>
      <c r="G122766" s="16">
        <v>0.70005382079657819</v>
      </c>
    </row>
    <row r="122767" spans="1:7" x14ac:dyDescent="0.3">
      <c r="A122767" s="13" t="s">
        <v>572</v>
      </c>
      <c r="B122767" s="14" t="s">
        <v>1</v>
      </c>
      <c r="C122767" s="14" t="s">
        <v>200</v>
      </c>
      <c r="D122767" s="14" t="s">
        <v>122</v>
      </c>
      <c r="E122767" s="15">
        <v>45503</v>
      </c>
      <c r="F122767" s="14" t="s">
        <v>15</v>
      </c>
      <c r="G122767" s="16">
        <v>0.7163048920481907</v>
      </c>
    </row>
    <row r="122768" spans="1:7" x14ac:dyDescent="0.3">
      <c r="A122768" s="13" t="s">
        <v>572</v>
      </c>
      <c r="B122768" s="14" t="s">
        <v>1</v>
      </c>
      <c r="C122768" s="14" t="s">
        <v>200</v>
      </c>
      <c r="D122768" s="14" t="s">
        <v>122</v>
      </c>
      <c r="E122768" s="15">
        <v>45504</v>
      </c>
      <c r="F122768" s="14" t="s">
        <v>15</v>
      </c>
      <c r="G122768" s="16">
        <v>0.72198020572404553</v>
      </c>
    </row>
    <row r="122769" spans="1:7" x14ac:dyDescent="0.3">
      <c r="A122769" s="13" t="s">
        <v>572</v>
      </c>
      <c r="B122769" s="14" t="s">
        <v>1</v>
      </c>
      <c r="C122769" s="14" t="s">
        <v>200</v>
      </c>
      <c r="D122769" s="14" t="s">
        <v>122</v>
      </c>
      <c r="E122769" s="15">
        <v>45505</v>
      </c>
      <c r="F122769" s="14" t="s">
        <v>15</v>
      </c>
      <c r="G122769" s="16">
        <v>0.72833228707666819</v>
      </c>
    </row>
    <row r="122770" spans="1:7" x14ac:dyDescent="0.3">
      <c r="A122770" s="13" t="s">
        <v>572</v>
      </c>
      <c r="B122770" s="14" t="s">
        <v>1</v>
      </c>
      <c r="C122770" s="14" t="s">
        <v>200</v>
      </c>
      <c r="D122770" s="14" t="s">
        <v>122</v>
      </c>
      <c r="E122770" s="15">
        <v>45506</v>
      </c>
      <c r="F122770" s="14" t="s">
        <v>15</v>
      </c>
      <c r="G122770" s="16">
        <v>0.7411076951544866</v>
      </c>
    </row>
    <row r="122771" spans="1:7" x14ac:dyDescent="0.3">
      <c r="A122771" s="13" t="s">
        <v>572</v>
      </c>
      <c r="B122771" s="14" t="s">
        <v>1</v>
      </c>
      <c r="C122771" s="14" t="s">
        <v>200</v>
      </c>
      <c r="D122771" s="14" t="s">
        <v>122</v>
      </c>
      <c r="E122771" s="15">
        <v>45507</v>
      </c>
      <c r="F122771" s="14" t="s">
        <v>15</v>
      </c>
      <c r="G122771" s="16">
        <v>0.7411076951544866</v>
      </c>
    </row>
    <row r="122772" spans="1:7" x14ac:dyDescent="0.3">
      <c r="A122772" s="13" t="s">
        <v>572</v>
      </c>
      <c r="B122772" s="14" t="s">
        <v>1</v>
      </c>
      <c r="C122772" s="14" t="s">
        <v>200</v>
      </c>
      <c r="D122772" s="14" t="s">
        <v>122</v>
      </c>
      <c r="E122772" s="15">
        <v>45508</v>
      </c>
      <c r="F122772" s="14" t="s">
        <v>15</v>
      </c>
      <c r="G122772" s="16">
        <v>0.7411076951544866</v>
      </c>
    </row>
    <row r="122773" spans="1:7" x14ac:dyDescent="0.3">
      <c r="A122773" s="13" t="s">
        <v>572</v>
      </c>
      <c r="B122773" s="14" t="s">
        <v>1</v>
      </c>
      <c r="C122773" s="14" t="s">
        <v>200</v>
      </c>
      <c r="D122773" s="14" t="s">
        <v>122</v>
      </c>
      <c r="E122773" s="15">
        <v>45509</v>
      </c>
      <c r="F122773" s="14" t="s">
        <v>15</v>
      </c>
      <c r="G122773" s="16">
        <v>0.7411076951544866</v>
      </c>
    </row>
    <row r="122774" spans="1:7" x14ac:dyDescent="0.3">
      <c r="A122774" s="13" t="s">
        <v>572</v>
      </c>
      <c r="B122774" s="14" t="s">
        <v>1</v>
      </c>
      <c r="C122774" s="14" t="s">
        <v>200</v>
      </c>
      <c r="D122774" s="14" t="s">
        <v>122</v>
      </c>
      <c r="E122774" s="15">
        <v>45510</v>
      </c>
      <c r="F122774" s="14" t="s">
        <v>15</v>
      </c>
      <c r="G122774" s="16">
        <v>0.75339712192389396</v>
      </c>
    </row>
    <row r="122775" spans="1:7" x14ac:dyDescent="0.3">
      <c r="A122775" s="13" t="s">
        <v>572</v>
      </c>
      <c r="B122775" s="14" t="s">
        <v>1</v>
      </c>
      <c r="C122775" s="14" t="s">
        <v>200</v>
      </c>
      <c r="D122775" s="14" t="s">
        <v>122</v>
      </c>
      <c r="E122775" s="15">
        <v>45511</v>
      </c>
      <c r="F122775" s="14" t="s">
        <v>15</v>
      </c>
      <c r="G122775" s="16">
        <v>0.7762398197213386</v>
      </c>
    </row>
    <row r="122776" spans="1:7" x14ac:dyDescent="0.3">
      <c r="A122776" s="13" t="s">
        <v>572</v>
      </c>
      <c r="B122776" s="14" t="s">
        <v>1</v>
      </c>
      <c r="C122776" s="14" t="s">
        <v>200</v>
      </c>
      <c r="D122776" s="14" t="s">
        <v>122</v>
      </c>
      <c r="E122776" s="15">
        <v>45512</v>
      </c>
      <c r="F122776" s="14" t="s">
        <v>15</v>
      </c>
      <c r="G122776" s="16">
        <v>0.78145915303280189</v>
      </c>
    </row>
    <row r="122777" spans="1:7" x14ac:dyDescent="0.3">
      <c r="A122777" s="13" t="s">
        <v>572</v>
      </c>
      <c r="B122777" s="14" t="s">
        <v>1</v>
      </c>
      <c r="C122777" s="14" t="s">
        <v>200</v>
      </c>
      <c r="D122777" s="14" t="s">
        <v>122</v>
      </c>
      <c r="E122777" s="15">
        <v>45513</v>
      </c>
      <c r="F122777" s="14" t="s">
        <v>15</v>
      </c>
      <c r="G122777" s="16">
        <v>0.78641213120407838</v>
      </c>
    </row>
    <row r="122778" spans="1:7" x14ac:dyDescent="0.3">
      <c r="A122778" s="13" t="s">
        <v>572</v>
      </c>
      <c r="B122778" s="14" t="s">
        <v>1</v>
      </c>
      <c r="C122778" s="14" t="s">
        <v>200</v>
      </c>
      <c r="D122778" s="14" t="s">
        <v>122</v>
      </c>
      <c r="E122778" s="15">
        <v>45514</v>
      </c>
      <c r="F122778" s="14" t="s">
        <v>15</v>
      </c>
      <c r="G122778" s="16">
        <v>0.78641213120407838</v>
      </c>
    </row>
    <row r="122779" spans="1:7" x14ac:dyDescent="0.3">
      <c r="A122779" s="13" t="s">
        <v>572</v>
      </c>
      <c r="B122779" s="14" t="s">
        <v>1</v>
      </c>
      <c r="C122779" s="14" t="s">
        <v>200</v>
      </c>
      <c r="D122779" s="14" t="s">
        <v>122</v>
      </c>
      <c r="E122779" s="15">
        <v>45515</v>
      </c>
      <c r="F122779" s="14" t="s">
        <v>15</v>
      </c>
      <c r="G122779" s="16">
        <v>0.78641213120407838</v>
      </c>
    </row>
    <row r="122780" spans="1:7" x14ac:dyDescent="0.3">
      <c r="A122780" s="13" t="s">
        <v>572</v>
      </c>
      <c r="B122780" s="14" t="s">
        <v>1</v>
      </c>
      <c r="C122780" s="14" t="s">
        <v>200</v>
      </c>
      <c r="D122780" s="14" t="s">
        <v>122</v>
      </c>
      <c r="E122780" s="15">
        <v>45516</v>
      </c>
      <c r="F122780" s="14" t="s">
        <v>15</v>
      </c>
      <c r="G122780" s="16">
        <v>0.79039781965572853</v>
      </c>
    </row>
    <row r="122781" spans="1:7" x14ac:dyDescent="0.3">
      <c r="A122781" s="13" t="s">
        <v>572</v>
      </c>
      <c r="B122781" s="14" t="s">
        <v>1</v>
      </c>
      <c r="C122781" s="14" t="s">
        <v>200</v>
      </c>
      <c r="D122781" s="14" t="s">
        <v>122</v>
      </c>
      <c r="E122781" s="15">
        <v>45517</v>
      </c>
      <c r="F122781" s="14" t="s">
        <v>15</v>
      </c>
      <c r="G122781" s="16">
        <v>0.80544986324756584</v>
      </c>
    </row>
    <row r="122782" spans="1:7" x14ac:dyDescent="0.3">
      <c r="A122782" s="13" t="s">
        <v>572</v>
      </c>
      <c r="B122782" s="14" t="s">
        <v>1</v>
      </c>
      <c r="C122782" s="14" t="s">
        <v>200</v>
      </c>
      <c r="D122782" s="14" t="s">
        <v>122</v>
      </c>
      <c r="E122782" s="15">
        <v>45518</v>
      </c>
      <c r="F122782" s="14" t="s">
        <v>15</v>
      </c>
      <c r="G122782" s="16">
        <v>0.81154209375529085</v>
      </c>
    </row>
    <row r="122783" spans="1:7" x14ac:dyDescent="0.3">
      <c r="A122783" s="13" t="s">
        <v>572</v>
      </c>
      <c r="B122783" s="14" t="s">
        <v>1</v>
      </c>
      <c r="C122783" s="14" t="s">
        <v>200</v>
      </c>
      <c r="D122783" s="14" t="s">
        <v>122</v>
      </c>
      <c r="E122783" s="15">
        <v>45519</v>
      </c>
      <c r="F122783" s="14" t="s">
        <v>15</v>
      </c>
      <c r="G122783" s="16">
        <v>0.81683432426301572</v>
      </c>
    </row>
    <row r="122784" spans="1:7" x14ac:dyDescent="0.3">
      <c r="A122784" s="13" t="s">
        <v>572</v>
      </c>
      <c r="B122784" s="14" t="s">
        <v>1</v>
      </c>
      <c r="C122784" s="14" t="s">
        <v>200</v>
      </c>
      <c r="D122784" s="14" t="s">
        <v>122</v>
      </c>
      <c r="E122784" s="15">
        <v>45520</v>
      </c>
      <c r="F122784" s="14" t="s">
        <v>15</v>
      </c>
      <c r="G122784" s="16">
        <v>0.82208543327541372</v>
      </c>
    </row>
    <row r="122785" spans="1:7" x14ac:dyDescent="0.3">
      <c r="A122785" s="13" t="s">
        <v>572</v>
      </c>
      <c r="B122785" s="14" t="s">
        <v>1</v>
      </c>
      <c r="C122785" s="14" t="s">
        <v>200</v>
      </c>
      <c r="D122785" s="14" t="s">
        <v>122</v>
      </c>
      <c r="E122785" s="15">
        <v>45521</v>
      </c>
      <c r="F122785" s="14" t="s">
        <v>15</v>
      </c>
      <c r="G122785" s="16">
        <v>0.82208543327541372</v>
      </c>
    </row>
    <row r="122786" spans="1:7" x14ac:dyDescent="0.3">
      <c r="A122786" s="13" t="s">
        <v>572</v>
      </c>
      <c r="B122786" s="14" t="s">
        <v>1</v>
      </c>
      <c r="C122786" s="14" t="s">
        <v>200</v>
      </c>
      <c r="D122786" s="14" t="s">
        <v>122</v>
      </c>
      <c r="E122786" s="15">
        <v>45522</v>
      </c>
      <c r="F122786" s="14" t="s">
        <v>15</v>
      </c>
      <c r="G122786" s="16">
        <v>0.82208543327541372</v>
      </c>
    </row>
    <row r="122787" spans="1:7" x14ac:dyDescent="0.3">
      <c r="A122787" s="13" t="s">
        <v>572</v>
      </c>
      <c r="B122787" s="14" t="s">
        <v>1</v>
      </c>
      <c r="C122787" s="14" t="s">
        <v>200</v>
      </c>
      <c r="D122787" s="14" t="s">
        <v>122</v>
      </c>
      <c r="E122787" s="15">
        <v>45523</v>
      </c>
      <c r="F122787" s="14" t="s">
        <v>15</v>
      </c>
      <c r="G122787" s="16">
        <v>0.82725523387659661</v>
      </c>
    </row>
    <row r="122788" spans="1:7" x14ac:dyDescent="0.3">
      <c r="A122788" s="13" t="s">
        <v>572</v>
      </c>
      <c r="B122788" s="14" t="s">
        <v>1</v>
      </c>
      <c r="C122788" s="14" t="s">
        <v>200</v>
      </c>
      <c r="D122788" s="14" t="s">
        <v>122</v>
      </c>
      <c r="E122788" s="15">
        <v>45524</v>
      </c>
      <c r="F122788" s="14" t="s">
        <v>15</v>
      </c>
      <c r="G122788" s="16">
        <v>0.84225961391703197</v>
      </c>
    </row>
    <row r="122789" spans="1:7" x14ac:dyDescent="0.3">
      <c r="A122789" s="13" t="s">
        <v>572</v>
      </c>
      <c r="B122789" s="14" t="s">
        <v>1</v>
      </c>
      <c r="C122789" s="14" t="s">
        <v>200</v>
      </c>
      <c r="D122789" s="14" t="s">
        <v>122</v>
      </c>
      <c r="E122789" s="15">
        <v>45525</v>
      </c>
      <c r="F122789" s="14" t="s">
        <v>15</v>
      </c>
      <c r="G122789" s="16">
        <v>0.84643502199485043</v>
      </c>
    </row>
    <row r="122790" spans="1:7" x14ac:dyDescent="0.3">
      <c r="A122790" s="13" t="s">
        <v>572</v>
      </c>
      <c r="B122790" s="14" t="s">
        <v>1</v>
      </c>
      <c r="C122790" s="14" t="s">
        <v>200</v>
      </c>
      <c r="D122790" s="14" t="s">
        <v>122</v>
      </c>
      <c r="E122790" s="15">
        <v>45526</v>
      </c>
      <c r="F122790" s="14" t="s">
        <v>15</v>
      </c>
      <c r="G122790" s="16">
        <v>0.85493005624089324</v>
      </c>
    </row>
    <row r="122791" spans="1:7" x14ac:dyDescent="0.3">
      <c r="A122791" s="13" t="s">
        <v>572</v>
      </c>
      <c r="B122791" s="14" t="s">
        <v>1</v>
      </c>
      <c r="C122791" s="14" t="s">
        <v>200</v>
      </c>
      <c r="D122791" s="14" t="s">
        <v>122</v>
      </c>
      <c r="E122791" s="15">
        <v>45527</v>
      </c>
      <c r="F122791" s="14" t="s">
        <v>15</v>
      </c>
      <c r="G122791" s="16">
        <v>0.85785312787011359</v>
      </c>
    </row>
    <row r="122792" spans="1:7" x14ac:dyDescent="0.3">
      <c r="A122792" s="13" t="s">
        <v>572</v>
      </c>
      <c r="B122792" s="14" t="s">
        <v>1</v>
      </c>
      <c r="C122792" s="14" t="s">
        <v>200</v>
      </c>
      <c r="D122792" s="14" t="s">
        <v>122</v>
      </c>
      <c r="E122792" s="15">
        <v>45528</v>
      </c>
      <c r="F122792" s="14" t="s">
        <v>15</v>
      </c>
      <c r="G122792" s="16">
        <v>0.85785312787011359</v>
      </c>
    </row>
    <row r="122793" spans="1:7" x14ac:dyDescent="0.3">
      <c r="A122793" s="13" t="s">
        <v>572</v>
      </c>
      <c r="B122793" s="14" t="s">
        <v>1</v>
      </c>
      <c r="C122793" s="14" t="s">
        <v>200</v>
      </c>
      <c r="D122793" s="14" t="s">
        <v>122</v>
      </c>
      <c r="E122793" s="15">
        <v>45529</v>
      </c>
      <c r="F122793" s="14" t="s">
        <v>15</v>
      </c>
      <c r="G122793" s="16">
        <v>0.85785312787011359</v>
      </c>
    </row>
    <row r="122794" spans="1:7" x14ac:dyDescent="0.3">
      <c r="A122794" s="13" t="s">
        <v>572</v>
      </c>
      <c r="B122794" s="14" t="s">
        <v>1</v>
      </c>
      <c r="C122794" s="14" t="s">
        <v>200</v>
      </c>
      <c r="D122794" s="14" t="s">
        <v>122</v>
      </c>
      <c r="E122794" s="15">
        <v>45530</v>
      </c>
      <c r="F122794" s="14" t="s">
        <v>15</v>
      </c>
      <c r="G122794" s="16">
        <v>0.87059115277036203</v>
      </c>
    </row>
    <row r="122795" spans="1:7" x14ac:dyDescent="0.3">
      <c r="A122795" s="13" t="s">
        <v>572</v>
      </c>
      <c r="B122795" s="14" t="s">
        <v>1</v>
      </c>
      <c r="C122795" s="14" t="s">
        <v>200</v>
      </c>
      <c r="D122795" s="14" t="s">
        <v>122</v>
      </c>
      <c r="E122795" s="15">
        <v>45531</v>
      </c>
      <c r="F122795" s="14" t="s">
        <v>15</v>
      </c>
      <c r="G122795" s="16">
        <v>0.88550020570799359</v>
      </c>
    </row>
    <row r="122796" spans="1:7" x14ac:dyDescent="0.3">
      <c r="A122796" s="13" t="s">
        <v>572</v>
      </c>
      <c r="B122796" s="14" t="s">
        <v>1</v>
      </c>
      <c r="C122796" s="14" t="s">
        <v>200</v>
      </c>
      <c r="D122796" s="14" t="s">
        <v>122</v>
      </c>
      <c r="E122796" s="15">
        <v>45532</v>
      </c>
      <c r="F122796" s="14" t="s">
        <v>15</v>
      </c>
      <c r="G122796" s="16">
        <v>0.88998682873908308</v>
      </c>
    </row>
    <row r="122797" spans="1:7" x14ac:dyDescent="0.3">
      <c r="A122797" s="13" t="s">
        <v>572</v>
      </c>
      <c r="B122797" s="14" t="s">
        <v>1</v>
      </c>
      <c r="C122797" s="14" t="s">
        <v>200</v>
      </c>
      <c r="D122797" s="14" t="s">
        <v>122</v>
      </c>
      <c r="E122797" s="15">
        <v>45533</v>
      </c>
      <c r="F122797" s="14" t="s">
        <v>15</v>
      </c>
      <c r="G122797" s="16">
        <v>0.89426130223746214</v>
      </c>
    </row>
    <row r="122798" spans="1:7" x14ac:dyDescent="0.3">
      <c r="A122798" s="13" t="s">
        <v>572</v>
      </c>
      <c r="B122798" s="14" t="s">
        <v>1</v>
      </c>
      <c r="C122798" s="14" t="s">
        <v>200</v>
      </c>
      <c r="D122798" s="14" t="s">
        <v>122</v>
      </c>
      <c r="E122798" s="15">
        <v>45534</v>
      </c>
      <c r="F122798" s="14" t="s">
        <v>15</v>
      </c>
      <c r="G122798" s="16">
        <v>0.90261054209098157</v>
      </c>
    </row>
    <row r="122799" spans="1:7" x14ac:dyDescent="0.3">
      <c r="A122799" s="13" t="s">
        <v>572</v>
      </c>
      <c r="B122799" s="14" t="s">
        <v>1</v>
      </c>
      <c r="C122799" s="14" t="s">
        <v>200</v>
      </c>
      <c r="D122799" s="14" t="s">
        <v>122</v>
      </c>
      <c r="E122799" s="15">
        <v>45535</v>
      </c>
      <c r="F122799" s="14" t="s">
        <v>15</v>
      </c>
      <c r="G122799" s="16">
        <v>0.90261054209098157</v>
      </c>
    </row>
    <row r="122800" spans="1:7" x14ac:dyDescent="0.3">
      <c r="A122800" s="13" t="s">
        <v>572</v>
      </c>
      <c r="B122800" s="14" t="s">
        <v>1</v>
      </c>
      <c r="C122800" s="14" t="s">
        <v>200</v>
      </c>
      <c r="D122800" s="14" t="s">
        <v>122</v>
      </c>
      <c r="E122800" s="15">
        <v>45536</v>
      </c>
      <c r="F122800" s="14" t="s">
        <v>15</v>
      </c>
      <c r="G122800" s="16">
        <v>0.90261054209098157</v>
      </c>
    </row>
    <row r="122801" spans="1:7" x14ac:dyDescent="0.3">
      <c r="A122801" s="13" t="s">
        <v>572</v>
      </c>
      <c r="B122801" s="14" t="s">
        <v>1</v>
      </c>
      <c r="C122801" s="14" t="s">
        <v>200</v>
      </c>
      <c r="D122801" s="14" t="s">
        <v>122</v>
      </c>
      <c r="E122801" s="15">
        <v>45537</v>
      </c>
      <c r="F122801" s="14" t="s">
        <v>15</v>
      </c>
      <c r="G122801" s="16">
        <v>0.90261054209098157</v>
      </c>
    </row>
    <row r="122802" spans="1:7" x14ac:dyDescent="0.3">
      <c r="A122802" s="13" t="s">
        <v>572</v>
      </c>
      <c r="B122802" s="14" t="s">
        <v>1</v>
      </c>
      <c r="C122802" s="14" t="s">
        <v>200</v>
      </c>
      <c r="D122802" s="14" t="s">
        <v>122</v>
      </c>
      <c r="E122802" s="15">
        <v>45538</v>
      </c>
      <c r="F122802" s="14" t="s">
        <v>15</v>
      </c>
      <c r="G122802" s="16">
        <v>0.90748875390711781</v>
      </c>
    </row>
    <row r="122803" spans="1:7" x14ac:dyDescent="0.3">
      <c r="A122803" s="13" t="s">
        <v>572</v>
      </c>
      <c r="B122803" s="14" t="s">
        <v>1</v>
      </c>
      <c r="C122803" s="14" t="s">
        <v>200</v>
      </c>
      <c r="D122803" s="14" t="s">
        <v>122</v>
      </c>
      <c r="E122803" s="15">
        <v>45539</v>
      </c>
      <c r="F122803" s="14" t="s">
        <v>15</v>
      </c>
      <c r="G122803" s="16">
        <v>0.92422304048960924</v>
      </c>
    </row>
    <row r="122804" spans="1:7" x14ac:dyDescent="0.3">
      <c r="A122804" s="13" t="s">
        <v>572</v>
      </c>
      <c r="B122804" s="14" t="s">
        <v>1</v>
      </c>
      <c r="C122804" s="14" t="s">
        <v>200</v>
      </c>
      <c r="D122804" s="14" t="s">
        <v>122</v>
      </c>
      <c r="E122804" s="15">
        <v>45540</v>
      </c>
      <c r="F122804" s="14" t="s">
        <v>15</v>
      </c>
      <c r="G122804" s="16">
        <v>0.92917882239920346</v>
      </c>
    </row>
    <row r="122805" spans="1:7" x14ac:dyDescent="0.3">
      <c r="A122805" s="13" t="s">
        <v>572</v>
      </c>
      <c r="B122805" s="14" t="s">
        <v>1</v>
      </c>
      <c r="C122805" s="14" t="s">
        <v>200</v>
      </c>
      <c r="D122805" s="14" t="s">
        <v>122</v>
      </c>
      <c r="E122805" s="15">
        <v>45541</v>
      </c>
      <c r="F122805" s="14" t="s">
        <v>15</v>
      </c>
      <c r="G122805" s="16">
        <v>0.93460937066393779</v>
      </c>
    </row>
    <row r="122806" spans="1:7" x14ac:dyDescent="0.3">
      <c r="A122806" s="13" t="s">
        <v>572</v>
      </c>
      <c r="B122806" s="14" t="s">
        <v>1</v>
      </c>
      <c r="C122806" s="14" t="s">
        <v>200</v>
      </c>
      <c r="D122806" s="14" t="s">
        <v>122</v>
      </c>
      <c r="E122806" s="15">
        <v>45542</v>
      </c>
      <c r="F122806" s="14" t="s">
        <v>15</v>
      </c>
      <c r="G122806" s="16">
        <v>0.93460937066393779</v>
      </c>
    </row>
    <row r="122807" spans="1:7" x14ac:dyDescent="0.3">
      <c r="A122807" s="13" t="s">
        <v>572</v>
      </c>
      <c r="B122807" s="14" t="s">
        <v>1</v>
      </c>
      <c r="C122807" s="14" t="s">
        <v>200</v>
      </c>
      <c r="D122807" s="14" t="s">
        <v>122</v>
      </c>
      <c r="E122807" s="15">
        <v>45543</v>
      </c>
      <c r="F122807" s="14" t="s">
        <v>15</v>
      </c>
      <c r="G122807" s="16">
        <v>0.93460937066393779</v>
      </c>
    </row>
    <row r="122808" spans="1:7" x14ac:dyDescent="0.3">
      <c r="A122808" s="13" t="s">
        <v>572</v>
      </c>
      <c r="B122808" s="14" t="s">
        <v>1</v>
      </c>
      <c r="C122808" s="14" t="s">
        <v>200</v>
      </c>
      <c r="D122808" s="14" t="s">
        <v>122</v>
      </c>
      <c r="E122808" s="15">
        <v>45544</v>
      </c>
      <c r="F122808" s="14" t="s">
        <v>15</v>
      </c>
      <c r="G122808" s="16">
        <v>0.9418595450968964</v>
      </c>
    </row>
    <row r="122809" spans="1:7" x14ac:dyDescent="0.3">
      <c r="A122809" s="13" t="s">
        <v>572</v>
      </c>
      <c r="B122809" s="14" t="s">
        <v>1</v>
      </c>
      <c r="C122809" s="14" t="s">
        <v>200</v>
      </c>
      <c r="D122809" s="14" t="s">
        <v>122</v>
      </c>
      <c r="E122809" s="15">
        <v>45545</v>
      </c>
      <c r="F122809" s="14" t="s">
        <v>15</v>
      </c>
      <c r="G122809" s="16">
        <v>0.95545177560462136</v>
      </c>
    </row>
    <row r="122810" spans="1:7" x14ac:dyDescent="0.3">
      <c r="A122810" s="13" t="s">
        <v>572</v>
      </c>
      <c r="B122810" s="14" t="s">
        <v>1</v>
      </c>
      <c r="C122810" s="14" t="s">
        <v>200</v>
      </c>
      <c r="D122810" s="14" t="s">
        <v>122</v>
      </c>
      <c r="E122810" s="15">
        <v>45546</v>
      </c>
      <c r="F122810" s="14" t="s">
        <v>15</v>
      </c>
      <c r="G122810" s="16">
        <v>0.96188980050486983</v>
      </c>
    </row>
    <row r="122811" spans="1:7" x14ac:dyDescent="0.3">
      <c r="A122811" s="13" t="s">
        <v>572</v>
      </c>
      <c r="B122811" s="14" t="s">
        <v>1</v>
      </c>
      <c r="C122811" s="14" t="s">
        <v>200</v>
      </c>
      <c r="D122811" s="14" t="s">
        <v>122</v>
      </c>
      <c r="E122811" s="15">
        <v>45547</v>
      </c>
      <c r="F122811" s="14" t="s">
        <v>15</v>
      </c>
      <c r="G122811" s="16">
        <v>0.96673623662007147</v>
      </c>
    </row>
    <row r="122812" spans="1:7" x14ac:dyDescent="0.3">
      <c r="A122812" s="13" t="s">
        <v>572</v>
      </c>
      <c r="B122812" s="14" t="s">
        <v>1</v>
      </c>
      <c r="C122812" s="14" t="s">
        <v>200</v>
      </c>
      <c r="D122812" s="14" t="s">
        <v>122</v>
      </c>
      <c r="E122812" s="15">
        <v>45548</v>
      </c>
      <c r="F122812" s="14" t="s">
        <v>15</v>
      </c>
      <c r="G122812" s="16">
        <v>0.97123033628667488</v>
      </c>
    </row>
    <row r="122813" spans="1:7" x14ac:dyDescent="0.3">
      <c r="A122813" s="13" t="s">
        <v>572</v>
      </c>
      <c r="B122813" s="14" t="s">
        <v>1</v>
      </c>
      <c r="C122813" s="14" t="s">
        <v>200</v>
      </c>
      <c r="D122813" s="14" t="s">
        <v>122</v>
      </c>
      <c r="E122813" s="15">
        <v>45549</v>
      </c>
      <c r="F122813" s="14" t="s">
        <v>15</v>
      </c>
      <c r="G122813" s="16">
        <v>0.97123033628667488</v>
      </c>
    </row>
    <row r="122814" spans="1:7" x14ac:dyDescent="0.3">
      <c r="A122814" s="13" t="s">
        <v>572</v>
      </c>
      <c r="B122814" s="14" t="s">
        <v>1</v>
      </c>
      <c r="C122814" s="14" t="s">
        <v>200</v>
      </c>
      <c r="D122814" s="14" t="s">
        <v>122</v>
      </c>
      <c r="E122814" s="15">
        <v>45550</v>
      </c>
      <c r="F122814" s="14" t="s">
        <v>15</v>
      </c>
      <c r="G122814" s="16">
        <v>0.97123033628667488</v>
      </c>
    </row>
    <row r="122815" spans="1:7" x14ac:dyDescent="0.3">
      <c r="A122815" s="13" t="s">
        <v>572</v>
      </c>
      <c r="B122815" s="14" t="s">
        <v>1</v>
      </c>
      <c r="C122815" s="14" t="s">
        <v>200</v>
      </c>
      <c r="D122815" s="14" t="s">
        <v>122</v>
      </c>
      <c r="E122815" s="15">
        <v>45551</v>
      </c>
      <c r="F122815" s="14" t="s">
        <v>15</v>
      </c>
      <c r="G122815" s="16">
        <v>0.97605247333645595</v>
      </c>
    </row>
    <row r="122816" spans="1:7" x14ac:dyDescent="0.3">
      <c r="A122816" s="13" t="s">
        <v>572</v>
      </c>
      <c r="B122816" s="14" t="s">
        <v>1</v>
      </c>
      <c r="C122816" s="14" t="s">
        <v>200</v>
      </c>
      <c r="D122816" s="14" t="s">
        <v>122</v>
      </c>
      <c r="E122816" s="15">
        <v>45552</v>
      </c>
      <c r="F122816" s="14" t="s">
        <v>15</v>
      </c>
      <c r="G122816" s="16">
        <v>0.98869704029277916</v>
      </c>
    </row>
    <row r="122817" spans="1:7" x14ac:dyDescent="0.3">
      <c r="A122817" s="13" t="s">
        <v>572</v>
      </c>
      <c r="B122817" s="14" t="s">
        <v>1</v>
      </c>
      <c r="C122817" s="14" t="s">
        <v>200</v>
      </c>
      <c r="D122817" s="14" t="s">
        <v>122</v>
      </c>
      <c r="E122817" s="15">
        <v>45553</v>
      </c>
      <c r="F122817" s="14" t="s">
        <v>15</v>
      </c>
      <c r="G122817" s="16">
        <v>0.99378646706218643</v>
      </c>
    </row>
    <row r="122818" spans="1:7" x14ac:dyDescent="0.3">
      <c r="A122818" s="13" t="s">
        <v>572</v>
      </c>
      <c r="B122818" s="14" t="s">
        <v>1</v>
      </c>
      <c r="C122818" s="14" t="s">
        <v>200</v>
      </c>
      <c r="D122818" s="14" t="s">
        <v>122</v>
      </c>
      <c r="E122818" s="15">
        <v>45554</v>
      </c>
      <c r="F122818" s="14" t="s">
        <v>15</v>
      </c>
      <c r="G122818" s="16">
        <v>0.99881327700916389</v>
      </c>
    </row>
    <row r="122819" spans="1:7" x14ac:dyDescent="0.3">
      <c r="A122819" s="13" t="s">
        <v>572</v>
      </c>
      <c r="B122819" s="14" t="s">
        <v>1</v>
      </c>
      <c r="C122819" s="14" t="s">
        <v>200</v>
      </c>
      <c r="D122819" s="14" t="s">
        <v>122</v>
      </c>
      <c r="E122819" s="15">
        <v>45555</v>
      </c>
      <c r="F122819" s="14" t="s">
        <v>15</v>
      </c>
      <c r="G122819" s="16">
        <v>1.0052344794795056</v>
      </c>
    </row>
    <row r="122820" spans="1:7" x14ac:dyDescent="0.3">
      <c r="A122820" s="13" t="s">
        <v>572</v>
      </c>
      <c r="B122820" s="14" t="s">
        <v>1</v>
      </c>
      <c r="C122820" s="14" t="s">
        <v>200</v>
      </c>
      <c r="D122820" s="14" t="s">
        <v>122</v>
      </c>
      <c r="E122820" s="15">
        <v>45556</v>
      </c>
      <c r="F122820" s="14" t="s">
        <v>15</v>
      </c>
      <c r="G122820" s="16">
        <v>1.0052344794795056</v>
      </c>
    </row>
    <row r="122821" spans="1:7" x14ac:dyDescent="0.3">
      <c r="A122821" s="13" t="s">
        <v>572</v>
      </c>
      <c r="B122821" s="14" t="s">
        <v>1</v>
      </c>
      <c r="C122821" s="14" t="s">
        <v>200</v>
      </c>
      <c r="D122821" s="14" t="s">
        <v>122</v>
      </c>
      <c r="E122821" s="15">
        <v>45557</v>
      </c>
      <c r="F122821" s="14" t="s">
        <v>15</v>
      </c>
      <c r="G122821" s="16">
        <v>1.0052344794795056</v>
      </c>
    </row>
    <row r="122822" spans="1:7" x14ac:dyDescent="0.3">
      <c r="A122822" s="13" t="s">
        <v>572</v>
      </c>
      <c r="B122822" s="14" t="s">
        <v>1</v>
      </c>
      <c r="C122822" s="14" t="s">
        <v>200</v>
      </c>
      <c r="D122822" s="14" t="s">
        <v>122</v>
      </c>
      <c r="E122822" s="15">
        <v>45558</v>
      </c>
      <c r="F122822" s="14" t="s">
        <v>15</v>
      </c>
      <c r="G122822" s="16">
        <v>1.0106631585853616</v>
      </c>
    </row>
    <row r="122823" spans="1:7" x14ac:dyDescent="0.3">
      <c r="A122823" s="13" t="s">
        <v>572</v>
      </c>
      <c r="B122823" s="14" t="s">
        <v>1</v>
      </c>
      <c r="C122823" s="14" t="s">
        <v>200</v>
      </c>
      <c r="D122823" s="14" t="s">
        <v>122</v>
      </c>
      <c r="E122823" s="15">
        <v>45559</v>
      </c>
      <c r="F122823" s="14" t="s">
        <v>15</v>
      </c>
      <c r="G122823" s="16">
        <v>1.0260703423641147</v>
      </c>
    </row>
    <row r="122824" spans="1:7" x14ac:dyDescent="0.3">
      <c r="A122824" s="13" t="s">
        <v>572</v>
      </c>
      <c r="B122824" s="14" t="s">
        <v>1</v>
      </c>
      <c r="C122824" s="14" t="s">
        <v>200</v>
      </c>
      <c r="D122824" s="14" t="s">
        <v>122</v>
      </c>
      <c r="E122824" s="15">
        <v>45560</v>
      </c>
      <c r="F122824" s="14" t="s">
        <v>15</v>
      </c>
      <c r="G122824" s="16">
        <v>1.0309915448344564</v>
      </c>
    </row>
    <row r="122825" spans="1:7" x14ac:dyDescent="0.3">
      <c r="A122825" s="13" t="s">
        <v>572</v>
      </c>
      <c r="B122825" s="14" t="s">
        <v>1</v>
      </c>
      <c r="C122825" s="14" t="s">
        <v>200</v>
      </c>
      <c r="D122825" s="14" t="s">
        <v>122</v>
      </c>
      <c r="E122825" s="15">
        <v>45561</v>
      </c>
      <c r="F122825" s="14" t="s">
        <v>15</v>
      </c>
      <c r="G122825" s="16">
        <v>1.0361211585197514</v>
      </c>
    </row>
    <row r="122826" spans="1:7" x14ac:dyDescent="0.3">
      <c r="A122826" s="13" t="s">
        <v>572</v>
      </c>
      <c r="B122826" s="14" t="s">
        <v>1</v>
      </c>
      <c r="C122826" s="14" t="s">
        <v>200</v>
      </c>
      <c r="D122826" s="14" t="s">
        <v>122</v>
      </c>
      <c r="E122826" s="15">
        <v>45562</v>
      </c>
      <c r="F122826" s="14" t="s">
        <v>15</v>
      </c>
      <c r="G122826" s="16">
        <v>1.0412218002424296</v>
      </c>
    </row>
    <row r="122827" spans="1:7" x14ac:dyDescent="0.3">
      <c r="A122827" s="13" t="s">
        <v>572</v>
      </c>
      <c r="B122827" s="14" t="s">
        <v>1</v>
      </c>
      <c r="C122827" s="14" t="s">
        <v>200</v>
      </c>
      <c r="D122827" s="14" t="s">
        <v>122</v>
      </c>
      <c r="E122827" s="15">
        <v>45563</v>
      </c>
      <c r="F122827" s="14" t="s">
        <v>15</v>
      </c>
      <c r="G122827" s="16">
        <v>1.0412218002424296</v>
      </c>
    </row>
    <row r="122828" spans="1:7" x14ac:dyDescent="0.3">
      <c r="A122828" s="13" t="s">
        <v>572</v>
      </c>
      <c r="B122828" s="14" t="s">
        <v>1</v>
      </c>
      <c r="C122828" s="14" t="s">
        <v>200</v>
      </c>
      <c r="D122828" s="14" t="s">
        <v>122</v>
      </c>
      <c r="E122828" s="15">
        <v>45564</v>
      </c>
      <c r="F122828" s="14" t="s">
        <v>15</v>
      </c>
      <c r="G122828" s="16">
        <v>1.0412218002424296</v>
      </c>
    </row>
    <row r="122829" spans="1:7" x14ac:dyDescent="0.3">
      <c r="A122829" s="13" t="s">
        <v>572</v>
      </c>
      <c r="B122829" s="14" t="s">
        <v>1</v>
      </c>
      <c r="C122829" s="14" t="s">
        <v>200</v>
      </c>
      <c r="D122829" s="14" t="s">
        <v>122</v>
      </c>
      <c r="E122829" s="15">
        <v>45565</v>
      </c>
      <c r="F122829" s="14" t="s">
        <v>15</v>
      </c>
      <c r="G122829" s="16">
        <v>1.0470616943015563</v>
      </c>
    </row>
    <row r="122830" spans="1:7" x14ac:dyDescent="0.3">
      <c r="A122830" s="13" t="s">
        <v>572</v>
      </c>
      <c r="B122830" s="14" t="s">
        <v>1</v>
      </c>
      <c r="C122830" s="14" t="s">
        <v>200</v>
      </c>
      <c r="D122830" s="14" t="s">
        <v>122</v>
      </c>
      <c r="E122830" s="15">
        <v>45566</v>
      </c>
      <c r="F122830" s="14" t="s">
        <v>15</v>
      </c>
      <c r="G122830" s="16">
        <v>1.0539389715382532</v>
      </c>
    </row>
    <row r="122831" spans="1:7" x14ac:dyDescent="0.3">
      <c r="A122831" s="13" t="s">
        <v>572</v>
      </c>
      <c r="B122831" s="14" t="s">
        <v>1</v>
      </c>
      <c r="C122831" s="14" t="s">
        <v>200</v>
      </c>
      <c r="D122831" s="14" t="s">
        <v>122</v>
      </c>
      <c r="E122831" s="15">
        <v>45567</v>
      </c>
      <c r="F122831" s="14" t="s">
        <v>15</v>
      </c>
      <c r="G122831" s="16">
        <v>1.0616966226067259</v>
      </c>
    </row>
    <row r="122832" spans="1:7" x14ac:dyDescent="0.3">
      <c r="A122832" s="13" t="s">
        <v>572</v>
      </c>
      <c r="B122832" s="14" t="s">
        <v>1</v>
      </c>
      <c r="C122832" s="14" t="s">
        <v>200</v>
      </c>
      <c r="D122832" s="14" t="s">
        <v>122</v>
      </c>
      <c r="E122832" s="15">
        <v>45568</v>
      </c>
      <c r="F122832" s="14" t="s">
        <v>15</v>
      </c>
      <c r="G122832" s="16">
        <v>1.0665664232079088</v>
      </c>
    </row>
    <row r="122833" spans="1:7" x14ac:dyDescent="0.3">
      <c r="A122833" s="13" t="s">
        <v>572</v>
      </c>
      <c r="B122833" s="14" t="s">
        <v>1</v>
      </c>
      <c r="C122833" s="14" t="s">
        <v>200</v>
      </c>
      <c r="D122833" s="14" t="s">
        <v>122</v>
      </c>
      <c r="E122833" s="15">
        <v>45569</v>
      </c>
      <c r="F122833" s="14" t="s">
        <v>15</v>
      </c>
      <c r="G122833" s="16">
        <v>1.071499775210961</v>
      </c>
    </row>
    <row r="122834" spans="1:7" x14ac:dyDescent="0.3">
      <c r="A122834" s="13" t="s">
        <v>572</v>
      </c>
      <c r="B122834" s="14" t="s">
        <v>1</v>
      </c>
      <c r="C122834" s="14" t="s">
        <v>200</v>
      </c>
      <c r="D122834" s="14" t="s">
        <v>122</v>
      </c>
      <c r="E122834" s="15">
        <v>45570</v>
      </c>
      <c r="F122834" s="14" t="s">
        <v>15</v>
      </c>
      <c r="G122834" s="16">
        <v>1.071499775210961</v>
      </c>
    </row>
    <row r="122835" spans="1:7" x14ac:dyDescent="0.3">
      <c r="A122835" s="13" t="s">
        <v>572</v>
      </c>
      <c r="B122835" s="14" t="s">
        <v>1</v>
      </c>
      <c r="C122835" s="14" t="s">
        <v>200</v>
      </c>
      <c r="D122835" s="14" t="s">
        <v>122</v>
      </c>
      <c r="E122835" s="15">
        <v>45571</v>
      </c>
      <c r="F122835" s="14" t="s">
        <v>15</v>
      </c>
      <c r="G122835" s="16">
        <v>1.071499775210961</v>
      </c>
    </row>
    <row r="122836" spans="1:7" x14ac:dyDescent="0.3">
      <c r="A122836" s="13" t="s">
        <v>572</v>
      </c>
      <c r="B122836" s="14" t="s">
        <v>1</v>
      </c>
      <c r="C122836" s="14" t="s">
        <v>200</v>
      </c>
      <c r="D122836" s="14" t="s">
        <v>122</v>
      </c>
      <c r="E122836" s="15">
        <v>45572</v>
      </c>
      <c r="F122836" s="14" t="s">
        <v>15</v>
      </c>
      <c r="G122836" s="16">
        <v>1.0820826599242934</v>
      </c>
    </row>
    <row r="122837" spans="1:7" x14ac:dyDescent="0.3">
      <c r="A122837" s="13" t="s">
        <v>572</v>
      </c>
      <c r="B122837" s="14" t="s">
        <v>1</v>
      </c>
      <c r="C122837" s="14" t="s">
        <v>200</v>
      </c>
      <c r="D122837" s="14" t="s">
        <v>122</v>
      </c>
      <c r="E122837" s="15">
        <v>45573</v>
      </c>
      <c r="F122837" s="14" t="s">
        <v>15</v>
      </c>
      <c r="G122837" s="16">
        <v>1.0965085352918316</v>
      </c>
    </row>
    <row r="122838" spans="1:7" x14ac:dyDescent="0.3">
      <c r="A122838" s="13" t="s">
        <v>572</v>
      </c>
      <c r="B122838" s="14" t="s">
        <v>1</v>
      </c>
      <c r="C122838" s="14" t="s">
        <v>200</v>
      </c>
      <c r="D122838" s="14" t="s">
        <v>122</v>
      </c>
      <c r="E122838" s="15">
        <v>45574</v>
      </c>
      <c r="F122838" s="14" t="s">
        <v>15</v>
      </c>
      <c r="G122838" s="16">
        <v>1.101335345238809</v>
      </c>
    </row>
    <row r="122839" spans="1:7" x14ac:dyDescent="0.3">
      <c r="A122839" s="13" t="s">
        <v>572</v>
      </c>
      <c r="B122839" s="14" t="s">
        <v>1</v>
      </c>
      <c r="C122839" s="14" t="s">
        <v>200</v>
      </c>
      <c r="D122839" s="14" t="s">
        <v>122</v>
      </c>
      <c r="E122839" s="15">
        <v>45575</v>
      </c>
      <c r="F122839" s="14" t="s">
        <v>15</v>
      </c>
      <c r="G122839" s="16">
        <v>1.1052234294774343</v>
      </c>
    </row>
    <row r="122840" spans="1:7" x14ac:dyDescent="0.3">
      <c r="A122840" s="13" t="s">
        <v>572</v>
      </c>
      <c r="B122840" s="14" t="s">
        <v>1</v>
      </c>
      <c r="C122840" s="14" t="s">
        <v>200</v>
      </c>
      <c r="D122840" s="14" t="s">
        <v>122</v>
      </c>
      <c r="E122840" s="15">
        <v>45576</v>
      </c>
      <c r="F122840" s="14" t="s">
        <v>15</v>
      </c>
      <c r="G122840" s="16">
        <v>1.1097210375255837</v>
      </c>
    </row>
    <row r="122841" spans="1:7" x14ac:dyDescent="0.3">
      <c r="A122841" s="13" t="s">
        <v>572</v>
      </c>
      <c r="B122841" s="14" t="s">
        <v>1</v>
      </c>
      <c r="C122841" s="14" t="s">
        <v>200</v>
      </c>
      <c r="D122841" s="14" t="s">
        <v>122</v>
      </c>
      <c r="E122841" s="15">
        <v>45577</v>
      </c>
      <c r="F122841" s="14" t="s">
        <v>15</v>
      </c>
      <c r="G122841" s="16">
        <v>1.1097210375255837</v>
      </c>
    </row>
    <row r="122842" spans="1:7" x14ac:dyDescent="0.3">
      <c r="A122842" s="13" t="s">
        <v>572</v>
      </c>
      <c r="B122842" s="14" t="s">
        <v>1</v>
      </c>
      <c r="C122842" s="14" t="s">
        <v>200</v>
      </c>
      <c r="D122842" s="14" t="s">
        <v>122</v>
      </c>
      <c r="E122842" s="15">
        <v>45578</v>
      </c>
      <c r="F122842" s="14" t="s">
        <v>15</v>
      </c>
      <c r="G122842" s="16">
        <v>1.1097210375255837</v>
      </c>
    </row>
    <row r="122843" spans="1:7" x14ac:dyDescent="0.3">
      <c r="A122843" s="13" t="s">
        <v>572</v>
      </c>
      <c r="B122843" s="14" t="s">
        <v>1</v>
      </c>
      <c r="C122843" s="14" t="s">
        <v>200</v>
      </c>
      <c r="D122843" s="14" t="s">
        <v>122</v>
      </c>
      <c r="E122843" s="15">
        <v>45579</v>
      </c>
      <c r="F122843" s="14" t="s">
        <v>15</v>
      </c>
      <c r="G122843" s="16">
        <v>1.1097210375255837</v>
      </c>
    </row>
    <row r="122844" spans="1:7" x14ac:dyDescent="0.3">
      <c r="A122844" s="13" t="s">
        <v>572</v>
      </c>
      <c r="B122844" s="14" t="s">
        <v>1</v>
      </c>
      <c r="C122844" s="14" t="s">
        <v>200</v>
      </c>
      <c r="D122844" s="14" t="s">
        <v>122</v>
      </c>
      <c r="E122844" s="15">
        <v>45580</v>
      </c>
      <c r="F122844" s="14" t="s">
        <v>15</v>
      </c>
      <c r="G122844" s="16">
        <v>1.1144376931927806</v>
      </c>
    </row>
    <row r="122845" spans="1:7" x14ac:dyDescent="0.3">
      <c r="A122845" s="13" t="s">
        <v>572</v>
      </c>
      <c r="B122845" s="14" t="s">
        <v>1</v>
      </c>
      <c r="C122845" s="14" t="s">
        <v>200</v>
      </c>
      <c r="D122845" s="14" t="s">
        <v>122</v>
      </c>
      <c r="E122845" s="15">
        <v>45581</v>
      </c>
      <c r="F122845" s="14" t="s">
        <v>15</v>
      </c>
      <c r="G122845" s="16">
        <v>1.133667047272676</v>
      </c>
    </row>
    <row r="122846" spans="1:7" x14ac:dyDescent="0.3">
      <c r="A122846" s="13" t="s">
        <v>572</v>
      </c>
      <c r="B122846" s="14" t="s">
        <v>1</v>
      </c>
      <c r="C122846" s="14" t="s">
        <v>200</v>
      </c>
      <c r="D122846" s="14" t="s">
        <v>122</v>
      </c>
      <c r="E122846" s="15">
        <v>45582</v>
      </c>
      <c r="F122846" s="14" t="s">
        <v>15</v>
      </c>
      <c r="G122846" s="16">
        <v>1.1406821156382854</v>
      </c>
    </row>
    <row r="122847" spans="1:7" x14ac:dyDescent="0.3">
      <c r="A122847" s="13" t="s">
        <v>572</v>
      </c>
      <c r="B122847" s="14" t="s">
        <v>1</v>
      </c>
      <c r="C122847" s="14" t="s">
        <v>200</v>
      </c>
      <c r="D122847" s="14" t="s">
        <v>122</v>
      </c>
      <c r="E122847" s="15">
        <v>45583</v>
      </c>
      <c r="F122847" s="14" t="s">
        <v>15</v>
      </c>
      <c r="G122847" s="16">
        <v>1.1525416284483394</v>
      </c>
    </row>
    <row r="122848" spans="1:7" x14ac:dyDescent="0.3">
      <c r="A122848" s="13" t="s">
        <v>572</v>
      </c>
      <c r="B122848" s="14" t="s">
        <v>1</v>
      </c>
      <c r="C122848" s="14" t="s">
        <v>200</v>
      </c>
      <c r="D122848" s="14" t="s">
        <v>122</v>
      </c>
      <c r="E122848" s="15">
        <v>45584</v>
      </c>
      <c r="F122848" s="14" t="s">
        <v>15</v>
      </c>
      <c r="G122848" s="16">
        <v>1.1525416284483394</v>
      </c>
    </row>
    <row r="122849" spans="1:7" x14ac:dyDescent="0.3">
      <c r="A122849" s="13" t="s">
        <v>572</v>
      </c>
      <c r="B122849" s="14" t="s">
        <v>1</v>
      </c>
      <c r="C122849" s="14" t="s">
        <v>200</v>
      </c>
      <c r="D122849" s="14" t="s">
        <v>122</v>
      </c>
      <c r="E122849" s="15">
        <v>45585</v>
      </c>
      <c r="F122849" s="14" t="s">
        <v>15</v>
      </c>
      <c r="G122849" s="16">
        <v>1.1525416284483394</v>
      </c>
    </row>
    <row r="122850" spans="1:7" x14ac:dyDescent="0.3">
      <c r="A122850" s="13" t="s">
        <v>572</v>
      </c>
      <c r="B122850" s="14" t="s">
        <v>1</v>
      </c>
      <c r="C122850" s="14" t="s">
        <v>200</v>
      </c>
      <c r="D122850" s="14" t="s">
        <v>122</v>
      </c>
      <c r="E122850" s="15">
        <v>45586</v>
      </c>
      <c r="F122850" s="14" t="s">
        <v>15</v>
      </c>
      <c r="G122850" s="16">
        <v>1.1623955857028381</v>
      </c>
    </row>
    <row r="122851" spans="1:7" x14ac:dyDescent="0.3">
      <c r="A122851" s="13" t="s">
        <v>572</v>
      </c>
      <c r="B122851" s="14" t="s">
        <v>1</v>
      </c>
      <c r="C122851" s="14" t="s">
        <v>200</v>
      </c>
      <c r="D122851" s="14" t="s">
        <v>122</v>
      </c>
      <c r="E122851" s="15">
        <v>45587</v>
      </c>
      <c r="F122851" s="14" t="s">
        <v>15</v>
      </c>
      <c r="G122851" s="16">
        <v>1.1779241461319396</v>
      </c>
    </row>
    <row r="122852" spans="1:7" x14ac:dyDescent="0.3">
      <c r="A122852" s="13" t="s">
        <v>572</v>
      </c>
      <c r="B122852" s="14" t="s">
        <v>1</v>
      </c>
      <c r="C122852" s="14" t="s">
        <v>200</v>
      </c>
      <c r="D122852" s="14" t="s">
        <v>122</v>
      </c>
      <c r="E122852" s="15">
        <v>45588</v>
      </c>
      <c r="F122852" s="14" t="s">
        <v>15</v>
      </c>
      <c r="G122852" s="16">
        <v>1.1833408017991365</v>
      </c>
    </row>
    <row r="122853" spans="1:7" x14ac:dyDescent="0.3">
      <c r="A122853" s="13" t="s">
        <v>572</v>
      </c>
      <c r="B122853" s="14" t="s">
        <v>1</v>
      </c>
      <c r="C122853" s="14" t="s">
        <v>200</v>
      </c>
      <c r="D122853" s="14" t="s">
        <v>122</v>
      </c>
      <c r="E122853" s="15">
        <v>45589</v>
      </c>
      <c r="F122853" s="14" t="s">
        <v>15</v>
      </c>
      <c r="G122853" s="16">
        <v>1.1885915844504604</v>
      </c>
    </row>
    <row r="122854" spans="1:7" x14ac:dyDescent="0.3">
      <c r="A122854" s="13" t="s">
        <v>572</v>
      </c>
      <c r="B122854" s="14" t="s">
        <v>1</v>
      </c>
      <c r="C122854" s="14" t="s">
        <v>200</v>
      </c>
      <c r="D122854" s="14" t="s">
        <v>122</v>
      </c>
      <c r="E122854" s="15">
        <v>45590</v>
      </c>
      <c r="F122854" s="14" t="s">
        <v>15</v>
      </c>
      <c r="G122854" s="16">
        <v>1.1937852242446414</v>
      </c>
    </row>
    <row r="122855" spans="1:7" x14ac:dyDescent="0.3">
      <c r="A122855" s="13" t="s">
        <v>572</v>
      </c>
      <c r="B122855" s="14" t="s">
        <v>1</v>
      </c>
      <c r="C122855" s="14" t="s">
        <v>200</v>
      </c>
      <c r="D122855" s="14" t="s">
        <v>122</v>
      </c>
      <c r="E122855" s="15">
        <v>45591</v>
      </c>
      <c r="F122855" s="14" t="s">
        <v>15</v>
      </c>
      <c r="G122855" s="16">
        <v>1.1937852242446414</v>
      </c>
    </row>
    <row r="122856" spans="1:7" x14ac:dyDescent="0.3">
      <c r="A122856" s="13" t="s">
        <v>572</v>
      </c>
      <c r="B122856" s="14" t="s">
        <v>1</v>
      </c>
      <c r="C122856" s="14" t="s">
        <v>200</v>
      </c>
      <c r="D122856" s="14" t="s">
        <v>122</v>
      </c>
      <c r="E122856" s="15">
        <v>45592</v>
      </c>
      <c r="F122856" s="14" t="s">
        <v>15</v>
      </c>
      <c r="G122856" s="16">
        <v>1.1937852242446414</v>
      </c>
    </row>
    <row r="122857" spans="1:7" x14ac:dyDescent="0.3">
      <c r="A122857" s="13" t="s">
        <v>572</v>
      </c>
      <c r="B122857" s="14" t="s">
        <v>1</v>
      </c>
      <c r="C122857" s="14" t="s">
        <v>200</v>
      </c>
      <c r="D122857" s="14" t="s">
        <v>122</v>
      </c>
      <c r="E122857" s="15">
        <v>45593</v>
      </c>
      <c r="F122857" s="14" t="s">
        <v>15</v>
      </c>
      <c r="G122857" s="16">
        <v>1.1937852242446414</v>
      </c>
    </row>
    <row r="122858" spans="1:7" x14ac:dyDescent="0.3">
      <c r="A122858" s="13" t="s">
        <v>572</v>
      </c>
      <c r="B122858" s="14" t="s">
        <v>1</v>
      </c>
      <c r="C122858" s="14" t="s">
        <v>200</v>
      </c>
      <c r="D122858" s="14" t="s">
        <v>122</v>
      </c>
      <c r="E122858" s="15">
        <v>45594</v>
      </c>
      <c r="F122858" s="14" t="s">
        <v>15</v>
      </c>
      <c r="G122858" s="16">
        <v>1.1993590227689812</v>
      </c>
    </row>
    <row r="122859" spans="1:7" x14ac:dyDescent="0.3">
      <c r="A122859" s="13" t="s">
        <v>572</v>
      </c>
      <c r="B122859" s="14" t="s">
        <v>1</v>
      </c>
      <c r="C122859" s="14" t="s">
        <v>200</v>
      </c>
      <c r="D122859" s="14" t="s">
        <v>122</v>
      </c>
      <c r="E122859" s="15">
        <v>45595</v>
      </c>
      <c r="F122859" s="14" t="s">
        <v>15</v>
      </c>
      <c r="G122859" s="16">
        <v>1.2207074244679241</v>
      </c>
    </row>
    <row r="122860" spans="1:7" x14ac:dyDescent="0.3">
      <c r="A122860" s="13" t="s">
        <v>572</v>
      </c>
      <c r="B122860" s="14" t="s">
        <v>1</v>
      </c>
      <c r="C122860" s="14" t="s">
        <v>200</v>
      </c>
      <c r="D122860" s="14" t="s">
        <v>122</v>
      </c>
      <c r="E122860" s="15">
        <v>45596</v>
      </c>
      <c r="F122860" s="14" t="s">
        <v>15</v>
      </c>
      <c r="G122860" s="16">
        <v>1.2259026515636924</v>
      </c>
    </row>
    <row r="122861" spans="1:7" x14ac:dyDescent="0.3">
      <c r="A122861" s="13" t="s">
        <v>572</v>
      </c>
      <c r="B122861" s="14" t="s">
        <v>1</v>
      </c>
      <c r="C122861" s="14" t="s">
        <v>200</v>
      </c>
      <c r="D122861" s="14" t="s">
        <v>122</v>
      </c>
      <c r="E122861" s="15">
        <v>45597</v>
      </c>
      <c r="F122861" s="14" t="s">
        <v>15</v>
      </c>
      <c r="G122861" s="16">
        <v>1.2305335929451751</v>
      </c>
    </row>
    <row r="122862" spans="1:7" x14ac:dyDescent="0.3">
      <c r="A122862" s="13" t="s">
        <v>572</v>
      </c>
      <c r="B122862" s="14" t="s">
        <v>1</v>
      </c>
      <c r="C122862" s="14" t="s">
        <v>200</v>
      </c>
      <c r="D122862" s="14" t="s">
        <v>122</v>
      </c>
      <c r="E122862" s="15">
        <v>45598</v>
      </c>
      <c r="F122862" s="14" t="s">
        <v>15</v>
      </c>
      <c r="G122862" s="16">
        <v>1.2305335929451751</v>
      </c>
    </row>
    <row r="122863" spans="1:7" x14ac:dyDescent="0.3">
      <c r="A122863" s="13" t="s">
        <v>572</v>
      </c>
      <c r="B122863" s="14" t="s">
        <v>1</v>
      </c>
      <c r="C122863" s="14" t="s">
        <v>200</v>
      </c>
      <c r="D122863" s="14" t="s">
        <v>122</v>
      </c>
      <c r="E122863" s="15">
        <v>45599</v>
      </c>
      <c r="F122863" s="14" t="s">
        <v>15</v>
      </c>
      <c r="G122863" s="16">
        <v>1.2305335929451751</v>
      </c>
    </row>
    <row r="122864" spans="1:7" x14ac:dyDescent="0.3">
      <c r="A122864" s="13" t="s">
        <v>572</v>
      </c>
      <c r="B122864" s="14" t="s">
        <v>1</v>
      </c>
      <c r="C122864" s="14" t="s">
        <v>200</v>
      </c>
      <c r="D122864" s="14" t="s">
        <v>122</v>
      </c>
      <c r="E122864" s="15">
        <v>45600</v>
      </c>
      <c r="F122864" s="14" t="s">
        <v>15</v>
      </c>
      <c r="G122864" s="16">
        <v>1.237579613691737</v>
      </c>
    </row>
    <row r="122865" spans="1:7" x14ac:dyDescent="0.3">
      <c r="A122865" s="13" t="s">
        <v>572</v>
      </c>
      <c r="B122865" s="14" t="s">
        <v>1</v>
      </c>
      <c r="C122865" s="14" t="s">
        <v>200</v>
      </c>
      <c r="D122865" s="14" t="s">
        <v>122</v>
      </c>
      <c r="E122865" s="15">
        <v>45601</v>
      </c>
      <c r="F122865" s="14" t="s">
        <v>15</v>
      </c>
      <c r="G122865" s="16">
        <v>1.2611375392002038</v>
      </c>
    </row>
    <row r="122866" spans="1:7" x14ac:dyDescent="0.3">
      <c r="A122866" s="13" t="s">
        <v>572</v>
      </c>
      <c r="B122866" s="14" t="s">
        <v>1</v>
      </c>
      <c r="C122866" s="14" t="s">
        <v>200</v>
      </c>
      <c r="D122866" s="14" t="s">
        <v>122</v>
      </c>
      <c r="E122866" s="15">
        <v>45602</v>
      </c>
      <c r="F122866" s="14" t="s">
        <v>15</v>
      </c>
      <c r="G122866" s="16">
        <v>1.265955782168988</v>
      </c>
    </row>
    <row r="122867" spans="1:7" x14ac:dyDescent="0.3">
      <c r="A122867" s="13" t="s">
        <v>572</v>
      </c>
      <c r="B122867" s="14" t="s">
        <v>1</v>
      </c>
      <c r="C122867" s="14" t="s">
        <v>200</v>
      </c>
      <c r="D122867" s="14" t="s">
        <v>122</v>
      </c>
      <c r="E122867" s="15">
        <v>45603</v>
      </c>
      <c r="F122867" s="14" t="s">
        <v>15</v>
      </c>
      <c r="G122867" s="16">
        <v>1.2647470410107882</v>
      </c>
    </row>
    <row r="122868" spans="1:7" x14ac:dyDescent="0.3">
      <c r="A122868" s="13" t="s">
        <v>572</v>
      </c>
      <c r="B122868" s="14" t="s">
        <v>1</v>
      </c>
      <c r="C122868" s="14" t="s">
        <v>200</v>
      </c>
      <c r="D122868" s="14" t="s">
        <v>122</v>
      </c>
      <c r="E122868" s="15">
        <v>45604</v>
      </c>
      <c r="F122868" s="14" t="s">
        <v>15</v>
      </c>
      <c r="G122868" s="16">
        <v>1.2715668712811596</v>
      </c>
    </row>
    <row r="122869" spans="1:7" x14ac:dyDescent="0.3">
      <c r="A122869" s="13" t="s">
        <v>572</v>
      </c>
      <c r="B122869" s="14" t="s">
        <v>1</v>
      </c>
      <c r="C122869" s="14" t="s">
        <v>200</v>
      </c>
      <c r="D122869" s="14" t="s">
        <v>122</v>
      </c>
      <c r="E122869" s="15">
        <v>45605</v>
      </c>
      <c r="F122869" s="14" t="s">
        <v>15</v>
      </c>
      <c r="G122869" s="16">
        <v>1.2715668712811596</v>
      </c>
    </row>
    <row r="122870" spans="1:7" x14ac:dyDescent="0.3">
      <c r="A122870" s="13" t="s">
        <v>572</v>
      </c>
      <c r="B122870" s="14" t="s">
        <v>1</v>
      </c>
      <c r="C122870" s="14" t="s">
        <v>200</v>
      </c>
      <c r="D122870" s="14" t="s">
        <v>122</v>
      </c>
      <c r="E122870" s="15">
        <v>45606</v>
      </c>
      <c r="F122870" s="14" t="s">
        <v>15</v>
      </c>
      <c r="G122870" s="16">
        <v>1.2715668712811596</v>
      </c>
    </row>
    <row r="122871" spans="1:7" x14ac:dyDescent="0.3">
      <c r="A122871" s="13" t="s">
        <v>572</v>
      </c>
      <c r="B122871" s="14" t="s">
        <v>1</v>
      </c>
      <c r="C122871" s="14" t="s">
        <v>200</v>
      </c>
      <c r="D122871" s="14" t="s">
        <v>122</v>
      </c>
      <c r="E122871" s="15">
        <v>45607</v>
      </c>
      <c r="F122871" s="14" t="s">
        <v>15</v>
      </c>
      <c r="G122871" s="16">
        <v>1.2715668712811596</v>
      </c>
    </row>
    <row r="122872" spans="1:7" x14ac:dyDescent="0.3">
      <c r="A122872" s="13" t="s">
        <v>572</v>
      </c>
      <c r="B122872" s="14" t="s">
        <v>1</v>
      </c>
      <c r="C122872" s="14" t="s">
        <v>200</v>
      </c>
      <c r="D122872" s="14" t="s">
        <v>122</v>
      </c>
      <c r="E122872" s="15">
        <v>45608</v>
      </c>
      <c r="F122872" s="14" t="s">
        <v>15</v>
      </c>
      <c r="G122872" s="16">
        <v>1.2779184475832772</v>
      </c>
    </row>
    <row r="122873" spans="1:7" x14ac:dyDescent="0.3">
      <c r="A122873" s="13" t="s">
        <v>572</v>
      </c>
      <c r="B122873" s="14" t="s">
        <v>1</v>
      </c>
      <c r="C122873" s="14" t="s">
        <v>200</v>
      </c>
      <c r="D122873" s="14" t="s">
        <v>122</v>
      </c>
      <c r="E122873" s="15">
        <v>45609</v>
      </c>
      <c r="F122873" s="14" t="s">
        <v>15</v>
      </c>
      <c r="G122873" s="16">
        <v>1.2924001826155533</v>
      </c>
    </row>
    <row r="122874" spans="1:7" x14ac:dyDescent="0.3">
      <c r="A122874" s="13" t="s">
        <v>572</v>
      </c>
      <c r="B122874" s="14" t="s">
        <v>1</v>
      </c>
      <c r="C122874" s="14" t="s">
        <v>200</v>
      </c>
      <c r="D122874" s="14" t="s">
        <v>122</v>
      </c>
      <c r="E122874" s="15">
        <v>45610</v>
      </c>
      <c r="F122874" s="14" t="s">
        <v>15</v>
      </c>
      <c r="G122874" s="16">
        <v>1.2974628700287822</v>
      </c>
    </row>
    <row r="122875" spans="1:7" x14ac:dyDescent="0.3">
      <c r="A122875" s="13" t="s">
        <v>572</v>
      </c>
      <c r="B122875" s="14" t="s">
        <v>1</v>
      </c>
      <c r="C122875" s="14" t="s">
        <v>200</v>
      </c>
      <c r="D122875" s="14" t="s">
        <v>122</v>
      </c>
      <c r="E122875" s="15">
        <v>45611</v>
      </c>
      <c r="F122875" s="14" t="s">
        <v>15</v>
      </c>
      <c r="G122875" s="16">
        <v>1.3036422241086776</v>
      </c>
    </row>
    <row r="122876" spans="1:7" x14ac:dyDescent="0.3">
      <c r="A122876" s="13" t="s">
        <v>572</v>
      </c>
      <c r="B122876" s="14" t="s">
        <v>1</v>
      </c>
      <c r="C122876" s="14" t="s">
        <v>200</v>
      </c>
      <c r="D122876" s="14" t="s">
        <v>122</v>
      </c>
      <c r="E122876" s="15">
        <v>45612</v>
      </c>
      <c r="F122876" s="14" t="s">
        <v>15</v>
      </c>
      <c r="G122876" s="16">
        <v>1.3036422241086776</v>
      </c>
    </row>
    <row r="122877" spans="1:7" x14ac:dyDescent="0.3">
      <c r="A122877" s="13" t="s">
        <v>572</v>
      </c>
      <c r="B122877" s="14" t="s">
        <v>1</v>
      </c>
      <c r="C122877" s="14" t="s">
        <v>200</v>
      </c>
      <c r="D122877" s="14" t="s">
        <v>122</v>
      </c>
      <c r="E122877" s="15">
        <v>45613</v>
      </c>
      <c r="F122877" s="14" t="s">
        <v>15</v>
      </c>
      <c r="G122877" s="16">
        <v>1.3036422241086776</v>
      </c>
    </row>
    <row r="122878" spans="1:7" x14ac:dyDescent="0.3">
      <c r="A122878" s="13" t="s">
        <v>572</v>
      </c>
      <c r="B122878" s="14" t="s">
        <v>1</v>
      </c>
      <c r="C122878" s="14" t="s">
        <v>200</v>
      </c>
      <c r="D122878" s="14" t="s">
        <v>122</v>
      </c>
      <c r="E122878" s="15">
        <v>45614</v>
      </c>
      <c r="F122878" s="14" t="s">
        <v>15</v>
      </c>
      <c r="G122878" s="16">
        <v>1.3084945940615886</v>
      </c>
    </row>
    <row r="122879" spans="1:7" x14ac:dyDescent="0.3">
      <c r="A122879" s="13" t="s">
        <v>572</v>
      </c>
      <c r="B122879" s="14" t="s">
        <v>1</v>
      </c>
      <c r="C122879" s="14" t="s">
        <v>200</v>
      </c>
      <c r="D122879" s="14" t="s">
        <v>122</v>
      </c>
      <c r="E122879" s="15">
        <v>45615</v>
      </c>
      <c r="F122879" s="14" t="s">
        <v>15</v>
      </c>
      <c r="G122879" s="16">
        <v>1.3237628370303731</v>
      </c>
    </row>
    <row r="122880" spans="1:7" x14ac:dyDescent="0.3">
      <c r="A122880" s="13" t="s">
        <v>572</v>
      </c>
      <c r="B122880" s="14" t="s">
        <v>1</v>
      </c>
      <c r="C122880" s="14" t="s">
        <v>200</v>
      </c>
      <c r="D122880" s="14" t="s">
        <v>122</v>
      </c>
      <c r="E122880" s="15">
        <v>45616</v>
      </c>
      <c r="F122880" s="14" t="s">
        <v>15</v>
      </c>
      <c r="G122880" s="16">
        <v>1.3312866355547126</v>
      </c>
    </row>
    <row r="122881" spans="1:7" x14ac:dyDescent="0.3">
      <c r="A122881" s="13" t="s">
        <v>572</v>
      </c>
      <c r="B122881" s="14" t="s">
        <v>1</v>
      </c>
      <c r="C122881" s="14" t="s">
        <v>200</v>
      </c>
      <c r="D122881" s="14" t="s">
        <v>122</v>
      </c>
      <c r="E122881" s="15">
        <v>45617</v>
      </c>
      <c r="F122881" s="14" t="s">
        <v>15</v>
      </c>
      <c r="G122881" s="16">
        <v>1.3364390055076238</v>
      </c>
    </row>
    <row r="122882" spans="1:7" x14ac:dyDescent="0.3">
      <c r="A122882" s="13" t="s">
        <v>572</v>
      </c>
      <c r="B122882" s="14" t="s">
        <v>1</v>
      </c>
      <c r="C122882" s="14" t="s">
        <v>200</v>
      </c>
      <c r="D122882" s="14" t="s">
        <v>122</v>
      </c>
      <c r="E122882" s="15">
        <v>45618</v>
      </c>
      <c r="F122882" s="14" t="s">
        <v>15</v>
      </c>
      <c r="G122882" s="16">
        <v>1.3445389945081538</v>
      </c>
    </row>
    <row r="122883" spans="1:7" x14ac:dyDescent="0.3">
      <c r="A122883" s="13" t="s">
        <v>572</v>
      </c>
      <c r="B122883" s="14" t="s">
        <v>1</v>
      </c>
      <c r="C122883" s="14" t="s">
        <v>200</v>
      </c>
      <c r="D122883" s="14" t="s">
        <v>122</v>
      </c>
      <c r="E122883" s="15">
        <v>45619</v>
      </c>
      <c r="F122883" s="14" t="s">
        <v>15</v>
      </c>
      <c r="G122883" s="16">
        <v>1.3445389945081538</v>
      </c>
    </row>
    <row r="122884" spans="1:7" x14ac:dyDescent="0.3">
      <c r="A122884" s="13" t="s">
        <v>572</v>
      </c>
      <c r="B122884" s="14" t="s">
        <v>1</v>
      </c>
      <c r="C122884" s="14" t="s">
        <v>200</v>
      </c>
      <c r="D122884" s="14" t="s">
        <v>122</v>
      </c>
      <c r="E122884" s="15">
        <v>45620</v>
      </c>
      <c r="F122884" s="14" t="s">
        <v>15</v>
      </c>
      <c r="G122884" s="16">
        <v>1.3445389945081538</v>
      </c>
    </row>
    <row r="122885" spans="1:7" x14ac:dyDescent="0.3">
      <c r="A122885" s="13" t="s">
        <v>572</v>
      </c>
      <c r="B122885" s="14" t="s">
        <v>1</v>
      </c>
      <c r="C122885" s="14" t="s">
        <v>200</v>
      </c>
      <c r="D122885" s="14" t="s">
        <v>122</v>
      </c>
      <c r="E122885" s="15">
        <v>45621</v>
      </c>
      <c r="F122885" s="14" t="s">
        <v>15</v>
      </c>
      <c r="G122885" s="16">
        <v>1.348366761286462</v>
      </c>
    </row>
    <row r="122886" spans="1:7" x14ac:dyDescent="0.3">
      <c r="A122886" s="13" t="s">
        <v>572</v>
      </c>
      <c r="B122886" s="14" t="s">
        <v>1</v>
      </c>
      <c r="C122886" s="14" t="s">
        <v>200</v>
      </c>
      <c r="D122886" s="14" t="s">
        <v>122</v>
      </c>
      <c r="E122886" s="15">
        <v>45622</v>
      </c>
      <c r="F122886" s="14" t="s">
        <v>15</v>
      </c>
      <c r="G122886" s="16">
        <v>1.366477861398103</v>
      </c>
    </row>
    <row r="122887" spans="1:7" x14ac:dyDescent="0.3">
      <c r="A122887" s="13" t="s">
        <v>572</v>
      </c>
      <c r="B122887" s="14" t="s">
        <v>1</v>
      </c>
      <c r="C122887" s="14" t="s">
        <v>200</v>
      </c>
      <c r="D122887" s="14" t="s">
        <v>122</v>
      </c>
      <c r="E122887" s="15">
        <v>45623</v>
      </c>
      <c r="F122887" s="14" t="s">
        <v>15</v>
      </c>
      <c r="G122887" s="16">
        <v>1.3717254694462524</v>
      </c>
    </row>
    <row r="122888" spans="1:7" x14ac:dyDescent="0.3">
      <c r="A122888" s="13" t="s">
        <v>572</v>
      </c>
      <c r="B122888" s="14" t="s">
        <v>1</v>
      </c>
      <c r="C122888" s="14" t="s">
        <v>200</v>
      </c>
      <c r="D122888" s="14" t="s">
        <v>122</v>
      </c>
      <c r="E122888" s="15">
        <v>45624</v>
      </c>
      <c r="F122888" s="14" t="s">
        <v>15</v>
      </c>
      <c r="G122888" s="16">
        <v>1.3717254694462524</v>
      </c>
    </row>
    <row r="122889" spans="1:7" x14ac:dyDescent="0.3">
      <c r="A122889" s="13" t="s">
        <v>572</v>
      </c>
      <c r="B122889" s="14" t="s">
        <v>1</v>
      </c>
      <c r="C122889" s="14" t="s">
        <v>200</v>
      </c>
      <c r="D122889" s="14" t="s">
        <v>122</v>
      </c>
      <c r="E122889" s="15">
        <v>45625</v>
      </c>
      <c r="F122889" s="14" t="s">
        <v>15</v>
      </c>
      <c r="G122889" s="16">
        <v>1.378781014002338</v>
      </c>
    </row>
    <row r="122890" spans="1:7" x14ac:dyDescent="0.3">
      <c r="A122890" s="13" t="s">
        <v>572</v>
      </c>
      <c r="B122890" s="14" t="s">
        <v>1</v>
      </c>
      <c r="C122890" s="14" t="s">
        <v>200</v>
      </c>
      <c r="D122890" s="14" t="s">
        <v>122</v>
      </c>
      <c r="E122890" s="15">
        <v>45626</v>
      </c>
      <c r="F122890" s="14" t="s">
        <v>15</v>
      </c>
      <c r="G122890" s="16">
        <v>1.378781014002338</v>
      </c>
    </row>
    <row r="122891" spans="1:7" x14ac:dyDescent="0.3">
      <c r="A122891" s="13" t="s">
        <v>572</v>
      </c>
      <c r="B122891" s="14" t="s">
        <v>1</v>
      </c>
      <c r="C122891" s="14" t="s">
        <v>200</v>
      </c>
      <c r="D122891" s="14" t="s">
        <v>122</v>
      </c>
      <c r="E122891" s="15">
        <v>45627</v>
      </c>
      <c r="F122891" s="14" t="s">
        <v>15</v>
      </c>
      <c r="G122891" s="16">
        <v>1.378781014002338</v>
      </c>
    </row>
    <row r="122892" spans="1:7" x14ac:dyDescent="0.3">
      <c r="A122892" s="13" t="s">
        <v>572</v>
      </c>
      <c r="B122892" s="14" t="s">
        <v>1</v>
      </c>
      <c r="C122892" s="14" t="s">
        <v>200</v>
      </c>
      <c r="D122892" s="14" t="s">
        <v>122</v>
      </c>
      <c r="E122892" s="15">
        <v>45628</v>
      </c>
      <c r="F122892" s="14" t="s">
        <v>15</v>
      </c>
      <c r="G122892" s="16">
        <v>1.3900944950663601</v>
      </c>
    </row>
    <row r="122893" spans="1:7" x14ac:dyDescent="0.3">
      <c r="A122893" s="13" t="s">
        <v>572</v>
      </c>
      <c r="B122893" s="14" t="s">
        <v>1</v>
      </c>
      <c r="C122893" s="14" t="s">
        <v>200</v>
      </c>
      <c r="D122893" s="14" t="s">
        <v>122</v>
      </c>
      <c r="E122893" s="15">
        <v>45629</v>
      </c>
      <c r="F122893" s="14" t="s">
        <v>15</v>
      </c>
      <c r="G122893" s="16">
        <v>1.4060452777176842</v>
      </c>
    </row>
    <row r="122894" spans="1:7" x14ac:dyDescent="0.3">
      <c r="A122894" s="13" t="s">
        <v>572</v>
      </c>
      <c r="B122894" s="14" t="s">
        <v>1</v>
      </c>
      <c r="C122894" s="14" t="s">
        <v>200</v>
      </c>
      <c r="D122894" s="14" t="s">
        <v>122</v>
      </c>
      <c r="E122894" s="15">
        <v>45630</v>
      </c>
      <c r="F122894" s="14" t="s">
        <v>15</v>
      </c>
      <c r="G122894" s="16">
        <v>1.4102722508451986</v>
      </c>
    </row>
    <row r="122895" spans="1:7" x14ac:dyDescent="0.3">
      <c r="A122895" s="13" t="s">
        <v>572</v>
      </c>
      <c r="B122895" s="14" t="s">
        <v>1</v>
      </c>
      <c r="C122895" s="14" t="s">
        <v>200</v>
      </c>
      <c r="D122895" s="14" t="s">
        <v>122</v>
      </c>
      <c r="E122895" s="15">
        <v>45631</v>
      </c>
      <c r="F122895" s="14" t="s">
        <v>15</v>
      </c>
      <c r="G122895" s="16">
        <v>1.4132389065123954</v>
      </c>
    </row>
    <row r="122896" spans="1:7" x14ac:dyDescent="0.3">
      <c r="A122896" s="13" t="s">
        <v>572</v>
      </c>
      <c r="B122896" s="14" t="s">
        <v>1</v>
      </c>
      <c r="C122896" s="14" t="s">
        <v>200</v>
      </c>
      <c r="D122896" s="14" t="s">
        <v>122</v>
      </c>
      <c r="E122896" s="15">
        <v>45632</v>
      </c>
      <c r="F122896" s="14" t="s">
        <v>15</v>
      </c>
      <c r="G122896" s="16">
        <v>1.4188555621795924</v>
      </c>
    </row>
    <row r="122897" spans="1:7" x14ac:dyDescent="0.3">
      <c r="A122897" s="13" t="s">
        <v>572</v>
      </c>
      <c r="B122897" s="14" t="s">
        <v>1</v>
      </c>
      <c r="C122897" s="14" t="s">
        <v>200</v>
      </c>
      <c r="D122897" s="14" t="s">
        <v>122</v>
      </c>
      <c r="E122897" s="15">
        <v>45633</v>
      </c>
      <c r="F122897" s="14" t="s">
        <v>15</v>
      </c>
      <c r="G122897" s="16">
        <v>1.4188555621795924</v>
      </c>
    </row>
    <row r="122898" spans="1:7" x14ac:dyDescent="0.3">
      <c r="A122898" s="13" t="s">
        <v>572</v>
      </c>
      <c r="B122898" s="14" t="s">
        <v>1</v>
      </c>
      <c r="C122898" s="14" t="s">
        <v>200</v>
      </c>
      <c r="D122898" s="14" t="s">
        <v>122</v>
      </c>
      <c r="E122898" s="15">
        <v>45634</v>
      </c>
      <c r="F122898" s="14" t="s">
        <v>15</v>
      </c>
      <c r="G122898" s="16">
        <v>1.4188555621795924</v>
      </c>
    </row>
    <row r="122899" spans="1:7" x14ac:dyDescent="0.3">
      <c r="A122899" s="13" t="s">
        <v>572</v>
      </c>
      <c r="B122899" s="14" t="s">
        <v>1</v>
      </c>
      <c r="C122899" s="14" t="s">
        <v>200</v>
      </c>
      <c r="D122899" s="14" t="s">
        <v>122</v>
      </c>
      <c r="E122899" s="15">
        <v>45635</v>
      </c>
      <c r="F122899" s="14" t="s">
        <v>15</v>
      </c>
      <c r="G122899" s="16">
        <v>1.4241596178205527</v>
      </c>
    </row>
    <row r="122900" spans="1:7" x14ac:dyDescent="0.3">
      <c r="A122900" s="13" t="s">
        <v>572</v>
      </c>
      <c r="B122900" s="14" t="s">
        <v>1</v>
      </c>
      <c r="C122900" s="14" t="s">
        <v>200</v>
      </c>
      <c r="D122900" s="14" t="s">
        <v>122</v>
      </c>
      <c r="E122900" s="15">
        <v>45636</v>
      </c>
      <c r="F122900" s="14" t="s">
        <v>15</v>
      </c>
      <c r="G122900" s="16">
        <v>1.4428008635441578</v>
      </c>
    </row>
    <row r="122901" spans="1:7" x14ac:dyDescent="0.3">
      <c r="A122901" s="13" t="s">
        <v>572</v>
      </c>
      <c r="B122901" s="14" t="s">
        <v>1</v>
      </c>
      <c r="C122901" s="14" t="s">
        <v>200</v>
      </c>
      <c r="D122901" s="14" t="s">
        <v>122</v>
      </c>
      <c r="E122901" s="15">
        <v>45637</v>
      </c>
      <c r="F122901" s="14" t="s">
        <v>15</v>
      </c>
      <c r="G122901" s="16">
        <v>1.4481619439785069</v>
      </c>
    </row>
    <row r="122902" spans="1:7" x14ac:dyDescent="0.3">
      <c r="A122902" s="13" t="s">
        <v>572</v>
      </c>
      <c r="B122902" s="14" t="s">
        <v>1</v>
      </c>
      <c r="C122902" s="14" t="s">
        <v>200</v>
      </c>
      <c r="D122902" s="14" t="s">
        <v>122</v>
      </c>
      <c r="E122902" s="15">
        <v>45638</v>
      </c>
      <c r="F122902" s="14" t="s">
        <v>15</v>
      </c>
      <c r="G122902" s="16">
        <v>1.4537329417682279</v>
      </c>
    </row>
    <row r="122903" spans="1:7" x14ac:dyDescent="0.3">
      <c r="A122903" s="13" t="s">
        <v>572</v>
      </c>
      <c r="B122903" s="14" t="s">
        <v>1</v>
      </c>
      <c r="C122903" s="14" t="s">
        <v>200</v>
      </c>
      <c r="D122903" s="14" t="s">
        <v>122</v>
      </c>
      <c r="E122903" s="15">
        <v>45639</v>
      </c>
      <c r="F122903" s="14" t="s">
        <v>15</v>
      </c>
      <c r="G122903" s="16">
        <v>1.4603287329463785</v>
      </c>
    </row>
    <row r="122904" spans="1:7" x14ac:dyDescent="0.3">
      <c r="A122904" s="13" t="s">
        <v>572</v>
      </c>
      <c r="B122904" s="14" t="s">
        <v>1</v>
      </c>
      <c r="C122904" s="14" t="s">
        <v>200</v>
      </c>
      <c r="D122904" s="14" t="s">
        <v>122</v>
      </c>
      <c r="E122904" s="15">
        <v>45640</v>
      </c>
      <c r="F122904" s="14" t="s">
        <v>15</v>
      </c>
      <c r="G122904" s="16">
        <v>1.4603287329463785</v>
      </c>
    </row>
    <row r="122905" spans="1:7" x14ac:dyDescent="0.3">
      <c r="A122905" s="13" t="s">
        <v>572</v>
      </c>
      <c r="B122905" s="14" t="s">
        <v>1</v>
      </c>
      <c r="C122905" s="14" t="s">
        <v>200</v>
      </c>
      <c r="D122905" s="14" t="s">
        <v>122</v>
      </c>
      <c r="E122905" s="15">
        <v>45641</v>
      </c>
      <c r="F122905" s="14" t="s">
        <v>15</v>
      </c>
      <c r="G122905" s="16">
        <v>1.4603287329463785</v>
      </c>
    </row>
    <row r="122906" spans="1:7" x14ac:dyDescent="0.3">
      <c r="A122906" s="13" t="s">
        <v>572</v>
      </c>
      <c r="B122906" s="14" t="s">
        <v>1</v>
      </c>
      <c r="C122906" s="14" t="s">
        <v>200</v>
      </c>
      <c r="D122906" s="14" t="s">
        <v>122</v>
      </c>
      <c r="E122906" s="15">
        <v>45642</v>
      </c>
      <c r="F122906" s="14" t="s">
        <v>15</v>
      </c>
      <c r="G122906" s="16">
        <v>1.4660245241245289</v>
      </c>
    </row>
    <row r="122907" spans="1:7" x14ac:dyDescent="0.3">
      <c r="A122907" s="13" t="s">
        <v>572</v>
      </c>
      <c r="B122907" s="14" t="s">
        <v>1</v>
      </c>
      <c r="C122907" s="14" t="s">
        <v>200</v>
      </c>
      <c r="D122907" s="14" t="s">
        <v>122</v>
      </c>
      <c r="E122907" s="15">
        <v>45643</v>
      </c>
      <c r="F122907" s="14" t="s">
        <v>15</v>
      </c>
      <c r="G122907" s="16">
        <v>1.4820261004266466</v>
      </c>
    </row>
    <row r="122908" spans="1:7" x14ac:dyDescent="0.3">
      <c r="A122908" s="13" t="s">
        <v>572</v>
      </c>
      <c r="B122908" s="14" t="s">
        <v>1</v>
      </c>
      <c r="C122908" s="14" t="s">
        <v>200</v>
      </c>
      <c r="D122908" s="14" t="s">
        <v>122</v>
      </c>
      <c r="E122908" s="15">
        <v>45644</v>
      </c>
      <c r="F122908" s="14" t="s">
        <v>15</v>
      </c>
      <c r="G122908" s="16">
        <v>1.4875632139188468</v>
      </c>
    </row>
    <row r="122909" spans="1:7" x14ac:dyDescent="0.3">
      <c r="A122909" s="13" t="s">
        <v>572</v>
      </c>
      <c r="B122909" s="14" t="s">
        <v>1</v>
      </c>
      <c r="C122909" s="14" t="s">
        <v>200</v>
      </c>
      <c r="D122909" s="14" t="s">
        <v>122</v>
      </c>
      <c r="E122909" s="15">
        <v>45645</v>
      </c>
      <c r="F122909" s="14" t="s">
        <v>15</v>
      </c>
      <c r="G122909" s="16">
        <v>1.4950152103890315</v>
      </c>
    </row>
    <row r="122910" spans="1:7" x14ac:dyDescent="0.3">
      <c r="A122910" s="13" t="s">
        <v>572</v>
      </c>
      <c r="B122910" s="14" t="s">
        <v>1</v>
      </c>
      <c r="C122910" s="14" t="s">
        <v>200</v>
      </c>
      <c r="D122910" s="14" t="s">
        <v>122</v>
      </c>
      <c r="E122910" s="15">
        <v>45646</v>
      </c>
      <c r="F122910" s="14" t="s">
        <v>15</v>
      </c>
      <c r="G122910" s="16">
        <v>1.5035982992961909</v>
      </c>
    </row>
    <row r="122911" spans="1:7" x14ac:dyDescent="0.3">
      <c r="A122911" s="13" t="s">
        <v>572</v>
      </c>
      <c r="B122911" s="14" t="s">
        <v>1</v>
      </c>
      <c r="C122911" s="14" t="s">
        <v>200</v>
      </c>
      <c r="D122911" s="14" t="s">
        <v>122</v>
      </c>
      <c r="E122911" s="15">
        <v>45647</v>
      </c>
      <c r="F122911" s="14" t="s">
        <v>15</v>
      </c>
      <c r="G122911" s="16">
        <v>1.5035982992961909</v>
      </c>
    </row>
    <row r="122912" spans="1:7" x14ac:dyDescent="0.3">
      <c r="A122912" s="13" t="s">
        <v>572</v>
      </c>
      <c r="B122912" s="14" t="s">
        <v>1</v>
      </c>
      <c r="C122912" s="14" t="s">
        <v>200</v>
      </c>
      <c r="D122912" s="14" t="s">
        <v>122</v>
      </c>
      <c r="E122912" s="15">
        <v>45648</v>
      </c>
      <c r="F122912" s="14" t="s">
        <v>15</v>
      </c>
      <c r="G122912" s="16">
        <v>1.5035982992961909</v>
      </c>
    </row>
    <row r="122913" spans="1:7" x14ac:dyDescent="0.3">
      <c r="A122913" s="13" t="s">
        <v>572</v>
      </c>
      <c r="B122913" s="14" t="s">
        <v>1</v>
      </c>
      <c r="C122913" s="14" t="s">
        <v>200</v>
      </c>
      <c r="D122913" s="14" t="s">
        <v>122</v>
      </c>
      <c r="E122913" s="15">
        <v>45649</v>
      </c>
      <c r="F122913" s="14" t="s">
        <v>15</v>
      </c>
      <c r="G122913" s="16">
        <v>1.5098544974470478</v>
      </c>
    </row>
    <row r="122914" spans="1:7" x14ac:dyDescent="0.3">
      <c r="A122914" s="13" t="s">
        <v>572</v>
      </c>
      <c r="B122914" s="14" t="s">
        <v>1</v>
      </c>
      <c r="C122914" s="14" t="s">
        <v>200</v>
      </c>
      <c r="D122914" s="14" t="s">
        <v>122</v>
      </c>
      <c r="E122914" s="15">
        <v>45650</v>
      </c>
      <c r="F122914" s="14" t="s">
        <v>15</v>
      </c>
      <c r="G122914" s="16">
        <v>1.5263720401357201</v>
      </c>
    </row>
    <row r="122915" spans="1:7" x14ac:dyDescent="0.3">
      <c r="A122915" s="13" t="s">
        <v>572</v>
      </c>
      <c r="B122915" s="14" t="s">
        <v>1</v>
      </c>
      <c r="C122915" s="14" t="s">
        <v>200</v>
      </c>
      <c r="D122915" s="14" t="s">
        <v>122</v>
      </c>
      <c r="E122915" s="15">
        <v>45651</v>
      </c>
      <c r="F122915" s="14" t="s">
        <v>15</v>
      </c>
      <c r="G122915" s="16">
        <v>1.5263720401357201</v>
      </c>
    </row>
    <row r="122916" spans="1:7" x14ac:dyDescent="0.3">
      <c r="A122916" s="13" t="s">
        <v>572</v>
      </c>
      <c r="B122916" s="14" t="s">
        <v>1</v>
      </c>
      <c r="C122916" s="14" t="s">
        <v>200</v>
      </c>
      <c r="D122916" s="14" t="s">
        <v>122</v>
      </c>
      <c r="E122916" s="15">
        <v>45652</v>
      </c>
      <c r="F122916" s="14" t="s">
        <v>15</v>
      </c>
      <c r="G122916" s="16">
        <v>1.5263720401357201</v>
      </c>
    </row>
    <row r="122917" spans="1:7" x14ac:dyDescent="0.3">
      <c r="A122917" s="13" t="s">
        <v>572</v>
      </c>
      <c r="B122917" s="14" t="s">
        <v>1</v>
      </c>
      <c r="C122917" s="14" t="s">
        <v>200</v>
      </c>
      <c r="D122917" s="14" t="s">
        <v>122</v>
      </c>
      <c r="E122917" s="15">
        <v>45653</v>
      </c>
      <c r="F122917" s="14" t="s">
        <v>15</v>
      </c>
      <c r="G122917" s="16">
        <v>1.5263720401357201</v>
      </c>
    </row>
    <row r="122918" spans="1:7" x14ac:dyDescent="0.3">
      <c r="A122918" s="13" t="s">
        <v>572</v>
      </c>
      <c r="B122918" s="14" t="s">
        <v>1</v>
      </c>
      <c r="C122918" s="14" t="s">
        <v>200</v>
      </c>
      <c r="D122918" s="14" t="s">
        <v>122</v>
      </c>
      <c r="E122918" s="15">
        <v>45654</v>
      </c>
      <c r="F122918" s="14" t="s">
        <v>15</v>
      </c>
      <c r="G122918" s="16">
        <v>1.5263720401357201</v>
      </c>
    </row>
    <row r="122919" spans="1:7" x14ac:dyDescent="0.3">
      <c r="A122919" s="13" t="s">
        <v>572</v>
      </c>
      <c r="B122919" s="14" t="s">
        <v>1</v>
      </c>
      <c r="C122919" s="14" t="s">
        <v>200</v>
      </c>
      <c r="D122919" s="14" t="s">
        <v>122</v>
      </c>
      <c r="E122919" s="15">
        <v>45655</v>
      </c>
      <c r="F122919" s="14" t="s">
        <v>15</v>
      </c>
      <c r="G122919" s="16">
        <v>1.5263720401357201</v>
      </c>
    </row>
    <row r="122920" spans="1:7" x14ac:dyDescent="0.3">
      <c r="A122920" s="13" t="s">
        <v>572</v>
      </c>
      <c r="B122920" s="14" t="s">
        <v>1</v>
      </c>
      <c r="C122920" s="14" t="s">
        <v>200</v>
      </c>
      <c r="D122920" s="14" t="s">
        <v>122</v>
      </c>
      <c r="E122920" s="15">
        <v>45656</v>
      </c>
      <c r="F122920" s="14" t="s">
        <v>15</v>
      </c>
      <c r="G122920" s="16">
        <v>1.5318400029924595</v>
      </c>
    </row>
    <row r="122921" spans="1:7" x14ac:dyDescent="0.3">
      <c r="A122921" s="13" t="s">
        <v>572</v>
      </c>
      <c r="B122921" s="14" t="s">
        <v>1</v>
      </c>
      <c r="C122921" s="14" t="s">
        <v>200</v>
      </c>
      <c r="D122921" s="14" t="s">
        <v>122</v>
      </c>
      <c r="E122921" s="15">
        <v>45657</v>
      </c>
      <c r="F122921" s="14" t="s">
        <v>15</v>
      </c>
      <c r="G122921" s="16">
        <v>1.5682659490424762</v>
      </c>
    </row>
    <row r="122922" spans="1:7" x14ac:dyDescent="0.3">
      <c r="A122922" s="13" t="s">
        <v>572</v>
      </c>
      <c r="B122922" s="14" t="s">
        <v>1</v>
      </c>
      <c r="C122922" s="14" t="s">
        <v>200</v>
      </c>
      <c r="D122922" s="14" t="s">
        <v>122</v>
      </c>
      <c r="E122922" s="15">
        <v>45658</v>
      </c>
      <c r="F122922" s="14" t="s">
        <v>15</v>
      </c>
      <c r="G122922" s="16">
        <v>1.5682659490424762</v>
      </c>
    </row>
    <row r="122923" spans="1:7" x14ac:dyDescent="0.3">
      <c r="A122923" s="13" t="s">
        <v>572</v>
      </c>
      <c r="B122923" s="14" t="s">
        <v>1</v>
      </c>
      <c r="C122923" s="14" t="s">
        <v>200</v>
      </c>
      <c r="D122923" s="14" t="s">
        <v>122</v>
      </c>
      <c r="E122923" s="15">
        <v>45659</v>
      </c>
      <c r="F122923" s="14" t="s">
        <v>15</v>
      </c>
      <c r="G122923" s="16">
        <v>1.5745465169412323</v>
      </c>
    </row>
    <row r="122924" spans="1:7" x14ac:dyDescent="0.3">
      <c r="A122924" s="13" t="s">
        <v>572</v>
      </c>
      <c r="B122924" s="14" t="s">
        <v>1</v>
      </c>
      <c r="C122924" s="14" t="s">
        <v>200</v>
      </c>
      <c r="D122924" s="14" t="s">
        <v>122</v>
      </c>
      <c r="E122924" s="15">
        <v>45660</v>
      </c>
      <c r="F122924" s="14" t="s">
        <v>15</v>
      </c>
      <c r="G122924" s="16">
        <v>1.5818934713946102</v>
      </c>
    </row>
    <row r="122925" spans="1:7" x14ac:dyDescent="0.3">
      <c r="A122925" s="13" t="s">
        <v>572</v>
      </c>
      <c r="B122925" s="14" t="s">
        <v>1</v>
      </c>
      <c r="C122925" s="14" t="s">
        <v>200</v>
      </c>
      <c r="D122925" s="14" t="s">
        <v>122</v>
      </c>
      <c r="E122925" s="15">
        <v>45661</v>
      </c>
      <c r="F122925" s="14" t="s">
        <v>15</v>
      </c>
      <c r="G122925" s="16">
        <v>1.5818934713946102</v>
      </c>
    </row>
    <row r="122926" spans="1:7" x14ac:dyDescent="0.3">
      <c r="A122926" s="13" t="s">
        <v>572</v>
      </c>
      <c r="B122926" s="14" t="s">
        <v>1</v>
      </c>
      <c r="C122926" s="14" t="s">
        <v>200</v>
      </c>
      <c r="D122926" s="14" t="s">
        <v>122</v>
      </c>
      <c r="E122926" s="15">
        <v>45662</v>
      </c>
      <c r="F122926" s="14" t="s">
        <v>15</v>
      </c>
      <c r="G122926" s="16">
        <v>1.5818934713946102</v>
      </c>
    </row>
    <row r="122927" spans="1:7" x14ac:dyDescent="0.3">
      <c r="A122927" s="13" t="s">
        <v>572</v>
      </c>
      <c r="B122927" s="14" t="s">
        <v>1</v>
      </c>
      <c r="C122927" s="14" t="s">
        <v>200</v>
      </c>
      <c r="D122927" s="14" t="s">
        <v>122</v>
      </c>
      <c r="E122927" s="15">
        <v>45663</v>
      </c>
      <c r="F122927" s="14" t="s">
        <v>15</v>
      </c>
      <c r="G122927" s="16">
        <v>1.5874925266883246</v>
      </c>
    </row>
    <row r="122928" spans="1:7" x14ac:dyDescent="0.3">
      <c r="A122928" s="13" t="s">
        <v>572</v>
      </c>
      <c r="B122928" s="14" t="s">
        <v>1</v>
      </c>
      <c r="C122928" s="14" t="s">
        <v>200</v>
      </c>
      <c r="D122928" s="14" t="s">
        <v>122</v>
      </c>
      <c r="E122928" s="15">
        <v>45664</v>
      </c>
      <c r="F122928" s="14" t="s">
        <v>15</v>
      </c>
      <c r="G122928" s="16">
        <v>1.6056512458475851</v>
      </c>
    </row>
    <row r="122929" spans="1:7" x14ac:dyDescent="0.3">
      <c r="A122929" s="13" t="s">
        <v>572</v>
      </c>
      <c r="B122929" s="14" t="s">
        <v>1</v>
      </c>
      <c r="C122929" s="14" t="s">
        <v>200</v>
      </c>
      <c r="D122929" s="14" t="s">
        <v>122</v>
      </c>
      <c r="E122929" s="15">
        <v>45665</v>
      </c>
      <c r="F122929" s="14" t="s">
        <v>15</v>
      </c>
      <c r="G122929" s="16">
        <v>1.6108066036623077</v>
      </c>
    </row>
    <row r="122930" spans="1:7" x14ac:dyDescent="0.3">
      <c r="A122930" s="13" t="s">
        <v>572</v>
      </c>
      <c r="B122930" s="14" t="s">
        <v>1</v>
      </c>
      <c r="C122930" s="14" t="s">
        <v>200</v>
      </c>
      <c r="D122930" s="14" t="s">
        <v>122</v>
      </c>
      <c r="E122930" s="15">
        <v>45666</v>
      </c>
      <c r="F122930" s="14" t="s">
        <v>15</v>
      </c>
      <c r="G122930" s="16">
        <v>1.6108066036623077</v>
      </c>
    </row>
    <row r="122931" spans="1:7" x14ac:dyDescent="0.3">
      <c r="A122931" s="13" t="s">
        <v>572</v>
      </c>
      <c r="B122931" s="14" t="s">
        <v>1</v>
      </c>
      <c r="C122931" s="14" t="s">
        <v>200</v>
      </c>
      <c r="D122931" s="14" t="s">
        <v>122</v>
      </c>
      <c r="E122931" s="15">
        <v>45667</v>
      </c>
      <c r="F122931" s="14" t="s">
        <v>15</v>
      </c>
      <c r="G122931" s="16">
        <v>1.6219569194602235</v>
      </c>
    </row>
    <row r="122932" spans="1:7" x14ac:dyDescent="0.3">
      <c r="A122932" s="13" t="s">
        <v>572</v>
      </c>
      <c r="B122932" s="14" t="s">
        <v>1</v>
      </c>
      <c r="C122932" s="14" t="s">
        <v>200</v>
      </c>
      <c r="D122932" s="14" t="s">
        <v>122</v>
      </c>
      <c r="E122932" s="15">
        <v>45668</v>
      </c>
      <c r="F122932" s="14" t="s">
        <v>15</v>
      </c>
      <c r="G122932" s="16">
        <v>1.6219569194602235</v>
      </c>
    </row>
    <row r="122933" spans="1:7" x14ac:dyDescent="0.3">
      <c r="A122933" s="13" t="s">
        <v>572</v>
      </c>
      <c r="B122933" s="14" t="s">
        <v>1</v>
      </c>
      <c r="C122933" s="14" t="s">
        <v>200</v>
      </c>
      <c r="D122933" s="14" t="s">
        <v>122</v>
      </c>
      <c r="E122933" s="15">
        <v>45669</v>
      </c>
      <c r="F122933" s="14" t="s">
        <v>15</v>
      </c>
      <c r="G122933" s="16">
        <v>1.6219569194602235</v>
      </c>
    </row>
    <row r="122934" spans="1:7" x14ac:dyDescent="0.3">
      <c r="A122934" s="13" t="s">
        <v>572</v>
      </c>
      <c r="B122934" s="14" t="s">
        <v>1</v>
      </c>
      <c r="C122934" s="14" t="s">
        <v>200</v>
      </c>
      <c r="D122934" s="14" t="s">
        <v>122</v>
      </c>
      <c r="E122934" s="15">
        <v>45670</v>
      </c>
      <c r="F122934" s="14" t="s">
        <v>15</v>
      </c>
      <c r="G122934" s="16">
        <v>1.6314912688715846</v>
      </c>
    </row>
    <row r="122935" spans="1:7" x14ac:dyDescent="0.3">
      <c r="A122935" s="13" t="s">
        <v>572</v>
      </c>
      <c r="B122935" s="14" t="s">
        <v>1</v>
      </c>
      <c r="C122935" s="14" t="s">
        <v>200</v>
      </c>
      <c r="D122935" s="14" t="s">
        <v>122</v>
      </c>
      <c r="E122935" s="15">
        <v>45671</v>
      </c>
      <c r="F122935" s="14" t="s">
        <v>15</v>
      </c>
      <c r="G122935" s="16">
        <v>1.6459550300476518</v>
      </c>
    </row>
    <row r="122936" spans="1:7" x14ac:dyDescent="0.3">
      <c r="A122936" s="13" t="s">
        <v>572</v>
      </c>
      <c r="B122936" s="14" t="s">
        <v>1</v>
      </c>
      <c r="C122936" s="14" t="s">
        <v>200</v>
      </c>
      <c r="D122936" s="14" t="s">
        <v>122</v>
      </c>
      <c r="E122936" s="15">
        <v>45672</v>
      </c>
      <c r="F122936" s="14" t="s">
        <v>15</v>
      </c>
      <c r="G122936" s="16">
        <v>1.6513263542489289</v>
      </c>
    </row>
    <row r="122937" spans="1:7" x14ac:dyDescent="0.3">
      <c r="A122937" s="13" t="s">
        <v>572</v>
      </c>
      <c r="B122937" s="14" t="s">
        <v>1</v>
      </c>
      <c r="C122937" s="14" t="s">
        <v>200</v>
      </c>
      <c r="D122937" s="14" t="s">
        <v>122</v>
      </c>
      <c r="E122937" s="15">
        <v>45673</v>
      </c>
      <c r="F122937" s="14" t="s">
        <v>15</v>
      </c>
      <c r="G122937" s="16">
        <v>1.6553153255090294</v>
      </c>
    </row>
    <row r="122938" spans="1:7" x14ac:dyDescent="0.3">
      <c r="A122938" s="13" t="s">
        <v>572</v>
      </c>
      <c r="B122938" s="14" t="s">
        <v>1</v>
      </c>
      <c r="C122938" s="14" t="s">
        <v>200</v>
      </c>
      <c r="D122938" s="14" t="s">
        <v>122</v>
      </c>
      <c r="E122938" s="15">
        <v>45674</v>
      </c>
      <c r="F122938" s="14" t="s">
        <v>15</v>
      </c>
      <c r="G122938" s="16">
        <v>1.6599656413069455</v>
      </c>
    </row>
    <row r="122939" spans="1:7" x14ac:dyDescent="0.3">
      <c r="A122939" s="13" t="s">
        <v>572</v>
      </c>
      <c r="B122939" s="14" t="s">
        <v>1</v>
      </c>
      <c r="C122939" s="14" t="s">
        <v>200</v>
      </c>
      <c r="D122939" s="14" t="s">
        <v>122</v>
      </c>
      <c r="E122939" s="15">
        <v>45675</v>
      </c>
      <c r="F122939" s="14" t="s">
        <v>15</v>
      </c>
      <c r="G122939" s="16">
        <v>1.6599656413069455</v>
      </c>
    </row>
    <row r="122940" spans="1:7" x14ac:dyDescent="0.3">
      <c r="A122940" s="13" t="s">
        <v>572</v>
      </c>
      <c r="B122940" s="14" t="s">
        <v>1</v>
      </c>
      <c r="C122940" s="14" t="s">
        <v>200</v>
      </c>
      <c r="D122940" s="14" t="s">
        <v>122</v>
      </c>
      <c r="E122940" s="15">
        <v>45676</v>
      </c>
      <c r="F122940" s="14" t="s">
        <v>15</v>
      </c>
      <c r="G122940" s="16">
        <v>1.6599656413069455</v>
      </c>
    </row>
    <row r="122941" spans="1:7" x14ac:dyDescent="0.3">
      <c r="A122941" s="13" t="s">
        <v>572</v>
      </c>
      <c r="B122941" s="14" t="s">
        <v>1</v>
      </c>
      <c r="C122941" s="14" t="s">
        <v>200</v>
      </c>
      <c r="D122941" s="14" t="s">
        <v>122</v>
      </c>
      <c r="E122941" s="15">
        <v>45677</v>
      </c>
      <c r="F122941" s="14" t="s">
        <v>15</v>
      </c>
      <c r="G122941" s="16">
        <v>1.6599656413069455</v>
      </c>
    </row>
    <row r="122942" spans="1:7" x14ac:dyDescent="0.3">
      <c r="A122942" s="13" t="s">
        <v>572</v>
      </c>
      <c r="B122942" s="14" t="s">
        <v>1</v>
      </c>
      <c r="C122942" s="14" t="s">
        <v>200</v>
      </c>
      <c r="D122942" s="14" t="s">
        <v>122</v>
      </c>
      <c r="E122942" s="15">
        <v>45678</v>
      </c>
      <c r="F122942" s="14" t="s">
        <v>15</v>
      </c>
      <c r="G122942" s="16">
        <v>1.6659579739115837</v>
      </c>
    </row>
    <row r="122943" spans="1:7" x14ac:dyDescent="0.3">
      <c r="A122943" s="13" t="s">
        <v>572</v>
      </c>
      <c r="B122943" s="14" t="s">
        <v>1</v>
      </c>
      <c r="C122943" s="14" t="s">
        <v>200</v>
      </c>
      <c r="D122943" s="14" t="s">
        <v>122</v>
      </c>
      <c r="E122943" s="15">
        <v>45679</v>
      </c>
      <c r="F122943" s="14" t="s">
        <v>15</v>
      </c>
      <c r="G122943" s="16">
        <v>1.6845713149195838</v>
      </c>
    </row>
    <row r="122944" spans="1:7" x14ac:dyDescent="0.3">
      <c r="A122944" s="13" t="s">
        <v>572</v>
      </c>
      <c r="B122944" s="14" t="s">
        <v>1</v>
      </c>
      <c r="C122944" s="14" t="s">
        <v>200</v>
      </c>
      <c r="D122944" s="14" t="s">
        <v>122</v>
      </c>
      <c r="E122944" s="15">
        <v>45680</v>
      </c>
      <c r="F122944" s="14" t="s">
        <v>15</v>
      </c>
      <c r="G122944" s="16">
        <v>1.6895770929023737</v>
      </c>
    </row>
    <row r="122945" spans="1:7" x14ac:dyDescent="0.3">
      <c r="A122945" s="13" t="s">
        <v>572</v>
      </c>
      <c r="B122945" s="14" t="s">
        <v>1</v>
      </c>
      <c r="C122945" s="14" t="s">
        <v>200</v>
      </c>
      <c r="D122945" s="14" t="s">
        <v>122</v>
      </c>
      <c r="E122945" s="15">
        <v>45681</v>
      </c>
      <c r="F122945" s="14" t="s">
        <v>15</v>
      </c>
      <c r="G122945" s="16">
        <v>1.6940223666834826</v>
      </c>
    </row>
    <row r="122946" spans="1:7" x14ac:dyDescent="0.3">
      <c r="A122946" s="13" t="s">
        <v>572</v>
      </c>
      <c r="B122946" s="14" t="s">
        <v>1</v>
      </c>
      <c r="C122946" s="14" t="s">
        <v>200</v>
      </c>
      <c r="D122946" s="14" t="s">
        <v>122</v>
      </c>
      <c r="E122946" s="15">
        <v>45682</v>
      </c>
      <c r="F122946" s="14" t="s">
        <v>15</v>
      </c>
      <c r="G122946" s="16">
        <v>1.6940223666834826</v>
      </c>
    </row>
    <row r="122947" spans="1:7" x14ac:dyDescent="0.3">
      <c r="A122947" s="13" t="s">
        <v>572</v>
      </c>
      <c r="B122947" s="14" t="s">
        <v>1</v>
      </c>
      <c r="C122947" s="14" t="s">
        <v>200</v>
      </c>
      <c r="D122947" s="14" t="s">
        <v>122</v>
      </c>
      <c r="E122947" s="15">
        <v>45683</v>
      </c>
      <c r="F122947" s="14" t="s">
        <v>15</v>
      </c>
      <c r="G122947" s="16">
        <v>1.6940223666834826</v>
      </c>
    </row>
    <row r="122948" spans="1:7" x14ac:dyDescent="0.3">
      <c r="A122948" s="13" t="s">
        <v>572</v>
      </c>
      <c r="B122948" s="14" t="s">
        <v>1</v>
      </c>
      <c r="C122948" s="14" t="s">
        <v>200</v>
      </c>
      <c r="D122948" s="14" t="s">
        <v>122</v>
      </c>
      <c r="E122948" s="15">
        <v>45684</v>
      </c>
      <c r="F122948" s="14" t="s">
        <v>15</v>
      </c>
      <c r="G122948" s="16">
        <v>1.6976836068511463</v>
      </c>
    </row>
    <row r="122949" spans="1:7" x14ac:dyDescent="0.3">
      <c r="A122949" s="13" t="s">
        <v>572</v>
      </c>
      <c r="B122949" s="14" t="s">
        <v>1</v>
      </c>
      <c r="C122949" s="14" t="s">
        <v>200</v>
      </c>
      <c r="D122949" s="14" t="s">
        <v>122</v>
      </c>
      <c r="E122949" s="15">
        <v>45685</v>
      </c>
      <c r="F122949" s="14" t="s">
        <v>15</v>
      </c>
      <c r="G122949" s="16">
        <v>1.7129314016406589</v>
      </c>
    </row>
    <row r="122950" spans="1:7" x14ac:dyDescent="0.3">
      <c r="A122950" s="13" t="s">
        <v>572</v>
      </c>
      <c r="B122950" s="14" t="s">
        <v>1</v>
      </c>
      <c r="C122950" s="14" t="s">
        <v>200</v>
      </c>
      <c r="D122950" s="14" t="s">
        <v>122</v>
      </c>
      <c r="E122950" s="15">
        <v>45686</v>
      </c>
      <c r="F122950" s="14" t="s">
        <v>15</v>
      </c>
      <c r="G122950" s="16">
        <v>1.7179506250016001</v>
      </c>
    </row>
    <row r="122951" spans="1:7" x14ac:dyDescent="0.3">
      <c r="A122951" s="13" t="s">
        <v>572</v>
      </c>
      <c r="B122951" s="14" t="s">
        <v>1</v>
      </c>
      <c r="C122951" s="14" t="s">
        <v>200</v>
      </c>
      <c r="D122951" s="14" t="s">
        <v>122</v>
      </c>
      <c r="E122951" s="15">
        <v>45687</v>
      </c>
      <c r="F122951" s="14" t="s">
        <v>15</v>
      </c>
      <c r="G122951" s="16">
        <v>1.7216774113877511</v>
      </c>
    </row>
    <row r="122952" spans="1:7" x14ac:dyDescent="0.3">
      <c r="A122952" s="13" t="s">
        <v>572</v>
      </c>
      <c r="B122952" s="14" t="s">
        <v>1</v>
      </c>
      <c r="C122952" s="14" t="s">
        <v>200</v>
      </c>
      <c r="D122952" s="14" t="s">
        <v>122</v>
      </c>
      <c r="E122952" s="15">
        <v>45688</v>
      </c>
      <c r="F122952" s="14" t="s">
        <v>15</v>
      </c>
      <c r="G122952" s="16">
        <v>1.7266302481940703</v>
      </c>
    </row>
    <row r="122953" spans="1:7" x14ac:dyDescent="0.3">
      <c r="A122953" s="13" t="s">
        <v>572</v>
      </c>
      <c r="B122953" s="14" t="s">
        <v>1</v>
      </c>
      <c r="C122953" s="14" t="s">
        <v>200</v>
      </c>
      <c r="D122953" s="14" t="s">
        <v>122</v>
      </c>
      <c r="E122953" s="15">
        <v>45689</v>
      </c>
      <c r="F122953" s="14" t="s">
        <v>15</v>
      </c>
      <c r="G122953" s="16">
        <v>1.7266302481940703</v>
      </c>
    </row>
    <row r="122954" spans="1:7" x14ac:dyDescent="0.3">
      <c r="A122954" s="13" t="s">
        <v>572</v>
      </c>
      <c r="B122954" s="14" t="s">
        <v>1</v>
      </c>
      <c r="C122954" s="14" t="s">
        <v>200</v>
      </c>
      <c r="D122954" s="14" t="s">
        <v>122</v>
      </c>
      <c r="E122954" s="15">
        <v>45690</v>
      </c>
      <c r="F122954" s="14" t="s">
        <v>15</v>
      </c>
      <c r="G122954" s="16">
        <v>1.7266302481940703</v>
      </c>
    </row>
    <row r="122955" spans="1:7" x14ac:dyDescent="0.3">
      <c r="A122955" s="13" t="s">
        <v>572</v>
      </c>
      <c r="B122955" s="14" t="s">
        <v>1</v>
      </c>
      <c r="C122955" s="14" t="s">
        <v>200</v>
      </c>
      <c r="D122955" s="14" t="s">
        <v>122</v>
      </c>
      <c r="E122955" s="15">
        <v>45691</v>
      </c>
      <c r="F122955" s="14" t="s">
        <v>15</v>
      </c>
      <c r="G122955" s="16">
        <v>1.7266302481940703</v>
      </c>
    </row>
    <row r="122956" spans="1:7" x14ac:dyDescent="0.3">
      <c r="A122956" s="13" t="s">
        <v>572</v>
      </c>
      <c r="B122956" s="14" t="s">
        <v>1</v>
      </c>
      <c r="C122956" s="14" t="s">
        <v>200</v>
      </c>
      <c r="D122956" s="14" t="s">
        <v>122</v>
      </c>
      <c r="E122956" s="15">
        <v>45692</v>
      </c>
      <c r="F122956" s="14" t="s">
        <v>15</v>
      </c>
      <c r="G122956" s="16">
        <v>1.7317603959247594</v>
      </c>
    </row>
    <row r="122957" spans="1:7" x14ac:dyDescent="0.3">
      <c r="A122957" s="13" t="s">
        <v>572</v>
      </c>
      <c r="B122957" s="14" t="s">
        <v>1</v>
      </c>
      <c r="C122957" s="14" t="s">
        <v>200</v>
      </c>
      <c r="D122957" s="14" t="s">
        <v>122</v>
      </c>
      <c r="E122957" s="15">
        <v>45693</v>
      </c>
      <c r="F122957" s="14" t="s">
        <v>15</v>
      </c>
      <c r="G122957" s="16">
        <v>1.7531039890335995</v>
      </c>
    </row>
    <row r="122958" spans="1:7" x14ac:dyDescent="0.3">
      <c r="A122958" s="13" t="s">
        <v>572</v>
      </c>
      <c r="B122958" s="14" t="s">
        <v>1</v>
      </c>
      <c r="C122958" s="14" t="s">
        <v>200</v>
      </c>
      <c r="D122958" s="14" t="s">
        <v>122</v>
      </c>
      <c r="E122958" s="15">
        <v>45694</v>
      </c>
      <c r="F122958" s="14" t="s">
        <v>15</v>
      </c>
      <c r="G122958" s="16">
        <v>1.7587534644953808</v>
      </c>
    </row>
    <row r="122959" spans="1:7" x14ac:dyDescent="0.3">
      <c r="A122959" s="13" t="s">
        <v>572</v>
      </c>
      <c r="B122959" s="14" t="s">
        <v>1</v>
      </c>
      <c r="C122959" s="14" t="s">
        <v>200</v>
      </c>
      <c r="D122959" s="14" t="s">
        <v>122</v>
      </c>
      <c r="E122959" s="15">
        <v>45695</v>
      </c>
      <c r="F122959" s="14" t="s">
        <v>15</v>
      </c>
      <c r="G122959" s="16">
        <v>1.7641256290327927</v>
      </c>
    </row>
    <row r="122960" spans="1:7" x14ac:dyDescent="0.3">
      <c r="A122960" s="13" t="s">
        <v>572</v>
      </c>
      <c r="B122960" s="14" t="s">
        <v>1</v>
      </c>
      <c r="C122960" s="14" t="s">
        <v>200</v>
      </c>
      <c r="D122960" s="14" t="s">
        <v>122</v>
      </c>
      <c r="E122960" s="15">
        <v>45696</v>
      </c>
      <c r="F122960" s="14" t="s">
        <v>15</v>
      </c>
      <c r="G122960" s="16">
        <v>1.7641256290327927</v>
      </c>
    </row>
    <row r="122961" spans="1:7" x14ac:dyDescent="0.3">
      <c r="A122961" s="13" t="s">
        <v>572</v>
      </c>
      <c r="B122961" s="14" t="s">
        <v>1</v>
      </c>
      <c r="C122961" s="14" t="s">
        <v>200</v>
      </c>
      <c r="D122961" s="14" t="s">
        <v>122</v>
      </c>
      <c r="E122961" s="15">
        <v>45697</v>
      </c>
      <c r="F122961" s="14" t="s">
        <v>15</v>
      </c>
      <c r="G122961" s="16">
        <v>1.7641256290327927</v>
      </c>
    </row>
    <row r="122962" spans="1:7" x14ac:dyDescent="0.3">
      <c r="A122962" s="13" t="s">
        <v>572</v>
      </c>
      <c r="B122962" s="14" t="s">
        <v>1</v>
      </c>
      <c r="C122962" s="14" t="s">
        <v>200</v>
      </c>
      <c r="D122962" s="14" t="s">
        <v>122</v>
      </c>
      <c r="E122962" s="15">
        <v>45698</v>
      </c>
      <c r="F122962" s="14" t="s">
        <v>15</v>
      </c>
      <c r="G122962" s="16">
        <v>1.7696562053349101</v>
      </c>
    </row>
    <row r="122963" spans="1:7" x14ac:dyDescent="0.3">
      <c r="A122963" s="13" t="s">
        <v>572</v>
      </c>
      <c r="B122963" s="14" t="s">
        <v>1</v>
      </c>
      <c r="C122963" s="14" t="s">
        <v>200</v>
      </c>
      <c r="D122963" s="14" t="s">
        <v>122</v>
      </c>
      <c r="E122963" s="15">
        <v>45699</v>
      </c>
      <c r="F122963" s="14" t="s">
        <v>15</v>
      </c>
      <c r="G122963" s="16">
        <v>1.7865407816370276</v>
      </c>
    </row>
    <row r="122964" spans="1:7" x14ac:dyDescent="0.3">
      <c r="A122964" s="13" t="s">
        <v>572</v>
      </c>
      <c r="B122964" s="14" t="s">
        <v>1</v>
      </c>
      <c r="C122964" s="14" t="s">
        <v>200</v>
      </c>
      <c r="D122964" s="14" t="s">
        <v>122</v>
      </c>
      <c r="E122964" s="15">
        <v>45700</v>
      </c>
      <c r="F122964" s="14" t="s">
        <v>15</v>
      </c>
      <c r="G122964" s="16">
        <v>1.7922403579391453</v>
      </c>
    </row>
    <row r="122965" spans="1:7" x14ac:dyDescent="0.3">
      <c r="A122965" s="13" t="s">
        <v>572</v>
      </c>
      <c r="B122965" s="14" t="s">
        <v>1</v>
      </c>
      <c r="C122965" s="14" t="s">
        <v>200</v>
      </c>
      <c r="D122965" s="14" t="s">
        <v>122</v>
      </c>
      <c r="E122965" s="15">
        <v>45701</v>
      </c>
      <c r="F122965" s="14" t="s">
        <v>15</v>
      </c>
      <c r="G122965" s="16">
        <v>1.7999679342412627</v>
      </c>
    </row>
    <row r="122966" spans="1:7" x14ac:dyDescent="0.3">
      <c r="A122966" s="13" t="s">
        <v>572</v>
      </c>
      <c r="B122966" s="14" t="s">
        <v>1</v>
      </c>
      <c r="C122966" s="14" t="s">
        <v>200</v>
      </c>
      <c r="D122966" s="14" t="s">
        <v>122</v>
      </c>
      <c r="E122966" s="15">
        <v>45702</v>
      </c>
      <c r="F122966" s="14" t="s">
        <v>15</v>
      </c>
      <c r="G122966" s="16">
        <v>1.80557751054338</v>
      </c>
    </row>
    <row r="122967" spans="1:7" x14ac:dyDescent="0.3">
      <c r="A122967" s="13" t="s">
        <v>572</v>
      </c>
      <c r="B122967" s="14" t="s">
        <v>1</v>
      </c>
      <c r="C122967" s="14" t="s">
        <v>200</v>
      </c>
      <c r="D122967" s="14" t="s">
        <v>122</v>
      </c>
      <c r="E122967" s="15">
        <v>45703</v>
      </c>
      <c r="F122967" s="14" t="s">
        <v>15</v>
      </c>
      <c r="G122967" s="16">
        <v>1.80557751054338</v>
      </c>
    </row>
    <row r="122968" spans="1:7" x14ac:dyDescent="0.3">
      <c r="A122968" s="13" t="s">
        <v>572</v>
      </c>
      <c r="B122968" s="14" t="s">
        <v>1</v>
      </c>
      <c r="C122968" s="14" t="s">
        <v>200</v>
      </c>
      <c r="D122968" s="14" t="s">
        <v>122</v>
      </c>
      <c r="E122968" s="15">
        <v>45704</v>
      </c>
      <c r="F122968" s="14" t="s">
        <v>15</v>
      </c>
      <c r="G122968" s="16">
        <v>1.80557751054338</v>
      </c>
    </row>
    <row r="122969" spans="1:7" x14ac:dyDescent="0.3">
      <c r="A122969" s="13" t="s">
        <v>572</v>
      </c>
      <c r="B122969" s="14" t="s">
        <v>1</v>
      </c>
      <c r="C122969" s="14" t="s">
        <v>200</v>
      </c>
      <c r="D122969" s="14" t="s">
        <v>122</v>
      </c>
      <c r="E122969" s="15">
        <v>45705</v>
      </c>
      <c r="F122969" s="14" t="s">
        <v>15</v>
      </c>
      <c r="G122969" s="16">
        <v>1.80557751054338</v>
      </c>
    </row>
    <row r="122970" spans="1:7" x14ac:dyDescent="0.3">
      <c r="A122970" s="13" t="s">
        <v>572</v>
      </c>
      <c r="B122970" s="14" t="s">
        <v>1</v>
      </c>
      <c r="C122970" s="14" t="s">
        <v>200</v>
      </c>
      <c r="D122970" s="14" t="s">
        <v>122</v>
      </c>
      <c r="E122970" s="15">
        <v>45706</v>
      </c>
      <c r="F122970" s="14" t="s">
        <v>15</v>
      </c>
      <c r="G122970" s="16">
        <v>1.8115080868454978</v>
      </c>
    </row>
    <row r="122971" spans="1:7" x14ac:dyDescent="0.3">
      <c r="A122971" s="13" t="s">
        <v>572</v>
      </c>
      <c r="B122971" s="14" t="s">
        <v>1</v>
      </c>
      <c r="C122971" s="14" t="s">
        <v>200</v>
      </c>
      <c r="D122971" s="14" t="s">
        <v>122</v>
      </c>
      <c r="E122971" s="15">
        <v>45707</v>
      </c>
      <c r="F122971" s="14" t="s">
        <v>15</v>
      </c>
      <c r="G122971" s="16">
        <v>1.8326836631476151</v>
      </c>
    </row>
    <row r="122972" spans="1:7" x14ac:dyDescent="0.3">
      <c r="A122972" s="13" t="s">
        <v>572</v>
      </c>
      <c r="B122972" s="14" t="s">
        <v>1</v>
      </c>
      <c r="C122972" s="14" t="s">
        <v>200</v>
      </c>
      <c r="D122972" s="14" t="s">
        <v>122</v>
      </c>
      <c r="E122972" s="15">
        <v>45708</v>
      </c>
      <c r="F122972" s="14" t="s">
        <v>15</v>
      </c>
      <c r="G122972" s="16">
        <v>1.8386802394497328</v>
      </c>
    </row>
    <row r="122973" spans="1:7" x14ac:dyDescent="0.3">
      <c r="A122973" s="13" t="s">
        <v>572</v>
      </c>
      <c r="B122973" s="14" t="s">
        <v>1</v>
      </c>
      <c r="C122973" s="14" t="s">
        <v>200</v>
      </c>
      <c r="D122973" s="14" t="s">
        <v>122</v>
      </c>
      <c r="E122973" s="15">
        <v>45709</v>
      </c>
      <c r="F122973" s="14" t="s">
        <v>15</v>
      </c>
      <c r="G122973" s="16">
        <v>1.8445668157518502</v>
      </c>
    </row>
    <row r="122974" spans="1:7" x14ac:dyDescent="0.3">
      <c r="A122974" s="13" t="s">
        <v>572</v>
      </c>
      <c r="B122974" s="14" t="s">
        <v>1</v>
      </c>
      <c r="C122974" s="14" t="s">
        <v>200</v>
      </c>
      <c r="D122974" s="14" t="s">
        <v>122</v>
      </c>
      <c r="E122974" s="15">
        <v>45710</v>
      </c>
      <c r="F122974" s="14" t="s">
        <v>15</v>
      </c>
      <c r="G122974" s="16">
        <v>1.8445668157518502</v>
      </c>
    </row>
    <row r="122975" spans="1:7" x14ac:dyDescent="0.3">
      <c r="A122975" s="13" t="s">
        <v>572</v>
      </c>
      <c r="B122975" s="14" t="s">
        <v>1</v>
      </c>
      <c r="C122975" s="14" t="s">
        <v>200</v>
      </c>
      <c r="D122975" s="14" t="s">
        <v>122</v>
      </c>
      <c r="E122975" s="15">
        <v>45711</v>
      </c>
      <c r="F122975" s="14" t="s">
        <v>15</v>
      </c>
      <c r="G122975" s="16">
        <v>1.8445668157518502</v>
      </c>
    </row>
    <row r="122976" spans="1:7" x14ac:dyDescent="0.3">
      <c r="A122976" s="13" t="s">
        <v>572</v>
      </c>
      <c r="B122976" s="14" t="s">
        <v>1</v>
      </c>
      <c r="C122976" s="14" t="s">
        <v>200</v>
      </c>
      <c r="D122976" s="14" t="s">
        <v>122</v>
      </c>
      <c r="E122976" s="15">
        <v>45712</v>
      </c>
      <c r="F122976" s="14" t="s">
        <v>15</v>
      </c>
      <c r="G122976" s="16">
        <v>1.8509993920539676</v>
      </c>
    </row>
    <row r="122977" spans="1:7" x14ac:dyDescent="0.3">
      <c r="A122977" s="13" t="s">
        <v>572</v>
      </c>
      <c r="B122977" s="14" t="s">
        <v>1</v>
      </c>
      <c r="C122977" s="14" t="s">
        <v>200</v>
      </c>
      <c r="D122977" s="14" t="s">
        <v>122</v>
      </c>
      <c r="E122977" s="15">
        <v>45713</v>
      </c>
      <c r="F122977" s="14" t="s">
        <v>15</v>
      </c>
      <c r="G122977" s="16">
        <v>1.8676789683560853</v>
      </c>
    </row>
    <row r="122978" spans="1:7" x14ac:dyDescent="0.3">
      <c r="A122978" s="13" t="s">
        <v>572</v>
      </c>
      <c r="B122978" s="14" t="s">
        <v>1</v>
      </c>
      <c r="C122978" s="14" t="s">
        <v>200</v>
      </c>
      <c r="D122978" s="14" t="s">
        <v>122</v>
      </c>
      <c r="E122978" s="15">
        <v>45714</v>
      </c>
      <c r="F122978" s="14" t="s">
        <v>15</v>
      </c>
      <c r="G122978" s="16">
        <v>1.8734825446582029</v>
      </c>
    </row>
    <row r="122979" spans="1:7" x14ac:dyDescent="0.3">
      <c r="A122979" s="13" t="s">
        <v>572</v>
      </c>
      <c r="B122979" s="14" t="s">
        <v>1</v>
      </c>
      <c r="C122979" s="14" t="s">
        <v>200</v>
      </c>
      <c r="D122979" s="14" t="s">
        <v>122</v>
      </c>
      <c r="E122979" s="15">
        <v>45715</v>
      </c>
      <c r="F122979" s="14" t="s">
        <v>15</v>
      </c>
      <c r="G122979" s="16">
        <v>1.8795261209603202</v>
      </c>
    </row>
    <row r="122980" spans="1:7" x14ac:dyDescent="0.3">
      <c r="A122980" s="13" t="s">
        <v>572</v>
      </c>
      <c r="B122980" s="14" t="s">
        <v>1</v>
      </c>
      <c r="C122980" s="14" t="s">
        <v>200</v>
      </c>
      <c r="D122980" s="14" t="s">
        <v>122</v>
      </c>
      <c r="E122980" s="15">
        <v>45716</v>
      </c>
      <c r="F122980" s="14" t="s">
        <v>15</v>
      </c>
      <c r="G122980" s="16">
        <v>1.8853636972624379</v>
      </c>
    </row>
    <row r="122981" spans="1:7" x14ac:dyDescent="0.3">
      <c r="A122981" s="13" t="s">
        <v>572</v>
      </c>
      <c r="B122981" s="14" t="s">
        <v>1</v>
      </c>
      <c r="C122981" s="14" t="s">
        <v>200</v>
      </c>
      <c r="D122981" s="14" t="s">
        <v>122</v>
      </c>
      <c r="E122981" s="15">
        <v>45717</v>
      </c>
      <c r="F122981" s="14" t="s">
        <v>15</v>
      </c>
      <c r="G122981" s="16">
        <v>1.8853636972624379</v>
      </c>
    </row>
    <row r="122982" spans="1:7" x14ac:dyDescent="0.3">
      <c r="A122982" s="13" t="s">
        <v>572</v>
      </c>
      <c r="B122982" s="14" t="s">
        <v>1</v>
      </c>
      <c r="C122982" s="14" t="s">
        <v>200</v>
      </c>
      <c r="D122982" s="14" t="s">
        <v>122</v>
      </c>
      <c r="E122982" s="15">
        <v>45718</v>
      </c>
      <c r="F122982" s="14" t="s">
        <v>15</v>
      </c>
      <c r="G122982" s="16">
        <v>1.8853636972624379</v>
      </c>
    </row>
    <row r="122983" spans="1:7" x14ac:dyDescent="0.3">
      <c r="A122983" s="13" t="s">
        <v>572</v>
      </c>
      <c r="B122983" s="14" t="s">
        <v>1</v>
      </c>
      <c r="C122983" s="14" t="s">
        <v>200</v>
      </c>
      <c r="D122983" s="14" t="s">
        <v>122</v>
      </c>
      <c r="E122983" s="15">
        <v>45719</v>
      </c>
      <c r="F122983" s="14" t="s">
        <v>15</v>
      </c>
      <c r="G122983" s="16">
        <v>1.8939952735645555</v>
      </c>
    </row>
    <row r="122984" spans="1:7" x14ac:dyDescent="0.3">
      <c r="A122984" s="13" t="s">
        <v>572</v>
      </c>
      <c r="B122984" s="14" t="s">
        <v>1</v>
      </c>
      <c r="C122984" s="14" t="s">
        <v>200</v>
      </c>
      <c r="D122984" s="14" t="s">
        <v>122</v>
      </c>
      <c r="E122984" s="15">
        <v>45720</v>
      </c>
      <c r="F122984" s="14" t="s">
        <v>15</v>
      </c>
      <c r="G122984" s="16">
        <v>1.910841849866673</v>
      </c>
    </row>
    <row r="122985" spans="1:7" x14ac:dyDescent="0.3">
      <c r="A122985" s="13" t="s">
        <v>572</v>
      </c>
      <c r="B122985" s="14" t="s">
        <v>1</v>
      </c>
      <c r="C122985" s="14" t="s">
        <v>200</v>
      </c>
      <c r="D122985" s="14" t="s">
        <v>122</v>
      </c>
      <c r="E122985" s="15">
        <v>45721</v>
      </c>
      <c r="F122985" s="14" t="s">
        <v>15</v>
      </c>
      <c r="G122985" s="16">
        <v>1.9164204261687907</v>
      </c>
    </row>
    <row r="122986" spans="1:7" x14ac:dyDescent="0.3">
      <c r="A122986" s="13" t="s">
        <v>572</v>
      </c>
      <c r="B122986" s="14" t="s">
        <v>1</v>
      </c>
      <c r="C122986" s="14" t="s">
        <v>200</v>
      </c>
      <c r="D122986" s="14" t="s">
        <v>122</v>
      </c>
      <c r="E122986" s="15">
        <v>45722</v>
      </c>
      <c r="F122986" s="14" t="s">
        <v>15</v>
      </c>
      <c r="G122986" s="16">
        <v>1.9220940024709081</v>
      </c>
    </row>
    <row r="122987" spans="1:7" x14ac:dyDescent="0.3">
      <c r="A122987" s="13" t="s">
        <v>572</v>
      </c>
      <c r="B122987" s="14" t="s">
        <v>1</v>
      </c>
      <c r="C122987" s="14" t="s">
        <v>200</v>
      </c>
      <c r="D122987" s="14" t="s">
        <v>122</v>
      </c>
      <c r="E122987" s="15">
        <v>45723</v>
      </c>
      <c r="F122987" s="14" t="s">
        <v>15</v>
      </c>
      <c r="G122987" s="16">
        <v>1.9276625787730255</v>
      </c>
    </row>
    <row r="122988" spans="1:7" x14ac:dyDescent="0.3">
      <c r="A122988" s="13" t="s">
        <v>572</v>
      </c>
      <c r="B122988" s="14" t="s">
        <v>1</v>
      </c>
      <c r="C122988" s="14" t="s">
        <v>200</v>
      </c>
      <c r="D122988" s="14" t="s">
        <v>122</v>
      </c>
      <c r="E122988" s="15">
        <v>45724</v>
      </c>
      <c r="F122988" s="14" t="s">
        <v>15</v>
      </c>
      <c r="G122988" s="16">
        <v>1.9276625787730255</v>
      </c>
    </row>
    <row r="122989" spans="1:7" x14ac:dyDescent="0.3">
      <c r="A122989" s="13" t="s">
        <v>572</v>
      </c>
      <c r="B122989" s="14" t="s">
        <v>1</v>
      </c>
      <c r="C122989" s="14" t="s">
        <v>200</v>
      </c>
      <c r="D122989" s="14" t="s">
        <v>122</v>
      </c>
      <c r="E122989" s="15">
        <v>45725</v>
      </c>
      <c r="F122989" s="14" t="s">
        <v>15</v>
      </c>
      <c r="G122989" s="16">
        <v>1.9276625787730255</v>
      </c>
    </row>
    <row r="122990" spans="1:7" x14ac:dyDescent="0.3">
      <c r="A122990" s="13" t="s">
        <v>572</v>
      </c>
      <c r="B122990" s="14" t="s">
        <v>1</v>
      </c>
      <c r="C122990" s="14" t="s">
        <v>200</v>
      </c>
      <c r="D122990" s="14" t="s">
        <v>122</v>
      </c>
      <c r="E122990" s="15">
        <v>45726</v>
      </c>
      <c r="F122990" s="14" t="s">
        <v>15</v>
      </c>
      <c r="G122990" s="16">
        <v>1.9332981550751431</v>
      </c>
    </row>
    <row r="122991" spans="1:7" x14ac:dyDescent="0.3">
      <c r="A122991" s="13" t="s">
        <v>572</v>
      </c>
      <c r="B122991" s="14" t="s">
        <v>1</v>
      </c>
      <c r="C122991" s="14" t="s">
        <v>200</v>
      </c>
      <c r="D122991" s="14" t="s">
        <v>122</v>
      </c>
      <c r="E122991" s="15">
        <v>45727</v>
      </c>
      <c r="F122991" s="14" t="s">
        <v>15</v>
      </c>
      <c r="G122991" s="16">
        <v>1.9506457313772607</v>
      </c>
    </row>
    <row r="122992" spans="1:7" x14ac:dyDescent="0.3">
      <c r="A122992" s="13" t="s">
        <v>572</v>
      </c>
      <c r="B122992" s="14" t="s">
        <v>1</v>
      </c>
      <c r="C122992" s="14" t="s">
        <v>200</v>
      </c>
      <c r="D122992" s="14" t="s">
        <v>122</v>
      </c>
      <c r="E122992" s="15">
        <v>45728</v>
      </c>
      <c r="F122992" s="14" t="s">
        <v>15</v>
      </c>
      <c r="G122992" s="16">
        <v>1.9575303076793782</v>
      </c>
    </row>
    <row r="122993" spans="1:7" x14ac:dyDescent="0.3">
      <c r="A122993" s="13" t="s">
        <v>572</v>
      </c>
      <c r="B122993" s="14" t="s">
        <v>1</v>
      </c>
      <c r="C122993" s="14" t="s">
        <v>200</v>
      </c>
      <c r="D122993" s="14" t="s">
        <v>122</v>
      </c>
      <c r="E122993" s="15">
        <v>45729</v>
      </c>
      <c r="F122993" s="14" t="s">
        <v>15</v>
      </c>
      <c r="G122993" s="16">
        <v>1.9636738839814956</v>
      </c>
    </row>
    <row r="122994" spans="1:7" x14ac:dyDescent="0.3">
      <c r="A122994" s="13" t="s">
        <v>572</v>
      </c>
      <c r="B122994" s="14" t="s">
        <v>1</v>
      </c>
      <c r="C122994" s="14" t="s">
        <v>200</v>
      </c>
      <c r="D122994" s="14" t="s">
        <v>122</v>
      </c>
      <c r="E122994" s="15">
        <v>45730</v>
      </c>
      <c r="F122994" s="14" t="s">
        <v>15</v>
      </c>
      <c r="G122994" s="16">
        <v>1.969103460283613</v>
      </c>
    </row>
    <row r="122995" spans="1:7" x14ac:dyDescent="0.3">
      <c r="A122995" s="13" t="s">
        <v>572</v>
      </c>
      <c r="B122995" s="14" t="s">
        <v>1</v>
      </c>
      <c r="C122995" s="14" t="s">
        <v>200</v>
      </c>
      <c r="D122995" s="14" t="s">
        <v>122</v>
      </c>
      <c r="E122995" s="15">
        <v>45731</v>
      </c>
      <c r="F122995" s="14" t="s">
        <v>15</v>
      </c>
      <c r="G122995" s="16">
        <v>1.969103460283613</v>
      </c>
    </row>
    <row r="122996" spans="1:7" x14ac:dyDescent="0.3">
      <c r="A122996" s="13" t="s">
        <v>572</v>
      </c>
      <c r="B122996" s="14" t="s">
        <v>1</v>
      </c>
      <c r="C122996" s="14" t="s">
        <v>200</v>
      </c>
      <c r="D122996" s="14" t="s">
        <v>122</v>
      </c>
      <c r="E122996" s="15">
        <v>45732</v>
      </c>
      <c r="F122996" s="14" t="s">
        <v>15</v>
      </c>
      <c r="G122996" s="16">
        <v>1.969103460283613</v>
      </c>
    </row>
    <row r="122997" spans="1:7" x14ac:dyDescent="0.3">
      <c r="A122997" s="13" t="s">
        <v>572</v>
      </c>
      <c r="B122997" s="14" t="s">
        <v>1</v>
      </c>
      <c r="C122997" s="14" t="s">
        <v>200</v>
      </c>
      <c r="D122997" s="14" t="s">
        <v>122</v>
      </c>
      <c r="E122997" s="15">
        <v>45733</v>
      </c>
      <c r="F122997" s="14" t="s">
        <v>15</v>
      </c>
      <c r="G122997" s="16">
        <v>1.969103460283613</v>
      </c>
    </row>
    <row r="122998" spans="1:7" x14ac:dyDescent="0.3">
      <c r="A122998" s="13" t="s">
        <v>572</v>
      </c>
      <c r="B122998" s="14" t="s">
        <v>1</v>
      </c>
      <c r="C122998" s="14" t="s">
        <v>200</v>
      </c>
      <c r="D122998" s="14" t="s">
        <v>122</v>
      </c>
      <c r="E122998" s="15">
        <v>45734</v>
      </c>
      <c r="F122998" s="14" t="s">
        <v>15</v>
      </c>
      <c r="G122998" s="16">
        <v>1.9749210365857306</v>
      </c>
    </row>
    <row r="122999" spans="1:7" x14ac:dyDescent="0.3">
      <c r="A122999" s="13" t="s">
        <v>572</v>
      </c>
      <c r="B122999" s="14" t="s">
        <v>1</v>
      </c>
      <c r="C122999" s="14" t="s">
        <v>200</v>
      </c>
      <c r="D122999" s="14" t="s">
        <v>122</v>
      </c>
      <c r="E122999" s="15">
        <v>45735</v>
      </c>
      <c r="F122999" s="14" t="s">
        <v>15</v>
      </c>
      <c r="G122999" s="16">
        <v>1.9954326128878481</v>
      </c>
    </row>
    <row r="123000" spans="1:7" x14ac:dyDescent="0.3">
      <c r="A123000" s="13" t="s">
        <v>572</v>
      </c>
      <c r="B123000" s="14" t="s">
        <v>1</v>
      </c>
      <c r="C123000" s="14" t="s">
        <v>200</v>
      </c>
      <c r="D123000" s="14" t="s">
        <v>122</v>
      </c>
      <c r="E123000" s="15">
        <v>45736</v>
      </c>
      <c r="F123000" s="14" t="s">
        <v>15</v>
      </c>
      <c r="G123000" s="16">
        <v>2.0015451891899656</v>
      </c>
    </row>
    <row r="123001" spans="1:7" x14ac:dyDescent="0.3">
      <c r="A123001" s="13" t="s">
        <v>572</v>
      </c>
      <c r="B123001" s="14" t="s">
        <v>1</v>
      </c>
      <c r="C123001" s="14" t="s">
        <v>200</v>
      </c>
      <c r="D123001" s="14" t="s">
        <v>122</v>
      </c>
      <c r="E123001" s="15">
        <v>45737</v>
      </c>
      <c r="F123001" s="14" t="s">
        <v>15</v>
      </c>
      <c r="G123001" s="16">
        <v>2.0029697654920833</v>
      </c>
    </row>
    <row r="123002" spans="1:7" x14ac:dyDescent="0.3">
      <c r="A123002" s="13" t="s">
        <v>572</v>
      </c>
      <c r="B123002" s="14" t="s">
        <v>1</v>
      </c>
      <c r="C123002" s="14" t="s">
        <v>200</v>
      </c>
      <c r="D123002" s="14" t="s">
        <v>122</v>
      </c>
      <c r="E123002" s="15">
        <v>45738</v>
      </c>
      <c r="F123002" s="14" t="s">
        <v>15</v>
      </c>
      <c r="G123002" s="16">
        <v>2.0029697654920833</v>
      </c>
    </row>
    <row r="123003" spans="1:7" x14ac:dyDescent="0.3">
      <c r="A123003" s="13" t="s">
        <v>572</v>
      </c>
      <c r="B123003" s="14" t="s">
        <v>1</v>
      </c>
      <c r="C123003" s="14" t="s">
        <v>200</v>
      </c>
      <c r="D123003" s="14" t="s">
        <v>122</v>
      </c>
      <c r="E123003" s="15">
        <v>45739</v>
      </c>
      <c r="F123003" s="14" t="s">
        <v>15</v>
      </c>
      <c r="G123003" s="16">
        <v>2.0029697654920833</v>
      </c>
    </row>
    <row r="123004" spans="1:7" x14ac:dyDescent="0.3">
      <c r="A123004" s="13" t="s">
        <v>572</v>
      </c>
      <c r="B123004" s="14" t="s">
        <v>1</v>
      </c>
      <c r="C123004" s="14" t="s">
        <v>200</v>
      </c>
      <c r="D123004" s="14" t="s">
        <v>122</v>
      </c>
      <c r="E123004" s="15">
        <v>45740</v>
      </c>
      <c r="F123004" s="14" t="s">
        <v>15</v>
      </c>
      <c r="G123004" s="16">
        <v>2.0082163417942009</v>
      </c>
    </row>
    <row r="123005" spans="1:7" x14ac:dyDescent="0.3">
      <c r="A123005" s="13" t="s">
        <v>572</v>
      </c>
      <c r="B123005" s="14" t="s">
        <v>1</v>
      </c>
      <c r="C123005" s="14" t="s">
        <v>200</v>
      </c>
      <c r="D123005" s="14" t="s">
        <v>122</v>
      </c>
      <c r="E123005" s="15">
        <v>45741</v>
      </c>
      <c r="F123005" s="14" t="s">
        <v>15</v>
      </c>
      <c r="G123005" s="16">
        <v>2.0247029180963185</v>
      </c>
    </row>
    <row r="123006" spans="1:7" x14ac:dyDescent="0.3">
      <c r="A123006" s="13" t="s">
        <v>572</v>
      </c>
      <c r="B123006" s="14" t="s">
        <v>1</v>
      </c>
      <c r="C123006" s="14" t="s">
        <v>200</v>
      </c>
      <c r="D123006" s="14" t="s">
        <v>122</v>
      </c>
      <c r="E123006" s="15">
        <v>45742</v>
      </c>
      <c r="F123006" s="14" t="s">
        <v>15</v>
      </c>
      <c r="G123006" s="16">
        <v>2.0298144943984355</v>
      </c>
    </row>
    <row r="123007" spans="1:7" x14ac:dyDescent="0.3">
      <c r="A123007" s="13" t="s">
        <v>572</v>
      </c>
      <c r="B123007" s="14" t="s">
        <v>1</v>
      </c>
      <c r="C123007" s="14" t="s">
        <v>200</v>
      </c>
      <c r="D123007" s="14" t="s">
        <v>122</v>
      </c>
      <c r="E123007" s="15">
        <v>45743</v>
      </c>
      <c r="F123007" s="14" t="s">
        <v>15</v>
      </c>
      <c r="G123007" s="16">
        <v>2.034926070700553</v>
      </c>
    </row>
    <row r="123008" spans="1:7" x14ac:dyDescent="0.3">
      <c r="A123008" s="13" t="s">
        <v>572</v>
      </c>
      <c r="B123008" s="14" t="s">
        <v>1</v>
      </c>
      <c r="C123008" s="14" t="s">
        <v>200</v>
      </c>
      <c r="D123008" s="14" t="s">
        <v>122</v>
      </c>
      <c r="E123008" s="15">
        <v>45744</v>
      </c>
      <c r="F123008" s="14" t="s">
        <v>15</v>
      </c>
      <c r="G123008" s="16">
        <v>2.0401086470026706</v>
      </c>
    </row>
    <row r="123009" spans="1:7" x14ac:dyDescent="0.3">
      <c r="A123009" s="13" t="s">
        <v>572</v>
      </c>
      <c r="B123009" s="14" t="s">
        <v>1</v>
      </c>
      <c r="C123009" s="14" t="s">
        <v>200</v>
      </c>
      <c r="D123009" s="14" t="s">
        <v>122</v>
      </c>
      <c r="E123009" s="15">
        <v>45745</v>
      </c>
      <c r="F123009" s="14" t="s">
        <v>15</v>
      </c>
      <c r="G123009" s="16">
        <v>2.0401086470026706</v>
      </c>
    </row>
    <row r="123010" spans="1:7" x14ac:dyDescent="0.3">
      <c r="A123010" s="13" t="s">
        <v>572</v>
      </c>
      <c r="B123010" s="14" t="s">
        <v>1</v>
      </c>
      <c r="C123010" s="14" t="s">
        <v>200</v>
      </c>
      <c r="D123010" s="14" t="s">
        <v>122</v>
      </c>
      <c r="E123010" s="15">
        <v>45746</v>
      </c>
      <c r="F123010" s="14" t="s">
        <v>15</v>
      </c>
      <c r="G123010" s="16">
        <v>2.0401086470026706</v>
      </c>
    </row>
    <row r="123011" spans="1:7" x14ac:dyDescent="0.3">
      <c r="A123011" s="13" t="s">
        <v>572</v>
      </c>
      <c r="B123011" s="14" t="s">
        <v>1</v>
      </c>
      <c r="C123011" s="14" t="s">
        <v>200</v>
      </c>
      <c r="D123011" s="14" t="s">
        <v>122</v>
      </c>
      <c r="E123011" s="15">
        <v>45747</v>
      </c>
      <c r="F123011" s="14" t="s">
        <v>15</v>
      </c>
      <c r="G123011" s="16">
        <v>2.0454052233047881</v>
      </c>
    </row>
    <row r="123012" spans="1:7" x14ac:dyDescent="0.3">
      <c r="A123012" s="13" t="s">
        <v>573</v>
      </c>
      <c r="B123012" s="14" t="s">
        <v>1</v>
      </c>
      <c r="C123012" s="14" t="s">
        <v>200</v>
      </c>
      <c r="D123012" s="14" t="s">
        <v>193</v>
      </c>
      <c r="E123012" s="15">
        <v>45383</v>
      </c>
      <c r="F123012" s="14" t="s">
        <v>15</v>
      </c>
      <c r="G123012" s="16">
        <v>0</v>
      </c>
    </row>
    <row r="123013" spans="1:7" x14ac:dyDescent="0.3">
      <c r="A123013" s="13" t="s">
        <v>573</v>
      </c>
      <c r="B123013" s="14" t="s">
        <v>1</v>
      </c>
      <c r="C123013" s="14" t="s">
        <v>200</v>
      </c>
      <c r="D123013" s="14" t="s">
        <v>193</v>
      </c>
      <c r="E123013" s="15">
        <v>45384</v>
      </c>
      <c r="F123013" s="14" t="s">
        <v>15</v>
      </c>
      <c r="G123013" s="16">
        <v>0</v>
      </c>
    </row>
    <row r="123014" spans="1:7" x14ac:dyDescent="0.3">
      <c r="A123014" s="13" t="s">
        <v>573</v>
      </c>
      <c r="B123014" s="14" t="s">
        <v>1</v>
      </c>
      <c r="C123014" s="14" t="s">
        <v>200</v>
      </c>
      <c r="D123014" s="14" t="s">
        <v>193</v>
      </c>
      <c r="E123014" s="15">
        <v>45385</v>
      </c>
      <c r="F123014" s="14" t="s">
        <v>15</v>
      </c>
      <c r="G123014" s="16">
        <v>4.1009438857862547E-2</v>
      </c>
    </row>
    <row r="123015" spans="1:7" x14ac:dyDescent="0.3">
      <c r="A123015" s="13" t="s">
        <v>573</v>
      </c>
      <c r="B123015" s="14" t="s">
        <v>1</v>
      </c>
      <c r="C123015" s="14" t="s">
        <v>200</v>
      </c>
      <c r="D123015" s="14" t="s">
        <v>193</v>
      </c>
      <c r="E123015" s="15">
        <v>45386</v>
      </c>
      <c r="F123015" s="14" t="s">
        <v>15</v>
      </c>
      <c r="G123015" s="16">
        <v>5.2125987607513871E-2</v>
      </c>
    </row>
    <row r="123016" spans="1:7" x14ac:dyDescent="0.3">
      <c r="A123016" s="13" t="s">
        <v>573</v>
      </c>
      <c r="B123016" s="14" t="s">
        <v>1</v>
      </c>
      <c r="C123016" s="14" t="s">
        <v>200</v>
      </c>
      <c r="D123016" s="14" t="s">
        <v>193</v>
      </c>
      <c r="E123016" s="15">
        <v>45387</v>
      </c>
      <c r="F123016" s="14" t="s">
        <v>15</v>
      </c>
      <c r="G123016" s="16">
        <v>6.0900156425006853E-2</v>
      </c>
    </row>
    <row r="123017" spans="1:7" x14ac:dyDescent="0.3">
      <c r="A123017" s="13" t="s">
        <v>573</v>
      </c>
      <c r="B123017" s="14" t="s">
        <v>1</v>
      </c>
      <c r="C123017" s="14" t="s">
        <v>200</v>
      </c>
      <c r="D123017" s="14" t="s">
        <v>193</v>
      </c>
      <c r="E123017" s="15">
        <v>45388</v>
      </c>
      <c r="F123017" s="14" t="s">
        <v>15</v>
      </c>
      <c r="G123017" s="16">
        <v>6.0900156425006853E-2</v>
      </c>
    </row>
    <row r="123018" spans="1:7" x14ac:dyDescent="0.3">
      <c r="A123018" s="13" t="s">
        <v>573</v>
      </c>
      <c r="B123018" s="14" t="s">
        <v>1</v>
      </c>
      <c r="C123018" s="14" t="s">
        <v>200</v>
      </c>
      <c r="D123018" s="14" t="s">
        <v>193</v>
      </c>
      <c r="E123018" s="15">
        <v>45389</v>
      </c>
      <c r="F123018" s="14" t="s">
        <v>15</v>
      </c>
      <c r="G123018" s="16">
        <v>6.0900156425006853E-2</v>
      </c>
    </row>
    <row r="123019" spans="1:7" x14ac:dyDescent="0.3">
      <c r="A123019" s="13" t="s">
        <v>573</v>
      </c>
      <c r="B123019" s="14" t="s">
        <v>1</v>
      </c>
      <c r="C123019" s="14" t="s">
        <v>200</v>
      </c>
      <c r="D123019" s="14" t="s">
        <v>193</v>
      </c>
      <c r="E123019" s="15">
        <v>45390</v>
      </c>
      <c r="F123019" s="14" t="s">
        <v>15</v>
      </c>
      <c r="G123019" s="16">
        <v>6.1398866755007352E-2</v>
      </c>
    </row>
    <row r="123020" spans="1:7" x14ac:dyDescent="0.3">
      <c r="A123020" s="13" t="s">
        <v>573</v>
      </c>
      <c r="B123020" s="14" t="s">
        <v>1</v>
      </c>
      <c r="C123020" s="14" t="s">
        <v>200</v>
      </c>
      <c r="D123020" s="14" t="s">
        <v>193</v>
      </c>
      <c r="E123020" s="15">
        <v>45391</v>
      </c>
      <c r="F123020" s="14" t="s">
        <v>15</v>
      </c>
      <c r="G123020" s="16">
        <v>8.5228692308556314E-2</v>
      </c>
    </row>
    <row r="123021" spans="1:7" x14ac:dyDescent="0.3">
      <c r="A123021" s="13" t="s">
        <v>573</v>
      </c>
      <c r="B123021" s="14" t="s">
        <v>1</v>
      </c>
      <c r="C123021" s="14" t="s">
        <v>200</v>
      </c>
      <c r="D123021" s="14" t="s">
        <v>193</v>
      </c>
      <c r="E123021" s="15">
        <v>45392</v>
      </c>
      <c r="F123021" s="14" t="s">
        <v>15</v>
      </c>
      <c r="G123021" s="16">
        <v>0.10575105665740021</v>
      </c>
    </row>
    <row r="123022" spans="1:7" x14ac:dyDescent="0.3">
      <c r="A123022" s="13" t="s">
        <v>573</v>
      </c>
      <c r="B123022" s="14" t="s">
        <v>1</v>
      </c>
      <c r="C123022" s="14" t="s">
        <v>200</v>
      </c>
      <c r="D123022" s="14" t="s">
        <v>193</v>
      </c>
      <c r="E123022" s="15">
        <v>45393</v>
      </c>
      <c r="F123022" s="14" t="s">
        <v>15</v>
      </c>
      <c r="G123022" s="16">
        <v>0.13353112830886602</v>
      </c>
    </row>
    <row r="123023" spans="1:7" x14ac:dyDescent="0.3">
      <c r="A123023" s="13" t="s">
        <v>573</v>
      </c>
      <c r="B123023" s="14" t="s">
        <v>1</v>
      </c>
      <c r="C123023" s="14" t="s">
        <v>200</v>
      </c>
      <c r="D123023" s="14" t="s">
        <v>193</v>
      </c>
      <c r="E123023" s="15">
        <v>45394</v>
      </c>
      <c r="F123023" s="14" t="s">
        <v>15</v>
      </c>
      <c r="G123023" s="16">
        <v>0.13943478101088597</v>
      </c>
    </row>
    <row r="123024" spans="1:7" x14ac:dyDescent="0.3">
      <c r="A123024" s="13" t="s">
        <v>573</v>
      </c>
      <c r="B123024" s="14" t="s">
        <v>1</v>
      </c>
      <c r="C123024" s="14" t="s">
        <v>200</v>
      </c>
      <c r="D123024" s="14" t="s">
        <v>193</v>
      </c>
      <c r="E123024" s="15">
        <v>45395</v>
      </c>
      <c r="F123024" s="14" t="s">
        <v>15</v>
      </c>
      <c r="G123024" s="16">
        <v>0.13943478101088597</v>
      </c>
    </row>
    <row r="123025" spans="1:7" x14ac:dyDescent="0.3">
      <c r="A123025" s="13" t="s">
        <v>573</v>
      </c>
      <c r="B123025" s="14" t="s">
        <v>1</v>
      </c>
      <c r="C123025" s="14" t="s">
        <v>200</v>
      </c>
      <c r="D123025" s="14" t="s">
        <v>193</v>
      </c>
      <c r="E123025" s="15">
        <v>45396</v>
      </c>
      <c r="F123025" s="14" t="s">
        <v>15</v>
      </c>
      <c r="G123025" s="16">
        <v>0.13943478101088597</v>
      </c>
    </row>
    <row r="123026" spans="1:7" x14ac:dyDescent="0.3">
      <c r="A123026" s="13" t="s">
        <v>573</v>
      </c>
      <c r="B123026" s="14" t="s">
        <v>1</v>
      </c>
      <c r="C123026" s="14" t="s">
        <v>200</v>
      </c>
      <c r="D123026" s="14" t="s">
        <v>193</v>
      </c>
      <c r="E123026" s="15">
        <v>45397</v>
      </c>
      <c r="F123026" s="14" t="s">
        <v>15</v>
      </c>
      <c r="G123026" s="16">
        <v>0.14847355922757838</v>
      </c>
    </row>
    <row r="123027" spans="1:7" x14ac:dyDescent="0.3">
      <c r="A123027" s="13" t="s">
        <v>573</v>
      </c>
      <c r="B123027" s="14" t="s">
        <v>1</v>
      </c>
      <c r="C123027" s="14" t="s">
        <v>200</v>
      </c>
      <c r="D123027" s="14" t="s">
        <v>193</v>
      </c>
      <c r="E123027" s="15">
        <v>45398</v>
      </c>
      <c r="F123027" s="14" t="s">
        <v>15</v>
      </c>
      <c r="G123027" s="16">
        <v>0.17604929811265443</v>
      </c>
    </row>
    <row r="123028" spans="1:7" x14ac:dyDescent="0.3">
      <c r="A123028" s="13" t="s">
        <v>573</v>
      </c>
      <c r="B123028" s="14" t="s">
        <v>1</v>
      </c>
      <c r="C123028" s="14" t="s">
        <v>200</v>
      </c>
      <c r="D123028" s="14" t="s">
        <v>193</v>
      </c>
      <c r="E123028" s="15">
        <v>45399</v>
      </c>
      <c r="F123028" s="14" t="s">
        <v>15</v>
      </c>
      <c r="G123028" s="16">
        <v>0.18459174327303388</v>
      </c>
    </row>
    <row r="123029" spans="1:7" x14ac:dyDescent="0.3">
      <c r="A123029" s="13" t="s">
        <v>573</v>
      </c>
      <c r="B123029" s="14" t="s">
        <v>1</v>
      </c>
      <c r="C123029" s="14" t="s">
        <v>200</v>
      </c>
      <c r="D123029" s="14" t="s">
        <v>193</v>
      </c>
      <c r="E123029" s="15">
        <v>45400</v>
      </c>
      <c r="F123029" s="14" t="s">
        <v>15</v>
      </c>
      <c r="G123029" s="16">
        <v>0.19298043308444682</v>
      </c>
    </row>
    <row r="123030" spans="1:7" x14ac:dyDescent="0.3">
      <c r="A123030" s="13" t="s">
        <v>573</v>
      </c>
      <c r="B123030" s="14" t="s">
        <v>1</v>
      </c>
      <c r="C123030" s="14" t="s">
        <v>200</v>
      </c>
      <c r="D123030" s="14" t="s">
        <v>193</v>
      </c>
      <c r="E123030" s="15">
        <v>45401</v>
      </c>
      <c r="F123030" s="14" t="s">
        <v>15</v>
      </c>
      <c r="G123030" s="16">
        <v>0.18844802642208233</v>
      </c>
    </row>
    <row r="123031" spans="1:7" x14ac:dyDescent="0.3">
      <c r="A123031" s="13" t="s">
        <v>573</v>
      </c>
      <c r="B123031" s="14" t="s">
        <v>1</v>
      </c>
      <c r="C123031" s="14" t="s">
        <v>200</v>
      </c>
      <c r="D123031" s="14" t="s">
        <v>193</v>
      </c>
      <c r="E123031" s="15">
        <v>45402</v>
      </c>
      <c r="F123031" s="14" t="s">
        <v>15</v>
      </c>
      <c r="G123031" s="16">
        <v>0.18844802642208233</v>
      </c>
    </row>
    <row r="123032" spans="1:7" x14ac:dyDescent="0.3">
      <c r="A123032" s="13" t="s">
        <v>573</v>
      </c>
      <c r="B123032" s="14" t="s">
        <v>1</v>
      </c>
      <c r="C123032" s="14" t="s">
        <v>200</v>
      </c>
      <c r="D123032" s="14" t="s">
        <v>193</v>
      </c>
      <c r="E123032" s="15">
        <v>45403</v>
      </c>
      <c r="F123032" s="14" t="s">
        <v>15</v>
      </c>
      <c r="G123032" s="16">
        <v>0.18844802642208233</v>
      </c>
    </row>
    <row r="123033" spans="1:7" x14ac:dyDescent="0.3">
      <c r="A123033" s="13" t="s">
        <v>573</v>
      </c>
      <c r="B123033" s="14" t="s">
        <v>1</v>
      </c>
      <c r="C123033" s="14" t="s">
        <v>200</v>
      </c>
      <c r="D123033" s="14" t="s">
        <v>193</v>
      </c>
      <c r="E123033" s="15">
        <v>45404</v>
      </c>
      <c r="F123033" s="14" t="s">
        <v>15</v>
      </c>
      <c r="G123033" s="16">
        <v>0.18405371092272313</v>
      </c>
    </row>
    <row r="123034" spans="1:7" x14ac:dyDescent="0.3">
      <c r="A123034" s="13" t="s">
        <v>573</v>
      </c>
      <c r="B123034" s="14" t="s">
        <v>1</v>
      </c>
      <c r="C123034" s="14" t="s">
        <v>200</v>
      </c>
      <c r="D123034" s="14" t="s">
        <v>193</v>
      </c>
      <c r="E123034" s="15">
        <v>45405</v>
      </c>
      <c r="F123034" s="14" t="s">
        <v>15</v>
      </c>
      <c r="G123034" s="16">
        <v>0.21192256889303701</v>
      </c>
    </row>
    <row r="123035" spans="1:7" x14ac:dyDescent="0.3">
      <c r="A123035" s="13" t="s">
        <v>573</v>
      </c>
      <c r="B123035" s="14" t="s">
        <v>1</v>
      </c>
      <c r="C123035" s="14" t="s">
        <v>200</v>
      </c>
      <c r="D123035" s="14" t="s">
        <v>193</v>
      </c>
      <c r="E123035" s="15">
        <v>45406</v>
      </c>
      <c r="F123035" s="14" t="s">
        <v>15</v>
      </c>
      <c r="G123035" s="16">
        <v>0.22218325547297155</v>
      </c>
    </row>
    <row r="123036" spans="1:7" x14ac:dyDescent="0.3">
      <c r="A123036" s="13" t="s">
        <v>573</v>
      </c>
      <c r="B123036" s="14" t="s">
        <v>1</v>
      </c>
      <c r="C123036" s="14" t="s">
        <v>200</v>
      </c>
      <c r="D123036" s="14" t="s">
        <v>193</v>
      </c>
      <c r="E123036" s="15">
        <v>45407</v>
      </c>
      <c r="F123036" s="14" t="s">
        <v>15</v>
      </c>
      <c r="G123036" s="16">
        <v>0.22982826011329077</v>
      </c>
    </row>
    <row r="123037" spans="1:7" x14ac:dyDescent="0.3">
      <c r="A123037" s="13" t="s">
        <v>573</v>
      </c>
      <c r="B123037" s="14" t="s">
        <v>1</v>
      </c>
      <c r="C123037" s="14" t="s">
        <v>200</v>
      </c>
      <c r="D123037" s="14" t="s">
        <v>193</v>
      </c>
      <c r="E123037" s="15">
        <v>45408</v>
      </c>
      <c r="F123037" s="14" t="s">
        <v>15</v>
      </c>
      <c r="G123037" s="16">
        <v>0.23766151459017321</v>
      </c>
    </row>
    <row r="123038" spans="1:7" x14ac:dyDescent="0.3">
      <c r="A123038" s="13" t="s">
        <v>573</v>
      </c>
      <c r="B123038" s="14" t="s">
        <v>1</v>
      </c>
      <c r="C123038" s="14" t="s">
        <v>200</v>
      </c>
      <c r="D123038" s="14" t="s">
        <v>193</v>
      </c>
      <c r="E123038" s="15">
        <v>45409</v>
      </c>
      <c r="F123038" s="14" t="s">
        <v>15</v>
      </c>
      <c r="G123038" s="16">
        <v>0.23766151459017321</v>
      </c>
    </row>
    <row r="123039" spans="1:7" x14ac:dyDescent="0.3">
      <c r="A123039" s="13" t="s">
        <v>573</v>
      </c>
      <c r="B123039" s="14" t="s">
        <v>1</v>
      </c>
      <c r="C123039" s="14" t="s">
        <v>200</v>
      </c>
      <c r="D123039" s="14" t="s">
        <v>193</v>
      </c>
      <c r="E123039" s="15">
        <v>45410</v>
      </c>
      <c r="F123039" s="14" t="s">
        <v>15</v>
      </c>
      <c r="G123039" s="16">
        <v>0.23766151459017321</v>
      </c>
    </row>
    <row r="123040" spans="1:7" x14ac:dyDescent="0.3">
      <c r="A123040" s="13" t="s">
        <v>573</v>
      </c>
      <c r="B123040" s="14" t="s">
        <v>1</v>
      </c>
      <c r="C123040" s="14" t="s">
        <v>200</v>
      </c>
      <c r="D123040" s="14" t="s">
        <v>193</v>
      </c>
      <c r="E123040" s="15">
        <v>45411</v>
      </c>
      <c r="F123040" s="14" t="s">
        <v>15</v>
      </c>
      <c r="G123040" s="16">
        <v>0.24573193909140995</v>
      </c>
    </row>
    <row r="123041" spans="1:7" x14ac:dyDescent="0.3">
      <c r="A123041" s="13" t="s">
        <v>573</v>
      </c>
      <c r="B123041" s="14" t="s">
        <v>1</v>
      </c>
      <c r="C123041" s="14" t="s">
        <v>200</v>
      </c>
      <c r="D123041" s="14" t="s">
        <v>193</v>
      </c>
      <c r="E123041" s="15">
        <v>45412</v>
      </c>
      <c r="F123041" s="14" t="s">
        <v>15</v>
      </c>
      <c r="G123041" s="16">
        <v>0.26881652654433086</v>
      </c>
    </row>
    <row r="123042" spans="1:7" x14ac:dyDescent="0.3">
      <c r="A123042" s="13" t="s">
        <v>573</v>
      </c>
      <c r="B123042" s="14" t="s">
        <v>1</v>
      </c>
      <c r="C123042" s="14" t="s">
        <v>200</v>
      </c>
      <c r="D123042" s="14" t="s">
        <v>193</v>
      </c>
      <c r="E123042" s="15">
        <v>45413</v>
      </c>
      <c r="F123042" s="14" t="s">
        <v>15</v>
      </c>
      <c r="G123042" s="16">
        <v>0.27558530250459423</v>
      </c>
    </row>
    <row r="123043" spans="1:7" x14ac:dyDescent="0.3">
      <c r="A123043" s="13" t="s">
        <v>573</v>
      </c>
      <c r="B123043" s="14" t="s">
        <v>1</v>
      </c>
      <c r="C123043" s="14" t="s">
        <v>200</v>
      </c>
      <c r="D123043" s="14" t="s">
        <v>193</v>
      </c>
      <c r="E123043" s="15">
        <v>45414</v>
      </c>
      <c r="F123043" s="14" t="s">
        <v>15</v>
      </c>
      <c r="G123043" s="16">
        <v>0.2862571663591274</v>
      </c>
    </row>
    <row r="123044" spans="1:7" x14ac:dyDescent="0.3">
      <c r="A123044" s="13" t="s">
        <v>573</v>
      </c>
      <c r="B123044" s="14" t="s">
        <v>1</v>
      </c>
      <c r="C123044" s="14" t="s">
        <v>200</v>
      </c>
      <c r="D123044" s="14" t="s">
        <v>193</v>
      </c>
      <c r="E123044" s="15">
        <v>45415</v>
      </c>
      <c r="F123044" s="14" t="s">
        <v>15</v>
      </c>
      <c r="G123044" s="16">
        <v>0.29371887510595085</v>
      </c>
    </row>
    <row r="123045" spans="1:7" x14ac:dyDescent="0.3">
      <c r="A123045" s="13" t="s">
        <v>573</v>
      </c>
      <c r="B123045" s="14" t="s">
        <v>1</v>
      </c>
      <c r="C123045" s="14" t="s">
        <v>200</v>
      </c>
      <c r="D123045" s="14" t="s">
        <v>193</v>
      </c>
      <c r="E123045" s="15">
        <v>45416</v>
      </c>
      <c r="F123045" s="14" t="s">
        <v>15</v>
      </c>
      <c r="G123045" s="16">
        <v>0.29371887510595085</v>
      </c>
    </row>
    <row r="123046" spans="1:7" x14ac:dyDescent="0.3">
      <c r="A123046" s="13" t="s">
        <v>573</v>
      </c>
      <c r="B123046" s="14" t="s">
        <v>1</v>
      </c>
      <c r="C123046" s="14" t="s">
        <v>200</v>
      </c>
      <c r="D123046" s="14" t="s">
        <v>193</v>
      </c>
      <c r="E123046" s="15">
        <v>45417</v>
      </c>
      <c r="F123046" s="14" t="s">
        <v>15</v>
      </c>
      <c r="G123046" s="16">
        <v>0.29371887510595085</v>
      </c>
    </row>
    <row r="123047" spans="1:7" x14ac:dyDescent="0.3">
      <c r="A123047" s="13" t="s">
        <v>573</v>
      </c>
      <c r="B123047" s="14" t="s">
        <v>1</v>
      </c>
      <c r="C123047" s="14" t="s">
        <v>200</v>
      </c>
      <c r="D123047" s="14" t="s">
        <v>193</v>
      </c>
      <c r="E123047" s="15">
        <v>45418</v>
      </c>
      <c r="F123047" s="14" t="s">
        <v>15</v>
      </c>
      <c r="G123047" s="16">
        <v>0.29371887510595085</v>
      </c>
    </row>
    <row r="123048" spans="1:7" x14ac:dyDescent="0.3">
      <c r="A123048" s="13" t="s">
        <v>573</v>
      </c>
      <c r="B123048" s="14" t="s">
        <v>1</v>
      </c>
      <c r="C123048" s="14" t="s">
        <v>200</v>
      </c>
      <c r="D123048" s="14" t="s">
        <v>193</v>
      </c>
      <c r="E123048" s="15">
        <v>45419</v>
      </c>
      <c r="F123048" s="14" t="s">
        <v>15</v>
      </c>
      <c r="G123048" s="16">
        <v>0.29920891451192783</v>
      </c>
    </row>
    <row r="123049" spans="1:7" x14ac:dyDescent="0.3">
      <c r="A123049" s="13" t="s">
        <v>573</v>
      </c>
      <c r="B123049" s="14" t="s">
        <v>1</v>
      </c>
      <c r="C123049" s="14" t="s">
        <v>200</v>
      </c>
      <c r="D123049" s="14" t="s">
        <v>193</v>
      </c>
      <c r="E123049" s="15">
        <v>45420</v>
      </c>
      <c r="F123049" s="14" t="s">
        <v>15</v>
      </c>
      <c r="G123049" s="16">
        <v>0.32689633431739629</v>
      </c>
    </row>
    <row r="123050" spans="1:7" x14ac:dyDescent="0.3">
      <c r="A123050" s="13" t="s">
        <v>573</v>
      </c>
      <c r="B123050" s="14" t="s">
        <v>1</v>
      </c>
      <c r="C123050" s="14" t="s">
        <v>200</v>
      </c>
      <c r="D123050" s="14" t="s">
        <v>193</v>
      </c>
      <c r="E123050" s="15">
        <v>45421</v>
      </c>
      <c r="F123050" s="14" t="s">
        <v>15</v>
      </c>
      <c r="G123050" s="16">
        <v>0.33481999825525971</v>
      </c>
    </row>
    <row r="123051" spans="1:7" x14ac:dyDescent="0.3">
      <c r="A123051" s="13" t="s">
        <v>573</v>
      </c>
      <c r="B123051" s="14" t="s">
        <v>1</v>
      </c>
      <c r="C123051" s="14" t="s">
        <v>200</v>
      </c>
      <c r="D123051" s="14" t="s">
        <v>193</v>
      </c>
      <c r="E123051" s="15">
        <v>45422</v>
      </c>
      <c r="F123051" s="14" t="s">
        <v>15</v>
      </c>
      <c r="G123051" s="16">
        <v>0.34195908145981524</v>
      </c>
    </row>
    <row r="123052" spans="1:7" x14ac:dyDescent="0.3">
      <c r="A123052" s="13" t="s">
        <v>573</v>
      </c>
      <c r="B123052" s="14" t="s">
        <v>1</v>
      </c>
      <c r="C123052" s="14" t="s">
        <v>200</v>
      </c>
      <c r="D123052" s="14" t="s">
        <v>193</v>
      </c>
      <c r="E123052" s="15">
        <v>45423</v>
      </c>
      <c r="F123052" s="14" t="s">
        <v>15</v>
      </c>
      <c r="G123052" s="16">
        <v>0.34195908145981524</v>
      </c>
    </row>
    <row r="123053" spans="1:7" x14ac:dyDescent="0.3">
      <c r="A123053" s="13" t="s">
        <v>573</v>
      </c>
      <c r="B123053" s="14" t="s">
        <v>1</v>
      </c>
      <c r="C123053" s="14" t="s">
        <v>200</v>
      </c>
      <c r="D123053" s="14" t="s">
        <v>193</v>
      </c>
      <c r="E123053" s="15">
        <v>45424</v>
      </c>
      <c r="F123053" s="14" t="s">
        <v>15</v>
      </c>
      <c r="G123053" s="16">
        <v>0.34195908145981524</v>
      </c>
    </row>
    <row r="123054" spans="1:7" x14ac:dyDescent="0.3">
      <c r="A123054" s="13" t="s">
        <v>573</v>
      </c>
      <c r="B123054" s="14" t="s">
        <v>1</v>
      </c>
      <c r="C123054" s="14" t="s">
        <v>200</v>
      </c>
      <c r="D123054" s="14" t="s">
        <v>193</v>
      </c>
      <c r="E123054" s="15">
        <v>45425</v>
      </c>
      <c r="F123054" s="14" t="s">
        <v>15</v>
      </c>
      <c r="G123054" s="16">
        <v>0.34762746281622059</v>
      </c>
    </row>
    <row r="123055" spans="1:7" x14ac:dyDescent="0.3">
      <c r="A123055" s="13" t="s">
        <v>573</v>
      </c>
      <c r="B123055" s="14" t="s">
        <v>1</v>
      </c>
      <c r="C123055" s="14" t="s">
        <v>200</v>
      </c>
      <c r="D123055" s="14" t="s">
        <v>193</v>
      </c>
      <c r="E123055" s="15">
        <v>45426</v>
      </c>
      <c r="F123055" s="14" t="s">
        <v>15</v>
      </c>
      <c r="G123055" s="16">
        <v>0.37528763593481801</v>
      </c>
    </row>
    <row r="123056" spans="1:7" x14ac:dyDescent="0.3">
      <c r="A123056" s="13" t="s">
        <v>573</v>
      </c>
      <c r="B123056" s="14" t="s">
        <v>1</v>
      </c>
      <c r="C123056" s="14" t="s">
        <v>200</v>
      </c>
      <c r="D123056" s="14" t="s">
        <v>193</v>
      </c>
      <c r="E123056" s="15">
        <v>45427</v>
      </c>
      <c r="F123056" s="14" t="s">
        <v>15</v>
      </c>
      <c r="G123056" s="16">
        <v>0.38280817275556744</v>
      </c>
    </row>
    <row r="123057" spans="1:7" x14ac:dyDescent="0.3">
      <c r="A123057" s="13" t="s">
        <v>573</v>
      </c>
      <c r="B123057" s="14" t="s">
        <v>1</v>
      </c>
      <c r="C123057" s="14" t="s">
        <v>200</v>
      </c>
      <c r="D123057" s="14" t="s">
        <v>193</v>
      </c>
      <c r="E123057" s="15">
        <v>45428</v>
      </c>
      <c r="F123057" s="14" t="s">
        <v>15</v>
      </c>
      <c r="G123057" s="16">
        <v>0.3915157981838554</v>
      </c>
    </row>
    <row r="123058" spans="1:7" x14ac:dyDescent="0.3">
      <c r="A123058" s="13" t="s">
        <v>573</v>
      </c>
      <c r="B123058" s="14" t="s">
        <v>1</v>
      </c>
      <c r="C123058" s="14" t="s">
        <v>200</v>
      </c>
      <c r="D123058" s="14" t="s">
        <v>193</v>
      </c>
      <c r="E123058" s="15">
        <v>45429</v>
      </c>
      <c r="F123058" s="14" t="s">
        <v>15</v>
      </c>
      <c r="G123058" s="16">
        <v>0.39945865865110519</v>
      </c>
    </row>
    <row r="123059" spans="1:7" x14ac:dyDescent="0.3">
      <c r="A123059" s="13" t="s">
        <v>573</v>
      </c>
      <c r="B123059" s="14" t="s">
        <v>1</v>
      </c>
      <c r="C123059" s="14" t="s">
        <v>200</v>
      </c>
      <c r="D123059" s="14" t="s">
        <v>193</v>
      </c>
      <c r="E123059" s="15">
        <v>45430</v>
      </c>
      <c r="F123059" s="14" t="s">
        <v>15</v>
      </c>
      <c r="G123059" s="16">
        <v>0.39945865865110519</v>
      </c>
    </row>
    <row r="123060" spans="1:7" x14ac:dyDescent="0.3">
      <c r="A123060" s="13" t="s">
        <v>573</v>
      </c>
      <c r="B123060" s="14" t="s">
        <v>1</v>
      </c>
      <c r="C123060" s="14" t="s">
        <v>200</v>
      </c>
      <c r="D123060" s="14" t="s">
        <v>193</v>
      </c>
      <c r="E123060" s="15">
        <v>45431</v>
      </c>
      <c r="F123060" s="14" t="s">
        <v>15</v>
      </c>
      <c r="G123060" s="16">
        <v>0.39945865865110519</v>
      </c>
    </row>
    <row r="123061" spans="1:7" x14ac:dyDescent="0.3">
      <c r="A123061" s="13" t="s">
        <v>573</v>
      </c>
      <c r="B123061" s="14" t="s">
        <v>1</v>
      </c>
      <c r="C123061" s="14" t="s">
        <v>200</v>
      </c>
      <c r="D123061" s="14" t="s">
        <v>193</v>
      </c>
      <c r="E123061" s="15">
        <v>45432</v>
      </c>
      <c r="F123061" s="14" t="s">
        <v>15</v>
      </c>
      <c r="G123061" s="16">
        <v>0.40484156903824853</v>
      </c>
    </row>
    <row r="123062" spans="1:7" x14ac:dyDescent="0.3">
      <c r="A123062" s="13" t="s">
        <v>573</v>
      </c>
      <c r="B123062" s="14" t="s">
        <v>1</v>
      </c>
      <c r="C123062" s="14" t="s">
        <v>200</v>
      </c>
      <c r="D123062" s="14" t="s">
        <v>193</v>
      </c>
      <c r="E123062" s="15">
        <v>45433</v>
      </c>
      <c r="F123062" s="14" t="s">
        <v>15</v>
      </c>
      <c r="G123062" s="16">
        <v>0.42923957064692797</v>
      </c>
    </row>
    <row r="123063" spans="1:7" x14ac:dyDescent="0.3">
      <c r="A123063" s="13" t="s">
        <v>573</v>
      </c>
      <c r="B123063" s="14" t="s">
        <v>1</v>
      </c>
      <c r="C123063" s="14" t="s">
        <v>200</v>
      </c>
      <c r="D123063" s="14" t="s">
        <v>193</v>
      </c>
      <c r="E123063" s="15">
        <v>45434</v>
      </c>
      <c r="F123063" s="14" t="s">
        <v>15</v>
      </c>
      <c r="G123063" s="16">
        <v>0.43812182256834364</v>
      </c>
    </row>
    <row r="123064" spans="1:7" x14ac:dyDescent="0.3">
      <c r="A123064" s="13" t="s">
        <v>573</v>
      </c>
      <c r="B123064" s="14" t="s">
        <v>1</v>
      </c>
      <c r="C123064" s="14" t="s">
        <v>200</v>
      </c>
      <c r="D123064" s="14" t="s">
        <v>193</v>
      </c>
      <c r="E123064" s="15">
        <v>45435</v>
      </c>
      <c r="F123064" s="14" t="s">
        <v>15</v>
      </c>
      <c r="G123064" s="16">
        <v>0.44586033288406102</v>
      </c>
    </row>
    <row r="123065" spans="1:7" x14ac:dyDescent="0.3">
      <c r="A123065" s="13" t="s">
        <v>573</v>
      </c>
      <c r="B123065" s="14" t="s">
        <v>1</v>
      </c>
      <c r="C123065" s="14" t="s">
        <v>200</v>
      </c>
      <c r="D123065" s="14" t="s">
        <v>193</v>
      </c>
      <c r="E123065" s="15">
        <v>45436</v>
      </c>
      <c r="F123065" s="14" t="s">
        <v>15</v>
      </c>
      <c r="G123065" s="16">
        <v>0.45344712869333764</v>
      </c>
    </row>
    <row r="123066" spans="1:7" x14ac:dyDescent="0.3">
      <c r="A123066" s="13" t="s">
        <v>573</v>
      </c>
      <c r="B123066" s="14" t="s">
        <v>1</v>
      </c>
      <c r="C123066" s="14" t="s">
        <v>200</v>
      </c>
      <c r="D123066" s="14" t="s">
        <v>193</v>
      </c>
      <c r="E123066" s="15">
        <v>45437</v>
      </c>
      <c r="F123066" s="14" t="s">
        <v>15</v>
      </c>
      <c r="G123066" s="16">
        <v>0.45344712869333764</v>
      </c>
    </row>
    <row r="123067" spans="1:7" x14ac:dyDescent="0.3">
      <c r="A123067" s="13" t="s">
        <v>573</v>
      </c>
      <c r="B123067" s="14" t="s">
        <v>1</v>
      </c>
      <c r="C123067" s="14" t="s">
        <v>200</v>
      </c>
      <c r="D123067" s="14" t="s">
        <v>193</v>
      </c>
      <c r="E123067" s="15">
        <v>45438</v>
      </c>
      <c r="F123067" s="14" t="s">
        <v>15</v>
      </c>
      <c r="G123067" s="16">
        <v>0.45344712869333764</v>
      </c>
    </row>
    <row r="123068" spans="1:7" x14ac:dyDescent="0.3">
      <c r="A123068" s="13" t="s">
        <v>573</v>
      </c>
      <c r="B123068" s="14" t="s">
        <v>1</v>
      </c>
      <c r="C123068" s="14" t="s">
        <v>200</v>
      </c>
      <c r="D123068" s="14" t="s">
        <v>193</v>
      </c>
      <c r="E123068" s="15">
        <v>45439</v>
      </c>
      <c r="F123068" s="14" t="s">
        <v>15</v>
      </c>
      <c r="G123068" s="16">
        <v>0.45344712869333764</v>
      </c>
    </row>
    <row r="123069" spans="1:7" x14ac:dyDescent="0.3">
      <c r="A123069" s="13" t="s">
        <v>573</v>
      </c>
      <c r="B123069" s="14" t="s">
        <v>1</v>
      </c>
      <c r="C123069" s="14" t="s">
        <v>200</v>
      </c>
      <c r="D123069" s="14" t="s">
        <v>193</v>
      </c>
      <c r="E123069" s="15">
        <v>45440</v>
      </c>
      <c r="F123069" s="14" t="s">
        <v>15</v>
      </c>
      <c r="G123069" s="16">
        <v>0.46115901156506744</v>
      </c>
    </row>
    <row r="123070" spans="1:7" x14ac:dyDescent="0.3">
      <c r="A123070" s="13" t="s">
        <v>573</v>
      </c>
      <c r="B123070" s="14" t="s">
        <v>1</v>
      </c>
      <c r="C123070" s="14" t="s">
        <v>200</v>
      </c>
      <c r="D123070" s="14" t="s">
        <v>193</v>
      </c>
      <c r="E123070" s="15">
        <v>45441</v>
      </c>
      <c r="F123070" s="14" t="s">
        <v>15</v>
      </c>
      <c r="G123070" s="16">
        <v>0.47735576042557792</v>
      </c>
    </row>
    <row r="123071" spans="1:7" x14ac:dyDescent="0.3">
      <c r="A123071" s="13" t="s">
        <v>573</v>
      </c>
      <c r="B123071" s="14" t="s">
        <v>1</v>
      </c>
      <c r="C123071" s="14" t="s">
        <v>200</v>
      </c>
      <c r="D123071" s="14" t="s">
        <v>193</v>
      </c>
      <c r="E123071" s="15">
        <v>45442</v>
      </c>
      <c r="F123071" s="14" t="s">
        <v>15</v>
      </c>
      <c r="G123071" s="16">
        <v>0.48045180684420813</v>
      </c>
    </row>
    <row r="123072" spans="1:7" x14ac:dyDescent="0.3">
      <c r="A123072" s="13" t="s">
        <v>573</v>
      </c>
      <c r="B123072" s="14" t="s">
        <v>1</v>
      </c>
      <c r="C123072" s="14" t="s">
        <v>200</v>
      </c>
      <c r="D123072" s="14" t="s">
        <v>193</v>
      </c>
      <c r="E123072" s="15">
        <v>45443</v>
      </c>
      <c r="F123072" s="14" t="s">
        <v>15</v>
      </c>
      <c r="G123072" s="16">
        <v>0.48721996356158814</v>
      </c>
    </row>
    <row r="123073" spans="1:7" x14ac:dyDescent="0.3">
      <c r="A123073" s="13" t="s">
        <v>573</v>
      </c>
      <c r="B123073" s="14" t="s">
        <v>1</v>
      </c>
      <c r="C123073" s="14" t="s">
        <v>200</v>
      </c>
      <c r="D123073" s="14" t="s">
        <v>193</v>
      </c>
      <c r="E123073" s="15">
        <v>45444</v>
      </c>
      <c r="F123073" s="14" t="s">
        <v>15</v>
      </c>
      <c r="G123073" s="16">
        <v>0.48721996356158814</v>
      </c>
    </row>
    <row r="123074" spans="1:7" x14ac:dyDescent="0.3">
      <c r="A123074" s="13" t="s">
        <v>573</v>
      </c>
      <c r="B123074" s="14" t="s">
        <v>1</v>
      </c>
      <c r="C123074" s="14" t="s">
        <v>200</v>
      </c>
      <c r="D123074" s="14" t="s">
        <v>193</v>
      </c>
      <c r="E123074" s="15">
        <v>45445</v>
      </c>
      <c r="F123074" s="14" t="s">
        <v>15</v>
      </c>
      <c r="G123074" s="16">
        <v>0.48721996356158814</v>
      </c>
    </row>
    <row r="123075" spans="1:7" x14ac:dyDescent="0.3">
      <c r="A123075" s="13" t="s">
        <v>573</v>
      </c>
      <c r="B123075" s="14" t="s">
        <v>1</v>
      </c>
      <c r="C123075" s="14" t="s">
        <v>200</v>
      </c>
      <c r="D123075" s="14" t="s">
        <v>193</v>
      </c>
      <c r="E123075" s="15">
        <v>45446</v>
      </c>
      <c r="F123075" s="14" t="s">
        <v>15</v>
      </c>
      <c r="G123075" s="16">
        <v>0.48721996356158814</v>
      </c>
    </row>
    <row r="123076" spans="1:7" x14ac:dyDescent="0.3">
      <c r="A123076" s="13" t="s">
        <v>573</v>
      </c>
      <c r="B123076" s="14" t="s">
        <v>1</v>
      </c>
      <c r="C123076" s="14" t="s">
        <v>200</v>
      </c>
      <c r="D123076" s="14" t="s">
        <v>193</v>
      </c>
      <c r="E123076" s="15">
        <v>45447</v>
      </c>
      <c r="F123076" s="14" t="s">
        <v>15</v>
      </c>
      <c r="G123076" s="16">
        <v>0.49610531169742095</v>
      </c>
    </row>
    <row r="123077" spans="1:7" x14ac:dyDescent="0.3">
      <c r="A123077" s="13" t="s">
        <v>573</v>
      </c>
      <c r="B123077" s="14" t="s">
        <v>1</v>
      </c>
      <c r="C123077" s="14" t="s">
        <v>200</v>
      </c>
      <c r="D123077" s="14" t="s">
        <v>193</v>
      </c>
      <c r="E123077" s="15">
        <v>45448</v>
      </c>
      <c r="F123077" s="14" t="s">
        <v>15</v>
      </c>
      <c r="G123077" s="16">
        <v>0.52524052136435251</v>
      </c>
    </row>
    <row r="123078" spans="1:7" x14ac:dyDescent="0.3">
      <c r="A123078" s="13" t="s">
        <v>573</v>
      </c>
      <c r="B123078" s="14" t="s">
        <v>1</v>
      </c>
      <c r="C123078" s="14" t="s">
        <v>200</v>
      </c>
      <c r="D123078" s="14" t="s">
        <v>193</v>
      </c>
      <c r="E123078" s="15">
        <v>45449</v>
      </c>
      <c r="F123078" s="14" t="s">
        <v>15</v>
      </c>
      <c r="G123078" s="16">
        <v>0.53251274178884589</v>
      </c>
    </row>
    <row r="123079" spans="1:7" x14ac:dyDescent="0.3">
      <c r="A123079" s="13" t="s">
        <v>573</v>
      </c>
      <c r="B123079" s="14" t="s">
        <v>1</v>
      </c>
      <c r="C123079" s="14" t="s">
        <v>200</v>
      </c>
      <c r="D123079" s="14" t="s">
        <v>193</v>
      </c>
      <c r="E123079" s="15">
        <v>45450</v>
      </c>
      <c r="F123079" s="14" t="s">
        <v>15</v>
      </c>
      <c r="G123079" s="16">
        <v>0.53977133886990369</v>
      </c>
    </row>
    <row r="123080" spans="1:7" x14ac:dyDescent="0.3">
      <c r="A123080" s="13" t="s">
        <v>573</v>
      </c>
      <c r="B123080" s="14" t="s">
        <v>1</v>
      </c>
      <c r="C123080" s="14" t="s">
        <v>200</v>
      </c>
      <c r="D123080" s="14" t="s">
        <v>193</v>
      </c>
      <c r="E123080" s="15">
        <v>45451</v>
      </c>
      <c r="F123080" s="14" t="s">
        <v>15</v>
      </c>
      <c r="G123080" s="16">
        <v>0.53977133886990369</v>
      </c>
    </row>
    <row r="123081" spans="1:7" x14ac:dyDescent="0.3">
      <c r="A123081" s="13" t="s">
        <v>573</v>
      </c>
      <c r="B123081" s="14" t="s">
        <v>1</v>
      </c>
      <c r="C123081" s="14" t="s">
        <v>200</v>
      </c>
      <c r="D123081" s="14" t="s">
        <v>193</v>
      </c>
      <c r="E123081" s="15">
        <v>45452</v>
      </c>
      <c r="F123081" s="14" t="s">
        <v>15</v>
      </c>
      <c r="G123081" s="16">
        <v>0.53977133886990369</v>
      </c>
    </row>
    <row r="123082" spans="1:7" x14ac:dyDescent="0.3">
      <c r="A123082" s="13" t="s">
        <v>573</v>
      </c>
      <c r="B123082" s="14" t="s">
        <v>1</v>
      </c>
      <c r="C123082" s="14" t="s">
        <v>200</v>
      </c>
      <c r="D123082" s="14" t="s">
        <v>193</v>
      </c>
      <c r="E123082" s="15">
        <v>45453</v>
      </c>
      <c r="F123082" s="14" t="s">
        <v>15</v>
      </c>
      <c r="G123082" s="16">
        <v>0.54736246937936428</v>
      </c>
    </row>
    <row r="123083" spans="1:7" x14ac:dyDescent="0.3">
      <c r="A123083" s="13" t="s">
        <v>573</v>
      </c>
      <c r="B123083" s="14" t="s">
        <v>1</v>
      </c>
      <c r="C123083" s="14" t="s">
        <v>200</v>
      </c>
      <c r="D123083" s="14" t="s">
        <v>193</v>
      </c>
      <c r="E123083" s="15">
        <v>45454</v>
      </c>
      <c r="F123083" s="14" t="s">
        <v>15</v>
      </c>
      <c r="G123083" s="16">
        <v>0.56881039789137533</v>
      </c>
    </row>
    <row r="123084" spans="1:7" x14ac:dyDescent="0.3">
      <c r="A123084" s="13" t="s">
        <v>573</v>
      </c>
      <c r="B123084" s="14" t="s">
        <v>1</v>
      </c>
      <c r="C123084" s="14" t="s">
        <v>200</v>
      </c>
      <c r="D123084" s="14" t="s">
        <v>193</v>
      </c>
      <c r="E123084" s="15">
        <v>45455</v>
      </c>
      <c r="F123084" s="14" t="s">
        <v>15</v>
      </c>
      <c r="G123084" s="16">
        <v>0.57842769111542436</v>
      </c>
    </row>
    <row r="123085" spans="1:7" x14ac:dyDescent="0.3">
      <c r="A123085" s="13" t="s">
        <v>573</v>
      </c>
      <c r="B123085" s="14" t="s">
        <v>1</v>
      </c>
      <c r="C123085" s="14" t="s">
        <v>200</v>
      </c>
      <c r="D123085" s="14" t="s">
        <v>193</v>
      </c>
      <c r="E123085" s="15">
        <v>45456</v>
      </c>
      <c r="F123085" s="14" t="s">
        <v>15</v>
      </c>
      <c r="G123085" s="16">
        <v>0.58373938857097307</v>
      </c>
    </row>
    <row r="123086" spans="1:7" x14ac:dyDescent="0.3">
      <c r="A123086" s="13" t="s">
        <v>573</v>
      </c>
      <c r="B123086" s="14" t="s">
        <v>1</v>
      </c>
      <c r="C123086" s="14" t="s">
        <v>200</v>
      </c>
      <c r="D123086" s="14" t="s">
        <v>193</v>
      </c>
      <c r="E123086" s="15">
        <v>45457</v>
      </c>
      <c r="F123086" s="14" t="s">
        <v>15</v>
      </c>
      <c r="G123086" s="16">
        <v>0.59094658849270609</v>
      </c>
    </row>
    <row r="123087" spans="1:7" x14ac:dyDescent="0.3">
      <c r="A123087" s="13" t="s">
        <v>573</v>
      </c>
      <c r="B123087" s="14" t="s">
        <v>1</v>
      </c>
      <c r="C123087" s="14" t="s">
        <v>200</v>
      </c>
      <c r="D123087" s="14" t="s">
        <v>193</v>
      </c>
      <c r="E123087" s="15">
        <v>45458</v>
      </c>
      <c r="F123087" s="14" t="s">
        <v>15</v>
      </c>
      <c r="G123087" s="16">
        <v>0.59094658849270609</v>
      </c>
    </row>
    <row r="123088" spans="1:7" x14ac:dyDescent="0.3">
      <c r="A123088" s="13" t="s">
        <v>573</v>
      </c>
      <c r="B123088" s="14" t="s">
        <v>1</v>
      </c>
      <c r="C123088" s="14" t="s">
        <v>200</v>
      </c>
      <c r="D123088" s="14" t="s">
        <v>193</v>
      </c>
      <c r="E123088" s="15">
        <v>45459</v>
      </c>
      <c r="F123088" s="14" t="s">
        <v>15</v>
      </c>
      <c r="G123088" s="16">
        <v>0.59094658849270609</v>
      </c>
    </row>
    <row r="123089" spans="1:7" x14ac:dyDescent="0.3">
      <c r="A123089" s="13" t="s">
        <v>573</v>
      </c>
      <c r="B123089" s="14" t="s">
        <v>1</v>
      </c>
      <c r="C123089" s="14" t="s">
        <v>200</v>
      </c>
      <c r="D123089" s="14" t="s">
        <v>193</v>
      </c>
      <c r="E123089" s="15">
        <v>45460</v>
      </c>
      <c r="F123089" s="14" t="s">
        <v>15</v>
      </c>
      <c r="G123089" s="16">
        <v>0.60788952502775173</v>
      </c>
    </row>
    <row r="123090" spans="1:7" x14ac:dyDescent="0.3">
      <c r="A123090" s="13" t="s">
        <v>573</v>
      </c>
      <c r="B123090" s="14" t="s">
        <v>1</v>
      </c>
      <c r="C123090" s="14" t="s">
        <v>200</v>
      </c>
      <c r="D123090" s="14" t="s">
        <v>193</v>
      </c>
      <c r="E123090" s="15">
        <v>45461</v>
      </c>
      <c r="F123090" s="14" t="s">
        <v>15</v>
      </c>
      <c r="G123090" s="16">
        <v>0.62815965357547576</v>
      </c>
    </row>
    <row r="123091" spans="1:7" x14ac:dyDescent="0.3">
      <c r="A123091" s="13" t="s">
        <v>573</v>
      </c>
      <c r="B123091" s="14" t="s">
        <v>1</v>
      </c>
      <c r="C123091" s="14" t="s">
        <v>200</v>
      </c>
      <c r="D123091" s="14" t="s">
        <v>193</v>
      </c>
      <c r="E123091" s="15">
        <v>45462</v>
      </c>
      <c r="F123091" s="14" t="s">
        <v>15</v>
      </c>
      <c r="G123091" s="16">
        <v>0.62815965357547576</v>
      </c>
    </row>
    <row r="123092" spans="1:7" x14ac:dyDescent="0.3">
      <c r="A123092" s="13" t="s">
        <v>573</v>
      </c>
      <c r="B123092" s="14" t="s">
        <v>1</v>
      </c>
      <c r="C123092" s="14" t="s">
        <v>200</v>
      </c>
      <c r="D123092" s="14" t="s">
        <v>193</v>
      </c>
      <c r="E123092" s="15">
        <v>45463</v>
      </c>
      <c r="F123092" s="14" t="s">
        <v>15</v>
      </c>
      <c r="G123092" s="16">
        <v>0.63502131596825384</v>
      </c>
    </row>
    <row r="123093" spans="1:7" x14ac:dyDescent="0.3">
      <c r="A123093" s="13" t="s">
        <v>573</v>
      </c>
      <c r="B123093" s="14" t="s">
        <v>1</v>
      </c>
      <c r="C123093" s="14" t="s">
        <v>200</v>
      </c>
      <c r="D123093" s="14" t="s">
        <v>193</v>
      </c>
      <c r="E123093" s="15">
        <v>45464</v>
      </c>
      <c r="F123093" s="14" t="s">
        <v>15</v>
      </c>
      <c r="G123093" s="16">
        <v>0.64863953746215486</v>
      </c>
    </row>
    <row r="123094" spans="1:7" x14ac:dyDescent="0.3">
      <c r="A123094" s="13" t="s">
        <v>573</v>
      </c>
      <c r="B123094" s="14" t="s">
        <v>1</v>
      </c>
      <c r="C123094" s="14" t="s">
        <v>200</v>
      </c>
      <c r="D123094" s="14" t="s">
        <v>193</v>
      </c>
      <c r="E123094" s="15">
        <v>45465</v>
      </c>
      <c r="F123094" s="14" t="s">
        <v>15</v>
      </c>
      <c r="G123094" s="16">
        <v>0.64863953746215486</v>
      </c>
    </row>
    <row r="123095" spans="1:7" x14ac:dyDescent="0.3">
      <c r="A123095" s="13" t="s">
        <v>573</v>
      </c>
      <c r="B123095" s="14" t="s">
        <v>1</v>
      </c>
      <c r="C123095" s="14" t="s">
        <v>200</v>
      </c>
      <c r="D123095" s="14" t="s">
        <v>193</v>
      </c>
      <c r="E123095" s="15">
        <v>45466</v>
      </c>
      <c r="F123095" s="14" t="s">
        <v>15</v>
      </c>
      <c r="G123095" s="16">
        <v>0.64863953746215486</v>
      </c>
    </row>
    <row r="123096" spans="1:7" x14ac:dyDescent="0.3">
      <c r="A123096" s="13" t="s">
        <v>573</v>
      </c>
      <c r="B123096" s="14" t="s">
        <v>1</v>
      </c>
      <c r="C123096" s="14" t="s">
        <v>200</v>
      </c>
      <c r="D123096" s="14" t="s">
        <v>193</v>
      </c>
      <c r="E123096" s="15">
        <v>45467</v>
      </c>
      <c r="F123096" s="14" t="s">
        <v>15</v>
      </c>
      <c r="G123096" s="16">
        <v>0.65642139477971251</v>
      </c>
    </row>
    <row r="123097" spans="1:7" x14ac:dyDescent="0.3">
      <c r="A123097" s="13" t="s">
        <v>573</v>
      </c>
      <c r="B123097" s="14" t="s">
        <v>1</v>
      </c>
      <c r="C123097" s="14" t="s">
        <v>200</v>
      </c>
      <c r="D123097" s="14" t="s">
        <v>193</v>
      </c>
      <c r="E123097" s="15">
        <v>45468</v>
      </c>
      <c r="F123097" s="14" t="s">
        <v>15</v>
      </c>
      <c r="G123097" s="16">
        <v>0.67843593053006346</v>
      </c>
    </row>
    <row r="123098" spans="1:7" x14ac:dyDescent="0.3">
      <c r="A123098" s="13" t="s">
        <v>573</v>
      </c>
      <c r="B123098" s="14" t="s">
        <v>1</v>
      </c>
      <c r="C123098" s="14" t="s">
        <v>200</v>
      </c>
      <c r="D123098" s="14" t="s">
        <v>193</v>
      </c>
      <c r="E123098" s="15">
        <v>45469</v>
      </c>
      <c r="F123098" s="14" t="s">
        <v>15</v>
      </c>
      <c r="G123098" s="16">
        <v>0.68586791561848215</v>
      </c>
    </row>
    <row r="123099" spans="1:7" x14ac:dyDescent="0.3">
      <c r="A123099" s="13" t="s">
        <v>573</v>
      </c>
      <c r="B123099" s="14" t="s">
        <v>1</v>
      </c>
      <c r="C123099" s="14" t="s">
        <v>200</v>
      </c>
      <c r="D123099" s="14" t="s">
        <v>193</v>
      </c>
      <c r="E123099" s="15">
        <v>45470</v>
      </c>
      <c r="F123099" s="14" t="s">
        <v>15</v>
      </c>
      <c r="G123099" s="16">
        <v>0.69447831991407127</v>
      </c>
    </row>
    <row r="123100" spans="1:7" x14ac:dyDescent="0.3">
      <c r="A123100" s="13" t="s">
        <v>573</v>
      </c>
      <c r="B123100" s="14" t="s">
        <v>1</v>
      </c>
      <c r="C123100" s="14" t="s">
        <v>200</v>
      </c>
      <c r="D123100" s="14" t="s">
        <v>193</v>
      </c>
      <c r="E123100" s="15">
        <v>45471</v>
      </c>
      <c r="F123100" s="14" t="s">
        <v>15</v>
      </c>
      <c r="G123100" s="16">
        <v>0.69968350759366971</v>
      </c>
    </row>
    <row r="123101" spans="1:7" x14ac:dyDescent="0.3">
      <c r="A123101" s="13" t="s">
        <v>573</v>
      </c>
      <c r="B123101" s="14" t="s">
        <v>1</v>
      </c>
      <c r="C123101" s="14" t="s">
        <v>200</v>
      </c>
      <c r="D123101" s="14" t="s">
        <v>193</v>
      </c>
      <c r="E123101" s="15">
        <v>45472</v>
      </c>
      <c r="F123101" s="14" t="s">
        <v>15</v>
      </c>
      <c r="G123101" s="16">
        <v>0.69968350759366971</v>
      </c>
    </row>
    <row r="123102" spans="1:7" x14ac:dyDescent="0.3">
      <c r="A123102" s="13" t="s">
        <v>573</v>
      </c>
      <c r="B123102" s="14" t="s">
        <v>1</v>
      </c>
      <c r="C123102" s="14" t="s">
        <v>200</v>
      </c>
      <c r="D123102" s="14" t="s">
        <v>193</v>
      </c>
      <c r="E123102" s="15">
        <v>45473</v>
      </c>
      <c r="F123102" s="14" t="s">
        <v>15</v>
      </c>
      <c r="G123102" s="16">
        <v>0.69968350759366971</v>
      </c>
    </row>
    <row r="123103" spans="1:7" x14ac:dyDescent="0.3">
      <c r="A123103" s="13" t="s">
        <v>573</v>
      </c>
      <c r="B123103" s="14" t="s">
        <v>1</v>
      </c>
      <c r="C123103" s="14" t="s">
        <v>200</v>
      </c>
      <c r="D123103" s="14" t="s">
        <v>193</v>
      </c>
      <c r="E123103" s="15">
        <v>45474</v>
      </c>
      <c r="F123103" s="14" t="s">
        <v>15</v>
      </c>
      <c r="G123103" s="16">
        <v>0.70697182833313232</v>
      </c>
    </row>
    <row r="123104" spans="1:7" x14ac:dyDescent="0.3">
      <c r="A123104" s="13" t="s">
        <v>573</v>
      </c>
      <c r="B123104" s="14" t="s">
        <v>1</v>
      </c>
      <c r="C123104" s="14" t="s">
        <v>200</v>
      </c>
      <c r="D123104" s="14" t="s">
        <v>193</v>
      </c>
      <c r="E123104" s="15">
        <v>45475</v>
      </c>
      <c r="F123104" s="14" t="s">
        <v>15</v>
      </c>
      <c r="G123104" s="16">
        <v>0.73105215834261139</v>
      </c>
    </row>
    <row r="123105" spans="1:7" x14ac:dyDescent="0.3">
      <c r="A123105" s="13" t="s">
        <v>573</v>
      </c>
      <c r="B123105" s="14" t="s">
        <v>1</v>
      </c>
      <c r="C123105" s="14" t="s">
        <v>200</v>
      </c>
      <c r="D123105" s="14" t="s">
        <v>193</v>
      </c>
      <c r="E123105" s="15">
        <v>45476</v>
      </c>
      <c r="F123105" s="14" t="s">
        <v>15</v>
      </c>
      <c r="G123105" s="16">
        <v>0.73769770496907183</v>
      </c>
    </row>
    <row r="123106" spans="1:7" x14ac:dyDescent="0.3">
      <c r="A123106" s="13" t="s">
        <v>573</v>
      </c>
      <c r="B123106" s="14" t="s">
        <v>1</v>
      </c>
      <c r="C123106" s="14" t="s">
        <v>200</v>
      </c>
      <c r="D123106" s="14" t="s">
        <v>193</v>
      </c>
      <c r="E123106" s="15">
        <v>45477</v>
      </c>
      <c r="F123106" s="14" t="s">
        <v>15</v>
      </c>
      <c r="G123106" s="16">
        <v>0.73769770496907183</v>
      </c>
    </row>
    <row r="123107" spans="1:7" x14ac:dyDescent="0.3">
      <c r="A123107" s="13" t="s">
        <v>573</v>
      </c>
      <c r="B123107" s="14" t="s">
        <v>1</v>
      </c>
      <c r="C123107" s="14" t="s">
        <v>200</v>
      </c>
      <c r="D123107" s="14" t="s">
        <v>193</v>
      </c>
      <c r="E123107" s="15">
        <v>45478</v>
      </c>
      <c r="F123107" s="14" t="s">
        <v>15</v>
      </c>
      <c r="G123107" s="16">
        <v>0.74501079542387172</v>
      </c>
    </row>
    <row r="123108" spans="1:7" x14ac:dyDescent="0.3">
      <c r="A123108" s="13" t="s">
        <v>573</v>
      </c>
      <c r="B123108" s="14" t="s">
        <v>1</v>
      </c>
      <c r="C123108" s="14" t="s">
        <v>200</v>
      </c>
      <c r="D123108" s="14" t="s">
        <v>193</v>
      </c>
      <c r="E123108" s="15">
        <v>45479</v>
      </c>
      <c r="F123108" s="14" t="s">
        <v>15</v>
      </c>
      <c r="G123108" s="16">
        <v>0.74501079542387172</v>
      </c>
    </row>
    <row r="123109" spans="1:7" x14ac:dyDescent="0.3">
      <c r="A123109" s="13" t="s">
        <v>573</v>
      </c>
      <c r="B123109" s="14" t="s">
        <v>1</v>
      </c>
      <c r="C123109" s="14" t="s">
        <v>200</v>
      </c>
      <c r="D123109" s="14" t="s">
        <v>193</v>
      </c>
      <c r="E123109" s="15">
        <v>45480</v>
      </c>
      <c r="F123109" s="14" t="s">
        <v>15</v>
      </c>
      <c r="G123109" s="16">
        <v>0.74501079542387172</v>
      </c>
    </row>
    <row r="123110" spans="1:7" x14ac:dyDescent="0.3">
      <c r="A123110" s="13" t="s">
        <v>573</v>
      </c>
      <c r="B123110" s="14" t="s">
        <v>1</v>
      </c>
      <c r="C123110" s="14" t="s">
        <v>200</v>
      </c>
      <c r="D123110" s="14" t="s">
        <v>193</v>
      </c>
      <c r="E123110" s="15">
        <v>45481</v>
      </c>
      <c r="F123110" s="14" t="s">
        <v>15</v>
      </c>
      <c r="G123110" s="16">
        <v>0.75765370937636789</v>
      </c>
    </row>
    <row r="123111" spans="1:7" x14ac:dyDescent="0.3">
      <c r="A123111" s="13" t="s">
        <v>573</v>
      </c>
      <c r="B123111" s="14" t="s">
        <v>1</v>
      </c>
      <c r="C123111" s="14" t="s">
        <v>200</v>
      </c>
      <c r="D123111" s="14" t="s">
        <v>193</v>
      </c>
      <c r="E123111" s="15">
        <v>45482</v>
      </c>
      <c r="F123111" s="14" t="s">
        <v>15</v>
      </c>
      <c r="G123111" s="16">
        <v>0.78048626497573204</v>
      </c>
    </row>
    <row r="123112" spans="1:7" x14ac:dyDescent="0.3">
      <c r="A123112" s="13" t="s">
        <v>573</v>
      </c>
      <c r="B123112" s="14" t="s">
        <v>1</v>
      </c>
      <c r="C123112" s="14" t="s">
        <v>200</v>
      </c>
      <c r="D123112" s="14" t="s">
        <v>193</v>
      </c>
      <c r="E123112" s="15">
        <v>45483</v>
      </c>
      <c r="F123112" s="14" t="s">
        <v>15</v>
      </c>
      <c r="G123112" s="16">
        <v>0.78823096772028367</v>
      </c>
    </row>
    <row r="123113" spans="1:7" x14ac:dyDescent="0.3">
      <c r="A123113" s="13" t="s">
        <v>573</v>
      </c>
      <c r="B123113" s="14" t="s">
        <v>1</v>
      </c>
      <c r="C123113" s="14" t="s">
        <v>200</v>
      </c>
      <c r="D123113" s="14" t="s">
        <v>193</v>
      </c>
      <c r="E123113" s="15">
        <v>45484</v>
      </c>
      <c r="F123113" s="14" t="s">
        <v>15</v>
      </c>
      <c r="G123113" s="16">
        <v>0.79416995821674863</v>
      </c>
    </row>
    <row r="123114" spans="1:7" x14ac:dyDescent="0.3">
      <c r="A123114" s="13" t="s">
        <v>573</v>
      </c>
      <c r="B123114" s="14" t="s">
        <v>1</v>
      </c>
      <c r="C123114" s="14" t="s">
        <v>200</v>
      </c>
      <c r="D123114" s="14" t="s">
        <v>193</v>
      </c>
      <c r="E123114" s="15">
        <v>45485</v>
      </c>
      <c r="F123114" s="14" t="s">
        <v>15</v>
      </c>
      <c r="G123114" s="16">
        <v>0.80147004457099646</v>
      </c>
    </row>
    <row r="123115" spans="1:7" x14ac:dyDescent="0.3">
      <c r="A123115" s="13" t="s">
        <v>573</v>
      </c>
      <c r="B123115" s="14" t="s">
        <v>1</v>
      </c>
      <c r="C123115" s="14" t="s">
        <v>200</v>
      </c>
      <c r="D123115" s="14" t="s">
        <v>193</v>
      </c>
      <c r="E123115" s="15">
        <v>45486</v>
      </c>
      <c r="F123115" s="14" t="s">
        <v>15</v>
      </c>
      <c r="G123115" s="16">
        <v>0.80147004457099646</v>
      </c>
    </row>
    <row r="123116" spans="1:7" x14ac:dyDescent="0.3">
      <c r="A123116" s="13" t="s">
        <v>573</v>
      </c>
      <c r="B123116" s="14" t="s">
        <v>1</v>
      </c>
      <c r="C123116" s="14" t="s">
        <v>200</v>
      </c>
      <c r="D123116" s="14" t="s">
        <v>193</v>
      </c>
      <c r="E123116" s="15">
        <v>45487</v>
      </c>
      <c r="F123116" s="14" t="s">
        <v>15</v>
      </c>
      <c r="G123116" s="16">
        <v>0.80147004457099646</v>
      </c>
    </row>
    <row r="123117" spans="1:7" x14ac:dyDescent="0.3">
      <c r="A123117" s="13" t="s">
        <v>573</v>
      </c>
      <c r="B123117" s="14" t="s">
        <v>1</v>
      </c>
      <c r="C123117" s="14" t="s">
        <v>200</v>
      </c>
      <c r="D123117" s="14" t="s">
        <v>193</v>
      </c>
      <c r="E123117" s="15">
        <v>45488</v>
      </c>
      <c r="F123117" s="14" t="s">
        <v>15</v>
      </c>
      <c r="G123117" s="16">
        <v>0.80326568093442008</v>
      </c>
    </row>
    <row r="123118" spans="1:7" x14ac:dyDescent="0.3">
      <c r="A123118" s="13" t="s">
        <v>573</v>
      </c>
      <c r="B123118" s="14" t="s">
        <v>1</v>
      </c>
      <c r="C123118" s="14" t="s">
        <v>200</v>
      </c>
      <c r="D123118" s="14" t="s">
        <v>193</v>
      </c>
      <c r="E123118" s="15">
        <v>45489</v>
      </c>
      <c r="F123118" s="14" t="s">
        <v>15</v>
      </c>
      <c r="G123118" s="16">
        <v>0.82632054472893623</v>
      </c>
    </row>
    <row r="123119" spans="1:7" x14ac:dyDescent="0.3">
      <c r="A123119" s="13" t="s">
        <v>573</v>
      </c>
      <c r="B123119" s="14" t="s">
        <v>1</v>
      </c>
      <c r="C123119" s="14" t="s">
        <v>200</v>
      </c>
      <c r="D123119" s="14" t="s">
        <v>193</v>
      </c>
      <c r="E123119" s="15">
        <v>45490</v>
      </c>
      <c r="F123119" s="14" t="s">
        <v>15</v>
      </c>
      <c r="G123119" s="16">
        <v>0.82255476075626022</v>
      </c>
    </row>
    <row r="123120" spans="1:7" x14ac:dyDescent="0.3">
      <c r="A123120" s="13" t="s">
        <v>573</v>
      </c>
      <c r="B123120" s="14" t="s">
        <v>1</v>
      </c>
      <c r="C123120" s="14" t="s">
        <v>200</v>
      </c>
      <c r="D123120" s="14" t="s">
        <v>193</v>
      </c>
      <c r="E123120" s="15">
        <v>45491</v>
      </c>
      <c r="F123120" s="14" t="s">
        <v>15</v>
      </c>
      <c r="G123120" s="16">
        <v>0.83023753921246868</v>
      </c>
    </row>
    <row r="123121" spans="1:7" x14ac:dyDescent="0.3">
      <c r="A123121" s="13" t="s">
        <v>573</v>
      </c>
      <c r="B123121" s="14" t="s">
        <v>1</v>
      </c>
      <c r="C123121" s="14" t="s">
        <v>200</v>
      </c>
      <c r="D123121" s="14" t="s">
        <v>193</v>
      </c>
      <c r="E123121" s="15">
        <v>45492</v>
      </c>
      <c r="F123121" s="14" t="s">
        <v>15</v>
      </c>
      <c r="G123121" s="16">
        <v>0.83827266686934987</v>
      </c>
    </row>
    <row r="123122" spans="1:7" x14ac:dyDescent="0.3">
      <c r="A123122" s="13" t="s">
        <v>573</v>
      </c>
      <c r="B123122" s="14" t="s">
        <v>1</v>
      </c>
      <c r="C123122" s="14" t="s">
        <v>200</v>
      </c>
      <c r="D123122" s="14" t="s">
        <v>193</v>
      </c>
      <c r="E123122" s="15">
        <v>45493</v>
      </c>
      <c r="F123122" s="14" t="s">
        <v>15</v>
      </c>
      <c r="G123122" s="16">
        <v>0.83827266686934987</v>
      </c>
    </row>
    <row r="123123" spans="1:7" x14ac:dyDescent="0.3">
      <c r="A123123" s="13" t="s">
        <v>573</v>
      </c>
      <c r="B123123" s="14" t="s">
        <v>1</v>
      </c>
      <c r="C123123" s="14" t="s">
        <v>200</v>
      </c>
      <c r="D123123" s="14" t="s">
        <v>193</v>
      </c>
      <c r="E123123" s="15">
        <v>45494</v>
      </c>
      <c r="F123123" s="14" t="s">
        <v>15</v>
      </c>
      <c r="G123123" s="16">
        <v>0.83827266686934987</v>
      </c>
    </row>
    <row r="123124" spans="1:7" x14ac:dyDescent="0.3">
      <c r="A123124" s="13" t="s">
        <v>573</v>
      </c>
      <c r="B123124" s="14" t="s">
        <v>1</v>
      </c>
      <c r="C123124" s="14" t="s">
        <v>200</v>
      </c>
      <c r="D123124" s="14" t="s">
        <v>193</v>
      </c>
      <c r="E123124" s="15">
        <v>45495</v>
      </c>
      <c r="F123124" s="14" t="s">
        <v>15</v>
      </c>
      <c r="G123124" s="16">
        <v>0.84574799895960873</v>
      </c>
    </row>
    <row r="123125" spans="1:7" x14ac:dyDescent="0.3">
      <c r="A123125" s="13" t="s">
        <v>573</v>
      </c>
      <c r="B123125" s="14" t="s">
        <v>1</v>
      </c>
      <c r="C123125" s="14" t="s">
        <v>200</v>
      </c>
      <c r="D123125" s="14" t="s">
        <v>193</v>
      </c>
      <c r="E123125" s="15">
        <v>45496</v>
      </c>
      <c r="F123125" s="14" t="s">
        <v>15</v>
      </c>
      <c r="G123125" s="16">
        <v>0.86877190060995335</v>
      </c>
    </row>
    <row r="123126" spans="1:7" x14ac:dyDescent="0.3">
      <c r="A123126" s="13" t="s">
        <v>573</v>
      </c>
      <c r="B123126" s="14" t="s">
        <v>1</v>
      </c>
      <c r="C123126" s="14" t="s">
        <v>200</v>
      </c>
      <c r="D123126" s="14" t="s">
        <v>193</v>
      </c>
      <c r="E123126" s="15">
        <v>45497</v>
      </c>
      <c r="F123126" s="14" t="s">
        <v>15</v>
      </c>
      <c r="G123126" s="16">
        <v>0.87619893175530461</v>
      </c>
    </row>
    <row r="123127" spans="1:7" x14ac:dyDescent="0.3">
      <c r="A123127" s="13" t="s">
        <v>573</v>
      </c>
      <c r="B123127" s="14" t="s">
        <v>1</v>
      </c>
      <c r="C123127" s="14" t="s">
        <v>200</v>
      </c>
      <c r="D123127" s="14" t="s">
        <v>193</v>
      </c>
      <c r="E123127" s="15">
        <v>45498</v>
      </c>
      <c r="F123127" s="14" t="s">
        <v>15</v>
      </c>
      <c r="G123127" s="16">
        <v>0.88367426384556347</v>
      </c>
    </row>
    <row r="123128" spans="1:7" x14ac:dyDescent="0.3">
      <c r="A123128" s="13" t="s">
        <v>573</v>
      </c>
      <c r="B123128" s="14" t="s">
        <v>1</v>
      </c>
      <c r="C123128" s="14" t="s">
        <v>200</v>
      </c>
      <c r="D123128" s="14" t="s">
        <v>193</v>
      </c>
      <c r="E123128" s="15">
        <v>45499</v>
      </c>
      <c r="F123128" s="14" t="s">
        <v>15</v>
      </c>
      <c r="G123128" s="16">
        <v>0.89121399719569938</v>
      </c>
    </row>
    <row r="123129" spans="1:7" x14ac:dyDescent="0.3">
      <c r="A123129" s="13" t="s">
        <v>573</v>
      </c>
      <c r="B123129" s="14" t="s">
        <v>1</v>
      </c>
      <c r="C123129" s="14" t="s">
        <v>200</v>
      </c>
      <c r="D123129" s="14" t="s">
        <v>193</v>
      </c>
      <c r="E123129" s="15">
        <v>45500</v>
      </c>
      <c r="F123129" s="14" t="s">
        <v>15</v>
      </c>
      <c r="G123129" s="16">
        <v>0.89121399719569938</v>
      </c>
    </row>
    <row r="123130" spans="1:7" x14ac:dyDescent="0.3">
      <c r="A123130" s="13" t="s">
        <v>573</v>
      </c>
      <c r="B123130" s="14" t="s">
        <v>1</v>
      </c>
      <c r="C123130" s="14" t="s">
        <v>200</v>
      </c>
      <c r="D123130" s="14" t="s">
        <v>193</v>
      </c>
      <c r="E123130" s="15">
        <v>45501</v>
      </c>
      <c r="F123130" s="14" t="s">
        <v>15</v>
      </c>
      <c r="G123130" s="16">
        <v>0.89121399719569938</v>
      </c>
    </row>
    <row r="123131" spans="1:7" x14ac:dyDescent="0.3">
      <c r="A123131" s="13" t="s">
        <v>573</v>
      </c>
      <c r="B123131" s="14" t="s">
        <v>1</v>
      </c>
      <c r="C123131" s="14" t="s">
        <v>200</v>
      </c>
      <c r="D123131" s="14" t="s">
        <v>193</v>
      </c>
      <c r="E123131" s="15">
        <v>45502</v>
      </c>
      <c r="F123131" s="14" t="s">
        <v>15</v>
      </c>
      <c r="G123131" s="16">
        <v>0.90349651179003831</v>
      </c>
    </row>
    <row r="123132" spans="1:7" x14ac:dyDescent="0.3">
      <c r="A123132" s="13" t="s">
        <v>573</v>
      </c>
      <c r="B123132" s="14" t="s">
        <v>1</v>
      </c>
      <c r="C123132" s="14" t="s">
        <v>200</v>
      </c>
      <c r="D123132" s="14" t="s">
        <v>193</v>
      </c>
      <c r="E123132" s="15">
        <v>45503</v>
      </c>
      <c r="F123132" s="14" t="s">
        <v>15</v>
      </c>
      <c r="G123132" s="16">
        <v>0.92470912800634519</v>
      </c>
    </row>
    <row r="123133" spans="1:7" x14ac:dyDescent="0.3">
      <c r="A123133" s="13" t="s">
        <v>573</v>
      </c>
      <c r="B123133" s="14" t="s">
        <v>1</v>
      </c>
      <c r="C123133" s="14" t="s">
        <v>200</v>
      </c>
      <c r="D123133" s="14" t="s">
        <v>193</v>
      </c>
      <c r="E123133" s="15">
        <v>45504</v>
      </c>
      <c r="F123133" s="14" t="s">
        <v>15</v>
      </c>
      <c r="G123133" s="16">
        <v>0.93209157366408935</v>
      </c>
    </row>
    <row r="123134" spans="1:7" x14ac:dyDescent="0.3">
      <c r="A123134" s="13" t="s">
        <v>573</v>
      </c>
      <c r="B123134" s="14" t="s">
        <v>1</v>
      </c>
      <c r="C123134" s="14" t="s">
        <v>200</v>
      </c>
      <c r="D123134" s="14" t="s">
        <v>193</v>
      </c>
      <c r="E123134" s="15">
        <v>45505</v>
      </c>
      <c r="F123134" s="14" t="s">
        <v>15</v>
      </c>
      <c r="G123134" s="16">
        <v>0.94026169626955858</v>
      </c>
    </row>
    <row r="123135" spans="1:7" x14ac:dyDescent="0.3">
      <c r="A123135" s="13" t="s">
        <v>573</v>
      </c>
      <c r="B123135" s="14" t="s">
        <v>1</v>
      </c>
      <c r="C123135" s="14" t="s">
        <v>200</v>
      </c>
      <c r="D123135" s="14" t="s">
        <v>193</v>
      </c>
      <c r="E123135" s="15">
        <v>45506</v>
      </c>
      <c r="F123135" s="14" t="s">
        <v>15</v>
      </c>
      <c r="G123135" s="16">
        <v>0.95589555334902965</v>
      </c>
    </row>
    <row r="123136" spans="1:7" x14ac:dyDescent="0.3">
      <c r="A123136" s="13" t="s">
        <v>573</v>
      </c>
      <c r="B123136" s="14" t="s">
        <v>1</v>
      </c>
      <c r="C123136" s="14" t="s">
        <v>200</v>
      </c>
      <c r="D123136" s="14" t="s">
        <v>193</v>
      </c>
      <c r="E123136" s="15">
        <v>45507</v>
      </c>
      <c r="F123136" s="14" t="s">
        <v>15</v>
      </c>
      <c r="G123136" s="16">
        <v>0.95589555334902965</v>
      </c>
    </row>
    <row r="123137" spans="1:7" x14ac:dyDescent="0.3">
      <c r="A123137" s="13" t="s">
        <v>573</v>
      </c>
      <c r="B123137" s="14" t="s">
        <v>1</v>
      </c>
      <c r="C123137" s="14" t="s">
        <v>200</v>
      </c>
      <c r="D123137" s="14" t="s">
        <v>193</v>
      </c>
      <c r="E123137" s="15">
        <v>45508</v>
      </c>
      <c r="F123137" s="14" t="s">
        <v>15</v>
      </c>
      <c r="G123137" s="16">
        <v>0.95589555334902965</v>
      </c>
    </row>
    <row r="123138" spans="1:7" x14ac:dyDescent="0.3">
      <c r="A123138" s="13" t="s">
        <v>573</v>
      </c>
      <c r="B123138" s="14" t="s">
        <v>1</v>
      </c>
      <c r="C123138" s="14" t="s">
        <v>200</v>
      </c>
      <c r="D123138" s="14" t="s">
        <v>193</v>
      </c>
      <c r="E123138" s="15">
        <v>45509</v>
      </c>
      <c r="F123138" s="14" t="s">
        <v>15</v>
      </c>
      <c r="G123138" s="16">
        <v>0.95589555334902965</v>
      </c>
    </row>
    <row r="123139" spans="1:7" x14ac:dyDescent="0.3">
      <c r="A123139" s="13" t="s">
        <v>573</v>
      </c>
      <c r="B123139" s="14" t="s">
        <v>1</v>
      </c>
      <c r="C123139" s="14" t="s">
        <v>200</v>
      </c>
      <c r="D123139" s="14" t="s">
        <v>193</v>
      </c>
      <c r="E123139" s="15">
        <v>45510</v>
      </c>
      <c r="F123139" s="14" t="s">
        <v>15</v>
      </c>
      <c r="G123139" s="16">
        <v>0.97097147259052885</v>
      </c>
    </row>
    <row r="123140" spans="1:7" x14ac:dyDescent="0.3">
      <c r="A123140" s="13" t="s">
        <v>573</v>
      </c>
      <c r="B123140" s="14" t="s">
        <v>1</v>
      </c>
      <c r="C123140" s="14" t="s">
        <v>200</v>
      </c>
      <c r="D123140" s="14" t="s">
        <v>193</v>
      </c>
      <c r="E123140" s="15">
        <v>45511</v>
      </c>
      <c r="F123140" s="14" t="s">
        <v>15</v>
      </c>
      <c r="G123140" s="16">
        <v>1.000667097066966</v>
      </c>
    </row>
    <row r="123141" spans="1:7" x14ac:dyDescent="0.3">
      <c r="A123141" s="13" t="s">
        <v>573</v>
      </c>
      <c r="B123141" s="14" t="s">
        <v>1</v>
      </c>
      <c r="C123141" s="14" t="s">
        <v>200</v>
      </c>
      <c r="D123141" s="14" t="s">
        <v>193</v>
      </c>
      <c r="E123141" s="15">
        <v>45512</v>
      </c>
      <c r="F123141" s="14" t="s">
        <v>15</v>
      </c>
      <c r="G123141" s="16">
        <v>1.0075312364312781</v>
      </c>
    </row>
    <row r="123142" spans="1:7" x14ac:dyDescent="0.3">
      <c r="A123142" s="13" t="s">
        <v>573</v>
      </c>
      <c r="B123142" s="14" t="s">
        <v>1</v>
      </c>
      <c r="C123142" s="14" t="s">
        <v>200</v>
      </c>
      <c r="D123142" s="14" t="s">
        <v>193</v>
      </c>
      <c r="E123142" s="15">
        <v>45513</v>
      </c>
      <c r="F123142" s="14" t="s">
        <v>15</v>
      </c>
      <c r="G123142" s="16">
        <v>1.0140826581394569</v>
      </c>
    </row>
    <row r="123143" spans="1:7" x14ac:dyDescent="0.3">
      <c r="A123143" s="13" t="s">
        <v>573</v>
      </c>
      <c r="B123143" s="14" t="s">
        <v>1</v>
      </c>
      <c r="C123143" s="14" t="s">
        <v>200</v>
      </c>
      <c r="D123143" s="14" t="s">
        <v>193</v>
      </c>
      <c r="E123143" s="15">
        <v>45514</v>
      </c>
      <c r="F123143" s="14" t="s">
        <v>15</v>
      </c>
      <c r="G123143" s="16">
        <v>1.0140826581394569</v>
      </c>
    </row>
    <row r="123144" spans="1:7" x14ac:dyDescent="0.3">
      <c r="A123144" s="13" t="s">
        <v>573</v>
      </c>
      <c r="B123144" s="14" t="s">
        <v>1</v>
      </c>
      <c r="C123144" s="14" t="s">
        <v>200</v>
      </c>
      <c r="D123144" s="14" t="s">
        <v>193</v>
      </c>
      <c r="E123144" s="15">
        <v>45515</v>
      </c>
      <c r="F123144" s="14" t="s">
        <v>15</v>
      </c>
      <c r="G123144" s="16">
        <v>1.0140826581394569</v>
      </c>
    </row>
    <row r="123145" spans="1:7" x14ac:dyDescent="0.3">
      <c r="A123145" s="13" t="s">
        <v>573</v>
      </c>
      <c r="B123145" s="14" t="s">
        <v>1</v>
      </c>
      <c r="C123145" s="14" t="s">
        <v>200</v>
      </c>
      <c r="D123145" s="14" t="s">
        <v>193</v>
      </c>
      <c r="E123145" s="15">
        <v>45516</v>
      </c>
      <c r="F123145" s="14" t="s">
        <v>15</v>
      </c>
      <c r="G123145" s="16">
        <v>1.0195095347713237</v>
      </c>
    </row>
    <row r="123146" spans="1:7" x14ac:dyDescent="0.3">
      <c r="A123146" s="13" t="s">
        <v>573</v>
      </c>
      <c r="B123146" s="14" t="s">
        <v>1</v>
      </c>
      <c r="C123146" s="14" t="s">
        <v>200</v>
      </c>
      <c r="D123146" s="14" t="s">
        <v>193</v>
      </c>
      <c r="E123146" s="15">
        <v>45517</v>
      </c>
      <c r="F123146" s="14" t="s">
        <v>15</v>
      </c>
      <c r="G123146" s="16">
        <v>1.039361055129848</v>
      </c>
    </row>
    <row r="123147" spans="1:7" x14ac:dyDescent="0.3">
      <c r="A123147" s="13" t="s">
        <v>573</v>
      </c>
      <c r="B123147" s="14" t="s">
        <v>1</v>
      </c>
      <c r="C123147" s="14" t="s">
        <v>200</v>
      </c>
      <c r="D123147" s="14" t="s">
        <v>193</v>
      </c>
      <c r="E123147" s="15">
        <v>45518</v>
      </c>
      <c r="F123147" s="14" t="s">
        <v>15</v>
      </c>
      <c r="G123147" s="16">
        <v>1.0472370373656872</v>
      </c>
    </row>
    <row r="123148" spans="1:7" x14ac:dyDescent="0.3">
      <c r="A123148" s="13" t="s">
        <v>573</v>
      </c>
      <c r="B123148" s="14" t="s">
        <v>1</v>
      </c>
      <c r="C123148" s="14" t="s">
        <v>200</v>
      </c>
      <c r="D123148" s="14" t="s">
        <v>193</v>
      </c>
      <c r="E123148" s="15">
        <v>45519</v>
      </c>
      <c r="F123148" s="14" t="s">
        <v>15</v>
      </c>
      <c r="G123148" s="16">
        <v>1.0541866322479125</v>
      </c>
    </row>
    <row r="123149" spans="1:7" x14ac:dyDescent="0.3">
      <c r="A123149" s="13" t="s">
        <v>573</v>
      </c>
      <c r="B123149" s="14" t="s">
        <v>1</v>
      </c>
      <c r="C123149" s="14" t="s">
        <v>200</v>
      </c>
      <c r="D123149" s="14" t="s">
        <v>193</v>
      </c>
      <c r="E123149" s="15">
        <v>45520</v>
      </c>
      <c r="F123149" s="14" t="s">
        <v>15</v>
      </c>
      <c r="G123149" s="16">
        <v>1.0610885454281138</v>
      </c>
    </row>
    <row r="123150" spans="1:7" x14ac:dyDescent="0.3">
      <c r="A123150" s="13" t="s">
        <v>573</v>
      </c>
      <c r="B123150" s="14" t="s">
        <v>1</v>
      </c>
      <c r="C123150" s="14" t="s">
        <v>200</v>
      </c>
      <c r="D123150" s="14" t="s">
        <v>193</v>
      </c>
      <c r="E123150" s="15">
        <v>45521</v>
      </c>
      <c r="F123150" s="14" t="s">
        <v>15</v>
      </c>
      <c r="G123150" s="16">
        <v>1.0610885454281138</v>
      </c>
    </row>
    <row r="123151" spans="1:7" x14ac:dyDescent="0.3">
      <c r="A123151" s="13" t="s">
        <v>573</v>
      </c>
      <c r="B123151" s="14" t="s">
        <v>1</v>
      </c>
      <c r="C123151" s="14" t="s">
        <v>200</v>
      </c>
      <c r="D123151" s="14" t="s">
        <v>193</v>
      </c>
      <c r="E123151" s="15">
        <v>45522</v>
      </c>
      <c r="F123151" s="14" t="s">
        <v>15</v>
      </c>
      <c r="G123151" s="16">
        <v>1.0610885454281138</v>
      </c>
    </row>
    <row r="123152" spans="1:7" x14ac:dyDescent="0.3">
      <c r="A123152" s="13" t="s">
        <v>573</v>
      </c>
      <c r="B123152" s="14" t="s">
        <v>1</v>
      </c>
      <c r="C123152" s="14" t="s">
        <v>200</v>
      </c>
      <c r="D123152" s="14" t="s">
        <v>193</v>
      </c>
      <c r="E123152" s="15">
        <v>45523</v>
      </c>
      <c r="F123152" s="14" t="s">
        <v>15</v>
      </c>
      <c r="G123152" s="16">
        <v>1.0678944759613831</v>
      </c>
    </row>
    <row r="123153" spans="1:7" x14ac:dyDescent="0.3">
      <c r="A123153" s="13" t="s">
        <v>573</v>
      </c>
      <c r="B123153" s="14" t="s">
        <v>1</v>
      </c>
      <c r="C123153" s="14" t="s">
        <v>200</v>
      </c>
      <c r="D123153" s="14" t="s">
        <v>193</v>
      </c>
      <c r="E123153" s="15">
        <v>45524</v>
      </c>
      <c r="F123153" s="14" t="s">
        <v>15</v>
      </c>
      <c r="G123153" s="16">
        <v>1.0876908837032817</v>
      </c>
    </row>
    <row r="123154" spans="1:7" x14ac:dyDescent="0.3">
      <c r="A123154" s="13" t="s">
        <v>573</v>
      </c>
      <c r="B123154" s="14" t="s">
        <v>1</v>
      </c>
      <c r="C123154" s="14" t="s">
        <v>200</v>
      </c>
      <c r="D123154" s="14" t="s">
        <v>193</v>
      </c>
      <c r="E123154" s="15">
        <v>45525</v>
      </c>
      <c r="F123154" s="14" t="s">
        <v>15</v>
      </c>
      <c r="G123154" s="16">
        <v>1.0933425455018344</v>
      </c>
    </row>
    <row r="123155" spans="1:7" x14ac:dyDescent="0.3">
      <c r="A123155" s="13" t="s">
        <v>573</v>
      </c>
      <c r="B123155" s="14" t="s">
        <v>1</v>
      </c>
      <c r="C123155" s="14" t="s">
        <v>200</v>
      </c>
      <c r="D123155" s="14" t="s">
        <v>193</v>
      </c>
      <c r="E123155" s="15">
        <v>45526</v>
      </c>
      <c r="F123155" s="14" t="s">
        <v>15</v>
      </c>
      <c r="G123155" s="16">
        <v>1.1040125516277173</v>
      </c>
    </row>
    <row r="123156" spans="1:7" x14ac:dyDescent="0.3">
      <c r="A123156" s="13" t="s">
        <v>573</v>
      </c>
      <c r="B123156" s="14" t="s">
        <v>1</v>
      </c>
      <c r="C123156" s="14" t="s">
        <v>200</v>
      </c>
      <c r="D123156" s="14" t="s">
        <v>193</v>
      </c>
      <c r="E123156" s="15">
        <v>45527</v>
      </c>
      <c r="F123156" s="14" t="s">
        <v>15</v>
      </c>
      <c r="G123156" s="16">
        <v>1.1082077541644388</v>
      </c>
    </row>
    <row r="123157" spans="1:7" x14ac:dyDescent="0.3">
      <c r="A123157" s="13" t="s">
        <v>573</v>
      </c>
      <c r="B123157" s="14" t="s">
        <v>1</v>
      </c>
      <c r="C123157" s="14" t="s">
        <v>200</v>
      </c>
      <c r="D123157" s="14" t="s">
        <v>193</v>
      </c>
      <c r="E123157" s="15">
        <v>45528</v>
      </c>
      <c r="F123157" s="14" t="s">
        <v>15</v>
      </c>
      <c r="G123157" s="16">
        <v>1.1082077541644388</v>
      </c>
    </row>
    <row r="123158" spans="1:7" x14ac:dyDescent="0.3">
      <c r="A123158" s="13" t="s">
        <v>573</v>
      </c>
      <c r="B123158" s="14" t="s">
        <v>1</v>
      </c>
      <c r="C123158" s="14" t="s">
        <v>200</v>
      </c>
      <c r="D123158" s="14" t="s">
        <v>193</v>
      </c>
      <c r="E123158" s="15">
        <v>45529</v>
      </c>
      <c r="F123158" s="14" t="s">
        <v>15</v>
      </c>
      <c r="G123158" s="16">
        <v>1.1082077541644388</v>
      </c>
    </row>
    <row r="123159" spans="1:7" x14ac:dyDescent="0.3">
      <c r="A123159" s="13" t="s">
        <v>573</v>
      </c>
      <c r="B123159" s="14" t="s">
        <v>1</v>
      </c>
      <c r="C123159" s="14" t="s">
        <v>200</v>
      </c>
      <c r="D123159" s="14" t="s">
        <v>193</v>
      </c>
      <c r="E123159" s="15">
        <v>45530</v>
      </c>
      <c r="F123159" s="14" t="s">
        <v>15</v>
      </c>
      <c r="G123159" s="16">
        <v>1.1238056951566708</v>
      </c>
    </row>
    <row r="123160" spans="1:7" x14ac:dyDescent="0.3">
      <c r="A123160" s="13" t="s">
        <v>573</v>
      </c>
      <c r="B123160" s="14" t="s">
        <v>1</v>
      </c>
      <c r="C123160" s="14" t="s">
        <v>200</v>
      </c>
      <c r="D123160" s="14" t="s">
        <v>193</v>
      </c>
      <c r="E123160" s="15">
        <v>45531</v>
      </c>
      <c r="F123160" s="14" t="s">
        <v>15</v>
      </c>
      <c r="G123160" s="16">
        <v>1.1434906391795518</v>
      </c>
    </row>
    <row r="123161" spans="1:7" x14ac:dyDescent="0.3">
      <c r="A123161" s="13" t="s">
        <v>573</v>
      </c>
      <c r="B123161" s="14" t="s">
        <v>1</v>
      </c>
      <c r="C123161" s="14" t="s">
        <v>200</v>
      </c>
      <c r="D123161" s="14" t="s">
        <v>193</v>
      </c>
      <c r="E123161" s="15">
        <v>45532</v>
      </c>
      <c r="F123161" s="14" t="s">
        <v>15</v>
      </c>
      <c r="G123161" s="16">
        <v>1.1495033195791451</v>
      </c>
    </row>
    <row r="123162" spans="1:7" x14ac:dyDescent="0.3">
      <c r="A123162" s="13" t="s">
        <v>573</v>
      </c>
      <c r="B123162" s="14" t="s">
        <v>1</v>
      </c>
      <c r="C123162" s="14" t="s">
        <v>200</v>
      </c>
      <c r="D123162" s="14" t="s">
        <v>193</v>
      </c>
      <c r="E123162" s="15">
        <v>45533</v>
      </c>
      <c r="F123162" s="14" t="s">
        <v>15</v>
      </c>
      <c r="G123162" s="16">
        <v>1.1552676835824822</v>
      </c>
    </row>
    <row r="123163" spans="1:7" x14ac:dyDescent="0.3">
      <c r="A123163" s="13" t="s">
        <v>573</v>
      </c>
      <c r="B123163" s="14" t="s">
        <v>1</v>
      </c>
      <c r="C123163" s="14" t="s">
        <v>200</v>
      </c>
      <c r="D123163" s="14" t="s">
        <v>193</v>
      </c>
      <c r="E123163" s="15">
        <v>45534</v>
      </c>
      <c r="F123163" s="14" t="s">
        <v>15</v>
      </c>
      <c r="G123163" s="16">
        <v>1.1657667786725381</v>
      </c>
    </row>
    <row r="123164" spans="1:7" x14ac:dyDescent="0.3">
      <c r="A123164" s="13" t="s">
        <v>573</v>
      </c>
      <c r="B123164" s="14" t="s">
        <v>1</v>
      </c>
      <c r="C123164" s="14" t="s">
        <v>200</v>
      </c>
      <c r="D123164" s="14" t="s">
        <v>193</v>
      </c>
      <c r="E123164" s="15">
        <v>45535</v>
      </c>
      <c r="F123164" s="14" t="s">
        <v>15</v>
      </c>
      <c r="G123164" s="16">
        <v>1.1657667786725381</v>
      </c>
    </row>
    <row r="123165" spans="1:7" x14ac:dyDescent="0.3">
      <c r="A123165" s="13" t="s">
        <v>573</v>
      </c>
      <c r="B123165" s="14" t="s">
        <v>1</v>
      </c>
      <c r="C123165" s="14" t="s">
        <v>200</v>
      </c>
      <c r="D123165" s="14" t="s">
        <v>193</v>
      </c>
      <c r="E123165" s="15">
        <v>45536</v>
      </c>
      <c r="F123165" s="14" t="s">
        <v>15</v>
      </c>
      <c r="G123165" s="16">
        <v>1.1657667786725381</v>
      </c>
    </row>
    <row r="123166" spans="1:7" x14ac:dyDescent="0.3">
      <c r="A123166" s="13" t="s">
        <v>573</v>
      </c>
      <c r="B123166" s="14" t="s">
        <v>1</v>
      </c>
      <c r="C123166" s="14" t="s">
        <v>200</v>
      </c>
      <c r="D123166" s="14" t="s">
        <v>193</v>
      </c>
      <c r="E123166" s="15">
        <v>45537</v>
      </c>
      <c r="F123166" s="14" t="s">
        <v>15</v>
      </c>
      <c r="G123166" s="16">
        <v>1.1657667786725381</v>
      </c>
    </row>
    <row r="123167" spans="1:7" x14ac:dyDescent="0.3">
      <c r="A123167" s="13" t="s">
        <v>573</v>
      </c>
      <c r="B123167" s="14" t="s">
        <v>1</v>
      </c>
      <c r="C123167" s="14" t="s">
        <v>200</v>
      </c>
      <c r="D123167" s="14" t="s">
        <v>193</v>
      </c>
      <c r="E123167" s="15">
        <v>45538</v>
      </c>
      <c r="F123167" s="14" t="s">
        <v>15</v>
      </c>
      <c r="G123167" s="16">
        <v>1.1722315063770365</v>
      </c>
    </row>
    <row r="123168" spans="1:7" x14ac:dyDescent="0.3">
      <c r="A123168" s="13" t="s">
        <v>573</v>
      </c>
      <c r="B123168" s="14" t="s">
        <v>1</v>
      </c>
      <c r="C123168" s="14" t="s">
        <v>200</v>
      </c>
      <c r="D123168" s="14" t="s">
        <v>193</v>
      </c>
      <c r="E123168" s="15">
        <v>45539</v>
      </c>
      <c r="F123168" s="14" t="s">
        <v>15</v>
      </c>
      <c r="G123168" s="16">
        <v>1.1948114108799606</v>
      </c>
    </row>
    <row r="123169" spans="1:7" x14ac:dyDescent="0.3">
      <c r="A123169" s="13" t="s">
        <v>573</v>
      </c>
      <c r="B123169" s="14" t="s">
        <v>1</v>
      </c>
      <c r="C123169" s="14" t="s">
        <v>200</v>
      </c>
      <c r="D123169" s="14" t="s">
        <v>193</v>
      </c>
      <c r="E123169" s="15">
        <v>45540</v>
      </c>
      <c r="F123169" s="14" t="s">
        <v>15</v>
      </c>
      <c r="G123169" s="16">
        <v>1.2013665480454401</v>
      </c>
    </row>
    <row r="123170" spans="1:7" x14ac:dyDescent="0.3">
      <c r="A123170" s="13" t="s">
        <v>573</v>
      </c>
      <c r="B123170" s="14" t="s">
        <v>1</v>
      </c>
      <c r="C123170" s="14" t="s">
        <v>200</v>
      </c>
      <c r="D123170" s="14" t="s">
        <v>193</v>
      </c>
      <c r="E123170" s="15">
        <v>45541</v>
      </c>
      <c r="F123170" s="14" t="s">
        <v>15</v>
      </c>
      <c r="G123170" s="16">
        <v>1.2084765268344744</v>
      </c>
    </row>
    <row r="123171" spans="1:7" x14ac:dyDescent="0.3">
      <c r="A123171" s="13" t="s">
        <v>573</v>
      </c>
      <c r="B123171" s="14" t="s">
        <v>1</v>
      </c>
      <c r="C123171" s="14" t="s">
        <v>200</v>
      </c>
      <c r="D123171" s="14" t="s">
        <v>193</v>
      </c>
      <c r="E123171" s="15">
        <v>45542</v>
      </c>
      <c r="F123171" s="14" t="s">
        <v>15</v>
      </c>
      <c r="G123171" s="16">
        <v>1.2084765268344744</v>
      </c>
    </row>
    <row r="123172" spans="1:7" x14ac:dyDescent="0.3">
      <c r="A123172" s="13" t="s">
        <v>573</v>
      </c>
      <c r="B123172" s="14" t="s">
        <v>1</v>
      </c>
      <c r="C123172" s="14" t="s">
        <v>200</v>
      </c>
      <c r="D123172" s="14" t="s">
        <v>193</v>
      </c>
      <c r="E123172" s="15">
        <v>45543</v>
      </c>
      <c r="F123172" s="14" t="s">
        <v>15</v>
      </c>
      <c r="G123172" s="16">
        <v>1.2084765268344744</v>
      </c>
    </row>
    <row r="123173" spans="1:7" x14ac:dyDescent="0.3">
      <c r="A123173" s="13" t="s">
        <v>573</v>
      </c>
      <c r="B123173" s="14" t="s">
        <v>1</v>
      </c>
      <c r="C123173" s="14" t="s">
        <v>200</v>
      </c>
      <c r="D123173" s="14" t="s">
        <v>193</v>
      </c>
      <c r="E123173" s="15">
        <v>45544</v>
      </c>
      <c r="F123173" s="14" t="s">
        <v>15</v>
      </c>
      <c r="G123173" s="16">
        <v>1.2177024585561946</v>
      </c>
    </row>
    <row r="123174" spans="1:7" x14ac:dyDescent="0.3">
      <c r="A123174" s="13" t="s">
        <v>573</v>
      </c>
      <c r="B123174" s="14" t="s">
        <v>1</v>
      </c>
      <c r="C123174" s="14" t="s">
        <v>200</v>
      </c>
      <c r="D123174" s="14" t="s">
        <v>193</v>
      </c>
      <c r="E123174" s="15">
        <v>45545</v>
      </c>
      <c r="F123174" s="14" t="s">
        <v>15</v>
      </c>
      <c r="G123174" s="16">
        <v>1.2358708767575517</v>
      </c>
    </row>
    <row r="123175" spans="1:7" x14ac:dyDescent="0.3">
      <c r="A123175" s="13" t="s">
        <v>573</v>
      </c>
      <c r="B123175" s="14" t="s">
        <v>1</v>
      </c>
      <c r="C123175" s="14" t="s">
        <v>200</v>
      </c>
      <c r="D123175" s="14" t="s">
        <v>193</v>
      </c>
      <c r="E123175" s="15">
        <v>45546</v>
      </c>
      <c r="F123175" s="14" t="s">
        <v>15</v>
      </c>
      <c r="G123175" s="16">
        <v>1.2441530823249221</v>
      </c>
    </row>
    <row r="123176" spans="1:7" x14ac:dyDescent="0.3">
      <c r="A123176" s="13" t="s">
        <v>573</v>
      </c>
      <c r="B123176" s="14" t="s">
        <v>1</v>
      </c>
      <c r="C123176" s="14" t="s">
        <v>200</v>
      </c>
      <c r="D123176" s="14" t="s">
        <v>193</v>
      </c>
      <c r="E123176" s="15">
        <v>45547</v>
      </c>
      <c r="F123176" s="14" t="s">
        <v>15</v>
      </c>
      <c r="G123176" s="16">
        <v>1.2505880863710157</v>
      </c>
    </row>
    <row r="123177" spans="1:7" x14ac:dyDescent="0.3">
      <c r="A123177" s="13" t="s">
        <v>573</v>
      </c>
      <c r="B123177" s="14" t="s">
        <v>1</v>
      </c>
      <c r="C123177" s="14" t="s">
        <v>200</v>
      </c>
      <c r="D123177" s="14" t="s">
        <v>193</v>
      </c>
      <c r="E123177" s="15">
        <v>45548</v>
      </c>
      <c r="F123177" s="14" t="s">
        <v>15</v>
      </c>
      <c r="G123177" s="16">
        <v>1.2566137708711611</v>
      </c>
    </row>
    <row r="123178" spans="1:7" x14ac:dyDescent="0.3">
      <c r="A123178" s="13" t="s">
        <v>573</v>
      </c>
      <c r="B123178" s="14" t="s">
        <v>1</v>
      </c>
      <c r="C123178" s="14" t="s">
        <v>200</v>
      </c>
      <c r="D123178" s="14" t="s">
        <v>193</v>
      </c>
      <c r="E123178" s="15">
        <v>45549</v>
      </c>
      <c r="F123178" s="14" t="s">
        <v>15</v>
      </c>
      <c r="G123178" s="16">
        <v>1.2566137708711611</v>
      </c>
    </row>
    <row r="123179" spans="1:7" x14ac:dyDescent="0.3">
      <c r="A123179" s="13" t="s">
        <v>573</v>
      </c>
      <c r="B123179" s="14" t="s">
        <v>1</v>
      </c>
      <c r="C123179" s="14" t="s">
        <v>200</v>
      </c>
      <c r="D123179" s="14" t="s">
        <v>193</v>
      </c>
      <c r="E123179" s="15">
        <v>45550</v>
      </c>
      <c r="F123179" s="14" t="s">
        <v>15</v>
      </c>
      <c r="G123179" s="16">
        <v>1.2566137708711611</v>
      </c>
    </row>
    <row r="123180" spans="1:7" x14ac:dyDescent="0.3">
      <c r="A123180" s="13" t="s">
        <v>573</v>
      </c>
      <c r="B123180" s="14" t="s">
        <v>1</v>
      </c>
      <c r="C123180" s="14" t="s">
        <v>200</v>
      </c>
      <c r="D123180" s="14" t="s">
        <v>193</v>
      </c>
      <c r="E123180" s="15">
        <v>45551</v>
      </c>
      <c r="F123180" s="14" t="s">
        <v>15</v>
      </c>
      <c r="G123180" s="16">
        <v>1.263020289744617</v>
      </c>
    </row>
    <row r="123181" spans="1:7" x14ac:dyDescent="0.3">
      <c r="A123181" s="13" t="s">
        <v>573</v>
      </c>
      <c r="B123181" s="14" t="s">
        <v>1</v>
      </c>
      <c r="C123181" s="14" t="s">
        <v>200</v>
      </c>
      <c r="D123181" s="14" t="s">
        <v>193</v>
      </c>
      <c r="E123181" s="15">
        <v>45552</v>
      </c>
      <c r="F123181" s="14" t="s">
        <v>15</v>
      </c>
      <c r="G123181" s="16">
        <v>1.2800982212282508</v>
      </c>
    </row>
    <row r="123182" spans="1:7" x14ac:dyDescent="0.3">
      <c r="A123182" s="13" t="s">
        <v>573</v>
      </c>
      <c r="B123182" s="14" t="s">
        <v>1</v>
      </c>
      <c r="C123182" s="14" t="s">
        <v>200</v>
      </c>
      <c r="D123182" s="14" t="s">
        <v>193</v>
      </c>
      <c r="E123182" s="15">
        <v>45553</v>
      </c>
      <c r="F123182" s="14" t="s">
        <v>15</v>
      </c>
      <c r="G123182" s="16">
        <v>1.2868205539722568</v>
      </c>
    </row>
    <row r="123183" spans="1:7" x14ac:dyDescent="0.3">
      <c r="A123183" s="13" t="s">
        <v>573</v>
      </c>
      <c r="B123183" s="14" t="s">
        <v>1</v>
      </c>
      <c r="C123183" s="14" t="s">
        <v>200</v>
      </c>
      <c r="D123183" s="14" t="s">
        <v>193</v>
      </c>
      <c r="E123183" s="15">
        <v>45554</v>
      </c>
      <c r="F123183" s="14" t="s">
        <v>15</v>
      </c>
      <c r="G123183" s="16">
        <v>1.2934679583273676</v>
      </c>
    </row>
    <row r="123184" spans="1:7" x14ac:dyDescent="0.3">
      <c r="A123184" s="13" t="s">
        <v>573</v>
      </c>
      <c r="B123184" s="14" t="s">
        <v>1</v>
      </c>
      <c r="C123184" s="14" t="s">
        <v>200</v>
      </c>
      <c r="D123184" s="14" t="s">
        <v>193</v>
      </c>
      <c r="E123184" s="15">
        <v>45555</v>
      </c>
      <c r="F123184" s="14" t="s">
        <v>15</v>
      </c>
      <c r="G123184" s="16">
        <v>1.3017365405513024</v>
      </c>
    </row>
    <row r="123185" spans="1:7" x14ac:dyDescent="0.3">
      <c r="A123185" s="13" t="s">
        <v>573</v>
      </c>
      <c r="B123185" s="14" t="s">
        <v>1</v>
      </c>
      <c r="C123185" s="14" t="s">
        <v>200</v>
      </c>
      <c r="D123185" s="14" t="s">
        <v>193</v>
      </c>
      <c r="E123185" s="15">
        <v>45556</v>
      </c>
      <c r="F123185" s="14" t="s">
        <v>15</v>
      </c>
      <c r="G123185" s="16">
        <v>1.3017365405513024</v>
      </c>
    </row>
    <row r="123186" spans="1:7" x14ac:dyDescent="0.3">
      <c r="A123186" s="13" t="s">
        <v>573</v>
      </c>
      <c r="B123186" s="14" t="s">
        <v>1</v>
      </c>
      <c r="C123186" s="14" t="s">
        <v>200</v>
      </c>
      <c r="D123186" s="14" t="s">
        <v>193</v>
      </c>
      <c r="E123186" s="15">
        <v>45557</v>
      </c>
      <c r="F123186" s="14" t="s">
        <v>15</v>
      </c>
      <c r="G123186" s="16">
        <v>1.3017365405513024</v>
      </c>
    </row>
    <row r="123187" spans="1:7" x14ac:dyDescent="0.3">
      <c r="A123187" s="13" t="s">
        <v>573</v>
      </c>
      <c r="B123187" s="14" t="s">
        <v>1</v>
      </c>
      <c r="C123187" s="14" t="s">
        <v>200</v>
      </c>
      <c r="D123187" s="14" t="s">
        <v>193</v>
      </c>
      <c r="E123187" s="15">
        <v>45558</v>
      </c>
      <c r="F123187" s="14" t="s">
        <v>15</v>
      </c>
      <c r="G123187" s="16">
        <v>1.3088502347976372</v>
      </c>
    </row>
    <row r="123188" spans="1:7" x14ac:dyDescent="0.3">
      <c r="A123188" s="13" t="s">
        <v>573</v>
      </c>
      <c r="B123188" s="14" t="s">
        <v>1</v>
      </c>
      <c r="C123188" s="14" t="s">
        <v>200</v>
      </c>
      <c r="D123188" s="14" t="s">
        <v>193</v>
      </c>
      <c r="E123188" s="15">
        <v>45559</v>
      </c>
      <c r="F123188" s="14" t="s">
        <v>15</v>
      </c>
      <c r="G123188" s="16">
        <v>1.3291370829032139</v>
      </c>
    </row>
    <row r="123189" spans="1:7" x14ac:dyDescent="0.3">
      <c r="A123189" s="13" t="s">
        <v>573</v>
      </c>
      <c r="B123189" s="14" t="s">
        <v>1</v>
      </c>
      <c r="C123189" s="14" t="s">
        <v>200</v>
      </c>
      <c r="D123189" s="14" t="s">
        <v>193</v>
      </c>
      <c r="E123189" s="15">
        <v>45560</v>
      </c>
      <c r="F123189" s="14" t="s">
        <v>15</v>
      </c>
      <c r="G123189" s="16">
        <v>1.3356612579245217</v>
      </c>
    </row>
    <row r="123190" spans="1:7" x14ac:dyDescent="0.3">
      <c r="A123190" s="13" t="s">
        <v>573</v>
      </c>
      <c r="B123190" s="14" t="s">
        <v>1</v>
      </c>
      <c r="C123190" s="14" t="s">
        <v>200</v>
      </c>
      <c r="D123190" s="14" t="s">
        <v>193</v>
      </c>
      <c r="E123190" s="15">
        <v>45561</v>
      </c>
      <c r="F123190" s="14" t="s">
        <v>15</v>
      </c>
      <c r="G123190" s="16">
        <v>1.342428176156135</v>
      </c>
    </row>
    <row r="123191" spans="1:7" x14ac:dyDescent="0.3">
      <c r="A123191" s="13" t="s">
        <v>573</v>
      </c>
      <c r="B123191" s="14" t="s">
        <v>1</v>
      </c>
      <c r="C123191" s="14" t="s">
        <v>200</v>
      </c>
      <c r="D123191" s="14" t="s">
        <v>193</v>
      </c>
      <c r="E123191" s="15">
        <v>45562</v>
      </c>
      <c r="F123191" s="14" t="s">
        <v>15</v>
      </c>
      <c r="G123191" s="16">
        <v>1.3491604167862759</v>
      </c>
    </row>
    <row r="123192" spans="1:7" x14ac:dyDescent="0.3">
      <c r="A123192" s="13" t="s">
        <v>573</v>
      </c>
      <c r="B123192" s="14" t="s">
        <v>1</v>
      </c>
      <c r="C123192" s="14" t="s">
        <v>200</v>
      </c>
      <c r="D123192" s="14" t="s">
        <v>193</v>
      </c>
      <c r="E123192" s="15">
        <v>45563</v>
      </c>
      <c r="F123192" s="14" t="s">
        <v>15</v>
      </c>
      <c r="G123192" s="16">
        <v>1.3491604167862759</v>
      </c>
    </row>
    <row r="123193" spans="1:7" x14ac:dyDescent="0.3">
      <c r="A123193" s="13" t="s">
        <v>573</v>
      </c>
      <c r="B123193" s="14" t="s">
        <v>1</v>
      </c>
      <c r="C123193" s="14" t="s">
        <v>200</v>
      </c>
      <c r="D123193" s="14" t="s">
        <v>193</v>
      </c>
      <c r="E123193" s="15">
        <v>45564</v>
      </c>
      <c r="F123193" s="14" t="s">
        <v>15</v>
      </c>
      <c r="G123193" s="16">
        <v>1.3491604167862759</v>
      </c>
    </row>
    <row r="123194" spans="1:7" x14ac:dyDescent="0.3">
      <c r="A123194" s="13" t="s">
        <v>573</v>
      </c>
      <c r="B123194" s="14" t="s">
        <v>1</v>
      </c>
      <c r="C123194" s="14" t="s">
        <v>200</v>
      </c>
      <c r="D123194" s="14" t="s">
        <v>193</v>
      </c>
      <c r="E123194" s="15">
        <v>45565</v>
      </c>
      <c r="F123194" s="14" t="s">
        <v>15</v>
      </c>
      <c r="G123194" s="16">
        <v>1.3567509280528529</v>
      </c>
    </row>
    <row r="123195" spans="1:7" x14ac:dyDescent="0.3">
      <c r="A123195" s="13" t="s">
        <v>573</v>
      </c>
      <c r="B123195" s="14" t="s">
        <v>1</v>
      </c>
      <c r="C123195" s="14" t="s">
        <v>200</v>
      </c>
      <c r="D123195" s="14" t="s">
        <v>193</v>
      </c>
      <c r="E123195" s="15">
        <v>45566</v>
      </c>
      <c r="F123195" s="14" t="s">
        <v>15</v>
      </c>
      <c r="G123195" s="16">
        <v>1.3671212206231549</v>
      </c>
    </row>
    <row r="123196" spans="1:7" x14ac:dyDescent="0.3">
      <c r="A123196" s="13" t="s">
        <v>573</v>
      </c>
      <c r="B123196" s="14" t="s">
        <v>1</v>
      </c>
      <c r="C123196" s="14" t="s">
        <v>200</v>
      </c>
      <c r="D123196" s="14" t="s">
        <v>193</v>
      </c>
      <c r="E123196" s="15">
        <v>45567</v>
      </c>
      <c r="F123196" s="14" t="s">
        <v>15</v>
      </c>
      <c r="G123196" s="16">
        <v>1.3769403870272028</v>
      </c>
    </row>
    <row r="123197" spans="1:7" x14ac:dyDescent="0.3">
      <c r="A123197" s="13" t="s">
        <v>573</v>
      </c>
      <c r="B123197" s="14" t="s">
        <v>1</v>
      </c>
      <c r="C123197" s="14" t="s">
        <v>200</v>
      </c>
      <c r="D123197" s="14" t="s">
        <v>193</v>
      </c>
      <c r="E123197" s="15">
        <v>45568</v>
      </c>
      <c r="F123197" s="14" t="s">
        <v>15</v>
      </c>
      <c r="G123197" s="16">
        <v>1.3834032570030508</v>
      </c>
    </row>
    <row r="123198" spans="1:7" x14ac:dyDescent="0.3">
      <c r="A123198" s="13" t="s">
        <v>573</v>
      </c>
      <c r="B123198" s="14" t="s">
        <v>1</v>
      </c>
      <c r="C123198" s="14" t="s">
        <v>200</v>
      </c>
      <c r="D123198" s="14" t="s">
        <v>193</v>
      </c>
      <c r="E123198" s="15">
        <v>45569</v>
      </c>
      <c r="F123198" s="14" t="s">
        <v>15</v>
      </c>
      <c r="G123198" s="16">
        <v>1.389939197639144</v>
      </c>
    </row>
    <row r="123199" spans="1:7" x14ac:dyDescent="0.3">
      <c r="A123199" s="13" t="s">
        <v>573</v>
      </c>
      <c r="B123199" s="14" t="s">
        <v>1</v>
      </c>
      <c r="C123199" s="14" t="s">
        <v>200</v>
      </c>
      <c r="D123199" s="14" t="s">
        <v>193</v>
      </c>
      <c r="E123199" s="15">
        <v>45570</v>
      </c>
      <c r="F123199" s="14" t="s">
        <v>15</v>
      </c>
      <c r="G123199" s="16">
        <v>1.389939197639144</v>
      </c>
    </row>
    <row r="123200" spans="1:7" x14ac:dyDescent="0.3">
      <c r="A123200" s="13" t="s">
        <v>573</v>
      </c>
      <c r="B123200" s="14" t="s">
        <v>1</v>
      </c>
      <c r="C123200" s="14" t="s">
        <v>200</v>
      </c>
      <c r="D123200" s="14" t="s">
        <v>193</v>
      </c>
      <c r="E123200" s="15">
        <v>45571</v>
      </c>
      <c r="F123200" s="14" t="s">
        <v>15</v>
      </c>
      <c r="G123200" s="16">
        <v>1.389939197639144</v>
      </c>
    </row>
    <row r="123201" spans="1:7" x14ac:dyDescent="0.3">
      <c r="A123201" s="13" t="s">
        <v>573</v>
      </c>
      <c r="B123201" s="14" t="s">
        <v>1</v>
      </c>
      <c r="C123201" s="14" t="s">
        <v>200</v>
      </c>
      <c r="D123201" s="14" t="s">
        <v>193</v>
      </c>
      <c r="E123201" s="15">
        <v>45572</v>
      </c>
      <c r="F123201" s="14" t="s">
        <v>15</v>
      </c>
      <c r="G123201" s="16">
        <v>1.4030422090540298</v>
      </c>
    </row>
    <row r="123202" spans="1:7" x14ac:dyDescent="0.3">
      <c r="A123202" s="13" t="s">
        <v>573</v>
      </c>
      <c r="B123202" s="14" t="s">
        <v>1</v>
      </c>
      <c r="C123202" s="14" t="s">
        <v>200</v>
      </c>
      <c r="D123202" s="14" t="s">
        <v>193</v>
      </c>
      <c r="E123202" s="15">
        <v>45573</v>
      </c>
      <c r="F123202" s="14" t="s">
        <v>15</v>
      </c>
      <c r="G123202" s="16">
        <v>1.4221710729675892</v>
      </c>
    </row>
    <row r="123203" spans="1:7" x14ac:dyDescent="0.3">
      <c r="A123203" s="13" t="s">
        <v>573</v>
      </c>
      <c r="B123203" s="14" t="s">
        <v>1</v>
      </c>
      <c r="C123203" s="14" t="s">
        <v>200</v>
      </c>
      <c r="D123203" s="14" t="s">
        <v>193</v>
      </c>
      <c r="E123203" s="15">
        <v>45574</v>
      </c>
      <c r="F123203" s="14" t="s">
        <v>15</v>
      </c>
      <c r="G123203" s="16">
        <v>1.4285782110839285</v>
      </c>
    </row>
    <row r="123204" spans="1:7" x14ac:dyDescent="0.3">
      <c r="A123204" s="13" t="s">
        <v>573</v>
      </c>
      <c r="B123204" s="14" t="s">
        <v>1</v>
      </c>
      <c r="C123204" s="14" t="s">
        <v>200</v>
      </c>
      <c r="D123204" s="14" t="s">
        <v>193</v>
      </c>
      <c r="E123204" s="15">
        <v>45575</v>
      </c>
      <c r="F123204" s="14" t="s">
        <v>15</v>
      </c>
      <c r="G123204" s="16">
        <v>1.4338954817254279</v>
      </c>
    </row>
    <row r="123205" spans="1:7" x14ac:dyDescent="0.3">
      <c r="A123205" s="13" t="s">
        <v>573</v>
      </c>
      <c r="B123205" s="14" t="s">
        <v>1</v>
      </c>
      <c r="C123205" s="14" t="s">
        <v>200</v>
      </c>
      <c r="D123205" s="14" t="s">
        <v>193</v>
      </c>
      <c r="E123205" s="15">
        <v>45576</v>
      </c>
      <c r="F123205" s="14" t="s">
        <v>15</v>
      </c>
      <c r="G123205" s="16">
        <v>1.4399205469826899</v>
      </c>
    </row>
    <row r="123206" spans="1:7" x14ac:dyDescent="0.3">
      <c r="A123206" s="13" t="s">
        <v>573</v>
      </c>
      <c r="B123206" s="14" t="s">
        <v>1</v>
      </c>
      <c r="C123206" s="14" t="s">
        <v>200</v>
      </c>
      <c r="D123206" s="14" t="s">
        <v>193</v>
      </c>
      <c r="E123206" s="15">
        <v>45577</v>
      </c>
      <c r="F123206" s="14" t="s">
        <v>15</v>
      </c>
      <c r="G123206" s="16">
        <v>1.4399205469826899</v>
      </c>
    </row>
    <row r="123207" spans="1:7" x14ac:dyDescent="0.3">
      <c r="A123207" s="13" t="s">
        <v>573</v>
      </c>
      <c r="B123207" s="14" t="s">
        <v>1</v>
      </c>
      <c r="C123207" s="14" t="s">
        <v>200</v>
      </c>
      <c r="D123207" s="14" t="s">
        <v>193</v>
      </c>
      <c r="E123207" s="15">
        <v>45578</v>
      </c>
      <c r="F123207" s="14" t="s">
        <v>15</v>
      </c>
      <c r="G123207" s="16">
        <v>1.4399205469826899</v>
      </c>
    </row>
    <row r="123208" spans="1:7" x14ac:dyDescent="0.3">
      <c r="A123208" s="13" t="s">
        <v>573</v>
      </c>
      <c r="B123208" s="14" t="s">
        <v>1</v>
      </c>
      <c r="C123208" s="14" t="s">
        <v>200</v>
      </c>
      <c r="D123208" s="14" t="s">
        <v>193</v>
      </c>
      <c r="E123208" s="15">
        <v>45579</v>
      </c>
      <c r="F123208" s="14" t="s">
        <v>15</v>
      </c>
      <c r="G123208" s="16">
        <v>1.4399205469826899</v>
      </c>
    </row>
    <row r="123209" spans="1:7" x14ac:dyDescent="0.3">
      <c r="A123209" s="13" t="s">
        <v>573</v>
      </c>
      <c r="B123209" s="14" t="s">
        <v>1</v>
      </c>
      <c r="C123209" s="14" t="s">
        <v>200</v>
      </c>
      <c r="D123209" s="14" t="s">
        <v>193</v>
      </c>
      <c r="E123209" s="15">
        <v>45580</v>
      </c>
      <c r="F123209" s="14" t="s">
        <v>15</v>
      </c>
      <c r="G123209" s="16">
        <v>1.4462019787936926</v>
      </c>
    </row>
    <row r="123210" spans="1:7" x14ac:dyDescent="0.3">
      <c r="A123210" s="13" t="s">
        <v>573</v>
      </c>
      <c r="B123210" s="14" t="s">
        <v>1</v>
      </c>
      <c r="C123210" s="14" t="s">
        <v>200</v>
      </c>
      <c r="D123210" s="14" t="s">
        <v>193</v>
      </c>
      <c r="E123210" s="15">
        <v>45581</v>
      </c>
      <c r="F123210" s="14" t="s">
        <v>15</v>
      </c>
      <c r="G123210" s="16">
        <v>1.4716960403060459</v>
      </c>
    </row>
    <row r="123211" spans="1:7" x14ac:dyDescent="0.3">
      <c r="A123211" s="13" t="s">
        <v>573</v>
      </c>
      <c r="B123211" s="14" t="s">
        <v>1</v>
      </c>
      <c r="C123211" s="14" t="s">
        <v>200</v>
      </c>
      <c r="D123211" s="14" t="s">
        <v>193</v>
      </c>
      <c r="E123211" s="15">
        <v>45582</v>
      </c>
      <c r="F123211" s="14" t="s">
        <v>15</v>
      </c>
      <c r="G123211" s="16">
        <v>1.4806470281875226</v>
      </c>
    </row>
    <row r="123212" spans="1:7" x14ac:dyDescent="0.3">
      <c r="A123212" s="13" t="s">
        <v>573</v>
      </c>
      <c r="B123212" s="14" t="s">
        <v>1</v>
      </c>
      <c r="C123212" s="14" t="s">
        <v>200</v>
      </c>
      <c r="D123212" s="14" t="s">
        <v>193</v>
      </c>
      <c r="E123212" s="15">
        <v>45583</v>
      </c>
      <c r="F123212" s="14" t="s">
        <v>15</v>
      </c>
      <c r="G123212" s="16">
        <v>1.4952325070653438</v>
      </c>
    </row>
    <row r="123213" spans="1:7" x14ac:dyDescent="0.3">
      <c r="A123213" s="13" t="s">
        <v>573</v>
      </c>
      <c r="B123213" s="14" t="s">
        <v>1</v>
      </c>
      <c r="C123213" s="14" t="s">
        <v>200</v>
      </c>
      <c r="D123213" s="14" t="s">
        <v>193</v>
      </c>
      <c r="E123213" s="15">
        <v>45584</v>
      </c>
      <c r="F123213" s="14" t="s">
        <v>15</v>
      </c>
      <c r="G123213" s="16">
        <v>1.4952325070653438</v>
      </c>
    </row>
    <row r="123214" spans="1:7" x14ac:dyDescent="0.3">
      <c r="A123214" s="13" t="s">
        <v>573</v>
      </c>
      <c r="B123214" s="14" t="s">
        <v>1</v>
      </c>
      <c r="C123214" s="14" t="s">
        <v>200</v>
      </c>
      <c r="D123214" s="14" t="s">
        <v>193</v>
      </c>
      <c r="E123214" s="15">
        <v>45585</v>
      </c>
      <c r="F123214" s="14" t="s">
        <v>15</v>
      </c>
      <c r="G123214" s="16">
        <v>1.4952325070653438</v>
      </c>
    </row>
    <row r="123215" spans="1:7" x14ac:dyDescent="0.3">
      <c r="A123215" s="13" t="s">
        <v>573</v>
      </c>
      <c r="B123215" s="14" t="s">
        <v>1</v>
      </c>
      <c r="C123215" s="14" t="s">
        <v>200</v>
      </c>
      <c r="D123215" s="14" t="s">
        <v>193</v>
      </c>
      <c r="E123215" s="15">
        <v>45586</v>
      </c>
      <c r="F123215" s="14" t="s">
        <v>15</v>
      </c>
      <c r="G123215" s="16">
        <v>1.5074859172441617</v>
      </c>
    </row>
    <row r="123216" spans="1:7" x14ac:dyDescent="0.3">
      <c r="A123216" s="13" t="s">
        <v>573</v>
      </c>
      <c r="B123216" s="14" t="s">
        <v>1</v>
      </c>
      <c r="C123216" s="14" t="s">
        <v>200</v>
      </c>
      <c r="D123216" s="14" t="s">
        <v>193</v>
      </c>
      <c r="E123216" s="15">
        <v>45587</v>
      </c>
      <c r="F123216" s="14" t="s">
        <v>15</v>
      </c>
      <c r="G123216" s="16">
        <v>1.5278978524121916</v>
      </c>
    </row>
    <row r="123217" spans="1:7" x14ac:dyDescent="0.3">
      <c r="A123217" s="13" t="s">
        <v>573</v>
      </c>
      <c r="B123217" s="14" t="s">
        <v>1</v>
      </c>
      <c r="C123217" s="14" t="s">
        <v>200</v>
      </c>
      <c r="D123217" s="14" t="s">
        <v>193</v>
      </c>
      <c r="E123217" s="15">
        <v>45588</v>
      </c>
      <c r="F123217" s="14" t="s">
        <v>15</v>
      </c>
      <c r="G123217" s="16">
        <v>1.534991111643373</v>
      </c>
    </row>
    <row r="123218" spans="1:7" x14ac:dyDescent="0.3">
      <c r="A123218" s="13" t="s">
        <v>573</v>
      </c>
      <c r="B123218" s="14" t="s">
        <v>1</v>
      </c>
      <c r="C123218" s="14" t="s">
        <v>200</v>
      </c>
      <c r="D123218" s="14" t="s">
        <v>193</v>
      </c>
      <c r="E123218" s="15">
        <v>45589</v>
      </c>
      <c r="F123218" s="14" t="s">
        <v>15</v>
      </c>
      <c r="G123218" s="16">
        <v>1.5418924055806909</v>
      </c>
    </row>
    <row r="123219" spans="1:7" x14ac:dyDescent="0.3">
      <c r="A123219" s="13" t="s">
        <v>573</v>
      </c>
      <c r="B123219" s="14" t="s">
        <v>1</v>
      </c>
      <c r="C123219" s="14" t="s">
        <v>200</v>
      </c>
      <c r="D123219" s="14" t="s">
        <v>193</v>
      </c>
      <c r="E123219" s="15">
        <v>45590</v>
      </c>
      <c r="F123219" s="14" t="s">
        <v>15</v>
      </c>
      <c r="G123219" s="16">
        <v>1.5487268212865979</v>
      </c>
    </row>
    <row r="123220" spans="1:7" x14ac:dyDescent="0.3">
      <c r="A123220" s="13" t="s">
        <v>573</v>
      </c>
      <c r="B123220" s="14" t="s">
        <v>1</v>
      </c>
      <c r="C123220" s="14" t="s">
        <v>200</v>
      </c>
      <c r="D123220" s="14" t="s">
        <v>193</v>
      </c>
      <c r="E123220" s="15">
        <v>45591</v>
      </c>
      <c r="F123220" s="14" t="s">
        <v>15</v>
      </c>
      <c r="G123220" s="16">
        <v>1.5487268212865979</v>
      </c>
    </row>
    <row r="123221" spans="1:7" x14ac:dyDescent="0.3">
      <c r="A123221" s="13" t="s">
        <v>573</v>
      </c>
      <c r="B123221" s="14" t="s">
        <v>1</v>
      </c>
      <c r="C123221" s="14" t="s">
        <v>200</v>
      </c>
      <c r="D123221" s="14" t="s">
        <v>193</v>
      </c>
      <c r="E123221" s="15">
        <v>45592</v>
      </c>
      <c r="F123221" s="14" t="s">
        <v>15</v>
      </c>
      <c r="G123221" s="16">
        <v>1.5487268212865979</v>
      </c>
    </row>
    <row r="123222" spans="1:7" x14ac:dyDescent="0.3">
      <c r="A123222" s="13" t="s">
        <v>573</v>
      </c>
      <c r="B123222" s="14" t="s">
        <v>1</v>
      </c>
      <c r="C123222" s="14" t="s">
        <v>200</v>
      </c>
      <c r="D123222" s="14" t="s">
        <v>193</v>
      </c>
      <c r="E123222" s="15">
        <v>45593</v>
      </c>
      <c r="F123222" s="14" t="s">
        <v>15</v>
      </c>
      <c r="G123222" s="16">
        <v>1.5487268212865979</v>
      </c>
    </row>
    <row r="123223" spans="1:7" x14ac:dyDescent="0.3">
      <c r="A123223" s="13" t="s">
        <v>573</v>
      </c>
      <c r="B123223" s="14" t="s">
        <v>1</v>
      </c>
      <c r="C123223" s="14" t="s">
        <v>200</v>
      </c>
      <c r="D123223" s="14" t="s">
        <v>193</v>
      </c>
      <c r="E123223" s="15">
        <v>45594</v>
      </c>
      <c r="F123223" s="14" t="s">
        <v>15</v>
      </c>
      <c r="G123223" s="16">
        <v>1.5560021379255085</v>
      </c>
    </row>
    <row r="123224" spans="1:7" x14ac:dyDescent="0.3">
      <c r="A123224" s="13" t="s">
        <v>573</v>
      </c>
      <c r="B123224" s="14" t="s">
        <v>1</v>
      </c>
      <c r="C123224" s="14" t="s">
        <v>200</v>
      </c>
      <c r="D123224" s="14" t="s">
        <v>193</v>
      </c>
      <c r="E123224" s="15">
        <v>45595</v>
      </c>
      <c r="F123224" s="14" t="s">
        <v>15</v>
      </c>
      <c r="G123224" s="16">
        <v>1.5839564514137361</v>
      </c>
    </row>
    <row r="123225" spans="1:7" x14ac:dyDescent="0.3">
      <c r="A123225" s="13" t="s">
        <v>573</v>
      </c>
      <c r="B123225" s="14" t="s">
        <v>1</v>
      </c>
      <c r="C123225" s="14" t="s">
        <v>200</v>
      </c>
      <c r="D123225" s="14" t="s">
        <v>193</v>
      </c>
      <c r="E123225" s="15">
        <v>45596</v>
      </c>
      <c r="F123225" s="14" t="s">
        <v>15</v>
      </c>
      <c r="G123225" s="16">
        <v>1.5907902478767597</v>
      </c>
    </row>
    <row r="123226" spans="1:7" x14ac:dyDescent="0.3">
      <c r="A123226" s="13" t="s">
        <v>573</v>
      </c>
      <c r="B123226" s="14" t="s">
        <v>1</v>
      </c>
      <c r="C123226" s="14" t="s">
        <v>200</v>
      </c>
      <c r="D123226" s="14" t="s">
        <v>193</v>
      </c>
      <c r="E123226" s="15">
        <v>45597</v>
      </c>
      <c r="F123226" s="14" t="s">
        <v>15</v>
      </c>
      <c r="G123226" s="16">
        <v>1.5969670276404626</v>
      </c>
    </row>
    <row r="123227" spans="1:7" x14ac:dyDescent="0.3">
      <c r="A123227" s="13" t="s">
        <v>573</v>
      </c>
      <c r="B123227" s="14" t="s">
        <v>1</v>
      </c>
      <c r="C123227" s="14" t="s">
        <v>200</v>
      </c>
      <c r="D123227" s="14" t="s">
        <v>193</v>
      </c>
      <c r="E123227" s="15">
        <v>45598</v>
      </c>
      <c r="F123227" s="14" t="s">
        <v>15</v>
      </c>
      <c r="G123227" s="16">
        <v>1.5969670276404626</v>
      </c>
    </row>
    <row r="123228" spans="1:7" x14ac:dyDescent="0.3">
      <c r="A123228" s="13" t="s">
        <v>573</v>
      </c>
      <c r="B123228" s="14" t="s">
        <v>1</v>
      </c>
      <c r="C123228" s="14" t="s">
        <v>200</v>
      </c>
      <c r="D123228" s="14" t="s">
        <v>193</v>
      </c>
      <c r="E123228" s="15">
        <v>45599</v>
      </c>
      <c r="F123228" s="14" t="s">
        <v>15</v>
      </c>
      <c r="G123228" s="16">
        <v>1.5969670276404626</v>
      </c>
    </row>
    <row r="123229" spans="1:7" x14ac:dyDescent="0.3">
      <c r="A123229" s="13" t="s">
        <v>573</v>
      </c>
      <c r="B123229" s="14" t="s">
        <v>1</v>
      </c>
      <c r="C123229" s="14" t="s">
        <v>200</v>
      </c>
      <c r="D123229" s="14" t="s">
        <v>193</v>
      </c>
      <c r="E123229" s="15">
        <v>45600</v>
      </c>
      <c r="F123229" s="14" t="s">
        <v>15</v>
      </c>
      <c r="G123229" s="16">
        <v>1.6059526931234114</v>
      </c>
    </row>
    <row r="123230" spans="1:7" x14ac:dyDescent="0.3">
      <c r="A123230" s="13" t="s">
        <v>573</v>
      </c>
      <c r="B123230" s="14" t="s">
        <v>1</v>
      </c>
      <c r="C123230" s="14" t="s">
        <v>200</v>
      </c>
      <c r="D123230" s="14" t="s">
        <v>193</v>
      </c>
      <c r="E123230" s="15">
        <v>45601</v>
      </c>
      <c r="F123230" s="14" t="s">
        <v>15</v>
      </c>
      <c r="G123230" s="16">
        <v>1.635693522330339</v>
      </c>
    </row>
    <row r="123231" spans="1:7" x14ac:dyDescent="0.3">
      <c r="A123231" s="13" t="s">
        <v>573</v>
      </c>
      <c r="B123231" s="14" t="s">
        <v>1</v>
      </c>
      <c r="C123231" s="14" t="s">
        <v>200</v>
      </c>
      <c r="D123231" s="14" t="s">
        <v>193</v>
      </c>
      <c r="E123231" s="15">
        <v>45602</v>
      </c>
      <c r="F123231" s="14" t="s">
        <v>15</v>
      </c>
      <c r="G123231" s="16">
        <v>1.642088894831893</v>
      </c>
    </row>
    <row r="123232" spans="1:7" x14ac:dyDescent="0.3">
      <c r="A123232" s="13" t="s">
        <v>573</v>
      </c>
      <c r="B123232" s="14" t="s">
        <v>1</v>
      </c>
      <c r="C123232" s="14" t="s">
        <v>200</v>
      </c>
      <c r="D123232" s="14" t="s">
        <v>193</v>
      </c>
      <c r="E123232" s="15">
        <v>45603</v>
      </c>
      <c r="F123232" s="14" t="s">
        <v>15</v>
      </c>
      <c r="G123232" s="16">
        <v>1.6414750571358843</v>
      </c>
    </row>
    <row r="123233" spans="1:7" x14ac:dyDescent="0.3">
      <c r="A123233" s="13" t="s">
        <v>573</v>
      </c>
      <c r="B123233" s="14" t="s">
        <v>1</v>
      </c>
      <c r="C123233" s="14" t="s">
        <v>200</v>
      </c>
      <c r="D123233" s="14" t="s">
        <v>193</v>
      </c>
      <c r="E123233" s="15">
        <v>45604</v>
      </c>
      <c r="F123233" s="14" t="s">
        <v>15</v>
      </c>
      <c r="G123233" s="16">
        <v>1.6501974252048976</v>
      </c>
    </row>
    <row r="123234" spans="1:7" x14ac:dyDescent="0.3">
      <c r="A123234" s="13" t="s">
        <v>573</v>
      </c>
      <c r="B123234" s="14" t="s">
        <v>1</v>
      </c>
      <c r="C123234" s="14" t="s">
        <v>200</v>
      </c>
      <c r="D123234" s="14" t="s">
        <v>193</v>
      </c>
      <c r="E123234" s="15">
        <v>45605</v>
      </c>
      <c r="F123234" s="14" t="s">
        <v>15</v>
      </c>
      <c r="G123234" s="16">
        <v>1.6501974252048976</v>
      </c>
    </row>
    <row r="123235" spans="1:7" x14ac:dyDescent="0.3">
      <c r="A123235" s="13" t="s">
        <v>573</v>
      </c>
      <c r="B123235" s="14" t="s">
        <v>1</v>
      </c>
      <c r="C123235" s="14" t="s">
        <v>200</v>
      </c>
      <c r="D123235" s="14" t="s">
        <v>193</v>
      </c>
      <c r="E123235" s="15">
        <v>45606</v>
      </c>
      <c r="F123235" s="14" t="s">
        <v>15</v>
      </c>
      <c r="G123235" s="16">
        <v>1.6501974252048976</v>
      </c>
    </row>
    <row r="123236" spans="1:7" x14ac:dyDescent="0.3">
      <c r="A123236" s="13" t="s">
        <v>573</v>
      </c>
      <c r="B123236" s="14" t="s">
        <v>1</v>
      </c>
      <c r="C123236" s="14" t="s">
        <v>200</v>
      </c>
      <c r="D123236" s="14" t="s">
        <v>193</v>
      </c>
      <c r="E123236" s="15">
        <v>45607</v>
      </c>
      <c r="F123236" s="14" t="s">
        <v>15</v>
      </c>
      <c r="G123236" s="16">
        <v>1.6501974252048976</v>
      </c>
    </row>
    <row r="123237" spans="1:7" x14ac:dyDescent="0.3">
      <c r="A123237" s="13" t="s">
        <v>573</v>
      </c>
      <c r="B123237" s="14" t="s">
        <v>1</v>
      </c>
      <c r="C123237" s="14" t="s">
        <v>200</v>
      </c>
      <c r="D123237" s="14" t="s">
        <v>193</v>
      </c>
      <c r="E123237" s="15">
        <v>45608</v>
      </c>
      <c r="F123237" s="14" t="s">
        <v>15</v>
      </c>
      <c r="G123237" s="16">
        <v>1.65837620697928</v>
      </c>
    </row>
    <row r="123238" spans="1:7" x14ac:dyDescent="0.3">
      <c r="A123238" s="13" t="s">
        <v>573</v>
      </c>
      <c r="B123238" s="14" t="s">
        <v>1</v>
      </c>
      <c r="C123238" s="14" t="s">
        <v>200</v>
      </c>
      <c r="D123238" s="14" t="s">
        <v>193</v>
      </c>
      <c r="E123238" s="15">
        <v>45609</v>
      </c>
      <c r="F123238" s="14" t="s">
        <v>15</v>
      </c>
      <c r="G123238" s="16">
        <v>1.6783369849361791</v>
      </c>
    </row>
    <row r="123239" spans="1:7" x14ac:dyDescent="0.3">
      <c r="A123239" s="13" t="s">
        <v>573</v>
      </c>
      <c r="B123239" s="14" t="s">
        <v>1</v>
      </c>
      <c r="C123239" s="14" t="s">
        <v>200</v>
      </c>
      <c r="D123239" s="14" t="s">
        <v>193</v>
      </c>
      <c r="E123239" s="15">
        <v>45610</v>
      </c>
      <c r="F123239" s="14" t="s">
        <v>15</v>
      </c>
      <c r="G123239" s="16">
        <v>1.6850141805977268</v>
      </c>
    </row>
    <row r="123240" spans="1:7" x14ac:dyDescent="0.3">
      <c r="A123240" s="13" t="s">
        <v>573</v>
      </c>
      <c r="B123240" s="14" t="s">
        <v>1</v>
      </c>
      <c r="C123240" s="14" t="s">
        <v>200</v>
      </c>
      <c r="D123240" s="14" t="s">
        <v>193</v>
      </c>
      <c r="E123240" s="15">
        <v>45611</v>
      </c>
      <c r="F123240" s="14" t="s">
        <v>15</v>
      </c>
      <c r="G123240" s="16">
        <v>1.692991058891246</v>
      </c>
    </row>
    <row r="123241" spans="1:7" x14ac:dyDescent="0.3">
      <c r="A123241" s="13" t="s">
        <v>573</v>
      </c>
      <c r="B123241" s="14" t="s">
        <v>1</v>
      </c>
      <c r="C123241" s="14" t="s">
        <v>200</v>
      </c>
      <c r="D123241" s="14" t="s">
        <v>193</v>
      </c>
      <c r="E123241" s="15">
        <v>45612</v>
      </c>
      <c r="F123241" s="14" t="s">
        <v>15</v>
      </c>
      <c r="G123241" s="16">
        <v>1.692991058891246</v>
      </c>
    </row>
    <row r="123242" spans="1:7" x14ac:dyDescent="0.3">
      <c r="A123242" s="13" t="s">
        <v>573</v>
      </c>
      <c r="B123242" s="14" t="s">
        <v>1</v>
      </c>
      <c r="C123242" s="14" t="s">
        <v>200</v>
      </c>
      <c r="D123242" s="14" t="s">
        <v>193</v>
      </c>
      <c r="E123242" s="15">
        <v>45613</v>
      </c>
      <c r="F123242" s="14" t="s">
        <v>15</v>
      </c>
      <c r="G123242" s="16">
        <v>1.692991058891246</v>
      </c>
    </row>
    <row r="123243" spans="1:7" x14ac:dyDescent="0.3">
      <c r="A123243" s="13" t="s">
        <v>573</v>
      </c>
      <c r="B123243" s="14" t="s">
        <v>1</v>
      </c>
      <c r="C123243" s="14" t="s">
        <v>200</v>
      </c>
      <c r="D123243" s="14" t="s">
        <v>193</v>
      </c>
      <c r="E123243" s="15">
        <v>45614</v>
      </c>
      <c r="F123243" s="14" t="s">
        <v>15</v>
      </c>
      <c r="G123243" s="16">
        <v>1.6994243036303249</v>
      </c>
    </row>
    <row r="123244" spans="1:7" x14ac:dyDescent="0.3">
      <c r="A123244" s="13" t="s">
        <v>573</v>
      </c>
      <c r="B123244" s="14" t="s">
        <v>1</v>
      </c>
      <c r="C123244" s="14" t="s">
        <v>200</v>
      </c>
      <c r="D123244" s="14" t="s">
        <v>193</v>
      </c>
      <c r="E123244" s="15">
        <v>45615</v>
      </c>
      <c r="F123244" s="14" t="s">
        <v>15</v>
      </c>
      <c r="G123244" s="16">
        <v>1.7195225880854477</v>
      </c>
    </row>
    <row r="123245" spans="1:7" x14ac:dyDescent="0.3">
      <c r="A123245" s="13" t="s">
        <v>573</v>
      </c>
      <c r="B123245" s="14" t="s">
        <v>1</v>
      </c>
      <c r="C123245" s="14" t="s">
        <v>200</v>
      </c>
      <c r="D123245" s="14" t="s">
        <v>193</v>
      </c>
      <c r="E123245" s="15">
        <v>45616</v>
      </c>
      <c r="F123245" s="14" t="s">
        <v>15</v>
      </c>
      <c r="G123245" s="16">
        <v>1.729065070668661</v>
      </c>
    </row>
    <row r="123246" spans="1:7" x14ac:dyDescent="0.3">
      <c r="A123246" s="13" t="s">
        <v>573</v>
      </c>
      <c r="B123246" s="14" t="s">
        <v>1</v>
      </c>
      <c r="C123246" s="14" t="s">
        <v>200</v>
      </c>
      <c r="D123246" s="14" t="s">
        <v>193</v>
      </c>
      <c r="E123246" s="15">
        <v>45617</v>
      </c>
      <c r="F123246" s="14" t="s">
        <v>15</v>
      </c>
      <c r="G123246" s="16">
        <v>1.7358498471717942</v>
      </c>
    </row>
    <row r="123247" spans="1:7" x14ac:dyDescent="0.3">
      <c r="A123247" s="13" t="s">
        <v>573</v>
      </c>
      <c r="B123247" s="14" t="s">
        <v>1</v>
      </c>
      <c r="C123247" s="14" t="s">
        <v>200</v>
      </c>
      <c r="D123247" s="14" t="s">
        <v>193</v>
      </c>
      <c r="E123247" s="15">
        <v>45618</v>
      </c>
      <c r="F123247" s="14" t="s">
        <v>15</v>
      </c>
      <c r="G123247" s="16">
        <v>1.7460639524033561</v>
      </c>
    </row>
    <row r="123248" spans="1:7" x14ac:dyDescent="0.3">
      <c r="A123248" s="13" t="s">
        <v>573</v>
      </c>
      <c r="B123248" s="14" t="s">
        <v>1</v>
      </c>
      <c r="C123248" s="14" t="s">
        <v>200</v>
      </c>
      <c r="D123248" s="14" t="s">
        <v>193</v>
      </c>
      <c r="E123248" s="15">
        <v>45619</v>
      </c>
      <c r="F123248" s="14" t="s">
        <v>15</v>
      </c>
      <c r="G123248" s="16">
        <v>1.7460639524033561</v>
      </c>
    </row>
    <row r="123249" spans="1:7" x14ac:dyDescent="0.3">
      <c r="A123249" s="13" t="s">
        <v>573</v>
      </c>
      <c r="B123249" s="14" t="s">
        <v>1</v>
      </c>
      <c r="C123249" s="14" t="s">
        <v>200</v>
      </c>
      <c r="D123249" s="14" t="s">
        <v>193</v>
      </c>
      <c r="E123249" s="15">
        <v>45620</v>
      </c>
      <c r="F123249" s="14" t="s">
        <v>15</v>
      </c>
      <c r="G123249" s="16">
        <v>1.7460639524033561</v>
      </c>
    </row>
    <row r="123250" spans="1:7" x14ac:dyDescent="0.3">
      <c r="A123250" s="13" t="s">
        <v>573</v>
      </c>
      <c r="B123250" s="14" t="s">
        <v>1</v>
      </c>
      <c r="C123250" s="14" t="s">
        <v>200</v>
      </c>
      <c r="D123250" s="14" t="s">
        <v>193</v>
      </c>
      <c r="E123250" s="15">
        <v>45621</v>
      </c>
      <c r="F123250" s="14" t="s">
        <v>15</v>
      </c>
      <c r="G123250" s="16">
        <v>1.7513085046040715</v>
      </c>
    </row>
    <row r="123251" spans="1:7" x14ac:dyDescent="0.3">
      <c r="A123251" s="13" t="s">
        <v>573</v>
      </c>
      <c r="B123251" s="14" t="s">
        <v>1</v>
      </c>
      <c r="C123251" s="14" t="s">
        <v>200</v>
      </c>
      <c r="D123251" s="14" t="s">
        <v>193</v>
      </c>
      <c r="E123251" s="15">
        <v>45622</v>
      </c>
      <c r="F123251" s="14" t="s">
        <v>15</v>
      </c>
      <c r="G123251" s="16">
        <v>1.774723233665114</v>
      </c>
    </row>
    <row r="123252" spans="1:7" x14ac:dyDescent="0.3">
      <c r="A123252" s="13" t="s">
        <v>573</v>
      </c>
      <c r="B123252" s="14" t="s">
        <v>1</v>
      </c>
      <c r="C123252" s="14" t="s">
        <v>200</v>
      </c>
      <c r="D123252" s="14" t="s">
        <v>193</v>
      </c>
      <c r="E123252" s="15">
        <v>45623</v>
      </c>
      <c r="F123252" s="14" t="s">
        <v>15</v>
      </c>
      <c r="G123252" s="16">
        <v>1.7816205154849756</v>
      </c>
    </row>
    <row r="123253" spans="1:7" x14ac:dyDescent="0.3">
      <c r="A123253" s="13" t="s">
        <v>573</v>
      </c>
      <c r="B123253" s="14" t="s">
        <v>1</v>
      </c>
      <c r="C123253" s="14" t="s">
        <v>200</v>
      </c>
      <c r="D123253" s="14" t="s">
        <v>193</v>
      </c>
      <c r="E123253" s="15">
        <v>45624</v>
      </c>
      <c r="F123253" s="14" t="s">
        <v>15</v>
      </c>
      <c r="G123253" s="16">
        <v>1.7816205154849756</v>
      </c>
    </row>
    <row r="123254" spans="1:7" x14ac:dyDescent="0.3">
      <c r="A123254" s="13" t="s">
        <v>573</v>
      </c>
      <c r="B123254" s="14" t="s">
        <v>1</v>
      </c>
      <c r="C123254" s="14" t="s">
        <v>200</v>
      </c>
      <c r="D123254" s="14" t="s">
        <v>193</v>
      </c>
      <c r="E123254" s="15">
        <v>45625</v>
      </c>
      <c r="F123254" s="14" t="s">
        <v>15</v>
      </c>
      <c r="G123254" s="16">
        <v>1.7906194117735577</v>
      </c>
    </row>
    <row r="123255" spans="1:7" x14ac:dyDescent="0.3">
      <c r="A123255" s="13" t="s">
        <v>573</v>
      </c>
      <c r="B123255" s="14" t="s">
        <v>1</v>
      </c>
      <c r="C123255" s="14" t="s">
        <v>200</v>
      </c>
      <c r="D123255" s="14" t="s">
        <v>193</v>
      </c>
      <c r="E123255" s="15">
        <v>45626</v>
      </c>
      <c r="F123255" s="14" t="s">
        <v>15</v>
      </c>
      <c r="G123255" s="16">
        <v>1.7906194117735577</v>
      </c>
    </row>
    <row r="123256" spans="1:7" x14ac:dyDescent="0.3">
      <c r="A123256" s="13" t="s">
        <v>573</v>
      </c>
      <c r="B123256" s="14" t="s">
        <v>1</v>
      </c>
      <c r="C123256" s="14" t="s">
        <v>200</v>
      </c>
      <c r="D123256" s="14" t="s">
        <v>193</v>
      </c>
      <c r="E123256" s="15">
        <v>45627</v>
      </c>
      <c r="F123256" s="14" t="s">
        <v>15</v>
      </c>
      <c r="G123256" s="16">
        <v>1.7906194117735577</v>
      </c>
    </row>
    <row r="123257" spans="1:7" x14ac:dyDescent="0.3">
      <c r="A123257" s="13" t="s">
        <v>573</v>
      </c>
      <c r="B123257" s="14" t="s">
        <v>1</v>
      </c>
      <c r="C123257" s="14" t="s">
        <v>200</v>
      </c>
      <c r="D123257" s="14" t="s">
        <v>193</v>
      </c>
      <c r="E123257" s="15">
        <v>45628</v>
      </c>
      <c r="F123257" s="14" t="s">
        <v>15</v>
      </c>
      <c r="G123257" s="16">
        <v>1.8053481242939098</v>
      </c>
    </row>
    <row r="123258" spans="1:7" x14ac:dyDescent="0.3">
      <c r="A123258" s="13" t="s">
        <v>573</v>
      </c>
      <c r="B123258" s="14" t="s">
        <v>1</v>
      </c>
      <c r="C123258" s="14" t="s">
        <v>200</v>
      </c>
      <c r="D123258" s="14" t="s">
        <v>193</v>
      </c>
      <c r="E123258" s="15">
        <v>45629</v>
      </c>
      <c r="F123258" s="14" t="s">
        <v>15</v>
      </c>
      <c r="G123258" s="16">
        <v>1.8262528862551435</v>
      </c>
    </row>
    <row r="123259" spans="1:7" x14ac:dyDescent="0.3">
      <c r="A123259" s="13" t="s">
        <v>573</v>
      </c>
      <c r="B123259" s="14" t="s">
        <v>1</v>
      </c>
      <c r="C123259" s="14" t="s">
        <v>200</v>
      </c>
      <c r="D123259" s="14" t="s">
        <v>193</v>
      </c>
      <c r="E123259" s="15">
        <v>45630</v>
      </c>
      <c r="F123259" s="14" t="s">
        <v>15</v>
      </c>
      <c r="G123259" s="16">
        <v>1.8319648847886634</v>
      </c>
    </row>
    <row r="123260" spans="1:7" x14ac:dyDescent="0.3">
      <c r="A123260" s="13" t="s">
        <v>573</v>
      </c>
      <c r="B123260" s="14" t="s">
        <v>1</v>
      </c>
      <c r="C123260" s="14" t="s">
        <v>200</v>
      </c>
      <c r="D123260" s="14" t="s">
        <v>193</v>
      </c>
      <c r="E123260" s="15">
        <v>45631</v>
      </c>
      <c r="F123260" s="14" t="s">
        <v>15</v>
      </c>
      <c r="G123260" s="16">
        <v>1.83621090495269</v>
      </c>
    </row>
    <row r="123261" spans="1:7" x14ac:dyDescent="0.3">
      <c r="A123261" s="13" t="s">
        <v>573</v>
      </c>
      <c r="B123261" s="14" t="s">
        <v>1</v>
      </c>
      <c r="C123261" s="14" t="s">
        <v>200</v>
      </c>
      <c r="D123261" s="14" t="s">
        <v>193</v>
      </c>
      <c r="E123261" s="15">
        <v>45632</v>
      </c>
      <c r="F123261" s="14" t="s">
        <v>15</v>
      </c>
      <c r="G123261" s="16">
        <v>1.8435378513442164</v>
      </c>
    </row>
    <row r="123262" spans="1:7" x14ac:dyDescent="0.3">
      <c r="A123262" s="13" t="s">
        <v>573</v>
      </c>
      <c r="B123262" s="14" t="s">
        <v>1</v>
      </c>
      <c r="C123262" s="14" t="s">
        <v>200</v>
      </c>
      <c r="D123262" s="14" t="s">
        <v>193</v>
      </c>
      <c r="E123262" s="15">
        <v>45633</v>
      </c>
      <c r="F123262" s="14" t="s">
        <v>15</v>
      </c>
      <c r="G123262" s="16">
        <v>1.8435378513442164</v>
      </c>
    </row>
    <row r="123263" spans="1:7" x14ac:dyDescent="0.3">
      <c r="A123263" s="13" t="s">
        <v>573</v>
      </c>
      <c r="B123263" s="14" t="s">
        <v>1</v>
      </c>
      <c r="C123263" s="14" t="s">
        <v>200</v>
      </c>
      <c r="D123263" s="14" t="s">
        <v>193</v>
      </c>
      <c r="E123263" s="15">
        <v>45634</v>
      </c>
      <c r="F123263" s="14" t="s">
        <v>15</v>
      </c>
      <c r="G123263" s="16">
        <v>1.8435378513442164</v>
      </c>
    </row>
    <row r="123264" spans="1:7" x14ac:dyDescent="0.3">
      <c r="A123264" s="13" t="s">
        <v>573</v>
      </c>
      <c r="B123264" s="14" t="s">
        <v>1</v>
      </c>
      <c r="C123264" s="14" t="s">
        <v>200</v>
      </c>
      <c r="D123264" s="14" t="s">
        <v>193</v>
      </c>
      <c r="E123264" s="15">
        <v>45635</v>
      </c>
      <c r="F123264" s="14" t="s">
        <v>15</v>
      </c>
      <c r="G123264" s="16">
        <v>1.8505006972162157</v>
      </c>
    </row>
    <row r="123265" spans="1:7" x14ac:dyDescent="0.3">
      <c r="A123265" s="13" t="s">
        <v>573</v>
      </c>
      <c r="B123265" s="14" t="s">
        <v>1</v>
      </c>
      <c r="C123265" s="14" t="s">
        <v>200</v>
      </c>
      <c r="D123265" s="14" t="s">
        <v>193</v>
      </c>
      <c r="E123265" s="15">
        <v>45636</v>
      </c>
      <c r="F123265" s="14" t="s">
        <v>15</v>
      </c>
      <c r="G123265" s="16">
        <v>1.8745379184571844</v>
      </c>
    </row>
    <row r="123266" spans="1:7" x14ac:dyDescent="0.3">
      <c r="A123266" s="13" t="s">
        <v>573</v>
      </c>
      <c r="B123266" s="14" t="s">
        <v>1</v>
      </c>
      <c r="C123266" s="14" t="s">
        <v>200</v>
      </c>
      <c r="D123266" s="14" t="s">
        <v>193</v>
      </c>
      <c r="E123266" s="15">
        <v>45637</v>
      </c>
      <c r="F123266" s="14" t="s">
        <v>15</v>
      </c>
      <c r="G123266" s="16">
        <v>1.8815684137748236</v>
      </c>
    </row>
    <row r="123267" spans="1:7" x14ac:dyDescent="0.3">
      <c r="A123267" s="13" t="s">
        <v>573</v>
      </c>
      <c r="B123267" s="14" t="s">
        <v>1</v>
      </c>
      <c r="C123267" s="14" t="s">
        <v>200</v>
      </c>
      <c r="D123267" s="14" t="s">
        <v>193</v>
      </c>
      <c r="E123267" s="15">
        <v>45638</v>
      </c>
      <c r="F123267" s="14" t="s">
        <v>15</v>
      </c>
      <c r="G123267" s="16">
        <v>1.8888440844718841</v>
      </c>
    </row>
    <row r="123268" spans="1:7" x14ac:dyDescent="0.3">
      <c r="A123268" s="13" t="s">
        <v>573</v>
      </c>
      <c r="B123268" s="14" t="s">
        <v>1</v>
      </c>
      <c r="C123268" s="14" t="s">
        <v>200</v>
      </c>
      <c r="D123268" s="14" t="s">
        <v>193</v>
      </c>
      <c r="E123268" s="15">
        <v>45639</v>
      </c>
      <c r="F123268" s="14" t="s">
        <v>15</v>
      </c>
      <c r="G123268" s="16">
        <v>1.8973120227873248</v>
      </c>
    </row>
    <row r="123269" spans="1:7" x14ac:dyDescent="0.3">
      <c r="A123269" s="13" t="s">
        <v>573</v>
      </c>
      <c r="B123269" s="14" t="s">
        <v>1</v>
      </c>
      <c r="C123269" s="14" t="s">
        <v>200</v>
      </c>
      <c r="D123269" s="14" t="s">
        <v>193</v>
      </c>
      <c r="E123269" s="15">
        <v>45640</v>
      </c>
      <c r="F123269" s="14" t="s">
        <v>15</v>
      </c>
      <c r="G123269" s="16">
        <v>1.8973120227873248</v>
      </c>
    </row>
    <row r="123270" spans="1:7" x14ac:dyDescent="0.3">
      <c r="A123270" s="13" t="s">
        <v>573</v>
      </c>
      <c r="B123270" s="14" t="s">
        <v>1</v>
      </c>
      <c r="C123270" s="14" t="s">
        <v>200</v>
      </c>
      <c r="D123270" s="14" t="s">
        <v>193</v>
      </c>
      <c r="E123270" s="15">
        <v>45641</v>
      </c>
      <c r="F123270" s="14" t="s">
        <v>15</v>
      </c>
      <c r="G123270" s="16">
        <v>1.8973120227873248</v>
      </c>
    </row>
    <row r="123271" spans="1:7" x14ac:dyDescent="0.3">
      <c r="A123271" s="13" t="s">
        <v>573</v>
      </c>
      <c r="B123271" s="14" t="s">
        <v>1</v>
      </c>
      <c r="C123271" s="14" t="s">
        <v>200</v>
      </c>
      <c r="D123271" s="14" t="s">
        <v>193</v>
      </c>
      <c r="E123271" s="15">
        <v>45642</v>
      </c>
      <c r="F123271" s="14" t="s">
        <v>15</v>
      </c>
      <c r="G123271" s="16">
        <v>1.9047320410276301</v>
      </c>
    </row>
    <row r="123272" spans="1:7" x14ac:dyDescent="0.3">
      <c r="A123272" s="13" t="s">
        <v>573</v>
      </c>
      <c r="B123272" s="14" t="s">
        <v>1</v>
      </c>
      <c r="C123272" s="14" t="s">
        <v>200</v>
      </c>
      <c r="D123272" s="14" t="s">
        <v>193</v>
      </c>
      <c r="E123272" s="15">
        <v>45643</v>
      </c>
      <c r="F123272" s="14" t="s">
        <v>15</v>
      </c>
      <c r="G123272" s="16">
        <v>1.9256935823770198</v>
      </c>
    </row>
    <row r="123273" spans="1:7" x14ac:dyDescent="0.3">
      <c r="A123273" s="13" t="s">
        <v>573</v>
      </c>
      <c r="B123273" s="14" t="s">
        <v>1</v>
      </c>
      <c r="C123273" s="14" t="s">
        <v>200</v>
      </c>
      <c r="D123273" s="14" t="s">
        <v>193</v>
      </c>
      <c r="E123273" s="15">
        <v>45644</v>
      </c>
      <c r="F123273" s="14" t="s">
        <v>15</v>
      </c>
      <c r="G123273" s="16">
        <v>1.9329274569197676</v>
      </c>
    </row>
    <row r="123274" spans="1:7" x14ac:dyDescent="0.3">
      <c r="A123274" s="13" t="s">
        <v>573</v>
      </c>
      <c r="B123274" s="14" t="s">
        <v>1</v>
      </c>
      <c r="C123274" s="14" t="s">
        <v>200</v>
      </c>
      <c r="D123274" s="14" t="s">
        <v>193</v>
      </c>
      <c r="E123274" s="15">
        <v>45645</v>
      </c>
      <c r="F123274" s="14" t="s">
        <v>15</v>
      </c>
      <c r="G123274" s="16">
        <v>1.9423877307339903</v>
      </c>
    </row>
    <row r="123275" spans="1:7" x14ac:dyDescent="0.3">
      <c r="A123275" s="13" t="s">
        <v>573</v>
      </c>
      <c r="B123275" s="14" t="s">
        <v>1</v>
      </c>
      <c r="C123275" s="14" t="s">
        <v>200</v>
      </c>
      <c r="D123275" s="14" t="s">
        <v>193</v>
      </c>
      <c r="E123275" s="15">
        <v>45646</v>
      </c>
      <c r="F123275" s="14" t="s">
        <v>15</v>
      </c>
      <c r="G123275" s="16">
        <v>1.9531643679649646</v>
      </c>
    </row>
    <row r="123276" spans="1:7" x14ac:dyDescent="0.3">
      <c r="A123276" s="13" t="s">
        <v>573</v>
      </c>
      <c r="B123276" s="14" t="s">
        <v>1</v>
      </c>
      <c r="C123276" s="14" t="s">
        <v>200</v>
      </c>
      <c r="D123276" s="14" t="s">
        <v>193</v>
      </c>
      <c r="E123276" s="15">
        <v>45647</v>
      </c>
      <c r="F123276" s="14" t="s">
        <v>15</v>
      </c>
      <c r="G123276" s="16">
        <v>1.9531643679649646</v>
      </c>
    </row>
    <row r="123277" spans="1:7" x14ac:dyDescent="0.3">
      <c r="A123277" s="13" t="s">
        <v>573</v>
      </c>
      <c r="B123277" s="14" t="s">
        <v>1</v>
      </c>
      <c r="C123277" s="14" t="s">
        <v>200</v>
      </c>
      <c r="D123277" s="14" t="s">
        <v>193</v>
      </c>
      <c r="E123277" s="15">
        <v>45648</v>
      </c>
      <c r="F123277" s="14" t="s">
        <v>15</v>
      </c>
      <c r="G123277" s="16">
        <v>1.9531643679649646</v>
      </c>
    </row>
    <row r="123278" spans="1:7" x14ac:dyDescent="0.3">
      <c r="A123278" s="13" t="s">
        <v>573</v>
      </c>
      <c r="B123278" s="14" t="s">
        <v>1</v>
      </c>
      <c r="C123278" s="14" t="s">
        <v>200</v>
      </c>
      <c r="D123278" s="14" t="s">
        <v>193</v>
      </c>
      <c r="E123278" s="15">
        <v>45649</v>
      </c>
      <c r="F123278" s="14" t="s">
        <v>15</v>
      </c>
      <c r="G123278" s="16">
        <v>1.9612341655939638</v>
      </c>
    </row>
    <row r="123279" spans="1:7" x14ac:dyDescent="0.3">
      <c r="A123279" s="13" t="s">
        <v>573</v>
      </c>
      <c r="B123279" s="14" t="s">
        <v>1</v>
      </c>
      <c r="C123279" s="14" t="s">
        <v>200</v>
      </c>
      <c r="D123279" s="14" t="s">
        <v>193</v>
      </c>
      <c r="E123279" s="15">
        <v>45650</v>
      </c>
      <c r="F123279" s="14" t="s">
        <v>15</v>
      </c>
      <c r="G123279" s="16">
        <v>1.9827924870848272</v>
      </c>
    </row>
    <row r="123280" spans="1:7" x14ac:dyDescent="0.3">
      <c r="A123280" s="13" t="s">
        <v>573</v>
      </c>
      <c r="B123280" s="14" t="s">
        <v>1</v>
      </c>
      <c r="C123280" s="14" t="s">
        <v>200</v>
      </c>
      <c r="D123280" s="14" t="s">
        <v>193</v>
      </c>
      <c r="E123280" s="15">
        <v>45651</v>
      </c>
      <c r="F123280" s="14" t="s">
        <v>15</v>
      </c>
      <c r="G123280" s="16">
        <v>1.9827924870848272</v>
      </c>
    </row>
    <row r="123281" spans="1:7" x14ac:dyDescent="0.3">
      <c r="A123281" s="13" t="s">
        <v>573</v>
      </c>
      <c r="B123281" s="14" t="s">
        <v>1</v>
      </c>
      <c r="C123281" s="14" t="s">
        <v>200</v>
      </c>
      <c r="D123281" s="14" t="s">
        <v>193</v>
      </c>
      <c r="E123281" s="15">
        <v>45652</v>
      </c>
      <c r="F123281" s="14" t="s">
        <v>15</v>
      </c>
      <c r="G123281" s="16">
        <v>1.9827924870848272</v>
      </c>
    </row>
    <row r="123282" spans="1:7" x14ac:dyDescent="0.3">
      <c r="A123282" s="13" t="s">
        <v>573</v>
      </c>
      <c r="B123282" s="14" t="s">
        <v>1</v>
      </c>
      <c r="C123282" s="14" t="s">
        <v>200</v>
      </c>
      <c r="D123282" s="14" t="s">
        <v>193</v>
      </c>
      <c r="E123282" s="15">
        <v>45653</v>
      </c>
      <c r="F123282" s="14" t="s">
        <v>15</v>
      </c>
      <c r="G123282" s="16">
        <v>1.9827924870848272</v>
      </c>
    </row>
    <row r="123283" spans="1:7" x14ac:dyDescent="0.3">
      <c r="A123283" s="13" t="s">
        <v>573</v>
      </c>
      <c r="B123283" s="14" t="s">
        <v>1</v>
      </c>
      <c r="C123283" s="14" t="s">
        <v>200</v>
      </c>
      <c r="D123283" s="14" t="s">
        <v>193</v>
      </c>
      <c r="E123283" s="15">
        <v>45654</v>
      </c>
      <c r="F123283" s="14" t="s">
        <v>15</v>
      </c>
      <c r="G123283" s="16">
        <v>1.9827924870848272</v>
      </c>
    </row>
    <row r="123284" spans="1:7" x14ac:dyDescent="0.3">
      <c r="A123284" s="13" t="s">
        <v>573</v>
      </c>
      <c r="B123284" s="14" t="s">
        <v>1</v>
      </c>
      <c r="C123284" s="14" t="s">
        <v>200</v>
      </c>
      <c r="D123284" s="14" t="s">
        <v>193</v>
      </c>
      <c r="E123284" s="15">
        <v>45655</v>
      </c>
      <c r="F123284" s="14" t="s">
        <v>15</v>
      </c>
      <c r="G123284" s="16">
        <v>1.9827924870848272</v>
      </c>
    </row>
    <row r="123285" spans="1:7" x14ac:dyDescent="0.3">
      <c r="A123285" s="13" t="s">
        <v>573</v>
      </c>
      <c r="B123285" s="14" t="s">
        <v>1</v>
      </c>
      <c r="C123285" s="14" t="s">
        <v>200</v>
      </c>
      <c r="D123285" s="14" t="s">
        <v>193</v>
      </c>
      <c r="E123285" s="15">
        <v>45656</v>
      </c>
      <c r="F123285" s="14" t="s">
        <v>15</v>
      </c>
      <c r="G123285" s="16">
        <v>1.9899462164244601</v>
      </c>
    </row>
    <row r="123286" spans="1:7" x14ac:dyDescent="0.3">
      <c r="A123286" s="13" t="s">
        <v>573</v>
      </c>
      <c r="B123286" s="14" t="s">
        <v>1</v>
      </c>
      <c r="C123286" s="14" t="s">
        <v>200</v>
      </c>
      <c r="D123286" s="14" t="s">
        <v>193</v>
      </c>
      <c r="E123286" s="15">
        <v>45657</v>
      </c>
      <c r="F123286" s="14" t="s">
        <v>15</v>
      </c>
      <c r="G123286" s="16">
        <v>2.0369920051704065</v>
      </c>
    </row>
    <row r="123287" spans="1:7" x14ac:dyDescent="0.3">
      <c r="A123287" s="13" t="s">
        <v>573</v>
      </c>
      <c r="B123287" s="14" t="s">
        <v>1</v>
      </c>
      <c r="C123287" s="14" t="s">
        <v>200</v>
      </c>
      <c r="D123287" s="14" t="s">
        <v>193</v>
      </c>
      <c r="E123287" s="15">
        <v>45658</v>
      </c>
      <c r="F123287" s="14" t="s">
        <v>15</v>
      </c>
      <c r="G123287" s="16">
        <v>2.0369920051704065</v>
      </c>
    </row>
    <row r="123288" spans="1:7" x14ac:dyDescent="0.3">
      <c r="A123288" s="13" t="s">
        <v>573</v>
      </c>
      <c r="B123288" s="14" t="s">
        <v>1</v>
      </c>
      <c r="C123288" s="14" t="s">
        <v>200</v>
      </c>
      <c r="D123288" s="14" t="s">
        <v>193</v>
      </c>
      <c r="E123288" s="15">
        <v>45659</v>
      </c>
      <c r="F123288" s="14" t="s">
        <v>15</v>
      </c>
      <c r="G123288" s="16">
        <v>2.0450967047426976</v>
      </c>
    </row>
    <row r="123289" spans="1:7" x14ac:dyDescent="0.3">
      <c r="A123289" s="13" t="s">
        <v>573</v>
      </c>
      <c r="B123289" s="14" t="s">
        <v>1</v>
      </c>
      <c r="C123289" s="14" t="s">
        <v>200</v>
      </c>
      <c r="D123289" s="14" t="s">
        <v>193</v>
      </c>
      <c r="E123289" s="15">
        <v>45660</v>
      </c>
      <c r="F123289" s="14" t="s">
        <v>15</v>
      </c>
      <c r="G123289" s="16">
        <v>2.0552175301503346</v>
      </c>
    </row>
    <row r="123290" spans="1:7" x14ac:dyDescent="0.3">
      <c r="A123290" s="13" t="s">
        <v>573</v>
      </c>
      <c r="B123290" s="14" t="s">
        <v>1</v>
      </c>
      <c r="C123290" s="14" t="s">
        <v>200</v>
      </c>
      <c r="D123290" s="14" t="s">
        <v>193</v>
      </c>
      <c r="E123290" s="15">
        <v>45661</v>
      </c>
      <c r="F123290" s="14" t="s">
        <v>15</v>
      </c>
      <c r="G123290" s="16">
        <v>2.0552175301503346</v>
      </c>
    </row>
    <row r="123291" spans="1:7" x14ac:dyDescent="0.3">
      <c r="A123291" s="13" t="s">
        <v>573</v>
      </c>
      <c r="B123291" s="14" t="s">
        <v>1</v>
      </c>
      <c r="C123291" s="14" t="s">
        <v>200</v>
      </c>
      <c r="D123291" s="14" t="s">
        <v>193</v>
      </c>
      <c r="E123291" s="15">
        <v>45662</v>
      </c>
      <c r="F123291" s="14" t="s">
        <v>15</v>
      </c>
      <c r="G123291" s="16">
        <v>2.0552175301503346</v>
      </c>
    </row>
    <row r="123292" spans="1:7" x14ac:dyDescent="0.3">
      <c r="A123292" s="13" t="s">
        <v>573</v>
      </c>
      <c r="B123292" s="14" t="s">
        <v>1</v>
      </c>
      <c r="C123292" s="14" t="s">
        <v>200</v>
      </c>
      <c r="D123292" s="14" t="s">
        <v>193</v>
      </c>
      <c r="E123292" s="15">
        <v>45663</v>
      </c>
      <c r="F123292" s="14" t="s">
        <v>15</v>
      </c>
      <c r="G123292" s="16">
        <v>2.0625306881198195</v>
      </c>
    </row>
    <row r="123293" spans="1:7" x14ac:dyDescent="0.3">
      <c r="A123293" s="13" t="s">
        <v>573</v>
      </c>
      <c r="B123293" s="14" t="s">
        <v>1</v>
      </c>
      <c r="C123293" s="14" t="s">
        <v>200</v>
      </c>
      <c r="D123293" s="14" t="s">
        <v>193</v>
      </c>
      <c r="E123293" s="15">
        <v>45664</v>
      </c>
      <c r="F123293" s="14" t="s">
        <v>15</v>
      </c>
      <c r="G123293" s="16">
        <v>2.0860133562618159</v>
      </c>
    </row>
    <row r="123294" spans="1:7" x14ac:dyDescent="0.3">
      <c r="A123294" s="13" t="s">
        <v>573</v>
      </c>
      <c r="B123294" s="14" t="s">
        <v>1</v>
      </c>
      <c r="C123294" s="14" t="s">
        <v>200</v>
      </c>
      <c r="D123294" s="14" t="s">
        <v>193</v>
      </c>
      <c r="E123294" s="15">
        <v>45665</v>
      </c>
      <c r="F123294" s="14" t="s">
        <v>15</v>
      </c>
      <c r="G123294" s="16">
        <v>2.0928107410693206</v>
      </c>
    </row>
    <row r="123295" spans="1:7" x14ac:dyDescent="0.3">
      <c r="A123295" s="13" t="s">
        <v>573</v>
      </c>
      <c r="B123295" s="14" t="s">
        <v>1</v>
      </c>
      <c r="C123295" s="14" t="s">
        <v>200</v>
      </c>
      <c r="D123295" s="14" t="s">
        <v>193</v>
      </c>
      <c r="E123295" s="15">
        <v>45666</v>
      </c>
      <c r="F123295" s="14" t="s">
        <v>15</v>
      </c>
      <c r="G123295" s="16">
        <v>2.0928107410693206</v>
      </c>
    </row>
    <row r="123296" spans="1:7" x14ac:dyDescent="0.3">
      <c r="A123296" s="13" t="s">
        <v>573</v>
      </c>
      <c r="B123296" s="14" t="s">
        <v>1</v>
      </c>
      <c r="C123296" s="14" t="s">
        <v>200</v>
      </c>
      <c r="D123296" s="14" t="s">
        <v>193</v>
      </c>
      <c r="E123296" s="15">
        <v>45667</v>
      </c>
      <c r="F123296" s="14" t="s">
        <v>15</v>
      </c>
      <c r="G123296" s="16">
        <v>2.1065850674297026</v>
      </c>
    </row>
    <row r="123297" spans="1:7" x14ac:dyDescent="0.3">
      <c r="A123297" s="13" t="s">
        <v>573</v>
      </c>
      <c r="B123297" s="14" t="s">
        <v>1</v>
      </c>
      <c r="C123297" s="14" t="s">
        <v>200</v>
      </c>
      <c r="D123297" s="14" t="s">
        <v>193</v>
      </c>
      <c r="E123297" s="15">
        <v>45668</v>
      </c>
      <c r="F123297" s="14" t="s">
        <v>15</v>
      </c>
      <c r="G123297" s="16">
        <v>2.1065850674297026</v>
      </c>
    </row>
    <row r="123298" spans="1:7" x14ac:dyDescent="0.3">
      <c r="A123298" s="13" t="s">
        <v>573</v>
      </c>
      <c r="B123298" s="14" t="s">
        <v>1</v>
      </c>
      <c r="C123298" s="14" t="s">
        <v>200</v>
      </c>
      <c r="D123298" s="14" t="s">
        <v>193</v>
      </c>
      <c r="E123298" s="15">
        <v>45669</v>
      </c>
      <c r="F123298" s="14" t="s">
        <v>15</v>
      </c>
      <c r="G123298" s="16">
        <v>2.1065850674297026</v>
      </c>
    </row>
    <row r="123299" spans="1:7" x14ac:dyDescent="0.3">
      <c r="A123299" s="13" t="s">
        <v>573</v>
      </c>
      <c r="B123299" s="14" t="s">
        <v>1</v>
      </c>
      <c r="C123299" s="14" t="s">
        <v>200</v>
      </c>
      <c r="D123299" s="14" t="s">
        <v>193</v>
      </c>
      <c r="E123299" s="15">
        <v>45670</v>
      </c>
      <c r="F123299" s="14" t="s">
        <v>15</v>
      </c>
      <c r="G123299" s="16">
        <v>2.1192515802567078</v>
      </c>
    </row>
    <row r="123300" spans="1:7" x14ac:dyDescent="0.3">
      <c r="A123300" s="13" t="s">
        <v>573</v>
      </c>
      <c r="B123300" s="14" t="s">
        <v>1</v>
      </c>
      <c r="C123300" s="14" t="s">
        <v>200</v>
      </c>
      <c r="D123300" s="14" t="s">
        <v>193</v>
      </c>
      <c r="E123300" s="15">
        <v>45671</v>
      </c>
      <c r="F123300" s="14" t="s">
        <v>15</v>
      </c>
      <c r="G123300" s="16">
        <v>2.1384374313800967</v>
      </c>
    </row>
    <row r="123301" spans="1:7" x14ac:dyDescent="0.3">
      <c r="A123301" s="13" t="s">
        <v>573</v>
      </c>
      <c r="B123301" s="14" t="s">
        <v>1</v>
      </c>
      <c r="C123301" s="14" t="s">
        <v>200</v>
      </c>
      <c r="D123301" s="14" t="s">
        <v>193</v>
      </c>
      <c r="E123301" s="15">
        <v>45672</v>
      </c>
      <c r="F123301" s="14" t="s">
        <v>15</v>
      </c>
      <c r="G123301" s="16">
        <v>2.1454851622252873</v>
      </c>
    </row>
    <row r="123302" spans="1:7" x14ac:dyDescent="0.3">
      <c r="A123302" s="13" t="s">
        <v>573</v>
      </c>
      <c r="B123302" s="14" t="s">
        <v>1</v>
      </c>
      <c r="C123302" s="14" t="s">
        <v>200</v>
      </c>
      <c r="D123302" s="14" t="s">
        <v>193</v>
      </c>
      <c r="E123302" s="15">
        <v>45673</v>
      </c>
      <c r="F123302" s="14" t="s">
        <v>15</v>
      </c>
      <c r="G123302" s="16">
        <v>2.1509256801262935</v>
      </c>
    </row>
    <row r="123303" spans="1:7" x14ac:dyDescent="0.3">
      <c r="A123303" s="13" t="s">
        <v>573</v>
      </c>
      <c r="B123303" s="14" t="s">
        <v>1</v>
      </c>
      <c r="C123303" s="14" t="s">
        <v>200</v>
      </c>
      <c r="D123303" s="14" t="s">
        <v>193</v>
      </c>
      <c r="E123303" s="15">
        <v>45674</v>
      </c>
      <c r="F123303" s="14" t="s">
        <v>15</v>
      </c>
      <c r="G123303" s="16">
        <v>2.1571353334442889</v>
      </c>
    </row>
    <row r="123304" spans="1:7" x14ac:dyDescent="0.3">
      <c r="A123304" s="13" t="s">
        <v>573</v>
      </c>
      <c r="B123304" s="14" t="s">
        <v>1</v>
      </c>
      <c r="C123304" s="14" t="s">
        <v>200</v>
      </c>
      <c r="D123304" s="14" t="s">
        <v>193</v>
      </c>
      <c r="E123304" s="15">
        <v>45675</v>
      </c>
      <c r="F123304" s="14" t="s">
        <v>15</v>
      </c>
      <c r="G123304" s="16">
        <v>2.1571353334442889</v>
      </c>
    </row>
    <row r="123305" spans="1:7" x14ac:dyDescent="0.3">
      <c r="A123305" s="13" t="s">
        <v>573</v>
      </c>
      <c r="B123305" s="14" t="s">
        <v>1</v>
      </c>
      <c r="C123305" s="14" t="s">
        <v>200</v>
      </c>
      <c r="D123305" s="14" t="s">
        <v>193</v>
      </c>
      <c r="E123305" s="15">
        <v>45676</v>
      </c>
      <c r="F123305" s="14" t="s">
        <v>15</v>
      </c>
      <c r="G123305" s="16">
        <v>2.1571353334442889</v>
      </c>
    </row>
    <row r="123306" spans="1:7" x14ac:dyDescent="0.3">
      <c r="A123306" s="13" t="s">
        <v>573</v>
      </c>
      <c r="B123306" s="14" t="s">
        <v>1</v>
      </c>
      <c r="C123306" s="14" t="s">
        <v>200</v>
      </c>
      <c r="D123306" s="14" t="s">
        <v>193</v>
      </c>
      <c r="E123306" s="15">
        <v>45677</v>
      </c>
      <c r="F123306" s="14" t="s">
        <v>15</v>
      </c>
      <c r="G123306" s="16">
        <v>2.1571353334442889</v>
      </c>
    </row>
    <row r="123307" spans="1:7" x14ac:dyDescent="0.3">
      <c r="A123307" s="13" t="s">
        <v>573</v>
      </c>
      <c r="B123307" s="14" t="s">
        <v>1</v>
      </c>
      <c r="C123307" s="14" t="s">
        <v>200</v>
      </c>
      <c r="D123307" s="14" t="s">
        <v>193</v>
      </c>
      <c r="E123307" s="15">
        <v>45678</v>
      </c>
      <c r="F123307" s="14" t="s">
        <v>15</v>
      </c>
      <c r="G123307" s="16">
        <v>2.1649078182230235</v>
      </c>
    </row>
    <row r="123308" spans="1:7" x14ac:dyDescent="0.3">
      <c r="A123308" s="13" t="s">
        <v>573</v>
      </c>
      <c r="B123308" s="14" t="s">
        <v>1</v>
      </c>
      <c r="C123308" s="14" t="s">
        <v>200</v>
      </c>
      <c r="D123308" s="14" t="s">
        <v>193</v>
      </c>
      <c r="E123308" s="15">
        <v>45679</v>
      </c>
      <c r="F123308" s="14" t="s">
        <v>15</v>
      </c>
      <c r="G123308" s="16">
        <v>2.1897038335644505</v>
      </c>
    </row>
    <row r="123309" spans="1:7" x14ac:dyDescent="0.3">
      <c r="A123309" s="13" t="s">
        <v>573</v>
      </c>
      <c r="B123309" s="14" t="s">
        <v>1</v>
      </c>
      <c r="C123309" s="14" t="s">
        <v>200</v>
      </c>
      <c r="D123309" s="14" t="s">
        <v>193</v>
      </c>
      <c r="E123309" s="15">
        <v>45680</v>
      </c>
      <c r="F123309" s="14" t="s">
        <v>15</v>
      </c>
      <c r="G123309" s="16">
        <v>2.1963301557610055</v>
      </c>
    </row>
    <row r="123310" spans="1:7" x14ac:dyDescent="0.3">
      <c r="A123310" s="13" t="s">
        <v>573</v>
      </c>
      <c r="B123310" s="14" t="s">
        <v>1</v>
      </c>
      <c r="C123310" s="14" t="s">
        <v>200</v>
      </c>
      <c r="D123310" s="14" t="s">
        <v>193</v>
      </c>
      <c r="E123310" s="15">
        <v>45681</v>
      </c>
      <c r="F123310" s="14" t="s">
        <v>15</v>
      </c>
      <c r="G123310" s="16">
        <v>2.202305405904299</v>
      </c>
    </row>
    <row r="123311" spans="1:7" x14ac:dyDescent="0.3">
      <c r="A123311" s="13" t="s">
        <v>573</v>
      </c>
      <c r="B123311" s="14" t="s">
        <v>1</v>
      </c>
      <c r="C123311" s="14" t="s">
        <v>200</v>
      </c>
      <c r="D123311" s="14" t="s">
        <v>193</v>
      </c>
      <c r="E123311" s="15">
        <v>45682</v>
      </c>
      <c r="F123311" s="14" t="s">
        <v>15</v>
      </c>
      <c r="G123311" s="16">
        <v>2.202305405904299</v>
      </c>
    </row>
    <row r="123312" spans="1:7" x14ac:dyDescent="0.3">
      <c r="A123312" s="13" t="s">
        <v>573</v>
      </c>
      <c r="B123312" s="14" t="s">
        <v>1</v>
      </c>
      <c r="C123312" s="14" t="s">
        <v>200</v>
      </c>
      <c r="D123312" s="14" t="s">
        <v>193</v>
      </c>
      <c r="E123312" s="15">
        <v>45683</v>
      </c>
      <c r="F123312" s="14" t="s">
        <v>15</v>
      </c>
      <c r="G123312" s="16">
        <v>2.202305405904299</v>
      </c>
    </row>
    <row r="123313" spans="1:7" x14ac:dyDescent="0.3">
      <c r="A123313" s="13" t="s">
        <v>573</v>
      </c>
      <c r="B123313" s="14" t="s">
        <v>1</v>
      </c>
      <c r="C123313" s="14" t="s">
        <v>200</v>
      </c>
      <c r="D123313" s="14" t="s">
        <v>193</v>
      </c>
      <c r="E123313" s="15">
        <v>45684</v>
      </c>
      <c r="F123313" s="14" t="s">
        <v>15</v>
      </c>
      <c r="G123313" s="16">
        <v>2.2073671730873592</v>
      </c>
    </row>
    <row r="123314" spans="1:7" x14ac:dyDescent="0.3">
      <c r="A123314" s="13" t="s">
        <v>573</v>
      </c>
      <c r="B123314" s="14" t="s">
        <v>1</v>
      </c>
      <c r="C123314" s="14" t="s">
        <v>200</v>
      </c>
      <c r="D123314" s="14" t="s">
        <v>193</v>
      </c>
      <c r="E123314" s="15">
        <v>45685</v>
      </c>
      <c r="F123314" s="14" t="s">
        <v>15</v>
      </c>
      <c r="G123314" s="16">
        <v>2.2274721087174361</v>
      </c>
    </row>
    <row r="123315" spans="1:7" x14ac:dyDescent="0.3">
      <c r="A123315" s="13" t="s">
        <v>573</v>
      </c>
      <c r="B123315" s="14" t="s">
        <v>1</v>
      </c>
      <c r="C123315" s="14" t="s">
        <v>200</v>
      </c>
      <c r="D123315" s="14" t="s">
        <v>193</v>
      </c>
      <c r="E123315" s="15">
        <v>45686</v>
      </c>
      <c r="F123315" s="14" t="s">
        <v>15</v>
      </c>
      <c r="G123315" s="16">
        <v>2.2341148046651651</v>
      </c>
    </row>
    <row r="123316" spans="1:7" x14ac:dyDescent="0.3">
      <c r="A123316" s="13" t="s">
        <v>573</v>
      </c>
      <c r="B123316" s="14" t="s">
        <v>1</v>
      </c>
      <c r="C123316" s="14" t="s">
        <v>200</v>
      </c>
      <c r="D123316" s="14" t="s">
        <v>193</v>
      </c>
      <c r="E123316" s="15">
        <v>45687</v>
      </c>
      <c r="F123316" s="14" t="s">
        <v>15</v>
      </c>
      <c r="G123316" s="16">
        <v>2.2392528390576412</v>
      </c>
    </row>
    <row r="123317" spans="1:7" x14ac:dyDescent="0.3">
      <c r="A123317" s="13" t="s">
        <v>573</v>
      </c>
      <c r="B123317" s="14" t="s">
        <v>1</v>
      </c>
      <c r="C123317" s="14" t="s">
        <v>200</v>
      </c>
      <c r="D123317" s="14" t="s">
        <v>193</v>
      </c>
      <c r="E123317" s="15">
        <v>45688</v>
      </c>
      <c r="F123317" s="14" t="s">
        <v>15</v>
      </c>
      <c r="G123317" s="16">
        <v>2.2458192677959539</v>
      </c>
    </row>
    <row r="123318" spans="1:7" x14ac:dyDescent="0.3">
      <c r="A123318" s="13" t="s">
        <v>573</v>
      </c>
      <c r="B123318" s="14" t="s">
        <v>1</v>
      </c>
      <c r="C123318" s="14" t="s">
        <v>200</v>
      </c>
      <c r="D123318" s="14" t="s">
        <v>193</v>
      </c>
      <c r="E123318" s="15">
        <v>45689</v>
      </c>
      <c r="F123318" s="14" t="s">
        <v>15</v>
      </c>
      <c r="G123318" s="16">
        <v>2.2458192677959539</v>
      </c>
    </row>
    <row r="123319" spans="1:7" x14ac:dyDescent="0.3">
      <c r="A123319" s="13" t="s">
        <v>573</v>
      </c>
      <c r="B123319" s="14" t="s">
        <v>1</v>
      </c>
      <c r="C123319" s="14" t="s">
        <v>200</v>
      </c>
      <c r="D123319" s="14" t="s">
        <v>193</v>
      </c>
      <c r="E123319" s="15">
        <v>45690</v>
      </c>
      <c r="F123319" s="14" t="s">
        <v>15</v>
      </c>
      <c r="G123319" s="16">
        <v>2.2458192677959539</v>
      </c>
    </row>
    <row r="123320" spans="1:7" x14ac:dyDescent="0.3">
      <c r="A123320" s="13" t="s">
        <v>573</v>
      </c>
      <c r="B123320" s="14" t="s">
        <v>1</v>
      </c>
      <c r="C123320" s="14" t="s">
        <v>200</v>
      </c>
      <c r="D123320" s="14" t="s">
        <v>193</v>
      </c>
      <c r="E123320" s="15">
        <v>45691</v>
      </c>
      <c r="F123320" s="14" t="s">
        <v>15</v>
      </c>
      <c r="G123320" s="16">
        <v>2.2458192677959539</v>
      </c>
    </row>
    <row r="123321" spans="1:7" x14ac:dyDescent="0.3">
      <c r="A123321" s="13" t="s">
        <v>573</v>
      </c>
      <c r="B123321" s="14" t="s">
        <v>1</v>
      </c>
      <c r="C123321" s="14" t="s">
        <v>200</v>
      </c>
      <c r="D123321" s="14" t="s">
        <v>193</v>
      </c>
      <c r="E123321" s="15">
        <v>45692</v>
      </c>
      <c r="F123321" s="14" t="s">
        <v>15</v>
      </c>
      <c r="G123321" s="16">
        <v>2.2525916610885086</v>
      </c>
    </row>
    <row r="123322" spans="1:7" x14ac:dyDescent="0.3">
      <c r="A123322" s="13" t="s">
        <v>573</v>
      </c>
      <c r="B123322" s="14" t="s">
        <v>1</v>
      </c>
      <c r="C123322" s="14" t="s">
        <v>200</v>
      </c>
      <c r="D123322" s="14" t="s">
        <v>193</v>
      </c>
      <c r="E123322" s="15">
        <v>45693</v>
      </c>
      <c r="F123322" s="14" t="s">
        <v>15</v>
      </c>
      <c r="G123322" s="16">
        <v>2.2805753872505994</v>
      </c>
    </row>
    <row r="123323" spans="1:7" x14ac:dyDescent="0.3">
      <c r="A123323" s="13" t="s">
        <v>573</v>
      </c>
      <c r="B123323" s="14" t="s">
        <v>1</v>
      </c>
      <c r="C123323" s="14" t="s">
        <v>200</v>
      </c>
      <c r="D123323" s="14" t="s">
        <v>193</v>
      </c>
      <c r="E123323" s="15">
        <v>45694</v>
      </c>
      <c r="F123323" s="14" t="s">
        <v>15</v>
      </c>
      <c r="G123323" s="16">
        <v>2.2879488695665149</v>
      </c>
    </row>
    <row r="123324" spans="1:7" x14ac:dyDescent="0.3">
      <c r="A123324" s="13" t="s">
        <v>573</v>
      </c>
      <c r="B123324" s="14" t="s">
        <v>1</v>
      </c>
      <c r="C123324" s="14" t="s">
        <v>200</v>
      </c>
      <c r="D123324" s="14" t="s">
        <v>193</v>
      </c>
      <c r="E123324" s="15">
        <v>45695</v>
      </c>
      <c r="F123324" s="14" t="s">
        <v>15</v>
      </c>
      <c r="G123324" s="16">
        <v>2.2949991857408385</v>
      </c>
    </row>
    <row r="123325" spans="1:7" x14ac:dyDescent="0.3">
      <c r="A123325" s="13" t="s">
        <v>573</v>
      </c>
      <c r="B123325" s="14" t="s">
        <v>1</v>
      </c>
      <c r="C123325" s="14" t="s">
        <v>200</v>
      </c>
      <c r="D123325" s="14" t="s">
        <v>193</v>
      </c>
      <c r="E123325" s="15">
        <v>45696</v>
      </c>
      <c r="F123325" s="14" t="s">
        <v>15</v>
      </c>
      <c r="G123325" s="16">
        <v>2.2949991857408385</v>
      </c>
    </row>
    <row r="123326" spans="1:7" x14ac:dyDescent="0.3">
      <c r="A123326" s="13" t="s">
        <v>573</v>
      </c>
      <c r="B123326" s="14" t="s">
        <v>1</v>
      </c>
      <c r="C123326" s="14" t="s">
        <v>200</v>
      </c>
      <c r="D123326" s="14" t="s">
        <v>193</v>
      </c>
      <c r="E123326" s="15">
        <v>45697</v>
      </c>
      <c r="F123326" s="14" t="s">
        <v>15</v>
      </c>
      <c r="G123326" s="16">
        <v>2.2949991857408385</v>
      </c>
    </row>
    <row r="123327" spans="1:7" x14ac:dyDescent="0.3">
      <c r="A123327" s="13" t="s">
        <v>573</v>
      </c>
      <c r="B123327" s="14" t="s">
        <v>1</v>
      </c>
      <c r="C123327" s="14" t="s">
        <v>200</v>
      </c>
      <c r="D123327" s="14" t="s">
        <v>193</v>
      </c>
      <c r="E123327" s="15">
        <v>45698</v>
      </c>
      <c r="F123327" s="14" t="s">
        <v>15</v>
      </c>
      <c r="G123327" s="16">
        <v>2.3022360765009076</v>
      </c>
    </row>
    <row r="123328" spans="1:7" x14ac:dyDescent="0.3">
      <c r="A123328" s="13" t="s">
        <v>573</v>
      </c>
      <c r="B123328" s="14" t="s">
        <v>1</v>
      </c>
      <c r="C123328" s="14" t="s">
        <v>200</v>
      </c>
      <c r="D123328" s="14" t="s">
        <v>193</v>
      </c>
      <c r="E123328" s="15">
        <v>45699</v>
      </c>
      <c r="F123328" s="14" t="s">
        <v>15</v>
      </c>
      <c r="G123328" s="16">
        <v>2.3242593263474749</v>
      </c>
    </row>
    <row r="123329" spans="1:7" x14ac:dyDescent="0.3">
      <c r="A123329" s="13" t="s">
        <v>573</v>
      </c>
      <c r="B123329" s="14" t="s">
        <v>1</v>
      </c>
      <c r="C123329" s="14" t="s">
        <v>200</v>
      </c>
      <c r="D123329" s="14" t="s">
        <v>193</v>
      </c>
      <c r="E123329" s="15">
        <v>45700</v>
      </c>
      <c r="F123329" s="14" t="s">
        <v>15</v>
      </c>
      <c r="G123329" s="16">
        <v>2.3316927021216318</v>
      </c>
    </row>
    <row r="123330" spans="1:7" x14ac:dyDescent="0.3">
      <c r="A123330" s="13" t="s">
        <v>573</v>
      </c>
      <c r="B123330" s="14" t="s">
        <v>1</v>
      </c>
      <c r="C123330" s="14" t="s">
        <v>200</v>
      </c>
      <c r="D123330" s="14" t="s">
        <v>193</v>
      </c>
      <c r="E123330" s="15">
        <v>45701</v>
      </c>
      <c r="F123330" s="14" t="s">
        <v>15</v>
      </c>
      <c r="G123330" s="16">
        <v>2.3414873451703557</v>
      </c>
    </row>
    <row r="123331" spans="1:7" x14ac:dyDescent="0.3">
      <c r="A123331" s="13" t="s">
        <v>573</v>
      </c>
      <c r="B123331" s="14" t="s">
        <v>1</v>
      </c>
      <c r="C123331" s="14" t="s">
        <v>200</v>
      </c>
      <c r="D123331" s="14" t="s">
        <v>193</v>
      </c>
      <c r="E123331" s="15">
        <v>45702</v>
      </c>
      <c r="F123331" s="14" t="s">
        <v>15</v>
      </c>
      <c r="G123331" s="16">
        <v>2.3488134297855043</v>
      </c>
    </row>
    <row r="123332" spans="1:7" x14ac:dyDescent="0.3">
      <c r="A123332" s="13" t="s">
        <v>573</v>
      </c>
      <c r="B123332" s="14" t="s">
        <v>1</v>
      </c>
      <c r="C123332" s="14" t="s">
        <v>200</v>
      </c>
      <c r="D123332" s="14" t="s">
        <v>193</v>
      </c>
      <c r="E123332" s="15">
        <v>45703</v>
      </c>
      <c r="F123332" s="14" t="s">
        <v>15</v>
      </c>
      <c r="G123332" s="16">
        <v>2.3488134297855043</v>
      </c>
    </row>
    <row r="123333" spans="1:7" x14ac:dyDescent="0.3">
      <c r="A123333" s="13" t="s">
        <v>573</v>
      </c>
      <c r="B123333" s="14" t="s">
        <v>1</v>
      </c>
      <c r="C123333" s="14" t="s">
        <v>200</v>
      </c>
      <c r="D123333" s="14" t="s">
        <v>193</v>
      </c>
      <c r="E123333" s="15">
        <v>45704</v>
      </c>
      <c r="F123333" s="14" t="s">
        <v>15</v>
      </c>
      <c r="G123333" s="16">
        <v>2.3488134297855043</v>
      </c>
    </row>
    <row r="123334" spans="1:7" x14ac:dyDescent="0.3">
      <c r="A123334" s="13" t="s">
        <v>573</v>
      </c>
      <c r="B123334" s="14" t="s">
        <v>1</v>
      </c>
      <c r="C123334" s="14" t="s">
        <v>200</v>
      </c>
      <c r="D123334" s="14" t="s">
        <v>193</v>
      </c>
      <c r="E123334" s="15">
        <v>45705</v>
      </c>
      <c r="F123334" s="14" t="s">
        <v>15</v>
      </c>
      <c r="G123334" s="16">
        <v>2.3488134297855043</v>
      </c>
    </row>
    <row r="123335" spans="1:7" x14ac:dyDescent="0.3">
      <c r="A123335" s="13" t="s">
        <v>573</v>
      </c>
      <c r="B123335" s="14" t="s">
        <v>1</v>
      </c>
      <c r="C123335" s="14" t="s">
        <v>200</v>
      </c>
      <c r="D123335" s="14" t="s">
        <v>193</v>
      </c>
      <c r="E123335" s="15">
        <v>45706</v>
      </c>
      <c r="F123335" s="14" t="s">
        <v>15</v>
      </c>
      <c r="G123335" s="16">
        <v>2.3565165415658438</v>
      </c>
    </row>
    <row r="123336" spans="1:7" x14ac:dyDescent="0.3">
      <c r="A123336" s="13" t="s">
        <v>573</v>
      </c>
      <c r="B123336" s="14" t="s">
        <v>1</v>
      </c>
      <c r="C123336" s="14" t="s">
        <v>200</v>
      </c>
      <c r="D123336" s="14" t="s">
        <v>193</v>
      </c>
      <c r="E123336" s="15">
        <v>45707</v>
      </c>
      <c r="F123336" s="14" t="s">
        <v>15</v>
      </c>
      <c r="G123336" s="16">
        <v>2.3843180020240768</v>
      </c>
    </row>
    <row r="123337" spans="1:7" x14ac:dyDescent="0.3">
      <c r="A123337" s="13" t="s">
        <v>573</v>
      </c>
      <c r="B123337" s="14" t="s">
        <v>1</v>
      </c>
      <c r="C123337" s="14" t="s">
        <v>200</v>
      </c>
      <c r="D123337" s="14" t="s">
        <v>193</v>
      </c>
      <c r="E123337" s="15">
        <v>45708</v>
      </c>
      <c r="F123337" s="14" t="s">
        <v>15</v>
      </c>
      <c r="G123337" s="16">
        <v>2.3920991045665874</v>
      </c>
    </row>
    <row r="123338" spans="1:7" x14ac:dyDescent="0.3">
      <c r="A123338" s="13" t="s">
        <v>573</v>
      </c>
      <c r="B123338" s="14" t="s">
        <v>1</v>
      </c>
      <c r="C123338" s="14" t="s">
        <v>200</v>
      </c>
      <c r="D123338" s="14" t="s">
        <v>193</v>
      </c>
      <c r="E123338" s="15">
        <v>45709</v>
      </c>
      <c r="F123338" s="14" t="s">
        <v>15</v>
      </c>
      <c r="G123338" s="16">
        <v>2.3997483553233279</v>
      </c>
    </row>
    <row r="123339" spans="1:7" x14ac:dyDescent="0.3">
      <c r="A123339" s="13" t="s">
        <v>573</v>
      </c>
      <c r="B123339" s="14" t="s">
        <v>1</v>
      </c>
      <c r="C123339" s="14" t="s">
        <v>200</v>
      </c>
      <c r="D123339" s="14" t="s">
        <v>193</v>
      </c>
      <c r="E123339" s="15">
        <v>45710</v>
      </c>
      <c r="F123339" s="14" t="s">
        <v>15</v>
      </c>
      <c r="G123339" s="16">
        <v>2.3997483553233279</v>
      </c>
    </row>
    <row r="123340" spans="1:7" x14ac:dyDescent="0.3">
      <c r="A123340" s="13" t="s">
        <v>573</v>
      </c>
      <c r="B123340" s="14" t="s">
        <v>1</v>
      </c>
      <c r="C123340" s="14" t="s">
        <v>200</v>
      </c>
      <c r="D123340" s="14" t="s">
        <v>193</v>
      </c>
      <c r="E123340" s="15">
        <v>45711</v>
      </c>
      <c r="F123340" s="14" t="s">
        <v>15</v>
      </c>
      <c r="G123340" s="16">
        <v>2.3997483553233279</v>
      </c>
    </row>
    <row r="123341" spans="1:7" x14ac:dyDescent="0.3">
      <c r="A123341" s="13" t="s">
        <v>573</v>
      </c>
      <c r="B123341" s="14" t="s">
        <v>1</v>
      </c>
      <c r="C123341" s="14" t="s">
        <v>200</v>
      </c>
      <c r="D123341" s="14" t="s">
        <v>193</v>
      </c>
      <c r="E123341" s="15">
        <v>45712</v>
      </c>
      <c r="F123341" s="14" t="s">
        <v>15</v>
      </c>
      <c r="G123341" s="16">
        <v>2.4080361823758545</v>
      </c>
    </row>
    <row r="123342" spans="1:7" x14ac:dyDescent="0.3">
      <c r="A123342" s="13" t="s">
        <v>573</v>
      </c>
      <c r="B123342" s="14" t="s">
        <v>1</v>
      </c>
      <c r="C123342" s="14" t="s">
        <v>200</v>
      </c>
      <c r="D123342" s="14" t="s">
        <v>193</v>
      </c>
      <c r="E123342" s="15">
        <v>45713</v>
      </c>
      <c r="F123342" s="14" t="s">
        <v>15</v>
      </c>
      <c r="G123342" s="16">
        <v>2.4298228746067765</v>
      </c>
    </row>
    <row r="123343" spans="1:7" x14ac:dyDescent="0.3">
      <c r="A123343" s="13" t="s">
        <v>573</v>
      </c>
      <c r="B123343" s="14" t="s">
        <v>1</v>
      </c>
      <c r="C123343" s="14" t="s">
        <v>200</v>
      </c>
      <c r="D123343" s="14" t="s">
        <v>193</v>
      </c>
      <c r="E123343" s="15">
        <v>45714</v>
      </c>
      <c r="F123343" s="14" t="s">
        <v>15</v>
      </c>
      <c r="G123343" s="16">
        <v>2.4373799152911162</v>
      </c>
    </row>
    <row r="123344" spans="1:7" x14ac:dyDescent="0.3">
      <c r="A123344" s="13" t="s">
        <v>573</v>
      </c>
      <c r="B123344" s="14" t="s">
        <v>1</v>
      </c>
      <c r="C123344" s="14" t="s">
        <v>200</v>
      </c>
      <c r="D123344" s="14" t="s">
        <v>193</v>
      </c>
      <c r="E123344" s="15">
        <v>45715</v>
      </c>
      <c r="F123344" s="14" t="s">
        <v>15</v>
      </c>
      <c r="G123344" s="16">
        <v>2.445215740633603</v>
      </c>
    </row>
    <row r="123345" spans="1:7" x14ac:dyDescent="0.3">
      <c r="A123345" s="13" t="s">
        <v>573</v>
      </c>
      <c r="B123345" s="14" t="s">
        <v>1</v>
      </c>
      <c r="C123345" s="14" t="s">
        <v>200</v>
      </c>
      <c r="D123345" s="14" t="s">
        <v>193</v>
      </c>
      <c r="E123345" s="15">
        <v>45716</v>
      </c>
      <c r="F123345" s="14" t="s">
        <v>15</v>
      </c>
      <c r="G123345" s="16">
        <v>2.4528145774722554</v>
      </c>
    </row>
    <row r="123346" spans="1:7" x14ac:dyDescent="0.3">
      <c r="A123346" s="13" t="s">
        <v>573</v>
      </c>
      <c r="B123346" s="14" t="s">
        <v>1</v>
      </c>
      <c r="C123346" s="14" t="s">
        <v>200</v>
      </c>
      <c r="D123346" s="14" t="s">
        <v>193</v>
      </c>
      <c r="E123346" s="15">
        <v>45717</v>
      </c>
      <c r="F123346" s="14" t="s">
        <v>15</v>
      </c>
      <c r="G123346" s="16">
        <v>2.4528145774722554</v>
      </c>
    </row>
    <row r="123347" spans="1:7" x14ac:dyDescent="0.3">
      <c r="A123347" s="13" t="s">
        <v>573</v>
      </c>
      <c r="B123347" s="14" t="s">
        <v>1</v>
      </c>
      <c r="C123347" s="14" t="s">
        <v>200</v>
      </c>
      <c r="D123347" s="14" t="s">
        <v>193</v>
      </c>
      <c r="E123347" s="15">
        <v>45718</v>
      </c>
      <c r="F123347" s="14" t="s">
        <v>15</v>
      </c>
      <c r="G123347" s="16">
        <v>2.4528145774722554</v>
      </c>
    </row>
    <row r="123348" spans="1:7" x14ac:dyDescent="0.3">
      <c r="A123348" s="13" t="s">
        <v>573</v>
      </c>
      <c r="B123348" s="14" t="s">
        <v>1</v>
      </c>
      <c r="C123348" s="14" t="s">
        <v>200</v>
      </c>
      <c r="D123348" s="14" t="s">
        <v>193</v>
      </c>
      <c r="E123348" s="15">
        <v>45719</v>
      </c>
      <c r="F123348" s="14" t="s">
        <v>15</v>
      </c>
      <c r="G123348" s="16">
        <v>2.463666620136268</v>
      </c>
    </row>
    <row r="123349" spans="1:7" x14ac:dyDescent="0.3">
      <c r="A123349" s="13" t="s">
        <v>573</v>
      </c>
      <c r="B123349" s="14" t="s">
        <v>1</v>
      </c>
      <c r="C123349" s="14" t="s">
        <v>200</v>
      </c>
      <c r="D123349" s="14" t="s">
        <v>193</v>
      </c>
      <c r="E123349" s="15">
        <v>45720</v>
      </c>
      <c r="F123349" s="14" t="s">
        <v>15</v>
      </c>
      <c r="G123349" s="16">
        <v>2.4856618622505637</v>
      </c>
    </row>
    <row r="123350" spans="1:7" x14ac:dyDescent="0.3">
      <c r="A123350" s="13" t="s">
        <v>573</v>
      </c>
      <c r="B123350" s="14" t="s">
        <v>1</v>
      </c>
      <c r="C123350" s="14" t="s">
        <v>200</v>
      </c>
      <c r="D123350" s="14" t="s">
        <v>193</v>
      </c>
      <c r="E123350" s="15">
        <v>45721</v>
      </c>
      <c r="F123350" s="14" t="s">
        <v>15</v>
      </c>
      <c r="G123350" s="16">
        <v>2.4929616626861963</v>
      </c>
    </row>
    <row r="123351" spans="1:7" x14ac:dyDescent="0.3">
      <c r="A123351" s="13" t="s">
        <v>573</v>
      </c>
      <c r="B123351" s="14" t="s">
        <v>1</v>
      </c>
      <c r="C123351" s="14" t="s">
        <v>200</v>
      </c>
      <c r="D123351" s="14" t="s">
        <v>193</v>
      </c>
      <c r="E123351" s="15">
        <v>45722</v>
      </c>
      <c r="F123351" s="14" t="s">
        <v>15</v>
      </c>
      <c r="G123351" s="16">
        <v>2.5003739249391028</v>
      </c>
    </row>
    <row r="123352" spans="1:7" x14ac:dyDescent="0.3">
      <c r="A123352" s="13" t="s">
        <v>573</v>
      </c>
      <c r="B123352" s="14" t="s">
        <v>1</v>
      </c>
      <c r="C123352" s="14" t="s">
        <v>200</v>
      </c>
      <c r="D123352" s="14" t="s">
        <v>193</v>
      </c>
      <c r="E123352" s="15">
        <v>45723</v>
      </c>
      <c r="F123352" s="14" t="s">
        <v>15</v>
      </c>
      <c r="G123352" s="16">
        <v>2.5076595060645053</v>
      </c>
    </row>
    <row r="123353" spans="1:7" x14ac:dyDescent="0.3">
      <c r="A123353" s="13" t="s">
        <v>573</v>
      </c>
      <c r="B123353" s="14" t="s">
        <v>1</v>
      </c>
      <c r="C123353" s="14" t="s">
        <v>200</v>
      </c>
      <c r="D123353" s="14" t="s">
        <v>193</v>
      </c>
      <c r="E123353" s="15">
        <v>45724</v>
      </c>
      <c r="F123353" s="14" t="s">
        <v>15</v>
      </c>
      <c r="G123353" s="16">
        <v>2.5076595060645053</v>
      </c>
    </row>
    <row r="123354" spans="1:7" x14ac:dyDescent="0.3">
      <c r="A123354" s="13" t="s">
        <v>573</v>
      </c>
      <c r="B123354" s="14" t="s">
        <v>1</v>
      </c>
      <c r="C123354" s="14" t="s">
        <v>200</v>
      </c>
      <c r="D123354" s="14" t="s">
        <v>193</v>
      </c>
      <c r="E123354" s="15">
        <v>45725</v>
      </c>
      <c r="F123354" s="14" t="s">
        <v>15</v>
      </c>
      <c r="G123354" s="16">
        <v>2.5076595060645053</v>
      </c>
    </row>
    <row r="123355" spans="1:7" x14ac:dyDescent="0.3">
      <c r="A123355" s="13" t="s">
        <v>573</v>
      </c>
      <c r="B123355" s="14" t="s">
        <v>1</v>
      </c>
      <c r="C123355" s="14" t="s">
        <v>200</v>
      </c>
      <c r="D123355" s="14" t="s">
        <v>193</v>
      </c>
      <c r="E123355" s="15">
        <v>45726</v>
      </c>
      <c r="F123355" s="14" t="s">
        <v>15</v>
      </c>
      <c r="G123355" s="16">
        <v>2.5150243706166449</v>
      </c>
    </row>
    <row r="123356" spans="1:7" x14ac:dyDescent="0.3">
      <c r="A123356" s="13" t="s">
        <v>573</v>
      </c>
      <c r="B123356" s="14" t="s">
        <v>1</v>
      </c>
      <c r="C123356" s="14" t="s">
        <v>200</v>
      </c>
      <c r="D123356" s="14" t="s">
        <v>193</v>
      </c>
      <c r="E123356" s="15">
        <v>45727</v>
      </c>
      <c r="F123356" s="14" t="s">
        <v>15</v>
      </c>
      <c r="G123356" s="16">
        <v>2.5376073442204494</v>
      </c>
    </row>
    <row r="123357" spans="1:7" x14ac:dyDescent="0.3">
      <c r="A123357" s="13" t="s">
        <v>573</v>
      </c>
      <c r="B123357" s="14" t="s">
        <v>1</v>
      </c>
      <c r="C123357" s="14" t="s">
        <v>200</v>
      </c>
      <c r="D123357" s="14" t="s">
        <v>193</v>
      </c>
      <c r="E123357" s="15">
        <v>45728</v>
      </c>
      <c r="F123357" s="14" t="s">
        <v>15</v>
      </c>
      <c r="G123357" s="16">
        <v>2.5464311961798307</v>
      </c>
    </row>
    <row r="123358" spans="1:7" x14ac:dyDescent="0.3">
      <c r="A123358" s="13" t="s">
        <v>573</v>
      </c>
      <c r="B123358" s="14" t="s">
        <v>1</v>
      </c>
      <c r="C123358" s="14" t="s">
        <v>200</v>
      </c>
      <c r="D123358" s="14" t="s">
        <v>193</v>
      </c>
      <c r="E123358" s="15">
        <v>45729</v>
      </c>
      <c r="F123358" s="14" t="s">
        <v>15</v>
      </c>
      <c r="G123358" s="16">
        <v>2.5543906864324999</v>
      </c>
    </row>
    <row r="123359" spans="1:7" x14ac:dyDescent="0.3">
      <c r="A123359" s="13" t="s">
        <v>573</v>
      </c>
      <c r="B123359" s="14" t="s">
        <v>1</v>
      </c>
      <c r="C123359" s="14" t="s">
        <v>200</v>
      </c>
      <c r="D123359" s="14" t="s">
        <v>193</v>
      </c>
      <c r="E123359" s="15">
        <v>45730</v>
      </c>
      <c r="F123359" s="14" t="s">
        <v>15</v>
      </c>
      <c r="G123359" s="16">
        <v>2.5615155462634838</v>
      </c>
    </row>
    <row r="123360" spans="1:7" x14ac:dyDescent="0.3">
      <c r="A123360" s="13" t="s">
        <v>573</v>
      </c>
      <c r="B123360" s="14" t="s">
        <v>1</v>
      </c>
      <c r="C123360" s="14" t="s">
        <v>200</v>
      </c>
      <c r="D123360" s="14" t="s">
        <v>193</v>
      </c>
      <c r="E123360" s="15">
        <v>45731</v>
      </c>
      <c r="F123360" s="14" t="s">
        <v>15</v>
      </c>
      <c r="G123360" s="16">
        <v>2.5615155462634838</v>
      </c>
    </row>
    <row r="123361" spans="1:7" x14ac:dyDescent="0.3">
      <c r="A123361" s="13" t="s">
        <v>573</v>
      </c>
      <c r="B123361" s="14" t="s">
        <v>1</v>
      </c>
      <c r="C123361" s="14" t="s">
        <v>200</v>
      </c>
      <c r="D123361" s="14" t="s">
        <v>193</v>
      </c>
      <c r="E123361" s="15">
        <v>45732</v>
      </c>
      <c r="F123361" s="14" t="s">
        <v>15</v>
      </c>
      <c r="G123361" s="16">
        <v>2.5615155462634838</v>
      </c>
    </row>
    <row r="123362" spans="1:7" x14ac:dyDescent="0.3">
      <c r="A123362" s="13" t="s">
        <v>573</v>
      </c>
      <c r="B123362" s="14" t="s">
        <v>1</v>
      </c>
      <c r="C123362" s="14" t="s">
        <v>200</v>
      </c>
      <c r="D123362" s="14" t="s">
        <v>193</v>
      </c>
      <c r="E123362" s="15">
        <v>45733</v>
      </c>
      <c r="F123362" s="14" t="s">
        <v>15</v>
      </c>
      <c r="G123362" s="16">
        <v>2.5615155462634838</v>
      </c>
    </row>
    <row r="123363" spans="1:7" x14ac:dyDescent="0.3">
      <c r="A123363" s="13" t="s">
        <v>573</v>
      </c>
      <c r="B123363" s="14" t="s">
        <v>1</v>
      </c>
      <c r="C123363" s="14" t="s">
        <v>200</v>
      </c>
      <c r="D123363" s="14" t="s">
        <v>193</v>
      </c>
      <c r="E123363" s="15">
        <v>45734</v>
      </c>
      <c r="F123363" s="14" t="s">
        <v>15</v>
      </c>
      <c r="G123363" s="16">
        <v>2.5690967166863961</v>
      </c>
    </row>
    <row r="123364" spans="1:7" x14ac:dyDescent="0.3">
      <c r="A123364" s="13" t="s">
        <v>573</v>
      </c>
      <c r="B123364" s="14" t="s">
        <v>1</v>
      </c>
      <c r="C123364" s="14" t="s">
        <v>200</v>
      </c>
      <c r="D123364" s="14" t="s">
        <v>193</v>
      </c>
      <c r="E123364" s="15">
        <v>45735</v>
      </c>
      <c r="F123364" s="14" t="s">
        <v>15</v>
      </c>
      <c r="G123364" s="16">
        <v>2.5961548950189672</v>
      </c>
    </row>
    <row r="123365" spans="1:7" x14ac:dyDescent="0.3">
      <c r="A123365" s="13" t="s">
        <v>573</v>
      </c>
      <c r="B123365" s="14" t="s">
        <v>1</v>
      </c>
      <c r="C123365" s="14" t="s">
        <v>200</v>
      </c>
      <c r="D123365" s="14" t="s">
        <v>193</v>
      </c>
      <c r="E123365" s="15">
        <v>45736</v>
      </c>
      <c r="F123365" s="14" t="s">
        <v>15</v>
      </c>
      <c r="G123365" s="16">
        <v>2.6040764671110228</v>
      </c>
    </row>
    <row r="123366" spans="1:7" x14ac:dyDescent="0.3">
      <c r="A123366" s="13" t="s">
        <v>573</v>
      </c>
      <c r="B123366" s="14" t="s">
        <v>1</v>
      </c>
      <c r="C123366" s="14" t="s">
        <v>200</v>
      </c>
      <c r="D123366" s="14" t="s">
        <v>193</v>
      </c>
      <c r="E123366" s="15">
        <v>45737</v>
      </c>
      <c r="F123366" s="14" t="s">
        <v>15</v>
      </c>
      <c r="G123366" s="16">
        <v>2.6065412711802498</v>
      </c>
    </row>
    <row r="123367" spans="1:7" x14ac:dyDescent="0.3">
      <c r="A123367" s="13" t="s">
        <v>573</v>
      </c>
      <c r="B123367" s="14" t="s">
        <v>1</v>
      </c>
      <c r="C123367" s="14" t="s">
        <v>200</v>
      </c>
      <c r="D123367" s="14" t="s">
        <v>193</v>
      </c>
      <c r="E123367" s="15">
        <v>45738</v>
      </c>
      <c r="F123367" s="14" t="s">
        <v>15</v>
      </c>
      <c r="G123367" s="16">
        <v>2.6065412711802498</v>
      </c>
    </row>
    <row r="123368" spans="1:7" x14ac:dyDescent="0.3">
      <c r="A123368" s="13" t="s">
        <v>573</v>
      </c>
      <c r="B123368" s="14" t="s">
        <v>1</v>
      </c>
      <c r="C123368" s="14" t="s">
        <v>200</v>
      </c>
      <c r="D123368" s="14" t="s">
        <v>193</v>
      </c>
      <c r="E123368" s="15">
        <v>45739</v>
      </c>
      <c r="F123368" s="14" t="s">
        <v>15</v>
      </c>
      <c r="G123368" s="16">
        <v>2.6065412711802498</v>
      </c>
    </row>
    <row r="123369" spans="1:7" x14ac:dyDescent="0.3">
      <c r="A123369" s="13" t="s">
        <v>573</v>
      </c>
      <c r="B123369" s="14" t="s">
        <v>1</v>
      </c>
      <c r="C123369" s="14" t="s">
        <v>200</v>
      </c>
      <c r="D123369" s="14" t="s">
        <v>193</v>
      </c>
      <c r="E123369" s="15">
        <v>45740</v>
      </c>
      <c r="F123369" s="14" t="s">
        <v>15</v>
      </c>
      <c r="G123369" s="16">
        <v>2.6134571502396708</v>
      </c>
    </row>
    <row r="123370" spans="1:7" x14ac:dyDescent="0.3">
      <c r="A123370" s="13" t="s">
        <v>573</v>
      </c>
      <c r="B123370" s="14" t="s">
        <v>1</v>
      </c>
      <c r="C123370" s="14" t="s">
        <v>200</v>
      </c>
      <c r="D123370" s="14" t="s">
        <v>193</v>
      </c>
      <c r="E123370" s="15">
        <v>45741</v>
      </c>
      <c r="F123370" s="14" t="s">
        <v>15</v>
      </c>
      <c r="G123370" s="16">
        <v>2.6350413250218616</v>
      </c>
    </row>
    <row r="123371" spans="1:7" x14ac:dyDescent="0.3">
      <c r="A123371" s="13" t="s">
        <v>573</v>
      </c>
      <c r="B123371" s="14" t="s">
        <v>1</v>
      </c>
      <c r="C123371" s="14" t="s">
        <v>200</v>
      </c>
      <c r="D123371" s="14" t="s">
        <v>193</v>
      </c>
      <c r="E123371" s="15">
        <v>45742</v>
      </c>
      <c r="F123371" s="14" t="s">
        <v>15</v>
      </c>
      <c r="G123371" s="16">
        <v>2.6417977754514306</v>
      </c>
    </row>
    <row r="123372" spans="1:7" x14ac:dyDescent="0.3">
      <c r="A123372" s="13" t="s">
        <v>573</v>
      </c>
      <c r="B123372" s="14" t="s">
        <v>1</v>
      </c>
      <c r="C123372" s="14" t="s">
        <v>200</v>
      </c>
      <c r="D123372" s="14" t="s">
        <v>193</v>
      </c>
      <c r="E123372" s="15">
        <v>45743</v>
      </c>
      <c r="F123372" s="14" t="s">
        <v>15</v>
      </c>
      <c r="G123372" s="16">
        <v>2.6485525023282448</v>
      </c>
    </row>
    <row r="123373" spans="1:7" x14ac:dyDescent="0.3">
      <c r="A123373" s="13" t="s">
        <v>573</v>
      </c>
      <c r="B123373" s="14" t="s">
        <v>1</v>
      </c>
      <c r="C123373" s="14" t="s">
        <v>200</v>
      </c>
      <c r="D123373" s="14" t="s">
        <v>193</v>
      </c>
      <c r="E123373" s="15">
        <v>45744</v>
      </c>
      <c r="F123373" s="14" t="s">
        <v>15</v>
      </c>
      <c r="G123373" s="16">
        <v>2.655391252401873</v>
      </c>
    </row>
    <row r="123374" spans="1:7" x14ac:dyDescent="0.3">
      <c r="A123374" s="13" t="s">
        <v>573</v>
      </c>
      <c r="B123374" s="14" t="s">
        <v>1</v>
      </c>
      <c r="C123374" s="14" t="s">
        <v>200</v>
      </c>
      <c r="D123374" s="14" t="s">
        <v>193</v>
      </c>
      <c r="E123374" s="15">
        <v>45745</v>
      </c>
      <c r="F123374" s="14" t="s">
        <v>15</v>
      </c>
      <c r="G123374" s="16">
        <v>2.655391252401873</v>
      </c>
    </row>
    <row r="123375" spans="1:7" x14ac:dyDescent="0.3">
      <c r="A123375" s="13" t="s">
        <v>573</v>
      </c>
      <c r="B123375" s="14" t="s">
        <v>1</v>
      </c>
      <c r="C123375" s="14" t="s">
        <v>200</v>
      </c>
      <c r="D123375" s="14" t="s">
        <v>193</v>
      </c>
      <c r="E123375" s="15">
        <v>45746</v>
      </c>
      <c r="F123375" s="14" t="s">
        <v>15</v>
      </c>
      <c r="G123375" s="16">
        <v>2.655391252401873</v>
      </c>
    </row>
    <row r="123376" spans="1:7" x14ac:dyDescent="0.3">
      <c r="A123376" s="13" t="s">
        <v>573</v>
      </c>
      <c r="B123376" s="14" t="s">
        <v>1</v>
      </c>
      <c r="C123376" s="14" t="s">
        <v>200</v>
      </c>
      <c r="D123376" s="14" t="s">
        <v>193</v>
      </c>
      <c r="E123376" s="15">
        <v>45747</v>
      </c>
      <c r="F123376" s="14" t="s">
        <v>15</v>
      </c>
      <c r="G123376" s="16">
        <v>2.6623609924848926</v>
      </c>
    </row>
    <row r="123377" spans="1:7" x14ac:dyDescent="0.3">
      <c r="A123377" s="13" t="s">
        <v>574</v>
      </c>
      <c r="B123377" s="14" t="s">
        <v>1</v>
      </c>
      <c r="C123377" s="14" t="s">
        <v>200</v>
      </c>
      <c r="D123377" s="14" t="s">
        <v>406</v>
      </c>
      <c r="E123377" s="15">
        <v>45383</v>
      </c>
      <c r="F123377" s="14" t="s">
        <v>15</v>
      </c>
      <c r="G123377" s="16">
        <v>0</v>
      </c>
    </row>
    <row r="123378" spans="1:7" x14ac:dyDescent="0.3">
      <c r="A123378" s="13" t="s">
        <v>574</v>
      </c>
      <c r="B123378" s="14" t="s">
        <v>1</v>
      </c>
      <c r="C123378" s="14" t="s">
        <v>200</v>
      </c>
      <c r="D123378" s="14" t="s">
        <v>406</v>
      </c>
      <c r="E123378" s="15">
        <v>45384</v>
      </c>
      <c r="F123378" s="14" t="s">
        <v>15</v>
      </c>
      <c r="G123378" s="16">
        <v>0</v>
      </c>
    </row>
    <row r="123379" spans="1:7" x14ac:dyDescent="0.3">
      <c r="A123379" s="13" t="s">
        <v>574</v>
      </c>
      <c r="B123379" s="14" t="s">
        <v>1</v>
      </c>
      <c r="C123379" s="14" t="s">
        <v>200</v>
      </c>
      <c r="D123379" s="14" t="s">
        <v>406</v>
      </c>
      <c r="E123379" s="15">
        <v>45385</v>
      </c>
      <c r="F123379" s="14" t="s">
        <v>15</v>
      </c>
      <c r="G123379" s="16">
        <v>3.792520675811771E-2</v>
      </c>
    </row>
    <row r="123380" spans="1:7" x14ac:dyDescent="0.3">
      <c r="A123380" s="13" t="s">
        <v>574</v>
      </c>
      <c r="B123380" s="14" t="s">
        <v>1</v>
      </c>
      <c r="C123380" s="14" t="s">
        <v>200</v>
      </c>
      <c r="D123380" s="14" t="s">
        <v>406</v>
      </c>
      <c r="E123380" s="15">
        <v>45386</v>
      </c>
      <c r="F123380" s="14" t="s">
        <v>15</v>
      </c>
      <c r="G123380" s="16">
        <v>4.7850413516235431E-2</v>
      </c>
    </row>
    <row r="123381" spans="1:7" x14ac:dyDescent="0.3">
      <c r="A123381" s="13" t="s">
        <v>574</v>
      </c>
      <c r="B123381" s="14" t="s">
        <v>1</v>
      </c>
      <c r="C123381" s="14" t="s">
        <v>200</v>
      </c>
      <c r="D123381" s="14" t="s">
        <v>406</v>
      </c>
      <c r="E123381" s="15">
        <v>45387</v>
      </c>
      <c r="F123381" s="14" t="s">
        <v>15</v>
      </c>
      <c r="G123381" s="16">
        <v>5.4775620274353141E-2</v>
      </c>
    </row>
    <row r="123382" spans="1:7" x14ac:dyDescent="0.3">
      <c r="A123382" s="13" t="s">
        <v>574</v>
      </c>
      <c r="B123382" s="14" t="s">
        <v>1</v>
      </c>
      <c r="C123382" s="14" t="s">
        <v>200</v>
      </c>
      <c r="D123382" s="14" t="s">
        <v>406</v>
      </c>
      <c r="E123382" s="15">
        <v>45388</v>
      </c>
      <c r="F123382" s="14" t="s">
        <v>15</v>
      </c>
      <c r="G123382" s="16">
        <v>5.4775620274353141E-2</v>
      </c>
    </row>
    <row r="123383" spans="1:7" x14ac:dyDescent="0.3">
      <c r="A123383" s="13" t="s">
        <v>574</v>
      </c>
      <c r="B123383" s="14" t="s">
        <v>1</v>
      </c>
      <c r="C123383" s="14" t="s">
        <v>200</v>
      </c>
      <c r="D123383" s="14" t="s">
        <v>406</v>
      </c>
      <c r="E123383" s="15">
        <v>45389</v>
      </c>
      <c r="F123383" s="14" t="s">
        <v>15</v>
      </c>
      <c r="G123383" s="16">
        <v>5.4775620274353141E-2</v>
      </c>
    </row>
    <row r="123384" spans="1:7" x14ac:dyDescent="0.3">
      <c r="A123384" s="13" t="s">
        <v>574</v>
      </c>
      <c r="B123384" s="14" t="s">
        <v>1</v>
      </c>
      <c r="C123384" s="14" t="s">
        <v>200</v>
      </c>
      <c r="D123384" s="14" t="s">
        <v>406</v>
      </c>
      <c r="E123384" s="15">
        <v>45390</v>
      </c>
      <c r="F123384" s="14" t="s">
        <v>15</v>
      </c>
      <c r="G123384" s="16">
        <v>5.5700827032470854E-2</v>
      </c>
    </row>
    <row r="123385" spans="1:7" x14ac:dyDescent="0.3">
      <c r="A123385" s="13" t="s">
        <v>574</v>
      </c>
      <c r="B123385" s="14" t="s">
        <v>1</v>
      </c>
      <c r="C123385" s="14" t="s">
        <v>200</v>
      </c>
      <c r="D123385" s="14" t="s">
        <v>406</v>
      </c>
      <c r="E123385" s="15">
        <v>45391</v>
      </c>
      <c r="F123385" s="14" t="s">
        <v>15</v>
      </c>
      <c r="G123385" s="16">
        <v>7.5626033790588562E-2</v>
      </c>
    </row>
    <row r="123386" spans="1:7" x14ac:dyDescent="0.3">
      <c r="A123386" s="13" t="s">
        <v>574</v>
      </c>
      <c r="B123386" s="14" t="s">
        <v>1</v>
      </c>
      <c r="C123386" s="14" t="s">
        <v>200</v>
      </c>
      <c r="D123386" s="14" t="s">
        <v>406</v>
      </c>
      <c r="E123386" s="15">
        <v>45392</v>
      </c>
      <c r="F123386" s="14" t="s">
        <v>15</v>
      </c>
      <c r="G123386" s="16">
        <v>9.2551240548706282E-2</v>
      </c>
    </row>
    <row r="123387" spans="1:7" x14ac:dyDescent="0.3">
      <c r="A123387" s="13" t="s">
        <v>574</v>
      </c>
      <c r="B123387" s="14" t="s">
        <v>1</v>
      </c>
      <c r="C123387" s="14" t="s">
        <v>200</v>
      </c>
      <c r="D123387" s="14" t="s">
        <v>406</v>
      </c>
      <c r="E123387" s="15">
        <v>45393</v>
      </c>
      <c r="F123387" s="14" t="s">
        <v>15</v>
      </c>
      <c r="G123387" s="16">
        <v>0.11647644730682401</v>
      </c>
    </row>
    <row r="123388" spans="1:7" x14ac:dyDescent="0.3">
      <c r="A123388" s="13" t="s">
        <v>574</v>
      </c>
      <c r="B123388" s="14" t="s">
        <v>1</v>
      </c>
      <c r="C123388" s="14" t="s">
        <v>200</v>
      </c>
      <c r="D123388" s="14" t="s">
        <v>406</v>
      </c>
      <c r="E123388" s="15">
        <v>45394</v>
      </c>
      <c r="F123388" s="14" t="s">
        <v>15</v>
      </c>
      <c r="G123388" s="16">
        <v>0.12140165406494172</v>
      </c>
    </row>
    <row r="123389" spans="1:7" x14ac:dyDescent="0.3">
      <c r="A123389" s="13" t="s">
        <v>574</v>
      </c>
      <c r="B123389" s="14" t="s">
        <v>1</v>
      </c>
      <c r="C123389" s="14" t="s">
        <v>200</v>
      </c>
      <c r="D123389" s="14" t="s">
        <v>406</v>
      </c>
      <c r="E123389" s="15">
        <v>45395</v>
      </c>
      <c r="F123389" s="14" t="s">
        <v>15</v>
      </c>
      <c r="G123389" s="16">
        <v>0.12140165406494172</v>
      </c>
    </row>
    <row r="123390" spans="1:7" x14ac:dyDescent="0.3">
      <c r="A123390" s="13" t="s">
        <v>574</v>
      </c>
      <c r="B123390" s="14" t="s">
        <v>1</v>
      </c>
      <c r="C123390" s="14" t="s">
        <v>200</v>
      </c>
      <c r="D123390" s="14" t="s">
        <v>406</v>
      </c>
      <c r="E123390" s="15">
        <v>45396</v>
      </c>
      <c r="F123390" s="14" t="s">
        <v>15</v>
      </c>
      <c r="G123390" s="16">
        <v>0.12140165406494172</v>
      </c>
    </row>
    <row r="123391" spans="1:7" x14ac:dyDescent="0.3">
      <c r="A123391" s="13" t="s">
        <v>574</v>
      </c>
      <c r="B123391" s="14" t="s">
        <v>1</v>
      </c>
      <c r="C123391" s="14" t="s">
        <v>200</v>
      </c>
      <c r="D123391" s="14" t="s">
        <v>406</v>
      </c>
      <c r="E123391" s="15">
        <v>45397</v>
      </c>
      <c r="F123391" s="14" t="s">
        <v>15</v>
      </c>
      <c r="G123391" s="16">
        <v>0.12932686082305944</v>
      </c>
    </row>
    <row r="123392" spans="1:7" x14ac:dyDescent="0.3">
      <c r="A123392" s="13" t="s">
        <v>574</v>
      </c>
      <c r="B123392" s="14" t="s">
        <v>1</v>
      </c>
      <c r="C123392" s="14" t="s">
        <v>200</v>
      </c>
      <c r="D123392" s="14" t="s">
        <v>406</v>
      </c>
      <c r="E123392" s="15">
        <v>45398</v>
      </c>
      <c r="F123392" s="14" t="s">
        <v>15</v>
      </c>
      <c r="G123392" s="16">
        <v>0.15425206758117715</v>
      </c>
    </row>
    <row r="123393" spans="1:7" x14ac:dyDescent="0.3">
      <c r="A123393" s="13" t="s">
        <v>574</v>
      </c>
      <c r="B123393" s="14" t="s">
        <v>1</v>
      </c>
      <c r="C123393" s="14" t="s">
        <v>200</v>
      </c>
      <c r="D123393" s="14" t="s">
        <v>406</v>
      </c>
      <c r="E123393" s="15">
        <v>45399</v>
      </c>
      <c r="F123393" s="14" t="s">
        <v>15</v>
      </c>
      <c r="G123393" s="16">
        <v>0.16217727433929488</v>
      </c>
    </row>
    <row r="123394" spans="1:7" x14ac:dyDescent="0.3">
      <c r="A123394" s="13" t="s">
        <v>574</v>
      </c>
      <c r="B123394" s="14" t="s">
        <v>1</v>
      </c>
      <c r="C123394" s="14" t="s">
        <v>200</v>
      </c>
      <c r="D123394" s="14" t="s">
        <v>406</v>
      </c>
      <c r="E123394" s="15">
        <v>45400</v>
      </c>
      <c r="F123394" s="14" t="s">
        <v>15</v>
      </c>
      <c r="G123394" s="16">
        <v>0.17010248109741261</v>
      </c>
    </row>
    <row r="123395" spans="1:7" x14ac:dyDescent="0.3">
      <c r="A123395" s="13" t="s">
        <v>574</v>
      </c>
      <c r="B123395" s="14" t="s">
        <v>1</v>
      </c>
      <c r="C123395" s="14" t="s">
        <v>200</v>
      </c>
      <c r="D123395" s="14" t="s">
        <v>406</v>
      </c>
      <c r="E123395" s="15">
        <v>45401</v>
      </c>
      <c r="F123395" s="14" t="s">
        <v>15</v>
      </c>
      <c r="G123395" s="16">
        <v>0.16602768785553029</v>
      </c>
    </row>
    <row r="123396" spans="1:7" x14ac:dyDescent="0.3">
      <c r="A123396" s="13" t="s">
        <v>574</v>
      </c>
      <c r="B123396" s="14" t="s">
        <v>1</v>
      </c>
      <c r="C123396" s="14" t="s">
        <v>200</v>
      </c>
      <c r="D123396" s="14" t="s">
        <v>406</v>
      </c>
      <c r="E123396" s="15">
        <v>45402</v>
      </c>
      <c r="F123396" s="14" t="s">
        <v>15</v>
      </c>
      <c r="G123396" s="16">
        <v>0.16602768785553029</v>
      </c>
    </row>
    <row r="123397" spans="1:7" x14ac:dyDescent="0.3">
      <c r="A123397" s="13" t="s">
        <v>574</v>
      </c>
      <c r="B123397" s="14" t="s">
        <v>1</v>
      </c>
      <c r="C123397" s="14" t="s">
        <v>200</v>
      </c>
      <c r="D123397" s="14" t="s">
        <v>406</v>
      </c>
      <c r="E123397" s="15">
        <v>45403</v>
      </c>
      <c r="F123397" s="14" t="s">
        <v>15</v>
      </c>
      <c r="G123397" s="16">
        <v>0.16602768785553029</v>
      </c>
    </row>
    <row r="123398" spans="1:7" x14ac:dyDescent="0.3">
      <c r="A123398" s="13" t="s">
        <v>574</v>
      </c>
      <c r="B123398" s="14" t="s">
        <v>1</v>
      </c>
      <c r="C123398" s="14" t="s">
        <v>200</v>
      </c>
      <c r="D123398" s="14" t="s">
        <v>406</v>
      </c>
      <c r="E123398" s="15">
        <v>45404</v>
      </c>
      <c r="F123398" s="14" t="s">
        <v>15</v>
      </c>
      <c r="G123398" s="16">
        <v>0.16295289461364801</v>
      </c>
    </row>
    <row r="123399" spans="1:7" x14ac:dyDescent="0.3">
      <c r="A123399" s="13" t="s">
        <v>574</v>
      </c>
      <c r="B123399" s="14" t="s">
        <v>1</v>
      </c>
      <c r="C123399" s="14" t="s">
        <v>200</v>
      </c>
      <c r="D123399" s="14" t="s">
        <v>406</v>
      </c>
      <c r="E123399" s="15">
        <v>45405</v>
      </c>
      <c r="F123399" s="14" t="s">
        <v>15</v>
      </c>
      <c r="G123399" s="16">
        <v>0.18787810137176572</v>
      </c>
    </row>
    <row r="123400" spans="1:7" x14ac:dyDescent="0.3">
      <c r="A123400" s="13" t="s">
        <v>574</v>
      </c>
      <c r="B123400" s="14" t="s">
        <v>1</v>
      </c>
      <c r="C123400" s="14" t="s">
        <v>200</v>
      </c>
      <c r="D123400" s="14" t="s">
        <v>406</v>
      </c>
      <c r="E123400" s="15">
        <v>45406</v>
      </c>
      <c r="F123400" s="14" t="s">
        <v>15</v>
      </c>
      <c r="G123400" s="16">
        <v>0.19680330812988345</v>
      </c>
    </row>
    <row r="123401" spans="1:7" x14ac:dyDescent="0.3">
      <c r="A123401" s="13" t="s">
        <v>574</v>
      </c>
      <c r="B123401" s="14" t="s">
        <v>1</v>
      </c>
      <c r="C123401" s="14" t="s">
        <v>200</v>
      </c>
      <c r="D123401" s="14" t="s">
        <v>406</v>
      </c>
      <c r="E123401" s="15">
        <v>45407</v>
      </c>
      <c r="F123401" s="14" t="s">
        <v>15</v>
      </c>
      <c r="G123401" s="16">
        <v>0.20372851488800117</v>
      </c>
    </row>
    <row r="123402" spans="1:7" x14ac:dyDescent="0.3">
      <c r="A123402" s="13" t="s">
        <v>574</v>
      </c>
      <c r="B123402" s="14" t="s">
        <v>1</v>
      </c>
      <c r="C123402" s="14" t="s">
        <v>200</v>
      </c>
      <c r="D123402" s="14" t="s">
        <v>406</v>
      </c>
      <c r="E123402" s="15">
        <v>45408</v>
      </c>
      <c r="F123402" s="14" t="s">
        <v>15</v>
      </c>
      <c r="G123402" s="16">
        <v>0.2106537216461189</v>
      </c>
    </row>
    <row r="123403" spans="1:7" x14ac:dyDescent="0.3">
      <c r="A123403" s="13" t="s">
        <v>574</v>
      </c>
      <c r="B123403" s="14" t="s">
        <v>1</v>
      </c>
      <c r="C123403" s="14" t="s">
        <v>200</v>
      </c>
      <c r="D123403" s="14" t="s">
        <v>406</v>
      </c>
      <c r="E123403" s="15">
        <v>45409</v>
      </c>
      <c r="F123403" s="14" t="s">
        <v>15</v>
      </c>
      <c r="G123403" s="16">
        <v>0.2106537216461189</v>
      </c>
    </row>
    <row r="123404" spans="1:7" x14ac:dyDescent="0.3">
      <c r="A123404" s="13" t="s">
        <v>574</v>
      </c>
      <c r="B123404" s="14" t="s">
        <v>1</v>
      </c>
      <c r="C123404" s="14" t="s">
        <v>200</v>
      </c>
      <c r="D123404" s="14" t="s">
        <v>406</v>
      </c>
      <c r="E123404" s="15">
        <v>45410</v>
      </c>
      <c r="F123404" s="14" t="s">
        <v>15</v>
      </c>
      <c r="G123404" s="16">
        <v>0.2106537216461189</v>
      </c>
    </row>
    <row r="123405" spans="1:7" x14ac:dyDescent="0.3">
      <c r="A123405" s="13" t="s">
        <v>574</v>
      </c>
      <c r="B123405" s="14" t="s">
        <v>1</v>
      </c>
      <c r="C123405" s="14" t="s">
        <v>200</v>
      </c>
      <c r="D123405" s="14" t="s">
        <v>406</v>
      </c>
      <c r="E123405" s="15">
        <v>45411</v>
      </c>
      <c r="F123405" s="14" t="s">
        <v>15</v>
      </c>
      <c r="G123405" s="16">
        <v>0.21757892840423659</v>
      </c>
    </row>
    <row r="123406" spans="1:7" x14ac:dyDescent="0.3">
      <c r="A123406" s="13" t="s">
        <v>574</v>
      </c>
      <c r="B123406" s="14" t="s">
        <v>1</v>
      </c>
      <c r="C123406" s="14" t="s">
        <v>200</v>
      </c>
      <c r="D123406" s="14" t="s">
        <v>406</v>
      </c>
      <c r="E123406" s="15">
        <v>45412</v>
      </c>
      <c r="F123406" s="14" t="s">
        <v>15</v>
      </c>
      <c r="G123406" s="16">
        <v>0.2375041351623543</v>
      </c>
    </row>
    <row r="123407" spans="1:7" x14ac:dyDescent="0.3">
      <c r="A123407" s="13" t="s">
        <v>574</v>
      </c>
      <c r="B123407" s="14" t="s">
        <v>1</v>
      </c>
      <c r="C123407" s="14" t="s">
        <v>200</v>
      </c>
      <c r="D123407" s="14" t="s">
        <v>406</v>
      </c>
      <c r="E123407" s="15">
        <v>45413</v>
      </c>
      <c r="F123407" s="14" t="s">
        <v>15</v>
      </c>
      <c r="G123407" s="16">
        <v>0.243429341920472</v>
      </c>
    </row>
    <row r="123408" spans="1:7" x14ac:dyDescent="0.3">
      <c r="A123408" s="13" t="s">
        <v>574</v>
      </c>
      <c r="B123408" s="14" t="s">
        <v>1</v>
      </c>
      <c r="C123408" s="14" t="s">
        <v>200</v>
      </c>
      <c r="D123408" s="14" t="s">
        <v>406</v>
      </c>
      <c r="E123408" s="15">
        <v>45414</v>
      </c>
      <c r="F123408" s="14" t="s">
        <v>15</v>
      </c>
      <c r="G123408" s="16">
        <v>0.25235454867858975</v>
      </c>
    </row>
    <row r="123409" spans="1:7" x14ac:dyDescent="0.3">
      <c r="A123409" s="13" t="s">
        <v>574</v>
      </c>
      <c r="B123409" s="14" t="s">
        <v>1</v>
      </c>
      <c r="C123409" s="14" t="s">
        <v>200</v>
      </c>
      <c r="D123409" s="14" t="s">
        <v>406</v>
      </c>
      <c r="E123409" s="15">
        <v>45415</v>
      </c>
      <c r="F123409" s="14" t="s">
        <v>15</v>
      </c>
      <c r="G123409" s="16">
        <v>0.25927975543670745</v>
      </c>
    </row>
    <row r="123410" spans="1:7" x14ac:dyDescent="0.3">
      <c r="A123410" s="13" t="s">
        <v>574</v>
      </c>
      <c r="B123410" s="14" t="s">
        <v>1</v>
      </c>
      <c r="C123410" s="14" t="s">
        <v>200</v>
      </c>
      <c r="D123410" s="14" t="s">
        <v>406</v>
      </c>
      <c r="E123410" s="15">
        <v>45416</v>
      </c>
      <c r="F123410" s="14" t="s">
        <v>15</v>
      </c>
      <c r="G123410" s="16">
        <v>0.25927975543670745</v>
      </c>
    </row>
    <row r="123411" spans="1:7" x14ac:dyDescent="0.3">
      <c r="A123411" s="13" t="s">
        <v>574</v>
      </c>
      <c r="B123411" s="14" t="s">
        <v>1</v>
      </c>
      <c r="C123411" s="14" t="s">
        <v>200</v>
      </c>
      <c r="D123411" s="14" t="s">
        <v>406</v>
      </c>
      <c r="E123411" s="15">
        <v>45417</v>
      </c>
      <c r="F123411" s="14" t="s">
        <v>15</v>
      </c>
      <c r="G123411" s="16">
        <v>0.25927975543670745</v>
      </c>
    </row>
    <row r="123412" spans="1:7" x14ac:dyDescent="0.3">
      <c r="A123412" s="13" t="s">
        <v>574</v>
      </c>
      <c r="B123412" s="14" t="s">
        <v>1</v>
      </c>
      <c r="C123412" s="14" t="s">
        <v>200</v>
      </c>
      <c r="D123412" s="14" t="s">
        <v>406</v>
      </c>
      <c r="E123412" s="15">
        <v>45418</v>
      </c>
      <c r="F123412" s="14" t="s">
        <v>15</v>
      </c>
      <c r="G123412" s="16">
        <v>0.25927975543670745</v>
      </c>
    </row>
    <row r="123413" spans="1:7" x14ac:dyDescent="0.3">
      <c r="A123413" s="13" t="s">
        <v>574</v>
      </c>
      <c r="B123413" s="14" t="s">
        <v>1</v>
      </c>
      <c r="C123413" s="14" t="s">
        <v>200</v>
      </c>
      <c r="D123413" s="14" t="s">
        <v>406</v>
      </c>
      <c r="E123413" s="15">
        <v>45419</v>
      </c>
      <c r="F123413" s="14" t="s">
        <v>15</v>
      </c>
      <c r="G123413" s="16">
        <v>0.26420496219482514</v>
      </c>
    </row>
    <row r="123414" spans="1:7" x14ac:dyDescent="0.3">
      <c r="A123414" s="13" t="s">
        <v>574</v>
      </c>
      <c r="B123414" s="14" t="s">
        <v>1</v>
      </c>
      <c r="C123414" s="14" t="s">
        <v>200</v>
      </c>
      <c r="D123414" s="14" t="s">
        <v>406</v>
      </c>
      <c r="E123414" s="15">
        <v>45420</v>
      </c>
      <c r="F123414" s="14" t="s">
        <v>15</v>
      </c>
      <c r="G123414" s="16">
        <v>0.28713016895294291</v>
      </c>
    </row>
    <row r="123415" spans="1:7" x14ac:dyDescent="0.3">
      <c r="A123415" s="13" t="s">
        <v>574</v>
      </c>
      <c r="B123415" s="14" t="s">
        <v>1</v>
      </c>
      <c r="C123415" s="14" t="s">
        <v>200</v>
      </c>
      <c r="D123415" s="14" t="s">
        <v>406</v>
      </c>
      <c r="E123415" s="15">
        <v>45421</v>
      </c>
      <c r="F123415" s="14" t="s">
        <v>15</v>
      </c>
      <c r="G123415" s="16">
        <v>0.29405537571106061</v>
      </c>
    </row>
    <row r="123416" spans="1:7" x14ac:dyDescent="0.3">
      <c r="A123416" s="13" t="s">
        <v>574</v>
      </c>
      <c r="B123416" s="14" t="s">
        <v>1</v>
      </c>
      <c r="C123416" s="14" t="s">
        <v>200</v>
      </c>
      <c r="D123416" s="14" t="s">
        <v>406</v>
      </c>
      <c r="E123416" s="15">
        <v>45422</v>
      </c>
      <c r="F123416" s="14" t="s">
        <v>15</v>
      </c>
      <c r="G123416" s="16">
        <v>0.2999805824691783</v>
      </c>
    </row>
    <row r="123417" spans="1:7" x14ac:dyDescent="0.3">
      <c r="A123417" s="13" t="s">
        <v>574</v>
      </c>
      <c r="B123417" s="14" t="s">
        <v>1</v>
      </c>
      <c r="C123417" s="14" t="s">
        <v>200</v>
      </c>
      <c r="D123417" s="14" t="s">
        <v>406</v>
      </c>
      <c r="E123417" s="15">
        <v>45423</v>
      </c>
      <c r="F123417" s="14" t="s">
        <v>15</v>
      </c>
      <c r="G123417" s="16">
        <v>0.2999805824691783</v>
      </c>
    </row>
    <row r="123418" spans="1:7" x14ac:dyDescent="0.3">
      <c r="A123418" s="13" t="s">
        <v>574</v>
      </c>
      <c r="B123418" s="14" t="s">
        <v>1</v>
      </c>
      <c r="C123418" s="14" t="s">
        <v>200</v>
      </c>
      <c r="D123418" s="14" t="s">
        <v>406</v>
      </c>
      <c r="E123418" s="15">
        <v>45424</v>
      </c>
      <c r="F123418" s="14" t="s">
        <v>15</v>
      </c>
      <c r="G123418" s="16">
        <v>0.2999805824691783</v>
      </c>
    </row>
    <row r="123419" spans="1:7" x14ac:dyDescent="0.3">
      <c r="A123419" s="13" t="s">
        <v>574</v>
      </c>
      <c r="B123419" s="14" t="s">
        <v>1</v>
      </c>
      <c r="C123419" s="14" t="s">
        <v>200</v>
      </c>
      <c r="D123419" s="14" t="s">
        <v>406</v>
      </c>
      <c r="E123419" s="15">
        <v>45425</v>
      </c>
      <c r="F123419" s="14" t="s">
        <v>15</v>
      </c>
      <c r="G123419" s="16">
        <v>0.305905789227296</v>
      </c>
    </row>
    <row r="123420" spans="1:7" x14ac:dyDescent="0.3">
      <c r="A123420" s="13" t="s">
        <v>574</v>
      </c>
      <c r="B123420" s="14" t="s">
        <v>1</v>
      </c>
      <c r="C123420" s="14" t="s">
        <v>200</v>
      </c>
      <c r="D123420" s="14" t="s">
        <v>406</v>
      </c>
      <c r="E123420" s="15">
        <v>45426</v>
      </c>
      <c r="F123420" s="14" t="s">
        <v>15</v>
      </c>
      <c r="G123420" s="16">
        <v>0.32983099598541371</v>
      </c>
    </row>
    <row r="123421" spans="1:7" x14ac:dyDescent="0.3">
      <c r="A123421" s="13" t="s">
        <v>574</v>
      </c>
      <c r="B123421" s="14" t="s">
        <v>1</v>
      </c>
      <c r="C123421" s="14" t="s">
        <v>200</v>
      </c>
      <c r="D123421" s="14" t="s">
        <v>406</v>
      </c>
      <c r="E123421" s="15">
        <v>45427</v>
      </c>
      <c r="F123421" s="14" t="s">
        <v>15</v>
      </c>
      <c r="G123421" s="16">
        <v>0.33575620274353141</v>
      </c>
    </row>
    <row r="123422" spans="1:7" x14ac:dyDescent="0.3">
      <c r="A123422" s="13" t="s">
        <v>574</v>
      </c>
      <c r="B123422" s="14" t="s">
        <v>1</v>
      </c>
      <c r="C123422" s="14" t="s">
        <v>200</v>
      </c>
      <c r="D123422" s="14" t="s">
        <v>406</v>
      </c>
      <c r="E123422" s="15">
        <v>45428</v>
      </c>
      <c r="F123422" s="14" t="s">
        <v>15</v>
      </c>
      <c r="G123422" s="16">
        <v>0.3436814095016491</v>
      </c>
    </row>
    <row r="123423" spans="1:7" x14ac:dyDescent="0.3">
      <c r="A123423" s="13" t="s">
        <v>574</v>
      </c>
      <c r="B123423" s="14" t="s">
        <v>1</v>
      </c>
      <c r="C123423" s="14" t="s">
        <v>200</v>
      </c>
      <c r="D123423" s="14" t="s">
        <v>406</v>
      </c>
      <c r="E123423" s="15">
        <v>45429</v>
      </c>
      <c r="F123423" s="14" t="s">
        <v>15</v>
      </c>
      <c r="G123423" s="16">
        <v>0.35060661625976686</v>
      </c>
    </row>
    <row r="123424" spans="1:7" x14ac:dyDescent="0.3">
      <c r="A123424" s="13" t="s">
        <v>574</v>
      </c>
      <c r="B123424" s="14" t="s">
        <v>1</v>
      </c>
      <c r="C123424" s="14" t="s">
        <v>200</v>
      </c>
      <c r="D123424" s="14" t="s">
        <v>406</v>
      </c>
      <c r="E123424" s="15">
        <v>45430</v>
      </c>
      <c r="F123424" s="14" t="s">
        <v>15</v>
      </c>
      <c r="G123424" s="16">
        <v>0.35060661625976686</v>
      </c>
    </row>
    <row r="123425" spans="1:7" x14ac:dyDescent="0.3">
      <c r="A123425" s="13" t="s">
        <v>574</v>
      </c>
      <c r="B123425" s="14" t="s">
        <v>1</v>
      </c>
      <c r="C123425" s="14" t="s">
        <v>200</v>
      </c>
      <c r="D123425" s="14" t="s">
        <v>406</v>
      </c>
      <c r="E123425" s="15">
        <v>45431</v>
      </c>
      <c r="F123425" s="14" t="s">
        <v>15</v>
      </c>
      <c r="G123425" s="16">
        <v>0.35060661625976686</v>
      </c>
    </row>
    <row r="123426" spans="1:7" x14ac:dyDescent="0.3">
      <c r="A123426" s="13" t="s">
        <v>574</v>
      </c>
      <c r="B123426" s="14" t="s">
        <v>1</v>
      </c>
      <c r="C123426" s="14" t="s">
        <v>200</v>
      </c>
      <c r="D123426" s="14" t="s">
        <v>406</v>
      </c>
      <c r="E123426" s="15">
        <v>45432</v>
      </c>
      <c r="F123426" s="14" t="s">
        <v>15</v>
      </c>
      <c r="G123426" s="16">
        <v>0.35553182301788455</v>
      </c>
    </row>
    <row r="123427" spans="1:7" x14ac:dyDescent="0.3">
      <c r="A123427" s="13" t="s">
        <v>574</v>
      </c>
      <c r="B123427" s="14" t="s">
        <v>1</v>
      </c>
      <c r="C123427" s="14" t="s">
        <v>200</v>
      </c>
      <c r="D123427" s="14" t="s">
        <v>406</v>
      </c>
      <c r="E123427" s="15">
        <v>45433</v>
      </c>
      <c r="F123427" s="14" t="s">
        <v>15</v>
      </c>
      <c r="G123427" s="16">
        <v>0.37745702977600226</v>
      </c>
    </row>
    <row r="123428" spans="1:7" x14ac:dyDescent="0.3">
      <c r="A123428" s="13" t="s">
        <v>574</v>
      </c>
      <c r="B123428" s="14" t="s">
        <v>1</v>
      </c>
      <c r="C123428" s="14" t="s">
        <v>200</v>
      </c>
      <c r="D123428" s="14" t="s">
        <v>406</v>
      </c>
      <c r="E123428" s="15">
        <v>45434</v>
      </c>
      <c r="F123428" s="14" t="s">
        <v>15</v>
      </c>
      <c r="G123428" s="16">
        <v>0.38538223653411996</v>
      </c>
    </row>
    <row r="123429" spans="1:7" x14ac:dyDescent="0.3">
      <c r="A123429" s="13" t="s">
        <v>574</v>
      </c>
      <c r="B123429" s="14" t="s">
        <v>1</v>
      </c>
      <c r="C123429" s="14" t="s">
        <v>200</v>
      </c>
      <c r="D123429" s="14" t="s">
        <v>406</v>
      </c>
      <c r="E123429" s="15">
        <v>45435</v>
      </c>
      <c r="F123429" s="14" t="s">
        <v>15</v>
      </c>
      <c r="G123429" s="16">
        <v>0.39230744329223766</v>
      </c>
    </row>
    <row r="123430" spans="1:7" x14ac:dyDescent="0.3">
      <c r="A123430" s="13" t="s">
        <v>574</v>
      </c>
      <c r="B123430" s="14" t="s">
        <v>1</v>
      </c>
      <c r="C123430" s="14" t="s">
        <v>200</v>
      </c>
      <c r="D123430" s="14" t="s">
        <v>406</v>
      </c>
      <c r="E123430" s="15">
        <v>45436</v>
      </c>
      <c r="F123430" s="14" t="s">
        <v>15</v>
      </c>
      <c r="G123430" s="16">
        <v>0.39923265005035541</v>
      </c>
    </row>
    <row r="123431" spans="1:7" x14ac:dyDescent="0.3">
      <c r="A123431" s="13" t="s">
        <v>574</v>
      </c>
      <c r="B123431" s="14" t="s">
        <v>1</v>
      </c>
      <c r="C123431" s="14" t="s">
        <v>200</v>
      </c>
      <c r="D123431" s="14" t="s">
        <v>406</v>
      </c>
      <c r="E123431" s="15">
        <v>45437</v>
      </c>
      <c r="F123431" s="14" t="s">
        <v>15</v>
      </c>
      <c r="G123431" s="16">
        <v>0.39923265005035541</v>
      </c>
    </row>
    <row r="123432" spans="1:7" x14ac:dyDescent="0.3">
      <c r="A123432" s="13" t="s">
        <v>574</v>
      </c>
      <c r="B123432" s="14" t="s">
        <v>1</v>
      </c>
      <c r="C123432" s="14" t="s">
        <v>200</v>
      </c>
      <c r="D123432" s="14" t="s">
        <v>406</v>
      </c>
      <c r="E123432" s="15">
        <v>45438</v>
      </c>
      <c r="F123432" s="14" t="s">
        <v>15</v>
      </c>
      <c r="G123432" s="16">
        <v>0.39923265005035541</v>
      </c>
    </row>
    <row r="123433" spans="1:7" x14ac:dyDescent="0.3">
      <c r="A123433" s="13" t="s">
        <v>574</v>
      </c>
      <c r="B123433" s="14" t="s">
        <v>1</v>
      </c>
      <c r="C123433" s="14" t="s">
        <v>200</v>
      </c>
      <c r="D123433" s="14" t="s">
        <v>406</v>
      </c>
      <c r="E123433" s="15">
        <v>45439</v>
      </c>
      <c r="F123433" s="14" t="s">
        <v>15</v>
      </c>
      <c r="G123433" s="16">
        <v>0.39923265005035541</v>
      </c>
    </row>
    <row r="123434" spans="1:7" x14ac:dyDescent="0.3">
      <c r="A123434" s="13" t="s">
        <v>574</v>
      </c>
      <c r="B123434" s="14" t="s">
        <v>1</v>
      </c>
      <c r="C123434" s="14" t="s">
        <v>200</v>
      </c>
      <c r="D123434" s="14" t="s">
        <v>406</v>
      </c>
      <c r="E123434" s="15">
        <v>45440</v>
      </c>
      <c r="F123434" s="14" t="s">
        <v>15</v>
      </c>
      <c r="G123434" s="16">
        <v>0.40615785680847311</v>
      </c>
    </row>
    <row r="123435" spans="1:7" x14ac:dyDescent="0.3">
      <c r="A123435" s="13" t="s">
        <v>574</v>
      </c>
      <c r="B123435" s="14" t="s">
        <v>1</v>
      </c>
      <c r="C123435" s="14" t="s">
        <v>200</v>
      </c>
      <c r="D123435" s="14" t="s">
        <v>406</v>
      </c>
      <c r="E123435" s="15">
        <v>45441</v>
      </c>
      <c r="F123435" s="14" t="s">
        <v>15</v>
      </c>
      <c r="G123435" s="16">
        <v>0.42008306356659081</v>
      </c>
    </row>
    <row r="123436" spans="1:7" x14ac:dyDescent="0.3">
      <c r="A123436" s="13" t="s">
        <v>574</v>
      </c>
      <c r="B123436" s="14" t="s">
        <v>1</v>
      </c>
      <c r="C123436" s="14" t="s">
        <v>200</v>
      </c>
      <c r="D123436" s="14" t="s">
        <v>406</v>
      </c>
      <c r="E123436" s="15">
        <v>45442</v>
      </c>
      <c r="F123436" s="14" t="s">
        <v>15</v>
      </c>
      <c r="G123436" s="16">
        <v>0.4230082703247085</v>
      </c>
    </row>
    <row r="123437" spans="1:7" x14ac:dyDescent="0.3">
      <c r="A123437" s="13" t="s">
        <v>574</v>
      </c>
      <c r="B123437" s="14" t="s">
        <v>1</v>
      </c>
      <c r="C123437" s="14" t="s">
        <v>200</v>
      </c>
      <c r="D123437" s="14" t="s">
        <v>406</v>
      </c>
      <c r="E123437" s="15">
        <v>45443</v>
      </c>
      <c r="F123437" s="14" t="s">
        <v>15</v>
      </c>
      <c r="G123437" s="16">
        <v>0.4289334770828262</v>
      </c>
    </row>
    <row r="123438" spans="1:7" x14ac:dyDescent="0.3">
      <c r="A123438" s="13" t="s">
        <v>574</v>
      </c>
      <c r="B123438" s="14" t="s">
        <v>1</v>
      </c>
      <c r="C123438" s="14" t="s">
        <v>200</v>
      </c>
      <c r="D123438" s="14" t="s">
        <v>406</v>
      </c>
      <c r="E123438" s="15">
        <v>45444</v>
      </c>
      <c r="F123438" s="14" t="s">
        <v>15</v>
      </c>
      <c r="G123438" s="16">
        <v>0.4289334770828262</v>
      </c>
    </row>
    <row r="123439" spans="1:7" x14ac:dyDescent="0.3">
      <c r="A123439" s="13" t="s">
        <v>574</v>
      </c>
      <c r="B123439" s="14" t="s">
        <v>1</v>
      </c>
      <c r="C123439" s="14" t="s">
        <v>200</v>
      </c>
      <c r="D123439" s="14" t="s">
        <v>406</v>
      </c>
      <c r="E123439" s="15">
        <v>45445</v>
      </c>
      <c r="F123439" s="14" t="s">
        <v>15</v>
      </c>
      <c r="G123439" s="16">
        <v>0.4289334770828262</v>
      </c>
    </row>
    <row r="123440" spans="1:7" x14ac:dyDescent="0.3">
      <c r="A123440" s="13" t="s">
        <v>574</v>
      </c>
      <c r="B123440" s="14" t="s">
        <v>1</v>
      </c>
      <c r="C123440" s="14" t="s">
        <v>200</v>
      </c>
      <c r="D123440" s="14" t="s">
        <v>406</v>
      </c>
      <c r="E123440" s="15">
        <v>45446</v>
      </c>
      <c r="F123440" s="14" t="s">
        <v>15</v>
      </c>
      <c r="G123440" s="16">
        <v>0.4289334770828262</v>
      </c>
    </row>
    <row r="123441" spans="1:7" x14ac:dyDescent="0.3">
      <c r="A123441" s="13" t="s">
        <v>574</v>
      </c>
      <c r="B123441" s="14" t="s">
        <v>1</v>
      </c>
      <c r="C123441" s="14" t="s">
        <v>200</v>
      </c>
      <c r="D123441" s="14" t="s">
        <v>406</v>
      </c>
      <c r="E123441" s="15">
        <v>45447</v>
      </c>
      <c r="F123441" s="14" t="s">
        <v>15</v>
      </c>
      <c r="G123441" s="16">
        <v>0.43685868384094395</v>
      </c>
    </row>
    <row r="123442" spans="1:7" x14ac:dyDescent="0.3">
      <c r="A123442" s="13" t="s">
        <v>574</v>
      </c>
      <c r="B123442" s="14" t="s">
        <v>1</v>
      </c>
      <c r="C123442" s="14" t="s">
        <v>200</v>
      </c>
      <c r="D123442" s="14" t="s">
        <v>406</v>
      </c>
      <c r="E123442" s="15">
        <v>45448</v>
      </c>
      <c r="F123442" s="14" t="s">
        <v>15</v>
      </c>
      <c r="G123442" s="16">
        <v>0.46078389059906166</v>
      </c>
    </row>
    <row r="123443" spans="1:7" x14ac:dyDescent="0.3">
      <c r="A123443" s="13" t="s">
        <v>574</v>
      </c>
      <c r="B123443" s="14" t="s">
        <v>1</v>
      </c>
      <c r="C123443" s="14" t="s">
        <v>200</v>
      </c>
      <c r="D123443" s="14" t="s">
        <v>406</v>
      </c>
      <c r="E123443" s="15">
        <v>45449</v>
      </c>
      <c r="F123443" s="14" t="s">
        <v>15</v>
      </c>
      <c r="G123443" s="16">
        <v>0.46770909735717936</v>
      </c>
    </row>
    <row r="123444" spans="1:7" x14ac:dyDescent="0.3">
      <c r="A123444" s="13" t="s">
        <v>574</v>
      </c>
      <c r="B123444" s="14" t="s">
        <v>1</v>
      </c>
      <c r="C123444" s="14" t="s">
        <v>200</v>
      </c>
      <c r="D123444" s="14" t="s">
        <v>406</v>
      </c>
      <c r="E123444" s="15">
        <v>45450</v>
      </c>
      <c r="F123444" s="14" t="s">
        <v>15</v>
      </c>
      <c r="G123444" s="16">
        <v>0.47463430411529706</v>
      </c>
    </row>
    <row r="123445" spans="1:7" x14ac:dyDescent="0.3">
      <c r="A123445" s="13" t="s">
        <v>574</v>
      </c>
      <c r="B123445" s="14" t="s">
        <v>1</v>
      </c>
      <c r="C123445" s="14" t="s">
        <v>200</v>
      </c>
      <c r="D123445" s="14" t="s">
        <v>406</v>
      </c>
      <c r="E123445" s="15">
        <v>45451</v>
      </c>
      <c r="F123445" s="14" t="s">
        <v>15</v>
      </c>
      <c r="G123445" s="16">
        <v>0.47463430411529706</v>
      </c>
    </row>
    <row r="123446" spans="1:7" x14ac:dyDescent="0.3">
      <c r="A123446" s="13" t="s">
        <v>574</v>
      </c>
      <c r="B123446" s="14" t="s">
        <v>1</v>
      </c>
      <c r="C123446" s="14" t="s">
        <v>200</v>
      </c>
      <c r="D123446" s="14" t="s">
        <v>406</v>
      </c>
      <c r="E123446" s="15">
        <v>45452</v>
      </c>
      <c r="F123446" s="14" t="s">
        <v>15</v>
      </c>
      <c r="G123446" s="16">
        <v>0.47463430411529706</v>
      </c>
    </row>
    <row r="123447" spans="1:7" x14ac:dyDescent="0.3">
      <c r="A123447" s="13" t="s">
        <v>574</v>
      </c>
      <c r="B123447" s="14" t="s">
        <v>1</v>
      </c>
      <c r="C123447" s="14" t="s">
        <v>200</v>
      </c>
      <c r="D123447" s="14" t="s">
        <v>406</v>
      </c>
      <c r="E123447" s="15">
        <v>45453</v>
      </c>
      <c r="F123447" s="14" t="s">
        <v>15</v>
      </c>
      <c r="G123447" s="16">
        <v>0.4815595108734147</v>
      </c>
    </row>
    <row r="123448" spans="1:7" x14ac:dyDescent="0.3">
      <c r="A123448" s="13" t="s">
        <v>574</v>
      </c>
      <c r="B123448" s="14" t="s">
        <v>1</v>
      </c>
      <c r="C123448" s="14" t="s">
        <v>200</v>
      </c>
      <c r="D123448" s="14" t="s">
        <v>406</v>
      </c>
      <c r="E123448" s="15">
        <v>45454</v>
      </c>
      <c r="F123448" s="14" t="s">
        <v>15</v>
      </c>
      <c r="G123448" s="16">
        <v>0.50048471763153235</v>
      </c>
    </row>
    <row r="123449" spans="1:7" x14ac:dyDescent="0.3">
      <c r="A123449" s="13" t="s">
        <v>574</v>
      </c>
      <c r="B123449" s="14" t="s">
        <v>1</v>
      </c>
      <c r="C123449" s="14" t="s">
        <v>200</v>
      </c>
      <c r="D123449" s="14" t="s">
        <v>406</v>
      </c>
      <c r="E123449" s="15">
        <v>45455</v>
      </c>
      <c r="F123449" s="14" t="s">
        <v>15</v>
      </c>
      <c r="G123449" s="16">
        <v>0.50940992438965016</v>
      </c>
    </row>
    <row r="123450" spans="1:7" x14ac:dyDescent="0.3">
      <c r="A123450" s="13" t="s">
        <v>574</v>
      </c>
      <c r="B123450" s="14" t="s">
        <v>1</v>
      </c>
      <c r="C123450" s="14" t="s">
        <v>200</v>
      </c>
      <c r="D123450" s="14" t="s">
        <v>406</v>
      </c>
      <c r="E123450" s="15">
        <v>45456</v>
      </c>
      <c r="F123450" s="14" t="s">
        <v>15</v>
      </c>
      <c r="G123450" s="16">
        <v>0.51433513114776785</v>
      </c>
    </row>
    <row r="123451" spans="1:7" x14ac:dyDescent="0.3">
      <c r="A123451" s="13" t="s">
        <v>574</v>
      </c>
      <c r="B123451" s="14" t="s">
        <v>1</v>
      </c>
      <c r="C123451" s="14" t="s">
        <v>200</v>
      </c>
      <c r="D123451" s="14" t="s">
        <v>406</v>
      </c>
      <c r="E123451" s="15">
        <v>45457</v>
      </c>
      <c r="F123451" s="14" t="s">
        <v>15</v>
      </c>
      <c r="G123451" s="16">
        <v>0.52126033790588555</v>
      </c>
    </row>
    <row r="123452" spans="1:7" x14ac:dyDescent="0.3">
      <c r="A123452" s="13" t="s">
        <v>574</v>
      </c>
      <c r="B123452" s="14" t="s">
        <v>1</v>
      </c>
      <c r="C123452" s="14" t="s">
        <v>200</v>
      </c>
      <c r="D123452" s="14" t="s">
        <v>406</v>
      </c>
      <c r="E123452" s="15">
        <v>45458</v>
      </c>
      <c r="F123452" s="14" t="s">
        <v>15</v>
      </c>
      <c r="G123452" s="16">
        <v>0.52126033790588555</v>
      </c>
    </row>
    <row r="123453" spans="1:7" x14ac:dyDescent="0.3">
      <c r="A123453" s="13" t="s">
        <v>574</v>
      </c>
      <c r="B123453" s="14" t="s">
        <v>1</v>
      </c>
      <c r="C123453" s="14" t="s">
        <v>200</v>
      </c>
      <c r="D123453" s="14" t="s">
        <v>406</v>
      </c>
      <c r="E123453" s="15">
        <v>45459</v>
      </c>
      <c r="F123453" s="14" t="s">
        <v>15</v>
      </c>
      <c r="G123453" s="16">
        <v>0.52126033790588555</v>
      </c>
    </row>
    <row r="123454" spans="1:7" x14ac:dyDescent="0.3">
      <c r="A123454" s="13" t="s">
        <v>574</v>
      </c>
      <c r="B123454" s="14" t="s">
        <v>1</v>
      </c>
      <c r="C123454" s="14" t="s">
        <v>200</v>
      </c>
      <c r="D123454" s="14" t="s">
        <v>406</v>
      </c>
      <c r="E123454" s="15">
        <v>45460</v>
      </c>
      <c r="F123454" s="14" t="s">
        <v>15</v>
      </c>
      <c r="G123454" s="16">
        <v>0.53618554466400314</v>
      </c>
    </row>
    <row r="123455" spans="1:7" x14ac:dyDescent="0.3">
      <c r="A123455" s="13" t="s">
        <v>574</v>
      </c>
      <c r="B123455" s="14" t="s">
        <v>1</v>
      </c>
      <c r="C123455" s="14" t="s">
        <v>200</v>
      </c>
      <c r="D123455" s="14" t="s">
        <v>406</v>
      </c>
      <c r="E123455" s="15">
        <v>45461</v>
      </c>
      <c r="F123455" s="14" t="s">
        <v>15</v>
      </c>
      <c r="G123455" s="16">
        <v>0.55411075142212085</v>
      </c>
    </row>
    <row r="123456" spans="1:7" x14ac:dyDescent="0.3">
      <c r="A123456" s="13" t="s">
        <v>574</v>
      </c>
      <c r="B123456" s="14" t="s">
        <v>1</v>
      </c>
      <c r="C123456" s="14" t="s">
        <v>200</v>
      </c>
      <c r="D123456" s="14" t="s">
        <v>406</v>
      </c>
      <c r="E123456" s="15">
        <v>45462</v>
      </c>
      <c r="F123456" s="14" t="s">
        <v>15</v>
      </c>
      <c r="G123456" s="16">
        <v>0.55411075142212085</v>
      </c>
    </row>
    <row r="123457" spans="1:7" x14ac:dyDescent="0.3">
      <c r="A123457" s="13" t="s">
        <v>574</v>
      </c>
      <c r="B123457" s="14" t="s">
        <v>1</v>
      </c>
      <c r="C123457" s="14" t="s">
        <v>200</v>
      </c>
      <c r="D123457" s="14" t="s">
        <v>406</v>
      </c>
      <c r="E123457" s="15">
        <v>45463</v>
      </c>
      <c r="F123457" s="14" t="s">
        <v>15</v>
      </c>
      <c r="G123457" s="16">
        <v>0.56103595818023855</v>
      </c>
    </row>
    <row r="123458" spans="1:7" x14ac:dyDescent="0.3">
      <c r="A123458" s="13" t="s">
        <v>574</v>
      </c>
      <c r="B123458" s="14" t="s">
        <v>1</v>
      </c>
      <c r="C123458" s="14" t="s">
        <v>200</v>
      </c>
      <c r="D123458" s="14" t="s">
        <v>406</v>
      </c>
      <c r="E123458" s="15">
        <v>45464</v>
      </c>
      <c r="F123458" s="14" t="s">
        <v>15</v>
      </c>
      <c r="G123458" s="16">
        <v>0.57296116493835636</v>
      </c>
    </row>
    <row r="123459" spans="1:7" x14ac:dyDescent="0.3">
      <c r="A123459" s="13" t="s">
        <v>574</v>
      </c>
      <c r="B123459" s="14" t="s">
        <v>1</v>
      </c>
      <c r="C123459" s="14" t="s">
        <v>200</v>
      </c>
      <c r="D123459" s="14" t="s">
        <v>406</v>
      </c>
      <c r="E123459" s="15">
        <v>45465</v>
      </c>
      <c r="F123459" s="14" t="s">
        <v>15</v>
      </c>
      <c r="G123459" s="16">
        <v>0.57296116493835636</v>
      </c>
    </row>
    <row r="123460" spans="1:7" x14ac:dyDescent="0.3">
      <c r="A123460" s="13" t="s">
        <v>574</v>
      </c>
      <c r="B123460" s="14" t="s">
        <v>1</v>
      </c>
      <c r="C123460" s="14" t="s">
        <v>200</v>
      </c>
      <c r="D123460" s="14" t="s">
        <v>406</v>
      </c>
      <c r="E123460" s="15">
        <v>45466</v>
      </c>
      <c r="F123460" s="14" t="s">
        <v>15</v>
      </c>
      <c r="G123460" s="16">
        <v>0.57296116493835636</v>
      </c>
    </row>
    <row r="123461" spans="1:7" x14ac:dyDescent="0.3">
      <c r="A123461" s="13" t="s">
        <v>574</v>
      </c>
      <c r="B123461" s="14" t="s">
        <v>1</v>
      </c>
      <c r="C123461" s="14" t="s">
        <v>200</v>
      </c>
      <c r="D123461" s="14" t="s">
        <v>406</v>
      </c>
      <c r="E123461" s="15">
        <v>45467</v>
      </c>
      <c r="F123461" s="14" t="s">
        <v>15</v>
      </c>
      <c r="G123461" s="16">
        <v>0.57988637169647395</v>
      </c>
    </row>
    <row r="123462" spans="1:7" x14ac:dyDescent="0.3">
      <c r="A123462" s="13" t="s">
        <v>574</v>
      </c>
      <c r="B123462" s="14" t="s">
        <v>1</v>
      </c>
      <c r="C123462" s="14" t="s">
        <v>200</v>
      </c>
      <c r="D123462" s="14" t="s">
        <v>406</v>
      </c>
      <c r="E123462" s="15">
        <v>45468</v>
      </c>
      <c r="F123462" s="14" t="s">
        <v>15</v>
      </c>
      <c r="G123462" s="16">
        <v>0.59781157845459165</v>
      </c>
    </row>
    <row r="123463" spans="1:7" x14ac:dyDescent="0.3">
      <c r="A123463" s="13" t="s">
        <v>574</v>
      </c>
      <c r="B123463" s="14" t="s">
        <v>1</v>
      </c>
      <c r="C123463" s="14" t="s">
        <v>200</v>
      </c>
      <c r="D123463" s="14" t="s">
        <v>406</v>
      </c>
      <c r="E123463" s="15">
        <v>45469</v>
      </c>
      <c r="F123463" s="14" t="s">
        <v>15</v>
      </c>
      <c r="G123463" s="16">
        <v>0.60473678521270935</v>
      </c>
    </row>
    <row r="123464" spans="1:7" x14ac:dyDescent="0.3">
      <c r="A123464" s="13" t="s">
        <v>574</v>
      </c>
      <c r="B123464" s="14" t="s">
        <v>1</v>
      </c>
      <c r="C123464" s="14" t="s">
        <v>200</v>
      </c>
      <c r="D123464" s="14" t="s">
        <v>406</v>
      </c>
      <c r="E123464" s="15">
        <v>45470</v>
      </c>
      <c r="F123464" s="14" t="s">
        <v>15</v>
      </c>
      <c r="G123464" s="16">
        <v>0.61266199197082716</v>
      </c>
    </row>
    <row r="123465" spans="1:7" x14ac:dyDescent="0.3">
      <c r="A123465" s="13" t="s">
        <v>574</v>
      </c>
      <c r="B123465" s="14" t="s">
        <v>1</v>
      </c>
      <c r="C123465" s="14" t="s">
        <v>200</v>
      </c>
      <c r="D123465" s="14" t="s">
        <v>406</v>
      </c>
      <c r="E123465" s="15">
        <v>45471</v>
      </c>
      <c r="F123465" s="14" t="s">
        <v>15</v>
      </c>
      <c r="G123465" s="16">
        <v>0.61758719872894485</v>
      </c>
    </row>
    <row r="123466" spans="1:7" x14ac:dyDescent="0.3">
      <c r="A123466" s="13" t="s">
        <v>574</v>
      </c>
      <c r="B123466" s="14" t="s">
        <v>1</v>
      </c>
      <c r="C123466" s="14" t="s">
        <v>200</v>
      </c>
      <c r="D123466" s="14" t="s">
        <v>406</v>
      </c>
      <c r="E123466" s="15">
        <v>45472</v>
      </c>
      <c r="F123466" s="14" t="s">
        <v>15</v>
      </c>
      <c r="G123466" s="16">
        <v>0.61758719872894485</v>
      </c>
    </row>
    <row r="123467" spans="1:7" x14ac:dyDescent="0.3">
      <c r="A123467" s="13" t="s">
        <v>574</v>
      </c>
      <c r="B123467" s="14" t="s">
        <v>1</v>
      </c>
      <c r="C123467" s="14" t="s">
        <v>200</v>
      </c>
      <c r="D123467" s="14" t="s">
        <v>406</v>
      </c>
      <c r="E123467" s="15">
        <v>45473</v>
      </c>
      <c r="F123467" s="14" t="s">
        <v>15</v>
      </c>
      <c r="G123467" s="16">
        <v>0.61758719872894485</v>
      </c>
    </row>
    <row r="123468" spans="1:7" x14ac:dyDescent="0.3">
      <c r="A123468" s="13" t="s">
        <v>574</v>
      </c>
      <c r="B123468" s="14" t="s">
        <v>1</v>
      </c>
      <c r="C123468" s="14" t="s">
        <v>200</v>
      </c>
      <c r="D123468" s="14" t="s">
        <v>406</v>
      </c>
      <c r="E123468" s="15">
        <v>45474</v>
      </c>
      <c r="F123468" s="14" t="s">
        <v>15</v>
      </c>
      <c r="G123468" s="16">
        <v>0.62451240548706255</v>
      </c>
    </row>
    <row r="123469" spans="1:7" x14ac:dyDescent="0.3">
      <c r="A123469" s="13" t="s">
        <v>574</v>
      </c>
      <c r="B123469" s="14" t="s">
        <v>1</v>
      </c>
      <c r="C123469" s="14" t="s">
        <v>200</v>
      </c>
      <c r="D123469" s="14" t="s">
        <v>406</v>
      </c>
      <c r="E123469" s="15">
        <v>45475</v>
      </c>
      <c r="F123469" s="14" t="s">
        <v>15</v>
      </c>
      <c r="G123469" s="16">
        <v>0.64543761224518026</v>
      </c>
    </row>
    <row r="123470" spans="1:7" x14ac:dyDescent="0.3">
      <c r="A123470" s="13" t="s">
        <v>574</v>
      </c>
      <c r="B123470" s="14" t="s">
        <v>1</v>
      </c>
      <c r="C123470" s="14" t="s">
        <v>200</v>
      </c>
      <c r="D123470" s="14" t="s">
        <v>406</v>
      </c>
      <c r="E123470" s="15">
        <v>45476</v>
      </c>
      <c r="F123470" s="14" t="s">
        <v>15</v>
      </c>
      <c r="G123470" s="16">
        <v>0.65136281900329795</v>
      </c>
    </row>
    <row r="123471" spans="1:7" x14ac:dyDescent="0.3">
      <c r="A123471" s="13" t="s">
        <v>574</v>
      </c>
      <c r="B123471" s="14" t="s">
        <v>1</v>
      </c>
      <c r="C123471" s="14" t="s">
        <v>200</v>
      </c>
      <c r="D123471" s="14" t="s">
        <v>406</v>
      </c>
      <c r="E123471" s="15">
        <v>45477</v>
      </c>
      <c r="F123471" s="14" t="s">
        <v>15</v>
      </c>
      <c r="G123471" s="16">
        <v>0.65136281900329795</v>
      </c>
    </row>
    <row r="123472" spans="1:7" x14ac:dyDescent="0.3">
      <c r="A123472" s="13" t="s">
        <v>574</v>
      </c>
      <c r="B123472" s="14" t="s">
        <v>1</v>
      </c>
      <c r="C123472" s="14" t="s">
        <v>200</v>
      </c>
      <c r="D123472" s="14" t="s">
        <v>406</v>
      </c>
      <c r="E123472" s="15">
        <v>45478</v>
      </c>
      <c r="F123472" s="14" t="s">
        <v>15</v>
      </c>
      <c r="G123472" s="16">
        <v>0.65828802576141565</v>
      </c>
    </row>
    <row r="123473" spans="1:7" x14ac:dyDescent="0.3">
      <c r="A123473" s="13" t="s">
        <v>574</v>
      </c>
      <c r="B123473" s="14" t="s">
        <v>1</v>
      </c>
      <c r="C123473" s="14" t="s">
        <v>200</v>
      </c>
      <c r="D123473" s="14" t="s">
        <v>406</v>
      </c>
      <c r="E123473" s="15">
        <v>45479</v>
      </c>
      <c r="F123473" s="14" t="s">
        <v>15</v>
      </c>
      <c r="G123473" s="16">
        <v>0.65828802576141565</v>
      </c>
    </row>
    <row r="123474" spans="1:7" x14ac:dyDescent="0.3">
      <c r="A123474" s="13" t="s">
        <v>574</v>
      </c>
      <c r="B123474" s="14" t="s">
        <v>1</v>
      </c>
      <c r="C123474" s="14" t="s">
        <v>200</v>
      </c>
      <c r="D123474" s="14" t="s">
        <v>406</v>
      </c>
      <c r="E123474" s="15">
        <v>45480</v>
      </c>
      <c r="F123474" s="14" t="s">
        <v>15</v>
      </c>
      <c r="G123474" s="16">
        <v>0.65828802576141565</v>
      </c>
    </row>
    <row r="123475" spans="1:7" x14ac:dyDescent="0.3">
      <c r="A123475" s="13" t="s">
        <v>574</v>
      </c>
      <c r="B123475" s="14" t="s">
        <v>1</v>
      </c>
      <c r="C123475" s="14" t="s">
        <v>200</v>
      </c>
      <c r="D123475" s="14" t="s">
        <v>406</v>
      </c>
      <c r="E123475" s="15">
        <v>45481</v>
      </c>
      <c r="F123475" s="14" t="s">
        <v>15</v>
      </c>
      <c r="G123475" s="16">
        <v>0.66921323251953324</v>
      </c>
    </row>
    <row r="123476" spans="1:7" x14ac:dyDescent="0.3">
      <c r="A123476" s="13" t="s">
        <v>574</v>
      </c>
      <c r="B123476" s="14" t="s">
        <v>1</v>
      </c>
      <c r="C123476" s="14" t="s">
        <v>200</v>
      </c>
      <c r="D123476" s="14" t="s">
        <v>406</v>
      </c>
      <c r="E123476" s="15">
        <v>45482</v>
      </c>
      <c r="F123476" s="14" t="s">
        <v>15</v>
      </c>
      <c r="G123476" s="16">
        <v>0.68813843927765095</v>
      </c>
    </row>
    <row r="123477" spans="1:7" x14ac:dyDescent="0.3">
      <c r="A123477" s="13" t="s">
        <v>574</v>
      </c>
      <c r="B123477" s="14" t="s">
        <v>1</v>
      </c>
      <c r="C123477" s="14" t="s">
        <v>200</v>
      </c>
      <c r="D123477" s="14" t="s">
        <v>406</v>
      </c>
      <c r="E123477" s="15">
        <v>45483</v>
      </c>
      <c r="F123477" s="14" t="s">
        <v>15</v>
      </c>
      <c r="G123477" s="16">
        <v>0.69506364603576865</v>
      </c>
    </row>
    <row r="123478" spans="1:7" x14ac:dyDescent="0.3">
      <c r="A123478" s="13" t="s">
        <v>574</v>
      </c>
      <c r="B123478" s="14" t="s">
        <v>1</v>
      </c>
      <c r="C123478" s="14" t="s">
        <v>200</v>
      </c>
      <c r="D123478" s="14" t="s">
        <v>406</v>
      </c>
      <c r="E123478" s="15">
        <v>45484</v>
      </c>
      <c r="F123478" s="14" t="s">
        <v>15</v>
      </c>
      <c r="G123478" s="16">
        <v>0.70098885279388634</v>
      </c>
    </row>
    <row r="123479" spans="1:7" x14ac:dyDescent="0.3">
      <c r="A123479" s="13" t="s">
        <v>574</v>
      </c>
      <c r="B123479" s="14" t="s">
        <v>1</v>
      </c>
      <c r="C123479" s="14" t="s">
        <v>200</v>
      </c>
      <c r="D123479" s="14" t="s">
        <v>406</v>
      </c>
      <c r="E123479" s="15">
        <v>45485</v>
      </c>
      <c r="F123479" s="14" t="s">
        <v>15</v>
      </c>
      <c r="G123479" s="16">
        <v>0.70791405955200404</v>
      </c>
    </row>
    <row r="123480" spans="1:7" x14ac:dyDescent="0.3">
      <c r="A123480" s="13" t="s">
        <v>574</v>
      </c>
      <c r="B123480" s="14" t="s">
        <v>1</v>
      </c>
      <c r="C123480" s="14" t="s">
        <v>200</v>
      </c>
      <c r="D123480" s="14" t="s">
        <v>406</v>
      </c>
      <c r="E123480" s="15">
        <v>45486</v>
      </c>
      <c r="F123480" s="14" t="s">
        <v>15</v>
      </c>
      <c r="G123480" s="16">
        <v>0.70791405955200404</v>
      </c>
    </row>
    <row r="123481" spans="1:7" x14ac:dyDescent="0.3">
      <c r="A123481" s="13" t="s">
        <v>574</v>
      </c>
      <c r="B123481" s="14" t="s">
        <v>1</v>
      </c>
      <c r="C123481" s="14" t="s">
        <v>200</v>
      </c>
      <c r="D123481" s="14" t="s">
        <v>406</v>
      </c>
      <c r="E123481" s="15">
        <v>45487</v>
      </c>
      <c r="F123481" s="14" t="s">
        <v>15</v>
      </c>
      <c r="G123481" s="16">
        <v>0.70791405955200404</v>
      </c>
    </row>
    <row r="123482" spans="1:7" x14ac:dyDescent="0.3">
      <c r="A123482" s="13" t="s">
        <v>574</v>
      </c>
      <c r="B123482" s="14" t="s">
        <v>1</v>
      </c>
      <c r="C123482" s="14" t="s">
        <v>200</v>
      </c>
      <c r="D123482" s="14" t="s">
        <v>406</v>
      </c>
      <c r="E123482" s="15">
        <v>45488</v>
      </c>
      <c r="F123482" s="14" t="s">
        <v>15</v>
      </c>
      <c r="G123482" s="16">
        <v>0.70983926631012173</v>
      </c>
    </row>
    <row r="123483" spans="1:7" x14ac:dyDescent="0.3">
      <c r="A123483" s="13" t="s">
        <v>574</v>
      </c>
      <c r="B123483" s="14" t="s">
        <v>1</v>
      </c>
      <c r="C123483" s="14" t="s">
        <v>200</v>
      </c>
      <c r="D123483" s="14" t="s">
        <v>406</v>
      </c>
      <c r="E123483" s="15">
        <v>45489</v>
      </c>
      <c r="F123483" s="14" t="s">
        <v>15</v>
      </c>
      <c r="G123483" s="16">
        <v>0.72876447306823944</v>
      </c>
    </row>
    <row r="123484" spans="1:7" x14ac:dyDescent="0.3">
      <c r="A123484" s="13" t="s">
        <v>574</v>
      </c>
      <c r="B123484" s="14" t="s">
        <v>1</v>
      </c>
      <c r="C123484" s="14" t="s">
        <v>200</v>
      </c>
      <c r="D123484" s="14" t="s">
        <v>406</v>
      </c>
      <c r="E123484" s="15">
        <v>45490</v>
      </c>
      <c r="F123484" s="14" t="s">
        <v>15</v>
      </c>
      <c r="G123484" s="16">
        <v>0.72568967982635713</v>
      </c>
    </row>
    <row r="123485" spans="1:7" x14ac:dyDescent="0.3">
      <c r="A123485" s="13" t="s">
        <v>574</v>
      </c>
      <c r="B123485" s="14" t="s">
        <v>1</v>
      </c>
      <c r="C123485" s="14" t="s">
        <v>200</v>
      </c>
      <c r="D123485" s="14" t="s">
        <v>406</v>
      </c>
      <c r="E123485" s="15">
        <v>45491</v>
      </c>
      <c r="F123485" s="14" t="s">
        <v>15</v>
      </c>
      <c r="G123485" s="16">
        <v>0.73261488658447482</v>
      </c>
    </row>
    <row r="123486" spans="1:7" x14ac:dyDescent="0.3">
      <c r="A123486" s="13" t="s">
        <v>574</v>
      </c>
      <c r="B123486" s="14" t="s">
        <v>1</v>
      </c>
      <c r="C123486" s="14" t="s">
        <v>200</v>
      </c>
      <c r="D123486" s="14" t="s">
        <v>406</v>
      </c>
      <c r="E123486" s="15">
        <v>45492</v>
      </c>
      <c r="F123486" s="14" t="s">
        <v>15</v>
      </c>
      <c r="G123486" s="16">
        <v>0.73954009334259241</v>
      </c>
    </row>
    <row r="123487" spans="1:7" x14ac:dyDescent="0.3">
      <c r="A123487" s="13" t="s">
        <v>574</v>
      </c>
      <c r="B123487" s="14" t="s">
        <v>1</v>
      </c>
      <c r="C123487" s="14" t="s">
        <v>200</v>
      </c>
      <c r="D123487" s="14" t="s">
        <v>406</v>
      </c>
      <c r="E123487" s="15">
        <v>45493</v>
      </c>
      <c r="F123487" s="14" t="s">
        <v>15</v>
      </c>
      <c r="G123487" s="16">
        <v>0.73954009334259241</v>
      </c>
    </row>
    <row r="123488" spans="1:7" x14ac:dyDescent="0.3">
      <c r="A123488" s="13" t="s">
        <v>574</v>
      </c>
      <c r="B123488" s="14" t="s">
        <v>1</v>
      </c>
      <c r="C123488" s="14" t="s">
        <v>200</v>
      </c>
      <c r="D123488" s="14" t="s">
        <v>406</v>
      </c>
      <c r="E123488" s="15">
        <v>45494</v>
      </c>
      <c r="F123488" s="14" t="s">
        <v>15</v>
      </c>
      <c r="G123488" s="16">
        <v>0.73954009334259241</v>
      </c>
    </row>
    <row r="123489" spans="1:7" x14ac:dyDescent="0.3">
      <c r="A123489" s="13" t="s">
        <v>574</v>
      </c>
      <c r="B123489" s="14" t="s">
        <v>1</v>
      </c>
      <c r="C123489" s="14" t="s">
        <v>200</v>
      </c>
      <c r="D123489" s="14" t="s">
        <v>406</v>
      </c>
      <c r="E123489" s="15">
        <v>45495</v>
      </c>
      <c r="F123489" s="14" t="s">
        <v>15</v>
      </c>
      <c r="G123489" s="16">
        <v>0.74646530010071011</v>
      </c>
    </row>
    <row r="123490" spans="1:7" x14ac:dyDescent="0.3">
      <c r="A123490" s="13" t="s">
        <v>574</v>
      </c>
      <c r="B123490" s="14" t="s">
        <v>1</v>
      </c>
      <c r="C123490" s="14" t="s">
        <v>200</v>
      </c>
      <c r="D123490" s="14" t="s">
        <v>406</v>
      </c>
      <c r="E123490" s="15">
        <v>45496</v>
      </c>
      <c r="F123490" s="14" t="s">
        <v>15</v>
      </c>
      <c r="G123490" s="16">
        <v>0.76539050685882781</v>
      </c>
    </row>
    <row r="123491" spans="1:7" x14ac:dyDescent="0.3">
      <c r="A123491" s="13" t="s">
        <v>574</v>
      </c>
      <c r="B123491" s="14" t="s">
        <v>1</v>
      </c>
      <c r="C123491" s="14" t="s">
        <v>200</v>
      </c>
      <c r="D123491" s="14" t="s">
        <v>406</v>
      </c>
      <c r="E123491" s="15">
        <v>45497</v>
      </c>
      <c r="F123491" s="14" t="s">
        <v>15</v>
      </c>
      <c r="G123491" s="16">
        <v>0.77231571361694551</v>
      </c>
    </row>
    <row r="123492" spans="1:7" x14ac:dyDescent="0.3">
      <c r="A123492" s="13" t="s">
        <v>574</v>
      </c>
      <c r="B123492" s="14" t="s">
        <v>1</v>
      </c>
      <c r="C123492" s="14" t="s">
        <v>200</v>
      </c>
      <c r="D123492" s="14" t="s">
        <v>406</v>
      </c>
      <c r="E123492" s="15">
        <v>45498</v>
      </c>
      <c r="F123492" s="14" t="s">
        <v>15</v>
      </c>
      <c r="G123492" s="16">
        <v>0.77924092037506321</v>
      </c>
    </row>
    <row r="123493" spans="1:7" x14ac:dyDescent="0.3">
      <c r="A123493" s="13" t="s">
        <v>574</v>
      </c>
      <c r="B123493" s="14" t="s">
        <v>1</v>
      </c>
      <c r="C123493" s="14" t="s">
        <v>200</v>
      </c>
      <c r="D123493" s="14" t="s">
        <v>406</v>
      </c>
      <c r="E123493" s="15">
        <v>45499</v>
      </c>
      <c r="F123493" s="14" t="s">
        <v>15</v>
      </c>
      <c r="G123493" s="16">
        <v>0.7861661271331809</v>
      </c>
    </row>
    <row r="123494" spans="1:7" x14ac:dyDescent="0.3">
      <c r="A123494" s="13" t="s">
        <v>574</v>
      </c>
      <c r="B123494" s="14" t="s">
        <v>1</v>
      </c>
      <c r="C123494" s="14" t="s">
        <v>200</v>
      </c>
      <c r="D123494" s="14" t="s">
        <v>406</v>
      </c>
      <c r="E123494" s="15">
        <v>45500</v>
      </c>
      <c r="F123494" s="14" t="s">
        <v>15</v>
      </c>
      <c r="G123494" s="16">
        <v>0.7861661271331809</v>
      </c>
    </row>
    <row r="123495" spans="1:7" x14ac:dyDescent="0.3">
      <c r="A123495" s="13" t="s">
        <v>574</v>
      </c>
      <c r="B123495" s="14" t="s">
        <v>1</v>
      </c>
      <c r="C123495" s="14" t="s">
        <v>200</v>
      </c>
      <c r="D123495" s="14" t="s">
        <v>406</v>
      </c>
      <c r="E123495" s="15">
        <v>45501</v>
      </c>
      <c r="F123495" s="14" t="s">
        <v>15</v>
      </c>
      <c r="G123495" s="16">
        <v>0.7861661271331809</v>
      </c>
    </row>
    <row r="123496" spans="1:7" x14ac:dyDescent="0.3">
      <c r="A123496" s="13" t="s">
        <v>574</v>
      </c>
      <c r="B123496" s="14" t="s">
        <v>1</v>
      </c>
      <c r="C123496" s="14" t="s">
        <v>200</v>
      </c>
      <c r="D123496" s="14" t="s">
        <v>406</v>
      </c>
      <c r="E123496" s="15">
        <v>45502</v>
      </c>
      <c r="F123496" s="14" t="s">
        <v>15</v>
      </c>
      <c r="G123496" s="16">
        <v>0.7970913338912986</v>
      </c>
    </row>
    <row r="123497" spans="1:7" x14ac:dyDescent="0.3">
      <c r="A123497" s="13" t="s">
        <v>574</v>
      </c>
      <c r="B123497" s="14" t="s">
        <v>1</v>
      </c>
      <c r="C123497" s="14" t="s">
        <v>200</v>
      </c>
      <c r="D123497" s="14" t="s">
        <v>406</v>
      </c>
      <c r="E123497" s="15">
        <v>45503</v>
      </c>
      <c r="F123497" s="14" t="s">
        <v>15</v>
      </c>
      <c r="G123497" s="16">
        <v>0.81501654064941642</v>
      </c>
    </row>
    <row r="123498" spans="1:7" x14ac:dyDescent="0.3">
      <c r="A123498" s="13" t="s">
        <v>574</v>
      </c>
      <c r="B123498" s="14" t="s">
        <v>1</v>
      </c>
      <c r="C123498" s="14" t="s">
        <v>200</v>
      </c>
      <c r="D123498" s="14" t="s">
        <v>406</v>
      </c>
      <c r="E123498" s="15">
        <v>45504</v>
      </c>
      <c r="F123498" s="14" t="s">
        <v>15</v>
      </c>
      <c r="G123498" s="16">
        <v>0.82094174740753412</v>
      </c>
    </row>
    <row r="123499" spans="1:7" x14ac:dyDescent="0.3">
      <c r="A123499" s="13" t="s">
        <v>574</v>
      </c>
      <c r="B123499" s="14" t="s">
        <v>1</v>
      </c>
      <c r="C123499" s="14" t="s">
        <v>200</v>
      </c>
      <c r="D123499" s="14" t="s">
        <v>406</v>
      </c>
      <c r="E123499" s="15">
        <v>45505</v>
      </c>
      <c r="F123499" s="14" t="s">
        <v>15</v>
      </c>
      <c r="G123499" s="16">
        <v>0.8288669541656517</v>
      </c>
    </row>
    <row r="123500" spans="1:7" x14ac:dyDescent="0.3">
      <c r="A123500" s="13" t="s">
        <v>574</v>
      </c>
      <c r="B123500" s="14" t="s">
        <v>1</v>
      </c>
      <c r="C123500" s="14" t="s">
        <v>200</v>
      </c>
      <c r="D123500" s="14" t="s">
        <v>406</v>
      </c>
      <c r="E123500" s="15">
        <v>45506</v>
      </c>
      <c r="F123500" s="14" t="s">
        <v>15</v>
      </c>
      <c r="G123500" s="16">
        <v>0.84279216092376941</v>
      </c>
    </row>
    <row r="123501" spans="1:7" x14ac:dyDescent="0.3">
      <c r="A123501" s="13" t="s">
        <v>574</v>
      </c>
      <c r="B123501" s="14" t="s">
        <v>1</v>
      </c>
      <c r="C123501" s="14" t="s">
        <v>200</v>
      </c>
      <c r="D123501" s="14" t="s">
        <v>406</v>
      </c>
      <c r="E123501" s="15">
        <v>45507</v>
      </c>
      <c r="F123501" s="14" t="s">
        <v>15</v>
      </c>
      <c r="G123501" s="16">
        <v>0.84279216092376941</v>
      </c>
    </row>
    <row r="123502" spans="1:7" x14ac:dyDescent="0.3">
      <c r="A123502" s="13" t="s">
        <v>574</v>
      </c>
      <c r="B123502" s="14" t="s">
        <v>1</v>
      </c>
      <c r="C123502" s="14" t="s">
        <v>200</v>
      </c>
      <c r="D123502" s="14" t="s">
        <v>406</v>
      </c>
      <c r="E123502" s="15">
        <v>45508</v>
      </c>
      <c r="F123502" s="14" t="s">
        <v>15</v>
      </c>
      <c r="G123502" s="16">
        <v>0.84279216092376941</v>
      </c>
    </row>
    <row r="123503" spans="1:7" x14ac:dyDescent="0.3">
      <c r="A123503" s="13" t="s">
        <v>574</v>
      </c>
      <c r="B123503" s="14" t="s">
        <v>1</v>
      </c>
      <c r="C123503" s="14" t="s">
        <v>200</v>
      </c>
      <c r="D123503" s="14" t="s">
        <v>406</v>
      </c>
      <c r="E123503" s="15">
        <v>45509</v>
      </c>
      <c r="F123503" s="14" t="s">
        <v>15</v>
      </c>
      <c r="G123503" s="16">
        <v>0.84279216092376941</v>
      </c>
    </row>
    <row r="123504" spans="1:7" x14ac:dyDescent="0.3">
      <c r="A123504" s="13" t="s">
        <v>574</v>
      </c>
      <c r="B123504" s="14" t="s">
        <v>1</v>
      </c>
      <c r="C123504" s="14" t="s">
        <v>200</v>
      </c>
      <c r="D123504" s="14" t="s">
        <v>406</v>
      </c>
      <c r="E123504" s="15">
        <v>45510</v>
      </c>
      <c r="F123504" s="14" t="s">
        <v>15</v>
      </c>
      <c r="G123504" s="16">
        <v>0.85571736768188722</v>
      </c>
    </row>
    <row r="123505" spans="1:7" x14ac:dyDescent="0.3">
      <c r="A123505" s="13" t="s">
        <v>574</v>
      </c>
      <c r="B123505" s="14" t="s">
        <v>1</v>
      </c>
      <c r="C123505" s="14" t="s">
        <v>200</v>
      </c>
      <c r="D123505" s="14" t="s">
        <v>406</v>
      </c>
      <c r="E123505" s="15">
        <v>45511</v>
      </c>
      <c r="F123505" s="14" t="s">
        <v>15</v>
      </c>
      <c r="G123505" s="16">
        <v>0.88164257444000493</v>
      </c>
    </row>
    <row r="123506" spans="1:7" x14ac:dyDescent="0.3">
      <c r="A123506" s="13" t="s">
        <v>574</v>
      </c>
      <c r="B123506" s="14" t="s">
        <v>1</v>
      </c>
      <c r="C123506" s="14" t="s">
        <v>200</v>
      </c>
      <c r="D123506" s="14" t="s">
        <v>406</v>
      </c>
      <c r="E123506" s="15">
        <v>45512</v>
      </c>
      <c r="F123506" s="14" t="s">
        <v>15</v>
      </c>
      <c r="G123506" s="16">
        <v>0.88856778119812263</v>
      </c>
    </row>
    <row r="123507" spans="1:7" x14ac:dyDescent="0.3">
      <c r="A123507" s="13" t="s">
        <v>574</v>
      </c>
      <c r="B123507" s="14" t="s">
        <v>1</v>
      </c>
      <c r="C123507" s="14" t="s">
        <v>200</v>
      </c>
      <c r="D123507" s="14" t="s">
        <v>406</v>
      </c>
      <c r="E123507" s="15">
        <v>45513</v>
      </c>
      <c r="F123507" s="14" t="s">
        <v>15</v>
      </c>
      <c r="G123507" s="16">
        <v>0.89449298795624033</v>
      </c>
    </row>
    <row r="123508" spans="1:7" x14ac:dyDescent="0.3">
      <c r="A123508" s="13" t="s">
        <v>574</v>
      </c>
      <c r="B123508" s="14" t="s">
        <v>1</v>
      </c>
      <c r="C123508" s="14" t="s">
        <v>200</v>
      </c>
      <c r="D123508" s="14" t="s">
        <v>406</v>
      </c>
      <c r="E123508" s="15">
        <v>45514</v>
      </c>
      <c r="F123508" s="14" t="s">
        <v>15</v>
      </c>
      <c r="G123508" s="16">
        <v>0.89449298795624033</v>
      </c>
    </row>
    <row r="123509" spans="1:7" x14ac:dyDescent="0.3">
      <c r="A123509" s="13" t="s">
        <v>574</v>
      </c>
      <c r="B123509" s="14" t="s">
        <v>1</v>
      </c>
      <c r="C123509" s="14" t="s">
        <v>200</v>
      </c>
      <c r="D123509" s="14" t="s">
        <v>406</v>
      </c>
      <c r="E123509" s="15">
        <v>45515</v>
      </c>
      <c r="F123509" s="14" t="s">
        <v>15</v>
      </c>
      <c r="G123509" s="16">
        <v>0.89449298795624033</v>
      </c>
    </row>
    <row r="123510" spans="1:7" x14ac:dyDescent="0.3">
      <c r="A123510" s="13" t="s">
        <v>574</v>
      </c>
      <c r="B123510" s="14" t="s">
        <v>1</v>
      </c>
      <c r="C123510" s="14" t="s">
        <v>200</v>
      </c>
      <c r="D123510" s="14" t="s">
        <v>406</v>
      </c>
      <c r="E123510" s="15">
        <v>45516</v>
      </c>
      <c r="F123510" s="14" t="s">
        <v>15</v>
      </c>
      <c r="G123510" s="16">
        <v>0.89941819471435802</v>
      </c>
    </row>
    <row r="123511" spans="1:7" x14ac:dyDescent="0.3">
      <c r="A123511" s="13" t="s">
        <v>574</v>
      </c>
      <c r="B123511" s="14" t="s">
        <v>1</v>
      </c>
      <c r="C123511" s="14" t="s">
        <v>200</v>
      </c>
      <c r="D123511" s="14" t="s">
        <v>406</v>
      </c>
      <c r="E123511" s="15">
        <v>45517</v>
      </c>
      <c r="F123511" s="14" t="s">
        <v>15</v>
      </c>
      <c r="G123511" s="16">
        <v>0.91634340147247573</v>
      </c>
    </row>
    <row r="123512" spans="1:7" x14ac:dyDescent="0.3">
      <c r="A123512" s="13" t="s">
        <v>574</v>
      </c>
      <c r="B123512" s="14" t="s">
        <v>1</v>
      </c>
      <c r="C123512" s="14" t="s">
        <v>200</v>
      </c>
      <c r="D123512" s="14" t="s">
        <v>406</v>
      </c>
      <c r="E123512" s="15">
        <v>45518</v>
      </c>
      <c r="F123512" s="14" t="s">
        <v>15</v>
      </c>
      <c r="G123512" s="16">
        <v>0.92426860823059331</v>
      </c>
    </row>
    <row r="123513" spans="1:7" x14ac:dyDescent="0.3">
      <c r="A123513" s="13" t="s">
        <v>574</v>
      </c>
      <c r="B123513" s="14" t="s">
        <v>1</v>
      </c>
      <c r="C123513" s="14" t="s">
        <v>200</v>
      </c>
      <c r="D123513" s="14" t="s">
        <v>406</v>
      </c>
      <c r="E123513" s="15">
        <v>45519</v>
      </c>
      <c r="F123513" s="14" t="s">
        <v>15</v>
      </c>
      <c r="G123513" s="16">
        <v>0.93119381498871101</v>
      </c>
    </row>
    <row r="123514" spans="1:7" x14ac:dyDescent="0.3">
      <c r="A123514" s="13" t="s">
        <v>574</v>
      </c>
      <c r="B123514" s="14" t="s">
        <v>1</v>
      </c>
      <c r="C123514" s="14" t="s">
        <v>200</v>
      </c>
      <c r="D123514" s="14" t="s">
        <v>406</v>
      </c>
      <c r="E123514" s="15">
        <v>45520</v>
      </c>
      <c r="F123514" s="14" t="s">
        <v>15</v>
      </c>
      <c r="G123514" s="16">
        <v>0.93711902174682871</v>
      </c>
    </row>
    <row r="123515" spans="1:7" x14ac:dyDescent="0.3">
      <c r="A123515" s="13" t="s">
        <v>574</v>
      </c>
      <c r="B123515" s="14" t="s">
        <v>1</v>
      </c>
      <c r="C123515" s="14" t="s">
        <v>200</v>
      </c>
      <c r="D123515" s="14" t="s">
        <v>406</v>
      </c>
      <c r="E123515" s="15">
        <v>45521</v>
      </c>
      <c r="F123515" s="14" t="s">
        <v>15</v>
      </c>
      <c r="G123515" s="16">
        <v>0.93711902174682871</v>
      </c>
    </row>
    <row r="123516" spans="1:7" x14ac:dyDescent="0.3">
      <c r="A123516" s="13" t="s">
        <v>574</v>
      </c>
      <c r="B123516" s="14" t="s">
        <v>1</v>
      </c>
      <c r="C123516" s="14" t="s">
        <v>200</v>
      </c>
      <c r="D123516" s="14" t="s">
        <v>406</v>
      </c>
      <c r="E123516" s="15">
        <v>45522</v>
      </c>
      <c r="F123516" s="14" t="s">
        <v>15</v>
      </c>
      <c r="G123516" s="16">
        <v>0.93711902174682871</v>
      </c>
    </row>
    <row r="123517" spans="1:7" x14ac:dyDescent="0.3">
      <c r="A123517" s="13" t="s">
        <v>574</v>
      </c>
      <c r="B123517" s="14" t="s">
        <v>1</v>
      </c>
      <c r="C123517" s="14" t="s">
        <v>200</v>
      </c>
      <c r="D123517" s="14" t="s">
        <v>406</v>
      </c>
      <c r="E123517" s="15">
        <v>45523</v>
      </c>
      <c r="F123517" s="14" t="s">
        <v>15</v>
      </c>
      <c r="G123517" s="16">
        <v>0.9440442285049464</v>
      </c>
    </row>
    <row r="123518" spans="1:7" x14ac:dyDescent="0.3">
      <c r="A123518" s="13" t="s">
        <v>574</v>
      </c>
      <c r="B123518" s="14" t="s">
        <v>1</v>
      </c>
      <c r="C123518" s="14" t="s">
        <v>200</v>
      </c>
      <c r="D123518" s="14" t="s">
        <v>406</v>
      </c>
      <c r="E123518" s="15">
        <v>45524</v>
      </c>
      <c r="F123518" s="14" t="s">
        <v>15</v>
      </c>
      <c r="G123518" s="16">
        <v>0.960969435263064</v>
      </c>
    </row>
    <row r="123519" spans="1:7" x14ac:dyDescent="0.3">
      <c r="A123519" s="13" t="s">
        <v>574</v>
      </c>
      <c r="B123519" s="14" t="s">
        <v>1</v>
      </c>
      <c r="C123519" s="14" t="s">
        <v>200</v>
      </c>
      <c r="D123519" s="14" t="s">
        <v>406</v>
      </c>
      <c r="E123519" s="15">
        <v>45525</v>
      </c>
      <c r="F123519" s="14" t="s">
        <v>15</v>
      </c>
      <c r="G123519" s="16">
        <v>0.96689464202118169</v>
      </c>
    </row>
    <row r="123520" spans="1:7" x14ac:dyDescent="0.3">
      <c r="A123520" s="13" t="s">
        <v>574</v>
      </c>
      <c r="B123520" s="14" t="s">
        <v>1</v>
      </c>
      <c r="C123520" s="14" t="s">
        <v>200</v>
      </c>
      <c r="D123520" s="14" t="s">
        <v>406</v>
      </c>
      <c r="E123520" s="15">
        <v>45526</v>
      </c>
      <c r="F123520" s="14" t="s">
        <v>15</v>
      </c>
      <c r="G123520" s="16">
        <v>0.9768198487792995</v>
      </c>
    </row>
    <row r="123521" spans="1:7" x14ac:dyDescent="0.3">
      <c r="A123521" s="13" t="s">
        <v>574</v>
      </c>
      <c r="B123521" s="14" t="s">
        <v>1</v>
      </c>
      <c r="C123521" s="14" t="s">
        <v>200</v>
      </c>
      <c r="D123521" s="14" t="s">
        <v>406</v>
      </c>
      <c r="E123521" s="15">
        <v>45527</v>
      </c>
      <c r="F123521" s="14" t="s">
        <v>15</v>
      </c>
      <c r="G123521" s="16">
        <v>0.98074505553741731</v>
      </c>
    </row>
    <row r="123522" spans="1:7" x14ac:dyDescent="0.3">
      <c r="A123522" s="13" t="s">
        <v>574</v>
      </c>
      <c r="B123522" s="14" t="s">
        <v>1</v>
      </c>
      <c r="C123522" s="14" t="s">
        <v>200</v>
      </c>
      <c r="D123522" s="14" t="s">
        <v>406</v>
      </c>
      <c r="E123522" s="15">
        <v>45528</v>
      </c>
      <c r="F123522" s="14" t="s">
        <v>15</v>
      </c>
      <c r="G123522" s="16">
        <v>0.98074505553741731</v>
      </c>
    </row>
    <row r="123523" spans="1:7" x14ac:dyDescent="0.3">
      <c r="A123523" s="13" t="s">
        <v>574</v>
      </c>
      <c r="B123523" s="14" t="s">
        <v>1</v>
      </c>
      <c r="C123523" s="14" t="s">
        <v>200</v>
      </c>
      <c r="D123523" s="14" t="s">
        <v>406</v>
      </c>
      <c r="E123523" s="15">
        <v>45529</v>
      </c>
      <c r="F123523" s="14" t="s">
        <v>15</v>
      </c>
      <c r="G123523" s="16">
        <v>0.98074505553741731</v>
      </c>
    </row>
    <row r="123524" spans="1:7" x14ac:dyDescent="0.3">
      <c r="A123524" s="13" t="s">
        <v>574</v>
      </c>
      <c r="B123524" s="14" t="s">
        <v>1</v>
      </c>
      <c r="C123524" s="14" t="s">
        <v>200</v>
      </c>
      <c r="D123524" s="14" t="s">
        <v>406</v>
      </c>
      <c r="E123524" s="15">
        <v>45530</v>
      </c>
      <c r="F123524" s="14" t="s">
        <v>15</v>
      </c>
      <c r="G123524" s="16">
        <v>0.99467026229553501</v>
      </c>
    </row>
    <row r="123525" spans="1:7" x14ac:dyDescent="0.3">
      <c r="A123525" s="13" t="s">
        <v>574</v>
      </c>
      <c r="B123525" s="14" t="s">
        <v>1</v>
      </c>
      <c r="C123525" s="14" t="s">
        <v>200</v>
      </c>
      <c r="D123525" s="14" t="s">
        <v>406</v>
      </c>
      <c r="E123525" s="15">
        <v>45531</v>
      </c>
      <c r="F123525" s="14" t="s">
        <v>15</v>
      </c>
      <c r="G123525" s="16">
        <v>1.0115954690536526</v>
      </c>
    </row>
    <row r="123526" spans="1:7" x14ac:dyDescent="0.3">
      <c r="A123526" s="13" t="s">
        <v>574</v>
      </c>
      <c r="B123526" s="14" t="s">
        <v>1</v>
      </c>
      <c r="C123526" s="14" t="s">
        <v>200</v>
      </c>
      <c r="D123526" s="14" t="s">
        <v>406</v>
      </c>
      <c r="E123526" s="15">
        <v>45532</v>
      </c>
      <c r="F123526" s="14" t="s">
        <v>15</v>
      </c>
      <c r="G123526" s="16">
        <v>1.0165206758117704</v>
      </c>
    </row>
    <row r="123527" spans="1:7" x14ac:dyDescent="0.3">
      <c r="A123527" s="13" t="s">
        <v>574</v>
      </c>
      <c r="B123527" s="14" t="s">
        <v>1</v>
      </c>
      <c r="C123527" s="14" t="s">
        <v>200</v>
      </c>
      <c r="D123527" s="14" t="s">
        <v>406</v>
      </c>
      <c r="E123527" s="15">
        <v>45533</v>
      </c>
      <c r="F123527" s="14" t="s">
        <v>15</v>
      </c>
      <c r="G123527" s="16">
        <v>1.0224458825698881</v>
      </c>
    </row>
    <row r="123528" spans="1:7" x14ac:dyDescent="0.3">
      <c r="A123528" s="13" t="s">
        <v>574</v>
      </c>
      <c r="B123528" s="14" t="s">
        <v>1</v>
      </c>
      <c r="C123528" s="14" t="s">
        <v>200</v>
      </c>
      <c r="D123528" s="14" t="s">
        <v>406</v>
      </c>
      <c r="E123528" s="15">
        <v>45534</v>
      </c>
      <c r="F123528" s="14" t="s">
        <v>15</v>
      </c>
      <c r="G123528" s="16">
        <v>1.0313710893280057</v>
      </c>
    </row>
    <row r="123529" spans="1:7" x14ac:dyDescent="0.3">
      <c r="A123529" s="13" t="s">
        <v>574</v>
      </c>
      <c r="B123529" s="14" t="s">
        <v>1</v>
      </c>
      <c r="C123529" s="14" t="s">
        <v>200</v>
      </c>
      <c r="D123529" s="14" t="s">
        <v>406</v>
      </c>
      <c r="E123529" s="15">
        <v>45535</v>
      </c>
      <c r="F123529" s="14" t="s">
        <v>15</v>
      </c>
      <c r="G123529" s="16">
        <v>1.0313710893280057</v>
      </c>
    </row>
    <row r="123530" spans="1:7" x14ac:dyDescent="0.3">
      <c r="A123530" s="13" t="s">
        <v>574</v>
      </c>
      <c r="B123530" s="14" t="s">
        <v>1</v>
      </c>
      <c r="C123530" s="14" t="s">
        <v>200</v>
      </c>
      <c r="D123530" s="14" t="s">
        <v>406</v>
      </c>
      <c r="E123530" s="15">
        <v>45536</v>
      </c>
      <c r="F123530" s="14" t="s">
        <v>15</v>
      </c>
      <c r="G123530" s="16">
        <v>1.0313710893280057</v>
      </c>
    </row>
    <row r="123531" spans="1:7" x14ac:dyDescent="0.3">
      <c r="A123531" s="13" t="s">
        <v>574</v>
      </c>
      <c r="B123531" s="14" t="s">
        <v>1</v>
      </c>
      <c r="C123531" s="14" t="s">
        <v>200</v>
      </c>
      <c r="D123531" s="14" t="s">
        <v>406</v>
      </c>
      <c r="E123531" s="15">
        <v>45537</v>
      </c>
      <c r="F123531" s="14" t="s">
        <v>15</v>
      </c>
      <c r="G123531" s="16">
        <v>1.0313710893280057</v>
      </c>
    </row>
    <row r="123532" spans="1:7" x14ac:dyDescent="0.3">
      <c r="A123532" s="13" t="s">
        <v>574</v>
      </c>
      <c r="B123532" s="14" t="s">
        <v>1</v>
      </c>
      <c r="C123532" s="14" t="s">
        <v>200</v>
      </c>
      <c r="D123532" s="14" t="s">
        <v>406</v>
      </c>
      <c r="E123532" s="15">
        <v>45538</v>
      </c>
      <c r="F123532" s="14" t="s">
        <v>15</v>
      </c>
      <c r="G123532" s="16">
        <v>1.0372962960861234</v>
      </c>
    </row>
    <row r="123533" spans="1:7" x14ac:dyDescent="0.3">
      <c r="A123533" s="13" t="s">
        <v>574</v>
      </c>
      <c r="B123533" s="14" t="s">
        <v>1</v>
      </c>
      <c r="C123533" s="14" t="s">
        <v>200</v>
      </c>
      <c r="D123533" s="14" t="s">
        <v>406</v>
      </c>
      <c r="E123533" s="15">
        <v>45539</v>
      </c>
      <c r="F123533" s="14" t="s">
        <v>15</v>
      </c>
      <c r="G123533" s="16">
        <v>1.0572215028442411</v>
      </c>
    </row>
    <row r="123534" spans="1:7" x14ac:dyDescent="0.3">
      <c r="A123534" s="13" t="s">
        <v>574</v>
      </c>
      <c r="B123534" s="14" t="s">
        <v>1</v>
      </c>
      <c r="C123534" s="14" t="s">
        <v>200</v>
      </c>
      <c r="D123534" s="14" t="s">
        <v>406</v>
      </c>
      <c r="E123534" s="15">
        <v>45540</v>
      </c>
      <c r="F123534" s="14" t="s">
        <v>15</v>
      </c>
      <c r="G123534" s="16">
        <v>1.0631467096023588</v>
      </c>
    </row>
    <row r="123535" spans="1:7" x14ac:dyDescent="0.3">
      <c r="A123535" s="13" t="s">
        <v>574</v>
      </c>
      <c r="B123535" s="14" t="s">
        <v>1</v>
      </c>
      <c r="C123535" s="14" t="s">
        <v>200</v>
      </c>
      <c r="D123535" s="14" t="s">
        <v>406</v>
      </c>
      <c r="E123535" s="15">
        <v>45541</v>
      </c>
      <c r="F123535" s="14" t="s">
        <v>15</v>
      </c>
      <c r="G123535" s="16">
        <v>1.0700719163604764</v>
      </c>
    </row>
    <row r="123536" spans="1:7" x14ac:dyDescent="0.3">
      <c r="A123536" s="13" t="s">
        <v>574</v>
      </c>
      <c r="B123536" s="14" t="s">
        <v>1</v>
      </c>
      <c r="C123536" s="14" t="s">
        <v>200</v>
      </c>
      <c r="D123536" s="14" t="s">
        <v>406</v>
      </c>
      <c r="E123536" s="15">
        <v>45542</v>
      </c>
      <c r="F123536" s="14" t="s">
        <v>15</v>
      </c>
      <c r="G123536" s="16">
        <v>1.0700719163604764</v>
      </c>
    </row>
    <row r="123537" spans="1:7" x14ac:dyDescent="0.3">
      <c r="A123537" s="13" t="s">
        <v>574</v>
      </c>
      <c r="B123537" s="14" t="s">
        <v>1</v>
      </c>
      <c r="C123537" s="14" t="s">
        <v>200</v>
      </c>
      <c r="D123537" s="14" t="s">
        <v>406</v>
      </c>
      <c r="E123537" s="15">
        <v>45543</v>
      </c>
      <c r="F123537" s="14" t="s">
        <v>15</v>
      </c>
      <c r="G123537" s="16">
        <v>1.0700719163604764</v>
      </c>
    </row>
    <row r="123538" spans="1:7" x14ac:dyDescent="0.3">
      <c r="A123538" s="13" t="s">
        <v>574</v>
      </c>
      <c r="B123538" s="14" t="s">
        <v>1</v>
      </c>
      <c r="C123538" s="14" t="s">
        <v>200</v>
      </c>
      <c r="D123538" s="14" t="s">
        <v>406</v>
      </c>
      <c r="E123538" s="15">
        <v>45544</v>
      </c>
      <c r="F123538" s="14" t="s">
        <v>15</v>
      </c>
      <c r="G123538" s="16">
        <v>1.0789971231185942</v>
      </c>
    </row>
    <row r="123539" spans="1:7" x14ac:dyDescent="0.3">
      <c r="A123539" s="13" t="s">
        <v>574</v>
      </c>
      <c r="B123539" s="14" t="s">
        <v>1</v>
      </c>
      <c r="C123539" s="14" t="s">
        <v>200</v>
      </c>
      <c r="D123539" s="14" t="s">
        <v>406</v>
      </c>
      <c r="E123539" s="15">
        <v>45545</v>
      </c>
      <c r="F123539" s="14" t="s">
        <v>15</v>
      </c>
      <c r="G123539" s="16">
        <v>1.0939223298767118</v>
      </c>
    </row>
    <row r="123540" spans="1:7" x14ac:dyDescent="0.3">
      <c r="A123540" s="13" t="s">
        <v>574</v>
      </c>
      <c r="B123540" s="14" t="s">
        <v>1</v>
      </c>
      <c r="C123540" s="14" t="s">
        <v>200</v>
      </c>
      <c r="D123540" s="14" t="s">
        <v>406</v>
      </c>
      <c r="E123540" s="15">
        <v>45546</v>
      </c>
      <c r="F123540" s="14" t="s">
        <v>15</v>
      </c>
      <c r="G123540" s="16">
        <v>1.1008475366348294</v>
      </c>
    </row>
    <row r="123541" spans="1:7" x14ac:dyDescent="0.3">
      <c r="A123541" s="13" t="s">
        <v>574</v>
      </c>
      <c r="B123541" s="14" t="s">
        <v>1</v>
      </c>
      <c r="C123541" s="14" t="s">
        <v>200</v>
      </c>
      <c r="D123541" s="14" t="s">
        <v>406</v>
      </c>
      <c r="E123541" s="15">
        <v>45547</v>
      </c>
      <c r="F123541" s="14" t="s">
        <v>15</v>
      </c>
      <c r="G123541" s="16">
        <v>1.1067727433929471</v>
      </c>
    </row>
    <row r="123542" spans="1:7" x14ac:dyDescent="0.3">
      <c r="A123542" s="13" t="s">
        <v>574</v>
      </c>
      <c r="B123542" s="14" t="s">
        <v>1</v>
      </c>
      <c r="C123542" s="14" t="s">
        <v>200</v>
      </c>
      <c r="D123542" s="14" t="s">
        <v>406</v>
      </c>
      <c r="E123542" s="15">
        <v>45548</v>
      </c>
      <c r="F123542" s="14" t="s">
        <v>15</v>
      </c>
      <c r="G123542" s="16">
        <v>1.1126979501510648</v>
      </c>
    </row>
    <row r="123543" spans="1:7" x14ac:dyDescent="0.3">
      <c r="A123543" s="13" t="s">
        <v>574</v>
      </c>
      <c r="B123543" s="14" t="s">
        <v>1</v>
      </c>
      <c r="C123543" s="14" t="s">
        <v>200</v>
      </c>
      <c r="D123543" s="14" t="s">
        <v>406</v>
      </c>
      <c r="E123543" s="15">
        <v>45549</v>
      </c>
      <c r="F123543" s="14" t="s">
        <v>15</v>
      </c>
      <c r="G123543" s="16">
        <v>1.1126979501510648</v>
      </c>
    </row>
    <row r="123544" spans="1:7" x14ac:dyDescent="0.3">
      <c r="A123544" s="13" t="s">
        <v>574</v>
      </c>
      <c r="B123544" s="14" t="s">
        <v>1</v>
      </c>
      <c r="C123544" s="14" t="s">
        <v>200</v>
      </c>
      <c r="D123544" s="14" t="s">
        <v>406</v>
      </c>
      <c r="E123544" s="15">
        <v>45550</v>
      </c>
      <c r="F123544" s="14" t="s">
        <v>15</v>
      </c>
      <c r="G123544" s="16">
        <v>1.1126979501510648</v>
      </c>
    </row>
    <row r="123545" spans="1:7" x14ac:dyDescent="0.3">
      <c r="A123545" s="13" t="s">
        <v>574</v>
      </c>
      <c r="B123545" s="14" t="s">
        <v>1</v>
      </c>
      <c r="C123545" s="14" t="s">
        <v>200</v>
      </c>
      <c r="D123545" s="14" t="s">
        <v>406</v>
      </c>
      <c r="E123545" s="15">
        <v>45551</v>
      </c>
      <c r="F123545" s="14" t="s">
        <v>15</v>
      </c>
      <c r="G123545" s="16">
        <v>1.1186231569091825</v>
      </c>
    </row>
    <row r="123546" spans="1:7" x14ac:dyDescent="0.3">
      <c r="A123546" s="13" t="s">
        <v>574</v>
      </c>
      <c r="B123546" s="14" t="s">
        <v>1</v>
      </c>
      <c r="C123546" s="14" t="s">
        <v>200</v>
      </c>
      <c r="D123546" s="14" t="s">
        <v>406</v>
      </c>
      <c r="E123546" s="15">
        <v>45552</v>
      </c>
      <c r="F123546" s="14" t="s">
        <v>15</v>
      </c>
      <c r="G123546" s="16">
        <v>1.1325483636673002</v>
      </c>
    </row>
    <row r="123547" spans="1:7" x14ac:dyDescent="0.3">
      <c r="A123547" s="13" t="s">
        <v>574</v>
      </c>
      <c r="B123547" s="14" t="s">
        <v>1</v>
      </c>
      <c r="C123547" s="14" t="s">
        <v>200</v>
      </c>
      <c r="D123547" s="14" t="s">
        <v>406</v>
      </c>
      <c r="E123547" s="15">
        <v>45553</v>
      </c>
      <c r="F123547" s="14" t="s">
        <v>15</v>
      </c>
      <c r="G123547" s="16">
        <v>1.139473570425418</v>
      </c>
    </row>
    <row r="123548" spans="1:7" x14ac:dyDescent="0.3">
      <c r="A123548" s="13" t="s">
        <v>574</v>
      </c>
      <c r="B123548" s="14" t="s">
        <v>1</v>
      </c>
      <c r="C123548" s="14" t="s">
        <v>200</v>
      </c>
      <c r="D123548" s="14" t="s">
        <v>406</v>
      </c>
      <c r="E123548" s="15">
        <v>45554</v>
      </c>
      <c r="F123548" s="14" t="s">
        <v>15</v>
      </c>
      <c r="G123548" s="16">
        <v>1.1463987771835356</v>
      </c>
    </row>
    <row r="123549" spans="1:7" x14ac:dyDescent="0.3">
      <c r="A123549" s="13" t="s">
        <v>574</v>
      </c>
      <c r="B123549" s="14" t="s">
        <v>1</v>
      </c>
      <c r="C123549" s="14" t="s">
        <v>200</v>
      </c>
      <c r="D123549" s="14" t="s">
        <v>406</v>
      </c>
      <c r="E123549" s="15">
        <v>45555</v>
      </c>
      <c r="F123549" s="14" t="s">
        <v>15</v>
      </c>
      <c r="G123549" s="16">
        <v>1.1543239839416533</v>
      </c>
    </row>
    <row r="123550" spans="1:7" x14ac:dyDescent="0.3">
      <c r="A123550" s="13" t="s">
        <v>574</v>
      </c>
      <c r="B123550" s="14" t="s">
        <v>1</v>
      </c>
      <c r="C123550" s="14" t="s">
        <v>200</v>
      </c>
      <c r="D123550" s="14" t="s">
        <v>406</v>
      </c>
      <c r="E123550" s="15">
        <v>45556</v>
      </c>
      <c r="F123550" s="14" t="s">
        <v>15</v>
      </c>
      <c r="G123550" s="16">
        <v>1.1543239839416533</v>
      </c>
    </row>
    <row r="123551" spans="1:7" x14ac:dyDescent="0.3">
      <c r="A123551" s="13" t="s">
        <v>574</v>
      </c>
      <c r="B123551" s="14" t="s">
        <v>1</v>
      </c>
      <c r="C123551" s="14" t="s">
        <v>200</v>
      </c>
      <c r="D123551" s="14" t="s">
        <v>406</v>
      </c>
      <c r="E123551" s="15">
        <v>45557</v>
      </c>
      <c r="F123551" s="14" t="s">
        <v>15</v>
      </c>
      <c r="G123551" s="16">
        <v>1.1543239839416533</v>
      </c>
    </row>
    <row r="123552" spans="1:7" x14ac:dyDescent="0.3">
      <c r="A123552" s="13" t="s">
        <v>574</v>
      </c>
      <c r="B123552" s="14" t="s">
        <v>1</v>
      </c>
      <c r="C123552" s="14" t="s">
        <v>200</v>
      </c>
      <c r="D123552" s="14" t="s">
        <v>406</v>
      </c>
      <c r="E123552" s="15">
        <v>45558</v>
      </c>
      <c r="F123552" s="14" t="s">
        <v>15</v>
      </c>
      <c r="G123552" s="16">
        <v>1.1612491906997708</v>
      </c>
    </row>
    <row r="123553" spans="1:7" x14ac:dyDescent="0.3">
      <c r="A123553" s="13" t="s">
        <v>574</v>
      </c>
      <c r="B123553" s="14" t="s">
        <v>1</v>
      </c>
      <c r="C123553" s="14" t="s">
        <v>200</v>
      </c>
      <c r="D123553" s="14" t="s">
        <v>406</v>
      </c>
      <c r="E123553" s="15">
        <v>45559</v>
      </c>
      <c r="F123553" s="14" t="s">
        <v>15</v>
      </c>
      <c r="G123553" s="16">
        <v>1.1781743974578887</v>
      </c>
    </row>
    <row r="123554" spans="1:7" x14ac:dyDescent="0.3">
      <c r="A123554" s="13" t="s">
        <v>574</v>
      </c>
      <c r="B123554" s="14" t="s">
        <v>1</v>
      </c>
      <c r="C123554" s="14" t="s">
        <v>200</v>
      </c>
      <c r="D123554" s="14" t="s">
        <v>406</v>
      </c>
      <c r="E123554" s="15">
        <v>45560</v>
      </c>
      <c r="F123554" s="14" t="s">
        <v>15</v>
      </c>
      <c r="G123554" s="16">
        <v>1.1850996042160062</v>
      </c>
    </row>
    <row r="123555" spans="1:7" x14ac:dyDescent="0.3">
      <c r="A123555" s="13" t="s">
        <v>574</v>
      </c>
      <c r="B123555" s="14" t="s">
        <v>1</v>
      </c>
      <c r="C123555" s="14" t="s">
        <v>200</v>
      </c>
      <c r="D123555" s="14" t="s">
        <v>406</v>
      </c>
      <c r="E123555" s="15">
        <v>45561</v>
      </c>
      <c r="F123555" s="14" t="s">
        <v>15</v>
      </c>
      <c r="G123555" s="16">
        <v>1.1920248109741238</v>
      </c>
    </row>
    <row r="123556" spans="1:7" x14ac:dyDescent="0.3">
      <c r="A123556" s="13" t="s">
        <v>574</v>
      </c>
      <c r="B123556" s="14" t="s">
        <v>1</v>
      </c>
      <c r="C123556" s="14" t="s">
        <v>200</v>
      </c>
      <c r="D123556" s="14" t="s">
        <v>406</v>
      </c>
      <c r="E123556" s="15">
        <v>45562</v>
      </c>
      <c r="F123556" s="14" t="s">
        <v>15</v>
      </c>
      <c r="G123556" s="16">
        <v>1.1979500177322415</v>
      </c>
    </row>
    <row r="123557" spans="1:7" x14ac:dyDescent="0.3">
      <c r="A123557" s="13" t="s">
        <v>574</v>
      </c>
      <c r="B123557" s="14" t="s">
        <v>1</v>
      </c>
      <c r="C123557" s="14" t="s">
        <v>200</v>
      </c>
      <c r="D123557" s="14" t="s">
        <v>406</v>
      </c>
      <c r="E123557" s="15">
        <v>45563</v>
      </c>
      <c r="F123557" s="14" t="s">
        <v>15</v>
      </c>
      <c r="G123557" s="16">
        <v>1.1979500177322415</v>
      </c>
    </row>
    <row r="123558" spans="1:7" x14ac:dyDescent="0.3">
      <c r="A123558" s="13" t="s">
        <v>574</v>
      </c>
      <c r="B123558" s="14" t="s">
        <v>1</v>
      </c>
      <c r="C123558" s="14" t="s">
        <v>200</v>
      </c>
      <c r="D123558" s="14" t="s">
        <v>406</v>
      </c>
      <c r="E123558" s="15">
        <v>45564</v>
      </c>
      <c r="F123558" s="14" t="s">
        <v>15</v>
      </c>
      <c r="G123558" s="16">
        <v>1.1979500177322415</v>
      </c>
    </row>
    <row r="123559" spans="1:7" x14ac:dyDescent="0.3">
      <c r="A123559" s="13" t="s">
        <v>574</v>
      </c>
      <c r="B123559" s="14" t="s">
        <v>1</v>
      </c>
      <c r="C123559" s="14" t="s">
        <v>200</v>
      </c>
      <c r="D123559" s="14" t="s">
        <v>406</v>
      </c>
      <c r="E123559" s="15">
        <v>45565</v>
      </c>
      <c r="F123559" s="14" t="s">
        <v>15</v>
      </c>
      <c r="G123559" s="16">
        <v>1.2038752244903592</v>
      </c>
    </row>
    <row r="123560" spans="1:7" x14ac:dyDescent="0.3">
      <c r="A123560" s="13" t="s">
        <v>574</v>
      </c>
      <c r="B123560" s="14" t="s">
        <v>1</v>
      </c>
      <c r="C123560" s="14" t="s">
        <v>200</v>
      </c>
      <c r="D123560" s="14" t="s">
        <v>406</v>
      </c>
      <c r="E123560" s="15">
        <v>45566</v>
      </c>
      <c r="F123560" s="14" t="s">
        <v>15</v>
      </c>
      <c r="G123560" s="16">
        <v>1.212800431248477</v>
      </c>
    </row>
    <row r="123561" spans="1:7" x14ac:dyDescent="0.3">
      <c r="A123561" s="13" t="s">
        <v>574</v>
      </c>
      <c r="B123561" s="14" t="s">
        <v>1</v>
      </c>
      <c r="C123561" s="14" t="s">
        <v>200</v>
      </c>
      <c r="D123561" s="14" t="s">
        <v>406</v>
      </c>
      <c r="E123561" s="15">
        <v>45567</v>
      </c>
      <c r="F123561" s="14" t="s">
        <v>15</v>
      </c>
      <c r="G123561" s="16">
        <v>1.2217256380065946</v>
      </c>
    </row>
    <row r="123562" spans="1:7" x14ac:dyDescent="0.3">
      <c r="A123562" s="13" t="s">
        <v>574</v>
      </c>
      <c r="B123562" s="14" t="s">
        <v>1</v>
      </c>
      <c r="C123562" s="14" t="s">
        <v>200</v>
      </c>
      <c r="D123562" s="14" t="s">
        <v>406</v>
      </c>
      <c r="E123562" s="15">
        <v>45568</v>
      </c>
      <c r="F123562" s="14" t="s">
        <v>15</v>
      </c>
      <c r="G123562" s="16">
        <v>1.2276508447647123</v>
      </c>
    </row>
    <row r="123563" spans="1:7" x14ac:dyDescent="0.3">
      <c r="A123563" s="13" t="s">
        <v>574</v>
      </c>
      <c r="B123563" s="14" t="s">
        <v>1</v>
      </c>
      <c r="C123563" s="14" t="s">
        <v>200</v>
      </c>
      <c r="D123563" s="14" t="s">
        <v>406</v>
      </c>
      <c r="E123563" s="15">
        <v>45569</v>
      </c>
      <c r="F123563" s="14" t="s">
        <v>15</v>
      </c>
      <c r="G123563" s="16">
        <v>1.23357605152283</v>
      </c>
    </row>
    <row r="123564" spans="1:7" x14ac:dyDescent="0.3">
      <c r="A123564" s="13" t="s">
        <v>574</v>
      </c>
      <c r="B123564" s="14" t="s">
        <v>1</v>
      </c>
      <c r="C123564" s="14" t="s">
        <v>200</v>
      </c>
      <c r="D123564" s="14" t="s">
        <v>406</v>
      </c>
      <c r="E123564" s="15">
        <v>45570</v>
      </c>
      <c r="F123564" s="14" t="s">
        <v>15</v>
      </c>
      <c r="G123564" s="16">
        <v>1.23357605152283</v>
      </c>
    </row>
    <row r="123565" spans="1:7" x14ac:dyDescent="0.3">
      <c r="A123565" s="13" t="s">
        <v>574</v>
      </c>
      <c r="B123565" s="14" t="s">
        <v>1</v>
      </c>
      <c r="C123565" s="14" t="s">
        <v>200</v>
      </c>
      <c r="D123565" s="14" t="s">
        <v>406</v>
      </c>
      <c r="E123565" s="15">
        <v>45571</v>
      </c>
      <c r="F123565" s="14" t="s">
        <v>15</v>
      </c>
      <c r="G123565" s="16">
        <v>1.23357605152283</v>
      </c>
    </row>
    <row r="123566" spans="1:7" x14ac:dyDescent="0.3">
      <c r="A123566" s="13" t="s">
        <v>574</v>
      </c>
      <c r="B123566" s="14" t="s">
        <v>1</v>
      </c>
      <c r="C123566" s="14" t="s">
        <v>200</v>
      </c>
      <c r="D123566" s="14" t="s">
        <v>406</v>
      </c>
      <c r="E123566" s="15">
        <v>45572</v>
      </c>
      <c r="F123566" s="14" t="s">
        <v>15</v>
      </c>
      <c r="G123566" s="16">
        <v>1.2445012582809478</v>
      </c>
    </row>
    <row r="123567" spans="1:7" x14ac:dyDescent="0.3">
      <c r="A123567" s="13" t="s">
        <v>574</v>
      </c>
      <c r="B123567" s="14" t="s">
        <v>1</v>
      </c>
      <c r="C123567" s="14" t="s">
        <v>200</v>
      </c>
      <c r="D123567" s="14" t="s">
        <v>406</v>
      </c>
      <c r="E123567" s="15">
        <v>45573</v>
      </c>
      <c r="F123567" s="14" t="s">
        <v>15</v>
      </c>
      <c r="G123567" s="16">
        <v>1.2604264650390653</v>
      </c>
    </row>
    <row r="123568" spans="1:7" x14ac:dyDescent="0.3">
      <c r="A123568" s="13" t="s">
        <v>574</v>
      </c>
      <c r="B123568" s="14" t="s">
        <v>1</v>
      </c>
      <c r="C123568" s="14" t="s">
        <v>200</v>
      </c>
      <c r="D123568" s="14" t="s">
        <v>406</v>
      </c>
      <c r="E123568" s="15">
        <v>45574</v>
      </c>
      <c r="F123568" s="14" t="s">
        <v>15</v>
      </c>
      <c r="G123568" s="16">
        <v>1.266351671797183</v>
      </c>
    </row>
    <row r="123569" spans="1:7" x14ac:dyDescent="0.3">
      <c r="A123569" s="13" t="s">
        <v>574</v>
      </c>
      <c r="B123569" s="14" t="s">
        <v>1</v>
      </c>
      <c r="C123569" s="14" t="s">
        <v>200</v>
      </c>
      <c r="D123569" s="14" t="s">
        <v>406</v>
      </c>
      <c r="E123569" s="15">
        <v>45575</v>
      </c>
      <c r="F123569" s="14" t="s">
        <v>15</v>
      </c>
      <c r="G123569" s="16">
        <v>1.2712768785553008</v>
      </c>
    </row>
    <row r="123570" spans="1:7" x14ac:dyDescent="0.3">
      <c r="A123570" s="13" t="s">
        <v>574</v>
      </c>
      <c r="B123570" s="14" t="s">
        <v>1</v>
      </c>
      <c r="C123570" s="14" t="s">
        <v>200</v>
      </c>
      <c r="D123570" s="14" t="s">
        <v>406</v>
      </c>
      <c r="E123570" s="15">
        <v>45576</v>
      </c>
      <c r="F123570" s="14" t="s">
        <v>15</v>
      </c>
      <c r="G123570" s="16">
        <v>1.2762020853134186</v>
      </c>
    </row>
    <row r="123571" spans="1:7" x14ac:dyDescent="0.3">
      <c r="A123571" s="13" t="s">
        <v>574</v>
      </c>
      <c r="B123571" s="14" t="s">
        <v>1</v>
      </c>
      <c r="C123571" s="14" t="s">
        <v>200</v>
      </c>
      <c r="D123571" s="14" t="s">
        <v>406</v>
      </c>
      <c r="E123571" s="15">
        <v>45577</v>
      </c>
      <c r="F123571" s="14" t="s">
        <v>15</v>
      </c>
      <c r="G123571" s="16">
        <v>1.2762020853134186</v>
      </c>
    </row>
    <row r="123572" spans="1:7" x14ac:dyDescent="0.3">
      <c r="A123572" s="13" t="s">
        <v>574</v>
      </c>
      <c r="B123572" s="14" t="s">
        <v>1</v>
      </c>
      <c r="C123572" s="14" t="s">
        <v>200</v>
      </c>
      <c r="D123572" s="14" t="s">
        <v>406</v>
      </c>
      <c r="E123572" s="15">
        <v>45578</v>
      </c>
      <c r="F123572" s="14" t="s">
        <v>15</v>
      </c>
      <c r="G123572" s="16">
        <v>1.2762020853134186</v>
      </c>
    </row>
    <row r="123573" spans="1:7" x14ac:dyDescent="0.3">
      <c r="A123573" s="13" t="s">
        <v>574</v>
      </c>
      <c r="B123573" s="14" t="s">
        <v>1</v>
      </c>
      <c r="C123573" s="14" t="s">
        <v>200</v>
      </c>
      <c r="D123573" s="14" t="s">
        <v>406</v>
      </c>
      <c r="E123573" s="15">
        <v>45579</v>
      </c>
      <c r="F123573" s="14" t="s">
        <v>15</v>
      </c>
      <c r="G123573" s="16">
        <v>1.2762020853134186</v>
      </c>
    </row>
    <row r="123574" spans="1:7" x14ac:dyDescent="0.3">
      <c r="A123574" s="13" t="s">
        <v>574</v>
      </c>
      <c r="B123574" s="14" t="s">
        <v>1</v>
      </c>
      <c r="C123574" s="14" t="s">
        <v>200</v>
      </c>
      <c r="D123574" s="14" t="s">
        <v>406</v>
      </c>
      <c r="E123574" s="15">
        <v>45580</v>
      </c>
      <c r="F123574" s="14" t="s">
        <v>15</v>
      </c>
      <c r="G123574" s="16">
        <v>1.2821272920715363</v>
      </c>
    </row>
    <row r="123575" spans="1:7" x14ac:dyDescent="0.3">
      <c r="A123575" s="13" t="s">
        <v>574</v>
      </c>
      <c r="B123575" s="14" t="s">
        <v>1</v>
      </c>
      <c r="C123575" s="14" t="s">
        <v>200</v>
      </c>
      <c r="D123575" s="14" t="s">
        <v>406</v>
      </c>
      <c r="E123575" s="15">
        <v>45581</v>
      </c>
      <c r="F123575" s="14" t="s">
        <v>15</v>
      </c>
      <c r="G123575" s="16">
        <v>1.304052498829654</v>
      </c>
    </row>
    <row r="123576" spans="1:7" x14ac:dyDescent="0.3">
      <c r="A123576" s="13" t="s">
        <v>574</v>
      </c>
      <c r="B123576" s="14" t="s">
        <v>1</v>
      </c>
      <c r="C123576" s="14" t="s">
        <v>200</v>
      </c>
      <c r="D123576" s="14" t="s">
        <v>406</v>
      </c>
      <c r="E123576" s="15">
        <v>45582</v>
      </c>
      <c r="F123576" s="14" t="s">
        <v>15</v>
      </c>
      <c r="G123576" s="16">
        <v>1.3129777055877716</v>
      </c>
    </row>
    <row r="123577" spans="1:7" x14ac:dyDescent="0.3">
      <c r="A123577" s="13" t="s">
        <v>574</v>
      </c>
      <c r="B123577" s="14" t="s">
        <v>1</v>
      </c>
      <c r="C123577" s="14" t="s">
        <v>200</v>
      </c>
      <c r="D123577" s="14" t="s">
        <v>406</v>
      </c>
      <c r="E123577" s="15">
        <v>45583</v>
      </c>
      <c r="F123577" s="14" t="s">
        <v>15</v>
      </c>
      <c r="G123577" s="16">
        <v>1.3259029123458892</v>
      </c>
    </row>
    <row r="123578" spans="1:7" x14ac:dyDescent="0.3">
      <c r="A123578" s="13" t="s">
        <v>574</v>
      </c>
      <c r="B123578" s="14" t="s">
        <v>1</v>
      </c>
      <c r="C123578" s="14" t="s">
        <v>200</v>
      </c>
      <c r="D123578" s="14" t="s">
        <v>406</v>
      </c>
      <c r="E123578" s="15">
        <v>45584</v>
      </c>
      <c r="F123578" s="14" t="s">
        <v>15</v>
      </c>
      <c r="G123578" s="16">
        <v>1.3259029123458892</v>
      </c>
    </row>
    <row r="123579" spans="1:7" x14ac:dyDescent="0.3">
      <c r="A123579" s="13" t="s">
        <v>574</v>
      </c>
      <c r="B123579" s="14" t="s">
        <v>1</v>
      </c>
      <c r="C123579" s="14" t="s">
        <v>200</v>
      </c>
      <c r="D123579" s="14" t="s">
        <v>406</v>
      </c>
      <c r="E123579" s="15">
        <v>45585</v>
      </c>
      <c r="F123579" s="14" t="s">
        <v>15</v>
      </c>
      <c r="G123579" s="16">
        <v>1.3259029123458892</v>
      </c>
    </row>
    <row r="123580" spans="1:7" x14ac:dyDescent="0.3">
      <c r="A123580" s="13" t="s">
        <v>574</v>
      </c>
      <c r="B123580" s="14" t="s">
        <v>1</v>
      </c>
      <c r="C123580" s="14" t="s">
        <v>200</v>
      </c>
      <c r="D123580" s="14" t="s">
        <v>406</v>
      </c>
      <c r="E123580" s="15">
        <v>45586</v>
      </c>
      <c r="F123580" s="14" t="s">
        <v>15</v>
      </c>
      <c r="G123580" s="16">
        <v>1.336828119104007</v>
      </c>
    </row>
    <row r="123581" spans="1:7" x14ac:dyDescent="0.3">
      <c r="A123581" s="13" t="s">
        <v>574</v>
      </c>
      <c r="B123581" s="14" t="s">
        <v>1</v>
      </c>
      <c r="C123581" s="14" t="s">
        <v>200</v>
      </c>
      <c r="D123581" s="14" t="s">
        <v>406</v>
      </c>
      <c r="E123581" s="15">
        <v>45587</v>
      </c>
      <c r="F123581" s="14" t="s">
        <v>15</v>
      </c>
      <c r="G123581" s="16">
        <v>1.3537533258621246</v>
      </c>
    </row>
    <row r="123582" spans="1:7" x14ac:dyDescent="0.3">
      <c r="A123582" s="13" t="s">
        <v>574</v>
      </c>
      <c r="B123582" s="14" t="s">
        <v>1</v>
      </c>
      <c r="C123582" s="14" t="s">
        <v>200</v>
      </c>
      <c r="D123582" s="14" t="s">
        <v>406</v>
      </c>
      <c r="E123582" s="15">
        <v>45588</v>
      </c>
      <c r="F123582" s="14" t="s">
        <v>15</v>
      </c>
      <c r="G123582" s="16">
        <v>1.3606785326202424</v>
      </c>
    </row>
    <row r="123583" spans="1:7" x14ac:dyDescent="0.3">
      <c r="A123583" s="13" t="s">
        <v>574</v>
      </c>
      <c r="B123583" s="14" t="s">
        <v>1</v>
      </c>
      <c r="C123583" s="14" t="s">
        <v>200</v>
      </c>
      <c r="D123583" s="14" t="s">
        <v>406</v>
      </c>
      <c r="E123583" s="15">
        <v>45589</v>
      </c>
      <c r="F123583" s="14" t="s">
        <v>15</v>
      </c>
      <c r="G123583" s="16">
        <v>1.36760373937836</v>
      </c>
    </row>
    <row r="123584" spans="1:7" x14ac:dyDescent="0.3">
      <c r="A123584" s="13" t="s">
        <v>574</v>
      </c>
      <c r="B123584" s="14" t="s">
        <v>1</v>
      </c>
      <c r="C123584" s="14" t="s">
        <v>200</v>
      </c>
      <c r="D123584" s="14" t="s">
        <v>406</v>
      </c>
      <c r="E123584" s="15">
        <v>45590</v>
      </c>
      <c r="F123584" s="14" t="s">
        <v>15</v>
      </c>
      <c r="G123584" s="16">
        <v>1.3745289461364778</v>
      </c>
    </row>
    <row r="123585" spans="1:7" x14ac:dyDescent="0.3">
      <c r="A123585" s="13" t="s">
        <v>574</v>
      </c>
      <c r="B123585" s="14" t="s">
        <v>1</v>
      </c>
      <c r="C123585" s="14" t="s">
        <v>200</v>
      </c>
      <c r="D123585" s="14" t="s">
        <v>406</v>
      </c>
      <c r="E123585" s="15">
        <v>45591</v>
      </c>
      <c r="F123585" s="14" t="s">
        <v>15</v>
      </c>
      <c r="G123585" s="16">
        <v>1.3745289461364778</v>
      </c>
    </row>
    <row r="123586" spans="1:7" x14ac:dyDescent="0.3">
      <c r="A123586" s="13" t="s">
        <v>574</v>
      </c>
      <c r="B123586" s="14" t="s">
        <v>1</v>
      </c>
      <c r="C123586" s="14" t="s">
        <v>200</v>
      </c>
      <c r="D123586" s="14" t="s">
        <v>406</v>
      </c>
      <c r="E123586" s="15">
        <v>45592</v>
      </c>
      <c r="F123586" s="14" t="s">
        <v>15</v>
      </c>
      <c r="G123586" s="16">
        <v>1.3745289461364778</v>
      </c>
    </row>
    <row r="123587" spans="1:7" x14ac:dyDescent="0.3">
      <c r="A123587" s="13" t="s">
        <v>574</v>
      </c>
      <c r="B123587" s="14" t="s">
        <v>1</v>
      </c>
      <c r="C123587" s="14" t="s">
        <v>200</v>
      </c>
      <c r="D123587" s="14" t="s">
        <v>406</v>
      </c>
      <c r="E123587" s="15">
        <v>45593</v>
      </c>
      <c r="F123587" s="14" t="s">
        <v>15</v>
      </c>
      <c r="G123587" s="16">
        <v>1.3745289461364778</v>
      </c>
    </row>
    <row r="123588" spans="1:7" x14ac:dyDescent="0.3">
      <c r="A123588" s="13" t="s">
        <v>574</v>
      </c>
      <c r="B123588" s="14" t="s">
        <v>1</v>
      </c>
      <c r="C123588" s="14" t="s">
        <v>200</v>
      </c>
      <c r="D123588" s="14" t="s">
        <v>406</v>
      </c>
      <c r="E123588" s="15">
        <v>45594</v>
      </c>
      <c r="F123588" s="14" t="s">
        <v>15</v>
      </c>
      <c r="G123588" s="16">
        <v>1.3814541528945954</v>
      </c>
    </row>
    <row r="123589" spans="1:7" x14ac:dyDescent="0.3">
      <c r="A123589" s="13" t="s">
        <v>574</v>
      </c>
      <c r="B123589" s="14" t="s">
        <v>1</v>
      </c>
      <c r="C123589" s="14" t="s">
        <v>200</v>
      </c>
      <c r="D123589" s="14" t="s">
        <v>406</v>
      </c>
      <c r="E123589" s="15">
        <v>45595</v>
      </c>
      <c r="F123589" s="14" t="s">
        <v>15</v>
      </c>
      <c r="G123589" s="16">
        <v>1.4053793596527131</v>
      </c>
    </row>
    <row r="123590" spans="1:7" x14ac:dyDescent="0.3">
      <c r="A123590" s="13" t="s">
        <v>574</v>
      </c>
      <c r="B123590" s="14" t="s">
        <v>1</v>
      </c>
      <c r="C123590" s="14" t="s">
        <v>200</v>
      </c>
      <c r="D123590" s="14" t="s">
        <v>406</v>
      </c>
      <c r="E123590" s="15">
        <v>45596</v>
      </c>
      <c r="F123590" s="14" t="s">
        <v>15</v>
      </c>
      <c r="G123590" s="16">
        <v>1.4123045664108307</v>
      </c>
    </row>
    <row r="123591" spans="1:7" x14ac:dyDescent="0.3">
      <c r="A123591" s="13" t="s">
        <v>574</v>
      </c>
      <c r="B123591" s="14" t="s">
        <v>1</v>
      </c>
      <c r="C123591" s="14" t="s">
        <v>200</v>
      </c>
      <c r="D123591" s="14" t="s">
        <v>406</v>
      </c>
      <c r="E123591" s="15">
        <v>45597</v>
      </c>
      <c r="F123591" s="14" t="s">
        <v>15</v>
      </c>
      <c r="G123591" s="16">
        <v>1.4182297731689484</v>
      </c>
    </row>
    <row r="123592" spans="1:7" x14ac:dyDescent="0.3">
      <c r="A123592" s="13" t="s">
        <v>574</v>
      </c>
      <c r="B123592" s="14" t="s">
        <v>1</v>
      </c>
      <c r="C123592" s="14" t="s">
        <v>200</v>
      </c>
      <c r="D123592" s="14" t="s">
        <v>406</v>
      </c>
      <c r="E123592" s="15">
        <v>45598</v>
      </c>
      <c r="F123592" s="14" t="s">
        <v>15</v>
      </c>
      <c r="G123592" s="16">
        <v>1.4182297731689484</v>
      </c>
    </row>
    <row r="123593" spans="1:7" x14ac:dyDescent="0.3">
      <c r="A123593" s="13" t="s">
        <v>574</v>
      </c>
      <c r="B123593" s="14" t="s">
        <v>1</v>
      </c>
      <c r="C123593" s="14" t="s">
        <v>200</v>
      </c>
      <c r="D123593" s="14" t="s">
        <v>406</v>
      </c>
      <c r="E123593" s="15">
        <v>45599</v>
      </c>
      <c r="F123593" s="14" t="s">
        <v>15</v>
      </c>
      <c r="G123593" s="16">
        <v>1.4182297731689484</v>
      </c>
    </row>
    <row r="123594" spans="1:7" x14ac:dyDescent="0.3">
      <c r="A123594" s="13" t="s">
        <v>574</v>
      </c>
      <c r="B123594" s="14" t="s">
        <v>1</v>
      </c>
      <c r="C123594" s="14" t="s">
        <v>200</v>
      </c>
      <c r="D123594" s="14" t="s">
        <v>406</v>
      </c>
      <c r="E123594" s="15">
        <v>45600</v>
      </c>
      <c r="F123594" s="14" t="s">
        <v>15</v>
      </c>
      <c r="G123594" s="16">
        <v>1.427154979927066</v>
      </c>
    </row>
    <row r="123595" spans="1:7" x14ac:dyDescent="0.3">
      <c r="A123595" s="13" t="s">
        <v>574</v>
      </c>
      <c r="B123595" s="14" t="s">
        <v>1</v>
      </c>
      <c r="C123595" s="14" t="s">
        <v>200</v>
      </c>
      <c r="D123595" s="14" t="s">
        <v>406</v>
      </c>
      <c r="E123595" s="15">
        <v>45601</v>
      </c>
      <c r="F123595" s="14" t="s">
        <v>15</v>
      </c>
      <c r="G123595" s="16">
        <v>1.4530801866851839</v>
      </c>
    </row>
    <row r="123596" spans="1:7" x14ac:dyDescent="0.3">
      <c r="A123596" s="13" t="s">
        <v>574</v>
      </c>
      <c r="B123596" s="14" t="s">
        <v>1</v>
      </c>
      <c r="C123596" s="14" t="s">
        <v>200</v>
      </c>
      <c r="D123596" s="14" t="s">
        <v>406</v>
      </c>
      <c r="E123596" s="15">
        <v>45602</v>
      </c>
      <c r="F123596" s="14" t="s">
        <v>15</v>
      </c>
      <c r="G123596" s="16">
        <v>1.4590053934433016</v>
      </c>
    </row>
    <row r="123597" spans="1:7" x14ac:dyDescent="0.3">
      <c r="A123597" s="13" t="s">
        <v>574</v>
      </c>
      <c r="B123597" s="14" t="s">
        <v>1</v>
      </c>
      <c r="C123597" s="14" t="s">
        <v>200</v>
      </c>
      <c r="D123597" s="14" t="s">
        <v>406</v>
      </c>
      <c r="E123597" s="15">
        <v>45603</v>
      </c>
      <c r="F123597" s="14" t="s">
        <v>15</v>
      </c>
      <c r="G123597" s="16">
        <v>1.4589306002014193</v>
      </c>
    </row>
    <row r="123598" spans="1:7" x14ac:dyDescent="0.3">
      <c r="A123598" s="13" t="s">
        <v>574</v>
      </c>
      <c r="B123598" s="14" t="s">
        <v>1</v>
      </c>
      <c r="C123598" s="14" t="s">
        <v>200</v>
      </c>
      <c r="D123598" s="14" t="s">
        <v>406</v>
      </c>
      <c r="E123598" s="15">
        <v>45604</v>
      </c>
      <c r="F123598" s="14" t="s">
        <v>15</v>
      </c>
      <c r="G123598" s="16">
        <v>1.4668558069595368</v>
      </c>
    </row>
    <row r="123599" spans="1:7" x14ac:dyDescent="0.3">
      <c r="A123599" s="13" t="s">
        <v>574</v>
      </c>
      <c r="B123599" s="14" t="s">
        <v>1</v>
      </c>
      <c r="C123599" s="14" t="s">
        <v>200</v>
      </c>
      <c r="D123599" s="14" t="s">
        <v>406</v>
      </c>
      <c r="E123599" s="15">
        <v>45605</v>
      </c>
      <c r="F123599" s="14" t="s">
        <v>15</v>
      </c>
      <c r="G123599" s="16">
        <v>1.4668558069595368</v>
      </c>
    </row>
    <row r="123600" spans="1:7" x14ac:dyDescent="0.3">
      <c r="A123600" s="13" t="s">
        <v>574</v>
      </c>
      <c r="B123600" s="14" t="s">
        <v>1</v>
      </c>
      <c r="C123600" s="14" t="s">
        <v>200</v>
      </c>
      <c r="D123600" s="14" t="s">
        <v>406</v>
      </c>
      <c r="E123600" s="15">
        <v>45606</v>
      </c>
      <c r="F123600" s="14" t="s">
        <v>15</v>
      </c>
      <c r="G123600" s="16">
        <v>1.4668558069595368</v>
      </c>
    </row>
    <row r="123601" spans="1:7" x14ac:dyDescent="0.3">
      <c r="A123601" s="13" t="s">
        <v>574</v>
      </c>
      <c r="B123601" s="14" t="s">
        <v>1</v>
      </c>
      <c r="C123601" s="14" t="s">
        <v>200</v>
      </c>
      <c r="D123601" s="14" t="s">
        <v>406</v>
      </c>
      <c r="E123601" s="15">
        <v>45607</v>
      </c>
      <c r="F123601" s="14" t="s">
        <v>15</v>
      </c>
      <c r="G123601" s="16">
        <v>1.4668558069595368</v>
      </c>
    </row>
    <row r="123602" spans="1:7" x14ac:dyDescent="0.3">
      <c r="A123602" s="13" t="s">
        <v>574</v>
      </c>
      <c r="B123602" s="14" t="s">
        <v>1</v>
      </c>
      <c r="C123602" s="14" t="s">
        <v>200</v>
      </c>
      <c r="D123602" s="14" t="s">
        <v>406</v>
      </c>
      <c r="E123602" s="15">
        <v>45608</v>
      </c>
      <c r="F123602" s="14" t="s">
        <v>15</v>
      </c>
      <c r="G123602" s="16">
        <v>1.4737810137176546</v>
      </c>
    </row>
    <row r="123603" spans="1:7" x14ac:dyDescent="0.3">
      <c r="A123603" s="13" t="s">
        <v>574</v>
      </c>
      <c r="B123603" s="14" t="s">
        <v>1</v>
      </c>
      <c r="C123603" s="14" t="s">
        <v>200</v>
      </c>
      <c r="D123603" s="14" t="s">
        <v>406</v>
      </c>
      <c r="E123603" s="15">
        <v>45609</v>
      </c>
      <c r="F123603" s="14" t="s">
        <v>15</v>
      </c>
      <c r="G123603" s="16">
        <v>1.4907062204757722</v>
      </c>
    </row>
    <row r="123604" spans="1:7" x14ac:dyDescent="0.3">
      <c r="A123604" s="13" t="s">
        <v>574</v>
      </c>
      <c r="B123604" s="14" t="s">
        <v>1</v>
      </c>
      <c r="C123604" s="14" t="s">
        <v>200</v>
      </c>
      <c r="D123604" s="14" t="s">
        <v>406</v>
      </c>
      <c r="E123604" s="15">
        <v>45610</v>
      </c>
      <c r="F123604" s="14" t="s">
        <v>15</v>
      </c>
      <c r="G123604" s="16">
        <v>1.4976314272338898</v>
      </c>
    </row>
    <row r="123605" spans="1:7" x14ac:dyDescent="0.3">
      <c r="A123605" s="13" t="s">
        <v>574</v>
      </c>
      <c r="B123605" s="14" t="s">
        <v>1</v>
      </c>
      <c r="C123605" s="14" t="s">
        <v>200</v>
      </c>
      <c r="D123605" s="14" t="s">
        <v>406</v>
      </c>
      <c r="E123605" s="15">
        <v>45611</v>
      </c>
      <c r="F123605" s="14" t="s">
        <v>15</v>
      </c>
      <c r="G123605" s="16">
        <v>1.5045566339920076</v>
      </c>
    </row>
    <row r="123606" spans="1:7" x14ac:dyDescent="0.3">
      <c r="A123606" s="13" t="s">
        <v>574</v>
      </c>
      <c r="B123606" s="14" t="s">
        <v>1</v>
      </c>
      <c r="C123606" s="14" t="s">
        <v>200</v>
      </c>
      <c r="D123606" s="14" t="s">
        <v>406</v>
      </c>
      <c r="E123606" s="15">
        <v>45612</v>
      </c>
      <c r="F123606" s="14" t="s">
        <v>15</v>
      </c>
      <c r="G123606" s="16">
        <v>1.5045566339920076</v>
      </c>
    </row>
    <row r="123607" spans="1:7" x14ac:dyDescent="0.3">
      <c r="A123607" s="13" t="s">
        <v>574</v>
      </c>
      <c r="B123607" s="14" t="s">
        <v>1</v>
      </c>
      <c r="C123607" s="14" t="s">
        <v>200</v>
      </c>
      <c r="D123607" s="14" t="s">
        <v>406</v>
      </c>
      <c r="E123607" s="15">
        <v>45613</v>
      </c>
      <c r="F123607" s="14" t="s">
        <v>15</v>
      </c>
      <c r="G123607" s="16">
        <v>1.5045566339920076</v>
      </c>
    </row>
    <row r="123608" spans="1:7" x14ac:dyDescent="0.3">
      <c r="A123608" s="13" t="s">
        <v>574</v>
      </c>
      <c r="B123608" s="14" t="s">
        <v>1</v>
      </c>
      <c r="C123608" s="14" t="s">
        <v>200</v>
      </c>
      <c r="D123608" s="14" t="s">
        <v>406</v>
      </c>
      <c r="E123608" s="15">
        <v>45614</v>
      </c>
      <c r="F123608" s="14" t="s">
        <v>15</v>
      </c>
      <c r="G123608" s="16">
        <v>1.5104818407501253</v>
      </c>
    </row>
    <row r="123609" spans="1:7" x14ac:dyDescent="0.3">
      <c r="A123609" s="13" t="s">
        <v>574</v>
      </c>
      <c r="B123609" s="14" t="s">
        <v>1</v>
      </c>
      <c r="C123609" s="14" t="s">
        <v>200</v>
      </c>
      <c r="D123609" s="14" t="s">
        <v>406</v>
      </c>
      <c r="E123609" s="15">
        <v>45615</v>
      </c>
      <c r="F123609" s="14" t="s">
        <v>15</v>
      </c>
      <c r="G123609" s="16">
        <v>1.5274070475082429</v>
      </c>
    </row>
    <row r="123610" spans="1:7" x14ac:dyDescent="0.3">
      <c r="A123610" s="13" t="s">
        <v>574</v>
      </c>
      <c r="B123610" s="14" t="s">
        <v>1</v>
      </c>
      <c r="C123610" s="14" t="s">
        <v>200</v>
      </c>
      <c r="D123610" s="14" t="s">
        <v>406</v>
      </c>
      <c r="E123610" s="15">
        <v>45616</v>
      </c>
      <c r="F123610" s="14" t="s">
        <v>15</v>
      </c>
      <c r="G123610" s="16">
        <v>1.5363322542663607</v>
      </c>
    </row>
    <row r="123611" spans="1:7" x14ac:dyDescent="0.3">
      <c r="A123611" s="13" t="s">
        <v>574</v>
      </c>
      <c r="B123611" s="14" t="s">
        <v>1</v>
      </c>
      <c r="C123611" s="14" t="s">
        <v>200</v>
      </c>
      <c r="D123611" s="14" t="s">
        <v>406</v>
      </c>
      <c r="E123611" s="15">
        <v>45617</v>
      </c>
      <c r="F123611" s="14" t="s">
        <v>15</v>
      </c>
      <c r="G123611" s="16">
        <v>1.5432574610244782</v>
      </c>
    </row>
    <row r="123612" spans="1:7" x14ac:dyDescent="0.3">
      <c r="A123612" s="13" t="s">
        <v>574</v>
      </c>
      <c r="B123612" s="14" t="s">
        <v>1</v>
      </c>
      <c r="C123612" s="14" t="s">
        <v>200</v>
      </c>
      <c r="D123612" s="14" t="s">
        <v>406</v>
      </c>
      <c r="E123612" s="15">
        <v>45618</v>
      </c>
      <c r="F123612" s="14" t="s">
        <v>15</v>
      </c>
      <c r="G123612" s="16">
        <v>1.5531826677825962</v>
      </c>
    </row>
    <row r="123613" spans="1:7" x14ac:dyDescent="0.3">
      <c r="A123613" s="13" t="s">
        <v>574</v>
      </c>
      <c r="B123613" s="14" t="s">
        <v>1</v>
      </c>
      <c r="C123613" s="14" t="s">
        <v>200</v>
      </c>
      <c r="D123613" s="14" t="s">
        <v>406</v>
      </c>
      <c r="E123613" s="15">
        <v>45619</v>
      </c>
      <c r="F123613" s="14" t="s">
        <v>15</v>
      </c>
      <c r="G123613" s="16">
        <v>1.5531826677825962</v>
      </c>
    </row>
    <row r="123614" spans="1:7" x14ac:dyDescent="0.3">
      <c r="A123614" s="13" t="s">
        <v>574</v>
      </c>
      <c r="B123614" s="14" t="s">
        <v>1</v>
      </c>
      <c r="C123614" s="14" t="s">
        <v>200</v>
      </c>
      <c r="D123614" s="14" t="s">
        <v>406</v>
      </c>
      <c r="E123614" s="15">
        <v>45620</v>
      </c>
      <c r="F123614" s="14" t="s">
        <v>15</v>
      </c>
      <c r="G123614" s="16">
        <v>1.5531826677825962</v>
      </c>
    </row>
    <row r="123615" spans="1:7" x14ac:dyDescent="0.3">
      <c r="A123615" s="13" t="s">
        <v>574</v>
      </c>
      <c r="B123615" s="14" t="s">
        <v>1</v>
      </c>
      <c r="C123615" s="14" t="s">
        <v>200</v>
      </c>
      <c r="D123615" s="14" t="s">
        <v>406</v>
      </c>
      <c r="E123615" s="15">
        <v>45621</v>
      </c>
      <c r="F123615" s="14" t="s">
        <v>15</v>
      </c>
      <c r="G123615" s="16">
        <v>1.5581078745407138</v>
      </c>
    </row>
    <row r="123616" spans="1:7" x14ac:dyDescent="0.3">
      <c r="A123616" s="13" t="s">
        <v>574</v>
      </c>
      <c r="B123616" s="14" t="s">
        <v>1</v>
      </c>
      <c r="C123616" s="14" t="s">
        <v>200</v>
      </c>
      <c r="D123616" s="14" t="s">
        <v>406</v>
      </c>
      <c r="E123616" s="15">
        <v>45622</v>
      </c>
      <c r="F123616" s="14" t="s">
        <v>15</v>
      </c>
      <c r="G123616" s="16">
        <v>1.5790330812988316</v>
      </c>
    </row>
    <row r="123617" spans="1:7" x14ac:dyDescent="0.3">
      <c r="A123617" s="13" t="s">
        <v>574</v>
      </c>
      <c r="B123617" s="14" t="s">
        <v>1</v>
      </c>
      <c r="C123617" s="14" t="s">
        <v>200</v>
      </c>
      <c r="D123617" s="14" t="s">
        <v>406</v>
      </c>
      <c r="E123617" s="15">
        <v>45623</v>
      </c>
      <c r="F123617" s="14" t="s">
        <v>15</v>
      </c>
      <c r="G123617" s="16">
        <v>1.5849582880569493</v>
      </c>
    </row>
    <row r="123618" spans="1:7" x14ac:dyDescent="0.3">
      <c r="A123618" s="13" t="s">
        <v>574</v>
      </c>
      <c r="B123618" s="14" t="s">
        <v>1</v>
      </c>
      <c r="C123618" s="14" t="s">
        <v>200</v>
      </c>
      <c r="D123618" s="14" t="s">
        <v>406</v>
      </c>
      <c r="E123618" s="15">
        <v>45624</v>
      </c>
      <c r="F123618" s="14" t="s">
        <v>15</v>
      </c>
      <c r="G123618" s="16">
        <v>1.5849582880569493</v>
      </c>
    </row>
    <row r="123619" spans="1:7" x14ac:dyDescent="0.3">
      <c r="A123619" s="13" t="s">
        <v>574</v>
      </c>
      <c r="B123619" s="14" t="s">
        <v>1</v>
      </c>
      <c r="C123619" s="14" t="s">
        <v>200</v>
      </c>
      <c r="D123619" s="14" t="s">
        <v>406</v>
      </c>
      <c r="E123619" s="15">
        <v>45625</v>
      </c>
      <c r="F123619" s="14" t="s">
        <v>15</v>
      </c>
      <c r="G123619" s="16">
        <v>1.592883494815067</v>
      </c>
    </row>
    <row r="123620" spans="1:7" x14ac:dyDescent="0.3">
      <c r="A123620" s="13" t="s">
        <v>574</v>
      </c>
      <c r="B123620" s="14" t="s">
        <v>1</v>
      </c>
      <c r="C123620" s="14" t="s">
        <v>200</v>
      </c>
      <c r="D123620" s="14" t="s">
        <v>406</v>
      </c>
      <c r="E123620" s="15">
        <v>45626</v>
      </c>
      <c r="F123620" s="14" t="s">
        <v>15</v>
      </c>
      <c r="G123620" s="16">
        <v>1.592883494815067</v>
      </c>
    </row>
    <row r="123621" spans="1:7" x14ac:dyDescent="0.3">
      <c r="A123621" s="13" t="s">
        <v>574</v>
      </c>
      <c r="B123621" s="14" t="s">
        <v>1</v>
      </c>
      <c r="C123621" s="14" t="s">
        <v>200</v>
      </c>
      <c r="D123621" s="14" t="s">
        <v>406</v>
      </c>
      <c r="E123621" s="15">
        <v>45627</v>
      </c>
      <c r="F123621" s="14" t="s">
        <v>15</v>
      </c>
      <c r="G123621" s="16">
        <v>1.592883494815067</v>
      </c>
    </row>
    <row r="123622" spans="1:7" x14ac:dyDescent="0.3">
      <c r="A123622" s="13" t="s">
        <v>574</v>
      </c>
      <c r="B123622" s="14" t="s">
        <v>1</v>
      </c>
      <c r="C123622" s="14" t="s">
        <v>200</v>
      </c>
      <c r="D123622" s="14" t="s">
        <v>406</v>
      </c>
      <c r="E123622" s="15">
        <v>45628</v>
      </c>
      <c r="F123622" s="14" t="s">
        <v>15</v>
      </c>
      <c r="G123622" s="16">
        <v>1.6058087015731846</v>
      </c>
    </row>
    <row r="123623" spans="1:7" x14ac:dyDescent="0.3">
      <c r="A123623" s="13" t="s">
        <v>574</v>
      </c>
      <c r="B123623" s="14" t="s">
        <v>1</v>
      </c>
      <c r="C123623" s="14" t="s">
        <v>200</v>
      </c>
      <c r="D123623" s="14" t="s">
        <v>406</v>
      </c>
      <c r="E123623" s="15">
        <v>45629</v>
      </c>
      <c r="F123623" s="14" t="s">
        <v>15</v>
      </c>
      <c r="G123623" s="16">
        <v>1.6237339083313025</v>
      </c>
    </row>
    <row r="123624" spans="1:7" x14ac:dyDescent="0.3">
      <c r="A123624" s="13" t="s">
        <v>574</v>
      </c>
      <c r="B123624" s="14" t="s">
        <v>1</v>
      </c>
      <c r="C123624" s="14" t="s">
        <v>200</v>
      </c>
      <c r="D123624" s="14" t="s">
        <v>406</v>
      </c>
      <c r="E123624" s="15">
        <v>45630</v>
      </c>
      <c r="F123624" s="14" t="s">
        <v>15</v>
      </c>
      <c r="G123624" s="16">
        <v>1.6286591150894201</v>
      </c>
    </row>
    <row r="123625" spans="1:7" x14ac:dyDescent="0.3">
      <c r="A123625" s="13" t="s">
        <v>574</v>
      </c>
      <c r="B123625" s="14" t="s">
        <v>1</v>
      </c>
      <c r="C123625" s="14" t="s">
        <v>200</v>
      </c>
      <c r="D123625" s="14" t="s">
        <v>406</v>
      </c>
      <c r="E123625" s="15">
        <v>45631</v>
      </c>
      <c r="F123625" s="14" t="s">
        <v>15</v>
      </c>
      <c r="G123625" s="16">
        <v>1.6325843218475378</v>
      </c>
    </row>
    <row r="123626" spans="1:7" x14ac:dyDescent="0.3">
      <c r="A123626" s="13" t="s">
        <v>574</v>
      </c>
      <c r="B123626" s="14" t="s">
        <v>1</v>
      </c>
      <c r="C123626" s="14" t="s">
        <v>200</v>
      </c>
      <c r="D123626" s="14" t="s">
        <v>406</v>
      </c>
      <c r="E123626" s="15">
        <v>45632</v>
      </c>
      <c r="F123626" s="14" t="s">
        <v>15</v>
      </c>
      <c r="G123626" s="16">
        <v>1.6395095286056556</v>
      </c>
    </row>
    <row r="123627" spans="1:7" x14ac:dyDescent="0.3">
      <c r="A123627" s="13" t="s">
        <v>574</v>
      </c>
      <c r="B123627" s="14" t="s">
        <v>1</v>
      </c>
      <c r="C123627" s="14" t="s">
        <v>200</v>
      </c>
      <c r="D123627" s="14" t="s">
        <v>406</v>
      </c>
      <c r="E123627" s="15">
        <v>45633</v>
      </c>
      <c r="F123627" s="14" t="s">
        <v>15</v>
      </c>
      <c r="G123627" s="16">
        <v>1.6395095286056556</v>
      </c>
    </row>
    <row r="123628" spans="1:7" x14ac:dyDescent="0.3">
      <c r="A123628" s="13" t="s">
        <v>574</v>
      </c>
      <c r="B123628" s="14" t="s">
        <v>1</v>
      </c>
      <c r="C123628" s="14" t="s">
        <v>200</v>
      </c>
      <c r="D123628" s="14" t="s">
        <v>406</v>
      </c>
      <c r="E123628" s="15">
        <v>45634</v>
      </c>
      <c r="F123628" s="14" t="s">
        <v>15</v>
      </c>
      <c r="G123628" s="16">
        <v>1.6395095286056556</v>
      </c>
    </row>
    <row r="123629" spans="1:7" x14ac:dyDescent="0.3">
      <c r="A123629" s="13" t="s">
        <v>574</v>
      </c>
      <c r="B123629" s="14" t="s">
        <v>1</v>
      </c>
      <c r="C123629" s="14" t="s">
        <v>200</v>
      </c>
      <c r="D123629" s="14" t="s">
        <v>406</v>
      </c>
      <c r="E123629" s="15">
        <v>45635</v>
      </c>
      <c r="F123629" s="14" t="s">
        <v>15</v>
      </c>
      <c r="G123629" s="16">
        <v>1.6464347353637734</v>
      </c>
    </row>
    <row r="123630" spans="1:7" x14ac:dyDescent="0.3">
      <c r="A123630" s="13" t="s">
        <v>574</v>
      </c>
      <c r="B123630" s="14" t="s">
        <v>1</v>
      </c>
      <c r="C123630" s="14" t="s">
        <v>200</v>
      </c>
      <c r="D123630" s="14" t="s">
        <v>406</v>
      </c>
      <c r="E123630" s="15">
        <v>45636</v>
      </c>
      <c r="F123630" s="14" t="s">
        <v>15</v>
      </c>
      <c r="G123630" s="16">
        <v>1.667359942121891</v>
      </c>
    </row>
    <row r="123631" spans="1:7" x14ac:dyDescent="0.3">
      <c r="A123631" s="13" t="s">
        <v>574</v>
      </c>
      <c r="B123631" s="14" t="s">
        <v>1</v>
      </c>
      <c r="C123631" s="14" t="s">
        <v>200</v>
      </c>
      <c r="D123631" s="14" t="s">
        <v>406</v>
      </c>
      <c r="E123631" s="15">
        <v>45637</v>
      </c>
      <c r="F123631" s="14" t="s">
        <v>15</v>
      </c>
      <c r="G123631" s="16">
        <v>1.6742851488800088</v>
      </c>
    </row>
    <row r="123632" spans="1:7" x14ac:dyDescent="0.3">
      <c r="A123632" s="13" t="s">
        <v>574</v>
      </c>
      <c r="B123632" s="14" t="s">
        <v>1</v>
      </c>
      <c r="C123632" s="14" t="s">
        <v>200</v>
      </c>
      <c r="D123632" s="14" t="s">
        <v>406</v>
      </c>
      <c r="E123632" s="15">
        <v>45638</v>
      </c>
      <c r="F123632" s="14" t="s">
        <v>15</v>
      </c>
      <c r="G123632" s="16">
        <v>1.6812103556381266</v>
      </c>
    </row>
    <row r="123633" spans="1:7" x14ac:dyDescent="0.3">
      <c r="A123633" s="13" t="s">
        <v>574</v>
      </c>
      <c r="B123633" s="14" t="s">
        <v>1</v>
      </c>
      <c r="C123633" s="14" t="s">
        <v>200</v>
      </c>
      <c r="D123633" s="14" t="s">
        <v>406</v>
      </c>
      <c r="E123633" s="15">
        <v>45639</v>
      </c>
      <c r="F123633" s="14" t="s">
        <v>15</v>
      </c>
      <c r="G123633" s="16">
        <v>1.6881355623962446</v>
      </c>
    </row>
    <row r="123634" spans="1:7" x14ac:dyDescent="0.3">
      <c r="A123634" s="13" t="s">
        <v>574</v>
      </c>
      <c r="B123634" s="14" t="s">
        <v>1</v>
      </c>
      <c r="C123634" s="14" t="s">
        <v>200</v>
      </c>
      <c r="D123634" s="14" t="s">
        <v>406</v>
      </c>
      <c r="E123634" s="15">
        <v>45640</v>
      </c>
      <c r="F123634" s="14" t="s">
        <v>15</v>
      </c>
      <c r="G123634" s="16">
        <v>1.6881355623962446</v>
      </c>
    </row>
    <row r="123635" spans="1:7" x14ac:dyDescent="0.3">
      <c r="A123635" s="13" t="s">
        <v>574</v>
      </c>
      <c r="B123635" s="14" t="s">
        <v>1</v>
      </c>
      <c r="C123635" s="14" t="s">
        <v>200</v>
      </c>
      <c r="D123635" s="14" t="s">
        <v>406</v>
      </c>
      <c r="E123635" s="15">
        <v>45641</v>
      </c>
      <c r="F123635" s="14" t="s">
        <v>15</v>
      </c>
      <c r="G123635" s="16">
        <v>1.6881355623962446</v>
      </c>
    </row>
    <row r="123636" spans="1:7" x14ac:dyDescent="0.3">
      <c r="A123636" s="13" t="s">
        <v>574</v>
      </c>
      <c r="B123636" s="14" t="s">
        <v>1</v>
      </c>
      <c r="C123636" s="14" t="s">
        <v>200</v>
      </c>
      <c r="D123636" s="14" t="s">
        <v>406</v>
      </c>
      <c r="E123636" s="15">
        <v>45642</v>
      </c>
      <c r="F123636" s="14" t="s">
        <v>15</v>
      </c>
      <c r="G123636" s="16">
        <v>1.6950607691543624</v>
      </c>
    </row>
    <row r="123637" spans="1:7" x14ac:dyDescent="0.3">
      <c r="A123637" s="13" t="s">
        <v>574</v>
      </c>
      <c r="B123637" s="14" t="s">
        <v>1</v>
      </c>
      <c r="C123637" s="14" t="s">
        <v>200</v>
      </c>
      <c r="D123637" s="14" t="s">
        <v>406</v>
      </c>
      <c r="E123637" s="15">
        <v>45643</v>
      </c>
      <c r="F123637" s="14" t="s">
        <v>15</v>
      </c>
      <c r="G123637" s="16">
        <v>1.71198597591248</v>
      </c>
    </row>
    <row r="123638" spans="1:7" x14ac:dyDescent="0.3">
      <c r="A123638" s="13" t="s">
        <v>574</v>
      </c>
      <c r="B123638" s="14" t="s">
        <v>1</v>
      </c>
      <c r="C123638" s="14" t="s">
        <v>200</v>
      </c>
      <c r="D123638" s="14" t="s">
        <v>406</v>
      </c>
      <c r="E123638" s="15">
        <v>45644</v>
      </c>
      <c r="F123638" s="14" t="s">
        <v>15</v>
      </c>
      <c r="G123638" s="16">
        <v>1.7189111826705978</v>
      </c>
    </row>
    <row r="123639" spans="1:7" x14ac:dyDescent="0.3">
      <c r="A123639" s="13" t="s">
        <v>574</v>
      </c>
      <c r="B123639" s="14" t="s">
        <v>1</v>
      </c>
      <c r="C123639" s="14" t="s">
        <v>200</v>
      </c>
      <c r="D123639" s="14" t="s">
        <v>406</v>
      </c>
      <c r="E123639" s="15">
        <v>45645</v>
      </c>
      <c r="F123639" s="14" t="s">
        <v>15</v>
      </c>
      <c r="G123639" s="16">
        <v>1.7278363894287156</v>
      </c>
    </row>
    <row r="123640" spans="1:7" x14ac:dyDescent="0.3">
      <c r="A123640" s="13" t="s">
        <v>574</v>
      </c>
      <c r="B123640" s="14" t="s">
        <v>1</v>
      </c>
      <c r="C123640" s="14" t="s">
        <v>200</v>
      </c>
      <c r="D123640" s="14" t="s">
        <v>406</v>
      </c>
      <c r="E123640" s="15">
        <v>45646</v>
      </c>
      <c r="F123640" s="14" t="s">
        <v>15</v>
      </c>
      <c r="G123640" s="16">
        <v>1.7367615961868335</v>
      </c>
    </row>
    <row r="123641" spans="1:7" x14ac:dyDescent="0.3">
      <c r="A123641" s="13" t="s">
        <v>574</v>
      </c>
      <c r="B123641" s="14" t="s">
        <v>1</v>
      </c>
      <c r="C123641" s="14" t="s">
        <v>200</v>
      </c>
      <c r="D123641" s="14" t="s">
        <v>406</v>
      </c>
      <c r="E123641" s="15">
        <v>45647</v>
      </c>
      <c r="F123641" s="14" t="s">
        <v>15</v>
      </c>
      <c r="G123641" s="16">
        <v>1.7367615961868335</v>
      </c>
    </row>
    <row r="123642" spans="1:7" x14ac:dyDescent="0.3">
      <c r="A123642" s="13" t="s">
        <v>574</v>
      </c>
      <c r="B123642" s="14" t="s">
        <v>1</v>
      </c>
      <c r="C123642" s="14" t="s">
        <v>200</v>
      </c>
      <c r="D123642" s="14" t="s">
        <v>406</v>
      </c>
      <c r="E123642" s="15">
        <v>45648</v>
      </c>
      <c r="F123642" s="14" t="s">
        <v>15</v>
      </c>
      <c r="G123642" s="16">
        <v>1.7367615961868335</v>
      </c>
    </row>
    <row r="123643" spans="1:7" x14ac:dyDescent="0.3">
      <c r="A123643" s="13" t="s">
        <v>574</v>
      </c>
      <c r="B123643" s="14" t="s">
        <v>1</v>
      </c>
      <c r="C123643" s="14" t="s">
        <v>200</v>
      </c>
      <c r="D123643" s="14" t="s">
        <v>406</v>
      </c>
      <c r="E123643" s="15">
        <v>45649</v>
      </c>
      <c r="F123643" s="14" t="s">
        <v>15</v>
      </c>
      <c r="G123643" s="16">
        <v>1.7436868029449513</v>
      </c>
    </row>
    <row r="123644" spans="1:7" x14ac:dyDescent="0.3">
      <c r="A123644" s="13" t="s">
        <v>574</v>
      </c>
      <c r="B123644" s="14" t="s">
        <v>1</v>
      </c>
      <c r="C123644" s="14" t="s">
        <v>200</v>
      </c>
      <c r="D123644" s="14" t="s">
        <v>406</v>
      </c>
      <c r="E123644" s="15">
        <v>45650</v>
      </c>
      <c r="F123644" s="14" t="s">
        <v>15</v>
      </c>
      <c r="G123644" s="16">
        <v>1.7616120097030692</v>
      </c>
    </row>
    <row r="123645" spans="1:7" x14ac:dyDescent="0.3">
      <c r="A123645" s="13" t="s">
        <v>574</v>
      </c>
      <c r="B123645" s="14" t="s">
        <v>1</v>
      </c>
      <c r="C123645" s="14" t="s">
        <v>200</v>
      </c>
      <c r="D123645" s="14" t="s">
        <v>406</v>
      </c>
      <c r="E123645" s="15">
        <v>45651</v>
      </c>
      <c r="F123645" s="14" t="s">
        <v>15</v>
      </c>
      <c r="G123645" s="16">
        <v>1.7616120097030692</v>
      </c>
    </row>
    <row r="123646" spans="1:7" x14ac:dyDescent="0.3">
      <c r="A123646" s="13" t="s">
        <v>574</v>
      </c>
      <c r="B123646" s="14" t="s">
        <v>1</v>
      </c>
      <c r="C123646" s="14" t="s">
        <v>200</v>
      </c>
      <c r="D123646" s="14" t="s">
        <v>406</v>
      </c>
      <c r="E123646" s="15">
        <v>45652</v>
      </c>
      <c r="F123646" s="14" t="s">
        <v>15</v>
      </c>
      <c r="G123646" s="16">
        <v>1.7616120097030692</v>
      </c>
    </row>
    <row r="123647" spans="1:7" x14ac:dyDescent="0.3">
      <c r="A123647" s="13" t="s">
        <v>574</v>
      </c>
      <c r="B123647" s="14" t="s">
        <v>1</v>
      </c>
      <c r="C123647" s="14" t="s">
        <v>200</v>
      </c>
      <c r="D123647" s="14" t="s">
        <v>406</v>
      </c>
      <c r="E123647" s="15">
        <v>45653</v>
      </c>
      <c r="F123647" s="14" t="s">
        <v>15</v>
      </c>
      <c r="G123647" s="16">
        <v>1.7616120097030692</v>
      </c>
    </row>
    <row r="123648" spans="1:7" x14ac:dyDescent="0.3">
      <c r="A123648" s="13" t="s">
        <v>574</v>
      </c>
      <c r="B123648" s="14" t="s">
        <v>1</v>
      </c>
      <c r="C123648" s="14" t="s">
        <v>200</v>
      </c>
      <c r="D123648" s="14" t="s">
        <v>406</v>
      </c>
      <c r="E123648" s="15">
        <v>45654</v>
      </c>
      <c r="F123648" s="14" t="s">
        <v>15</v>
      </c>
      <c r="G123648" s="16">
        <v>1.7616120097030692</v>
      </c>
    </row>
    <row r="123649" spans="1:7" x14ac:dyDescent="0.3">
      <c r="A123649" s="13" t="s">
        <v>574</v>
      </c>
      <c r="B123649" s="14" t="s">
        <v>1</v>
      </c>
      <c r="C123649" s="14" t="s">
        <v>200</v>
      </c>
      <c r="D123649" s="14" t="s">
        <v>406</v>
      </c>
      <c r="E123649" s="15">
        <v>45655</v>
      </c>
      <c r="F123649" s="14" t="s">
        <v>15</v>
      </c>
      <c r="G123649" s="16">
        <v>1.7616120097030692</v>
      </c>
    </row>
    <row r="123650" spans="1:7" x14ac:dyDescent="0.3">
      <c r="A123650" s="13" t="s">
        <v>574</v>
      </c>
      <c r="B123650" s="14" t="s">
        <v>1</v>
      </c>
      <c r="C123650" s="14" t="s">
        <v>200</v>
      </c>
      <c r="D123650" s="14" t="s">
        <v>406</v>
      </c>
      <c r="E123650" s="15">
        <v>45656</v>
      </c>
      <c r="F123650" s="14" t="s">
        <v>15</v>
      </c>
      <c r="G123650" s="16">
        <v>1.768537216461187</v>
      </c>
    </row>
    <row r="123651" spans="1:7" x14ac:dyDescent="0.3">
      <c r="A123651" s="13" t="s">
        <v>574</v>
      </c>
      <c r="B123651" s="14" t="s">
        <v>1</v>
      </c>
      <c r="C123651" s="14" t="s">
        <v>200</v>
      </c>
      <c r="D123651" s="14" t="s">
        <v>406</v>
      </c>
      <c r="E123651" s="15">
        <v>45657</v>
      </c>
      <c r="F123651" s="14" t="s">
        <v>15</v>
      </c>
      <c r="G123651" s="16">
        <v>1.8094624232193048</v>
      </c>
    </row>
    <row r="123652" spans="1:7" x14ac:dyDescent="0.3">
      <c r="A123652" s="13" t="s">
        <v>574</v>
      </c>
      <c r="B123652" s="14" t="s">
        <v>1</v>
      </c>
      <c r="C123652" s="14" t="s">
        <v>200</v>
      </c>
      <c r="D123652" s="14" t="s">
        <v>406</v>
      </c>
      <c r="E123652" s="15">
        <v>45658</v>
      </c>
      <c r="F123652" s="14" t="s">
        <v>15</v>
      </c>
      <c r="G123652" s="16">
        <v>1.8094624232193048</v>
      </c>
    </row>
    <row r="123653" spans="1:7" x14ac:dyDescent="0.3">
      <c r="A123653" s="13" t="s">
        <v>574</v>
      </c>
      <c r="B123653" s="14" t="s">
        <v>1</v>
      </c>
      <c r="C123653" s="14" t="s">
        <v>200</v>
      </c>
      <c r="D123653" s="14" t="s">
        <v>406</v>
      </c>
      <c r="E123653" s="15">
        <v>45659</v>
      </c>
      <c r="F123653" s="14" t="s">
        <v>15</v>
      </c>
      <c r="G123653" s="16">
        <v>1.8163876299774226</v>
      </c>
    </row>
    <row r="123654" spans="1:7" x14ac:dyDescent="0.3">
      <c r="A123654" s="13" t="s">
        <v>574</v>
      </c>
      <c r="B123654" s="14" t="s">
        <v>1</v>
      </c>
      <c r="C123654" s="14" t="s">
        <v>200</v>
      </c>
      <c r="D123654" s="14" t="s">
        <v>406</v>
      </c>
      <c r="E123654" s="15">
        <v>45660</v>
      </c>
      <c r="F123654" s="14" t="s">
        <v>15</v>
      </c>
      <c r="G123654" s="16">
        <v>1.8253128367355405</v>
      </c>
    </row>
    <row r="123655" spans="1:7" x14ac:dyDescent="0.3">
      <c r="A123655" s="13" t="s">
        <v>574</v>
      </c>
      <c r="B123655" s="14" t="s">
        <v>1</v>
      </c>
      <c r="C123655" s="14" t="s">
        <v>200</v>
      </c>
      <c r="D123655" s="14" t="s">
        <v>406</v>
      </c>
      <c r="E123655" s="15">
        <v>45661</v>
      </c>
      <c r="F123655" s="14" t="s">
        <v>15</v>
      </c>
      <c r="G123655" s="16">
        <v>1.8253128367355405</v>
      </c>
    </row>
    <row r="123656" spans="1:7" x14ac:dyDescent="0.3">
      <c r="A123656" s="13" t="s">
        <v>574</v>
      </c>
      <c r="B123656" s="14" t="s">
        <v>1</v>
      </c>
      <c r="C123656" s="14" t="s">
        <v>200</v>
      </c>
      <c r="D123656" s="14" t="s">
        <v>406</v>
      </c>
      <c r="E123656" s="15">
        <v>45662</v>
      </c>
      <c r="F123656" s="14" t="s">
        <v>15</v>
      </c>
      <c r="G123656" s="16">
        <v>1.8253128367355405</v>
      </c>
    </row>
    <row r="123657" spans="1:7" x14ac:dyDescent="0.3">
      <c r="A123657" s="13" t="s">
        <v>574</v>
      </c>
      <c r="B123657" s="14" t="s">
        <v>1</v>
      </c>
      <c r="C123657" s="14" t="s">
        <v>200</v>
      </c>
      <c r="D123657" s="14" t="s">
        <v>406</v>
      </c>
      <c r="E123657" s="15">
        <v>45663</v>
      </c>
      <c r="F123657" s="14" t="s">
        <v>15</v>
      </c>
      <c r="G123657" s="16">
        <v>1.8322380434936583</v>
      </c>
    </row>
    <row r="123658" spans="1:7" x14ac:dyDescent="0.3">
      <c r="A123658" s="13" t="s">
        <v>574</v>
      </c>
      <c r="B123658" s="14" t="s">
        <v>1</v>
      </c>
      <c r="C123658" s="14" t="s">
        <v>200</v>
      </c>
      <c r="D123658" s="14" t="s">
        <v>406</v>
      </c>
      <c r="E123658" s="15">
        <v>45664</v>
      </c>
      <c r="F123658" s="14" t="s">
        <v>15</v>
      </c>
      <c r="G123658" s="16">
        <v>1.8521632502517762</v>
      </c>
    </row>
    <row r="123659" spans="1:7" x14ac:dyDescent="0.3">
      <c r="A123659" s="13" t="s">
        <v>574</v>
      </c>
      <c r="B123659" s="14" t="s">
        <v>1</v>
      </c>
      <c r="C123659" s="14" t="s">
        <v>200</v>
      </c>
      <c r="D123659" s="14" t="s">
        <v>406</v>
      </c>
      <c r="E123659" s="15">
        <v>45665</v>
      </c>
      <c r="F123659" s="14" t="s">
        <v>15</v>
      </c>
      <c r="G123659" s="16">
        <v>1.8580884570098939</v>
      </c>
    </row>
    <row r="123660" spans="1:7" x14ac:dyDescent="0.3">
      <c r="A123660" s="13" t="s">
        <v>574</v>
      </c>
      <c r="B123660" s="14" t="s">
        <v>1</v>
      </c>
      <c r="C123660" s="14" t="s">
        <v>200</v>
      </c>
      <c r="D123660" s="14" t="s">
        <v>406</v>
      </c>
      <c r="E123660" s="15">
        <v>45666</v>
      </c>
      <c r="F123660" s="14" t="s">
        <v>15</v>
      </c>
      <c r="G123660" s="16">
        <v>1.8580884570098939</v>
      </c>
    </row>
    <row r="123661" spans="1:7" x14ac:dyDescent="0.3">
      <c r="A123661" s="13" t="s">
        <v>574</v>
      </c>
      <c r="B123661" s="14" t="s">
        <v>1</v>
      </c>
      <c r="C123661" s="14" t="s">
        <v>200</v>
      </c>
      <c r="D123661" s="14" t="s">
        <v>406</v>
      </c>
      <c r="E123661" s="15">
        <v>45667</v>
      </c>
      <c r="F123661" s="14" t="s">
        <v>15</v>
      </c>
      <c r="G123661" s="16">
        <v>1.8700136637680114</v>
      </c>
    </row>
    <row r="123662" spans="1:7" x14ac:dyDescent="0.3">
      <c r="A123662" s="13" t="s">
        <v>574</v>
      </c>
      <c r="B123662" s="14" t="s">
        <v>1</v>
      </c>
      <c r="C123662" s="14" t="s">
        <v>200</v>
      </c>
      <c r="D123662" s="14" t="s">
        <v>406</v>
      </c>
      <c r="E123662" s="15">
        <v>45668</v>
      </c>
      <c r="F123662" s="14" t="s">
        <v>15</v>
      </c>
      <c r="G123662" s="16">
        <v>1.8700136637680114</v>
      </c>
    </row>
    <row r="123663" spans="1:7" x14ac:dyDescent="0.3">
      <c r="A123663" s="13" t="s">
        <v>574</v>
      </c>
      <c r="B123663" s="14" t="s">
        <v>1</v>
      </c>
      <c r="C123663" s="14" t="s">
        <v>200</v>
      </c>
      <c r="D123663" s="14" t="s">
        <v>406</v>
      </c>
      <c r="E123663" s="15">
        <v>45669</v>
      </c>
      <c r="F123663" s="14" t="s">
        <v>15</v>
      </c>
      <c r="G123663" s="16">
        <v>1.8700136637680114</v>
      </c>
    </row>
    <row r="123664" spans="1:7" x14ac:dyDescent="0.3">
      <c r="A123664" s="13" t="s">
        <v>574</v>
      </c>
      <c r="B123664" s="14" t="s">
        <v>1</v>
      </c>
      <c r="C123664" s="14" t="s">
        <v>200</v>
      </c>
      <c r="D123664" s="14" t="s">
        <v>406</v>
      </c>
      <c r="E123664" s="15">
        <v>45670</v>
      </c>
      <c r="F123664" s="14" t="s">
        <v>15</v>
      </c>
      <c r="G123664" s="16">
        <v>1.8809388705261292</v>
      </c>
    </row>
    <row r="123665" spans="1:7" x14ac:dyDescent="0.3">
      <c r="A123665" s="13" t="s">
        <v>574</v>
      </c>
      <c r="B123665" s="14" t="s">
        <v>1</v>
      </c>
      <c r="C123665" s="14" t="s">
        <v>200</v>
      </c>
      <c r="D123665" s="14" t="s">
        <v>406</v>
      </c>
      <c r="E123665" s="15">
        <v>45671</v>
      </c>
      <c r="F123665" s="14" t="s">
        <v>15</v>
      </c>
      <c r="G123665" s="16">
        <v>1.8968640772842469</v>
      </c>
    </row>
    <row r="123666" spans="1:7" x14ac:dyDescent="0.3">
      <c r="A123666" s="13" t="s">
        <v>574</v>
      </c>
      <c r="B123666" s="14" t="s">
        <v>1</v>
      </c>
      <c r="C123666" s="14" t="s">
        <v>200</v>
      </c>
      <c r="D123666" s="14" t="s">
        <v>406</v>
      </c>
      <c r="E123666" s="15">
        <v>45672</v>
      </c>
      <c r="F123666" s="14" t="s">
        <v>15</v>
      </c>
      <c r="G123666" s="16">
        <v>1.9027892840423646</v>
      </c>
    </row>
    <row r="123667" spans="1:7" x14ac:dyDescent="0.3">
      <c r="A123667" s="13" t="s">
        <v>574</v>
      </c>
      <c r="B123667" s="14" t="s">
        <v>1</v>
      </c>
      <c r="C123667" s="14" t="s">
        <v>200</v>
      </c>
      <c r="D123667" s="14" t="s">
        <v>406</v>
      </c>
      <c r="E123667" s="15">
        <v>45673</v>
      </c>
      <c r="F123667" s="14" t="s">
        <v>15</v>
      </c>
      <c r="G123667" s="16">
        <v>1.9077144908004822</v>
      </c>
    </row>
    <row r="123668" spans="1:7" x14ac:dyDescent="0.3">
      <c r="A123668" s="13" t="s">
        <v>574</v>
      </c>
      <c r="B123668" s="14" t="s">
        <v>1</v>
      </c>
      <c r="C123668" s="14" t="s">
        <v>200</v>
      </c>
      <c r="D123668" s="14" t="s">
        <v>406</v>
      </c>
      <c r="E123668" s="15">
        <v>45674</v>
      </c>
      <c r="F123668" s="14" t="s">
        <v>15</v>
      </c>
      <c r="G123668" s="16">
        <v>1.9126396975585997</v>
      </c>
    </row>
    <row r="123669" spans="1:7" x14ac:dyDescent="0.3">
      <c r="A123669" s="13" t="s">
        <v>574</v>
      </c>
      <c r="B123669" s="14" t="s">
        <v>1</v>
      </c>
      <c r="C123669" s="14" t="s">
        <v>200</v>
      </c>
      <c r="D123669" s="14" t="s">
        <v>406</v>
      </c>
      <c r="E123669" s="15">
        <v>45675</v>
      </c>
      <c r="F123669" s="14" t="s">
        <v>15</v>
      </c>
      <c r="G123669" s="16">
        <v>1.9126396975585997</v>
      </c>
    </row>
    <row r="123670" spans="1:7" x14ac:dyDescent="0.3">
      <c r="A123670" s="13" t="s">
        <v>574</v>
      </c>
      <c r="B123670" s="14" t="s">
        <v>1</v>
      </c>
      <c r="C123670" s="14" t="s">
        <v>200</v>
      </c>
      <c r="D123670" s="14" t="s">
        <v>406</v>
      </c>
      <c r="E123670" s="15">
        <v>45676</v>
      </c>
      <c r="F123670" s="14" t="s">
        <v>15</v>
      </c>
      <c r="G123670" s="16">
        <v>1.9126396975585997</v>
      </c>
    </row>
    <row r="123671" spans="1:7" x14ac:dyDescent="0.3">
      <c r="A123671" s="13" t="s">
        <v>574</v>
      </c>
      <c r="B123671" s="14" t="s">
        <v>1</v>
      </c>
      <c r="C123671" s="14" t="s">
        <v>200</v>
      </c>
      <c r="D123671" s="14" t="s">
        <v>406</v>
      </c>
      <c r="E123671" s="15">
        <v>45677</v>
      </c>
      <c r="F123671" s="14" t="s">
        <v>15</v>
      </c>
      <c r="G123671" s="16">
        <v>1.9126396975585997</v>
      </c>
    </row>
    <row r="123672" spans="1:7" x14ac:dyDescent="0.3">
      <c r="A123672" s="13" t="s">
        <v>574</v>
      </c>
      <c r="B123672" s="14" t="s">
        <v>1</v>
      </c>
      <c r="C123672" s="14" t="s">
        <v>200</v>
      </c>
      <c r="D123672" s="14" t="s">
        <v>406</v>
      </c>
      <c r="E123672" s="15">
        <v>45678</v>
      </c>
      <c r="F123672" s="14" t="s">
        <v>15</v>
      </c>
      <c r="G123672" s="16">
        <v>1.9195649043167176</v>
      </c>
    </row>
    <row r="123673" spans="1:7" x14ac:dyDescent="0.3">
      <c r="A123673" s="13" t="s">
        <v>574</v>
      </c>
      <c r="B123673" s="14" t="s">
        <v>1</v>
      </c>
      <c r="C123673" s="14" t="s">
        <v>200</v>
      </c>
      <c r="D123673" s="14" t="s">
        <v>406</v>
      </c>
      <c r="E123673" s="15">
        <v>45679</v>
      </c>
      <c r="F123673" s="14" t="s">
        <v>15</v>
      </c>
      <c r="G123673" s="16">
        <v>1.9404901110748352</v>
      </c>
    </row>
    <row r="123674" spans="1:7" x14ac:dyDescent="0.3">
      <c r="A123674" s="13" t="s">
        <v>574</v>
      </c>
      <c r="B123674" s="14" t="s">
        <v>1</v>
      </c>
      <c r="C123674" s="14" t="s">
        <v>200</v>
      </c>
      <c r="D123674" s="14" t="s">
        <v>406</v>
      </c>
      <c r="E123674" s="15">
        <v>45680</v>
      </c>
      <c r="F123674" s="14" t="s">
        <v>15</v>
      </c>
      <c r="G123674" s="16">
        <v>1.9464153178329529</v>
      </c>
    </row>
    <row r="123675" spans="1:7" x14ac:dyDescent="0.3">
      <c r="A123675" s="13" t="s">
        <v>574</v>
      </c>
      <c r="B123675" s="14" t="s">
        <v>1</v>
      </c>
      <c r="C123675" s="14" t="s">
        <v>200</v>
      </c>
      <c r="D123675" s="14" t="s">
        <v>406</v>
      </c>
      <c r="E123675" s="15">
        <v>45681</v>
      </c>
      <c r="F123675" s="14" t="s">
        <v>15</v>
      </c>
      <c r="G123675" s="16">
        <v>1.9513405245910704</v>
      </c>
    </row>
    <row r="123676" spans="1:7" x14ac:dyDescent="0.3">
      <c r="A123676" s="13" t="s">
        <v>574</v>
      </c>
      <c r="B123676" s="14" t="s">
        <v>1</v>
      </c>
      <c r="C123676" s="14" t="s">
        <v>200</v>
      </c>
      <c r="D123676" s="14" t="s">
        <v>406</v>
      </c>
      <c r="E123676" s="15">
        <v>45682</v>
      </c>
      <c r="F123676" s="14" t="s">
        <v>15</v>
      </c>
      <c r="G123676" s="16">
        <v>1.9513405245910704</v>
      </c>
    </row>
    <row r="123677" spans="1:7" x14ac:dyDescent="0.3">
      <c r="A123677" s="13" t="s">
        <v>574</v>
      </c>
      <c r="B123677" s="14" t="s">
        <v>1</v>
      </c>
      <c r="C123677" s="14" t="s">
        <v>200</v>
      </c>
      <c r="D123677" s="14" t="s">
        <v>406</v>
      </c>
      <c r="E123677" s="15">
        <v>45683</v>
      </c>
      <c r="F123677" s="14" t="s">
        <v>15</v>
      </c>
      <c r="G123677" s="16">
        <v>1.9513405245910704</v>
      </c>
    </row>
    <row r="123678" spans="1:7" x14ac:dyDescent="0.3">
      <c r="A123678" s="13" t="s">
        <v>574</v>
      </c>
      <c r="B123678" s="14" t="s">
        <v>1</v>
      </c>
      <c r="C123678" s="14" t="s">
        <v>200</v>
      </c>
      <c r="D123678" s="14" t="s">
        <v>406</v>
      </c>
      <c r="E123678" s="15">
        <v>45684</v>
      </c>
      <c r="F123678" s="14" t="s">
        <v>15</v>
      </c>
      <c r="G123678" s="16">
        <v>1.956265731349188</v>
      </c>
    </row>
    <row r="123679" spans="1:7" x14ac:dyDescent="0.3">
      <c r="A123679" s="13" t="s">
        <v>574</v>
      </c>
      <c r="B123679" s="14" t="s">
        <v>1</v>
      </c>
      <c r="C123679" s="14" t="s">
        <v>200</v>
      </c>
      <c r="D123679" s="14" t="s">
        <v>406</v>
      </c>
      <c r="E123679" s="15">
        <v>45685</v>
      </c>
      <c r="F123679" s="14" t="s">
        <v>15</v>
      </c>
      <c r="G123679" s="16">
        <v>1.9731909381073056</v>
      </c>
    </row>
    <row r="123680" spans="1:7" x14ac:dyDescent="0.3">
      <c r="A123680" s="13" t="s">
        <v>574</v>
      </c>
      <c r="B123680" s="14" t="s">
        <v>1</v>
      </c>
      <c r="C123680" s="14" t="s">
        <v>200</v>
      </c>
      <c r="D123680" s="14" t="s">
        <v>406</v>
      </c>
      <c r="E123680" s="15">
        <v>45686</v>
      </c>
      <c r="F123680" s="14" t="s">
        <v>15</v>
      </c>
      <c r="G123680" s="16">
        <v>1.9801161448654234</v>
      </c>
    </row>
    <row r="123681" spans="1:7" x14ac:dyDescent="0.3">
      <c r="A123681" s="13" t="s">
        <v>574</v>
      </c>
      <c r="B123681" s="14" t="s">
        <v>1</v>
      </c>
      <c r="C123681" s="14" t="s">
        <v>200</v>
      </c>
      <c r="D123681" s="14" t="s">
        <v>406</v>
      </c>
      <c r="E123681" s="15">
        <v>45687</v>
      </c>
      <c r="F123681" s="14" t="s">
        <v>15</v>
      </c>
      <c r="G123681" s="16">
        <v>1.985041351623541</v>
      </c>
    </row>
    <row r="123682" spans="1:7" x14ac:dyDescent="0.3">
      <c r="A123682" s="13" t="s">
        <v>574</v>
      </c>
      <c r="B123682" s="14" t="s">
        <v>1</v>
      </c>
      <c r="C123682" s="14" t="s">
        <v>200</v>
      </c>
      <c r="D123682" s="14" t="s">
        <v>406</v>
      </c>
      <c r="E123682" s="15">
        <v>45688</v>
      </c>
      <c r="F123682" s="14" t="s">
        <v>15</v>
      </c>
      <c r="G123682" s="16">
        <v>1.9909665583816587</v>
      </c>
    </row>
    <row r="123683" spans="1:7" x14ac:dyDescent="0.3">
      <c r="A123683" s="13" t="s">
        <v>574</v>
      </c>
      <c r="B123683" s="14" t="s">
        <v>1</v>
      </c>
      <c r="C123683" s="14" t="s">
        <v>200</v>
      </c>
      <c r="D123683" s="14" t="s">
        <v>406</v>
      </c>
      <c r="E123683" s="15">
        <v>45689</v>
      </c>
      <c r="F123683" s="14" t="s">
        <v>15</v>
      </c>
      <c r="G123683" s="16">
        <v>1.9909665583816587</v>
      </c>
    </row>
    <row r="123684" spans="1:7" x14ac:dyDescent="0.3">
      <c r="A123684" s="13" t="s">
        <v>574</v>
      </c>
      <c r="B123684" s="14" t="s">
        <v>1</v>
      </c>
      <c r="C123684" s="14" t="s">
        <v>200</v>
      </c>
      <c r="D123684" s="14" t="s">
        <v>406</v>
      </c>
      <c r="E123684" s="15">
        <v>45690</v>
      </c>
      <c r="F123684" s="14" t="s">
        <v>15</v>
      </c>
      <c r="G123684" s="16">
        <v>1.9909665583816587</v>
      </c>
    </row>
    <row r="123685" spans="1:7" x14ac:dyDescent="0.3">
      <c r="A123685" s="13" t="s">
        <v>574</v>
      </c>
      <c r="B123685" s="14" t="s">
        <v>1</v>
      </c>
      <c r="C123685" s="14" t="s">
        <v>200</v>
      </c>
      <c r="D123685" s="14" t="s">
        <v>406</v>
      </c>
      <c r="E123685" s="15">
        <v>45691</v>
      </c>
      <c r="F123685" s="14" t="s">
        <v>15</v>
      </c>
      <c r="G123685" s="16">
        <v>1.9909665583816587</v>
      </c>
    </row>
    <row r="123686" spans="1:7" x14ac:dyDescent="0.3">
      <c r="A123686" s="13" t="s">
        <v>574</v>
      </c>
      <c r="B123686" s="14" t="s">
        <v>1</v>
      </c>
      <c r="C123686" s="14" t="s">
        <v>200</v>
      </c>
      <c r="D123686" s="14" t="s">
        <v>406</v>
      </c>
      <c r="E123686" s="15">
        <v>45692</v>
      </c>
      <c r="F123686" s="14" t="s">
        <v>15</v>
      </c>
      <c r="G123686" s="16">
        <v>1.9978917651397765</v>
      </c>
    </row>
    <row r="123687" spans="1:7" x14ac:dyDescent="0.3">
      <c r="A123687" s="13" t="s">
        <v>574</v>
      </c>
      <c r="B123687" s="14" t="s">
        <v>1</v>
      </c>
      <c r="C123687" s="14" t="s">
        <v>200</v>
      </c>
      <c r="D123687" s="14" t="s">
        <v>406</v>
      </c>
      <c r="E123687" s="15">
        <v>45693</v>
      </c>
      <c r="F123687" s="14" t="s">
        <v>15</v>
      </c>
      <c r="G123687" s="16">
        <v>2.021816971897894</v>
      </c>
    </row>
    <row r="123688" spans="1:7" x14ac:dyDescent="0.3">
      <c r="A123688" s="13" t="s">
        <v>574</v>
      </c>
      <c r="B123688" s="14" t="s">
        <v>1</v>
      </c>
      <c r="C123688" s="14" t="s">
        <v>200</v>
      </c>
      <c r="D123688" s="14" t="s">
        <v>406</v>
      </c>
      <c r="E123688" s="15">
        <v>45694</v>
      </c>
      <c r="F123688" s="14" t="s">
        <v>15</v>
      </c>
      <c r="G123688" s="16">
        <v>2.0277421786560117</v>
      </c>
    </row>
    <row r="123689" spans="1:7" x14ac:dyDescent="0.3">
      <c r="A123689" s="13" t="s">
        <v>574</v>
      </c>
      <c r="B123689" s="14" t="s">
        <v>1</v>
      </c>
      <c r="C123689" s="14" t="s">
        <v>200</v>
      </c>
      <c r="D123689" s="14" t="s">
        <v>406</v>
      </c>
      <c r="E123689" s="15">
        <v>45695</v>
      </c>
      <c r="F123689" s="14" t="s">
        <v>15</v>
      </c>
      <c r="G123689" s="16">
        <v>2.0336673854141294</v>
      </c>
    </row>
    <row r="123690" spans="1:7" x14ac:dyDescent="0.3">
      <c r="A123690" s="13" t="s">
        <v>574</v>
      </c>
      <c r="B123690" s="14" t="s">
        <v>1</v>
      </c>
      <c r="C123690" s="14" t="s">
        <v>200</v>
      </c>
      <c r="D123690" s="14" t="s">
        <v>406</v>
      </c>
      <c r="E123690" s="15">
        <v>45696</v>
      </c>
      <c r="F123690" s="14" t="s">
        <v>15</v>
      </c>
      <c r="G123690" s="16">
        <v>2.0336673854141294</v>
      </c>
    </row>
    <row r="123691" spans="1:7" x14ac:dyDescent="0.3">
      <c r="A123691" s="13" t="s">
        <v>574</v>
      </c>
      <c r="B123691" s="14" t="s">
        <v>1</v>
      </c>
      <c r="C123691" s="14" t="s">
        <v>200</v>
      </c>
      <c r="D123691" s="14" t="s">
        <v>406</v>
      </c>
      <c r="E123691" s="15">
        <v>45697</v>
      </c>
      <c r="F123691" s="14" t="s">
        <v>15</v>
      </c>
      <c r="G123691" s="16">
        <v>2.0336673854141294</v>
      </c>
    </row>
    <row r="123692" spans="1:7" x14ac:dyDescent="0.3">
      <c r="A123692" s="13" t="s">
        <v>574</v>
      </c>
      <c r="B123692" s="14" t="s">
        <v>1</v>
      </c>
      <c r="C123692" s="14" t="s">
        <v>200</v>
      </c>
      <c r="D123692" s="14" t="s">
        <v>406</v>
      </c>
      <c r="E123692" s="15">
        <v>45698</v>
      </c>
      <c r="F123692" s="14" t="s">
        <v>15</v>
      </c>
      <c r="G123692" s="16">
        <v>2.0395925921722471</v>
      </c>
    </row>
    <row r="123693" spans="1:7" x14ac:dyDescent="0.3">
      <c r="A123693" s="13" t="s">
        <v>574</v>
      </c>
      <c r="B123693" s="14" t="s">
        <v>1</v>
      </c>
      <c r="C123693" s="14" t="s">
        <v>200</v>
      </c>
      <c r="D123693" s="14" t="s">
        <v>406</v>
      </c>
      <c r="E123693" s="15">
        <v>45699</v>
      </c>
      <c r="F123693" s="14" t="s">
        <v>15</v>
      </c>
      <c r="G123693" s="16">
        <v>2.0575177989303652</v>
      </c>
    </row>
    <row r="123694" spans="1:7" x14ac:dyDescent="0.3">
      <c r="A123694" s="13" t="s">
        <v>574</v>
      </c>
      <c r="B123694" s="14" t="s">
        <v>1</v>
      </c>
      <c r="C123694" s="14" t="s">
        <v>200</v>
      </c>
      <c r="D123694" s="14" t="s">
        <v>406</v>
      </c>
      <c r="E123694" s="15">
        <v>45700</v>
      </c>
      <c r="F123694" s="14" t="s">
        <v>15</v>
      </c>
      <c r="G123694" s="16">
        <v>2.0644430056884828</v>
      </c>
    </row>
    <row r="123695" spans="1:7" x14ac:dyDescent="0.3">
      <c r="A123695" s="13" t="s">
        <v>574</v>
      </c>
      <c r="B123695" s="14" t="s">
        <v>1</v>
      </c>
      <c r="C123695" s="14" t="s">
        <v>200</v>
      </c>
      <c r="D123695" s="14" t="s">
        <v>406</v>
      </c>
      <c r="E123695" s="15">
        <v>45701</v>
      </c>
      <c r="F123695" s="14" t="s">
        <v>15</v>
      </c>
      <c r="G123695" s="16">
        <v>2.0723682124466007</v>
      </c>
    </row>
    <row r="123696" spans="1:7" x14ac:dyDescent="0.3">
      <c r="A123696" s="13" t="s">
        <v>574</v>
      </c>
      <c r="B123696" s="14" t="s">
        <v>1</v>
      </c>
      <c r="C123696" s="14" t="s">
        <v>200</v>
      </c>
      <c r="D123696" s="14" t="s">
        <v>406</v>
      </c>
      <c r="E123696" s="15">
        <v>45702</v>
      </c>
      <c r="F123696" s="14" t="s">
        <v>15</v>
      </c>
      <c r="G123696" s="16">
        <v>2.0792934192047183</v>
      </c>
    </row>
    <row r="123697" spans="1:7" x14ac:dyDescent="0.3">
      <c r="A123697" s="13" t="s">
        <v>574</v>
      </c>
      <c r="B123697" s="14" t="s">
        <v>1</v>
      </c>
      <c r="C123697" s="14" t="s">
        <v>200</v>
      </c>
      <c r="D123697" s="14" t="s">
        <v>406</v>
      </c>
      <c r="E123697" s="15">
        <v>45703</v>
      </c>
      <c r="F123697" s="14" t="s">
        <v>15</v>
      </c>
      <c r="G123697" s="16">
        <v>2.0792934192047183</v>
      </c>
    </row>
    <row r="123698" spans="1:7" x14ac:dyDescent="0.3">
      <c r="A123698" s="13" t="s">
        <v>574</v>
      </c>
      <c r="B123698" s="14" t="s">
        <v>1</v>
      </c>
      <c r="C123698" s="14" t="s">
        <v>200</v>
      </c>
      <c r="D123698" s="14" t="s">
        <v>406</v>
      </c>
      <c r="E123698" s="15">
        <v>45704</v>
      </c>
      <c r="F123698" s="14" t="s">
        <v>15</v>
      </c>
      <c r="G123698" s="16">
        <v>2.0792934192047183</v>
      </c>
    </row>
    <row r="123699" spans="1:7" x14ac:dyDescent="0.3">
      <c r="A123699" s="13" t="s">
        <v>574</v>
      </c>
      <c r="B123699" s="14" t="s">
        <v>1</v>
      </c>
      <c r="C123699" s="14" t="s">
        <v>200</v>
      </c>
      <c r="D123699" s="14" t="s">
        <v>406</v>
      </c>
      <c r="E123699" s="15">
        <v>45705</v>
      </c>
      <c r="F123699" s="14" t="s">
        <v>15</v>
      </c>
      <c r="G123699" s="16">
        <v>2.0792934192047183</v>
      </c>
    </row>
    <row r="123700" spans="1:7" x14ac:dyDescent="0.3">
      <c r="A123700" s="13" t="s">
        <v>574</v>
      </c>
      <c r="B123700" s="14" t="s">
        <v>1</v>
      </c>
      <c r="C123700" s="14" t="s">
        <v>200</v>
      </c>
      <c r="D123700" s="14" t="s">
        <v>406</v>
      </c>
      <c r="E123700" s="15">
        <v>45706</v>
      </c>
      <c r="F123700" s="14" t="s">
        <v>15</v>
      </c>
      <c r="G123700" s="16">
        <v>2.0862186259628364</v>
      </c>
    </row>
    <row r="123701" spans="1:7" x14ac:dyDescent="0.3">
      <c r="A123701" s="13" t="s">
        <v>574</v>
      </c>
      <c r="B123701" s="14" t="s">
        <v>1</v>
      </c>
      <c r="C123701" s="14" t="s">
        <v>200</v>
      </c>
      <c r="D123701" s="14" t="s">
        <v>406</v>
      </c>
      <c r="E123701" s="15">
        <v>45707</v>
      </c>
      <c r="F123701" s="14" t="s">
        <v>15</v>
      </c>
      <c r="G123701" s="16">
        <v>2.1101438327209538</v>
      </c>
    </row>
    <row r="123702" spans="1:7" x14ac:dyDescent="0.3">
      <c r="A123702" s="13" t="s">
        <v>574</v>
      </c>
      <c r="B123702" s="14" t="s">
        <v>1</v>
      </c>
      <c r="C123702" s="14" t="s">
        <v>200</v>
      </c>
      <c r="D123702" s="14" t="s">
        <v>406</v>
      </c>
      <c r="E123702" s="15">
        <v>45708</v>
      </c>
      <c r="F123702" s="14" t="s">
        <v>15</v>
      </c>
      <c r="G123702" s="16">
        <v>2.1170690394790719</v>
      </c>
    </row>
    <row r="123703" spans="1:7" x14ac:dyDescent="0.3">
      <c r="A123703" s="13" t="s">
        <v>574</v>
      </c>
      <c r="B123703" s="14" t="s">
        <v>1</v>
      </c>
      <c r="C123703" s="14" t="s">
        <v>200</v>
      </c>
      <c r="D123703" s="14" t="s">
        <v>406</v>
      </c>
      <c r="E123703" s="15">
        <v>45709</v>
      </c>
      <c r="F123703" s="14" t="s">
        <v>15</v>
      </c>
      <c r="G123703" s="16">
        <v>2.1239942462371895</v>
      </c>
    </row>
    <row r="123704" spans="1:7" x14ac:dyDescent="0.3">
      <c r="A123704" s="13" t="s">
        <v>574</v>
      </c>
      <c r="B123704" s="14" t="s">
        <v>1</v>
      </c>
      <c r="C123704" s="14" t="s">
        <v>200</v>
      </c>
      <c r="D123704" s="14" t="s">
        <v>406</v>
      </c>
      <c r="E123704" s="15">
        <v>45710</v>
      </c>
      <c r="F123704" s="14" t="s">
        <v>15</v>
      </c>
      <c r="G123704" s="16">
        <v>2.1239942462371895</v>
      </c>
    </row>
    <row r="123705" spans="1:7" x14ac:dyDescent="0.3">
      <c r="A123705" s="13" t="s">
        <v>574</v>
      </c>
      <c r="B123705" s="14" t="s">
        <v>1</v>
      </c>
      <c r="C123705" s="14" t="s">
        <v>200</v>
      </c>
      <c r="D123705" s="14" t="s">
        <v>406</v>
      </c>
      <c r="E123705" s="15">
        <v>45711</v>
      </c>
      <c r="F123705" s="14" t="s">
        <v>15</v>
      </c>
      <c r="G123705" s="16">
        <v>2.1239942462371895</v>
      </c>
    </row>
    <row r="123706" spans="1:7" x14ac:dyDescent="0.3">
      <c r="A123706" s="13" t="s">
        <v>574</v>
      </c>
      <c r="B123706" s="14" t="s">
        <v>1</v>
      </c>
      <c r="C123706" s="14" t="s">
        <v>200</v>
      </c>
      <c r="D123706" s="14" t="s">
        <v>406</v>
      </c>
      <c r="E123706" s="15">
        <v>45712</v>
      </c>
      <c r="F123706" s="14" t="s">
        <v>15</v>
      </c>
      <c r="G123706" s="16">
        <v>2.1319194529953074</v>
      </c>
    </row>
    <row r="123707" spans="1:7" x14ac:dyDescent="0.3">
      <c r="A123707" s="13" t="s">
        <v>574</v>
      </c>
      <c r="B123707" s="14" t="s">
        <v>1</v>
      </c>
      <c r="C123707" s="14" t="s">
        <v>200</v>
      </c>
      <c r="D123707" s="14" t="s">
        <v>406</v>
      </c>
      <c r="E123707" s="15">
        <v>45713</v>
      </c>
      <c r="F123707" s="14" t="s">
        <v>15</v>
      </c>
      <c r="G123707" s="16">
        <v>2.1498446597534251</v>
      </c>
    </row>
    <row r="123708" spans="1:7" x14ac:dyDescent="0.3">
      <c r="A123708" s="13" t="s">
        <v>574</v>
      </c>
      <c r="B123708" s="14" t="s">
        <v>1</v>
      </c>
      <c r="C123708" s="14" t="s">
        <v>200</v>
      </c>
      <c r="D123708" s="14" t="s">
        <v>406</v>
      </c>
      <c r="E123708" s="15">
        <v>45714</v>
      </c>
      <c r="F123708" s="14" t="s">
        <v>15</v>
      </c>
      <c r="G123708" s="16">
        <v>2.1567698665115431</v>
      </c>
    </row>
    <row r="123709" spans="1:7" x14ac:dyDescent="0.3">
      <c r="A123709" s="13" t="s">
        <v>574</v>
      </c>
      <c r="B123709" s="14" t="s">
        <v>1</v>
      </c>
      <c r="C123709" s="14" t="s">
        <v>200</v>
      </c>
      <c r="D123709" s="14" t="s">
        <v>406</v>
      </c>
      <c r="E123709" s="15">
        <v>45715</v>
      </c>
      <c r="F123709" s="14" t="s">
        <v>15</v>
      </c>
      <c r="G123709" s="16">
        <v>2.1636950732696607</v>
      </c>
    </row>
    <row r="123710" spans="1:7" x14ac:dyDescent="0.3">
      <c r="A123710" s="13" t="s">
        <v>574</v>
      </c>
      <c r="B123710" s="14" t="s">
        <v>1</v>
      </c>
      <c r="C123710" s="14" t="s">
        <v>200</v>
      </c>
      <c r="D123710" s="14" t="s">
        <v>406</v>
      </c>
      <c r="E123710" s="15">
        <v>45716</v>
      </c>
      <c r="F123710" s="14" t="s">
        <v>15</v>
      </c>
      <c r="G123710" s="16">
        <v>2.1706202800277787</v>
      </c>
    </row>
    <row r="123711" spans="1:7" x14ac:dyDescent="0.3">
      <c r="A123711" s="13" t="s">
        <v>574</v>
      </c>
      <c r="B123711" s="14" t="s">
        <v>1</v>
      </c>
      <c r="C123711" s="14" t="s">
        <v>200</v>
      </c>
      <c r="D123711" s="14" t="s">
        <v>406</v>
      </c>
      <c r="E123711" s="15">
        <v>45717</v>
      </c>
      <c r="F123711" s="14" t="s">
        <v>15</v>
      </c>
      <c r="G123711" s="16">
        <v>2.1706202800277787</v>
      </c>
    </row>
    <row r="123712" spans="1:7" x14ac:dyDescent="0.3">
      <c r="A123712" s="13" t="s">
        <v>574</v>
      </c>
      <c r="B123712" s="14" t="s">
        <v>1</v>
      </c>
      <c r="C123712" s="14" t="s">
        <v>200</v>
      </c>
      <c r="D123712" s="14" t="s">
        <v>406</v>
      </c>
      <c r="E123712" s="15">
        <v>45718</v>
      </c>
      <c r="F123712" s="14" t="s">
        <v>15</v>
      </c>
      <c r="G123712" s="16">
        <v>2.1706202800277787</v>
      </c>
    </row>
    <row r="123713" spans="1:7" x14ac:dyDescent="0.3">
      <c r="A123713" s="13" t="s">
        <v>574</v>
      </c>
      <c r="B123713" s="14" t="s">
        <v>1</v>
      </c>
      <c r="C123713" s="14" t="s">
        <v>200</v>
      </c>
      <c r="D123713" s="14" t="s">
        <v>406</v>
      </c>
      <c r="E123713" s="15">
        <v>45719</v>
      </c>
      <c r="F123713" s="14" t="s">
        <v>15</v>
      </c>
      <c r="G123713" s="16">
        <v>2.1805454867858964</v>
      </c>
    </row>
    <row r="123714" spans="1:7" x14ac:dyDescent="0.3">
      <c r="A123714" s="13" t="s">
        <v>574</v>
      </c>
      <c r="B123714" s="14" t="s">
        <v>1</v>
      </c>
      <c r="C123714" s="14" t="s">
        <v>200</v>
      </c>
      <c r="D123714" s="14" t="s">
        <v>406</v>
      </c>
      <c r="E123714" s="15">
        <v>45720</v>
      </c>
      <c r="F123714" s="14" t="s">
        <v>15</v>
      </c>
      <c r="G123714" s="16">
        <v>2.2014706935440138</v>
      </c>
    </row>
    <row r="123715" spans="1:7" x14ac:dyDescent="0.3">
      <c r="A123715" s="13" t="s">
        <v>574</v>
      </c>
      <c r="B123715" s="14" t="s">
        <v>1</v>
      </c>
      <c r="C123715" s="14" t="s">
        <v>200</v>
      </c>
      <c r="D123715" s="14" t="s">
        <v>406</v>
      </c>
      <c r="E123715" s="15">
        <v>45721</v>
      </c>
      <c r="F123715" s="14" t="s">
        <v>15</v>
      </c>
      <c r="G123715" s="16">
        <v>2.2083959003021318</v>
      </c>
    </row>
    <row r="123716" spans="1:7" x14ac:dyDescent="0.3">
      <c r="A123716" s="13" t="s">
        <v>574</v>
      </c>
      <c r="B123716" s="14" t="s">
        <v>1</v>
      </c>
      <c r="C123716" s="14" t="s">
        <v>200</v>
      </c>
      <c r="D123716" s="14" t="s">
        <v>406</v>
      </c>
      <c r="E123716" s="15">
        <v>45722</v>
      </c>
      <c r="F123716" s="14" t="s">
        <v>15</v>
      </c>
      <c r="G123716" s="16">
        <v>2.2153211070602494</v>
      </c>
    </row>
    <row r="123717" spans="1:7" x14ac:dyDescent="0.3">
      <c r="A123717" s="13" t="s">
        <v>574</v>
      </c>
      <c r="B123717" s="14" t="s">
        <v>1</v>
      </c>
      <c r="C123717" s="14" t="s">
        <v>200</v>
      </c>
      <c r="D123717" s="14" t="s">
        <v>406</v>
      </c>
      <c r="E123717" s="15">
        <v>45723</v>
      </c>
      <c r="F123717" s="14" t="s">
        <v>15</v>
      </c>
      <c r="G123717" s="16">
        <v>2.2222463138183675</v>
      </c>
    </row>
    <row r="123718" spans="1:7" x14ac:dyDescent="0.3">
      <c r="A123718" s="13" t="s">
        <v>574</v>
      </c>
      <c r="B123718" s="14" t="s">
        <v>1</v>
      </c>
      <c r="C123718" s="14" t="s">
        <v>200</v>
      </c>
      <c r="D123718" s="14" t="s">
        <v>406</v>
      </c>
      <c r="E123718" s="15">
        <v>45724</v>
      </c>
      <c r="F123718" s="14" t="s">
        <v>15</v>
      </c>
      <c r="G123718" s="16">
        <v>2.2222463138183675</v>
      </c>
    </row>
    <row r="123719" spans="1:7" x14ac:dyDescent="0.3">
      <c r="A123719" s="13" t="s">
        <v>574</v>
      </c>
      <c r="B123719" s="14" t="s">
        <v>1</v>
      </c>
      <c r="C123719" s="14" t="s">
        <v>200</v>
      </c>
      <c r="D123719" s="14" t="s">
        <v>406</v>
      </c>
      <c r="E123719" s="15">
        <v>45725</v>
      </c>
      <c r="F123719" s="14" t="s">
        <v>15</v>
      </c>
      <c r="G123719" s="16">
        <v>2.2222463138183675</v>
      </c>
    </row>
    <row r="123720" spans="1:7" x14ac:dyDescent="0.3">
      <c r="A123720" s="13" t="s">
        <v>574</v>
      </c>
      <c r="B123720" s="14" t="s">
        <v>1</v>
      </c>
      <c r="C123720" s="14" t="s">
        <v>200</v>
      </c>
      <c r="D123720" s="14" t="s">
        <v>406</v>
      </c>
      <c r="E123720" s="15">
        <v>45726</v>
      </c>
      <c r="F123720" s="14" t="s">
        <v>15</v>
      </c>
      <c r="G123720" s="16">
        <v>2.2301715205764849</v>
      </c>
    </row>
    <row r="123721" spans="1:7" x14ac:dyDescent="0.3">
      <c r="A123721" s="13" t="s">
        <v>574</v>
      </c>
      <c r="B123721" s="14" t="s">
        <v>1</v>
      </c>
      <c r="C123721" s="14" t="s">
        <v>200</v>
      </c>
      <c r="D123721" s="14" t="s">
        <v>406</v>
      </c>
      <c r="E123721" s="15">
        <v>45727</v>
      </c>
      <c r="F123721" s="14" t="s">
        <v>15</v>
      </c>
      <c r="G123721" s="16">
        <v>2.2510967273346028</v>
      </c>
    </row>
    <row r="123722" spans="1:7" x14ac:dyDescent="0.3">
      <c r="A123722" s="13" t="s">
        <v>574</v>
      </c>
      <c r="B123722" s="14" t="s">
        <v>1</v>
      </c>
      <c r="C123722" s="14" t="s">
        <v>200</v>
      </c>
      <c r="D123722" s="14" t="s">
        <v>406</v>
      </c>
      <c r="E123722" s="15">
        <v>45728</v>
      </c>
      <c r="F123722" s="14" t="s">
        <v>15</v>
      </c>
      <c r="G123722" s="16">
        <v>2.2600219340927206</v>
      </c>
    </row>
    <row r="123723" spans="1:7" x14ac:dyDescent="0.3">
      <c r="A123723" s="13" t="s">
        <v>574</v>
      </c>
      <c r="B123723" s="14" t="s">
        <v>1</v>
      </c>
      <c r="C123723" s="14" t="s">
        <v>200</v>
      </c>
      <c r="D123723" s="14" t="s">
        <v>406</v>
      </c>
      <c r="E123723" s="15">
        <v>45729</v>
      </c>
      <c r="F123723" s="14" t="s">
        <v>15</v>
      </c>
      <c r="G123723" s="16">
        <v>2.267947140850838</v>
      </c>
    </row>
    <row r="123724" spans="1:7" x14ac:dyDescent="0.3">
      <c r="A123724" s="13" t="s">
        <v>574</v>
      </c>
      <c r="B123724" s="14" t="s">
        <v>1</v>
      </c>
      <c r="C123724" s="14" t="s">
        <v>200</v>
      </c>
      <c r="D123724" s="14" t="s">
        <v>406</v>
      </c>
      <c r="E123724" s="15">
        <v>45730</v>
      </c>
      <c r="F123724" s="14" t="s">
        <v>15</v>
      </c>
      <c r="G123724" s="16">
        <v>2.2738723476089557</v>
      </c>
    </row>
    <row r="123725" spans="1:7" x14ac:dyDescent="0.3">
      <c r="A123725" s="13" t="s">
        <v>574</v>
      </c>
      <c r="B123725" s="14" t="s">
        <v>1</v>
      </c>
      <c r="C123725" s="14" t="s">
        <v>200</v>
      </c>
      <c r="D123725" s="14" t="s">
        <v>406</v>
      </c>
      <c r="E123725" s="15">
        <v>45731</v>
      </c>
      <c r="F123725" s="14" t="s">
        <v>15</v>
      </c>
      <c r="G123725" s="16">
        <v>2.2738723476089557</v>
      </c>
    </row>
    <row r="123726" spans="1:7" x14ac:dyDescent="0.3">
      <c r="A123726" s="13" t="s">
        <v>574</v>
      </c>
      <c r="B123726" s="14" t="s">
        <v>1</v>
      </c>
      <c r="C123726" s="14" t="s">
        <v>200</v>
      </c>
      <c r="D123726" s="14" t="s">
        <v>406</v>
      </c>
      <c r="E123726" s="15">
        <v>45732</v>
      </c>
      <c r="F123726" s="14" t="s">
        <v>15</v>
      </c>
      <c r="G123726" s="16">
        <v>2.2738723476089557</v>
      </c>
    </row>
    <row r="123727" spans="1:7" x14ac:dyDescent="0.3">
      <c r="A123727" s="13" t="s">
        <v>574</v>
      </c>
      <c r="B123727" s="14" t="s">
        <v>1</v>
      </c>
      <c r="C123727" s="14" t="s">
        <v>200</v>
      </c>
      <c r="D123727" s="14" t="s">
        <v>406</v>
      </c>
      <c r="E123727" s="15">
        <v>45733</v>
      </c>
      <c r="F123727" s="14" t="s">
        <v>15</v>
      </c>
      <c r="G123727" s="16">
        <v>2.2738723476089557</v>
      </c>
    </row>
    <row r="123728" spans="1:7" x14ac:dyDescent="0.3">
      <c r="A123728" s="13" t="s">
        <v>574</v>
      </c>
      <c r="B123728" s="14" t="s">
        <v>1</v>
      </c>
      <c r="C123728" s="14" t="s">
        <v>200</v>
      </c>
      <c r="D123728" s="14" t="s">
        <v>406</v>
      </c>
      <c r="E123728" s="15">
        <v>45734</v>
      </c>
      <c r="F123728" s="14" t="s">
        <v>15</v>
      </c>
      <c r="G123728" s="16">
        <v>2.2807975543670738</v>
      </c>
    </row>
    <row r="123729" spans="1:7" x14ac:dyDescent="0.3">
      <c r="A123729" s="13" t="s">
        <v>574</v>
      </c>
      <c r="B123729" s="14" t="s">
        <v>1</v>
      </c>
      <c r="C123729" s="14" t="s">
        <v>200</v>
      </c>
      <c r="D123729" s="14" t="s">
        <v>406</v>
      </c>
      <c r="E123729" s="15">
        <v>45735</v>
      </c>
      <c r="F123729" s="14" t="s">
        <v>15</v>
      </c>
      <c r="G123729" s="16">
        <v>2.3057227611251916</v>
      </c>
    </row>
    <row r="123730" spans="1:7" x14ac:dyDescent="0.3">
      <c r="A123730" s="13" t="s">
        <v>574</v>
      </c>
      <c r="B123730" s="14" t="s">
        <v>1</v>
      </c>
      <c r="C123730" s="14" t="s">
        <v>200</v>
      </c>
      <c r="D123730" s="14" t="s">
        <v>406</v>
      </c>
      <c r="E123730" s="15">
        <v>45736</v>
      </c>
      <c r="F123730" s="14" t="s">
        <v>15</v>
      </c>
      <c r="G123730" s="16">
        <v>2.3126479678833092</v>
      </c>
    </row>
    <row r="123731" spans="1:7" x14ac:dyDescent="0.3">
      <c r="A123731" s="13" t="s">
        <v>574</v>
      </c>
      <c r="B123731" s="14" t="s">
        <v>1</v>
      </c>
      <c r="C123731" s="14" t="s">
        <v>200</v>
      </c>
      <c r="D123731" s="14" t="s">
        <v>406</v>
      </c>
      <c r="E123731" s="15">
        <v>45737</v>
      </c>
      <c r="F123731" s="14" t="s">
        <v>15</v>
      </c>
      <c r="G123731" s="16">
        <v>2.3145731746414269</v>
      </c>
    </row>
    <row r="123732" spans="1:7" x14ac:dyDescent="0.3">
      <c r="A123732" s="13" t="s">
        <v>574</v>
      </c>
      <c r="B123732" s="14" t="s">
        <v>1</v>
      </c>
      <c r="C123732" s="14" t="s">
        <v>200</v>
      </c>
      <c r="D123732" s="14" t="s">
        <v>406</v>
      </c>
      <c r="E123732" s="15">
        <v>45738</v>
      </c>
      <c r="F123732" s="14" t="s">
        <v>15</v>
      </c>
      <c r="G123732" s="16">
        <v>2.3145731746414269</v>
      </c>
    </row>
    <row r="123733" spans="1:7" x14ac:dyDescent="0.3">
      <c r="A123733" s="13" t="s">
        <v>574</v>
      </c>
      <c r="B123733" s="14" t="s">
        <v>1</v>
      </c>
      <c r="C123733" s="14" t="s">
        <v>200</v>
      </c>
      <c r="D123733" s="14" t="s">
        <v>406</v>
      </c>
      <c r="E123733" s="15">
        <v>45739</v>
      </c>
      <c r="F123733" s="14" t="s">
        <v>15</v>
      </c>
      <c r="G123733" s="16">
        <v>2.3145731746414269</v>
      </c>
    </row>
    <row r="123734" spans="1:7" x14ac:dyDescent="0.3">
      <c r="A123734" s="13" t="s">
        <v>574</v>
      </c>
      <c r="B123734" s="14" t="s">
        <v>1</v>
      </c>
      <c r="C123734" s="14" t="s">
        <v>200</v>
      </c>
      <c r="D123734" s="14" t="s">
        <v>406</v>
      </c>
      <c r="E123734" s="15">
        <v>45740</v>
      </c>
      <c r="F123734" s="14" t="s">
        <v>15</v>
      </c>
      <c r="G123734" s="16">
        <v>2.3204983813995446</v>
      </c>
    </row>
    <row r="123735" spans="1:7" x14ac:dyDescent="0.3">
      <c r="A123735" s="13" t="s">
        <v>574</v>
      </c>
      <c r="B123735" s="14" t="s">
        <v>1</v>
      </c>
      <c r="C123735" s="14" t="s">
        <v>200</v>
      </c>
      <c r="D123735" s="14" t="s">
        <v>406</v>
      </c>
      <c r="E123735" s="15">
        <v>45741</v>
      </c>
      <c r="F123735" s="14" t="s">
        <v>15</v>
      </c>
      <c r="G123735" s="16">
        <v>2.3404235881576625</v>
      </c>
    </row>
    <row r="123736" spans="1:7" x14ac:dyDescent="0.3">
      <c r="A123736" s="13" t="s">
        <v>574</v>
      </c>
      <c r="B123736" s="14" t="s">
        <v>1</v>
      </c>
      <c r="C123736" s="14" t="s">
        <v>200</v>
      </c>
      <c r="D123736" s="14" t="s">
        <v>406</v>
      </c>
      <c r="E123736" s="15">
        <v>45742</v>
      </c>
      <c r="F123736" s="14" t="s">
        <v>15</v>
      </c>
      <c r="G123736" s="16">
        <v>2.3463487949157802</v>
      </c>
    </row>
    <row r="123737" spans="1:7" x14ac:dyDescent="0.3">
      <c r="A123737" s="13" t="s">
        <v>574</v>
      </c>
      <c r="B123737" s="14" t="s">
        <v>1</v>
      </c>
      <c r="C123737" s="14" t="s">
        <v>200</v>
      </c>
      <c r="D123737" s="14" t="s">
        <v>406</v>
      </c>
      <c r="E123737" s="15">
        <v>45743</v>
      </c>
      <c r="F123737" s="14" t="s">
        <v>15</v>
      </c>
      <c r="G123737" s="16">
        <v>2.3522740016738979</v>
      </c>
    </row>
    <row r="123738" spans="1:7" x14ac:dyDescent="0.3">
      <c r="A123738" s="13" t="s">
        <v>574</v>
      </c>
      <c r="B123738" s="14" t="s">
        <v>1</v>
      </c>
      <c r="C123738" s="14" t="s">
        <v>200</v>
      </c>
      <c r="D123738" s="14" t="s">
        <v>406</v>
      </c>
      <c r="E123738" s="15">
        <v>45744</v>
      </c>
      <c r="F123738" s="14" t="s">
        <v>15</v>
      </c>
      <c r="G123738" s="16">
        <v>2.3581992084320156</v>
      </c>
    </row>
    <row r="123739" spans="1:7" x14ac:dyDescent="0.3">
      <c r="A123739" s="13" t="s">
        <v>574</v>
      </c>
      <c r="B123739" s="14" t="s">
        <v>1</v>
      </c>
      <c r="C123739" s="14" t="s">
        <v>200</v>
      </c>
      <c r="D123739" s="14" t="s">
        <v>406</v>
      </c>
      <c r="E123739" s="15">
        <v>45745</v>
      </c>
      <c r="F123739" s="14" t="s">
        <v>15</v>
      </c>
      <c r="G123739" s="16">
        <v>2.3581992084320156</v>
      </c>
    </row>
    <row r="123740" spans="1:7" x14ac:dyDescent="0.3">
      <c r="A123740" s="13" t="s">
        <v>574</v>
      </c>
      <c r="B123740" s="14" t="s">
        <v>1</v>
      </c>
      <c r="C123740" s="14" t="s">
        <v>200</v>
      </c>
      <c r="D123740" s="14" t="s">
        <v>406</v>
      </c>
      <c r="E123740" s="15">
        <v>45746</v>
      </c>
      <c r="F123740" s="14" t="s">
        <v>15</v>
      </c>
      <c r="G123740" s="16">
        <v>2.3581992084320156</v>
      </c>
    </row>
    <row r="123741" spans="1:7" x14ac:dyDescent="0.3">
      <c r="A123741" s="13" t="s">
        <v>574</v>
      </c>
      <c r="B123741" s="14" t="s">
        <v>1</v>
      </c>
      <c r="C123741" s="14" t="s">
        <v>200</v>
      </c>
      <c r="D123741" s="14" t="s">
        <v>406</v>
      </c>
      <c r="E123741" s="15">
        <v>45747</v>
      </c>
      <c r="F123741" s="14" t="s">
        <v>15</v>
      </c>
      <c r="G123741" s="16">
        <v>2.3641244151901333</v>
      </c>
    </row>
    <row r="123742" spans="1:7" x14ac:dyDescent="0.3">
      <c r="A123742" s="13" t="s">
        <v>575</v>
      </c>
      <c r="B123742" s="14" t="s">
        <v>1</v>
      </c>
      <c r="C123742" s="14" t="s">
        <v>200</v>
      </c>
      <c r="D123742" s="14" t="s">
        <v>18</v>
      </c>
      <c r="E123742" s="15">
        <v>45383</v>
      </c>
      <c r="F123742" s="14" t="s">
        <v>15</v>
      </c>
      <c r="G123742" s="16">
        <v>0</v>
      </c>
    </row>
    <row r="123743" spans="1:7" x14ac:dyDescent="0.3">
      <c r="A123743" s="13" t="s">
        <v>575</v>
      </c>
      <c r="B123743" s="14" t="s">
        <v>1</v>
      </c>
      <c r="C123743" s="14" t="s">
        <v>200</v>
      </c>
      <c r="D123743" s="14" t="s">
        <v>18</v>
      </c>
      <c r="E123743" s="15">
        <v>45384</v>
      </c>
      <c r="F123743" s="14" t="s">
        <v>15</v>
      </c>
      <c r="G123743" s="16">
        <v>0</v>
      </c>
    </row>
    <row r="123744" spans="1:7" x14ac:dyDescent="0.3">
      <c r="A123744" s="13" t="s">
        <v>575</v>
      </c>
      <c r="B123744" s="14" t="s">
        <v>1</v>
      </c>
      <c r="C123744" s="14" t="s">
        <v>200</v>
      </c>
      <c r="D123744" s="14" t="s">
        <v>18</v>
      </c>
      <c r="E123744" s="15">
        <v>45385</v>
      </c>
      <c r="F123744" s="14" t="s">
        <v>15</v>
      </c>
      <c r="G123744" s="16">
        <v>4.2145702029483784E-2</v>
      </c>
    </row>
    <row r="123745" spans="1:7" x14ac:dyDescent="0.3">
      <c r="A123745" s="13" t="s">
        <v>575</v>
      </c>
      <c r="B123745" s="14" t="s">
        <v>1</v>
      </c>
      <c r="C123745" s="14" t="s">
        <v>200</v>
      </c>
      <c r="D123745" s="14" t="s">
        <v>18</v>
      </c>
      <c r="E123745" s="15">
        <v>45386</v>
      </c>
      <c r="F123745" s="14" t="s">
        <v>15</v>
      </c>
      <c r="G123745" s="16">
        <v>5.3452708406793649E-2</v>
      </c>
    </row>
    <row r="123746" spans="1:7" x14ac:dyDescent="0.3">
      <c r="A123746" s="13" t="s">
        <v>575</v>
      </c>
      <c r="B123746" s="14" t="s">
        <v>1</v>
      </c>
      <c r="C123746" s="14" t="s">
        <v>200</v>
      </c>
      <c r="D123746" s="14" t="s">
        <v>18</v>
      </c>
      <c r="E123746" s="15">
        <v>45387</v>
      </c>
      <c r="F123746" s="14" t="s">
        <v>15</v>
      </c>
      <c r="G123746" s="16">
        <v>6.2410149566712217E-2</v>
      </c>
    </row>
    <row r="123747" spans="1:7" x14ac:dyDescent="0.3">
      <c r="A123747" s="13" t="s">
        <v>575</v>
      </c>
      <c r="B123747" s="14" t="s">
        <v>1</v>
      </c>
      <c r="C123747" s="14" t="s">
        <v>200</v>
      </c>
      <c r="D123747" s="14" t="s">
        <v>18</v>
      </c>
      <c r="E123747" s="15">
        <v>45388</v>
      </c>
      <c r="F123747" s="14" t="s">
        <v>15</v>
      </c>
      <c r="G123747" s="16">
        <v>6.2410149566712217E-2</v>
      </c>
    </row>
    <row r="123748" spans="1:7" x14ac:dyDescent="0.3">
      <c r="A123748" s="13" t="s">
        <v>575</v>
      </c>
      <c r="B123748" s="14" t="s">
        <v>1</v>
      </c>
      <c r="C123748" s="14" t="s">
        <v>200</v>
      </c>
      <c r="D123748" s="14" t="s">
        <v>18</v>
      </c>
      <c r="E123748" s="15">
        <v>45389</v>
      </c>
      <c r="F123748" s="14" t="s">
        <v>15</v>
      </c>
      <c r="G123748" s="16">
        <v>6.2410149566712217E-2</v>
      </c>
    </row>
    <row r="123749" spans="1:7" x14ac:dyDescent="0.3">
      <c r="A123749" s="13" t="s">
        <v>575</v>
      </c>
      <c r="B123749" s="14" t="s">
        <v>1</v>
      </c>
      <c r="C123749" s="14" t="s">
        <v>200</v>
      </c>
      <c r="D123749" s="14" t="s">
        <v>18</v>
      </c>
      <c r="E123749" s="15">
        <v>45390</v>
      </c>
      <c r="F123749" s="14" t="s">
        <v>15</v>
      </c>
      <c r="G123749" s="16">
        <v>6.3060199422282942E-2</v>
      </c>
    </row>
    <row r="123750" spans="1:7" x14ac:dyDescent="0.3">
      <c r="A123750" s="13" t="s">
        <v>575</v>
      </c>
      <c r="B123750" s="14" t="s">
        <v>1</v>
      </c>
      <c r="C123750" s="14" t="s">
        <v>200</v>
      </c>
      <c r="D123750" s="14" t="s">
        <v>18</v>
      </c>
      <c r="E123750" s="15">
        <v>45391</v>
      </c>
      <c r="F123750" s="14" t="s">
        <v>15</v>
      </c>
      <c r="G123750" s="16">
        <v>8.7545031886549343E-2</v>
      </c>
    </row>
    <row r="123751" spans="1:7" x14ac:dyDescent="0.3">
      <c r="A123751" s="13" t="s">
        <v>575</v>
      </c>
      <c r="B123751" s="14" t="s">
        <v>1</v>
      </c>
      <c r="C123751" s="14" t="s">
        <v>200</v>
      </c>
      <c r="D123751" s="14" t="s">
        <v>18</v>
      </c>
      <c r="E123751" s="15">
        <v>45392</v>
      </c>
      <c r="F123751" s="14" t="s">
        <v>15</v>
      </c>
      <c r="G123751" s="16">
        <v>0.10829203826385921</v>
      </c>
    </row>
    <row r="123752" spans="1:7" x14ac:dyDescent="0.3">
      <c r="A123752" s="13" t="s">
        <v>575</v>
      </c>
      <c r="B123752" s="14" t="s">
        <v>1</v>
      </c>
      <c r="C123752" s="14" t="s">
        <v>200</v>
      </c>
      <c r="D123752" s="14" t="s">
        <v>18</v>
      </c>
      <c r="E123752" s="15">
        <v>45393</v>
      </c>
      <c r="F123752" s="14" t="s">
        <v>15</v>
      </c>
      <c r="G123752" s="16">
        <v>0.13632600116290822</v>
      </c>
    </row>
    <row r="123753" spans="1:7" x14ac:dyDescent="0.3">
      <c r="A123753" s="13" t="s">
        <v>575</v>
      </c>
      <c r="B123753" s="14" t="s">
        <v>1</v>
      </c>
      <c r="C123753" s="14" t="s">
        <v>200</v>
      </c>
      <c r="D123753" s="14" t="s">
        <v>18</v>
      </c>
      <c r="E123753" s="15">
        <v>45394</v>
      </c>
      <c r="F123753" s="14" t="s">
        <v>15</v>
      </c>
      <c r="G123753" s="16">
        <v>0.14240083362717459</v>
      </c>
    </row>
    <row r="123754" spans="1:7" x14ac:dyDescent="0.3">
      <c r="A123754" s="13" t="s">
        <v>575</v>
      </c>
      <c r="B123754" s="14" t="s">
        <v>1</v>
      </c>
      <c r="C123754" s="14" t="s">
        <v>200</v>
      </c>
      <c r="D123754" s="14" t="s">
        <v>18</v>
      </c>
      <c r="E123754" s="15">
        <v>45395</v>
      </c>
      <c r="F123754" s="14" t="s">
        <v>15</v>
      </c>
      <c r="G123754" s="16">
        <v>0.14240083362717459</v>
      </c>
    </row>
    <row r="123755" spans="1:7" x14ac:dyDescent="0.3">
      <c r="A123755" s="13" t="s">
        <v>575</v>
      </c>
      <c r="B123755" s="14" t="s">
        <v>1</v>
      </c>
      <c r="C123755" s="14" t="s">
        <v>200</v>
      </c>
      <c r="D123755" s="14" t="s">
        <v>18</v>
      </c>
      <c r="E123755" s="15">
        <v>45396</v>
      </c>
      <c r="F123755" s="14" t="s">
        <v>15</v>
      </c>
      <c r="G123755" s="16">
        <v>0.14240083362717459</v>
      </c>
    </row>
    <row r="123756" spans="1:7" x14ac:dyDescent="0.3">
      <c r="A123756" s="13" t="s">
        <v>575</v>
      </c>
      <c r="B123756" s="14" t="s">
        <v>1</v>
      </c>
      <c r="C123756" s="14" t="s">
        <v>200</v>
      </c>
      <c r="D123756" s="14" t="s">
        <v>18</v>
      </c>
      <c r="E123756" s="15">
        <v>45397</v>
      </c>
      <c r="F123756" s="14" t="s">
        <v>15</v>
      </c>
      <c r="G123756" s="16">
        <v>0.1516247965262236</v>
      </c>
    </row>
    <row r="123757" spans="1:7" x14ac:dyDescent="0.3">
      <c r="A123757" s="13" t="s">
        <v>575</v>
      </c>
      <c r="B123757" s="14" t="s">
        <v>1</v>
      </c>
      <c r="C123757" s="14" t="s">
        <v>200</v>
      </c>
      <c r="D123757" s="14" t="s">
        <v>18</v>
      </c>
      <c r="E123757" s="15">
        <v>45398</v>
      </c>
      <c r="F123757" s="14" t="s">
        <v>15</v>
      </c>
      <c r="G123757" s="16">
        <v>0.17986919420788131</v>
      </c>
    </row>
    <row r="123758" spans="1:7" x14ac:dyDescent="0.3">
      <c r="A123758" s="13" t="s">
        <v>575</v>
      </c>
      <c r="B123758" s="14" t="s">
        <v>1</v>
      </c>
      <c r="C123758" s="14" t="s">
        <v>200</v>
      </c>
      <c r="D123758" s="14" t="s">
        <v>18</v>
      </c>
      <c r="E123758" s="15">
        <v>45399</v>
      </c>
      <c r="F123758" s="14" t="s">
        <v>15</v>
      </c>
      <c r="G123758" s="16">
        <v>0.18859228754171292</v>
      </c>
    </row>
    <row r="123759" spans="1:7" x14ac:dyDescent="0.3">
      <c r="A123759" s="13" t="s">
        <v>575</v>
      </c>
      <c r="B123759" s="14" t="s">
        <v>1</v>
      </c>
      <c r="C123759" s="14" t="s">
        <v>200</v>
      </c>
      <c r="D123759" s="14" t="s">
        <v>18</v>
      </c>
      <c r="E123759" s="15">
        <v>45400</v>
      </c>
      <c r="F123759" s="14" t="s">
        <v>15</v>
      </c>
      <c r="G123759" s="16">
        <v>0.19715972870163148</v>
      </c>
    </row>
    <row r="123760" spans="1:7" x14ac:dyDescent="0.3">
      <c r="A123760" s="13" t="s">
        <v>575</v>
      </c>
      <c r="B123760" s="14" t="s">
        <v>1</v>
      </c>
      <c r="C123760" s="14" t="s">
        <v>200</v>
      </c>
      <c r="D123760" s="14" t="s">
        <v>18</v>
      </c>
      <c r="E123760" s="15">
        <v>45401</v>
      </c>
      <c r="F123760" s="14" t="s">
        <v>15</v>
      </c>
      <c r="G123760" s="16">
        <v>0.19275934377459353</v>
      </c>
    </row>
    <row r="123761" spans="1:7" x14ac:dyDescent="0.3">
      <c r="A123761" s="13" t="s">
        <v>575</v>
      </c>
      <c r="B123761" s="14" t="s">
        <v>1</v>
      </c>
      <c r="C123761" s="14" t="s">
        <v>200</v>
      </c>
      <c r="D123761" s="14" t="s">
        <v>18</v>
      </c>
      <c r="E123761" s="15">
        <v>45402</v>
      </c>
      <c r="F123761" s="14" t="s">
        <v>15</v>
      </c>
      <c r="G123761" s="16">
        <v>0.19275934377459353</v>
      </c>
    </row>
    <row r="123762" spans="1:7" x14ac:dyDescent="0.3">
      <c r="A123762" s="13" t="s">
        <v>575</v>
      </c>
      <c r="B123762" s="14" t="s">
        <v>1</v>
      </c>
      <c r="C123762" s="14" t="s">
        <v>200</v>
      </c>
      <c r="D123762" s="14" t="s">
        <v>18</v>
      </c>
      <c r="E123762" s="15">
        <v>45403</v>
      </c>
      <c r="F123762" s="14" t="s">
        <v>15</v>
      </c>
      <c r="G123762" s="16">
        <v>0.19275934377459353</v>
      </c>
    </row>
    <row r="123763" spans="1:7" x14ac:dyDescent="0.3">
      <c r="A123763" s="13" t="s">
        <v>575</v>
      </c>
      <c r="B123763" s="14" t="s">
        <v>1</v>
      </c>
      <c r="C123763" s="14" t="s">
        <v>200</v>
      </c>
      <c r="D123763" s="14" t="s">
        <v>18</v>
      </c>
      <c r="E123763" s="15">
        <v>45404</v>
      </c>
      <c r="F123763" s="14" t="s">
        <v>15</v>
      </c>
      <c r="G123763" s="16">
        <v>0.18850026319538166</v>
      </c>
    </row>
    <row r="123764" spans="1:7" x14ac:dyDescent="0.3">
      <c r="A123764" s="13" t="s">
        <v>575</v>
      </c>
      <c r="B123764" s="14" t="s">
        <v>1</v>
      </c>
      <c r="C123764" s="14" t="s">
        <v>200</v>
      </c>
      <c r="D123764" s="14" t="s">
        <v>18</v>
      </c>
      <c r="E123764" s="15">
        <v>45405</v>
      </c>
      <c r="F123764" s="14" t="s">
        <v>15</v>
      </c>
      <c r="G123764" s="16">
        <v>0.21703770435530023</v>
      </c>
    </row>
    <row r="123765" spans="1:7" x14ac:dyDescent="0.3">
      <c r="A123765" s="13" t="s">
        <v>575</v>
      </c>
      <c r="B123765" s="14" t="s">
        <v>1</v>
      </c>
      <c r="C123765" s="14" t="s">
        <v>200</v>
      </c>
      <c r="D123765" s="14" t="s">
        <v>18</v>
      </c>
      <c r="E123765" s="15">
        <v>45406</v>
      </c>
      <c r="F123765" s="14" t="s">
        <v>15</v>
      </c>
      <c r="G123765" s="16">
        <v>0.22748688464565356</v>
      </c>
    </row>
    <row r="123766" spans="1:7" x14ac:dyDescent="0.3">
      <c r="A123766" s="13" t="s">
        <v>575</v>
      </c>
      <c r="B123766" s="14" t="s">
        <v>1</v>
      </c>
      <c r="C123766" s="14" t="s">
        <v>200</v>
      </c>
      <c r="D123766" s="14" t="s">
        <v>18</v>
      </c>
      <c r="E123766" s="15">
        <v>45407</v>
      </c>
      <c r="F123766" s="14" t="s">
        <v>15</v>
      </c>
      <c r="G123766" s="16">
        <v>0.2353095431968765</v>
      </c>
    </row>
    <row r="123767" spans="1:7" x14ac:dyDescent="0.3">
      <c r="A123767" s="13" t="s">
        <v>575</v>
      </c>
      <c r="B123767" s="14" t="s">
        <v>1</v>
      </c>
      <c r="C123767" s="14" t="s">
        <v>200</v>
      </c>
      <c r="D123767" s="14" t="s">
        <v>18</v>
      </c>
      <c r="E123767" s="15">
        <v>45408</v>
      </c>
      <c r="F123767" s="14" t="s">
        <v>15</v>
      </c>
      <c r="G123767" s="16">
        <v>0.24332089740027332</v>
      </c>
    </row>
    <row r="123768" spans="1:7" x14ac:dyDescent="0.3">
      <c r="A123768" s="13" t="s">
        <v>575</v>
      </c>
      <c r="B123768" s="14" t="s">
        <v>1</v>
      </c>
      <c r="C123768" s="14" t="s">
        <v>200</v>
      </c>
      <c r="D123768" s="14" t="s">
        <v>18</v>
      </c>
      <c r="E123768" s="15">
        <v>45409</v>
      </c>
      <c r="F123768" s="14" t="s">
        <v>15</v>
      </c>
      <c r="G123768" s="16">
        <v>0.24332089740027332</v>
      </c>
    </row>
    <row r="123769" spans="1:7" x14ac:dyDescent="0.3">
      <c r="A123769" s="13" t="s">
        <v>575</v>
      </c>
      <c r="B123769" s="14" t="s">
        <v>1</v>
      </c>
      <c r="C123769" s="14" t="s">
        <v>200</v>
      </c>
      <c r="D123769" s="14" t="s">
        <v>18</v>
      </c>
      <c r="E123769" s="15">
        <v>45410</v>
      </c>
      <c r="F123769" s="14" t="s">
        <v>15</v>
      </c>
      <c r="G123769" s="16">
        <v>0.24332089740027332</v>
      </c>
    </row>
    <row r="123770" spans="1:7" x14ac:dyDescent="0.3">
      <c r="A123770" s="13" t="s">
        <v>575</v>
      </c>
      <c r="B123770" s="14" t="s">
        <v>1</v>
      </c>
      <c r="C123770" s="14" t="s">
        <v>200</v>
      </c>
      <c r="D123770" s="14" t="s">
        <v>18</v>
      </c>
      <c r="E123770" s="15">
        <v>45411</v>
      </c>
      <c r="F123770" s="14" t="s">
        <v>15</v>
      </c>
      <c r="G123770" s="16">
        <v>0.25157094725584406</v>
      </c>
    </row>
    <row r="123771" spans="1:7" x14ac:dyDescent="0.3">
      <c r="A123771" s="13" t="s">
        <v>575</v>
      </c>
      <c r="B123771" s="14" t="s">
        <v>1</v>
      </c>
      <c r="C123771" s="14" t="s">
        <v>200</v>
      </c>
      <c r="D123771" s="14" t="s">
        <v>18</v>
      </c>
      <c r="E123771" s="15">
        <v>45412</v>
      </c>
      <c r="F123771" s="14" t="s">
        <v>15</v>
      </c>
      <c r="G123771" s="16">
        <v>0.27530534493750175</v>
      </c>
    </row>
    <row r="123772" spans="1:7" x14ac:dyDescent="0.3">
      <c r="A123772" s="13" t="s">
        <v>575</v>
      </c>
      <c r="B123772" s="14" t="s">
        <v>1</v>
      </c>
      <c r="C123772" s="14" t="s">
        <v>200</v>
      </c>
      <c r="D123772" s="14" t="s">
        <v>18</v>
      </c>
      <c r="E123772" s="15">
        <v>45413</v>
      </c>
      <c r="F123772" s="14" t="s">
        <v>15</v>
      </c>
      <c r="G123772" s="16">
        <v>0.28224843827133339</v>
      </c>
    </row>
    <row r="123773" spans="1:7" x14ac:dyDescent="0.3">
      <c r="A123773" s="13" t="s">
        <v>575</v>
      </c>
      <c r="B123773" s="14" t="s">
        <v>1</v>
      </c>
      <c r="C123773" s="14" t="s">
        <v>200</v>
      </c>
      <c r="D123773" s="14" t="s">
        <v>18</v>
      </c>
      <c r="E123773" s="15">
        <v>45414</v>
      </c>
      <c r="F123773" s="14" t="s">
        <v>15</v>
      </c>
      <c r="G123773" s="16">
        <v>0.2931084881269041</v>
      </c>
    </row>
    <row r="123774" spans="1:7" x14ac:dyDescent="0.3">
      <c r="A123774" s="13" t="s">
        <v>575</v>
      </c>
      <c r="B123774" s="14" t="s">
        <v>1</v>
      </c>
      <c r="C123774" s="14" t="s">
        <v>200</v>
      </c>
      <c r="D123774" s="14" t="s">
        <v>18</v>
      </c>
      <c r="E123774" s="15">
        <v>45415</v>
      </c>
      <c r="F123774" s="14" t="s">
        <v>15</v>
      </c>
      <c r="G123774" s="16">
        <v>0.30074679885204009</v>
      </c>
    </row>
    <row r="123775" spans="1:7" x14ac:dyDescent="0.3">
      <c r="A123775" s="13" t="s">
        <v>575</v>
      </c>
      <c r="B123775" s="14" t="s">
        <v>1</v>
      </c>
      <c r="C123775" s="14" t="s">
        <v>200</v>
      </c>
      <c r="D123775" s="14" t="s">
        <v>18</v>
      </c>
      <c r="E123775" s="15">
        <v>45416</v>
      </c>
      <c r="F123775" s="14" t="s">
        <v>15</v>
      </c>
      <c r="G123775" s="16">
        <v>0.30074679885204009</v>
      </c>
    </row>
    <row r="123776" spans="1:7" x14ac:dyDescent="0.3">
      <c r="A123776" s="13" t="s">
        <v>575</v>
      </c>
      <c r="B123776" s="14" t="s">
        <v>1</v>
      </c>
      <c r="C123776" s="14" t="s">
        <v>200</v>
      </c>
      <c r="D123776" s="14" t="s">
        <v>18</v>
      </c>
      <c r="E123776" s="15">
        <v>45417</v>
      </c>
      <c r="F123776" s="14" t="s">
        <v>15</v>
      </c>
      <c r="G123776" s="16">
        <v>0.30074679885204009</v>
      </c>
    </row>
    <row r="123777" spans="1:7" x14ac:dyDescent="0.3">
      <c r="A123777" s="13" t="s">
        <v>575</v>
      </c>
      <c r="B123777" s="14" t="s">
        <v>1</v>
      </c>
      <c r="C123777" s="14" t="s">
        <v>200</v>
      </c>
      <c r="D123777" s="14" t="s">
        <v>18</v>
      </c>
      <c r="E123777" s="15">
        <v>45418</v>
      </c>
      <c r="F123777" s="14" t="s">
        <v>15</v>
      </c>
      <c r="G123777" s="16">
        <v>0.30074679885204009</v>
      </c>
    </row>
    <row r="123778" spans="1:7" x14ac:dyDescent="0.3">
      <c r="A123778" s="13" t="s">
        <v>575</v>
      </c>
      <c r="B123778" s="14" t="s">
        <v>1</v>
      </c>
      <c r="C123778" s="14" t="s">
        <v>200</v>
      </c>
      <c r="D123778" s="14" t="s">
        <v>18</v>
      </c>
      <c r="E123778" s="15">
        <v>45419</v>
      </c>
      <c r="F123778" s="14" t="s">
        <v>15</v>
      </c>
      <c r="G123778" s="16">
        <v>0.30640597914239343</v>
      </c>
    </row>
    <row r="123779" spans="1:7" x14ac:dyDescent="0.3">
      <c r="A123779" s="13" t="s">
        <v>575</v>
      </c>
      <c r="B123779" s="14" t="s">
        <v>1</v>
      </c>
      <c r="C123779" s="14" t="s">
        <v>200</v>
      </c>
      <c r="D123779" s="14" t="s">
        <v>18</v>
      </c>
      <c r="E123779" s="15">
        <v>45420</v>
      </c>
      <c r="F123779" s="14" t="s">
        <v>15</v>
      </c>
      <c r="G123779" s="16">
        <v>0.33497079105206351</v>
      </c>
    </row>
    <row r="123780" spans="1:7" x14ac:dyDescent="0.3">
      <c r="A123780" s="13" t="s">
        <v>575</v>
      </c>
      <c r="B123780" s="14" t="s">
        <v>1</v>
      </c>
      <c r="C123780" s="14" t="s">
        <v>200</v>
      </c>
      <c r="D123780" s="14" t="s">
        <v>18</v>
      </c>
      <c r="E123780" s="15">
        <v>45421</v>
      </c>
      <c r="F123780" s="14" t="s">
        <v>15</v>
      </c>
      <c r="G123780" s="16">
        <v>0.34307327568268609</v>
      </c>
    </row>
    <row r="123781" spans="1:7" x14ac:dyDescent="0.3">
      <c r="A123781" s="13" t="s">
        <v>575</v>
      </c>
      <c r="B123781" s="14" t="s">
        <v>1</v>
      </c>
      <c r="C123781" s="14" t="s">
        <v>200</v>
      </c>
      <c r="D123781" s="14" t="s">
        <v>18</v>
      </c>
      <c r="E123781" s="15">
        <v>45422</v>
      </c>
      <c r="F123781" s="14" t="s">
        <v>15</v>
      </c>
      <c r="G123781" s="16">
        <v>0.35038884799906517</v>
      </c>
    </row>
    <row r="123782" spans="1:7" x14ac:dyDescent="0.3">
      <c r="A123782" s="13" t="s">
        <v>575</v>
      </c>
      <c r="B123782" s="14" t="s">
        <v>1</v>
      </c>
      <c r="C123782" s="14" t="s">
        <v>200</v>
      </c>
      <c r="D123782" s="14" t="s">
        <v>18</v>
      </c>
      <c r="E123782" s="15">
        <v>45423</v>
      </c>
      <c r="F123782" s="14" t="s">
        <v>15</v>
      </c>
      <c r="G123782" s="16">
        <v>0.35038884799906517</v>
      </c>
    </row>
    <row r="123783" spans="1:7" x14ac:dyDescent="0.3">
      <c r="A123783" s="13" t="s">
        <v>575</v>
      </c>
      <c r="B123783" s="14" t="s">
        <v>1</v>
      </c>
      <c r="C123783" s="14" t="s">
        <v>200</v>
      </c>
      <c r="D123783" s="14" t="s">
        <v>18</v>
      </c>
      <c r="E123783" s="15">
        <v>45424</v>
      </c>
      <c r="F123783" s="14" t="s">
        <v>15</v>
      </c>
      <c r="G123783" s="16">
        <v>0.35038884799906517</v>
      </c>
    </row>
    <row r="123784" spans="1:7" x14ac:dyDescent="0.3">
      <c r="A123784" s="13" t="s">
        <v>575</v>
      </c>
      <c r="B123784" s="14" t="s">
        <v>1</v>
      </c>
      <c r="C123784" s="14" t="s">
        <v>200</v>
      </c>
      <c r="D123784" s="14" t="s">
        <v>18</v>
      </c>
      <c r="E123784" s="15">
        <v>45425</v>
      </c>
      <c r="F123784" s="14" t="s">
        <v>15</v>
      </c>
      <c r="G123784" s="16">
        <v>0.35622792774570411</v>
      </c>
    </row>
    <row r="123785" spans="1:7" x14ac:dyDescent="0.3">
      <c r="A123785" s="13" t="s">
        <v>575</v>
      </c>
      <c r="B123785" s="14" t="s">
        <v>1</v>
      </c>
      <c r="C123785" s="14" t="s">
        <v>200</v>
      </c>
      <c r="D123785" s="14" t="s">
        <v>18</v>
      </c>
      <c r="E123785" s="15">
        <v>45426</v>
      </c>
      <c r="F123785" s="14" t="s">
        <v>15</v>
      </c>
      <c r="G123785" s="16">
        <v>0.3845598379433729</v>
      </c>
    </row>
    <row r="123786" spans="1:7" x14ac:dyDescent="0.3">
      <c r="A123786" s="13" t="s">
        <v>575</v>
      </c>
      <c r="B123786" s="14" t="s">
        <v>1</v>
      </c>
      <c r="C123786" s="14" t="s">
        <v>200</v>
      </c>
      <c r="D123786" s="14" t="s">
        <v>18</v>
      </c>
      <c r="E123786" s="15">
        <v>45427</v>
      </c>
      <c r="F123786" s="14" t="s">
        <v>15</v>
      </c>
      <c r="G123786" s="16">
        <v>0.39226039331354534</v>
      </c>
    </row>
    <row r="123787" spans="1:7" x14ac:dyDescent="0.3">
      <c r="A123787" s="13" t="s">
        <v>575</v>
      </c>
      <c r="B123787" s="14" t="s">
        <v>1</v>
      </c>
      <c r="C123787" s="14" t="s">
        <v>200</v>
      </c>
      <c r="D123787" s="14" t="s">
        <v>18</v>
      </c>
      <c r="E123787" s="15">
        <v>45428</v>
      </c>
      <c r="F123787" s="14" t="s">
        <v>15</v>
      </c>
      <c r="G123787" s="16">
        <v>0.40114935574029204</v>
      </c>
    </row>
    <row r="123788" spans="1:7" x14ac:dyDescent="0.3">
      <c r="A123788" s="13" t="s">
        <v>575</v>
      </c>
      <c r="B123788" s="14" t="s">
        <v>1</v>
      </c>
      <c r="C123788" s="14" t="s">
        <v>200</v>
      </c>
      <c r="D123788" s="14" t="s">
        <v>18</v>
      </c>
      <c r="E123788" s="15">
        <v>45429</v>
      </c>
      <c r="F123788" s="14" t="s">
        <v>15</v>
      </c>
      <c r="G123788" s="16">
        <v>0.4092722627225267</v>
      </c>
    </row>
    <row r="123789" spans="1:7" x14ac:dyDescent="0.3">
      <c r="A123789" s="13" t="s">
        <v>575</v>
      </c>
      <c r="B123789" s="14" t="s">
        <v>1</v>
      </c>
      <c r="C123789" s="14" t="s">
        <v>200</v>
      </c>
      <c r="D123789" s="14" t="s">
        <v>18</v>
      </c>
      <c r="E123789" s="15">
        <v>45430</v>
      </c>
      <c r="F123789" s="14" t="s">
        <v>15</v>
      </c>
      <c r="G123789" s="16">
        <v>0.4092722627225267</v>
      </c>
    </row>
    <row r="123790" spans="1:7" x14ac:dyDescent="0.3">
      <c r="A123790" s="13" t="s">
        <v>575</v>
      </c>
      <c r="B123790" s="14" t="s">
        <v>1</v>
      </c>
      <c r="C123790" s="14" t="s">
        <v>200</v>
      </c>
      <c r="D123790" s="14" t="s">
        <v>18</v>
      </c>
      <c r="E123790" s="15">
        <v>45431</v>
      </c>
      <c r="F123790" s="14" t="s">
        <v>15</v>
      </c>
      <c r="G123790" s="16">
        <v>0.4092722627225267</v>
      </c>
    </row>
    <row r="123791" spans="1:7" x14ac:dyDescent="0.3">
      <c r="A123791" s="13" t="s">
        <v>575</v>
      </c>
      <c r="B123791" s="14" t="s">
        <v>1</v>
      </c>
      <c r="C123791" s="14" t="s">
        <v>200</v>
      </c>
      <c r="D123791" s="14" t="s">
        <v>18</v>
      </c>
      <c r="E123791" s="15">
        <v>45432</v>
      </c>
      <c r="F123791" s="14" t="s">
        <v>15</v>
      </c>
      <c r="G123791" s="16">
        <v>0.41482673310095497</v>
      </c>
    </row>
    <row r="123792" spans="1:7" x14ac:dyDescent="0.3">
      <c r="A123792" s="13" t="s">
        <v>575</v>
      </c>
      <c r="B123792" s="14" t="s">
        <v>1</v>
      </c>
      <c r="C123792" s="14" t="s">
        <v>200</v>
      </c>
      <c r="D123792" s="14" t="s">
        <v>18</v>
      </c>
      <c r="E123792" s="15">
        <v>45433</v>
      </c>
      <c r="F123792" s="14" t="s">
        <v>15</v>
      </c>
      <c r="G123792" s="16">
        <v>0.43988561335375465</v>
      </c>
    </row>
    <row r="123793" spans="1:7" x14ac:dyDescent="0.3">
      <c r="A123793" s="13" t="s">
        <v>575</v>
      </c>
      <c r="B123793" s="14" t="s">
        <v>1</v>
      </c>
      <c r="C123793" s="14" t="s">
        <v>200</v>
      </c>
      <c r="D123793" s="14" t="s">
        <v>18</v>
      </c>
      <c r="E123793" s="15">
        <v>45434</v>
      </c>
      <c r="F123793" s="14" t="s">
        <v>15</v>
      </c>
      <c r="G123793" s="16">
        <v>0.4489518418081786</v>
      </c>
    </row>
    <row r="123794" spans="1:7" x14ac:dyDescent="0.3">
      <c r="A123794" s="13" t="s">
        <v>575</v>
      </c>
      <c r="B123794" s="14" t="s">
        <v>1</v>
      </c>
      <c r="C123794" s="14" t="s">
        <v>200</v>
      </c>
      <c r="D123794" s="14" t="s">
        <v>18</v>
      </c>
      <c r="E123794" s="15">
        <v>45435</v>
      </c>
      <c r="F123794" s="14" t="s">
        <v>15</v>
      </c>
      <c r="G123794" s="16">
        <v>0.45687002937926896</v>
      </c>
    </row>
    <row r="123795" spans="1:7" x14ac:dyDescent="0.3">
      <c r="A123795" s="13" t="s">
        <v>575</v>
      </c>
      <c r="B123795" s="14" t="s">
        <v>1</v>
      </c>
      <c r="C123795" s="14" t="s">
        <v>200</v>
      </c>
      <c r="D123795" s="14" t="s">
        <v>18</v>
      </c>
      <c r="E123795" s="15">
        <v>45436</v>
      </c>
      <c r="F123795" s="14" t="s">
        <v>15</v>
      </c>
      <c r="G123795" s="16">
        <v>0.46463473554282253</v>
      </c>
    </row>
    <row r="123796" spans="1:7" x14ac:dyDescent="0.3">
      <c r="A123796" s="13" t="s">
        <v>575</v>
      </c>
      <c r="B123796" s="14" t="s">
        <v>1</v>
      </c>
      <c r="C123796" s="14" t="s">
        <v>200</v>
      </c>
      <c r="D123796" s="14" t="s">
        <v>18</v>
      </c>
      <c r="E123796" s="15">
        <v>45437</v>
      </c>
      <c r="F123796" s="14" t="s">
        <v>15</v>
      </c>
      <c r="G123796" s="16">
        <v>0.46463473554282253</v>
      </c>
    </row>
    <row r="123797" spans="1:7" x14ac:dyDescent="0.3">
      <c r="A123797" s="13" t="s">
        <v>575</v>
      </c>
      <c r="B123797" s="14" t="s">
        <v>1</v>
      </c>
      <c r="C123797" s="14" t="s">
        <v>200</v>
      </c>
      <c r="D123797" s="14" t="s">
        <v>18</v>
      </c>
      <c r="E123797" s="15">
        <v>45438</v>
      </c>
      <c r="F123797" s="14" t="s">
        <v>15</v>
      </c>
      <c r="G123797" s="16">
        <v>0.46463473554282253</v>
      </c>
    </row>
    <row r="123798" spans="1:7" x14ac:dyDescent="0.3">
      <c r="A123798" s="13" t="s">
        <v>575</v>
      </c>
      <c r="B123798" s="14" t="s">
        <v>1</v>
      </c>
      <c r="C123798" s="14" t="s">
        <v>200</v>
      </c>
      <c r="D123798" s="14" t="s">
        <v>18</v>
      </c>
      <c r="E123798" s="15">
        <v>45439</v>
      </c>
      <c r="F123798" s="14" t="s">
        <v>15</v>
      </c>
      <c r="G123798" s="16">
        <v>0.46463473554282253</v>
      </c>
    </row>
    <row r="123799" spans="1:7" x14ac:dyDescent="0.3">
      <c r="A123799" s="13" t="s">
        <v>575</v>
      </c>
      <c r="B123799" s="14" t="s">
        <v>1</v>
      </c>
      <c r="C123799" s="14" t="s">
        <v>200</v>
      </c>
      <c r="D123799" s="14" t="s">
        <v>18</v>
      </c>
      <c r="E123799" s="15">
        <v>45440</v>
      </c>
      <c r="F123799" s="14" t="s">
        <v>15</v>
      </c>
      <c r="G123799" s="16">
        <v>0.47252422333851979</v>
      </c>
    </row>
    <row r="123800" spans="1:7" x14ac:dyDescent="0.3">
      <c r="A123800" s="13" t="s">
        <v>575</v>
      </c>
      <c r="B123800" s="14" t="s">
        <v>1</v>
      </c>
      <c r="C123800" s="14" t="s">
        <v>200</v>
      </c>
      <c r="D123800" s="14" t="s">
        <v>18</v>
      </c>
      <c r="E123800" s="15">
        <v>45441</v>
      </c>
      <c r="F123800" s="14" t="s">
        <v>15</v>
      </c>
      <c r="G123800" s="16">
        <v>0.48955521350506814</v>
      </c>
    </row>
    <row r="123801" spans="1:7" x14ac:dyDescent="0.3">
      <c r="A123801" s="13" t="s">
        <v>575</v>
      </c>
      <c r="B123801" s="14" t="s">
        <v>1</v>
      </c>
      <c r="C123801" s="14" t="s">
        <v>200</v>
      </c>
      <c r="D123801" s="14" t="s">
        <v>18</v>
      </c>
      <c r="E123801" s="15">
        <v>45442</v>
      </c>
      <c r="F123801" s="14" t="s">
        <v>15</v>
      </c>
      <c r="G123801" s="16">
        <v>0.49281031148294668</v>
      </c>
    </row>
    <row r="123802" spans="1:7" x14ac:dyDescent="0.3">
      <c r="A123802" s="13" t="s">
        <v>575</v>
      </c>
      <c r="B123802" s="14" t="s">
        <v>1</v>
      </c>
      <c r="C123802" s="14" t="s">
        <v>200</v>
      </c>
      <c r="D123802" s="14" t="s">
        <v>18</v>
      </c>
      <c r="E123802" s="15">
        <v>45443</v>
      </c>
      <c r="F123802" s="14" t="s">
        <v>15</v>
      </c>
      <c r="G123802" s="16">
        <v>0.49975021105802997</v>
      </c>
    </row>
    <row r="123803" spans="1:7" x14ac:dyDescent="0.3">
      <c r="A123803" s="13" t="s">
        <v>575</v>
      </c>
      <c r="B123803" s="14" t="s">
        <v>1</v>
      </c>
      <c r="C123803" s="14" t="s">
        <v>200</v>
      </c>
      <c r="D123803" s="14" t="s">
        <v>18</v>
      </c>
      <c r="E123803" s="15">
        <v>45444</v>
      </c>
      <c r="F123803" s="14" t="s">
        <v>15</v>
      </c>
      <c r="G123803" s="16">
        <v>0.49975021105802997</v>
      </c>
    </row>
    <row r="123804" spans="1:7" x14ac:dyDescent="0.3">
      <c r="A123804" s="13" t="s">
        <v>575</v>
      </c>
      <c r="B123804" s="14" t="s">
        <v>1</v>
      </c>
      <c r="C123804" s="14" t="s">
        <v>200</v>
      </c>
      <c r="D123804" s="14" t="s">
        <v>18</v>
      </c>
      <c r="E123804" s="15">
        <v>45445</v>
      </c>
      <c r="F123804" s="14" t="s">
        <v>15</v>
      </c>
      <c r="G123804" s="16">
        <v>0.49975021105802997</v>
      </c>
    </row>
    <row r="123805" spans="1:7" x14ac:dyDescent="0.3">
      <c r="A123805" s="13" t="s">
        <v>575</v>
      </c>
      <c r="B123805" s="14" t="s">
        <v>1</v>
      </c>
      <c r="C123805" s="14" t="s">
        <v>200</v>
      </c>
      <c r="D123805" s="14" t="s">
        <v>18</v>
      </c>
      <c r="E123805" s="15">
        <v>45446</v>
      </c>
      <c r="F123805" s="14" t="s">
        <v>15</v>
      </c>
      <c r="G123805" s="16">
        <v>0.49975021105802997</v>
      </c>
    </row>
    <row r="123806" spans="1:7" x14ac:dyDescent="0.3">
      <c r="A123806" s="13" t="s">
        <v>575</v>
      </c>
      <c r="B123806" s="14" t="s">
        <v>1</v>
      </c>
      <c r="C123806" s="14" t="s">
        <v>200</v>
      </c>
      <c r="D123806" s="14" t="s">
        <v>18</v>
      </c>
      <c r="E123806" s="15">
        <v>45447</v>
      </c>
      <c r="F123806" s="14" t="s">
        <v>15</v>
      </c>
      <c r="G123806" s="16">
        <v>0.50882138091012841</v>
      </c>
    </row>
    <row r="123807" spans="1:7" x14ac:dyDescent="0.3">
      <c r="A123807" s="13" t="s">
        <v>575</v>
      </c>
      <c r="B123807" s="14" t="s">
        <v>1</v>
      </c>
      <c r="C123807" s="14" t="s">
        <v>200</v>
      </c>
      <c r="D123807" s="14" t="s">
        <v>18</v>
      </c>
      <c r="E123807" s="15">
        <v>45448</v>
      </c>
      <c r="F123807" s="14" t="s">
        <v>15</v>
      </c>
      <c r="G123807" s="16">
        <v>0.53884713024812669</v>
      </c>
    </row>
    <row r="123808" spans="1:7" x14ac:dyDescent="0.3">
      <c r="A123808" s="13" t="s">
        <v>575</v>
      </c>
      <c r="B123808" s="14" t="s">
        <v>1</v>
      </c>
      <c r="C123808" s="14" t="s">
        <v>200</v>
      </c>
      <c r="D123808" s="14" t="s">
        <v>18</v>
      </c>
      <c r="E123808" s="15">
        <v>45449</v>
      </c>
      <c r="F123808" s="14" t="s">
        <v>15</v>
      </c>
      <c r="G123808" s="16">
        <v>0.54629863451499938</v>
      </c>
    </row>
    <row r="123809" spans="1:7" x14ac:dyDescent="0.3">
      <c r="A123809" s="13" t="s">
        <v>575</v>
      </c>
      <c r="B123809" s="14" t="s">
        <v>1</v>
      </c>
      <c r="C123809" s="14" t="s">
        <v>200</v>
      </c>
      <c r="D123809" s="14" t="s">
        <v>18</v>
      </c>
      <c r="E123809" s="15">
        <v>45450</v>
      </c>
      <c r="F123809" s="14" t="s">
        <v>15</v>
      </c>
      <c r="G123809" s="16">
        <v>0.55373516498601472</v>
      </c>
    </row>
    <row r="123810" spans="1:7" x14ac:dyDescent="0.3">
      <c r="A123810" s="13" t="s">
        <v>575</v>
      </c>
      <c r="B123810" s="14" t="s">
        <v>1</v>
      </c>
      <c r="C123810" s="14" t="s">
        <v>200</v>
      </c>
      <c r="D123810" s="14" t="s">
        <v>18</v>
      </c>
      <c r="E123810" s="15">
        <v>45451</v>
      </c>
      <c r="F123810" s="14" t="s">
        <v>15</v>
      </c>
      <c r="G123810" s="16">
        <v>0.55373516498601472</v>
      </c>
    </row>
    <row r="123811" spans="1:7" x14ac:dyDescent="0.3">
      <c r="A123811" s="13" t="s">
        <v>575</v>
      </c>
      <c r="B123811" s="14" t="s">
        <v>1</v>
      </c>
      <c r="C123811" s="14" t="s">
        <v>200</v>
      </c>
      <c r="D123811" s="14" t="s">
        <v>18</v>
      </c>
      <c r="E123811" s="15">
        <v>45452</v>
      </c>
      <c r="F123811" s="14" t="s">
        <v>15</v>
      </c>
      <c r="G123811" s="16">
        <v>0.55373516498601472</v>
      </c>
    </row>
    <row r="123812" spans="1:7" x14ac:dyDescent="0.3">
      <c r="A123812" s="13" t="s">
        <v>575</v>
      </c>
      <c r="B123812" s="14" t="s">
        <v>1</v>
      </c>
      <c r="C123812" s="14" t="s">
        <v>200</v>
      </c>
      <c r="D123812" s="14" t="s">
        <v>18</v>
      </c>
      <c r="E123812" s="15">
        <v>45453</v>
      </c>
      <c r="F123812" s="14" t="s">
        <v>15</v>
      </c>
      <c r="G123812" s="16">
        <v>0.56150985368013973</v>
      </c>
    </row>
    <row r="123813" spans="1:7" x14ac:dyDescent="0.3">
      <c r="A123813" s="13" t="s">
        <v>575</v>
      </c>
      <c r="B123813" s="14" t="s">
        <v>1</v>
      </c>
      <c r="C123813" s="14" t="s">
        <v>200</v>
      </c>
      <c r="D123813" s="14" t="s">
        <v>18</v>
      </c>
      <c r="E123813" s="15">
        <v>45454</v>
      </c>
      <c r="F123813" s="14" t="s">
        <v>15</v>
      </c>
      <c r="G123813" s="16">
        <v>0.58360697811172435</v>
      </c>
    </row>
    <row r="123814" spans="1:7" x14ac:dyDescent="0.3">
      <c r="A123814" s="13" t="s">
        <v>575</v>
      </c>
      <c r="B123814" s="14" t="s">
        <v>1</v>
      </c>
      <c r="C123814" s="14" t="s">
        <v>200</v>
      </c>
      <c r="D123814" s="14" t="s">
        <v>18</v>
      </c>
      <c r="E123814" s="15">
        <v>45455</v>
      </c>
      <c r="F123814" s="14" t="s">
        <v>15</v>
      </c>
      <c r="G123814" s="16">
        <v>0.59340812051186376</v>
      </c>
    </row>
    <row r="123815" spans="1:7" x14ac:dyDescent="0.3">
      <c r="A123815" s="13" t="s">
        <v>575</v>
      </c>
      <c r="B123815" s="14" t="s">
        <v>1</v>
      </c>
      <c r="C123815" s="14" t="s">
        <v>200</v>
      </c>
      <c r="D123815" s="14" t="s">
        <v>18</v>
      </c>
      <c r="E123815" s="15">
        <v>45456</v>
      </c>
      <c r="F123815" s="14" t="s">
        <v>15</v>
      </c>
      <c r="G123815" s="16">
        <v>0.59888932280718654</v>
      </c>
    </row>
    <row r="123816" spans="1:7" x14ac:dyDescent="0.3">
      <c r="A123816" s="13" t="s">
        <v>575</v>
      </c>
      <c r="B123816" s="14" t="s">
        <v>1</v>
      </c>
      <c r="C123816" s="14" t="s">
        <v>200</v>
      </c>
      <c r="D123816" s="14" t="s">
        <v>18</v>
      </c>
      <c r="E123816" s="15">
        <v>45457</v>
      </c>
      <c r="F123816" s="14" t="s">
        <v>15</v>
      </c>
      <c r="G123816" s="16">
        <v>0.606277188441666</v>
      </c>
    </row>
    <row r="123817" spans="1:7" x14ac:dyDescent="0.3">
      <c r="A123817" s="13" t="s">
        <v>575</v>
      </c>
      <c r="B123817" s="14" t="s">
        <v>1</v>
      </c>
      <c r="C123817" s="14" t="s">
        <v>200</v>
      </c>
      <c r="D123817" s="14" t="s">
        <v>18</v>
      </c>
      <c r="E123817" s="15">
        <v>45458</v>
      </c>
      <c r="F123817" s="14" t="s">
        <v>15</v>
      </c>
      <c r="G123817" s="16">
        <v>0.606277188441666</v>
      </c>
    </row>
    <row r="123818" spans="1:7" x14ac:dyDescent="0.3">
      <c r="A123818" s="13" t="s">
        <v>575</v>
      </c>
      <c r="B123818" s="14" t="s">
        <v>1</v>
      </c>
      <c r="C123818" s="14" t="s">
        <v>200</v>
      </c>
      <c r="D123818" s="14" t="s">
        <v>18</v>
      </c>
      <c r="E123818" s="15">
        <v>45459</v>
      </c>
      <c r="F123818" s="14" t="s">
        <v>15</v>
      </c>
      <c r="G123818" s="16">
        <v>0.606277188441666</v>
      </c>
    </row>
    <row r="123819" spans="1:7" x14ac:dyDescent="0.3">
      <c r="A123819" s="13" t="s">
        <v>575</v>
      </c>
      <c r="B123819" s="14" t="s">
        <v>1</v>
      </c>
      <c r="C123819" s="14" t="s">
        <v>200</v>
      </c>
      <c r="D123819" s="14" t="s">
        <v>18</v>
      </c>
      <c r="E123819" s="15">
        <v>45460</v>
      </c>
      <c r="F123819" s="14" t="s">
        <v>15</v>
      </c>
      <c r="G123819" s="16">
        <v>0.62343795150564363</v>
      </c>
    </row>
    <row r="123820" spans="1:7" x14ac:dyDescent="0.3">
      <c r="A123820" s="13" t="s">
        <v>575</v>
      </c>
      <c r="B123820" s="14" t="s">
        <v>1</v>
      </c>
      <c r="C123820" s="14" t="s">
        <v>200</v>
      </c>
      <c r="D123820" s="14" t="s">
        <v>18</v>
      </c>
      <c r="E123820" s="15">
        <v>45461</v>
      </c>
      <c r="F123820" s="14" t="s">
        <v>15</v>
      </c>
      <c r="G123820" s="16">
        <v>0.64435838514611266</v>
      </c>
    </row>
    <row r="123821" spans="1:7" x14ac:dyDescent="0.3">
      <c r="A123821" s="13" t="s">
        <v>575</v>
      </c>
      <c r="B123821" s="14" t="s">
        <v>1</v>
      </c>
      <c r="C123821" s="14" t="s">
        <v>200</v>
      </c>
      <c r="D123821" s="14" t="s">
        <v>18</v>
      </c>
      <c r="E123821" s="15">
        <v>45462</v>
      </c>
      <c r="F123821" s="14" t="s">
        <v>15</v>
      </c>
      <c r="G123821" s="16">
        <v>0.64435838514611266</v>
      </c>
    </row>
    <row r="123822" spans="1:7" x14ac:dyDescent="0.3">
      <c r="A123822" s="13" t="s">
        <v>575</v>
      </c>
      <c r="B123822" s="14" t="s">
        <v>1</v>
      </c>
      <c r="C123822" s="14" t="s">
        <v>200</v>
      </c>
      <c r="D123822" s="14" t="s">
        <v>18</v>
      </c>
      <c r="E123822" s="15">
        <v>45463</v>
      </c>
      <c r="F123822" s="14" t="s">
        <v>15</v>
      </c>
      <c r="G123822" s="16">
        <v>0.65139436657794669</v>
      </c>
    </row>
    <row r="123823" spans="1:7" x14ac:dyDescent="0.3">
      <c r="A123823" s="13" t="s">
        <v>575</v>
      </c>
      <c r="B123823" s="14" t="s">
        <v>1</v>
      </c>
      <c r="C123823" s="14" t="s">
        <v>200</v>
      </c>
      <c r="D123823" s="14" t="s">
        <v>18</v>
      </c>
      <c r="E123823" s="15">
        <v>45464</v>
      </c>
      <c r="F123823" s="14" t="s">
        <v>15</v>
      </c>
      <c r="G123823" s="16">
        <v>0.66542186285879501</v>
      </c>
    </row>
    <row r="123824" spans="1:7" x14ac:dyDescent="0.3">
      <c r="A123824" s="13" t="s">
        <v>575</v>
      </c>
      <c r="B123824" s="14" t="s">
        <v>1</v>
      </c>
      <c r="C123824" s="14" t="s">
        <v>200</v>
      </c>
      <c r="D123824" s="14" t="s">
        <v>18</v>
      </c>
      <c r="E123824" s="15">
        <v>45465</v>
      </c>
      <c r="F123824" s="14" t="s">
        <v>15</v>
      </c>
      <c r="G123824" s="16">
        <v>0.66542186285879501</v>
      </c>
    </row>
    <row r="123825" spans="1:7" x14ac:dyDescent="0.3">
      <c r="A123825" s="13" t="s">
        <v>575</v>
      </c>
      <c r="B123825" s="14" t="s">
        <v>1</v>
      </c>
      <c r="C123825" s="14" t="s">
        <v>200</v>
      </c>
      <c r="D123825" s="14" t="s">
        <v>18</v>
      </c>
      <c r="E123825" s="15">
        <v>45466</v>
      </c>
      <c r="F123825" s="14" t="s">
        <v>15</v>
      </c>
      <c r="G123825" s="16">
        <v>0.66542186285879501</v>
      </c>
    </row>
    <row r="123826" spans="1:7" x14ac:dyDescent="0.3">
      <c r="A123826" s="13" t="s">
        <v>575</v>
      </c>
      <c r="B123826" s="14" t="s">
        <v>1</v>
      </c>
      <c r="C123826" s="14" t="s">
        <v>200</v>
      </c>
      <c r="D123826" s="14" t="s">
        <v>18</v>
      </c>
      <c r="E123826" s="15">
        <v>45467</v>
      </c>
      <c r="F123826" s="14" t="s">
        <v>15</v>
      </c>
      <c r="G123826" s="16">
        <v>0.67338247618481417</v>
      </c>
    </row>
    <row r="123827" spans="1:7" x14ac:dyDescent="0.3">
      <c r="A123827" s="13" t="s">
        <v>575</v>
      </c>
      <c r="B123827" s="14" t="s">
        <v>1</v>
      </c>
      <c r="C123827" s="14" t="s">
        <v>200</v>
      </c>
      <c r="D123827" s="14" t="s">
        <v>18</v>
      </c>
      <c r="E123827" s="15">
        <v>45468</v>
      </c>
      <c r="F123827" s="14" t="s">
        <v>15</v>
      </c>
      <c r="G123827" s="16">
        <v>0.69605359612425977</v>
      </c>
    </row>
    <row r="123828" spans="1:7" x14ac:dyDescent="0.3">
      <c r="A123828" s="13" t="s">
        <v>575</v>
      </c>
      <c r="B123828" s="14" t="s">
        <v>1</v>
      </c>
      <c r="C123828" s="14" t="s">
        <v>200</v>
      </c>
      <c r="D123828" s="14" t="s">
        <v>18</v>
      </c>
      <c r="E123828" s="15">
        <v>45469</v>
      </c>
      <c r="F123828" s="14" t="s">
        <v>15</v>
      </c>
      <c r="G123828" s="16">
        <v>0.70365982961499074</v>
      </c>
    </row>
    <row r="123829" spans="1:7" x14ac:dyDescent="0.3">
      <c r="A123829" s="13" t="s">
        <v>575</v>
      </c>
      <c r="B123829" s="14" t="s">
        <v>1</v>
      </c>
      <c r="C123829" s="14" t="s">
        <v>200</v>
      </c>
      <c r="D123829" s="14" t="s">
        <v>18</v>
      </c>
      <c r="E123829" s="15">
        <v>45470</v>
      </c>
      <c r="F123829" s="14" t="s">
        <v>15</v>
      </c>
      <c r="G123829" s="16">
        <v>0.71245398424373019</v>
      </c>
    </row>
    <row r="123830" spans="1:7" x14ac:dyDescent="0.3">
      <c r="A123830" s="13" t="s">
        <v>575</v>
      </c>
      <c r="B123830" s="14" t="s">
        <v>1</v>
      </c>
      <c r="C123830" s="14" t="s">
        <v>200</v>
      </c>
      <c r="D123830" s="14" t="s">
        <v>18</v>
      </c>
      <c r="E123830" s="15">
        <v>45471</v>
      </c>
      <c r="F123830" s="14" t="s">
        <v>15</v>
      </c>
      <c r="G123830" s="16">
        <v>0.71782662651908802</v>
      </c>
    </row>
    <row r="123831" spans="1:7" x14ac:dyDescent="0.3">
      <c r="A123831" s="13" t="s">
        <v>575</v>
      </c>
      <c r="B123831" s="14" t="s">
        <v>1</v>
      </c>
      <c r="C123831" s="14" t="s">
        <v>200</v>
      </c>
      <c r="D123831" s="14" t="s">
        <v>18</v>
      </c>
      <c r="E123831" s="15">
        <v>45472</v>
      </c>
      <c r="F123831" s="14" t="s">
        <v>15</v>
      </c>
      <c r="G123831" s="16">
        <v>0.71782662651908802</v>
      </c>
    </row>
    <row r="123832" spans="1:7" x14ac:dyDescent="0.3">
      <c r="A123832" s="13" t="s">
        <v>575</v>
      </c>
      <c r="B123832" s="14" t="s">
        <v>1</v>
      </c>
      <c r="C123832" s="14" t="s">
        <v>200</v>
      </c>
      <c r="D123832" s="14" t="s">
        <v>18</v>
      </c>
      <c r="E123832" s="15">
        <v>45473</v>
      </c>
      <c r="F123832" s="14" t="s">
        <v>15</v>
      </c>
      <c r="G123832" s="16">
        <v>0.71782662651908802</v>
      </c>
    </row>
    <row r="123833" spans="1:7" x14ac:dyDescent="0.3">
      <c r="A123833" s="13" t="s">
        <v>575</v>
      </c>
      <c r="B123833" s="14" t="s">
        <v>1</v>
      </c>
      <c r="C123833" s="14" t="s">
        <v>200</v>
      </c>
      <c r="D123833" s="14" t="s">
        <v>18</v>
      </c>
      <c r="E123833" s="15">
        <v>45474</v>
      </c>
      <c r="F123833" s="14" t="s">
        <v>15</v>
      </c>
      <c r="G123833" s="16">
        <v>0.72529435239813933</v>
      </c>
    </row>
    <row r="123834" spans="1:7" x14ac:dyDescent="0.3">
      <c r="A123834" s="13" t="s">
        <v>575</v>
      </c>
      <c r="B123834" s="14" t="s">
        <v>1</v>
      </c>
      <c r="C123834" s="14" t="s">
        <v>200</v>
      </c>
      <c r="D123834" s="14" t="s">
        <v>18</v>
      </c>
      <c r="E123834" s="15">
        <v>45475</v>
      </c>
      <c r="F123834" s="14" t="s">
        <v>15</v>
      </c>
      <c r="G123834" s="16">
        <v>0.75003310398220679</v>
      </c>
    </row>
    <row r="123835" spans="1:7" x14ac:dyDescent="0.3">
      <c r="A123835" s="13" t="s">
        <v>575</v>
      </c>
      <c r="B123835" s="14" t="s">
        <v>1</v>
      </c>
      <c r="C123835" s="14" t="s">
        <v>200</v>
      </c>
      <c r="D123835" s="14" t="s">
        <v>18</v>
      </c>
      <c r="E123835" s="15">
        <v>45476</v>
      </c>
      <c r="F123835" s="14" t="s">
        <v>15</v>
      </c>
      <c r="G123835" s="16">
        <v>0.75685820445571783</v>
      </c>
    </row>
    <row r="123836" spans="1:7" x14ac:dyDescent="0.3">
      <c r="A123836" s="13" t="s">
        <v>575</v>
      </c>
      <c r="B123836" s="14" t="s">
        <v>1</v>
      </c>
      <c r="C123836" s="14" t="s">
        <v>200</v>
      </c>
      <c r="D123836" s="14" t="s">
        <v>18</v>
      </c>
      <c r="E123836" s="15">
        <v>45477</v>
      </c>
      <c r="F123836" s="14" t="s">
        <v>15</v>
      </c>
      <c r="G123836" s="16">
        <v>0.75685820445571783</v>
      </c>
    </row>
    <row r="123837" spans="1:7" x14ac:dyDescent="0.3">
      <c r="A123837" s="13" t="s">
        <v>575</v>
      </c>
      <c r="B123837" s="14" t="s">
        <v>1</v>
      </c>
      <c r="C123837" s="14" t="s">
        <v>200</v>
      </c>
      <c r="D123837" s="14" t="s">
        <v>18</v>
      </c>
      <c r="E123837" s="15">
        <v>45478</v>
      </c>
      <c r="F123837" s="14" t="s">
        <v>15</v>
      </c>
      <c r="G123837" s="16">
        <v>0.7643496388448765</v>
      </c>
    </row>
    <row r="123838" spans="1:7" x14ac:dyDescent="0.3">
      <c r="A123838" s="13" t="s">
        <v>575</v>
      </c>
      <c r="B123838" s="14" t="s">
        <v>1</v>
      </c>
      <c r="C123838" s="14" t="s">
        <v>200</v>
      </c>
      <c r="D123838" s="14" t="s">
        <v>18</v>
      </c>
      <c r="E123838" s="15">
        <v>45479</v>
      </c>
      <c r="F123838" s="14" t="s">
        <v>15</v>
      </c>
      <c r="G123838" s="16">
        <v>0.7643496388448765</v>
      </c>
    </row>
    <row r="123839" spans="1:7" x14ac:dyDescent="0.3">
      <c r="A123839" s="13" t="s">
        <v>575</v>
      </c>
      <c r="B123839" s="14" t="s">
        <v>1</v>
      </c>
      <c r="C123839" s="14" t="s">
        <v>200</v>
      </c>
      <c r="D123839" s="14" t="s">
        <v>18</v>
      </c>
      <c r="E123839" s="15">
        <v>45480</v>
      </c>
      <c r="F123839" s="14" t="s">
        <v>15</v>
      </c>
      <c r="G123839" s="16">
        <v>0.7643496388448765</v>
      </c>
    </row>
    <row r="123840" spans="1:7" x14ac:dyDescent="0.3">
      <c r="A123840" s="13" t="s">
        <v>575</v>
      </c>
      <c r="B123840" s="14" t="s">
        <v>1</v>
      </c>
      <c r="C123840" s="14" t="s">
        <v>200</v>
      </c>
      <c r="D123840" s="14" t="s">
        <v>18</v>
      </c>
      <c r="E123840" s="15">
        <v>45481</v>
      </c>
      <c r="F123840" s="14" t="s">
        <v>15</v>
      </c>
      <c r="G123840" s="16">
        <v>0.77739635149707498</v>
      </c>
    </row>
    <row r="123841" spans="1:7" x14ac:dyDescent="0.3">
      <c r="A123841" s="13" t="s">
        <v>575</v>
      </c>
      <c r="B123841" s="14" t="s">
        <v>1</v>
      </c>
      <c r="C123841" s="14" t="s">
        <v>200</v>
      </c>
      <c r="D123841" s="14" t="s">
        <v>18</v>
      </c>
      <c r="E123841" s="15">
        <v>45482</v>
      </c>
      <c r="F123841" s="14" t="s">
        <v>15</v>
      </c>
      <c r="G123841" s="16">
        <v>0.80088479112706223</v>
      </c>
    </row>
    <row r="123842" spans="1:7" x14ac:dyDescent="0.3">
      <c r="A123842" s="13" t="s">
        <v>575</v>
      </c>
      <c r="B123842" s="14" t="s">
        <v>1</v>
      </c>
      <c r="C123842" s="14" t="s">
        <v>200</v>
      </c>
      <c r="D123842" s="14" t="s">
        <v>18</v>
      </c>
      <c r="E123842" s="15">
        <v>45483</v>
      </c>
      <c r="F123842" s="14" t="s">
        <v>15</v>
      </c>
      <c r="G123842" s="16">
        <v>0.80880921777975967</v>
      </c>
    </row>
    <row r="123843" spans="1:7" x14ac:dyDescent="0.3">
      <c r="A123843" s="13" t="s">
        <v>575</v>
      </c>
      <c r="B123843" s="14" t="s">
        <v>1</v>
      </c>
      <c r="C123843" s="14" t="s">
        <v>200</v>
      </c>
      <c r="D123843" s="14" t="s">
        <v>18</v>
      </c>
      <c r="E123843" s="15">
        <v>45484</v>
      </c>
      <c r="F123843" s="14" t="s">
        <v>15</v>
      </c>
      <c r="G123843" s="16">
        <v>0.81492555858269411</v>
      </c>
    </row>
    <row r="123844" spans="1:7" x14ac:dyDescent="0.3">
      <c r="A123844" s="13" t="s">
        <v>575</v>
      </c>
      <c r="B123844" s="14" t="s">
        <v>1</v>
      </c>
      <c r="C123844" s="14" t="s">
        <v>200</v>
      </c>
      <c r="D123844" s="14" t="s">
        <v>18</v>
      </c>
      <c r="E123844" s="15">
        <v>45485</v>
      </c>
      <c r="F123844" s="14" t="s">
        <v>15</v>
      </c>
      <c r="G123844" s="16">
        <v>0.82240701044128128</v>
      </c>
    </row>
    <row r="123845" spans="1:7" x14ac:dyDescent="0.3">
      <c r="A123845" s="13" t="s">
        <v>575</v>
      </c>
      <c r="B123845" s="14" t="s">
        <v>1</v>
      </c>
      <c r="C123845" s="14" t="s">
        <v>200</v>
      </c>
      <c r="D123845" s="14" t="s">
        <v>18</v>
      </c>
      <c r="E123845" s="15">
        <v>45486</v>
      </c>
      <c r="F123845" s="14" t="s">
        <v>15</v>
      </c>
      <c r="G123845" s="16">
        <v>0.82240701044128128</v>
      </c>
    </row>
    <row r="123846" spans="1:7" x14ac:dyDescent="0.3">
      <c r="A123846" s="13" t="s">
        <v>575</v>
      </c>
      <c r="B123846" s="14" t="s">
        <v>1</v>
      </c>
      <c r="C123846" s="14" t="s">
        <v>200</v>
      </c>
      <c r="D123846" s="14" t="s">
        <v>18</v>
      </c>
      <c r="E123846" s="15">
        <v>45487</v>
      </c>
      <c r="F123846" s="14" t="s">
        <v>15</v>
      </c>
      <c r="G123846" s="16">
        <v>0.82240701044128128</v>
      </c>
    </row>
    <row r="123847" spans="1:7" x14ac:dyDescent="0.3">
      <c r="A123847" s="13" t="s">
        <v>575</v>
      </c>
      <c r="B123847" s="14" t="s">
        <v>1</v>
      </c>
      <c r="C123847" s="14" t="s">
        <v>200</v>
      </c>
      <c r="D123847" s="14" t="s">
        <v>18</v>
      </c>
      <c r="E123847" s="15">
        <v>45488</v>
      </c>
      <c r="F123847" s="14" t="s">
        <v>15</v>
      </c>
      <c r="G123847" s="16">
        <v>0.8243593881795791</v>
      </c>
    </row>
    <row r="123848" spans="1:7" x14ac:dyDescent="0.3">
      <c r="A123848" s="13" t="s">
        <v>575</v>
      </c>
      <c r="B123848" s="14" t="s">
        <v>1</v>
      </c>
      <c r="C123848" s="14" t="s">
        <v>200</v>
      </c>
      <c r="D123848" s="14" t="s">
        <v>18</v>
      </c>
      <c r="E123848" s="15">
        <v>45489</v>
      </c>
      <c r="F123848" s="14" t="s">
        <v>15</v>
      </c>
      <c r="G123848" s="16">
        <v>0.84806993911478212</v>
      </c>
    </row>
    <row r="123849" spans="1:7" x14ac:dyDescent="0.3">
      <c r="A123849" s="13" t="s">
        <v>575</v>
      </c>
      <c r="B123849" s="14" t="s">
        <v>1</v>
      </c>
      <c r="C123849" s="14" t="s">
        <v>200</v>
      </c>
      <c r="D123849" s="14" t="s">
        <v>18</v>
      </c>
      <c r="E123849" s="15">
        <v>45490</v>
      </c>
      <c r="F123849" s="14" t="s">
        <v>15</v>
      </c>
      <c r="G123849" s="16">
        <v>0.84443334754936128</v>
      </c>
    </row>
    <row r="123850" spans="1:7" x14ac:dyDescent="0.3">
      <c r="A123850" s="13" t="s">
        <v>575</v>
      </c>
      <c r="B123850" s="14" t="s">
        <v>1</v>
      </c>
      <c r="C123850" s="14" t="s">
        <v>200</v>
      </c>
      <c r="D123850" s="14" t="s">
        <v>18</v>
      </c>
      <c r="E123850" s="15">
        <v>45491</v>
      </c>
      <c r="F123850" s="14" t="s">
        <v>15</v>
      </c>
      <c r="G123850" s="16">
        <v>0.85230037465127262</v>
      </c>
    </row>
    <row r="123851" spans="1:7" x14ac:dyDescent="0.3">
      <c r="A123851" s="13" t="s">
        <v>575</v>
      </c>
      <c r="B123851" s="14" t="s">
        <v>1</v>
      </c>
      <c r="C123851" s="14" t="s">
        <v>200</v>
      </c>
      <c r="D123851" s="14" t="s">
        <v>18</v>
      </c>
      <c r="E123851" s="15">
        <v>45492</v>
      </c>
      <c r="F123851" s="14" t="s">
        <v>15</v>
      </c>
      <c r="G123851" s="16">
        <v>0.8605167903231864</v>
      </c>
    </row>
    <row r="123852" spans="1:7" x14ac:dyDescent="0.3">
      <c r="A123852" s="13" t="s">
        <v>575</v>
      </c>
      <c r="B123852" s="14" t="s">
        <v>1</v>
      </c>
      <c r="C123852" s="14" t="s">
        <v>200</v>
      </c>
      <c r="D123852" s="14" t="s">
        <v>18</v>
      </c>
      <c r="E123852" s="15">
        <v>45493</v>
      </c>
      <c r="F123852" s="14" t="s">
        <v>15</v>
      </c>
      <c r="G123852" s="16">
        <v>0.8605167903231864</v>
      </c>
    </row>
    <row r="123853" spans="1:7" x14ac:dyDescent="0.3">
      <c r="A123853" s="13" t="s">
        <v>575</v>
      </c>
      <c r="B123853" s="14" t="s">
        <v>1</v>
      </c>
      <c r="C123853" s="14" t="s">
        <v>200</v>
      </c>
      <c r="D123853" s="14" t="s">
        <v>18</v>
      </c>
      <c r="E123853" s="15">
        <v>45494</v>
      </c>
      <c r="F123853" s="14" t="s">
        <v>15</v>
      </c>
      <c r="G123853" s="16">
        <v>0.8605167903231864</v>
      </c>
    </row>
    <row r="123854" spans="1:7" x14ac:dyDescent="0.3">
      <c r="A123854" s="13" t="s">
        <v>575</v>
      </c>
      <c r="B123854" s="14" t="s">
        <v>1</v>
      </c>
      <c r="C123854" s="14" t="s">
        <v>200</v>
      </c>
      <c r="D123854" s="14" t="s">
        <v>18</v>
      </c>
      <c r="E123854" s="15">
        <v>45495</v>
      </c>
      <c r="F123854" s="14" t="s">
        <v>15</v>
      </c>
      <c r="G123854" s="16">
        <v>0.86817418428309623</v>
      </c>
    </row>
    <row r="123855" spans="1:7" x14ac:dyDescent="0.3">
      <c r="A123855" s="13" t="s">
        <v>575</v>
      </c>
      <c r="B123855" s="14" t="s">
        <v>1</v>
      </c>
      <c r="C123855" s="14" t="s">
        <v>200</v>
      </c>
      <c r="D123855" s="14" t="s">
        <v>18</v>
      </c>
      <c r="E123855" s="15">
        <v>45496</v>
      </c>
      <c r="F123855" s="14" t="s">
        <v>15</v>
      </c>
      <c r="G123855" s="16">
        <v>0.89185977889187062</v>
      </c>
    </row>
    <row r="123856" spans="1:7" x14ac:dyDescent="0.3">
      <c r="A123856" s="13" t="s">
        <v>575</v>
      </c>
      <c r="B123856" s="14" t="s">
        <v>1</v>
      </c>
      <c r="C123856" s="14" t="s">
        <v>200</v>
      </c>
      <c r="D123856" s="14" t="s">
        <v>18</v>
      </c>
      <c r="E123856" s="15">
        <v>45497</v>
      </c>
      <c r="F123856" s="14" t="s">
        <v>15</v>
      </c>
      <c r="G123856" s="16">
        <v>0.89946850801524447</v>
      </c>
    </row>
    <row r="123857" spans="1:7" x14ac:dyDescent="0.3">
      <c r="A123857" s="13" t="s">
        <v>575</v>
      </c>
      <c r="B123857" s="14" t="s">
        <v>1</v>
      </c>
      <c r="C123857" s="14" t="s">
        <v>200</v>
      </c>
      <c r="D123857" s="14" t="s">
        <v>18</v>
      </c>
      <c r="E123857" s="15">
        <v>45498</v>
      </c>
      <c r="F123857" s="14" t="s">
        <v>15</v>
      </c>
      <c r="G123857" s="16">
        <v>0.90712964542411878</v>
      </c>
    </row>
    <row r="123858" spans="1:7" x14ac:dyDescent="0.3">
      <c r="A123858" s="13" t="s">
        <v>575</v>
      </c>
      <c r="B123858" s="14" t="s">
        <v>1</v>
      </c>
      <c r="C123858" s="14" t="s">
        <v>200</v>
      </c>
      <c r="D123858" s="14" t="s">
        <v>18</v>
      </c>
      <c r="E123858" s="15">
        <v>45499</v>
      </c>
      <c r="F123858" s="14" t="s">
        <v>15</v>
      </c>
      <c r="G123858" s="16">
        <v>0.91484693456745758</v>
      </c>
    </row>
    <row r="123859" spans="1:7" x14ac:dyDescent="0.3">
      <c r="A123859" s="13" t="s">
        <v>575</v>
      </c>
      <c r="B123859" s="14" t="s">
        <v>1</v>
      </c>
      <c r="C123859" s="14" t="s">
        <v>200</v>
      </c>
      <c r="D123859" s="14" t="s">
        <v>18</v>
      </c>
      <c r="E123859" s="15">
        <v>45500</v>
      </c>
      <c r="F123859" s="14" t="s">
        <v>15</v>
      </c>
      <c r="G123859" s="16">
        <v>0.91484693456745758</v>
      </c>
    </row>
    <row r="123860" spans="1:7" x14ac:dyDescent="0.3">
      <c r="A123860" s="13" t="s">
        <v>575</v>
      </c>
      <c r="B123860" s="14" t="s">
        <v>1</v>
      </c>
      <c r="C123860" s="14" t="s">
        <v>200</v>
      </c>
      <c r="D123860" s="14" t="s">
        <v>18</v>
      </c>
      <c r="E123860" s="15">
        <v>45501</v>
      </c>
      <c r="F123860" s="14" t="s">
        <v>15</v>
      </c>
      <c r="G123860" s="16">
        <v>0.91484693456745758</v>
      </c>
    </row>
    <row r="123861" spans="1:7" x14ac:dyDescent="0.3">
      <c r="A123861" s="13" t="s">
        <v>575</v>
      </c>
      <c r="B123861" s="14" t="s">
        <v>1</v>
      </c>
      <c r="C123861" s="14" t="s">
        <v>200</v>
      </c>
      <c r="D123861" s="14" t="s">
        <v>18</v>
      </c>
      <c r="E123861" s="15">
        <v>45502</v>
      </c>
      <c r="F123861" s="14" t="s">
        <v>15</v>
      </c>
      <c r="G123861" s="16">
        <v>0.9273246429770805</v>
      </c>
    </row>
    <row r="123862" spans="1:7" x14ac:dyDescent="0.3">
      <c r="A123862" s="13" t="s">
        <v>575</v>
      </c>
      <c r="B123862" s="14" t="s">
        <v>1</v>
      </c>
      <c r="C123862" s="14" t="s">
        <v>200</v>
      </c>
      <c r="D123862" s="14" t="s">
        <v>18</v>
      </c>
      <c r="E123862" s="15">
        <v>45503</v>
      </c>
      <c r="F123862" s="14" t="s">
        <v>15</v>
      </c>
      <c r="G123862" s="16">
        <v>0.94919591265448466</v>
      </c>
    </row>
    <row r="123863" spans="1:7" x14ac:dyDescent="0.3">
      <c r="A123863" s="13" t="s">
        <v>575</v>
      </c>
      <c r="B123863" s="14" t="s">
        <v>1</v>
      </c>
      <c r="C123863" s="14" t="s">
        <v>200</v>
      </c>
      <c r="D123863" s="14" t="s">
        <v>18</v>
      </c>
      <c r="E123863" s="15">
        <v>45504</v>
      </c>
      <c r="F123863" s="14" t="s">
        <v>15</v>
      </c>
      <c r="G123863" s="16">
        <v>0.95675847257396529</v>
      </c>
    </row>
    <row r="123864" spans="1:7" x14ac:dyDescent="0.3">
      <c r="A123864" s="13" t="s">
        <v>575</v>
      </c>
      <c r="B123864" s="14" t="s">
        <v>1</v>
      </c>
      <c r="C123864" s="14" t="s">
        <v>200</v>
      </c>
      <c r="D123864" s="14" t="s">
        <v>18</v>
      </c>
      <c r="E123864" s="15">
        <v>45505</v>
      </c>
      <c r="F123864" s="14" t="s">
        <v>15</v>
      </c>
      <c r="G123864" s="16">
        <v>0.96511214804123724</v>
      </c>
    </row>
    <row r="123865" spans="1:7" x14ac:dyDescent="0.3">
      <c r="A123865" s="13" t="s">
        <v>575</v>
      </c>
      <c r="B123865" s="14" t="s">
        <v>1</v>
      </c>
      <c r="C123865" s="14" t="s">
        <v>200</v>
      </c>
      <c r="D123865" s="14" t="s">
        <v>18</v>
      </c>
      <c r="E123865" s="15">
        <v>45506</v>
      </c>
      <c r="F123865" s="14" t="s">
        <v>15</v>
      </c>
      <c r="G123865" s="16">
        <v>0.98096099600033626</v>
      </c>
    </row>
    <row r="123866" spans="1:7" x14ac:dyDescent="0.3">
      <c r="A123866" s="13" t="s">
        <v>575</v>
      </c>
      <c r="B123866" s="14" t="s">
        <v>1</v>
      </c>
      <c r="C123866" s="14" t="s">
        <v>200</v>
      </c>
      <c r="D123866" s="14" t="s">
        <v>18</v>
      </c>
      <c r="E123866" s="15">
        <v>45507</v>
      </c>
      <c r="F123866" s="14" t="s">
        <v>15</v>
      </c>
      <c r="G123866" s="16">
        <v>0.98096099600033626</v>
      </c>
    </row>
    <row r="123867" spans="1:7" x14ac:dyDescent="0.3">
      <c r="A123867" s="13" t="s">
        <v>575</v>
      </c>
      <c r="B123867" s="14" t="s">
        <v>1</v>
      </c>
      <c r="C123867" s="14" t="s">
        <v>200</v>
      </c>
      <c r="D123867" s="14" t="s">
        <v>18</v>
      </c>
      <c r="E123867" s="15">
        <v>45508</v>
      </c>
      <c r="F123867" s="14" t="s">
        <v>15</v>
      </c>
      <c r="G123867" s="16">
        <v>0.98096099600033626</v>
      </c>
    </row>
    <row r="123868" spans="1:7" x14ac:dyDescent="0.3">
      <c r="A123868" s="13" t="s">
        <v>575</v>
      </c>
      <c r="B123868" s="14" t="s">
        <v>1</v>
      </c>
      <c r="C123868" s="14" t="s">
        <v>200</v>
      </c>
      <c r="D123868" s="14" t="s">
        <v>18</v>
      </c>
      <c r="E123868" s="15">
        <v>45509</v>
      </c>
      <c r="F123868" s="14" t="s">
        <v>15</v>
      </c>
      <c r="G123868" s="16">
        <v>0.98096099600033626</v>
      </c>
    </row>
    <row r="123869" spans="1:7" x14ac:dyDescent="0.3">
      <c r="A123869" s="13" t="s">
        <v>575</v>
      </c>
      <c r="B123869" s="14" t="s">
        <v>1</v>
      </c>
      <c r="C123869" s="14" t="s">
        <v>200</v>
      </c>
      <c r="D123869" s="14" t="s">
        <v>18</v>
      </c>
      <c r="E123869" s="15">
        <v>45510</v>
      </c>
      <c r="F123869" s="14" t="s">
        <v>15</v>
      </c>
      <c r="G123869" s="16">
        <v>0.99625084843139966</v>
      </c>
    </row>
    <row r="123870" spans="1:7" x14ac:dyDescent="0.3">
      <c r="A123870" s="13" t="s">
        <v>575</v>
      </c>
      <c r="B123870" s="14" t="s">
        <v>1</v>
      </c>
      <c r="C123870" s="14" t="s">
        <v>200</v>
      </c>
      <c r="D123870" s="14" t="s">
        <v>18</v>
      </c>
      <c r="E123870" s="15">
        <v>45511</v>
      </c>
      <c r="F123870" s="14" t="s">
        <v>15</v>
      </c>
      <c r="G123870" s="16">
        <v>1.0268571783306431</v>
      </c>
    </row>
    <row r="123871" spans="1:7" x14ac:dyDescent="0.3">
      <c r="A123871" s="13" t="s">
        <v>575</v>
      </c>
      <c r="B123871" s="14" t="s">
        <v>1</v>
      </c>
      <c r="C123871" s="14" t="s">
        <v>200</v>
      </c>
      <c r="D123871" s="14" t="s">
        <v>18</v>
      </c>
      <c r="E123871" s="15">
        <v>45512</v>
      </c>
      <c r="F123871" s="14" t="s">
        <v>15</v>
      </c>
      <c r="G123871" s="16">
        <v>1.0339031367128588</v>
      </c>
    </row>
    <row r="123872" spans="1:7" x14ac:dyDescent="0.3">
      <c r="A123872" s="13" t="s">
        <v>575</v>
      </c>
      <c r="B123872" s="14" t="s">
        <v>1</v>
      </c>
      <c r="C123872" s="14" t="s">
        <v>200</v>
      </c>
      <c r="D123872" s="14" t="s">
        <v>18</v>
      </c>
      <c r="E123872" s="15">
        <v>45513</v>
      </c>
      <c r="F123872" s="14" t="s">
        <v>15</v>
      </c>
      <c r="G123872" s="16">
        <v>1.0406326176268941</v>
      </c>
    </row>
    <row r="123873" spans="1:7" x14ac:dyDescent="0.3">
      <c r="A123873" s="13" t="s">
        <v>575</v>
      </c>
      <c r="B123873" s="14" t="s">
        <v>1</v>
      </c>
      <c r="C123873" s="14" t="s">
        <v>200</v>
      </c>
      <c r="D123873" s="14" t="s">
        <v>18</v>
      </c>
      <c r="E123873" s="15">
        <v>45514</v>
      </c>
      <c r="F123873" s="14" t="s">
        <v>15</v>
      </c>
      <c r="G123873" s="16">
        <v>1.0406326176268941</v>
      </c>
    </row>
    <row r="123874" spans="1:7" x14ac:dyDescent="0.3">
      <c r="A123874" s="13" t="s">
        <v>575</v>
      </c>
      <c r="B123874" s="14" t="s">
        <v>1</v>
      </c>
      <c r="C123874" s="14" t="s">
        <v>200</v>
      </c>
      <c r="D123874" s="14" t="s">
        <v>18</v>
      </c>
      <c r="E123874" s="15">
        <v>45515</v>
      </c>
      <c r="F123874" s="14" t="s">
        <v>15</v>
      </c>
      <c r="G123874" s="16">
        <v>1.0406326176268941</v>
      </c>
    </row>
    <row r="123875" spans="1:7" x14ac:dyDescent="0.3">
      <c r="A123875" s="13" t="s">
        <v>575</v>
      </c>
      <c r="B123875" s="14" t="s">
        <v>1</v>
      </c>
      <c r="C123875" s="14" t="s">
        <v>200</v>
      </c>
      <c r="D123875" s="14" t="s">
        <v>18</v>
      </c>
      <c r="E123875" s="15">
        <v>45516</v>
      </c>
      <c r="F123875" s="14" t="s">
        <v>15</v>
      </c>
      <c r="G123875" s="16">
        <v>1.0462372275398975</v>
      </c>
    </row>
    <row r="123876" spans="1:7" x14ac:dyDescent="0.3">
      <c r="A123876" s="13" t="s">
        <v>575</v>
      </c>
      <c r="B123876" s="14" t="s">
        <v>1</v>
      </c>
      <c r="C123876" s="14" t="s">
        <v>200</v>
      </c>
      <c r="D123876" s="14" t="s">
        <v>18</v>
      </c>
      <c r="E123876" s="15">
        <v>45517</v>
      </c>
      <c r="F123876" s="14" t="s">
        <v>15</v>
      </c>
      <c r="G123876" s="16">
        <v>1.0667489581959346</v>
      </c>
    </row>
    <row r="123877" spans="1:7" x14ac:dyDescent="0.3">
      <c r="A123877" s="13" t="s">
        <v>575</v>
      </c>
      <c r="B123877" s="14" t="s">
        <v>1</v>
      </c>
      <c r="C123877" s="14" t="s">
        <v>200</v>
      </c>
      <c r="D123877" s="14" t="s">
        <v>18</v>
      </c>
      <c r="E123877" s="15">
        <v>45518</v>
      </c>
      <c r="F123877" s="14" t="s">
        <v>15</v>
      </c>
      <c r="G123877" s="16">
        <v>1.0748148684185357</v>
      </c>
    </row>
    <row r="123878" spans="1:7" x14ac:dyDescent="0.3">
      <c r="A123878" s="13" t="s">
        <v>575</v>
      </c>
      <c r="B123878" s="14" t="s">
        <v>1</v>
      </c>
      <c r="C123878" s="14" t="s">
        <v>200</v>
      </c>
      <c r="D123878" s="14" t="s">
        <v>18</v>
      </c>
      <c r="E123878" s="15">
        <v>45519</v>
      </c>
      <c r="F123878" s="14" t="s">
        <v>15</v>
      </c>
      <c r="G123878" s="16">
        <v>1.081951986071477</v>
      </c>
    </row>
    <row r="123879" spans="1:7" x14ac:dyDescent="0.3">
      <c r="A123879" s="13" t="s">
        <v>575</v>
      </c>
      <c r="B123879" s="14" t="s">
        <v>1</v>
      </c>
      <c r="C123879" s="14" t="s">
        <v>200</v>
      </c>
      <c r="D123879" s="14" t="s">
        <v>18</v>
      </c>
      <c r="E123879" s="15">
        <v>45520</v>
      </c>
      <c r="F123879" s="14" t="s">
        <v>15</v>
      </c>
      <c r="G123879" s="16">
        <v>1.0890375041372151</v>
      </c>
    </row>
    <row r="123880" spans="1:7" x14ac:dyDescent="0.3">
      <c r="A123880" s="13" t="s">
        <v>575</v>
      </c>
      <c r="B123880" s="14" t="s">
        <v>1</v>
      </c>
      <c r="C123880" s="14" t="s">
        <v>200</v>
      </c>
      <c r="D123880" s="14" t="s">
        <v>18</v>
      </c>
      <c r="E123880" s="15">
        <v>45521</v>
      </c>
      <c r="F123880" s="14" t="s">
        <v>15</v>
      </c>
      <c r="G123880" s="16">
        <v>1.0890375041372151</v>
      </c>
    </row>
    <row r="123881" spans="1:7" x14ac:dyDescent="0.3">
      <c r="A123881" s="13" t="s">
        <v>575</v>
      </c>
      <c r="B123881" s="14" t="s">
        <v>1</v>
      </c>
      <c r="C123881" s="14" t="s">
        <v>200</v>
      </c>
      <c r="D123881" s="14" t="s">
        <v>18</v>
      </c>
      <c r="E123881" s="15">
        <v>45522</v>
      </c>
      <c r="F123881" s="14" t="s">
        <v>15</v>
      </c>
      <c r="G123881" s="16">
        <v>1.0890375041372151</v>
      </c>
    </row>
    <row r="123882" spans="1:7" x14ac:dyDescent="0.3">
      <c r="A123882" s="13" t="s">
        <v>575</v>
      </c>
      <c r="B123882" s="14" t="s">
        <v>1</v>
      </c>
      <c r="C123882" s="14" t="s">
        <v>200</v>
      </c>
      <c r="D123882" s="14" t="s">
        <v>18</v>
      </c>
      <c r="E123882" s="15">
        <v>45523</v>
      </c>
      <c r="F123882" s="14" t="s">
        <v>15</v>
      </c>
      <c r="G123882" s="16">
        <v>1.0960232630010267</v>
      </c>
    </row>
    <row r="123883" spans="1:7" x14ac:dyDescent="0.3">
      <c r="A123883" s="13" t="s">
        <v>575</v>
      </c>
      <c r="B123883" s="14" t="s">
        <v>1</v>
      </c>
      <c r="C123883" s="14" t="s">
        <v>200</v>
      </c>
      <c r="D123883" s="14" t="s">
        <v>18</v>
      </c>
      <c r="E123883" s="15">
        <v>45524</v>
      </c>
      <c r="F123883" s="14" t="s">
        <v>15</v>
      </c>
      <c r="G123883" s="16">
        <v>1.1164799540973807</v>
      </c>
    </row>
    <row r="123884" spans="1:7" x14ac:dyDescent="0.3">
      <c r="A123884" s="13" t="s">
        <v>575</v>
      </c>
      <c r="B123884" s="14" t="s">
        <v>1</v>
      </c>
      <c r="C123884" s="14" t="s">
        <v>200</v>
      </c>
      <c r="D123884" s="14" t="s">
        <v>18</v>
      </c>
      <c r="E123884" s="15">
        <v>45525</v>
      </c>
      <c r="F123884" s="14" t="s">
        <v>15</v>
      </c>
      <c r="G123884" s="16">
        <v>1.1223081622215985</v>
      </c>
    </row>
    <row r="123885" spans="1:7" x14ac:dyDescent="0.3">
      <c r="A123885" s="13" t="s">
        <v>575</v>
      </c>
      <c r="B123885" s="14" t="s">
        <v>1</v>
      </c>
      <c r="C123885" s="14" t="s">
        <v>200</v>
      </c>
      <c r="D123885" s="14" t="s">
        <v>18</v>
      </c>
      <c r="E123885" s="15">
        <v>45526</v>
      </c>
      <c r="F123885" s="14" t="s">
        <v>15</v>
      </c>
      <c r="G123885" s="16">
        <v>1.1331742100430984</v>
      </c>
    </row>
    <row r="123886" spans="1:7" x14ac:dyDescent="0.3">
      <c r="A123886" s="13" t="s">
        <v>575</v>
      </c>
      <c r="B123886" s="14" t="s">
        <v>1</v>
      </c>
      <c r="C123886" s="14" t="s">
        <v>200</v>
      </c>
      <c r="D123886" s="14" t="s">
        <v>18</v>
      </c>
      <c r="E123886" s="15">
        <v>45527</v>
      </c>
      <c r="F123886" s="14" t="s">
        <v>15</v>
      </c>
      <c r="G123886" s="16">
        <v>1.1375387098769825</v>
      </c>
    </row>
    <row r="123887" spans="1:7" x14ac:dyDescent="0.3">
      <c r="A123887" s="13" t="s">
        <v>575</v>
      </c>
      <c r="B123887" s="14" t="s">
        <v>1</v>
      </c>
      <c r="C123887" s="14" t="s">
        <v>200</v>
      </c>
      <c r="D123887" s="14" t="s">
        <v>18</v>
      </c>
      <c r="E123887" s="15">
        <v>45528</v>
      </c>
      <c r="F123887" s="14" t="s">
        <v>15</v>
      </c>
      <c r="G123887" s="16">
        <v>1.1375387098769825</v>
      </c>
    </row>
    <row r="123888" spans="1:7" x14ac:dyDescent="0.3">
      <c r="A123888" s="13" t="s">
        <v>575</v>
      </c>
      <c r="B123888" s="14" t="s">
        <v>1</v>
      </c>
      <c r="C123888" s="14" t="s">
        <v>200</v>
      </c>
      <c r="D123888" s="14" t="s">
        <v>18</v>
      </c>
      <c r="E123888" s="15">
        <v>45529</v>
      </c>
      <c r="F123888" s="14" t="s">
        <v>15</v>
      </c>
      <c r="G123888" s="16">
        <v>1.1375387098769825</v>
      </c>
    </row>
    <row r="123889" spans="1:7" x14ac:dyDescent="0.3">
      <c r="A123889" s="13" t="s">
        <v>575</v>
      </c>
      <c r="B123889" s="14" t="s">
        <v>1</v>
      </c>
      <c r="C123889" s="14" t="s">
        <v>200</v>
      </c>
      <c r="D123889" s="14" t="s">
        <v>18</v>
      </c>
      <c r="E123889" s="15">
        <v>45530</v>
      </c>
      <c r="F123889" s="14" t="s">
        <v>15</v>
      </c>
      <c r="G123889" s="16">
        <v>1.1533497181387988</v>
      </c>
    </row>
    <row r="123890" spans="1:7" x14ac:dyDescent="0.3">
      <c r="A123890" s="13" t="s">
        <v>575</v>
      </c>
      <c r="B123890" s="14" t="s">
        <v>1</v>
      </c>
      <c r="C123890" s="14" t="s">
        <v>200</v>
      </c>
      <c r="D123890" s="14" t="s">
        <v>18</v>
      </c>
      <c r="E123890" s="15">
        <v>45531</v>
      </c>
      <c r="F123890" s="14" t="s">
        <v>15</v>
      </c>
      <c r="G123890" s="16">
        <v>1.1736894501708253</v>
      </c>
    </row>
    <row r="123891" spans="1:7" x14ac:dyDescent="0.3">
      <c r="A123891" s="13" t="s">
        <v>575</v>
      </c>
      <c r="B123891" s="14" t="s">
        <v>1</v>
      </c>
      <c r="C123891" s="14" t="s">
        <v>200</v>
      </c>
      <c r="D123891" s="14" t="s">
        <v>18</v>
      </c>
      <c r="E123891" s="15">
        <v>45532</v>
      </c>
      <c r="F123891" s="14" t="s">
        <v>15</v>
      </c>
      <c r="G123891" s="16">
        <v>1.1798736954467457</v>
      </c>
    </row>
    <row r="123892" spans="1:7" x14ac:dyDescent="0.3">
      <c r="A123892" s="13" t="s">
        <v>575</v>
      </c>
      <c r="B123892" s="14" t="s">
        <v>1</v>
      </c>
      <c r="C123892" s="14" t="s">
        <v>200</v>
      </c>
      <c r="D123892" s="14" t="s">
        <v>18</v>
      </c>
      <c r="E123892" s="15">
        <v>45533</v>
      </c>
      <c r="F123892" s="14" t="s">
        <v>15</v>
      </c>
      <c r="G123892" s="16">
        <v>1.1858154226628106</v>
      </c>
    </row>
    <row r="123893" spans="1:7" x14ac:dyDescent="0.3">
      <c r="A123893" s="13" t="s">
        <v>575</v>
      </c>
      <c r="B123893" s="14" t="s">
        <v>1</v>
      </c>
      <c r="C123893" s="14" t="s">
        <v>200</v>
      </c>
      <c r="D123893" s="14" t="s">
        <v>18</v>
      </c>
      <c r="E123893" s="15">
        <v>45534</v>
      </c>
      <c r="F123893" s="14" t="s">
        <v>15</v>
      </c>
      <c r="G123893" s="16">
        <v>1.1965077518740594</v>
      </c>
    </row>
    <row r="123894" spans="1:7" x14ac:dyDescent="0.3">
      <c r="A123894" s="13" t="s">
        <v>575</v>
      </c>
      <c r="B123894" s="14" t="s">
        <v>1</v>
      </c>
      <c r="C123894" s="14" t="s">
        <v>200</v>
      </c>
      <c r="D123894" s="14" t="s">
        <v>18</v>
      </c>
      <c r="E123894" s="15">
        <v>45535</v>
      </c>
      <c r="F123894" s="14" t="s">
        <v>15</v>
      </c>
      <c r="G123894" s="16">
        <v>1.1965077518740594</v>
      </c>
    </row>
    <row r="123895" spans="1:7" x14ac:dyDescent="0.3">
      <c r="A123895" s="13" t="s">
        <v>575</v>
      </c>
      <c r="B123895" s="14" t="s">
        <v>1</v>
      </c>
      <c r="C123895" s="14" t="s">
        <v>200</v>
      </c>
      <c r="D123895" s="14" t="s">
        <v>18</v>
      </c>
      <c r="E123895" s="15">
        <v>45536</v>
      </c>
      <c r="F123895" s="14" t="s">
        <v>15</v>
      </c>
      <c r="G123895" s="16">
        <v>1.1965077518740594</v>
      </c>
    </row>
    <row r="123896" spans="1:7" x14ac:dyDescent="0.3">
      <c r="A123896" s="13" t="s">
        <v>575</v>
      </c>
      <c r="B123896" s="14" t="s">
        <v>1</v>
      </c>
      <c r="C123896" s="14" t="s">
        <v>200</v>
      </c>
      <c r="D123896" s="14" t="s">
        <v>18</v>
      </c>
      <c r="E123896" s="15">
        <v>45537</v>
      </c>
      <c r="F123896" s="14" t="s">
        <v>15</v>
      </c>
      <c r="G123896" s="16">
        <v>1.1965077518740594</v>
      </c>
    </row>
    <row r="123897" spans="1:7" x14ac:dyDescent="0.3">
      <c r="A123897" s="13" t="s">
        <v>575</v>
      </c>
      <c r="B123897" s="14" t="s">
        <v>1</v>
      </c>
      <c r="C123897" s="14" t="s">
        <v>200</v>
      </c>
      <c r="D123897" s="14" t="s">
        <v>18</v>
      </c>
      <c r="E123897" s="15">
        <v>45538</v>
      </c>
      <c r="F123897" s="14" t="s">
        <v>15</v>
      </c>
      <c r="G123897" s="16">
        <v>1.2031529534623295</v>
      </c>
    </row>
    <row r="123898" spans="1:7" x14ac:dyDescent="0.3">
      <c r="A123898" s="13" t="s">
        <v>575</v>
      </c>
      <c r="B123898" s="14" t="s">
        <v>1</v>
      </c>
      <c r="C123898" s="14" t="s">
        <v>200</v>
      </c>
      <c r="D123898" s="14" t="s">
        <v>18</v>
      </c>
      <c r="E123898" s="15">
        <v>45539</v>
      </c>
      <c r="F123898" s="14" t="s">
        <v>15</v>
      </c>
      <c r="G123898" s="16">
        <v>1.2266110205476757</v>
      </c>
    </row>
    <row r="123899" spans="1:7" x14ac:dyDescent="0.3">
      <c r="A123899" s="13" t="s">
        <v>575</v>
      </c>
      <c r="B123899" s="14" t="s">
        <v>1</v>
      </c>
      <c r="C123899" s="14" t="s">
        <v>200</v>
      </c>
      <c r="D123899" s="14" t="s">
        <v>18</v>
      </c>
      <c r="E123899" s="15">
        <v>45540</v>
      </c>
      <c r="F123899" s="14" t="s">
        <v>15</v>
      </c>
      <c r="G123899" s="16">
        <v>1.233342221447951</v>
      </c>
    </row>
    <row r="123900" spans="1:7" x14ac:dyDescent="0.3">
      <c r="A123900" s="13" t="s">
        <v>575</v>
      </c>
      <c r="B123900" s="14" t="s">
        <v>1</v>
      </c>
      <c r="C123900" s="14" t="s">
        <v>200</v>
      </c>
      <c r="D123900" s="14" t="s">
        <v>18</v>
      </c>
      <c r="E123900" s="15">
        <v>45541</v>
      </c>
      <c r="F123900" s="14" t="s">
        <v>15</v>
      </c>
      <c r="G123900" s="16">
        <v>1.2406341378625025</v>
      </c>
    </row>
    <row r="123901" spans="1:7" x14ac:dyDescent="0.3">
      <c r="A123901" s="13" t="s">
        <v>575</v>
      </c>
      <c r="B123901" s="14" t="s">
        <v>1</v>
      </c>
      <c r="C123901" s="14" t="s">
        <v>200</v>
      </c>
      <c r="D123901" s="14" t="s">
        <v>18</v>
      </c>
      <c r="E123901" s="15">
        <v>45542</v>
      </c>
      <c r="F123901" s="14" t="s">
        <v>15</v>
      </c>
      <c r="G123901" s="16">
        <v>1.2406341378625025</v>
      </c>
    </row>
    <row r="123902" spans="1:7" x14ac:dyDescent="0.3">
      <c r="A123902" s="13" t="s">
        <v>575</v>
      </c>
      <c r="B123902" s="14" t="s">
        <v>1</v>
      </c>
      <c r="C123902" s="14" t="s">
        <v>200</v>
      </c>
      <c r="D123902" s="14" t="s">
        <v>18</v>
      </c>
      <c r="E123902" s="15">
        <v>45543</v>
      </c>
      <c r="F123902" s="14" t="s">
        <v>15</v>
      </c>
      <c r="G123902" s="16">
        <v>1.2406341378625025</v>
      </c>
    </row>
    <row r="123903" spans="1:7" x14ac:dyDescent="0.3">
      <c r="A123903" s="13" t="s">
        <v>575</v>
      </c>
      <c r="B123903" s="14" t="s">
        <v>1</v>
      </c>
      <c r="C123903" s="14" t="s">
        <v>200</v>
      </c>
      <c r="D123903" s="14" t="s">
        <v>18</v>
      </c>
      <c r="E123903" s="15">
        <v>45544</v>
      </c>
      <c r="F123903" s="14" t="s">
        <v>15</v>
      </c>
      <c r="G123903" s="16">
        <v>1.2500502372835898</v>
      </c>
    </row>
    <row r="123904" spans="1:7" x14ac:dyDescent="0.3">
      <c r="A123904" s="13" t="s">
        <v>575</v>
      </c>
      <c r="B123904" s="14" t="s">
        <v>1</v>
      </c>
      <c r="C123904" s="14" t="s">
        <v>200</v>
      </c>
      <c r="D123904" s="14" t="s">
        <v>18</v>
      </c>
      <c r="E123904" s="15">
        <v>45545</v>
      </c>
      <c r="F123904" s="14" t="s">
        <v>15</v>
      </c>
      <c r="G123904" s="16">
        <v>1.268874661438079</v>
      </c>
    </row>
    <row r="123905" spans="1:7" x14ac:dyDescent="0.3">
      <c r="A123905" s="13" t="s">
        <v>575</v>
      </c>
      <c r="B123905" s="14" t="s">
        <v>1</v>
      </c>
      <c r="C123905" s="14" t="s">
        <v>200</v>
      </c>
      <c r="D123905" s="14" t="s">
        <v>18</v>
      </c>
      <c r="E123905" s="15">
        <v>45546</v>
      </c>
      <c r="F123905" s="14" t="s">
        <v>15</v>
      </c>
      <c r="G123905" s="16">
        <v>1.2773464884133459</v>
      </c>
    </row>
    <row r="123906" spans="1:7" x14ac:dyDescent="0.3">
      <c r="A123906" s="13" t="s">
        <v>575</v>
      </c>
      <c r="B123906" s="14" t="s">
        <v>1</v>
      </c>
      <c r="C123906" s="14" t="s">
        <v>200</v>
      </c>
      <c r="D123906" s="14" t="s">
        <v>18</v>
      </c>
      <c r="E123906" s="15">
        <v>45547</v>
      </c>
      <c r="F123906" s="14" t="s">
        <v>15</v>
      </c>
      <c r="G123906" s="16">
        <v>1.2839676101942541</v>
      </c>
    </row>
    <row r="123907" spans="1:7" x14ac:dyDescent="0.3">
      <c r="A123907" s="13" t="s">
        <v>575</v>
      </c>
      <c r="B123907" s="14" t="s">
        <v>1</v>
      </c>
      <c r="C123907" s="14" t="s">
        <v>200</v>
      </c>
      <c r="D123907" s="14" t="s">
        <v>18</v>
      </c>
      <c r="E123907" s="15">
        <v>45548</v>
      </c>
      <c r="F123907" s="14" t="s">
        <v>15</v>
      </c>
      <c r="G123907" s="16">
        <v>1.2901690553325758</v>
      </c>
    </row>
    <row r="123908" spans="1:7" x14ac:dyDescent="0.3">
      <c r="A123908" s="13" t="s">
        <v>575</v>
      </c>
      <c r="B123908" s="14" t="s">
        <v>1</v>
      </c>
      <c r="C123908" s="14" t="s">
        <v>200</v>
      </c>
      <c r="D123908" s="14" t="s">
        <v>18</v>
      </c>
      <c r="E123908" s="15">
        <v>45549</v>
      </c>
      <c r="F123908" s="14" t="s">
        <v>15</v>
      </c>
      <c r="G123908" s="16">
        <v>1.2901690553325758</v>
      </c>
    </row>
    <row r="123909" spans="1:7" x14ac:dyDescent="0.3">
      <c r="A123909" s="13" t="s">
        <v>575</v>
      </c>
      <c r="B123909" s="14" t="s">
        <v>1</v>
      </c>
      <c r="C123909" s="14" t="s">
        <v>200</v>
      </c>
      <c r="D123909" s="14" t="s">
        <v>18</v>
      </c>
      <c r="E123909" s="15">
        <v>45550</v>
      </c>
      <c r="F123909" s="14" t="s">
        <v>15</v>
      </c>
      <c r="G123909" s="16">
        <v>1.2901690553325758</v>
      </c>
    </row>
    <row r="123910" spans="1:7" x14ac:dyDescent="0.3">
      <c r="A123910" s="13" t="s">
        <v>575</v>
      </c>
      <c r="B123910" s="14" t="s">
        <v>1</v>
      </c>
      <c r="C123910" s="14" t="s">
        <v>200</v>
      </c>
      <c r="D123910" s="14" t="s">
        <v>18</v>
      </c>
      <c r="E123910" s="15">
        <v>45551</v>
      </c>
      <c r="F123910" s="14" t="s">
        <v>15</v>
      </c>
      <c r="G123910" s="16">
        <v>1.296759217361162</v>
      </c>
    </row>
    <row r="123911" spans="1:7" x14ac:dyDescent="0.3">
      <c r="A123911" s="13" t="s">
        <v>575</v>
      </c>
      <c r="B123911" s="14" t="s">
        <v>1</v>
      </c>
      <c r="C123911" s="14" t="s">
        <v>200</v>
      </c>
      <c r="D123911" s="14" t="s">
        <v>18</v>
      </c>
      <c r="E123911" s="15">
        <v>45552</v>
      </c>
      <c r="F123911" s="14" t="s">
        <v>15</v>
      </c>
      <c r="G123911" s="16">
        <v>1.3144880102807013</v>
      </c>
    </row>
    <row r="123912" spans="1:7" x14ac:dyDescent="0.3">
      <c r="A123912" s="13" t="s">
        <v>575</v>
      </c>
      <c r="B123912" s="14" t="s">
        <v>1</v>
      </c>
      <c r="C123912" s="14" t="s">
        <v>200</v>
      </c>
      <c r="D123912" s="14" t="s">
        <v>18</v>
      </c>
      <c r="E123912" s="15">
        <v>45553</v>
      </c>
      <c r="F123912" s="14" t="s">
        <v>15</v>
      </c>
      <c r="G123912" s="16">
        <v>1.3213877698325074</v>
      </c>
    </row>
    <row r="123913" spans="1:7" x14ac:dyDescent="0.3">
      <c r="A123913" s="13" t="s">
        <v>575</v>
      </c>
      <c r="B123913" s="14" t="s">
        <v>1</v>
      </c>
      <c r="C123913" s="14" t="s">
        <v>200</v>
      </c>
      <c r="D123913" s="14" t="s">
        <v>18</v>
      </c>
      <c r="E123913" s="15">
        <v>45554</v>
      </c>
      <c r="F123913" s="14" t="s">
        <v>15</v>
      </c>
      <c r="G123913" s="16">
        <v>1.3282170099484691</v>
      </c>
    </row>
    <row r="123914" spans="1:7" x14ac:dyDescent="0.3">
      <c r="A123914" s="13" t="s">
        <v>575</v>
      </c>
      <c r="B123914" s="14" t="s">
        <v>1</v>
      </c>
      <c r="C123914" s="14" t="s">
        <v>200</v>
      </c>
      <c r="D123914" s="14" t="s">
        <v>18</v>
      </c>
      <c r="E123914" s="15">
        <v>45555</v>
      </c>
      <c r="F123914" s="14" t="s">
        <v>15</v>
      </c>
      <c r="G123914" s="16">
        <v>1.3366750770338152</v>
      </c>
    </row>
    <row r="123915" spans="1:7" x14ac:dyDescent="0.3">
      <c r="A123915" s="13" t="s">
        <v>575</v>
      </c>
      <c r="B123915" s="14" t="s">
        <v>1</v>
      </c>
      <c r="C123915" s="14" t="s">
        <v>200</v>
      </c>
      <c r="D123915" s="14" t="s">
        <v>18</v>
      </c>
      <c r="E123915" s="15">
        <v>45556</v>
      </c>
      <c r="F123915" s="14" t="s">
        <v>15</v>
      </c>
      <c r="G123915" s="16">
        <v>1.3366750770338152</v>
      </c>
    </row>
    <row r="123916" spans="1:7" x14ac:dyDescent="0.3">
      <c r="A123916" s="13" t="s">
        <v>575</v>
      </c>
      <c r="B123916" s="14" t="s">
        <v>1</v>
      </c>
      <c r="C123916" s="14" t="s">
        <v>200</v>
      </c>
      <c r="D123916" s="14" t="s">
        <v>18</v>
      </c>
      <c r="E123916" s="15">
        <v>45557</v>
      </c>
      <c r="F123916" s="14" t="s">
        <v>15</v>
      </c>
      <c r="G123916" s="16">
        <v>1.3366750770338152</v>
      </c>
    </row>
    <row r="123917" spans="1:7" x14ac:dyDescent="0.3">
      <c r="A123917" s="13" t="s">
        <v>575</v>
      </c>
      <c r="B123917" s="14" t="s">
        <v>1</v>
      </c>
      <c r="C123917" s="14" t="s">
        <v>200</v>
      </c>
      <c r="D123917" s="14" t="s">
        <v>18</v>
      </c>
      <c r="E123917" s="15">
        <v>45558</v>
      </c>
      <c r="F123917" s="14" t="s">
        <v>15</v>
      </c>
      <c r="G123917" s="16">
        <v>1.3439738733933269</v>
      </c>
    </row>
    <row r="123918" spans="1:7" x14ac:dyDescent="0.3">
      <c r="A123918" s="13" t="s">
        <v>575</v>
      </c>
      <c r="B123918" s="14" t="s">
        <v>1</v>
      </c>
      <c r="C123918" s="14" t="s">
        <v>200</v>
      </c>
      <c r="D123918" s="14" t="s">
        <v>18</v>
      </c>
      <c r="E123918" s="15">
        <v>45559</v>
      </c>
      <c r="F123918" s="14" t="s">
        <v>15</v>
      </c>
      <c r="G123918" s="16">
        <v>1.3649310804855526</v>
      </c>
    </row>
    <row r="123919" spans="1:7" x14ac:dyDescent="0.3">
      <c r="A123919" s="13" t="s">
        <v>575</v>
      </c>
      <c r="B123919" s="14" t="s">
        <v>1</v>
      </c>
      <c r="C123919" s="14" t="s">
        <v>200</v>
      </c>
      <c r="D123919" s="14" t="s">
        <v>18</v>
      </c>
      <c r="E123919" s="15">
        <v>45560</v>
      </c>
      <c r="F123919" s="14" t="s">
        <v>15</v>
      </c>
      <c r="G123919" s="16">
        <v>1.3716416415509469</v>
      </c>
    </row>
    <row r="123920" spans="1:7" x14ac:dyDescent="0.3">
      <c r="A123920" s="13" t="s">
        <v>575</v>
      </c>
      <c r="B123920" s="14" t="s">
        <v>1</v>
      </c>
      <c r="C123920" s="14" t="s">
        <v>200</v>
      </c>
      <c r="D123920" s="14" t="s">
        <v>18</v>
      </c>
      <c r="E123920" s="15">
        <v>45561</v>
      </c>
      <c r="F123920" s="14" t="s">
        <v>15</v>
      </c>
      <c r="G123920" s="16">
        <v>1.3785912807037166</v>
      </c>
    </row>
    <row r="123921" spans="1:7" x14ac:dyDescent="0.3">
      <c r="A123921" s="13" t="s">
        <v>575</v>
      </c>
      <c r="B123921" s="14" t="s">
        <v>1</v>
      </c>
      <c r="C123921" s="14" t="s">
        <v>200</v>
      </c>
      <c r="D123921" s="14" t="s">
        <v>18</v>
      </c>
      <c r="E123921" s="15">
        <v>45562</v>
      </c>
      <c r="F123921" s="14" t="s">
        <v>15</v>
      </c>
      <c r="G123921" s="16">
        <v>1.3855077923284029</v>
      </c>
    </row>
    <row r="123922" spans="1:7" x14ac:dyDescent="0.3">
      <c r="A123922" s="13" t="s">
        <v>575</v>
      </c>
      <c r="B123922" s="14" t="s">
        <v>1</v>
      </c>
      <c r="C123922" s="14" t="s">
        <v>200</v>
      </c>
      <c r="D123922" s="14" t="s">
        <v>18</v>
      </c>
      <c r="E123922" s="15">
        <v>45563</v>
      </c>
      <c r="F123922" s="14" t="s">
        <v>15</v>
      </c>
      <c r="G123922" s="16">
        <v>1.3855077923284029</v>
      </c>
    </row>
    <row r="123923" spans="1:7" x14ac:dyDescent="0.3">
      <c r="A123923" s="13" t="s">
        <v>575</v>
      </c>
      <c r="B123923" s="14" t="s">
        <v>1</v>
      </c>
      <c r="C123923" s="14" t="s">
        <v>200</v>
      </c>
      <c r="D123923" s="14" t="s">
        <v>18</v>
      </c>
      <c r="E123923" s="15">
        <v>45564</v>
      </c>
      <c r="F123923" s="14" t="s">
        <v>15</v>
      </c>
      <c r="G123923" s="16">
        <v>1.3855077923284029</v>
      </c>
    </row>
    <row r="123924" spans="1:7" x14ac:dyDescent="0.3">
      <c r="A123924" s="13" t="s">
        <v>575</v>
      </c>
      <c r="B123924" s="14" t="s">
        <v>1</v>
      </c>
      <c r="C123924" s="14" t="s">
        <v>200</v>
      </c>
      <c r="D123924" s="14" t="s">
        <v>18</v>
      </c>
      <c r="E123924" s="15">
        <v>45565</v>
      </c>
      <c r="F123924" s="14" t="s">
        <v>15</v>
      </c>
      <c r="G123924" s="16">
        <v>1.3932880970565371</v>
      </c>
    </row>
    <row r="123925" spans="1:7" x14ac:dyDescent="0.3">
      <c r="A123925" s="13" t="s">
        <v>575</v>
      </c>
      <c r="B123925" s="14" t="s">
        <v>1</v>
      </c>
      <c r="C123925" s="14" t="s">
        <v>200</v>
      </c>
      <c r="D123925" s="14" t="s">
        <v>18</v>
      </c>
      <c r="E123925" s="15">
        <v>45566</v>
      </c>
      <c r="F123925" s="14" t="s">
        <v>15</v>
      </c>
      <c r="G123925" s="16">
        <v>1.4042856431639816</v>
      </c>
    </row>
    <row r="123926" spans="1:7" x14ac:dyDescent="0.3">
      <c r="A123926" s="13" t="s">
        <v>575</v>
      </c>
      <c r="B123926" s="14" t="s">
        <v>1</v>
      </c>
      <c r="C123926" s="14" t="s">
        <v>200</v>
      </c>
      <c r="D123926" s="14" t="s">
        <v>18</v>
      </c>
      <c r="E123926" s="15">
        <v>45567</v>
      </c>
      <c r="F123926" s="14" t="s">
        <v>15</v>
      </c>
      <c r="G123926" s="16">
        <v>1.414300430650737</v>
      </c>
    </row>
    <row r="123927" spans="1:7" x14ac:dyDescent="0.3">
      <c r="A123927" s="13" t="s">
        <v>575</v>
      </c>
      <c r="B123927" s="14" t="s">
        <v>1</v>
      </c>
      <c r="C123927" s="14" t="s">
        <v>200</v>
      </c>
      <c r="D123927" s="14" t="s">
        <v>18</v>
      </c>
      <c r="E123927" s="15">
        <v>45568</v>
      </c>
      <c r="F123927" s="14" t="s">
        <v>15</v>
      </c>
      <c r="G123927" s="16">
        <v>1.4209497008961129</v>
      </c>
    </row>
    <row r="123928" spans="1:7" x14ac:dyDescent="0.3">
      <c r="A123928" s="13" t="s">
        <v>575</v>
      </c>
      <c r="B123928" s="14" t="s">
        <v>1</v>
      </c>
      <c r="C123928" s="14" t="s">
        <v>200</v>
      </c>
      <c r="D123928" s="14" t="s">
        <v>18</v>
      </c>
      <c r="E123928" s="15">
        <v>45569</v>
      </c>
      <c r="F123928" s="14" t="s">
        <v>15</v>
      </c>
      <c r="G123928" s="16">
        <v>1.4276593159690749</v>
      </c>
    </row>
    <row r="123929" spans="1:7" x14ac:dyDescent="0.3">
      <c r="A123929" s="13" t="s">
        <v>575</v>
      </c>
      <c r="B123929" s="14" t="s">
        <v>1</v>
      </c>
      <c r="C123929" s="14" t="s">
        <v>200</v>
      </c>
      <c r="D123929" s="14" t="s">
        <v>18</v>
      </c>
      <c r="E123929" s="15">
        <v>45570</v>
      </c>
      <c r="F123929" s="14" t="s">
        <v>15</v>
      </c>
      <c r="G123929" s="16">
        <v>1.4276593159690749</v>
      </c>
    </row>
    <row r="123930" spans="1:7" x14ac:dyDescent="0.3">
      <c r="A123930" s="13" t="s">
        <v>575</v>
      </c>
      <c r="B123930" s="14" t="s">
        <v>1</v>
      </c>
      <c r="C123930" s="14" t="s">
        <v>200</v>
      </c>
      <c r="D123930" s="14" t="s">
        <v>18</v>
      </c>
      <c r="E123930" s="15">
        <v>45571</v>
      </c>
      <c r="F123930" s="14" t="s">
        <v>15</v>
      </c>
      <c r="G123930" s="16">
        <v>1.4276593159690749</v>
      </c>
    </row>
    <row r="123931" spans="1:7" x14ac:dyDescent="0.3">
      <c r="A123931" s="13" t="s">
        <v>575</v>
      </c>
      <c r="B123931" s="14" t="s">
        <v>1</v>
      </c>
      <c r="C123931" s="14" t="s">
        <v>200</v>
      </c>
      <c r="D123931" s="14" t="s">
        <v>18</v>
      </c>
      <c r="E123931" s="15">
        <v>45572</v>
      </c>
      <c r="F123931" s="14" t="s">
        <v>15</v>
      </c>
      <c r="G123931" s="16">
        <v>1.4409723793178988</v>
      </c>
    </row>
    <row r="123932" spans="1:7" x14ac:dyDescent="0.3">
      <c r="A123932" s="13" t="s">
        <v>575</v>
      </c>
      <c r="B123932" s="14" t="s">
        <v>1</v>
      </c>
      <c r="C123932" s="14" t="s">
        <v>200</v>
      </c>
      <c r="D123932" s="14" t="s">
        <v>18</v>
      </c>
      <c r="E123932" s="15">
        <v>45573</v>
      </c>
      <c r="F123932" s="14" t="s">
        <v>15</v>
      </c>
      <c r="G123932" s="16">
        <v>1.4607595805977576</v>
      </c>
    </row>
    <row r="123933" spans="1:7" x14ac:dyDescent="0.3">
      <c r="A123933" s="13" t="s">
        <v>575</v>
      </c>
      <c r="B123933" s="14" t="s">
        <v>1</v>
      </c>
      <c r="C123933" s="14" t="s">
        <v>200</v>
      </c>
      <c r="D123933" s="14" t="s">
        <v>18</v>
      </c>
      <c r="E123933" s="15">
        <v>45574</v>
      </c>
      <c r="F123933" s="14" t="s">
        <v>15</v>
      </c>
      <c r="G123933" s="16">
        <v>1.4673450577396849</v>
      </c>
    </row>
    <row r="123934" spans="1:7" x14ac:dyDescent="0.3">
      <c r="A123934" s="13" t="s">
        <v>575</v>
      </c>
      <c r="B123934" s="14" t="s">
        <v>1</v>
      </c>
      <c r="C123934" s="14" t="s">
        <v>200</v>
      </c>
      <c r="D123934" s="14" t="s">
        <v>18</v>
      </c>
      <c r="E123934" s="15">
        <v>45575</v>
      </c>
      <c r="F123934" s="14" t="s">
        <v>15</v>
      </c>
      <c r="G123934" s="16">
        <v>1.4728339831574748</v>
      </c>
    </row>
    <row r="123935" spans="1:7" x14ac:dyDescent="0.3">
      <c r="A123935" s="13" t="s">
        <v>575</v>
      </c>
      <c r="B123935" s="14" t="s">
        <v>1</v>
      </c>
      <c r="C123935" s="14" t="s">
        <v>200</v>
      </c>
      <c r="D123935" s="14" t="s">
        <v>18</v>
      </c>
      <c r="E123935" s="15">
        <v>45576</v>
      </c>
      <c r="F123935" s="14" t="s">
        <v>15</v>
      </c>
      <c r="G123935" s="16">
        <v>1.4790349775407814</v>
      </c>
    </row>
    <row r="123936" spans="1:7" x14ac:dyDescent="0.3">
      <c r="A123936" s="13" t="s">
        <v>575</v>
      </c>
      <c r="B123936" s="14" t="s">
        <v>1</v>
      </c>
      <c r="C123936" s="14" t="s">
        <v>200</v>
      </c>
      <c r="D123936" s="14" t="s">
        <v>18</v>
      </c>
      <c r="E123936" s="15">
        <v>45577</v>
      </c>
      <c r="F123936" s="14" t="s">
        <v>15</v>
      </c>
      <c r="G123936" s="16">
        <v>1.4790349775407814</v>
      </c>
    </row>
    <row r="123937" spans="1:7" x14ac:dyDescent="0.3">
      <c r="A123937" s="13" t="s">
        <v>575</v>
      </c>
      <c r="B123937" s="14" t="s">
        <v>1</v>
      </c>
      <c r="C123937" s="14" t="s">
        <v>200</v>
      </c>
      <c r="D123937" s="14" t="s">
        <v>18</v>
      </c>
      <c r="E123937" s="15">
        <v>45578</v>
      </c>
      <c r="F123937" s="14" t="s">
        <v>15</v>
      </c>
      <c r="G123937" s="16">
        <v>1.4790349775407814</v>
      </c>
    </row>
    <row r="123938" spans="1:7" x14ac:dyDescent="0.3">
      <c r="A123938" s="13" t="s">
        <v>575</v>
      </c>
      <c r="B123938" s="14" t="s">
        <v>1</v>
      </c>
      <c r="C123938" s="14" t="s">
        <v>200</v>
      </c>
      <c r="D123938" s="14" t="s">
        <v>18</v>
      </c>
      <c r="E123938" s="15">
        <v>45579</v>
      </c>
      <c r="F123938" s="14" t="s">
        <v>15</v>
      </c>
      <c r="G123938" s="16">
        <v>1.4790349775407814</v>
      </c>
    </row>
    <row r="123939" spans="1:7" x14ac:dyDescent="0.3">
      <c r="A123939" s="13" t="s">
        <v>575</v>
      </c>
      <c r="B123939" s="14" t="s">
        <v>1</v>
      </c>
      <c r="C123939" s="14" t="s">
        <v>200</v>
      </c>
      <c r="D123939" s="14" t="s">
        <v>18</v>
      </c>
      <c r="E123939" s="15">
        <v>45580</v>
      </c>
      <c r="F123939" s="14" t="s">
        <v>15</v>
      </c>
      <c r="G123939" s="16">
        <v>1.4854945926137433</v>
      </c>
    </row>
    <row r="123940" spans="1:7" x14ac:dyDescent="0.3">
      <c r="A123940" s="13" t="s">
        <v>575</v>
      </c>
      <c r="B123940" s="14" t="s">
        <v>1</v>
      </c>
      <c r="C123940" s="14" t="s">
        <v>200</v>
      </c>
      <c r="D123940" s="14" t="s">
        <v>18</v>
      </c>
      <c r="E123940" s="15">
        <v>45581</v>
      </c>
      <c r="F123940" s="14" t="s">
        <v>15</v>
      </c>
      <c r="G123940" s="16">
        <v>1.5118817938936018</v>
      </c>
    </row>
    <row r="123941" spans="1:7" x14ac:dyDescent="0.3">
      <c r="A123941" s="13" t="s">
        <v>575</v>
      </c>
      <c r="B123941" s="14" t="s">
        <v>1</v>
      </c>
      <c r="C123941" s="14" t="s">
        <v>200</v>
      </c>
      <c r="D123941" s="14" t="s">
        <v>18</v>
      </c>
      <c r="E123941" s="15">
        <v>45582</v>
      </c>
      <c r="F123941" s="14" t="s">
        <v>15</v>
      </c>
      <c r="G123941" s="16">
        <v>1.5210241675872536</v>
      </c>
    </row>
    <row r="123942" spans="1:7" x14ac:dyDescent="0.3">
      <c r="A123942" s="13" t="s">
        <v>575</v>
      </c>
      <c r="B123942" s="14" t="s">
        <v>1</v>
      </c>
      <c r="C123942" s="14" t="s">
        <v>200</v>
      </c>
      <c r="D123942" s="14" t="s">
        <v>18</v>
      </c>
      <c r="E123942" s="15">
        <v>45583</v>
      </c>
      <c r="F123942" s="14" t="s">
        <v>15</v>
      </c>
      <c r="G123942" s="16">
        <v>1.5358268861084918</v>
      </c>
    </row>
    <row r="123943" spans="1:7" x14ac:dyDescent="0.3">
      <c r="A123943" s="13" t="s">
        <v>575</v>
      </c>
      <c r="B123943" s="14" t="s">
        <v>1</v>
      </c>
      <c r="C123943" s="14" t="s">
        <v>200</v>
      </c>
      <c r="D123943" s="14" t="s">
        <v>18</v>
      </c>
      <c r="E123943" s="15">
        <v>45584</v>
      </c>
      <c r="F123943" s="14" t="s">
        <v>15</v>
      </c>
      <c r="G123943" s="16">
        <v>1.5358268861084918</v>
      </c>
    </row>
    <row r="123944" spans="1:7" x14ac:dyDescent="0.3">
      <c r="A123944" s="13" t="s">
        <v>575</v>
      </c>
      <c r="B123944" s="14" t="s">
        <v>1</v>
      </c>
      <c r="C123944" s="14" t="s">
        <v>200</v>
      </c>
      <c r="D123944" s="14" t="s">
        <v>18</v>
      </c>
      <c r="E123944" s="15">
        <v>45585</v>
      </c>
      <c r="F123944" s="14" t="s">
        <v>15</v>
      </c>
      <c r="G123944" s="16">
        <v>1.5358268861084918</v>
      </c>
    </row>
    <row r="123945" spans="1:7" x14ac:dyDescent="0.3">
      <c r="A123945" s="13" t="s">
        <v>575</v>
      </c>
      <c r="B123945" s="14" t="s">
        <v>1</v>
      </c>
      <c r="C123945" s="14" t="s">
        <v>200</v>
      </c>
      <c r="D123945" s="14" t="s">
        <v>18</v>
      </c>
      <c r="E123945" s="15">
        <v>45586</v>
      </c>
      <c r="F123945" s="14" t="s">
        <v>15</v>
      </c>
      <c r="G123945" s="16">
        <v>1.548283052905592</v>
      </c>
    </row>
    <row r="123946" spans="1:7" x14ac:dyDescent="0.3">
      <c r="A123946" s="13" t="s">
        <v>575</v>
      </c>
      <c r="B123946" s="14" t="s">
        <v>1</v>
      </c>
      <c r="C123946" s="14" t="s">
        <v>200</v>
      </c>
      <c r="D123946" s="14" t="s">
        <v>18</v>
      </c>
      <c r="E123946" s="15">
        <v>45587</v>
      </c>
      <c r="F123946" s="14" t="s">
        <v>15</v>
      </c>
      <c r="G123946" s="16">
        <v>1.5693530128061401</v>
      </c>
    </row>
    <row r="123947" spans="1:7" x14ac:dyDescent="0.3">
      <c r="A123947" s="13" t="s">
        <v>575</v>
      </c>
      <c r="B123947" s="14" t="s">
        <v>1</v>
      </c>
      <c r="C123947" s="14" t="s">
        <v>200</v>
      </c>
      <c r="D123947" s="14" t="s">
        <v>18</v>
      </c>
      <c r="E123947" s="15">
        <v>45588</v>
      </c>
      <c r="F123947" s="14" t="s">
        <v>15</v>
      </c>
      <c r="G123947" s="16">
        <v>1.5766246968446198</v>
      </c>
    </row>
    <row r="123948" spans="1:7" x14ac:dyDescent="0.3">
      <c r="A123948" s="13" t="s">
        <v>575</v>
      </c>
      <c r="B123948" s="14" t="s">
        <v>1</v>
      </c>
      <c r="C123948" s="14" t="s">
        <v>200</v>
      </c>
      <c r="D123948" s="14" t="s">
        <v>18</v>
      </c>
      <c r="E123948" s="15">
        <v>45589</v>
      </c>
      <c r="F123948" s="14" t="s">
        <v>15</v>
      </c>
      <c r="G123948" s="16">
        <v>1.5837050015727543</v>
      </c>
    </row>
    <row r="123949" spans="1:7" x14ac:dyDescent="0.3">
      <c r="A123949" s="13" t="s">
        <v>575</v>
      </c>
      <c r="B123949" s="14" t="s">
        <v>1</v>
      </c>
      <c r="C123949" s="14" t="s">
        <v>200</v>
      </c>
      <c r="D123949" s="14" t="s">
        <v>18</v>
      </c>
      <c r="E123949" s="15">
        <v>45590</v>
      </c>
      <c r="F123949" s="14" t="s">
        <v>15</v>
      </c>
      <c r="G123949" s="16">
        <v>1.5907180649215786</v>
      </c>
    </row>
    <row r="123950" spans="1:7" x14ac:dyDescent="0.3">
      <c r="A123950" s="13" t="s">
        <v>575</v>
      </c>
      <c r="B123950" s="14" t="s">
        <v>1</v>
      </c>
      <c r="C123950" s="14" t="s">
        <v>200</v>
      </c>
      <c r="D123950" s="14" t="s">
        <v>18</v>
      </c>
      <c r="E123950" s="15">
        <v>45591</v>
      </c>
      <c r="F123950" s="14" t="s">
        <v>15</v>
      </c>
      <c r="G123950" s="16">
        <v>1.5907180649215786</v>
      </c>
    </row>
    <row r="123951" spans="1:7" x14ac:dyDescent="0.3">
      <c r="A123951" s="13" t="s">
        <v>575</v>
      </c>
      <c r="B123951" s="14" t="s">
        <v>1</v>
      </c>
      <c r="C123951" s="14" t="s">
        <v>200</v>
      </c>
      <c r="D123951" s="14" t="s">
        <v>18</v>
      </c>
      <c r="E123951" s="15">
        <v>45592</v>
      </c>
      <c r="F123951" s="14" t="s">
        <v>15</v>
      </c>
      <c r="G123951" s="16">
        <v>1.5907180649215786</v>
      </c>
    </row>
    <row r="123952" spans="1:7" x14ac:dyDescent="0.3">
      <c r="A123952" s="13" t="s">
        <v>575</v>
      </c>
      <c r="B123952" s="14" t="s">
        <v>1</v>
      </c>
      <c r="C123952" s="14" t="s">
        <v>200</v>
      </c>
      <c r="D123952" s="14" t="s">
        <v>18</v>
      </c>
      <c r="E123952" s="15">
        <v>45593</v>
      </c>
      <c r="F123952" s="14" t="s">
        <v>15</v>
      </c>
      <c r="G123952" s="16">
        <v>1.5907180649215786</v>
      </c>
    </row>
    <row r="123953" spans="1:7" x14ac:dyDescent="0.3">
      <c r="A123953" s="13" t="s">
        <v>575</v>
      </c>
      <c r="B123953" s="14" t="s">
        <v>1</v>
      </c>
      <c r="C123953" s="14" t="s">
        <v>200</v>
      </c>
      <c r="D123953" s="14" t="s">
        <v>18</v>
      </c>
      <c r="E123953" s="15">
        <v>45594</v>
      </c>
      <c r="F123953" s="14" t="s">
        <v>15</v>
      </c>
      <c r="G123953" s="16">
        <v>1.5981776799945409</v>
      </c>
    </row>
    <row r="123954" spans="1:7" x14ac:dyDescent="0.3">
      <c r="A123954" s="13" t="s">
        <v>575</v>
      </c>
      <c r="B123954" s="14" t="s">
        <v>1</v>
      </c>
      <c r="C123954" s="14" t="s">
        <v>200</v>
      </c>
      <c r="D123954" s="14" t="s">
        <v>18</v>
      </c>
      <c r="E123954" s="15">
        <v>45595</v>
      </c>
      <c r="F123954" s="14" t="s">
        <v>15</v>
      </c>
      <c r="G123954" s="16">
        <v>1.627033846791641</v>
      </c>
    </row>
    <row r="123955" spans="1:7" x14ac:dyDescent="0.3">
      <c r="A123955" s="13" t="s">
        <v>575</v>
      </c>
      <c r="B123955" s="14" t="s">
        <v>1</v>
      </c>
      <c r="C123955" s="14" t="s">
        <v>200</v>
      </c>
      <c r="D123955" s="14" t="s">
        <v>18</v>
      </c>
      <c r="E123955" s="15">
        <v>45596</v>
      </c>
      <c r="F123955" s="14" t="s">
        <v>15</v>
      </c>
      <c r="G123955" s="16">
        <v>1.6340520825542582</v>
      </c>
    </row>
    <row r="123956" spans="1:7" x14ac:dyDescent="0.3">
      <c r="A123956" s="13" t="s">
        <v>575</v>
      </c>
      <c r="B123956" s="14" t="s">
        <v>1</v>
      </c>
      <c r="C123956" s="14" t="s">
        <v>200</v>
      </c>
      <c r="D123956" s="14" t="s">
        <v>18</v>
      </c>
      <c r="E123956" s="15">
        <v>45597</v>
      </c>
      <c r="F123956" s="14" t="s">
        <v>15</v>
      </c>
      <c r="G123956" s="16">
        <v>1.6404048010754961</v>
      </c>
    </row>
    <row r="123957" spans="1:7" x14ac:dyDescent="0.3">
      <c r="A123957" s="13" t="s">
        <v>575</v>
      </c>
      <c r="B123957" s="14" t="s">
        <v>1</v>
      </c>
      <c r="C123957" s="14" t="s">
        <v>200</v>
      </c>
      <c r="D123957" s="14" t="s">
        <v>18</v>
      </c>
      <c r="E123957" s="15">
        <v>45598</v>
      </c>
      <c r="F123957" s="14" t="s">
        <v>15</v>
      </c>
      <c r="G123957" s="16">
        <v>1.6404048010754961</v>
      </c>
    </row>
    <row r="123958" spans="1:7" x14ac:dyDescent="0.3">
      <c r="A123958" s="13" t="s">
        <v>575</v>
      </c>
      <c r="B123958" s="14" t="s">
        <v>1</v>
      </c>
      <c r="C123958" s="14" t="s">
        <v>200</v>
      </c>
      <c r="D123958" s="14" t="s">
        <v>18</v>
      </c>
      <c r="E123958" s="15">
        <v>45599</v>
      </c>
      <c r="F123958" s="14" t="s">
        <v>15</v>
      </c>
      <c r="G123958" s="16">
        <v>1.6404048010754961</v>
      </c>
    </row>
    <row r="123959" spans="1:7" x14ac:dyDescent="0.3">
      <c r="A123959" s="13" t="s">
        <v>575</v>
      </c>
      <c r="B123959" s="14" t="s">
        <v>1</v>
      </c>
      <c r="C123959" s="14" t="s">
        <v>200</v>
      </c>
      <c r="D123959" s="14" t="s">
        <v>18</v>
      </c>
      <c r="E123959" s="15">
        <v>45600</v>
      </c>
      <c r="F123959" s="14" t="s">
        <v>15</v>
      </c>
      <c r="G123959" s="16">
        <v>1.6495782092519065</v>
      </c>
    </row>
    <row r="123960" spans="1:7" x14ac:dyDescent="0.3">
      <c r="A123960" s="13" t="s">
        <v>575</v>
      </c>
      <c r="B123960" s="14" t="s">
        <v>1</v>
      </c>
      <c r="C123960" s="14" t="s">
        <v>200</v>
      </c>
      <c r="D123960" s="14" t="s">
        <v>18</v>
      </c>
      <c r="E123960" s="15">
        <v>45601</v>
      </c>
      <c r="F123960" s="14" t="s">
        <v>15</v>
      </c>
      <c r="G123960" s="16">
        <v>1.6800240312214203</v>
      </c>
    </row>
    <row r="123961" spans="1:7" x14ac:dyDescent="0.3">
      <c r="A123961" s="13" t="s">
        <v>575</v>
      </c>
      <c r="B123961" s="14" t="s">
        <v>1</v>
      </c>
      <c r="C123961" s="14" t="s">
        <v>200</v>
      </c>
      <c r="D123961" s="14" t="s">
        <v>18</v>
      </c>
      <c r="E123961" s="15">
        <v>45602</v>
      </c>
      <c r="F123961" s="14" t="s">
        <v>15</v>
      </c>
      <c r="G123961" s="16">
        <v>1.6866043359495548</v>
      </c>
    </row>
    <row r="123962" spans="1:7" x14ac:dyDescent="0.3">
      <c r="A123962" s="13" t="s">
        <v>575</v>
      </c>
      <c r="B123962" s="14" t="s">
        <v>1</v>
      </c>
      <c r="C123962" s="14" t="s">
        <v>200</v>
      </c>
      <c r="D123962" s="14" t="s">
        <v>18</v>
      </c>
      <c r="E123962" s="15">
        <v>45603</v>
      </c>
      <c r="F123962" s="14" t="s">
        <v>15</v>
      </c>
      <c r="G123962" s="16">
        <v>1.6861432613673442</v>
      </c>
    </row>
    <row r="123963" spans="1:7" x14ac:dyDescent="0.3">
      <c r="A123963" s="13" t="s">
        <v>575</v>
      </c>
      <c r="B123963" s="14" t="s">
        <v>1</v>
      </c>
      <c r="C123963" s="14" t="s">
        <v>200</v>
      </c>
      <c r="D123963" s="14" t="s">
        <v>18</v>
      </c>
      <c r="E123963" s="15">
        <v>45604</v>
      </c>
      <c r="F123963" s="14" t="s">
        <v>15</v>
      </c>
      <c r="G123963" s="16">
        <v>1.6950477040265131</v>
      </c>
    </row>
    <row r="123964" spans="1:7" x14ac:dyDescent="0.3">
      <c r="A123964" s="13" t="s">
        <v>575</v>
      </c>
      <c r="B123964" s="14" t="s">
        <v>1</v>
      </c>
      <c r="C123964" s="14" t="s">
        <v>200</v>
      </c>
      <c r="D123964" s="14" t="s">
        <v>18</v>
      </c>
      <c r="E123964" s="15">
        <v>45605</v>
      </c>
      <c r="F123964" s="14" t="s">
        <v>15</v>
      </c>
      <c r="G123964" s="16">
        <v>1.6950477040265131</v>
      </c>
    </row>
    <row r="123965" spans="1:7" x14ac:dyDescent="0.3">
      <c r="A123965" s="13" t="s">
        <v>575</v>
      </c>
      <c r="B123965" s="14" t="s">
        <v>1</v>
      </c>
      <c r="C123965" s="14" t="s">
        <v>200</v>
      </c>
      <c r="D123965" s="14" t="s">
        <v>18</v>
      </c>
      <c r="E123965" s="15">
        <v>45606</v>
      </c>
      <c r="F123965" s="14" t="s">
        <v>15</v>
      </c>
      <c r="G123965" s="16">
        <v>1.6950477040265131</v>
      </c>
    </row>
    <row r="123966" spans="1:7" x14ac:dyDescent="0.3">
      <c r="A123966" s="13" t="s">
        <v>575</v>
      </c>
      <c r="B123966" s="14" t="s">
        <v>1</v>
      </c>
      <c r="C123966" s="14" t="s">
        <v>200</v>
      </c>
      <c r="D123966" s="14" t="s">
        <v>18</v>
      </c>
      <c r="E123966" s="15">
        <v>45607</v>
      </c>
      <c r="F123966" s="14" t="s">
        <v>15</v>
      </c>
      <c r="G123966" s="16">
        <v>1.6950477040265131</v>
      </c>
    </row>
    <row r="123967" spans="1:7" x14ac:dyDescent="0.3">
      <c r="A123967" s="13" t="s">
        <v>575</v>
      </c>
      <c r="B123967" s="14" t="s">
        <v>1</v>
      </c>
      <c r="C123967" s="14" t="s">
        <v>200</v>
      </c>
      <c r="D123967" s="14" t="s">
        <v>18</v>
      </c>
      <c r="E123967" s="15">
        <v>45608</v>
      </c>
      <c r="F123967" s="14" t="s">
        <v>15</v>
      </c>
      <c r="G123967" s="16">
        <v>1.7034142156511991</v>
      </c>
    </row>
    <row r="123968" spans="1:7" x14ac:dyDescent="0.3">
      <c r="A123968" s="13" t="s">
        <v>575</v>
      </c>
      <c r="B123968" s="14" t="s">
        <v>1</v>
      </c>
      <c r="C123968" s="14" t="s">
        <v>200</v>
      </c>
      <c r="D123968" s="14" t="s">
        <v>18</v>
      </c>
      <c r="E123968" s="15">
        <v>45609</v>
      </c>
      <c r="F123968" s="14" t="s">
        <v>15</v>
      </c>
      <c r="G123968" s="16">
        <v>1.7242464421891295</v>
      </c>
    </row>
    <row r="123969" spans="1:7" x14ac:dyDescent="0.3">
      <c r="A123969" s="13" t="s">
        <v>575</v>
      </c>
      <c r="B123969" s="14" t="s">
        <v>1</v>
      </c>
      <c r="C123969" s="14" t="s">
        <v>200</v>
      </c>
      <c r="D123969" s="14" t="s">
        <v>18</v>
      </c>
      <c r="E123969" s="15">
        <v>45610</v>
      </c>
      <c r="F123969" s="14" t="s">
        <v>15</v>
      </c>
      <c r="G123969" s="16">
        <v>1.7311020232918153</v>
      </c>
    </row>
    <row r="123970" spans="1:7" x14ac:dyDescent="0.3">
      <c r="A123970" s="13" t="s">
        <v>575</v>
      </c>
      <c r="B123970" s="14" t="s">
        <v>1</v>
      </c>
      <c r="C123970" s="14" t="s">
        <v>200</v>
      </c>
      <c r="D123970" s="14" t="s">
        <v>18</v>
      </c>
      <c r="E123970" s="15">
        <v>45611</v>
      </c>
      <c r="F123970" s="14" t="s">
        <v>15</v>
      </c>
      <c r="G123970" s="16">
        <v>1.7392612137363275</v>
      </c>
    </row>
    <row r="123971" spans="1:7" x14ac:dyDescent="0.3">
      <c r="A123971" s="13" t="s">
        <v>575</v>
      </c>
      <c r="B123971" s="14" t="s">
        <v>1</v>
      </c>
      <c r="C123971" s="14" t="s">
        <v>200</v>
      </c>
      <c r="D123971" s="14" t="s">
        <v>18</v>
      </c>
      <c r="E123971" s="15">
        <v>45612</v>
      </c>
      <c r="F123971" s="14" t="s">
        <v>15</v>
      </c>
      <c r="G123971" s="16">
        <v>1.7392612137363275</v>
      </c>
    </row>
    <row r="123972" spans="1:7" x14ac:dyDescent="0.3">
      <c r="A123972" s="13" t="s">
        <v>575</v>
      </c>
      <c r="B123972" s="14" t="s">
        <v>1</v>
      </c>
      <c r="C123972" s="14" t="s">
        <v>200</v>
      </c>
      <c r="D123972" s="14" t="s">
        <v>18</v>
      </c>
      <c r="E123972" s="15">
        <v>45613</v>
      </c>
      <c r="F123972" s="14" t="s">
        <v>15</v>
      </c>
      <c r="G123972" s="16">
        <v>1.7392612137363275</v>
      </c>
    </row>
    <row r="123973" spans="1:7" x14ac:dyDescent="0.3">
      <c r="A123973" s="13" t="s">
        <v>575</v>
      </c>
      <c r="B123973" s="14" t="s">
        <v>1</v>
      </c>
      <c r="C123973" s="14" t="s">
        <v>200</v>
      </c>
      <c r="D123973" s="14" t="s">
        <v>18</v>
      </c>
      <c r="E123973" s="15">
        <v>45614</v>
      </c>
      <c r="F123973" s="14" t="s">
        <v>15</v>
      </c>
      <c r="G123973" s="16">
        <v>1.7458747566224528</v>
      </c>
    </row>
    <row r="123974" spans="1:7" x14ac:dyDescent="0.3">
      <c r="A123974" s="13" t="s">
        <v>575</v>
      </c>
      <c r="B123974" s="14" t="s">
        <v>1</v>
      </c>
      <c r="C123974" s="14" t="s">
        <v>200</v>
      </c>
      <c r="D123974" s="14" t="s">
        <v>18</v>
      </c>
      <c r="E123974" s="15">
        <v>45615</v>
      </c>
      <c r="F123974" s="14" t="s">
        <v>15</v>
      </c>
      <c r="G123974" s="16">
        <v>1.7666284268971135</v>
      </c>
    </row>
    <row r="123975" spans="1:7" x14ac:dyDescent="0.3">
      <c r="A123975" s="13" t="s">
        <v>575</v>
      </c>
      <c r="B123975" s="14" t="s">
        <v>1</v>
      </c>
      <c r="C123975" s="14" t="s">
        <v>200</v>
      </c>
      <c r="D123975" s="14" t="s">
        <v>18</v>
      </c>
      <c r="E123975" s="15">
        <v>45616</v>
      </c>
      <c r="F123975" s="14" t="s">
        <v>15</v>
      </c>
      <c r="G123975" s="16">
        <v>1.7763629888915193</v>
      </c>
    </row>
    <row r="123976" spans="1:7" x14ac:dyDescent="0.3">
      <c r="A123976" s="13" t="s">
        <v>575</v>
      </c>
      <c r="B123976" s="14" t="s">
        <v>1</v>
      </c>
      <c r="C123976" s="14" t="s">
        <v>200</v>
      </c>
      <c r="D123976" s="14" t="s">
        <v>18</v>
      </c>
      <c r="E123976" s="15">
        <v>45617</v>
      </c>
      <c r="F123976" s="14" t="s">
        <v>15</v>
      </c>
      <c r="G123976" s="16">
        <v>1.7833204808222312</v>
      </c>
    </row>
    <row r="123977" spans="1:7" x14ac:dyDescent="0.3">
      <c r="A123977" s="13" t="s">
        <v>575</v>
      </c>
      <c r="B123977" s="14" t="s">
        <v>1</v>
      </c>
      <c r="C123977" s="14" t="s">
        <v>200</v>
      </c>
      <c r="D123977" s="14" t="s">
        <v>18</v>
      </c>
      <c r="E123977" s="15">
        <v>45618</v>
      </c>
      <c r="F123977" s="14" t="s">
        <v>15</v>
      </c>
      <c r="G123977" s="16">
        <v>1.7937302020523058</v>
      </c>
    </row>
    <row r="123978" spans="1:7" x14ac:dyDescent="0.3">
      <c r="A123978" s="13" t="s">
        <v>575</v>
      </c>
      <c r="B123978" s="14" t="s">
        <v>1</v>
      </c>
      <c r="C123978" s="14" t="s">
        <v>200</v>
      </c>
      <c r="D123978" s="14" t="s">
        <v>18</v>
      </c>
      <c r="E123978" s="15">
        <v>45619</v>
      </c>
      <c r="F123978" s="14" t="s">
        <v>15</v>
      </c>
      <c r="G123978" s="16">
        <v>1.7937302020523058</v>
      </c>
    </row>
    <row r="123979" spans="1:7" x14ac:dyDescent="0.3">
      <c r="A123979" s="13" t="s">
        <v>575</v>
      </c>
      <c r="B123979" s="14" t="s">
        <v>1</v>
      </c>
      <c r="C123979" s="14" t="s">
        <v>200</v>
      </c>
      <c r="D123979" s="14" t="s">
        <v>18</v>
      </c>
      <c r="E123979" s="15">
        <v>45620</v>
      </c>
      <c r="F123979" s="14" t="s">
        <v>15</v>
      </c>
      <c r="G123979" s="16">
        <v>1.7937302020523058</v>
      </c>
    </row>
    <row r="123980" spans="1:7" x14ac:dyDescent="0.3">
      <c r="A123980" s="13" t="s">
        <v>575</v>
      </c>
      <c r="B123980" s="14" t="s">
        <v>1</v>
      </c>
      <c r="C123980" s="14" t="s">
        <v>200</v>
      </c>
      <c r="D123980" s="14" t="s">
        <v>18</v>
      </c>
      <c r="E123980" s="15">
        <v>45621</v>
      </c>
      <c r="F123980" s="14" t="s">
        <v>15</v>
      </c>
      <c r="G123980" s="16">
        <v>1.7991462927091317</v>
      </c>
    </row>
    <row r="123981" spans="1:7" x14ac:dyDescent="0.3">
      <c r="A123981" s="13" t="s">
        <v>575</v>
      </c>
      <c r="B123981" s="14" t="s">
        <v>1</v>
      </c>
      <c r="C123981" s="14" t="s">
        <v>200</v>
      </c>
      <c r="D123981" s="14" t="s">
        <v>18</v>
      </c>
      <c r="E123981" s="15">
        <v>45622</v>
      </c>
      <c r="F123981" s="14" t="s">
        <v>15</v>
      </c>
      <c r="G123981" s="16">
        <v>1.8232332963171254</v>
      </c>
    </row>
    <row r="123982" spans="1:7" x14ac:dyDescent="0.3">
      <c r="A123982" s="13" t="s">
        <v>575</v>
      </c>
      <c r="B123982" s="14" t="s">
        <v>1</v>
      </c>
      <c r="C123982" s="14" t="s">
        <v>200</v>
      </c>
      <c r="D123982" s="14" t="s">
        <v>18</v>
      </c>
      <c r="E123982" s="15">
        <v>45623</v>
      </c>
      <c r="F123982" s="14" t="s">
        <v>15</v>
      </c>
      <c r="G123982" s="16">
        <v>1.8303033147871151</v>
      </c>
    </row>
    <row r="123983" spans="1:7" x14ac:dyDescent="0.3">
      <c r="A123983" s="13" t="s">
        <v>575</v>
      </c>
      <c r="B123983" s="14" t="s">
        <v>1</v>
      </c>
      <c r="C123983" s="14" t="s">
        <v>200</v>
      </c>
      <c r="D123983" s="14" t="s">
        <v>18</v>
      </c>
      <c r="E123983" s="15">
        <v>45624</v>
      </c>
      <c r="F123983" s="14" t="s">
        <v>15</v>
      </c>
      <c r="G123983" s="16">
        <v>1.8303033147871151</v>
      </c>
    </row>
    <row r="123984" spans="1:7" x14ac:dyDescent="0.3">
      <c r="A123984" s="13" t="s">
        <v>575</v>
      </c>
      <c r="B123984" s="14" t="s">
        <v>1</v>
      </c>
      <c r="C123984" s="14" t="s">
        <v>200</v>
      </c>
      <c r="D123984" s="14" t="s">
        <v>18</v>
      </c>
      <c r="E123984" s="15">
        <v>45625</v>
      </c>
      <c r="F123984" s="14" t="s">
        <v>15</v>
      </c>
      <c r="G123984" s="16">
        <v>1.8394901060808841</v>
      </c>
    </row>
    <row r="123985" spans="1:7" x14ac:dyDescent="0.3">
      <c r="A123985" s="13" t="s">
        <v>575</v>
      </c>
      <c r="B123985" s="14" t="s">
        <v>1</v>
      </c>
      <c r="C123985" s="14" t="s">
        <v>200</v>
      </c>
      <c r="D123985" s="14" t="s">
        <v>18</v>
      </c>
      <c r="E123985" s="15">
        <v>45626</v>
      </c>
      <c r="F123985" s="14" t="s">
        <v>15</v>
      </c>
      <c r="G123985" s="16">
        <v>1.8394901060808841</v>
      </c>
    </row>
    <row r="123986" spans="1:7" x14ac:dyDescent="0.3">
      <c r="A123986" s="13" t="s">
        <v>575</v>
      </c>
      <c r="B123986" s="14" t="s">
        <v>1</v>
      </c>
      <c r="C123986" s="14" t="s">
        <v>200</v>
      </c>
      <c r="D123986" s="14" t="s">
        <v>18</v>
      </c>
      <c r="E123986" s="15">
        <v>45627</v>
      </c>
      <c r="F123986" s="14" t="s">
        <v>15</v>
      </c>
      <c r="G123986" s="16">
        <v>1.8394901060808841</v>
      </c>
    </row>
    <row r="123987" spans="1:7" x14ac:dyDescent="0.3">
      <c r="A123987" s="13" t="s">
        <v>575</v>
      </c>
      <c r="B123987" s="14" t="s">
        <v>1</v>
      </c>
      <c r="C123987" s="14" t="s">
        <v>200</v>
      </c>
      <c r="D123987" s="14" t="s">
        <v>18</v>
      </c>
      <c r="E123987" s="15">
        <v>45628</v>
      </c>
      <c r="F123987" s="14" t="s">
        <v>15</v>
      </c>
      <c r="G123987" s="16">
        <v>1.8546535428098971</v>
      </c>
    </row>
    <row r="123988" spans="1:7" x14ac:dyDescent="0.3">
      <c r="A123988" s="13" t="s">
        <v>575</v>
      </c>
      <c r="B123988" s="14" t="s">
        <v>1</v>
      </c>
      <c r="C123988" s="14" t="s">
        <v>200</v>
      </c>
      <c r="D123988" s="14" t="s">
        <v>18</v>
      </c>
      <c r="E123988" s="15">
        <v>45629</v>
      </c>
      <c r="F123988" s="14" t="s">
        <v>15</v>
      </c>
      <c r="G123988" s="16">
        <v>1.8762309922777634</v>
      </c>
    </row>
    <row r="123989" spans="1:7" x14ac:dyDescent="0.3">
      <c r="A123989" s="13" t="s">
        <v>575</v>
      </c>
      <c r="B123989" s="14" t="s">
        <v>1</v>
      </c>
      <c r="C123989" s="14" t="s">
        <v>200</v>
      </c>
      <c r="D123989" s="14" t="s">
        <v>18</v>
      </c>
      <c r="E123989" s="15">
        <v>45630</v>
      </c>
      <c r="F123989" s="14" t="s">
        <v>15</v>
      </c>
      <c r="G123989" s="16">
        <v>1.8821247899409588</v>
      </c>
    </row>
    <row r="123990" spans="1:7" x14ac:dyDescent="0.3">
      <c r="A123990" s="13" t="s">
        <v>575</v>
      </c>
      <c r="B123990" s="14" t="s">
        <v>1</v>
      </c>
      <c r="C123990" s="14" t="s">
        <v>200</v>
      </c>
      <c r="D123990" s="14" t="s">
        <v>18</v>
      </c>
      <c r="E123990" s="15">
        <v>45631</v>
      </c>
      <c r="F123990" s="14" t="s">
        <v>15</v>
      </c>
      <c r="G123990" s="16">
        <v>1.8865345111710337</v>
      </c>
    </row>
    <row r="123991" spans="1:7" x14ac:dyDescent="0.3">
      <c r="A123991" s="13" t="s">
        <v>575</v>
      </c>
      <c r="B123991" s="14" t="s">
        <v>1</v>
      </c>
      <c r="C123991" s="14" t="s">
        <v>200</v>
      </c>
      <c r="D123991" s="14" t="s">
        <v>18</v>
      </c>
      <c r="E123991" s="15">
        <v>45632</v>
      </c>
      <c r="F123991" s="14" t="s">
        <v>15</v>
      </c>
      <c r="G123991" s="16">
        <v>1.8940482663713845</v>
      </c>
    </row>
    <row r="123992" spans="1:7" x14ac:dyDescent="0.3">
      <c r="A123992" s="13" t="s">
        <v>575</v>
      </c>
      <c r="B123992" s="14" t="s">
        <v>1</v>
      </c>
      <c r="C123992" s="14" t="s">
        <v>200</v>
      </c>
      <c r="D123992" s="14" t="s">
        <v>18</v>
      </c>
      <c r="E123992" s="15">
        <v>45633</v>
      </c>
      <c r="F123992" s="14" t="s">
        <v>15</v>
      </c>
      <c r="G123992" s="16">
        <v>1.8940482663713845</v>
      </c>
    </row>
    <row r="123993" spans="1:7" x14ac:dyDescent="0.3">
      <c r="A123993" s="13" t="s">
        <v>575</v>
      </c>
      <c r="B123993" s="14" t="s">
        <v>1</v>
      </c>
      <c r="C123993" s="14" t="s">
        <v>200</v>
      </c>
      <c r="D123993" s="14" t="s">
        <v>18</v>
      </c>
      <c r="E123993" s="15">
        <v>45634</v>
      </c>
      <c r="F123993" s="14" t="s">
        <v>15</v>
      </c>
      <c r="G123993" s="16">
        <v>1.8940482663713845</v>
      </c>
    </row>
    <row r="123994" spans="1:7" x14ac:dyDescent="0.3">
      <c r="A123994" s="13" t="s">
        <v>575</v>
      </c>
      <c r="B123994" s="14" t="s">
        <v>1</v>
      </c>
      <c r="C123994" s="14" t="s">
        <v>200</v>
      </c>
      <c r="D123994" s="14" t="s">
        <v>18</v>
      </c>
      <c r="E123994" s="15">
        <v>45635</v>
      </c>
      <c r="F123994" s="14" t="s">
        <v>15</v>
      </c>
      <c r="G123994" s="16">
        <v>1.9011904716778922</v>
      </c>
    </row>
    <row r="123995" spans="1:7" x14ac:dyDescent="0.3">
      <c r="A123995" s="13" t="s">
        <v>575</v>
      </c>
      <c r="B123995" s="14" t="s">
        <v>1</v>
      </c>
      <c r="C123995" s="14" t="s">
        <v>200</v>
      </c>
      <c r="D123995" s="14" t="s">
        <v>18</v>
      </c>
      <c r="E123995" s="15">
        <v>45636</v>
      </c>
      <c r="F123995" s="14" t="s">
        <v>15</v>
      </c>
      <c r="G123995" s="16">
        <v>1.9259101716765445</v>
      </c>
    </row>
    <row r="123996" spans="1:7" x14ac:dyDescent="0.3">
      <c r="A123996" s="13" t="s">
        <v>575</v>
      </c>
      <c r="B123996" s="14" t="s">
        <v>1</v>
      </c>
      <c r="C123996" s="14" t="s">
        <v>200</v>
      </c>
      <c r="D123996" s="14" t="s">
        <v>18</v>
      </c>
      <c r="E123996" s="15">
        <v>45637</v>
      </c>
      <c r="F123996" s="14" t="s">
        <v>15</v>
      </c>
      <c r="G123996" s="16">
        <v>1.9331266869618207</v>
      </c>
    </row>
    <row r="123997" spans="1:7" x14ac:dyDescent="0.3">
      <c r="A123997" s="13" t="s">
        <v>575</v>
      </c>
      <c r="B123997" s="14" t="s">
        <v>1</v>
      </c>
      <c r="C123997" s="14" t="s">
        <v>200</v>
      </c>
      <c r="D123997" s="14" t="s">
        <v>18</v>
      </c>
      <c r="E123997" s="15">
        <v>45638</v>
      </c>
      <c r="F123997" s="14" t="s">
        <v>15</v>
      </c>
      <c r="G123997" s="16">
        <v>1.9405852404636572</v>
      </c>
    </row>
    <row r="123998" spans="1:7" x14ac:dyDescent="0.3">
      <c r="A123998" s="13" t="s">
        <v>575</v>
      </c>
      <c r="B123998" s="14" t="s">
        <v>1</v>
      </c>
      <c r="C123998" s="14" t="s">
        <v>200</v>
      </c>
      <c r="D123998" s="14" t="s">
        <v>18</v>
      </c>
      <c r="E123998" s="15">
        <v>45639</v>
      </c>
      <c r="F123998" s="14" t="s">
        <v>15</v>
      </c>
      <c r="G123998" s="16">
        <v>1.9492433693370437</v>
      </c>
    </row>
    <row r="123999" spans="1:7" x14ac:dyDescent="0.3">
      <c r="A123999" s="13" t="s">
        <v>575</v>
      </c>
      <c r="B123999" s="14" t="s">
        <v>1</v>
      </c>
      <c r="C123999" s="14" t="s">
        <v>200</v>
      </c>
      <c r="D123999" s="14" t="s">
        <v>18</v>
      </c>
      <c r="E123999" s="15">
        <v>45640</v>
      </c>
      <c r="F123999" s="14" t="s">
        <v>15</v>
      </c>
      <c r="G123999" s="16">
        <v>1.9492433693370437</v>
      </c>
    </row>
    <row r="124000" spans="1:7" x14ac:dyDescent="0.3">
      <c r="A124000" s="13" t="s">
        <v>575</v>
      </c>
      <c r="B124000" s="14" t="s">
        <v>1</v>
      </c>
      <c r="C124000" s="14" t="s">
        <v>200</v>
      </c>
      <c r="D124000" s="14" t="s">
        <v>18</v>
      </c>
      <c r="E124000" s="15">
        <v>45641</v>
      </c>
      <c r="F124000" s="14" t="s">
        <v>15</v>
      </c>
      <c r="G124000" s="16">
        <v>1.9492433693370437</v>
      </c>
    </row>
    <row r="124001" spans="1:7" x14ac:dyDescent="0.3">
      <c r="A124001" s="13" t="s">
        <v>575</v>
      </c>
      <c r="B124001" s="14" t="s">
        <v>1</v>
      </c>
      <c r="C124001" s="14" t="s">
        <v>200</v>
      </c>
      <c r="D124001" s="14" t="s">
        <v>18</v>
      </c>
      <c r="E124001" s="15">
        <v>45642</v>
      </c>
      <c r="F124001" s="14" t="s">
        <v>15</v>
      </c>
      <c r="G124001" s="16">
        <v>1.9568526659386685</v>
      </c>
    </row>
    <row r="124002" spans="1:7" x14ac:dyDescent="0.3">
      <c r="A124002" s="13" t="s">
        <v>575</v>
      </c>
      <c r="B124002" s="14" t="s">
        <v>1</v>
      </c>
      <c r="C124002" s="14" t="s">
        <v>200</v>
      </c>
      <c r="D124002" s="14" t="s">
        <v>18</v>
      </c>
      <c r="E124002" s="15">
        <v>45643</v>
      </c>
      <c r="F124002" s="14" t="s">
        <v>15</v>
      </c>
      <c r="G124002" s="16">
        <v>1.9784789476782976</v>
      </c>
    </row>
    <row r="124003" spans="1:7" x14ac:dyDescent="0.3">
      <c r="A124003" s="13" t="s">
        <v>575</v>
      </c>
      <c r="B124003" s="14" t="s">
        <v>1</v>
      </c>
      <c r="C124003" s="14" t="s">
        <v>200</v>
      </c>
      <c r="D124003" s="14" t="s">
        <v>18</v>
      </c>
      <c r="E124003" s="15">
        <v>45644</v>
      </c>
      <c r="F124003" s="14" t="s">
        <v>15</v>
      </c>
      <c r="G124003" s="16">
        <v>1.9858992846196244</v>
      </c>
    </row>
    <row r="124004" spans="1:7" x14ac:dyDescent="0.3">
      <c r="A124004" s="13" t="s">
        <v>575</v>
      </c>
      <c r="B124004" s="14" t="s">
        <v>1</v>
      </c>
      <c r="C124004" s="14" t="s">
        <v>200</v>
      </c>
      <c r="D124004" s="14" t="s">
        <v>18</v>
      </c>
      <c r="E124004" s="15">
        <v>45645</v>
      </c>
      <c r="F124004" s="14" t="s">
        <v>15</v>
      </c>
      <c r="G124004" s="16">
        <v>1.9955446746395082</v>
      </c>
    </row>
    <row r="124005" spans="1:7" x14ac:dyDescent="0.3">
      <c r="A124005" s="13" t="s">
        <v>575</v>
      </c>
      <c r="B124005" s="14" t="s">
        <v>1</v>
      </c>
      <c r="C124005" s="14" t="s">
        <v>200</v>
      </c>
      <c r="D124005" s="14" t="s">
        <v>18</v>
      </c>
      <c r="E124005" s="15">
        <v>45646</v>
      </c>
      <c r="F124005" s="14" t="s">
        <v>15</v>
      </c>
      <c r="G124005" s="16">
        <v>2.0065297674194764</v>
      </c>
    </row>
    <row r="124006" spans="1:7" x14ac:dyDescent="0.3">
      <c r="A124006" s="13" t="s">
        <v>575</v>
      </c>
      <c r="B124006" s="14" t="s">
        <v>1</v>
      </c>
      <c r="C124006" s="14" t="s">
        <v>200</v>
      </c>
      <c r="D124006" s="14" t="s">
        <v>18</v>
      </c>
      <c r="E124006" s="15">
        <v>45647</v>
      </c>
      <c r="F124006" s="14" t="s">
        <v>15</v>
      </c>
      <c r="G124006" s="16">
        <v>2.0065297674194764</v>
      </c>
    </row>
    <row r="124007" spans="1:7" x14ac:dyDescent="0.3">
      <c r="A124007" s="13" t="s">
        <v>575</v>
      </c>
      <c r="B124007" s="14" t="s">
        <v>1</v>
      </c>
      <c r="C124007" s="14" t="s">
        <v>200</v>
      </c>
      <c r="D124007" s="14" t="s">
        <v>18</v>
      </c>
      <c r="E124007" s="15">
        <v>45648</v>
      </c>
      <c r="F124007" s="14" t="s">
        <v>15</v>
      </c>
      <c r="G124007" s="16">
        <v>2.0065297674194764</v>
      </c>
    </row>
    <row r="124008" spans="1:7" x14ac:dyDescent="0.3">
      <c r="A124008" s="13" t="s">
        <v>575</v>
      </c>
      <c r="B124008" s="14" t="s">
        <v>1</v>
      </c>
      <c r="C124008" s="14" t="s">
        <v>200</v>
      </c>
      <c r="D124008" s="14" t="s">
        <v>18</v>
      </c>
      <c r="E124008" s="15">
        <v>45649</v>
      </c>
      <c r="F124008" s="14" t="s">
        <v>15</v>
      </c>
      <c r="G124008" s="16">
        <v>2.0147926082988898</v>
      </c>
    </row>
    <row r="124009" spans="1:7" x14ac:dyDescent="0.3">
      <c r="A124009" s="13" t="s">
        <v>575</v>
      </c>
      <c r="B124009" s="14" t="s">
        <v>1</v>
      </c>
      <c r="C124009" s="14" t="s">
        <v>200</v>
      </c>
      <c r="D124009" s="14" t="s">
        <v>18</v>
      </c>
      <c r="E124009" s="15">
        <v>45650</v>
      </c>
      <c r="F124009" s="14" t="s">
        <v>15</v>
      </c>
      <c r="G124009" s="16">
        <v>2.0370102878879806</v>
      </c>
    </row>
    <row r="124010" spans="1:7" x14ac:dyDescent="0.3">
      <c r="A124010" s="13" t="s">
        <v>575</v>
      </c>
      <c r="B124010" s="14" t="s">
        <v>1</v>
      </c>
      <c r="C124010" s="14" t="s">
        <v>200</v>
      </c>
      <c r="D124010" s="14" t="s">
        <v>18</v>
      </c>
      <c r="E124010" s="15">
        <v>45651</v>
      </c>
      <c r="F124010" s="14" t="s">
        <v>15</v>
      </c>
      <c r="G124010" s="16">
        <v>2.0370102878879806</v>
      </c>
    </row>
    <row r="124011" spans="1:7" x14ac:dyDescent="0.3">
      <c r="A124011" s="13" t="s">
        <v>575</v>
      </c>
      <c r="B124011" s="14" t="s">
        <v>1</v>
      </c>
      <c r="C124011" s="14" t="s">
        <v>200</v>
      </c>
      <c r="D124011" s="14" t="s">
        <v>18</v>
      </c>
      <c r="E124011" s="15">
        <v>45652</v>
      </c>
      <c r="F124011" s="14" t="s">
        <v>15</v>
      </c>
      <c r="G124011" s="16">
        <v>2.0370102878879806</v>
      </c>
    </row>
    <row r="124012" spans="1:7" x14ac:dyDescent="0.3">
      <c r="A124012" s="13" t="s">
        <v>575</v>
      </c>
      <c r="B124012" s="14" t="s">
        <v>1</v>
      </c>
      <c r="C124012" s="14" t="s">
        <v>200</v>
      </c>
      <c r="D124012" s="14" t="s">
        <v>18</v>
      </c>
      <c r="E124012" s="15">
        <v>45653</v>
      </c>
      <c r="F124012" s="14" t="s">
        <v>15</v>
      </c>
      <c r="G124012" s="16">
        <v>2.0370102878879806</v>
      </c>
    </row>
    <row r="124013" spans="1:7" x14ac:dyDescent="0.3">
      <c r="A124013" s="13" t="s">
        <v>575</v>
      </c>
      <c r="B124013" s="14" t="s">
        <v>1</v>
      </c>
      <c r="C124013" s="14" t="s">
        <v>200</v>
      </c>
      <c r="D124013" s="14" t="s">
        <v>18</v>
      </c>
      <c r="E124013" s="15">
        <v>45654</v>
      </c>
      <c r="F124013" s="14" t="s">
        <v>15</v>
      </c>
      <c r="G124013" s="16">
        <v>2.0370102878879806</v>
      </c>
    </row>
    <row r="124014" spans="1:7" x14ac:dyDescent="0.3">
      <c r="A124014" s="13" t="s">
        <v>575</v>
      </c>
      <c r="B124014" s="14" t="s">
        <v>1</v>
      </c>
      <c r="C124014" s="14" t="s">
        <v>200</v>
      </c>
      <c r="D124014" s="14" t="s">
        <v>18</v>
      </c>
      <c r="E124014" s="15">
        <v>45655</v>
      </c>
      <c r="F124014" s="14" t="s">
        <v>15</v>
      </c>
      <c r="G124014" s="16">
        <v>2.0370102878879806</v>
      </c>
    </row>
    <row r="124015" spans="1:7" x14ac:dyDescent="0.3">
      <c r="A124015" s="13" t="s">
        <v>575</v>
      </c>
      <c r="B124015" s="14" t="s">
        <v>1</v>
      </c>
      <c r="C124015" s="14" t="s">
        <v>200</v>
      </c>
      <c r="D124015" s="14" t="s">
        <v>18</v>
      </c>
      <c r="E124015" s="15">
        <v>45656</v>
      </c>
      <c r="F124015" s="14" t="s">
        <v>15</v>
      </c>
      <c r="G124015" s="16">
        <v>2.0443311932835231</v>
      </c>
    </row>
    <row r="124016" spans="1:7" x14ac:dyDescent="0.3">
      <c r="A124016" s="13" t="s">
        <v>575</v>
      </c>
      <c r="B124016" s="14" t="s">
        <v>1</v>
      </c>
      <c r="C124016" s="14" t="s">
        <v>200</v>
      </c>
      <c r="D124016" s="14" t="s">
        <v>18</v>
      </c>
      <c r="E124016" s="15">
        <v>45657</v>
      </c>
      <c r="F124016" s="14" t="s">
        <v>15</v>
      </c>
      <c r="G124016" s="16">
        <v>2.0927940341629365</v>
      </c>
    </row>
    <row r="124017" spans="1:7" x14ac:dyDescent="0.3">
      <c r="A124017" s="13" t="s">
        <v>575</v>
      </c>
      <c r="B124017" s="14" t="s">
        <v>1</v>
      </c>
      <c r="C124017" s="14" t="s">
        <v>200</v>
      </c>
      <c r="D124017" s="14" t="s">
        <v>18</v>
      </c>
      <c r="E124017" s="15">
        <v>45658</v>
      </c>
      <c r="F124017" s="14" t="s">
        <v>15</v>
      </c>
      <c r="G124017" s="16">
        <v>2.0927940341629365</v>
      </c>
    </row>
    <row r="124018" spans="1:7" x14ac:dyDescent="0.3">
      <c r="A124018" s="13" t="s">
        <v>575</v>
      </c>
      <c r="B124018" s="14" t="s">
        <v>1</v>
      </c>
      <c r="C124018" s="14" t="s">
        <v>200</v>
      </c>
      <c r="D124018" s="14" t="s">
        <v>18</v>
      </c>
      <c r="E124018" s="15">
        <v>45659</v>
      </c>
      <c r="F124018" s="14" t="s">
        <v>15</v>
      </c>
      <c r="G124018" s="16">
        <v>2.1010848320315976</v>
      </c>
    </row>
    <row r="124019" spans="1:7" x14ac:dyDescent="0.3">
      <c r="A124019" s="13" t="s">
        <v>575</v>
      </c>
      <c r="B124019" s="14" t="s">
        <v>1</v>
      </c>
      <c r="C124019" s="14" t="s">
        <v>200</v>
      </c>
      <c r="D124019" s="14" t="s">
        <v>18</v>
      </c>
      <c r="E124019" s="15">
        <v>45660</v>
      </c>
      <c r="F124019" s="14" t="s">
        <v>15</v>
      </c>
      <c r="G124019" s="16">
        <v>2.1116121890400432</v>
      </c>
    </row>
    <row r="124020" spans="1:7" x14ac:dyDescent="0.3">
      <c r="A124020" s="13" t="s">
        <v>575</v>
      </c>
      <c r="B124020" s="14" t="s">
        <v>1</v>
      </c>
      <c r="C124020" s="14" t="s">
        <v>200</v>
      </c>
      <c r="D124020" s="14" t="s">
        <v>18</v>
      </c>
      <c r="E124020" s="15">
        <v>45661</v>
      </c>
      <c r="F124020" s="14" t="s">
        <v>15</v>
      </c>
      <c r="G124020" s="16">
        <v>2.1116121890400432</v>
      </c>
    </row>
    <row r="124021" spans="1:7" x14ac:dyDescent="0.3">
      <c r="A124021" s="13" t="s">
        <v>575</v>
      </c>
      <c r="B124021" s="14" t="s">
        <v>1</v>
      </c>
      <c r="C124021" s="14" t="s">
        <v>200</v>
      </c>
      <c r="D124021" s="14" t="s">
        <v>18</v>
      </c>
      <c r="E124021" s="15">
        <v>45662</v>
      </c>
      <c r="F124021" s="14" t="s">
        <v>15</v>
      </c>
      <c r="G124021" s="16">
        <v>2.1116121890400432</v>
      </c>
    </row>
    <row r="124022" spans="1:7" x14ac:dyDescent="0.3">
      <c r="A124022" s="13" t="s">
        <v>575</v>
      </c>
      <c r="B124022" s="14" t="s">
        <v>1</v>
      </c>
      <c r="C124022" s="14" t="s">
        <v>200</v>
      </c>
      <c r="D124022" s="14" t="s">
        <v>18</v>
      </c>
      <c r="E124022" s="15">
        <v>45663</v>
      </c>
      <c r="F124022" s="14" t="s">
        <v>15</v>
      </c>
      <c r="G124022" s="16">
        <v>2.1191072879839732</v>
      </c>
    </row>
    <row r="124023" spans="1:7" x14ac:dyDescent="0.3">
      <c r="A124023" s="13" t="s">
        <v>575</v>
      </c>
      <c r="B124023" s="14" t="s">
        <v>1</v>
      </c>
      <c r="C124023" s="14" t="s">
        <v>200</v>
      </c>
      <c r="D124023" s="14" t="s">
        <v>18</v>
      </c>
      <c r="E124023" s="15">
        <v>45664</v>
      </c>
      <c r="F124023" s="14" t="s">
        <v>15</v>
      </c>
      <c r="G124023" s="16">
        <v>2.1432755052074723</v>
      </c>
    </row>
    <row r="124024" spans="1:7" x14ac:dyDescent="0.3">
      <c r="A124024" s="13" t="s">
        <v>575</v>
      </c>
      <c r="B124024" s="14" t="s">
        <v>1</v>
      </c>
      <c r="C124024" s="14" t="s">
        <v>200</v>
      </c>
      <c r="D124024" s="14" t="s">
        <v>18</v>
      </c>
      <c r="E124024" s="15">
        <v>45665</v>
      </c>
      <c r="F124024" s="14" t="s">
        <v>15</v>
      </c>
      <c r="G124024" s="16">
        <v>2.1502523245815097</v>
      </c>
    </row>
    <row r="124025" spans="1:7" x14ac:dyDescent="0.3">
      <c r="A124025" s="13" t="s">
        <v>575</v>
      </c>
      <c r="B124025" s="14" t="s">
        <v>1</v>
      </c>
      <c r="C124025" s="14" t="s">
        <v>200</v>
      </c>
      <c r="D124025" s="14" t="s">
        <v>18</v>
      </c>
      <c r="E124025" s="15">
        <v>45666</v>
      </c>
      <c r="F124025" s="14" t="s">
        <v>15</v>
      </c>
      <c r="G124025" s="16">
        <v>2.1502523245815097</v>
      </c>
    </row>
    <row r="124026" spans="1:7" x14ac:dyDescent="0.3">
      <c r="A124026" s="13" t="s">
        <v>575</v>
      </c>
      <c r="B124026" s="14" t="s">
        <v>1</v>
      </c>
      <c r="C124026" s="14" t="s">
        <v>200</v>
      </c>
      <c r="D124026" s="14" t="s">
        <v>18</v>
      </c>
      <c r="E124026" s="15">
        <v>45667</v>
      </c>
      <c r="F124026" s="14" t="s">
        <v>15</v>
      </c>
      <c r="G124026" s="16">
        <v>2.1642441977189875</v>
      </c>
    </row>
    <row r="124027" spans="1:7" x14ac:dyDescent="0.3">
      <c r="A124027" s="13" t="s">
        <v>575</v>
      </c>
      <c r="B124027" s="14" t="s">
        <v>1</v>
      </c>
      <c r="C124027" s="14" t="s">
        <v>200</v>
      </c>
      <c r="D124027" s="14" t="s">
        <v>18</v>
      </c>
      <c r="E124027" s="15">
        <v>45668</v>
      </c>
      <c r="F124027" s="14" t="s">
        <v>15</v>
      </c>
      <c r="G124027" s="16">
        <v>2.1642441977189875</v>
      </c>
    </row>
    <row r="124028" spans="1:7" x14ac:dyDescent="0.3">
      <c r="A124028" s="13" t="s">
        <v>575</v>
      </c>
      <c r="B124028" s="14" t="s">
        <v>1</v>
      </c>
      <c r="C124028" s="14" t="s">
        <v>200</v>
      </c>
      <c r="D124028" s="14" t="s">
        <v>18</v>
      </c>
      <c r="E124028" s="15">
        <v>45669</v>
      </c>
      <c r="F124028" s="14" t="s">
        <v>15</v>
      </c>
      <c r="G124028" s="16">
        <v>2.1642441977189875</v>
      </c>
    </row>
    <row r="124029" spans="1:7" x14ac:dyDescent="0.3">
      <c r="A124029" s="13" t="s">
        <v>575</v>
      </c>
      <c r="B124029" s="14" t="s">
        <v>1</v>
      </c>
      <c r="C124029" s="14" t="s">
        <v>200</v>
      </c>
      <c r="D124029" s="14" t="s">
        <v>18</v>
      </c>
      <c r="E124029" s="15">
        <v>45670</v>
      </c>
      <c r="F124029" s="14" t="s">
        <v>15</v>
      </c>
      <c r="G124029" s="16">
        <v>2.1773349955876489</v>
      </c>
    </row>
    <row r="124030" spans="1:7" x14ac:dyDescent="0.3">
      <c r="A124030" s="13" t="s">
        <v>575</v>
      </c>
      <c r="B124030" s="14" t="s">
        <v>1</v>
      </c>
      <c r="C124030" s="14" t="s">
        <v>200</v>
      </c>
      <c r="D124030" s="14" t="s">
        <v>18</v>
      </c>
      <c r="E124030" s="15">
        <v>45671</v>
      </c>
      <c r="F124030" s="14" t="s">
        <v>15</v>
      </c>
      <c r="G124030" s="16">
        <v>2.1971763310907182</v>
      </c>
    </row>
    <row r="124031" spans="1:7" x14ac:dyDescent="0.3">
      <c r="A124031" s="13" t="s">
        <v>575</v>
      </c>
      <c r="B124031" s="14" t="s">
        <v>1</v>
      </c>
      <c r="C124031" s="14" t="s">
        <v>200</v>
      </c>
      <c r="D124031" s="14" t="s">
        <v>18</v>
      </c>
      <c r="E124031" s="15">
        <v>45672</v>
      </c>
      <c r="F124031" s="14" t="s">
        <v>15</v>
      </c>
      <c r="G124031" s="16">
        <v>2.2044133655185187</v>
      </c>
    </row>
    <row r="124032" spans="1:7" x14ac:dyDescent="0.3">
      <c r="A124032" s="13" t="s">
        <v>575</v>
      </c>
      <c r="B124032" s="14" t="s">
        <v>1</v>
      </c>
      <c r="C124032" s="14" t="s">
        <v>200</v>
      </c>
      <c r="D124032" s="14" t="s">
        <v>18</v>
      </c>
      <c r="E124032" s="15">
        <v>45673</v>
      </c>
      <c r="F124032" s="14" t="s">
        <v>15</v>
      </c>
      <c r="G124032" s="16">
        <v>2.2100267440323411</v>
      </c>
    </row>
    <row r="124033" spans="1:7" x14ac:dyDescent="0.3">
      <c r="A124033" s="13" t="s">
        <v>575</v>
      </c>
      <c r="B124033" s="14" t="s">
        <v>1</v>
      </c>
      <c r="C124033" s="14" t="s">
        <v>200</v>
      </c>
      <c r="D124033" s="14" t="s">
        <v>18</v>
      </c>
      <c r="E124033" s="15">
        <v>45674</v>
      </c>
      <c r="F124033" s="14" t="s">
        <v>15</v>
      </c>
      <c r="G124033" s="16">
        <v>2.2164250687827227</v>
      </c>
    </row>
    <row r="124034" spans="1:7" x14ac:dyDescent="0.3">
      <c r="A124034" s="13" t="s">
        <v>575</v>
      </c>
      <c r="B124034" s="14" t="s">
        <v>1</v>
      </c>
      <c r="C124034" s="14" t="s">
        <v>200</v>
      </c>
      <c r="D124034" s="14" t="s">
        <v>18</v>
      </c>
      <c r="E124034" s="15">
        <v>45675</v>
      </c>
      <c r="F124034" s="14" t="s">
        <v>15</v>
      </c>
      <c r="G124034" s="16">
        <v>2.2164250687827227</v>
      </c>
    </row>
    <row r="124035" spans="1:7" x14ac:dyDescent="0.3">
      <c r="A124035" s="13" t="s">
        <v>575</v>
      </c>
      <c r="B124035" s="14" t="s">
        <v>1</v>
      </c>
      <c r="C124035" s="14" t="s">
        <v>200</v>
      </c>
      <c r="D124035" s="14" t="s">
        <v>18</v>
      </c>
      <c r="E124035" s="15">
        <v>45676</v>
      </c>
      <c r="F124035" s="14" t="s">
        <v>15</v>
      </c>
      <c r="G124035" s="16">
        <v>2.2164250687827227</v>
      </c>
    </row>
    <row r="124036" spans="1:7" x14ac:dyDescent="0.3">
      <c r="A124036" s="13" t="s">
        <v>575</v>
      </c>
      <c r="B124036" s="14" t="s">
        <v>1</v>
      </c>
      <c r="C124036" s="14" t="s">
        <v>200</v>
      </c>
      <c r="D124036" s="14" t="s">
        <v>18</v>
      </c>
      <c r="E124036" s="15">
        <v>45677</v>
      </c>
      <c r="F124036" s="14" t="s">
        <v>15</v>
      </c>
      <c r="G124036" s="16">
        <v>2.2164250687827227</v>
      </c>
    </row>
    <row r="124037" spans="1:7" x14ac:dyDescent="0.3">
      <c r="A124037" s="13" t="s">
        <v>575</v>
      </c>
      <c r="B124037" s="14" t="s">
        <v>1</v>
      </c>
      <c r="C124037" s="14" t="s">
        <v>200</v>
      </c>
      <c r="D124037" s="14" t="s">
        <v>18</v>
      </c>
      <c r="E124037" s="15">
        <v>45678</v>
      </c>
      <c r="F124037" s="14" t="s">
        <v>15</v>
      </c>
      <c r="G124037" s="16">
        <v>2.2243932860062223</v>
      </c>
    </row>
    <row r="124038" spans="1:7" x14ac:dyDescent="0.3">
      <c r="A124038" s="13" t="s">
        <v>575</v>
      </c>
      <c r="B124038" s="14" t="s">
        <v>1</v>
      </c>
      <c r="C124038" s="14" t="s">
        <v>200</v>
      </c>
      <c r="D124038" s="14" t="s">
        <v>18</v>
      </c>
      <c r="E124038" s="15">
        <v>45679</v>
      </c>
      <c r="F124038" s="14" t="s">
        <v>15</v>
      </c>
      <c r="G124038" s="16">
        <v>2.2500883849501525</v>
      </c>
    </row>
    <row r="124039" spans="1:7" x14ac:dyDescent="0.3">
      <c r="A124039" s="13" t="s">
        <v>575</v>
      </c>
      <c r="B124039" s="14" t="s">
        <v>1</v>
      </c>
      <c r="C124039" s="14" t="s">
        <v>200</v>
      </c>
      <c r="D124039" s="14" t="s">
        <v>18</v>
      </c>
      <c r="E124039" s="15">
        <v>45680</v>
      </c>
      <c r="F124039" s="14" t="s">
        <v>15</v>
      </c>
      <c r="G124039" s="16">
        <v>2.2568953118510713</v>
      </c>
    </row>
    <row r="124040" spans="1:7" x14ac:dyDescent="0.3">
      <c r="A124040" s="13" t="s">
        <v>575</v>
      </c>
      <c r="B124040" s="14" t="s">
        <v>1</v>
      </c>
      <c r="C124040" s="14" t="s">
        <v>200</v>
      </c>
      <c r="D124040" s="14" t="s">
        <v>18</v>
      </c>
      <c r="E124040" s="15">
        <v>45681</v>
      </c>
      <c r="F124040" s="14" t="s">
        <v>15</v>
      </c>
      <c r="G124040" s="16">
        <v>2.2630506258487646</v>
      </c>
    </row>
    <row r="124041" spans="1:7" x14ac:dyDescent="0.3">
      <c r="A124041" s="13" t="s">
        <v>575</v>
      </c>
      <c r="B124041" s="14" t="s">
        <v>1</v>
      </c>
      <c r="C124041" s="14" t="s">
        <v>200</v>
      </c>
      <c r="D124041" s="14" t="s">
        <v>18</v>
      </c>
      <c r="E124041" s="15">
        <v>45682</v>
      </c>
      <c r="F124041" s="14" t="s">
        <v>15</v>
      </c>
      <c r="G124041" s="16">
        <v>2.2630506258487646</v>
      </c>
    </row>
    <row r="124042" spans="1:7" x14ac:dyDescent="0.3">
      <c r="A124042" s="13" t="s">
        <v>575</v>
      </c>
      <c r="B124042" s="14" t="s">
        <v>1</v>
      </c>
      <c r="C124042" s="14" t="s">
        <v>200</v>
      </c>
      <c r="D124042" s="14" t="s">
        <v>18</v>
      </c>
      <c r="E124042" s="15">
        <v>45683</v>
      </c>
      <c r="F124042" s="14" t="s">
        <v>15</v>
      </c>
      <c r="G124042" s="16">
        <v>2.2630506258487646</v>
      </c>
    </row>
    <row r="124043" spans="1:7" x14ac:dyDescent="0.3">
      <c r="A124043" s="13" t="s">
        <v>575</v>
      </c>
      <c r="B124043" s="14" t="s">
        <v>1</v>
      </c>
      <c r="C124043" s="14" t="s">
        <v>200</v>
      </c>
      <c r="D124043" s="14" t="s">
        <v>18</v>
      </c>
      <c r="E124043" s="15">
        <v>45684</v>
      </c>
      <c r="F124043" s="14" t="s">
        <v>15</v>
      </c>
      <c r="G124043" s="16">
        <v>2.2682876602765654</v>
      </c>
    </row>
    <row r="124044" spans="1:7" x14ac:dyDescent="0.3">
      <c r="A124044" s="13" t="s">
        <v>575</v>
      </c>
      <c r="B124044" s="14" t="s">
        <v>1</v>
      </c>
      <c r="C124044" s="14" t="s">
        <v>200</v>
      </c>
      <c r="D124044" s="14" t="s">
        <v>18</v>
      </c>
      <c r="E124044" s="15">
        <v>45685</v>
      </c>
      <c r="F124044" s="14" t="s">
        <v>15</v>
      </c>
      <c r="G124044" s="16">
        <v>2.2890537269624303</v>
      </c>
    </row>
    <row r="124045" spans="1:7" x14ac:dyDescent="0.3">
      <c r="A124045" s="13" t="s">
        <v>575</v>
      </c>
      <c r="B124045" s="14" t="s">
        <v>1</v>
      </c>
      <c r="C124045" s="14" t="s">
        <v>200</v>
      </c>
      <c r="D124045" s="14" t="s">
        <v>18</v>
      </c>
      <c r="E124045" s="15">
        <v>45686</v>
      </c>
      <c r="F124045" s="14" t="s">
        <v>15</v>
      </c>
      <c r="G124045" s="16">
        <v>2.295860653863349</v>
      </c>
    </row>
    <row r="124046" spans="1:7" x14ac:dyDescent="0.3">
      <c r="A124046" s="13" t="s">
        <v>575</v>
      </c>
      <c r="B124046" s="14" t="s">
        <v>1</v>
      </c>
      <c r="C124046" s="14" t="s">
        <v>200</v>
      </c>
      <c r="D124046" s="14" t="s">
        <v>18</v>
      </c>
      <c r="E124046" s="15">
        <v>45687</v>
      </c>
      <c r="F124046" s="14" t="s">
        <v>15</v>
      </c>
      <c r="G124046" s="16">
        <v>2.3011665054954507</v>
      </c>
    </row>
    <row r="124047" spans="1:7" x14ac:dyDescent="0.3">
      <c r="A124047" s="13" t="s">
        <v>575</v>
      </c>
      <c r="B124047" s="14" t="s">
        <v>1</v>
      </c>
      <c r="C124047" s="14" t="s">
        <v>200</v>
      </c>
      <c r="D124047" s="14" t="s">
        <v>18</v>
      </c>
      <c r="E124047" s="15">
        <v>45688</v>
      </c>
      <c r="F124047" s="14" t="s">
        <v>15</v>
      </c>
      <c r="G124047" s="16">
        <v>2.3079110668049716</v>
      </c>
    </row>
    <row r="124048" spans="1:7" x14ac:dyDescent="0.3">
      <c r="A124048" s="13" t="s">
        <v>575</v>
      </c>
      <c r="B124048" s="14" t="s">
        <v>1</v>
      </c>
      <c r="C124048" s="14" t="s">
        <v>200</v>
      </c>
      <c r="D124048" s="14" t="s">
        <v>18</v>
      </c>
      <c r="E124048" s="15">
        <v>45689</v>
      </c>
      <c r="F124048" s="14" t="s">
        <v>15</v>
      </c>
      <c r="G124048" s="16">
        <v>2.3079110668049716</v>
      </c>
    </row>
    <row r="124049" spans="1:7" x14ac:dyDescent="0.3">
      <c r="A124049" s="13" t="s">
        <v>575</v>
      </c>
      <c r="B124049" s="14" t="s">
        <v>1</v>
      </c>
      <c r="C124049" s="14" t="s">
        <v>200</v>
      </c>
      <c r="D124049" s="14" t="s">
        <v>18</v>
      </c>
      <c r="E124049" s="15">
        <v>45690</v>
      </c>
      <c r="F124049" s="14" t="s">
        <v>15</v>
      </c>
      <c r="G124049" s="16">
        <v>2.3079110668049716</v>
      </c>
    </row>
    <row r="124050" spans="1:7" x14ac:dyDescent="0.3">
      <c r="A124050" s="13" t="s">
        <v>575</v>
      </c>
      <c r="B124050" s="14" t="s">
        <v>1</v>
      </c>
      <c r="C124050" s="14" t="s">
        <v>200</v>
      </c>
      <c r="D124050" s="14" t="s">
        <v>18</v>
      </c>
      <c r="E124050" s="15">
        <v>45691</v>
      </c>
      <c r="F124050" s="14" t="s">
        <v>15</v>
      </c>
      <c r="G124050" s="16">
        <v>2.3079110668049716</v>
      </c>
    </row>
    <row r="124051" spans="1:7" x14ac:dyDescent="0.3">
      <c r="A124051" s="13" t="s">
        <v>575</v>
      </c>
      <c r="B124051" s="14" t="s">
        <v>1</v>
      </c>
      <c r="C124051" s="14" t="s">
        <v>200</v>
      </c>
      <c r="D124051" s="14" t="s">
        <v>18</v>
      </c>
      <c r="E124051" s="15">
        <v>45692</v>
      </c>
      <c r="F124051" s="14" t="s">
        <v>15</v>
      </c>
      <c r="G124051" s="16">
        <v>2.3148599291897614</v>
      </c>
    </row>
    <row r="124052" spans="1:7" x14ac:dyDescent="0.3">
      <c r="A124052" s="13" t="s">
        <v>575</v>
      </c>
      <c r="B124052" s="14" t="s">
        <v>1</v>
      </c>
      <c r="C124052" s="14" t="s">
        <v>200</v>
      </c>
      <c r="D124052" s="14" t="s">
        <v>18</v>
      </c>
      <c r="E124052" s="15">
        <v>45693</v>
      </c>
      <c r="F124052" s="14" t="s">
        <v>15</v>
      </c>
      <c r="G124052" s="16">
        <v>2.3437550281336916</v>
      </c>
    </row>
    <row r="124053" spans="1:7" x14ac:dyDescent="0.3">
      <c r="A124053" s="13" t="s">
        <v>575</v>
      </c>
      <c r="B124053" s="14" t="s">
        <v>1</v>
      </c>
      <c r="C124053" s="14" t="s">
        <v>200</v>
      </c>
      <c r="D124053" s="14" t="s">
        <v>18</v>
      </c>
      <c r="E124053" s="15">
        <v>45694</v>
      </c>
      <c r="F124053" s="14" t="s">
        <v>15</v>
      </c>
      <c r="G124053" s="16">
        <v>2.3513124926690194</v>
      </c>
    </row>
    <row r="124054" spans="1:7" x14ac:dyDescent="0.3">
      <c r="A124054" s="13" t="s">
        <v>575</v>
      </c>
      <c r="B124054" s="14" t="s">
        <v>1</v>
      </c>
      <c r="C124054" s="14" t="s">
        <v>200</v>
      </c>
      <c r="D124054" s="14" t="s">
        <v>18</v>
      </c>
      <c r="E124054" s="15">
        <v>45695</v>
      </c>
      <c r="F124054" s="14" t="s">
        <v>15</v>
      </c>
      <c r="G124054" s="16">
        <v>2.3585538281720888</v>
      </c>
    </row>
    <row r="124055" spans="1:7" x14ac:dyDescent="0.3">
      <c r="A124055" s="13" t="s">
        <v>575</v>
      </c>
      <c r="B124055" s="14" t="s">
        <v>1</v>
      </c>
      <c r="C124055" s="14" t="s">
        <v>200</v>
      </c>
      <c r="D124055" s="14" t="s">
        <v>18</v>
      </c>
      <c r="E124055" s="15">
        <v>45696</v>
      </c>
      <c r="F124055" s="14" t="s">
        <v>15</v>
      </c>
      <c r="G124055" s="16">
        <v>2.3585538281720888</v>
      </c>
    </row>
    <row r="124056" spans="1:7" x14ac:dyDescent="0.3">
      <c r="A124056" s="13" t="s">
        <v>575</v>
      </c>
      <c r="B124056" s="14" t="s">
        <v>1</v>
      </c>
      <c r="C124056" s="14" t="s">
        <v>200</v>
      </c>
      <c r="D124056" s="14" t="s">
        <v>18</v>
      </c>
      <c r="E124056" s="15">
        <v>45697</v>
      </c>
      <c r="F124056" s="14" t="s">
        <v>15</v>
      </c>
      <c r="G124056" s="16">
        <v>2.3585538281720888</v>
      </c>
    </row>
    <row r="124057" spans="1:7" x14ac:dyDescent="0.3">
      <c r="A124057" s="13" t="s">
        <v>575</v>
      </c>
      <c r="B124057" s="14" t="s">
        <v>1</v>
      </c>
      <c r="C124057" s="14" t="s">
        <v>200</v>
      </c>
      <c r="D124057" s="14" t="s">
        <v>18</v>
      </c>
      <c r="E124057" s="15">
        <v>45698</v>
      </c>
      <c r="F124057" s="14" t="s">
        <v>15</v>
      </c>
      <c r="G124057" s="16">
        <v>2.3659779593740833</v>
      </c>
    </row>
    <row r="124058" spans="1:7" x14ac:dyDescent="0.3">
      <c r="A124058" s="13" t="s">
        <v>575</v>
      </c>
      <c r="B124058" s="14" t="s">
        <v>1</v>
      </c>
      <c r="C124058" s="14" t="s">
        <v>200</v>
      </c>
      <c r="D124058" s="14" t="s">
        <v>18</v>
      </c>
      <c r="E124058" s="15">
        <v>45699</v>
      </c>
      <c r="F124058" s="14" t="s">
        <v>15</v>
      </c>
      <c r="G124058" s="16">
        <v>2.388681660468551</v>
      </c>
    </row>
    <row r="124059" spans="1:7" x14ac:dyDescent="0.3">
      <c r="A124059" s="13" t="s">
        <v>575</v>
      </c>
      <c r="B124059" s="14" t="s">
        <v>1</v>
      </c>
      <c r="C124059" s="14" t="s">
        <v>200</v>
      </c>
      <c r="D124059" s="14" t="s">
        <v>18</v>
      </c>
      <c r="E124059" s="15">
        <v>45700</v>
      </c>
      <c r="F124059" s="14" t="s">
        <v>15</v>
      </c>
      <c r="G124059" s="16">
        <v>2.3962950389823732</v>
      </c>
    </row>
    <row r="124060" spans="1:7" x14ac:dyDescent="0.3">
      <c r="A124060" s="13" t="s">
        <v>575</v>
      </c>
      <c r="B124060" s="14" t="s">
        <v>1</v>
      </c>
      <c r="C124060" s="14" t="s">
        <v>200</v>
      </c>
      <c r="D124060" s="14" t="s">
        <v>18</v>
      </c>
      <c r="E124060" s="15">
        <v>45701</v>
      </c>
      <c r="F124060" s="14" t="s">
        <v>15</v>
      </c>
      <c r="G124060" s="16">
        <v>2.4062826110445825</v>
      </c>
    </row>
    <row r="124061" spans="1:7" x14ac:dyDescent="0.3">
      <c r="A124061" s="13" t="s">
        <v>575</v>
      </c>
      <c r="B124061" s="14" t="s">
        <v>1</v>
      </c>
      <c r="C124061" s="14" t="s">
        <v>200</v>
      </c>
      <c r="D124061" s="14" t="s">
        <v>18</v>
      </c>
      <c r="E124061" s="15">
        <v>45702</v>
      </c>
      <c r="F124061" s="14" t="s">
        <v>15</v>
      </c>
      <c r="G124061" s="16">
        <v>2.4137863121390501</v>
      </c>
    </row>
    <row r="124062" spans="1:7" x14ac:dyDescent="0.3">
      <c r="A124062" s="13" t="s">
        <v>575</v>
      </c>
      <c r="B124062" s="14" t="s">
        <v>1</v>
      </c>
      <c r="C124062" s="14" t="s">
        <v>200</v>
      </c>
      <c r="D124062" s="14" t="s">
        <v>18</v>
      </c>
      <c r="E124062" s="15">
        <v>45703</v>
      </c>
      <c r="F124062" s="14" t="s">
        <v>15</v>
      </c>
      <c r="G124062" s="16">
        <v>2.4137863121390501</v>
      </c>
    </row>
    <row r="124063" spans="1:7" x14ac:dyDescent="0.3">
      <c r="A124063" s="13" t="s">
        <v>575</v>
      </c>
      <c r="B124063" s="14" t="s">
        <v>1</v>
      </c>
      <c r="C124063" s="14" t="s">
        <v>200</v>
      </c>
      <c r="D124063" s="14" t="s">
        <v>18</v>
      </c>
      <c r="E124063" s="15">
        <v>45704</v>
      </c>
      <c r="F124063" s="14" t="s">
        <v>15</v>
      </c>
      <c r="G124063" s="16">
        <v>2.4137863121390501</v>
      </c>
    </row>
    <row r="124064" spans="1:7" x14ac:dyDescent="0.3">
      <c r="A124064" s="13" t="s">
        <v>575</v>
      </c>
      <c r="B124064" s="14" t="s">
        <v>1</v>
      </c>
      <c r="C124064" s="14" t="s">
        <v>200</v>
      </c>
      <c r="D124064" s="14" t="s">
        <v>18</v>
      </c>
      <c r="E124064" s="15">
        <v>45705</v>
      </c>
      <c r="F124064" s="14" t="s">
        <v>15</v>
      </c>
      <c r="G124064" s="16">
        <v>2.4137863121390501</v>
      </c>
    </row>
    <row r="124065" spans="1:7" x14ac:dyDescent="0.3">
      <c r="A124065" s="13" t="s">
        <v>575</v>
      </c>
      <c r="B124065" s="14" t="s">
        <v>1</v>
      </c>
      <c r="C124065" s="14" t="s">
        <v>200</v>
      </c>
      <c r="D124065" s="14" t="s">
        <v>18</v>
      </c>
      <c r="E124065" s="15">
        <v>45706</v>
      </c>
      <c r="F124065" s="14" t="s">
        <v>15</v>
      </c>
      <c r="G124065" s="16">
        <v>2.4216771100077108</v>
      </c>
    </row>
    <row r="124066" spans="1:7" x14ac:dyDescent="0.3">
      <c r="A124066" s="13" t="s">
        <v>575</v>
      </c>
      <c r="B124066" s="14" t="s">
        <v>1</v>
      </c>
      <c r="C124066" s="14" t="s">
        <v>200</v>
      </c>
      <c r="D124066" s="14" t="s">
        <v>18</v>
      </c>
      <c r="E124066" s="15">
        <v>45707</v>
      </c>
      <c r="F124066" s="14" t="s">
        <v>15</v>
      </c>
      <c r="G124066" s="16">
        <v>2.4503915637903506</v>
      </c>
    </row>
    <row r="124067" spans="1:7" x14ac:dyDescent="0.3">
      <c r="A124067" s="13" t="s">
        <v>575</v>
      </c>
      <c r="B124067" s="14" t="s">
        <v>1</v>
      </c>
      <c r="C124067" s="14" t="s">
        <v>200</v>
      </c>
      <c r="D124067" s="14" t="s">
        <v>18</v>
      </c>
      <c r="E124067" s="15">
        <v>45708</v>
      </c>
      <c r="F124067" s="14" t="s">
        <v>15</v>
      </c>
      <c r="G124067" s="16">
        <v>2.4583511788633126</v>
      </c>
    </row>
    <row r="124068" spans="1:7" x14ac:dyDescent="0.3">
      <c r="A124068" s="13" t="s">
        <v>575</v>
      </c>
      <c r="B124068" s="14" t="s">
        <v>1</v>
      </c>
      <c r="C124068" s="14" t="s">
        <v>200</v>
      </c>
      <c r="D124068" s="14" t="s">
        <v>18</v>
      </c>
      <c r="E124068" s="15">
        <v>45709</v>
      </c>
      <c r="F124068" s="14" t="s">
        <v>15</v>
      </c>
      <c r="G124068" s="16">
        <v>2.4661796111405758</v>
      </c>
    </row>
    <row r="124069" spans="1:7" x14ac:dyDescent="0.3">
      <c r="A124069" s="13" t="s">
        <v>575</v>
      </c>
      <c r="B124069" s="14" t="s">
        <v>1</v>
      </c>
      <c r="C124069" s="14" t="s">
        <v>200</v>
      </c>
      <c r="D124069" s="14" t="s">
        <v>18</v>
      </c>
      <c r="E124069" s="15">
        <v>45710</v>
      </c>
      <c r="F124069" s="14" t="s">
        <v>15</v>
      </c>
      <c r="G124069" s="16">
        <v>2.4661796111405758</v>
      </c>
    </row>
    <row r="124070" spans="1:7" x14ac:dyDescent="0.3">
      <c r="A124070" s="13" t="s">
        <v>575</v>
      </c>
      <c r="B124070" s="14" t="s">
        <v>1</v>
      </c>
      <c r="C124070" s="14" t="s">
        <v>200</v>
      </c>
      <c r="D124070" s="14" t="s">
        <v>18</v>
      </c>
      <c r="E124070" s="15">
        <v>45711</v>
      </c>
      <c r="F124070" s="14" t="s">
        <v>15</v>
      </c>
      <c r="G124070" s="16">
        <v>2.4661796111405758</v>
      </c>
    </row>
    <row r="124071" spans="1:7" x14ac:dyDescent="0.3">
      <c r="A124071" s="13" t="s">
        <v>575</v>
      </c>
      <c r="B124071" s="14" t="s">
        <v>1</v>
      </c>
      <c r="C124071" s="14" t="s">
        <v>200</v>
      </c>
      <c r="D124071" s="14" t="s">
        <v>18</v>
      </c>
      <c r="E124071" s="15">
        <v>45712</v>
      </c>
      <c r="F124071" s="14" t="s">
        <v>15</v>
      </c>
      <c r="G124071" s="16">
        <v>2.4746510541705269</v>
      </c>
    </row>
    <row r="124072" spans="1:7" x14ac:dyDescent="0.3">
      <c r="A124072" s="13" t="s">
        <v>575</v>
      </c>
      <c r="B124072" s="14" t="s">
        <v>1</v>
      </c>
      <c r="C124072" s="14" t="s">
        <v>200</v>
      </c>
      <c r="D124072" s="14" t="s">
        <v>18</v>
      </c>
      <c r="E124072" s="15">
        <v>45713</v>
      </c>
      <c r="F124072" s="14" t="s">
        <v>15</v>
      </c>
      <c r="G124072" s="16">
        <v>2.4971095939746721</v>
      </c>
    </row>
    <row r="124073" spans="1:7" x14ac:dyDescent="0.3">
      <c r="A124073" s="13" t="s">
        <v>575</v>
      </c>
      <c r="B124073" s="14" t="s">
        <v>1</v>
      </c>
      <c r="C124073" s="14" t="s">
        <v>200</v>
      </c>
      <c r="D124073" s="14" t="s">
        <v>18</v>
      </c>
      <c r="E124073" s="15">
        <v>45714</v>
      </c>
      <c r="F124073" s="14" t="s">
        <v>15</v>
      </c>
      <c r="G124073" s="16">
        <v>2.5048541552841934</v>
      </c>
    </row>
    <row r="124074" spans="1:7" x14ac:dyDescent="0.3">
      <c r="A124074" s="13" t="s">
        <v>575</v>
      </c>
      <c r="B124074" s="14" t="s">
        <v>1</v>
      </c>
      <c r="C124074" s="14" t="s">
        <v>200</v>
      </c>
      <c r="D124074" s="14" t="s">
        <v>18</v>
      </c>
      <c r="E124074" s="15">
        <v>45715</v>
      </c>
      <c r="F124074" s="14" t="s">
        <v>15</v>
      </c>
      <c r="G124074" s="16">
        <v>2.5128739854109186</v>
      </c>
    </row>
    <row r="124075" spans="1:7" x14ac:dyDescent="0.3">
      <c r="A124075" s="13" t="s">
        <v>575</v>
      </c>
      <c r="B124075" s="14" t="s">
        <v>1</v>
      </c>
      <c r="C124075" s="14" t="s">
        <v>200</v>
      </c>
      <c r="D124075" s="14" t="s">
        <v>18</v>
      </c>
      <c r="E124075" s="15">
        <v>45716</v>
      </c>
      <c r="F124075" s="14" t="s">
        <v>15</v>
      </c>
      <c r="G124075" s="16">
        <v>2.5206680090860307</v>
      </c>
    </row>
    <row r="124076" spans="1:7" x14ac:dyDescent="0.3">
      <c r="A124076" s="13" t="s">
        <v>575</v>
      </c>
      <c r="B124076" s="14" t="s">
        <v>1</v>
      </c>
      <c r="C124076" s="14" t="s">
        <v>200</v>
      </c>
      <c r="D124076" s="14" t="s">
        <v>18</v>
      </c>
      <c r="E124076" s="15">
        <v>45717</v>
      </c>
      <c r="F124076" s="14" t="s">
        <v>15</v>
      </c>
      <c r="G124076" s="16">
        <v>2.5206680090860307</v>
      </c>
    </row>
    <row r="124077" spans="1:7" x14ac:dyDescent="0.3">
      <c r="A124077" s="13" t="s">
        <v>575</v>
      </c>
      <c r="B124077" s="14" t="s">
        <v>1</v>
      </c>
      <c r="C124077" s="14" t="s">
        <v>200</v>
      </c>
      <c r="D124077" s="14" t="s">
        <v>18</v>
      </c>
      <c r="E124077" s="15">
        <v>45718</v>
      </c>
      <c r="F124077" s="14" t="s">
        <v>15</v>
      </c>
      <c r="G124077" s="16">
        <v>2.5206680090860307</v>
      </c>
    </row>
    <row r="124078" spans="1:7" x14ac:dyDescent="0.3">
      <c r="A124078" s="13" t="s">
        <v>575</v>
      </c>
      <c r="B124078" s="14" t="s">
        <v>1</v>
      </c>
      <c r="C124078" s="14" t="s">
        <v>200</v>
      </c>
      <c r="D124078" s="14" t="s">
        <v>18</v>
      </c>
      <c r="E124078" s="15">
        <v>45719</v>
      </c>
      <c r="F124078" s="14" t="s">
        <v>15</v>
      </c>
      <c r="G124078" s="16">
        <v>2.5317243983525417</v>
      </c>
    </row>
    <row r="124079" spans="1:7" x14ac:dyDescent="0.3">
      <c r="A124079" s="13" t="s">
        <v>575</v>
      </c>
      <c r="B124079" s="14" t="s">
        <v>1</v>
      </c>
      <c r="C124079" s="14" t="s">
        <v>200</v>
      </c>
      <c r="D124079" s="14" t="s">
        <v>18</v>
      </c>
      <c r="E124079" s="15">
        <v>45720</v>
      </c>
      <c r="F124079" s="14" t="s">
        <v>15</v>
      </c>
      <c r="G124079" s="16">
        <v>2.5543958413824925</v>
      </c>
    </row>
    <row r="124080" spans="1:7" x14ac:dyDescent="0.3">
      <c r="A124080" s="13" t="s">
        <v>575</v>
      </c>
      <c r="B124080" s="14" t="s">
        <v>1</v>
      </c>
      <c r="C124080" s="14" t="s">
        <v>200</v>
      </c>
      <c r="D124080" s="14" t="s">
        <v>18</v>
      </c>
      <c r="E124080" s="15">
        <v>45721</v>
      </c>
      <c r="F124080" s="14" t="s">
        <v>15</v>
      </c>
      <c r="G124080" s="16">
        <v>2.5618801876382506</v>
      </c>
    </row>
    <row r="124081" spans="1:7" x14ac:dyDescent="0.3">
      <c r="A124081" s="13" t="s">
        <v>575</v>
      </c>
      <c r="B124081" s="14" t="s">
        <v>1</v>
      </c>
      <c r="C124081" s="14" t="s">
        <v>200</v>
      </c>
      <c r="D124081" s="14" t="s">
        <v>18</v>
      </c>
      <c r="E124081" s="15">
        <v>45722</v>
      </c>
      <c r="F124081" s="14" t="s">
        <v>15</v>
      </c>
      <c r="G124081" s="16">
        <v>2.5694806629262668</v>
      </c>
    </row>
    <row r="124082" spans="1:7" x14ac:dyDescent="0.3">
      <c r="A124082" s="13" t="s">
        <v>575</v>
      </c>
      <c r="B124082" s="14" t="s">
        <v>1</v>
      </c>
      <c r="C124082" s="14" t="s">
        <v>200</v>
      </c>
      <c r="D124082" s="14" t="s">
        <v>18</v>
      </c>
      <c r="E124082" s="15">
        <v>45723</v>
      </c>
      <c r="F124082" s="14" t="s">
        <v>15</v>
      </c>
      <c r="G124082" s="16">
        <v>2.5769542564938526</v>
      </c>
    </row>
    <row r="124083" spans="1:7" x14ac:dyDescent="0.3">
      <c r="A124083" s="13" t="s">
        <v>575</v>
      </c>
      <c r="B124083" s="14" t="s">
        <v>1</v>
      </c>
      <c r="C124083" s="14" t="s">
        <v>200</v>
      </c>
      <c r="D124083" s="14" t="s">
        <v>18</v>
      </c>
      <c r="E124083" s="15">
        <v>45724</v>
      </c>
      <c r="F124083" s="14" t="s">
        <v>15</v>
      </c>
      <c r="G124083" s="16">
        <v>2.5769542564938526</v>
      </c>
    </row>
    <row r="124084" spans="1:7" x14ac:dyDescent="0.3">
      <c r="A124084" s="13" t="s">
        <v>575</v>
      </c>
      <c r="B124084" s="14" t="s">
        <v>1</v>
      </c>
      <c r="C124084" s="14" t="s">
        <v>200</v>
      </c>
      <c r="D124084" s="14" t="s">
        <v>18</v>
      </c>
      <c r="E124084" s="15">
        <v>45725</v>
      </c>
      <c r="F124084" s="14" t="s">
        <v>15</v>
      </c>
      <c r="G124084" s="16">
        <v>2.5769542564938526</v>
      </c>
    </row>
    <row r="124085" spans="1:7" x14ac:dyDescent="0.3">
      <c r="A124085" s="13" t="s">
        <v>575</v>
      </c>
      <c r="B124085" s="14" t="s">
        <v>1</v>
      </c>
      <c r="C124085" s="14" t="s">
        <v>200</v>
      </c>
      <c r="D124085" s="14" t="s">
        <v>18</v>
      </c>
      <c r="E124085" s="15">
        <v>45726</v>
      </c>
      <c r="F124085" s="14" t="s">
        <v>15</v>
      </c>
      <c r="G124085" s="16">
        <v>2.5845052694162765</v>
      </c>
    </row>
    <row r="124086" spans="1:7" x14ac:dyDescent="0.3">
      <c r="A124086" s="13" t="s">
        <v>575</v>
      </c>
      <c r="B124086" s="14" t="s">
        <v>1</v>
      </c>
      <c r="C124086" s="14" t="s">
        <v>200</v>
      </c>
      <c r="D124086" s="14" t="s">
        <v>18</v>
      </c>
      <c r="E124086" s="15">
        <v>45727</v>
      </c>
      <c r="F124086" s="14" t="s">
        <v>15</v>
      </c>
      <c r="G124086" s="16">
        <v>2.6077788629838623</v>
      </c>
    </row>
    <row r="124087" spans="1:7" x14ac:dyDescent="0.3">
      <c r="A124087" s="13" t="s">
        <v>575</v>
      </c>
      <c r="B124087" s="14" t="s">
        <v>1</v>
      </c>
      <c r="C124087" s="14" t="s">
        <v>200</v>
      </c>
      <c r="D124087" s="14" t="s">
        <v>18</v>
      </c>
      <c r="E124087" s="15">
        <v>45728</v>
      </c>
      <c r="F124087" s="14" t="s">
        <v>15</v>
      </c>
      <c r="G124087" s="16">
        <v>2.6168029941858566</v>
      </c>
    </row>
    <row r="124088" spans="1:7" x14ac:dyDescent="0.3">
      <c r="A124088" s="13" t="s">
        <v>575</v>
      </c>
      <c r="B124088" s="14" t="s">
        <v>1</v>
      </c>
      <c r="C124088" s="14" t="s">
        <v>200</v>
      </c>
      <c r="D124088" s="14" t="s">
        <v>18</v>
      </c>
      <c r="E124088" s="15">
        <v>45729</v>
      </c>
      <c r="F124088" s="14" t="s">
        <v>15</v>
      </c>
      <c r="G124088" s="16">
        <v>2.6249561576459155</v>
      </c>
    </row>
    <row r="124089" spans="1:7" x14ac:dyDescent="0.3">
      <c r="A124089" s="13" t="s">
        <v>575</v>
      </c>
      <c r="B124089" s="14" t="s">
        <v>1</v>
      </c>
      <c r="C124089" s="14" t="s">
        <v>200</v>
      </c>
      <c r="D124089" s="14" t="s">
        <v>18</v>
      </c>
      <c r="E124089" s="15">
        <v>45730</v>
      </c>
      <c r="F124089" s="14" t="s">
        <v>15</v>
      </c>
      <c r="G124089" s="16">
        <v>2.6322663103532862</v>
      </c>
    </row>
    <row r="124090" spans="1:7" x14ac:dyDescent="0.3">
      <c r="A124090" s="13" t="s">
        <v>575</v>
      </c>
      <c r="B124090" s="14" t="s">
        <v>1</v>
      </c>
      <c r="C124090" s="14" t="s">
        <v>200</v>
      </c>
      <c r="D124090" s="14" t="s">
        <v>18</v>
      </c>
      <c r="E124090" s="15">
        <v>45731</v>
      </c>
      <c r="F124090" s="14" t="s">
        <v>15</v>
      </c>
      <c r="G124090" s="16">
        <v>2.6322663103532862</v>
      </c>
    </row>
    <row r="124091" spans="1:7" x14ac:dyDescent="0.3">
      <c r="A124091" s="13" t="s">
        <v>575</v>
      </c>
      <c r="B124091" s="14" t="s">
        <v>1</v>
      </c>
      <c r="C124091" s="14" t="s">
        <v>200</v>
      </c>
      <c r="D124091" s="14" t="s">
        <v>18</v>
      </c>
      <c r="E124091" s="15">
        <v>45732</v>
      </c>
      <c r="F124091" s="14" t="s">
        <v>15</v>
      </c>
      <c r="G124091" s="16">
        <v>2.6322663103532862</v>
      </c>
    </row>
    <row r="124092" spans="1:7" x14ac:dyDescent="0.3">
      <c r="A124092" s="13" t="s">
        <v>575</v>
      </c>
      <c r="B124092" s="14" t="s">
        <v>1</v>
      </c>
      <c r="C124092" s="14" t="s">
        <v>200</v>
      </c>
      <c r="D124092" s="14" t="s">
        <v>18</v>
      </c>
      <c r="E124092" s="15">
        <v>45733</v>
      </c>
      <c r="F124092" s="14" t="s">
        <v>15</v>
      </c>
      <c r="G124092" s="16">
        <v>2.6322663103532862</v>
      </c>
    </row>
    <row r="124093" spans="1:7" x14ac:dyDescent="0.3">
      <c r="A124093" s="13" t="s">
        <v>575</v>
      </c>
      <c r="B124093" s="14" t="s">
        <v>1</v>
      </c>
      <c r="C124093" s="14" t="s">
        <v>200</v>
      </c>
      <c r="D124093" s="14" t="s">
        <v>18</v>
      </c>
      <c r="E124093" s="15">
        <v>45734</v>
      </c>
      <c r="F124093" s="14" t="s">
        <v>15</v>
      </c>
      <c r="G124093" s="16">
        <v>2.64003667811442</v>
      </c>
    </row>
    <row r="124094" spans="1:7" x14ac:dyDescent="0.3">
      <c r="A124094" s="13" t="s">
        <v>575</v>
      </c>
      <c r="B124094" s="14" t="s">
        <v>1</v>
      </c>
      <c r="C124094" s="14" t="s">
        <v>200</v>
      </c>
      <c r="D124094" s="14" t="s">
        <v>18</v>
      </c>
      <c r="E124094" s="15">
        <v>45735</v>
      </c>
      <c r="F124094" s="14" t="s">
        <v>15</v>
      </c>
      <c r="G124094" s="16">
        <v>2.6680156480260915</v>
      </c>
    </row>
    <row r="124095" spans="1:7" x14ac:dyDescent="0.3">
      <c r="A124095" s="13" t="s">
        <v>575</v>
      </c>
      <c r="B124095" s="14" t="s">
        <v>1</v>
      </c>
      <c r="C124095" s="14" t="s">
        <v>200</v>
      </c>
      <c r="D124095" s="14" t="s">
        <v>18</v>
      </c>
      <c r="E124095" s="15">
        <v>45736</v>
      </c>
      <c r="F124095" s="14" t="s">
        <v>15</v>
      </c>
      <c r="G124095" s="16">
        <v>2.6761258007334621</v>
      </c>
    </row>
    <row r="124096" spans="1:7" x14ac:dyDescent="0.3">
      <c r="A124096" s="13" t="s">
        <v>575</v>
      </c>
      <c r="B124096" s="14" t="s">
        <v>1</v>
      </c>
      <c r="C124096" s="14" t="s">
        <v>200</v>
      </c>
      <c r="D124096" s="14" t="s">
        <v>18</v>
      </c>
      <c r="E124096" s="15">
        <v>45737</v>
      </c>
      <c r="F124096" s="14" t="s">
        <v>15</v>
      </c>
      <c r="G124096" s="16">
        <v>2.678767136236532</v>
      </c>
    </row>
    <row r="124097" spans="1:7" x14ac:dyDescent="0.3">
      <c r="A124097" s="13" t="s">
        <v>575</v>
      </c>
      <c r="B124097" s="14" t="s">
        <v>1</v>
      </c>
      <c r="C124097" s="14" t="s">
        <v>200</v>
      </c>
      <c r="D124097" s="14" t="s">
        <v>18</v>
      </c>
      <c r="E124097" s="15">
        <v>45738</v>
      </c>
      <c r="F124097" s="14" t="s">
        <v>15</v>
      </c>
      <c r="G124097" s="16">
        <v>2.678767136236532</v>
      </c>
    </row>
    <row r="124098" spans="1:7" x14ac:dyDescent="0.3">
      <c r="A124098" s="13" t="s">
        <v>575</v>
      </c>
      <c r="B124098" s="14" t="s">
        <v>1</v>
      </c>
      <c r="C124098" s="14" t="s">
        <v>200</v>
      </c>
      <c r="D124098" s="14" t="s">
        <v>18</v>
      </c>
      <c r="E124098" s="15">
        <v>45739</v>
      </c>
      <c r="F124098" s="14" t="s">
        <v>15</v>
      </c>
      <c r="G124098" s="16">
        <v>2.678767136236532</v>
      </c>
    </row>
    <row r="124099" spans="1:7" x14ac:dyDescent="0.3">
      <c r="A124099" s="13" t="s">
        <v>575</v>
      </c>
      <c r="B124099" s="14" t="s">
        <v>1</v>
      </c>
      <c r="C124099" s="14" t="s">
        <v>200</v>
      </c>
      <c r="D124099" s="14" t="s">
        <v>18</v>
      </c>
      <c r="E124099" s="15">
        <v>45740</v>
      </c>
      <c r="F124099" s="14" t="s">
        <v>15</v>
      </c>
      <c r="G124099" s="16">
        <v>2.6858708373309992</v>
      </c>
    </row>
    <row r="124100" spans="1:7" x14ac:dyDescent="0.3">
      <c r="A124100" s="13" t="s">
        <v>575</v>
      </c>
      <c r="B124100" s="14" t="s">
        <v>1</v>
      </c>
      <c r="C124100" s="14" t="s">
        <v>200</v>
      </c>
      <c r="D124100" s="14" t="s">
        <v>18</v>
      </c>
      <c r="E124100" s="15">
        <v>45741</v>
      </c>
      <c r="F124100" s="14" t="s">
        <v>15</v>
      </c>
      <c r="G124100" s="16">
        <v>2.7081315276727782</v>
      </c>
    </row>
    <row r="124101" spans="1:7" x14ac:dyDescent="0.3">
      <c r="A124101" s="13" t="s">
        <v>575</v>
      </c>
      <c r="B124101" s="14" t="s">
        <v>1</v>
      </c>
      <c r="C124101" s="14" t="s">
        <v>200</v>
      </c>
      <c r="D124101" s="14" t="s">
        <v>18</v>
      </c>
      <c r="E124101" s="15">
        <v>45742</v>
      </c>
      <c r="F124101" s="14" t="s">
        <v>15</v>
      </c>
      <c r="G124101" s="16">
        <v>2.7150782395199342</v>
      </c>
    </row>
    <row r="124102" spans="1:7" x14ac:dyDescent="0.3">
      <c r="A124102" s="13" t="s">
        <v>575</v>
      </c>
      <c r="B124102" s="14" t="s">
        <v>1</v>
      </c>
      <c r="C124102" s="14" t="s">
        <v>200</v>
      </c>
      <c r="D124102" s="14" t="s">
        <v>18</v>
      </c>
      <c r="E124102" s="15">
        <v>45743</v>
      </c>
      <c r="F124102" s="14" t="s">
        <v>15</v>
      </c>
      <c r="G124102" s="16">
        <v>2.7220228008294551</v>
      </c>
    </row>
    <row r="124103" spans="1:7" x14ac:dyDescent="0.3">
      <c r="A124103" s="13" t="s">
        <v>575</v>
      </c>
      <c r="B124103" s="14" t="s">
        <v>1</v>
      </c>
      <c r="C124103" s="14" t="s">
        <v>200</v>
      </c>
      <c r="D124103" s="14" t="s">
        <v>18</v>
      </c>
      <c r="E124103" s="15">
        <v>45744</v>
      </c>
      <c r="F124103" s="14" t="s">
        <v>15</v>
      </c>
      <c r="G124103" s="16">
        <v>2.7290555341819864</v>
      </c>
    </row>
    <row r="124104" spans="1:7" x14ac:dyDescent="0.3">
      <c r="A124104" s="13" t="s">
        <v>575</v>
      </c>
      <c r="B124104" s="14" t="s">
        <v>1</v>
      </c>
      <c r="C124104" s="14" t="s">
        <v>200</v>
      </c>
      <c r="D124104" s="14" t="s">
        <v>18</v>
      </c>
      <c r="E124104" s="15">
        <v>45745</v>
      </c>
      <c r="F124104" s="14" t="s">
        <v>15</v>
      </c>
      <c r="G124104" s="16">
        <v>2.7290555341819864</v>
      </c>
    </row>
    <row r="124105" spans="1:7" x14ac:dyDescent="0.3">
      <c r="A124105" s="13" t="s">
        <v>575</v>
      </c>
      <c r="B124105" s="14" t="s">
        <v>1</v>
      </c>
      <c r="C124105" s="14" t="s">
        <v>200</v>
      </c>
      <c r="D124105" s="14" t="s">
        <v>18</v>
      </c>
      <c r="E124105" s="15">
        <v>45746</v>
      </c>
      <c r="F124105" s="14" t="s">
        <v>15</v>
      </c>
      <c r="G124105" s="16">
        <v>2.7290555341819864</v>
      </c>
    </row>
    <row r="124106" spans="1:7" x14ac:dyDescent="0.3">
      <c r="A124106" s="13" t="s">
        <v>575</v>
      </c>
      <c r="B124106" s="14" t="s">
        <v>1</v>
      </c>
      <c r="C124106" s="14" t="s">
        <v>200</v>
      </c>
      <c r="D124106" s="14" t="s">
        <v>18</v>
      </c>
      <c r="E124106" s="15">
        <v>45747</v>
      </c>
      <c r="F124106" s="14" t="s">
        <v>15</v>
      </c>
      <c r="G124106" s="16">
        <v>2.7362237514054861</v>
      </c>
    </row>
    <row r="124107" spans="1:7" x14ac:dyDescent="0.3">
      <c r="A124107" s="13" t="s">
        <v>576</v>
      </c>
      <c r="B124107" s="14" t="s">
        <v>1</v>
      </c>
      <c r="C124107" s="14" t="s">
        <v>200</v>
      </c>
      <c r="D124107" s="14" t="s">
        <v>39</v>
      </c>
      <c r="E124107" s="15">
        <v>45383</v>
      </c>
      <c r="F124107" s="14" t="s">
        <v>15</v>
      </c>
      <c r="G124107" s="16">
        <v>0</v>
      </c>
    </row>
    <row r="124108" spans="1:7" x14ac:dyDescent="0.3">
      <c r="A124108" s="13" t="s">
        <v>576</v>
      </c>
      <c r="B124108" s="14" t="s">
        <v>1</v>
      </c>
      <c r="C124108" s="14" t="s">
        <v>200</v>
      </c>
      <c r="D124108" s="14" t="s">
        <v>39</v>
      </c>
      <c r="E124108" s="15">
        <v>45384</v>
      </c>
      <c r="F124108" s="14" t="s">
        <v>15</v>
      </c>
      <c r="G124108" s="16">
        <v>0</v>
      </c>
    </row>
    <row r="124109" spans="1:7" x14ac:dyDescent="0.3">
      <c r="A124109" s="13" t="s">
        <v>576</v>
      </c>
      <c r="B124109" s="14" t="s">
        <v>1</v>
      </c>
      <c r="C124109" s="14" t="s">
        <v>200</v>
      </c>
      <c r="D124109" s="14" t="s">
        <v>39</v>
      </c>
      <c r="E124109" s="15">
        <v>45385</v>
      </c>
      <c r="F124109" s="14" t="s">
        <v>15</v>
      </c>
      <c r="G124109" s="16">
        <v>3.9445814316406889E-2</v>
      </c>
    </row>
    <row r="124110" spans="1:7" x14ac:dyDescent="0.3">
      <c r="A124110" s="13" t="s">
        <v>576</v>
      </c>
      <c r="B124110" s="14" t="s">
        <v>1</v>
      </c>
      <c r="C124110" s="14" t="s">
        <v>200</v>
      </c>
      <c r="D124110" s="14" t="s">
        <v>39</v>
      </c>
      <c r="E124110" s="15">
        <v>45386</v>
      </c>
      <c r="F124110" s="14" t="s">
        <v>15</v>
      </c>
      <c r="G124110" s="16">
        <v>4.9374351327726093E-2</v>
      </c>
    </row>
    <row r="124111" spans="1:7" x14ac:dyDescent="0.3">
      <c r="A124111" s="13" t="s">
        <v>576</v>
      </c>
      <c r="B124111" s="14" t="s">
        <v>1</v>
      </c>
      <c r="C124111" s="14" t="s">
        <v>200</v>
      </c>
      <c r="D124111" s="14" t="s">
        <v>39</v>
      </c>
      <c r="E124111" s="15">
        <v>45387</v>
      </c>
      <c r="F124111" s="14" t="s">
        <v>15</v>
      </c>
      <c r="G124111" s="16">
        <v>5.7247844060524723E-2</v>
      </c>
    </row>
    <row r="124112" spans="1:7" x14ac:dyDescent="0.3">
      <c r="A124112" s="13" t="s">
        <v>576</v>
      </c>
      <c r="B124112" s="14" t="s">
        <v>1</v>
      </c>
      <c r="C124112" s="14" t="s">
        <v>200</v>
      </c>
      <c r="D124112" s="14" t="s">
        <v>39</v>
      </c>
      <c r="E124112" s="15">
        <v>45388</v>
      </c>
      <c r="F124112" s="14" t="s">
        <v>15</v>
      </c>
      <c r="G124112" s="16">
        <v>5.7247844060524723E-2</v>
      </c>
    </row>
    <row r="124113" spans="1:7" x14ac:dyDescent="0.3">
      <c r="A124113" s="13" t="s">
        <v>576</v>
      </c>
      <c r="B124113" s="14" t="s">
        <v>1</v>
      </c>
      <c r="C124113" s="14" t="s">
        <v>200</v>
      </c>
      <c r="D124113" s="14" t="s">
        <v>39</v>
      </c>
      <c r="E124113" s="15">
        <v>45389</v>
      </c>
      <c r="F124113" s="14" t="s">
        <v>15</v>
      </c>
      <c r="G124113" s="16">
        <v>5.7247844060524723E-2</v>
      </c>
    </row>
    <row r="124114" spans="1:7" x14ac:dyDescent="0.3">
      <c r="A124114" s="13" t="s">
        <v>576</v>
      </c>
      <c r="B124114" s="14" t="s">
        <v>1</v>
      </c>
      <c r="C124114" s="14" t="s">
        <v>200</v>
      </c>
      <c r="D124114" s="14" t="s">
        <v>39</v>
      </c>
      <c r="E124114" s="15">
        <v>45390</v>
      </c>
      <c r="F124114" s="14" t="s">
        <v>15</v>
      </c>
      <c r="G124114" s="16">
        <v>5.7863132243922408E-2</v>
      </c>
    </row>
    <row r="124115" spans="1:7" x14ac:dyDescent="0.3">
      <c r="A124115" s="13" t="s">
        <v>576</v>
      </c>
      <c r="B124115" s="14" t="s">
        <v>1</v>
      </c>
      <c r="C124115" s="14" t="s">
        <v>200</v>
      </c>
      <c r="D124115" s="14" t="s">
        <v>39</v>
      </c>
      <c r="E124115" s="15">
        <v>45391</v>
      </c>
      <c r="F124115" s="14" t="s">
        <v>15</v>
      </c>
      <c r="G124115" s="16">
        <v>7.9309293842843631E-2</v>
      </c>
    </row>
    <row r="124116" spans="1:7" x14ac:dyDescent="0.3">
      <c r="A124116" s="13" t="s">
        <v>576</v>
      </c>
      <c r="B124116" s="14" t="s">
        <v>1</v>
      </c>
      <c r="C124116" s="14" t="s">
        <v>200</v>
      </c>
      <c r="D124116" s="14" t="s">
        <v>39</v>
      </c>
      <c r="E124116" s="15">
        <v>45392</v>
      </c>
      <c r="F124116" s="14" t="s">
        <v>15</v>
      </c>
      <c r="G124116" s="16">
        <v>9.7490131600820248E-2</v>
      </c>
    </row>
    <row r="124117" spans="1:7" x14ac:dyDescent="0.3">
      <c r="A124117" s="13" t="s">
        <v>576</v>
      </c>
      <c r="B124117" s="14" t="s">
        <v>1</v>
      </c>
      <c r="C124117" s="14" t="s">
        <v>200</v>
      </c>
      <c r="D124117" s="14" t="s">
        <v>39</v>
      </c>
      <c r="E124117" s="15">
        <v>45393</v>
      </c>
      <c r="F124117" s="14" t="s">
        <v>15</v>
      </c>
      <c r="G124117" s="16">
        <v>0.12203839425895313</v>
      </c>
    </row>
    <row r="124118" spans="1:7" x14ac:dyDescent="0.3">
      <c r="A124118" s="13" t="s">
        <v>576</v>
      </c>
      <c r="B124118" s="14" t="s">
        <v>1</v>
      </c>
      <c r="C124118" s="14" t="s">
        <v>200</v>
      </c>
      <c r="D124118" s="14" t="s">
        <v>39</v>
      </c>
      <c r="E124118" s="15">
        <v>45394</v>
      </c>
      <c r="F124118" s="14" t="s">
        <v>15</v>
      </c>
      <c r="G124118" s="16">
        <v>0.12739408876289257</v>
      </c>
    </row>
    <row r="124119" spans="1:7" x14ac:dyDescent="0.3">
      <c r="A124119" s="13" t="s">
        <v>576</v>
      </c>
      <c r="B124119" s="14" t="s">
        <v>1</v>
      </c>
      <c r="C124119" s="14" t="s">
        <v>200</v>
      </c>
      <c r="D124119" s="14" t="s">
        <v>39</v>
      </c>
      <c r="E124119" s="15">
        <v>45395</v>
      </c>
      <c r="F124119" s="14" t="s">
        <v>15</v>
      </c>
      <c r="G124119" s="16">
        <v>0.12739408876289257</v>
      </c>
    </row>
    <row r="124120" spans="1:7" x14ac:dyDescent="0.3">
      <c r="A124120" s="13" t="s">
        <v>576</v>
      </c>
      <c r="B124120" s="14" t="s">
        <v>1</v>
      </c>
      <c r="C124120" s="14" t="s">
        <v>200</v>
      </c>
      <c r="D124120" s="14" t="s">
        <v>39</v>
      </c>
      <c r="E124120" s="15">
        <v>45396</v>
      </c>
      <c r="F124120" s="14" t="s">
        <v>15</v>
      </c>
      <c r="G124120" s="16">
        <v>0.12739408876289257</v>
      </c>
    </row>
    <row r="124121" spans="1:7" x14ac:dyDescent="0.3">
      <c r="A124121" s="13" t="s">
        <v>576</v>
      </c>
      <c r="B124121" s="14" t="s">
        <v>1</v>
      </c>
      <c r="C124121" s="14" t="s">
        <v>200</v>
      </c>
      <c r="D124121" s="14" t="s">
        <v>39</v>
      </c>
      <c r="E124121" s="15">
        <v>45397</v>
      </c>
      <c r="F124121" s="14" t="s">
        <v>15</v>
      </c>
      <c r="G124121" s="16">
        <v>0.13550112898657504</v>
      </c>
    </row>
    <row r="124122" spans="1:7" x14ac:dyDescent="0.3">
      <c r="A124122" s="13" t="s">
        <v>576</v>
      </c>
      <c r="B124122" s="14" t="s">
        <v>1</v>
      </c>
      <c r="C124122" s="14" t="s">
        <v>200</v>
      </c>
      <c r="D124122" s="14" t="s">
        <v>39</v>
      </c>
      <c r="E124122" s="15">
        <v>45398</v>
      </c>
      <c r="F124122" s="14" t="s">
        <v>15</v>
      </c>
      <c r="G124122" s="16">
        <v>0.16023345137730038</v>
      </c>
    </row>
    <row r="124123" spans="1:7" x14ac:dyDescent="0.3">
      <c r="A124123" s="13" t="s">
        <v>576</v>
      </c>
      <c r="B124123" s="14" t="s">
        <v>1</v>
      </c>
      <c r="C124123" s="14" t="s">
        <v>200</v>
      </c>
      <c r="D124123" s="14" t="s">
        <v>39</v>
      </c>
      <c r="E124123" s="15">
        <v>45399</v>
      </c>
      <c r="F124123" s="14" t="s">
        <v>15</v>
      </c>
      <c r="G124123" s="16">
        <v>0.16790465204550448</v>
      </c>
    </row>
    <row r="124124" spans="1:7" x14ac:dyDescent="0.3">
      <c r="A124124" s="13" t="s">
        <v>576</v>
      </c>
      <c r="B124124" s="14" t="s">
        <v>1</v>
      </c>
      <c r="C124124" s="14" t="s">
        <v>200</v>
      </c>
      <c r="D124124" s="14" t="s">
        <v>39</v>
      </c>
      <c r="E124124" s="15">
        <v>45400</v>
      </c>
      <c r="F124124" s="14" t="s">
        <v>15</v>
      </c>
      <c r="G124124" s="16">
        <v>0.17544041253312165</v>
      </c>
    </row>
    <row r="124125" spans="1:7" x14ac:dyDescent="0.3">
      <c r="A124125" s="13" t="s">
        <v>576</v>
      </c>
      <c r="B124125" s="14" t="s">
        <v>1</v>
      </c>
      <c r="C124125" s="14" t="s">
        <v>200</v>
      </c>
      <c r="D124125" s="14" t="s">
        <v>39</v>
      </c>
      <c r="E124125" s="15">
        <v>45401</v>
      </c>
      <c r="F124125" s="14" t="s">
        <v>15</v>
      </c>
      <c r="G124125" s="16">
        <v>0.17164000354687181</v>
      </c>
    </row>
    <row r="124126" spans="1:7" x14ac:dyDescent="0.3">
      <c r="A124126" s="13" t="s">
        <v>576</v>
      </c>
      <c r="B124126" s="14" t="s">
        <v>1</v>
      </c>
      <c r="C124126" s="14" t="s">
        <v>200</v>
      </c>
      <c r="D124126" s="14" t="s">
        <v>39</v>
      </c>
      <c r="E124126" s="15">
        <v>45402</v>
      </c>
      <c r="F124126" s="14" t="s">
        <v>15</v>
      </c>
      <c r="G124126" s="16">
        <v>0.17164000354687181</v>
      </c>
    </row>
    <row r="124127" spans="1:7" x14ac:dyDescent="0.3">
      <c r="A124127" s="13" t="s">
        <v>576</v>
      </c>
      <c r="B124127" s="14" t="s">
        <v>1</v>
      </c>
      <c r="C124127" s="14" t="s">
        <v>200</v>
      </c>
      <c r="D124127" s="14" t="s">
        <v>39</v>
      </c>
      <c r="E124127" s="15">
        <v>45403</v>
      </c>
      <c r="F124127" s="14" t="s">
        <v>15</v>
      </c>
      <c r="G124127" s="16">
        <v>0.17164000354687181</v>
      </c>
    </row>
    <row r="124128" spans="1:7" x14ac:dyDescent="0.3">
      <c r="A124128" s="13" t="s">
        <v>576</v>
      </c>
      <c r="B124128" s="14" t="s">
        <v>1</v>
      </c>
      <c r="C124128" s="14" t="s">
        <v>200</v>
      </c>
      <c r="D124128" s="14" t="s">
        <v>39</v>
      </c>
      <c r="E124128" s="15">
        <v>45404</v>
      </c>
      <c r="F124128" s="14" t="s">
        <v>15</v>
      </c>
      <c r="G124128" s="16">
        <v>0.1679611434406359</v>
      </c>
    </row>
    <row r="124129" spans="1:7" x14ac:dyDescent="0.3">
      <c r="A124129" s="13" t="s">
        <v>576</v>
      </c>
      <c r="B124129" s="14" t="s">
        <v>1</v>
      </c>
      <c r="C124129" s="14" t="s">
        <v>200</v>
      </c>
      <c r="D124129" s="14" t="s">
        <v>39</v>
      </c>
      <c r="E124129" s="15">
        <v>45405</v>
      </c>
      <c r="F124129" s="14" t="s">
        <v>15</v>
      </c>
      <c r="G124129" s="16">
        <v>0.19294871847939041</v>
      </c>
    </row>
    <row r="124130" spans="1:7" x14ac:dyDescent="0.3">
      <c r="A124130" s="13" t="s">
        <v>576</v>
      </c>
      <c r="B124130" s="14" t="s">
        <v>1</v>
      </c>
      <c r="C124130" s="14" t="s">
        <v>200</v>
      </c>
      <c r="D124130" s="14" t="s">
        <v>39</v>
      </c>
      <c r="E124130" s="15">
        <v>45406</v>
      </c>
      <c r="F124130" s="14" t="s">
        <v>15</v>
      </c>
      <c r="G124130" s="16">
        <v>0.20212625705348092</v>
      </c>
    </row>
    <row r="124131" spans="1:7" x14ac:dyDescent="0.3">
      <c r="A124131" s="13" t="s">
        <v>576</v>
      </c>
      <c r="B124131" s="14" t="s">
        <v>1</v>
      </c>
      <c r="C124131" s="14" t="s">
        <v>200</v>
      </c>
      <c r="D124131" s="14" t="s">
        <v>39</v>
      </c>
      <c r="E124131" s="15">
        <v>45407</v>
      </c>
      <c r="F124131" s="14" t="s">
        <v>15</v>
      </c>
      <c r="G124131" s="16">
        <v>0.20900999462045214</v>
      </c>
    </row>
    <row r="124132" spans="1:7" x14ac:dyDescent="0.3">
      <c r="A124132" s="13" t="s">
        <v>576</v>
      </c>
      <c r="B124132" s="14" t="s">
        <v>1</v>
      </c>
      <c r="C124132" s="14" t="s">
        <v>200</v>
      </c>
      <c r="D124132" s="14" t="s">
        <v>39</v>
      </c>
      <c r="E124132" s="15">
        <v>45408</v>
      </c>
      <c r="F124132" s="14" t="s">
        <v>15</v>
      </c>
      <c r="G124132" s="16">
        <v>0.21605782317544212</v>
      </c>
    </row>
    <row r="124133" spans="1:7" x14ac:dyDescent="0.3">
      <c r="A124133" s="13" t="s">
        <v>576</v>
      </c>
      <c r="B124133" s="14" t="s">
        <v>1</v>
      </c>
      <c r="C124133" s="14" t="s">
        <v>200</v>
      </c>
      <c r="D124133" s="14" t="s">
        <v>39</v>
      </c>
      <c r="E124133" s="15">
        <v>45409</v>
      </c>
      <c r="F124133" s="14" t="s">
        <v>15</v>
      </c>
      <c r="G124133" s="16">
        <v>0.21605782317544212</v>
      </c>
    </row>
    <row r="124134" spans="1:7" x14ac:dyDescent="0.3">
      <c r="A124134" s="13" t="s">
        <v>576</v>
      </c>
      <c r="B124134" s="14" t="s">
        <v>1</v>
      </c>
      <c r="C124134" s="14" t="s">
        <v>200</v>
      </c>
      <c r="D124134" s="14" t="s">
        <v>39</v>
      </c>
      <c r="E124134" s="15">
        <v>45410</v>
      </c>
      <c r="F124134" s="14" t="s">
        <v>15</v>
      </c>
      <c r="G124134" s="16">
        <v>0.21605782317544212</v>
      </c>
    </row>
    <row r="124135" spans="1:7" x14ac:dyDescent="0.3">
      <c r="A124135" s="13" t="s">
        <v>576</v>
      </c>
      <c r="B124135" s="14" t="s">
        <v>1</v>
      </c>
      <c r="C124135" s="14" t="s">
        <v>200</v>
      </c>
      <c r="D124135" s="14" t="s">
        <v>39</v>
      </c>
      <c r="E124135" s="15">
        <v>45411</v>
      </c>
      <c r="F124135" s="14" t="s">
        <v>15</v>
      </c>
      <c r="G124135" s="16">
        <v>0.22331315303274152</v>
      </c>
    </row>
    <row r="124136" spans="1:7" x14ac:dyDescent="0.3">
      <c r="A124136" s="13" t="s">
        <v>576</v>
      </c>
      <c r="B124136" s="14" t="s">
        <v>1</v>
      </c>
      <c r="C124136" s="14" t="s">
        <v>200</v>
      </c>
      <c r="D124136" s="14" t="s">
        <v>39</v>
      </c>
      <c r="E124136" s="15">
        <v>45412</v>
      </c>
      <c r="F124136" s="14" t="s">
        <v>15</v>
      </c>
      <c r="G124136" s="16">
        <v>0.2441029506795877</v>
      </c>
    </row>
    <row r="124137" spans="1:7" x14ac:dyDescent="0.3">
      <c r="A124137" s="13" t="s">
        <v>576</v>
      </c>
      <c r="B124137" s="14" t="s">
        <v>1</v>
      </c>
      <c r="C124137" s="14" t="s">
        <v>200</v>
      </c>
      <c r="D124137" s="14" t="s">
        <v>39</v>
      </c>
      <c r="E124137" s="15">
        <v>45413</v>
      </c>
      <c r="F124137" s="14" t="s">
        <v>15</v>
      </c>
      <c r="G124137" s="16">
        <v>0.25021658927104234</v>
      </c>
    </row>
    <row r="124138" spans="1:7" x14ac:dyDescent="0.3">
      <c r="A124138" s="13" t="s">
        <v>576</v>
      </c>
      <c r="B124138" s="14" t="s">
        <v>1</v>
      </c>
      <c r="C124138" s="14" t="s">
        <v>200</v>
      </c>
      <c r="D124138" s="14" t="s">
        <v>39</v>
      </c>
      <c r="E124138" s="15">
        <v>45414</v>
      </c>
      <c r="F124138" s="14" t="s">
        <v>15</v>
      </c>
      <c r="G124138" s="16">
        <v>0.25975443345374544</v>
      </c>
    </row>
    <row r="124139" spans="1:7" x14ac:dyDescent="0.3">
      <c r="A124139" s="13" t="s">
        <v>576</v>
      </c>
      <c r="B124139" s="14" t="s">
        <v>1</v>
      </c>
      <c r="C124139" s="14" t="s">
        <v>200</v>
      </c>
      <c r="D124139" s="14" t="s">
        <v>39</v>
      </c>
      <c r="E124139" s="15">
        <v>45415</v>
      </c>
      <c r="F124139" s="14" t="s">
        <v>15</v>
      </c>
      <c r="G124139" s="16">
        <v>0.26647581644526952</v>
      </c>
    </row>
    <row r="124140" spans="1:7" x14ac:dyDescent="0.3">
      <c r="A124140" s="13" t="s">
        <v>576</v>
      </c>
      <c r="B124140" s="14" t="s">
        <v>1</v>
      </c>
      <c r="C124140" s="14" t="s">
        <v>200</v>
      </c>
      <c r="D124140" s="14" t="s">
        <v>39</v>
      </c>
      <c r="E124140" s="15">
        <v>45416</v>
      </c>
      <c r="F124140" s="14" t="s">
        <v>15</v>
      </c>
      <c r="G124140" s="16">
        <v>0.26647581644526952</v>
      </c>
    </row>
    <row r="124141" spans="1:7" x14ac:dyDescent="0.3">
      <c r="A124141" s="13" t="s">
        <v>576</v>
      </c>
      <c r="B124141" s="14" t="s">
        <v>1</v>
      </c>
      <c r="C124141" s="14" t="s">
        <v>200</v>
      </c>
      <c r="D124141" s="14" t="s">
        <v>39</v>
      </c>
      <c r="E124141" s="15">
        <v>45417</v>
      </c>
      <c r="F124141" s="14" t="s">
        <v>15</v>
      </c>
      <c r="G124141" s="16">
        <v>0.26647581644526952</v>
      </c>
    </row>
    <row r="124142" spans="1:7" x14ac:dyDescent="0.3">
      <c r="A124142" s="13" t="s">
        <v>576</v>
      </c>
      <c r="B124142" s="14" t="s">
        <v>1</v>
      </c>
      <c r="C124142" s="14" t="s">
        <v>200</v>
      </c>
      <c r="D124142" s="14" t="s">
        <v>39</v>
      </c>
      <c r="E124142" s="15">
        <v>45418</v>
      </c>
      <c r="F124142" s="14" t="s">
        <v>15</v>
      </c>
      <c r="G124142" s="16">
        <v>0.26647581644526952</v>
      </c>
    </row>
    <row r="124143" spans="1:7" x14ac:dyDescent="0.3">
      <c r="A124143" s="13" t="s">
        <v>576</v>
      </c>
      <c r="B124143" s="14" t="s">
        <v>1</v>
      </c>
      <c r="C124143" s="14" t="s">
        <v>200</v>
      </c>
      <c r="D124143" s="14" t="s">
        <v>39</v>
      </c>
      <c r="E124143" s="15">
        <v>45419</v>
      </c>
      <c r="F124143" s="14" t="s">
        <v>15</v>
      </c>
      <c r="G124143" s="16">
        <v>0.27146686430916733</v>
      </c>
    </row>
    <row r="124144" spans="1:7" x14ac:dyDescent="0.3">
      <c r="A124144" s="13" t="s">
        <v>576</v>
      </c>
      <c r="B124144" s="14" t="s">
        <v>1</v>
      </c>
      <c r="C124144" s="14" t="s">
        <v>200</v>
      </c>
      <c r="D124144" s="14" t="s">
        <v>39</v>
      </c>
      <c r="E124144" s="15">
        <v>45420</v>
      </c>
      <c r="F124144" s="14" t="s">
        <v>15</v>
      </c>
      <c r="G124144" s="16">
        <v>0.29647874912392458</v>
      </c>
    </row>
    <row r="124145" spans="1:7" x14ac:dyDescent="0.3">
      <c r="A124145" s="13" t="s">
        <v>576</v>
      </c>
      <c r="B124145" s="14" t="s">
        <v>1</v>
      </c>
      <c r="C124145" s="14" t="s">
        <v>200</v>
      </c>
      <c r="D124145" s="14" t="s">
        <v>39</v>
      </c>
      <c r="E124145" s="15">
        <v>45421</v>
      </c>
      <c r="F124145" s="14" t="s">
        <v>15</v>
      </c>
      <c r="G124145" s="16">
        <v>0.30360645265720942</v>
      </c>
    </row>
    <row r="124146" spans="1:7" x14ac:dyDescent="0.3">
      <c r="A124146" s="13" t="s">
        <v>576</v>
      </c>
      <c r="B124146" s="14" t="s">
        <v>1</v>
      </c>
      <c r="C124146" s="14" t="s">
        <v>200</v>
      </c>
      <c r="D124146" s="14" t="s">
        <v>39</v>
      </c>
      <c r="E124146" s="15">
        <v>45422</v>
      </c>
      <c r="F124146" s="14" t="s">
        <v>15</v>
      </c>
      <c r="G124146" s="16">
        <v>0.31004566860584415</v>
      </c>
    </row>
    <row r="124147" spans="1:7" x14ac:dyDescent="0.3">
      <c r="A124147" s="13" t="s">
        <v>576</v>
      </c>
      <c r="B124147" s="14" t="s">
        <v>1</v>
      </c>
      <c r="C124147" s="14" t="s">
        <v>200</v>
      </c>
      <c r="D124147" s="14" t="s">
        <v>39</v>
      </c>
      <c r="E124147" s="15">
        <v>45423</v>
      </c>
      <c r="F124147" s="14" t="s">
        <v>15</v>
      </c>
      <c r="G124147" s="16">
        <v>0.31004566860584415</v>
      </c>
    </row>
    <row r="124148" spans="1:7" x14ac:dyDescent="0.3">
      <c r="A124148" s="13" t="s">
        <v>576</v>
      </c>
      <c r="B124148" s="14" t="s">
        <v>1</v>
      </c>
      <c r="C124148" s="14" t="s">
        <v>200</v>
      </c>
      <c r="D124148" s="14" t="s">
        <v>39</v>
      </c>
      <c r="E124148" s="15">
        <v>45424</v>
      </c>
      <c r="F124148" s="14" t="s">
        <v>15</v>
      </c>
      <c r="G124148" s="16">
        <v>0.31004566860584415</v>
      </c>
    </row>
    <row r="124149" spans="1:7" x14ac:dyDescent="0.3">
      <c r="A124149" s="13" t="s">
        <v>576</v>
      </c>
      <c r="B124149" s="14" t="s">
        <v>1</v>
      </c>
      <c r="C124149" s="14" t="s">
        <v>200</v>
      </c>
      <c r="D124149" s="14" t="s">
        <v>39</v>
      </c>
      <c r="E124149" s="15">
        <v>45425</v>
      </c>
      <c r="F124149" s="14" t="s">
        <v>15</v>
      </c>
      <c r="G124149" s="16">
        <v>0.31519559822004578</v>
      </c>
    </row>
    <row r="124150" spans="1:7" x14ac:dyDescent="0.3">
      <c r="A124150" s="13" t="s">
        <v>576</v>
      </c>
      <c r="B124150" s="14" t="s">
        <v>1</v>
      </c>
      <c r="C124150" s="14" t="s">
        <v>200</v>
      </c>
      <c r="D124150" s="14" t="s">
        <v>39</v>
      </c>
      <c r="E124150" s="15">
        <v>45426</v>
      </c>
      <c r="F124150" s="14" t="s">
        <v>15</v>
      </c>
      <c r="G124150" s="16">
        <v>0.34000345455763686</v>
      </c>
    </row>
    <row r="124151" spans="1:7" x14ac:dyDescent="0.3">
      <c r="A124151" s="13" t="s">
        <v>576</v>
      </c>
      <c r="B124151" s="14" t="s">
        <v>1</v>
      </c>
      <c r="C124151" s="14" t="s">
        <v>200</v>
      </c>
      <c r="D124151" s="14" t="s">
        <v>39</v>
      </c>
      <c r="E124151" s="15">
        <v>45427</v>
      </c>
      <c r="F124151" s="14" t="s">
        <v>15</v>
      </c>
      <c r="G124151" s="16">
        <v>0.34677779813259563</v>
      </c>
    </row>
    <row r="124152" spans="1:7" x14ac:dyDescent="0.3">
      <c r="A124152" s="13" t="s">
        <v>576</v>
      </c>
      <c r="B124152" s="14" t="s">
        <v>1</v>
      </c>
      <c r="C124152" s="14" t="s">
        <v>200</v>
      </c>
      <c r="D124152" s="14" t="s">
        <v>39</v>
      </c>
      <c r="E124152" s="15">
        <v>45428</v>
      </c>
      <c r="F124152" s="14" t="s">
        <v>15</v>
      </c>
      <c r="G124152" s="16">
        <v>0.35459312104424473</v>
      </c>
    </row>
    <row r="124153" spans="1:7" x14ac:dyDescent="0.3">
      <c r="A124153" s="13" t="s">
        <v>576</v>
      </c>
      <c r="B124153" s="14" t="s">
        <v>1</v>
      </c>
      <c r="C124153" s="14" t="s">
        <v>200</v>
      </c>
      <c r="D124153" s="14" t="s">
        <v>39</v>
      </c>
      <c r="E124153" s="15">
        <v>45429</v>
      </c>
      <c r="F124153" s="14" t="s">
        <v>15</v>
      </c>
      <c r="G124153" s="16">
        <v>0.36173992511581743</v>
      </c>
    </row>
    <row r="124154" spans="1:7" x14ac:dyDescent="0.3">
      <c r="A124154" s="13" t="s">
        <v>576</v>
      </c>
      <c r="B124154" s="14" t="s">
        <v>1</v>
      </c>
      <c r="C124154" s="14" t="s">
        <v>200</v>
      </c>
      <c r="D124154" s="14" t="s">
        <v>39</v>
      </c>
      <c r="E124154" s="15">
        <v>45430</v>
      </c>
      <c r="F124154" s="14" t="s">
        <v>15</v>
      </c>
      <c r="G124154" s="16">
        <v>0.36173992511581743</v>
      </c>
    </row>
    <row r="124155" spans="1:7" x14ac:dyDescent="0.3">
      <c r="A124155" s="13" t="s">
        <v>576</v>
      </c>
      <c r="B124155" s="14" t="s">
        <v>1</v>
      </c>
      <c r="C124155" s="14" t="s">
        <v>200</v>
      </c>
      <c r="D124155" s="14" t="s">
        <v>39</v>
      </c>
      <c r="E124155" s="15">
        <v>45431</v>
      </c>
      <c r="F124155" s="14" t="s">
        <v>15</v>
      </c>
      <c r="G124155" s="16">
        <v>0.36173992511581743</v>
      </c>
    </row>
    <row r="124156" spans="1:7" x14ac:dyDescent="0.3">
      <c r="A124156" s="13" t="s">
        <v>576</v>
      </c>
      <c r="B124156" s="14" t="s">
        <v>1</v>
      </c>
      <c r="C124156" s="14" t="s">
        <v>200</v>
      </c>
      <c r="D124156" s="14" t="s">
        <v>39</v>
      </c>
      <c r="E124156" s="15">
        <v>45432</v>
      </c>
      <c r="F124156" s="14" t="s">
        <v>15</v>
      </c>
      <c r="G124156" s="16">
        <v>0.36663981131970486</v>
      </c>
    </row>
    <row r="124157" spans="1:7" x14ac:dyDescent="0.3">
      <c r="A124157" s="13" t="s">
        <v>576</v>
      </c>
      <c r="B124157" s="14" t="s">
        <v>1</v>
      </c>
      <c r="C124157" s="14" t="s">
        <v>200</v>
      </c>
      <c r="D124157" s="14" t="s">
        <v>39</v>
      </c>
      <c r="E124157" s="15">
        <v>45433</v>
      </c>
      <c r="F124157" s="14" t="s">
        <v>15</v>
      </c>
      <c r="G124157" s="16">
        <v>0.38858866435811207</v>
      </c>
    </row>
    <row r="124158" spans="1:7" x14ac:dyDescent="0.3">
      <c r="A124158" s="13" t="s">
        <v>576</v>
      </c>
      <c r="B124158" s="14" t="s">
        <v>1</v>
      </c>
      <c r="C124158" s="14" t="s">
        <v>200</v>
      </c>
      <c r="D124158" s="14" t="s">
        <v>39</v>
      </c>
      <c r="E124158" s="15">
        <v>45434</v>
      </c>
      <c r="F124158" s="14" t="s">
        <v>15</v>
      </c>
      <c r="G124158" s="16">
        <v>0.39655939619492181</v>
      </c>
    </row>
    <row r="124159" spans="1:7" x14ac:dyDescent="0.3">
      <c r="A124159" s="13" t="s">
        <v>576</v>
      </c>
      <c r="B124159" s="14" t="s">
        <v>1</v>
      </c>
      <c r="C124159" s="14" t="s">
        <v>200</v>
      </c>
      <c r="D124159" s="14" t="s">
        <v>39</v>
      </c>
      <c r="E124159" s="15">
        <v>45435</v>
      </c>
      <c r="F124159" s="14" t="s">
        <v>15</v>
      </c>
      <c r="G124159" s="16">
        <v>0.40352474515275955</v>
      </c>
    </row>
    <row r="124160" spans="1:7" x14ac:dyDescent="0.3">
      <c r="A124160" s="13" t="s">
        <v>576</v>
      </c>
      <c r="B124160" s="14" t="s">
        <v>1</v>
      </c>
      <c r="C124160" s="14" t="s">
        <v>200</v>
      </c>
      <c r="D124160" s="14" t="s">
        <v>39</v>
      </c>
      <c r="E124160" s="15">
        <v>45436</v>
      </c>
      <c r="F124160" s="14" t="s">
        <v>15</v>
      </c>
      <c r="G124160" s="16">
        <v>0.4103581267551536</v>
      </c>
    </row>
    <row r="124161" spans="1:7" x14ac:dyDescent="0.3">
      <c r="A124161" s="13" t="s">
        <v>576</v>
      </c>
      <c r="B124161" s="14" t="s">
        <v>1</v>
      </c>
      <c r="C124161" s="14" t="s">
        <v>200</v>
      </c>
      <c r="D124161" s="14" t="s">
        <v>39</v>
      </c>
      <c r="E124161" s="15">
        <v>45437</v>
      </c>
      <c r="F124161" s="14" t="s">
        <v>15</v>
      </c>
      <c r="G124161" s="16">
        <v>0.4103581267551536</v>
      </c>
    </row>
    <row r="124162" spans="1:7" x14ac:dyDescent="0.3">
      <c r="A124162" s="13" t="s">
        <v>576</v>
      </c>
      <c r="B124162" s="14" t="s">
        <v>1</v>
      </c>
      <c r="C124162" s="14" t="s">
        <v>200</v>
      </c>
      <c r="D124162" s="14" t="s">
        <v>39</v>
      </c>
      <c r="E124162" s="15">
        <v>45438</v>
      </c>
      <c r="F124162" s="14" t="s">
        <v>15</v>
      </c>
      <c r="G124162" s="16">
        <v>0.4103581267551536</v>
      </c>
    </row>
    <row r="124163" spans="1:7" x14ac:dyDescent="0.3">
      <c r="A124163" s="13" t="s">
        <v>576</v>
      </c>
      <c r="B124163" s="14" t="s">
        <v>1</v>
      </c>
      <c r="C124163" s="14" t="s">
        <v>200</v>
      </c>
      <c r="D124163" s="14" t="s">
        <v>39</v>
      </c>
      <c r="E124163" s="15">
        <v>45439</v>
      </c>
      <c r="F124163" s="14" t="s">
        <v>15</v>
      </c>
      <c r="G124163" s="16">
        <v>0.4103581267551536</v>
      </c>
    </row>
    <row r="124164" spans="1:7" x14ac:dyDescent="0.3">
      <c r="A124164" s="13" t="s">
        <v>576</v>
      </c>
      <c r="B124164" s="14" t="s">
        <v>1</v>
      </c>
      <c r="C124164" s="14" t="s">
        <v>200</v>
      </c>
      <c r="D124164" s="14" t="s">
        <v>39</v>
      </c>
      <c r="E124164" s="15">
        <v>45440</v>
      </c>
      <c r="F124164" s="14" t="s">
        <v>15</v>
      </c>
      <c r="G124164" s="16">
        <v>0.41730090234956013</v>
      </c>
    </row>
    <row r="124165" spans="1:7" x14ac:dyDescent="0.3">
      <c r="A124165" s="13" t="s">
        <v>576</v>
      </c>
      <c r="B124165" s="14" t="s">
        <v>1</v>
      </c>
      <c r="C124165" s="14" t="s">
        <v>200</v>
      </c>
      <c r="D124165" s="14" t="s">
        <v>39</v>
      </c>
      <c r="E124165" s="15">
        <v>45441</v>
      </c>
      <c r="F124165" s="14" t="s">
        <v>15</v>
      </c>
      <c r="G124165" s="16">
        <v>0.43223378039230836</v>
      </c>
    </row>
    <row r="124166" spans="1:7" x14ac:dyDescent="0.3">
      <c r="A124166" s="13" t="s">
        <v>576</v>
      </c>
      <c r="B124166" s="14" t="s">
        <v>1</v>
      </c>
      <c r="C124166" s="14" t="s">
        <v>200</v>
      </c>
      <c r="D124166" s="14" t="s">
        <v>39</v>
      </c>
      <c r="E124166" s="15">
        <v>45442</v>
      </c>
      <c r="F124166" s="14" t="s">
        <v>15</v>
      </c>
      <c r="G124166" s="16">
        <v>0.43512724186968066</v>
      </c>
    </row>
    <row r="124167" spans="1:7" x14ac:dyDescent="0.3">
      <c r="A124167" s="13" t="s">
        <v>576</v>
      </c>
      <c r="B124167" s="14" t="s">
        <v>1</v>
      </c>
      <c r="C124167" s="14" t="s">
        <v>200</v>
      </c>
      <c r="D124167" s="14" t="s">
        <v>39</v>
      </c>
      <c r="E124167" s="15">
        <v>45443</v>
      </c>
      <c r="F124167" s="14" t="s">
        <v>15</v>
      </c>
      <c r="G124167" s="16">
        <v>0.44124261687370697</v>
      </c>
    </row>
    <row r="124168" spans="1:7" x14ac:dyDescent="0.3">
      <c r="A124168" s="13" t="s">
        <v>576</v>
      </c>
      <c r="B124168" s="14" t="s">
        <v>1</v>
      </c>
      <c r="C124168" s="14" t="s">
        <v>200</v>
      </c>
      <c r="D124168" s="14" t="s">
        <v>39</v>
      </c>
      <c r="E124168" s="15">
        <v>45444</v>
      </c>
      <c r="F124168" s="14" t="s">
        <v>15</v>
      </c>
      <c r="G124168" s="16">
        <v>0.44124261687370697</v>
      </c>
    </row>
    <row r="124169" spans="1:7" x14ac:dyDescent="0.3">
      <c r="A124169" s="13" t="s">
        <v>576</v>
      </c>
      <c r="B124169" s="14" t="s">
        <v>1</v>
      </c>
      <c r="C124169" s="14" t="s">
        <v>200</v>
      </c>
      <c r="D124169" s="14" t="s">
        <v>39</v>
      </c>
      <c r="E124169" s="15">
        <v>45445</v>
      </c>
      <c r="F124169" s="14" t="s">
        <v>15</v>
      </c>
      <c r="G124169" s="16">
        <v>0.44124261687370697</v>
      </c>
    </row>
    <row r="124170" spans="1:7" x14ac:dyDescent="0.3">
      <c r="A124170" s="13" t="s">
        <v>576</v>
      </c>
      <c r="B124170" s="14" t="s">
        <v>1</v>
      </c>
      <c r="C124170" s="14" t="s">
        <v>200</v>
      </c>
      <c r="D124170" s="14" t="s">
        <v>39</v>
      </c>
      <c r="E124170" s="15">
        <v>45446</v>
      </c>
      <c r="F124170" s="14" t="s">
        <v>15</v>
      </c>
      <c r="G124170" s="16">
        <v>0.44124261687370697</v>
      </c>
    </row>
    <row r="124171" spans="1:7" x14ac:dyDescent="0.3">
      <c r="A124171" s="13" t="s">
        <v>576</v>
      </c>
      <c r="B124171" s="14" t="s">
        <v>1</v>
      </c>
      <c r="C124171" s="14" t="s">
        <v>200</v>
      </c>
      <c r="D124171" s="14" t="s">
        <v>39</v>
      </c>
      <c r="E124171" s="15">
        <v>45447</v>
      </c>
      <c r="F124171" s="14" t="s">
        <v>15</v>
      </c>
      <c r="G124171" s="16">
        <v>0.44921508512308828</v>
      </c>
    </row>
    <row r="124172" spans="1:7" x14ac:dyDescent="0.3">
      <c r="A124172" s="13" t="s">
        <v>576</v>
      </c>
      <c r="B124172" s="14" t="s">
        <v>1</v>
      </c>
      <c r="C124172" s="14" t="s">
        <v>200</v>
      </c>
      <c r="D124172" s="14" t="s">
        <v>39</v>
      </c>
      <c r="E124172" s="15">
        <v>45448</v>
      </c>
      <c r="F124172" s="14" t="s">
        <v>15</v>
      </c>
      <c r="G124172" s="16">
        <v>0.47549976035284819</v>
      </c>
    </row>
    <row r="124173" spans="1:7" x14ac:dyDescent="0.3">
      <c r="A124173" s="13" t="s">
        <v>576</v>
      </c>
      <c r="B124173" s="14" t="s">
        <v>1</v>
      </c>
      <c r="C124173" s="14" t="s">
        <v>200</v>
      </c>
      <c r="D124173" s="14" t="s">
        <v>39</v>
      </c>
      <c r="E124173" s="15">
        <v>45449</v>
      </c>
      <c r="F124173" s="14" t="s">
        <v>15</v>
      </c>
      <c r="G124173" s="16">
        <v>0.48205618415006773</v>
      </c>
    </row>
    <row r="124174" spans="1:7" x14ac:dyDescent="0.3">
      <c r="A124174" s="13" t="s">
        <v>576</v>
      </c>
      <c r="B124174" s="14" t="s">
        <v>1</v>
      </c>
      <c r="C124174" s="14" t="s">
        <v>200</v>
      </c>
      <c r="D124174" s="14" t="s">
        <v>39</v>
      </c>
      <c r="E124174" s="15">
        <v>45450</v>
      </c>
      <c r="F124174" s="14" t="s">
        <v>15</v>
      </c>
      <c r="G124174" s="16">
        <v>0.48860218947185752</v>
      </c>
    </row>
    <row r="124175" spans="1:7" x14ac:dyDescent="0.3">
      <c r="A124175" s="13" t="s">
        <v>576</v>
      </c>
      <c r="B124175" s="14" t="s">
        <v>1</v>
      </c>
      <c r="C124175" s="14" t="s">
        <v>200</v>
      </c>
      <c r="D124175" s="14" t="s">
        <v>39</v>
      </c>
      <c r="E124175" s="15">
        <v>45451</v>
      </c>
      <c r="F124175" s="14" t="s">
        <v>15</v>
      </c>
      <c r="G124175" s="16">
        <v>0.48860218947185752</v>
      </c>
    </row>
    <row r="124176" spans="1:7" x14ac:dyDescent="0.3">
      <c r="A124176" s="13" t="s">
        <v>576</v>
      </c>
      <c r="B124176" s="14" t="s">
        <v>1</v>
      </c>
      <c r="C124176" s="14" t="s">
        <v>200</v>
      </c>
      <c r="D124176" s="14" t="s">
        <v>39</v>
      </c>
      <c r="E124176" s="15">
        <v>45452</v>
      </c>
      <c r="F124176" s="14" t="s">
        <v>15</v>
      </c>
      <c r="G124176" s="16">
        <v>0.48860218947185752</v>
      </c>
    </row>
    <row r="124177" spans="1:7" x14ac:dyDescent="0.3">
      <c r="A124177" s="13" t="s">
        <v>576</v>
      </c>
      <c r="B124177" s="14" t="s">
        <v>1</v>
      </c>
      <c r="C124177" s="14" t="s">
        <v>200</v>
      </c>
      <c r="D124177" s="14" t="s">
        <v>39</v>
      </c>
      <c r="E124177" s="15">
        <v>45453</v>
      </c>
      <c r="F124177" s="14" t="s">
        <v>15</v>
      </c>
      <c r="G124177" s="16">
        <v>0.49543991210568061</v>
      </c>
    </row>
    <row r="124178" spans="1:7" x14ac:dyDescent="0.3">
      <c r="A124178" s="13" t="s">
        <v>576</v>
      </c>
      <c r="B124178" s="14" t="s">
        <v>1</v>
      </c>
      <c r="C124178" s="14" t="s">
        <v>200</v>
      </c>
      <c r="D124178" s="14" t="s">
        <v>39</v>
      </c>
      <c r="E124178" s="15">
        <v>45454</v>
      </c>
      <c r="F124178" s="14" t="s">
        <v>15</v>
      </c>
      <c r="G124178" s="16">
        <v>0.51479803758722031</v>
      </c>
    </row>
    <row r="124179" spans="1:7" x14ac:dyDescent="0.3">
      <c r="A124179" s="13" t="s">
        <v>576</v>
      </c>
      <c r="B124179" s="14" t="s">
        <v>1</v>
      </c>
      <c r="C124179" s="14" t="s">
        <v>200</v>
      </c>
      <c r="D124179" s="14" t="s">
        <v>39</v>
      </c>
      <c r="E124179" s="15">
        <v>45455</v>
      </c>
      <c r="F124179" s="14" t="s">
        <v>15</v>
      </c>
      <c r="G124179" s="16">
        <v>0.52341211028181789</v>
      </c>
    </row>
    <row r="124180" spans="1:7" x14ac:dyDescent="0.3">
      <c r="A124180" s="13" t="s">
        <v>576</v>
      </c>
      <c r="B124180" s="14" t="s">
        <v>1</v>
      </c>
      <c r="C124180" s="14" t="s">
        <v>200</v>
      </c>
      <c r="D124180" s="14" t="s">
        <v>39</v>
      </c>
      <c r="E124180" s="15">
        <v>45456</v>
      </c>
      <c r="F124180" s="14" t="s">
        <v>15</v>
      </c>
      <c r="G124180" s="16">
        <v>0.52824774922055506</v>
      </c>
    </row>
    <row r="124181" spans="1:7" x14ac:dyDescent="0.3">
      <c r="A124181" s="13" t="s">
        <v>576</v>
      </c>
      <c r="B124181" s="14" t="s">
        <v>1</v>
      </c>
      <c r="C124181" s="14" t="s">
        <v>200</v>
      </c>
      <c r="D124181" s="14" t="s">
        <v>39</v>
      </c>
      <c r="E124181" s="15">
        <v>45457</v>
      </c>
      <c r="F124181" s="14" t="s">
        <v>15</v>
      </c>
      <c r="G124181" s="16">
        <v>0.5347486078154825</v>
      </c>
    </row>
    <row r="124182" spans="1:7" x14ac:dyDescent="0.3">
      <c r="A124182" s="13" t="s">
        <v>576</v>
      </c>
      <c r="B124182" s="14" t="s">
        <v>1</v>
      </c>
      <c r="C124182" s="14" t="s">
        <v>200</v>
      </c>
      <c r="D124182" s="14" t="s">
        <v>39</v>
      </c>
      <c r="E124182" s="15">
        <v>45458</v>
      </c>
      <c r="F124182" s="14" t="s">
        <v>15</v>
      </c>
      <c r="G124182" s="16">
        <v>0.5347486078154825</v>
      </c>
    </row>
    <row r="124183" spans="1:7" x14ac:dyDescent="0.3">
      <c r="A124183" s="13" t="s">
        <v>576</v>
      </c>
      <c r="B124183" s="14" t="s">
        <v>1</v>
      </c>
      <c r="C124183" s="14" t="s">
        <v>200</v>
      </c>
      <c r="D124183" s="14" t="s">
        <v>39</v>
      </c>
      <c r="E124183" s="15">
        <v>45459</v>
      </c>
      <c r="F124183" s="14" t="s">
        <v>15</v>
      </c>
      <c r="G124183" s="16">
        <v>0.5347486078154825</v>
      </c>
    </row>
    <row r="124184" spans="1:7" x14ac:dyDescent="0.3">
      <c r="A124184" s="13" t="s">
        <v>576</v>
      </c>
      <c r="B124184" s="14" t="s">
        <v>1</v>
      </c>
      <c r="C124184" s="14" t="s">
        <v>200</v>
      </c>
      <c r="D124184" s="14" t="s">
        <v>39</v>
      </c>
      <c r="E124184" s="15">
        <v>45460</v>
      </c>
      <c r="F124184" s="14" t="s">
        <v>15</v>
      </c>
      <c r="G124184" s="16">
        <v>0.54979174805652908</v>
      </c>
    </row>
    <row r="124185" spans="1:7" x14ac:dyDescent="0.3">
      <c r="A124185" s="13" t="s">
        <v>576</v>
      </c>
      <c r="B124185" s="14" t="s">
        <v>1</v>
      </c>
      <c r="C124185" s="14" t="s">
        <v>200</v>
      </c>
      <c r="D124185" s="14" t="s">
        <v>39</v>
      </c>
      <c r="E124185" s="15">
        <v>45461</v>
      </c>
      <c r="F124185" s="14" t="s">
        <v>15</v>
      </c>
      <c r="G124185" s="16">
        <v>0.56812018088309402</v>
      </c>
    </row>
    <row r="124186" spans="1:7" x14ac:dyDescent="0.3">
      <c r="A124186" s="13" t="s">
        <v>576</v>
      </c>
      <c r="B124186" s="14" t="s">
        <v>1</v>
      </c>
      <c r="C124186" s="14" t="s">
        <v>200</v>
      </c>
      <c r="D124186" s="14" t="s">
        <v>39</v>
      </c>
      <c r="E124186" s="15">
        <v>45462</v>
      </c>
      <c r="F124186" s="14" t="s">
        <v>15</v>
      </c>
      <c r="G124186" s="16">
        <v>0.56812018088309402</v>
      </c>
    </row>
    <row r="124187" spans="1:7" x14ac:dyDescent="0.3">
      <c r="A124187" s="13" t="s">
        <v>576</v>
      </c>
      <c r="B124187" s="14" t="s">
        <v>1</v>
      </c>
      <c r="C124187" s="14" t="s">
        <v>200</v>
      </c>
      <c r="D124187" s="14" t="s">
        <v>39</v>
      </c>
      <c r="E124187" s="15">
        <v>45463</v>
      </c>
      <c r="F124187" s="14" t="s">
        <v>15</v>
      </c>
      <c r="G124187" s="16">
        <v>0.57431803548427263</v>
      </c>
    </row>
    <row r="124188" spans="1:7" x14ac:dyDescent="0.3">
      <c r="A124188" s="13" t="s">
        <v>576</v>
      </c>
      <c r="B124188" s="14" t="s">
        <v>1</v>
      </c>
      <c r="C124188" s="14" t="s">
        <v>200</v>
      </c>
      <c r="D124188" s="14" t="s">
        <v>39</v>
      </c>
      <c r="E124188" s="15">
        <v>45464</v>
      </c>
      <c r="F124188" s="14" t="s">
        <v>15</v>
      </c>
      <c r="G124188" s="16">
        <v>0.58662632592500663</v>
      </c>
    </row>
    <row r="124189" spans="1:7" x14ac:dyDescent="0.3">
      <c r="A124189" s="13" t="s">
        <v>576</v>
      </c>
      <c r="B124189" s="14" t="s">
        <v>1</v>
      </c>
      <c r="C124189" s="14" t="s">
        <v>200</v>
      </c>
      <c r="D124189" s="14" t="s">
        <v>39</v>
      </c>
      <c r="E124189" s="15">
        <v>45465</v>
      </c>
      <c r="F124189" s="14" t="s">
        <v>15</v>
      </c>
      <c r="G124189" s="16">
        <v>0.58662632592500663</v>
      </c>
    </row>
    <row r="124190" spans="1:7" x14ac:dyDescent="0.3">
      <c r="A124190" s="13" t="s">
        <v>576</v>
      </c>
      <c r="B124190" s="14" t="s">
        <v>1</v>
      </c>
      <c r="C124190" s="14" t="s">
        <v>200</v>
      </c>
      <c r="D124190" s="14" t="s">
        <v>39</v>
      </c>
      <c r="E124190" s="15">
        <v>45466</v>
      </c>
      <c r="F124190" s="14" t="s">
        <v>15</v>
      </c>
      <c r="G124190" s="16">
        <v>0.58662632592500663</v>
      </c>
    </row>
    <row r="124191" spans="1:7" x14ac:dyDescent="0.3">
      <c r="A124191" s="13" t="s">
        <v>576</v>
      </c>
      <c r="B124191" s="14" t="s">
        <v>1</v>
      </c>
      <c r="C124191" s="14" t="s">
        <v>200</v>
      </c>
      <c r="D124191" s="14" t="s">
        <v>39</v>
      </c>
      <c r="E124191" s="15">
        <v>45467</v>
      </c>
      <c r="F124191" s="14" t="s">
        <v>15</v>
      </c>
      <c r="G124191" s="16">
        <v>0.5936298597751779</v>
      </c>
    </row>
    <row r="124192" spans="1:7" x14ac:dyDescent="0.3">
      <c r="A124192" s="13" t="s">
        <v>576</v>
      </c>
      <c r="B124192" s="14" t="s">
        <v>1</v>
      </c>
      <c r="C124192" s="14" t="s">
        <v>200</v>
      </c>
      <c r="D124192" s="14" t="s">
        <v>39</v>
      </c>
      <c r="E124192" s="15">
        <v>45468</v>
      </c>
      <c r="F124192" s="14" t="s">
        <v>15</v>
      </c>
      <c r="G124192" s="16">
        <v>0.6134866708352108</v>
      </c>
    </row>
    <row r="124193" spans="1:7" x14ac:dyDescent="0.3">
      <c r="A124193" s="13" t="s">
        <v>576</v>
      </c>
      <c r="B124193" s="14" t="s">
        <v>1</v>
      </c>
      <c r="C124193" s="14" t="s">
        <v>200</v>
      </c>
      <c r="D124193" s="14" t="s">
        <v>39</v>
      </c>
      <c r="E124193" s="15">
        <v>45469</v>
      </c>
      <c r="F124193" s="14" t="s">
        <v>15</v>
      </c>
      <c r="G124193" s="16">
        <v>0.62018553441077795</v>
      </c>
    </row>
    <row r="124194" spans="1:7" x14ac:dyDescent="0.3">
      <c r="A124194" s="13" t="s">
        <v>576</v>
      </c>
      <c r="B124194" s="14" t="s">
        <v>1</v>
      </c>
      <c r="C124194" s="14" t="s">
        <v>200</v>
      </c>
      <c r="D124194" s="14" t="s">
        <v>39</v>
      </c>
      <c r="E124194" s="15">
        <v>45470</v>
      </c>
      <c r="F124194" s="14" t="s">
        <v>15</v>
      </c>
      <c r="G124194" s="16">
        <v>0.62791666898253673</v>
      </c>
    </row>
    <row r="124195" spans="1:7" x14ac:dyDescent="0.3">
      <c r="A124195" s="13" t="s">
        <v>576</v>
      </c>
      <c r="B124195" s="14" t="s">
        <v>1</v>
      </c>
      <c r="C124195" s="14" t="s">
        <v>200</v>
      </c>
      <c r="D124195" s="14" t="s">
        <v>39</v>
      </c>
      <c r="E124195" s="15">
        <v>45471</v>
      </c>
      <c r="F124195" s="14" t="s">
        <v>15</v>
      </c>
      <c r="G124195" s="16">
        <v>0.63265922868959301</v>
      </c>
    </row>
    <row r="124196" spans="1:7" x14ac:dyDescent="0.3">
      <c r="A124196" s="13" t="s">
        <v>576</v>
      </c>
      <c r="B124196" s="14" t="s">
        <v>1</v>
      </c>
      <c r="C124196" s="14" t="s">
        <v>200</v>
      </c>
      <c r="D124196" s="14" t="s">
        <v>39</v>
      </c>
      <c r="E124196" s="15">
        <v>45472</v>
      </c>
      <c r="F124196" s="14" t="s">
        <v>15</v>
      </c>
      <c r="G124196" s="16">
        <v>0.63265922868959301</v>
      </c>
    </row>
    <row r="124197" spans="1:7" x14ac:dyDescent="0.3">
      <c r="A124197" s="13" t="s">
        <v>576</v>
      </c>
      <c r="B124197" s="14" t="s">
        <v>1</v>
      </c>
      <c r="C124197" s="14" t="s">
        <v>200</v>
      </c>
      <c r="D124197" s="14" t="s">
        <v>39</v>
      </c>
      <c r="E124197" s="15">
        <v>45473</v>
      </c>
      <c r="F124197" s="14" t="s">
        <v>15</v>
      </c>
      <c r="G124197" s="16">
        <v>0.63265922868959301</v>
      </c>
    </row>
    <row r="124198" spans="1:7" x14ac:dyDescent="0.3">
      <c r="A124198" s="13" t="s">
        <v>576</v>
      </c>
      <c r="B124198" s="14" t="s">
        <v>1</v>
      </c>
      <c r="C124198" s="14" t="s">
        <v>200</v>
      </c>
      <c r="D124198" s="14" t="s">
        <v>39</v>
      </c>
      <c r="E124198" s="15">
        <v>45474</v>
      </c>
      <c r="F124198" s="14" t="s">
        <v>15</v>
      </c>
      <c r="G124198" s="16">
        <v>0.63923050101713008</v>
      </c>
    </row>
    <row r="124199" spans="1:7" x14ac:dyDescent="0.3">
      <c r="A124199" s="13" t="s">
        <v>576</v>
      </c>
      <c r="B124199" s="14" t="s">
        <v>1</v>
      </c>
      <c r="C124199" s="14" t="s">
        <v>200</v>
      </c>
      <c r="D124199" s="14" t="s">
        <v>39</v>
      </c>
      <c r="E124199" s="15">
        <v>45475</v>
      </c>
      <c r="F124199" s="14" t="s">
        <v>15</v>
      </c>
      <c r="G124199" s="16">
        <v>0.66090032650046471</v>
      </c>
    </row>
    <row r="124200" spans="1:7" x14ac:dyDescent="0.3">
      <c r="A124200" s="13" t="s">
        <v>576</v>
      </c>
      <c r="B124200" s="14" t="s">
        <v>1</v>
      </c>
      <c r="C124200" s="14" t="s">
        <v>200</v>
      </c>
      <c r="D124200" s="14" t="s">
        <v>39</v>
      </c>
      <c r="E124200" s="15">
        <v>45476</v>
      </c>
      <c r="F124200" s="14" t="s">
        <v>15</v>
      </c>
      <c r="G124200" s="16">
        <v>0.66690753927673307</v>
      </c>
    </row>
    <row r="124201" spans="1:7" x14ac:dyDescent="0.3">
      <c r="A124201" s="13" t="s">
        <v>576</v>
      </c>
      <c r="B124201" s="14" t="s">
        <v>1</v>
      </c>
      <c r="C124201" s="14" t="s">
        <v>200</v>
      </c>
      <c r="D124201" s="14" t="s">
        <v>39</v>
      </c>
      <c r="E124201" s="15">
        <v>45477</v>
      </c>
      <c r="F124201" s="14" t="s">
        <v>15</v>
      </c>
      <c r="G124201" s="16">
        <v>0.66690753927673307</v>
      </c>
    </row>
    <row r="124202" spans="1:7" x14ac:dyDescent="0.3">
      <c r="A124202" s="13" t="s">
        <v>576</v>
      </c>
      <c r="B124202" s="14" t="s">
        <v>1</v>
      </c>
      <c r="C124202" s="14" t="s">
        <v>200</v>
      </c>
      <c r="D124202" s="14" t="s">
        <v>39</v>
      </c>
      <c r="E124202" s="15">
        <v>45478</v>
      </c>
      <c r="F124202" s="14" t="s">
        <v>15</v>
      </c>
      <c r="G124202" s="16">
        <v>0.67350082879865025</v>
      </c>
    </row>
    <row r="124203" spans="1:7" x14ac:dyDescent="0.3">
      <c r="A124203" s="13" t="s">
        <v>576</v>
      </c>
      <c r="B124203" s="14" t="s">
        <v>1</v>
      </c>
      <c r="C124203" s="14" t="s">
        <v>200</v>
      </c>
      <c r="D124203" s="14" t="s">
        <v>39</v>
      </c>
      <c r="E124203" s="15">
        <v>45479</v>
      </c>
      <c r="F124203" s="14" t="s">
        <v>15</v>
      </c>
      <c r="G124203" s="16">
        <v>0.67350082879865025</v>
      </c>
    </row>
    <row r="124204" spans="1:7" x14ac:dyDescent="0.3">
      <c r="A124204" s="13" t="s">
        <v>576</v>
      </c>
      <c r="B124204" s="14" t="s">
        <v>1</v>
      </c>
      <c r="C124204" s="14" t="s">
        <v>200</v>
      </c>
      <c r="D124204" s="14" t="s">
        <v>39</v>
      </c>
      <c r="E124204" s="15">
        <v>45480</v>
      </c>
      <c r="F124204" s="14" t="s">
        <v>15</v>
      </c>
      <c r="G124204" s="16">
        <v>0.67350082879865025</v>
      </c>
    </row>
    <row r="124205" spans="1:7" x14ac:dyDescent="0.3">
      <c r="A124205" s="13" t="s">
        <v>576</v>
      </c>
      <c r="B124205" s="14" t="s">
        <v>1</v>
      </c>
      <c r="C124205" s="14" t="s">
        <v>200</v>
      </c>
      <c r="D124205" s="14" t="s">
        <v>39</v>
      </c>
      <c r="E124205" s="15">
        <v>45481</v>
      </c>
      <c r="F124205" s="14" t="s">
        <v>15</v>
      </c>
      <c r="G124205" s="16">
        <v>0.68495153077600912</v>
      </c>
    </row>
    <row r="124206" spans="1:7" x14ac:dyDescent="0.3">
      <c r="A124206" s="13" t="s">
        <v>576</v>
      </c>
      <c r="B124206" s="14" t="s">
        <v>1</v>
      </c>
      <c r="C124206" s="14" t="s">
        <v>200</v>
      </c>
      <c r="D124206" s="14" t="s">
        <v>39</v>
      </c>
      <c r="E124206" s="15">
        <v>45482</v>
      </c>
      <c r="F124206" s="14" t="s">
        <v>15</v>
      </c>
      <c r="G124206" s="16">
        <v>0.705526787167291</v>
      </c>
    </row>
    <row r="124207" spans="1:7" x14ac:dyDescent="0.3">
      <c r="A124207" s="13" t="s">
        <v>576</v>
      </c>
      <c r="B124207" s="14" t="s">
        <v>1</v>
      </c>
      <c r="C124207" s="14" t="s">
        <v>200</v>
      </c>
      <c r="D124207" s="14" t="s">
        <v>39</v>
      </c>
      <c r="E124207" s="15">
        <v>45483</v>
      </c>
      <c r="F124207" s="14" t="s">
        <v>15</v>
      </c>
      <c r="G124207" s="16">
        <v>0.7124996111828128</v>
      </c>
    </row>
    <row r="124208" spans="1:7" x14ac:dyDescent="0.3">
      <c r="A124208" s="13" t="s">
        <v>576</v>
      </c>
      <c r="B124208" s="14" t="s">
        <v>1</v>
      </c>
      <c r="C124208" s="14" t="s">
        <v>200</v>
      </c>
      <c r="D124208" s="14" t="s">
        <v>39</v>
      </c>
      <c r="E124208" s="15">
        <v>45484</v>
      </c>
      <c r="F124208" s="14" t="s">
        <v>15</v>
      </c>
      <c r="G124208" s="16">
        <v>0.71788719720294769</v>
      </c>
    </row>
    <row r="124209" spans="1:7" x14ac:dyDescent="0.3">
      <c r="A124209" s="13" t="s">
        <v>576</v>
      </c>
      <c r="B124209" s="14" t="s">
        <v>1</v>
      </c>
      <c r="C124209" s="14" t="s">
        <v>200</v>
      </c>
      <c r="D124209" s="14" t="s">
        <v>39</v>
      </c>
      <c r="E124209" s="15">
        <v>45485</v>
      </c>
      <c r="F124209" s="14" t="s">
        <v>15</v>
      </c>
      <c r="G124209" s="16">
        <v>0.72446895390876109</v>
      </c>
    </row>
    <row r="124210" spans="1:7" x14ac:dyDescent="0.3">
      <c r="A124210" s="13" t="s">
        <v>576</v>
      </c>
      <c r="B124210" s="14" t="s">
        <v>1</v>
      </c>
      <c r="C124210" s="14" t="s">
        <v>200</v>
      </c>
      <c r="D124210" s="14" t="s">
        <v>39</v>
      </c>
      <c r="E124210" s="15">
        <v>45486</v>
      </c>
      <c r="F124210" s="14" t="s">
        <v>15</v>
      </c>
      <c r="G124210" s="16">
        <v>0.72446895390876109</v>
      </c>
    </row>
    <row r="124211" spans="1:7" x14ac:dyDescent="0.3">
      <c r="A124211" s="13" t="s">
        <v>576</v>
      </c>
      <c r="B124211" s="14" t="s">
        <v>1</v>
      </c>
      <c r="C124211" s="14" t="s">
        <v>200</v>
      </c>
      <c r="D124211" s="14" t="s">
        <v>39</v>
      </c>
      <c r="E124211" s="15">
        <v>45487</v>
      </c>
      <c r="F124211" s="14" t="s">
        <v>15</v>
      </c>
      <c r="G124211" s="16">
        <v>0.72446895390876109</v>
      </c>
    </row>
    <row r="124212" spans="1:7" x14ac:dyDescent="0.3">
      <c r="A124212" s="13" t="s">
        <v>576</v>
      </c>
      <c r="B124212" s="14" t="s">
        <v>1</v>
      </c>
      <c r="C124212" s="14" t="s">
        <v>200</v>
      </c>
      <c r="D124212" s="14" t="s">
        <v>39</v>
      </c>
      <c r="E124212" s="15">
        <v>45488</v>
      </c>
      <c r="F124212" s="14" t="s">
        <v>15</v>
      </c>
      <c r="G124212" s="16">
        <v>0.72622160598047902</v>
      </c>
    </row>
    <row r="124213" spans="1:7" x14ac:dyDescent="0.3">
      <c r="A124213" s="13" t="s">
        <v>576</v>
      </c>
      <c r="B124213" s="14" t="s">
        <v>1</v>
      </c>
      <c r="C124213" s="14" t="s">
        <v>200</v>
      </c>
      <c r="D124213" s="14" t="s">
        <v>39</v>
      </c>
      <c r="E124213" s="15">
        <v>45489</v>
      </c>
      <c r="F124213" s="14" t="s">
        <v>15</v>
      </c>
      <c r="G124213" s="16">
        <v>0.74699396868335666</v>
      </c>
    </row>
    <row r="124214" spans="1:7" x14ac:dyDescent="0.3">
      <c r="A124214" s="13" t="s">
        <v>576</v>
      </c>
      <c r="B124214" s="14" t="s">
        <v>1</v>
      </c>
      <c r="C124214" s="14" t="s">
        <v>200</v>
      </c>
      <c r="D124214" s="14" t="s">
        <v>39</v>
      </c>
      <c r="E124214" s="15">
        <v>45490</v>
      </c>
      <c r="F124214" s="14" t="s">
        <v>15</v>
      </c>
      <c r="G124214" s="16">
        <v>0.74386719110525301</v>
      </c>
    </row>
    <row r="124215" spans="1:7" x14ac:dyDescent="0.3">
      <c r="A124215" s="13" t="s">
        <v>576</v>
      </c>
      <c r="B124215" s="14" t="s">
        <v>1</v>
      </c>
      <c r="C124215" s="14" t="s">
        <v>200</v>
      </c>
      <c r="D124215" s="14" t="s">
        <v>39</v>
      </c>
      <c r="E124215" s="15">
        <v>45491</v>
      </c>
      <c r="F124215" s="14" t="s">
        <v>15</v>
      </c>
      <c r="G124215" s="16">
        <v>0.75078654479156526</v>
      </c>
    </row>
    <row r="124216" spans="1:7" x14ac:dyDescent="0.3">
      <c r="A124216" s="13" t="s">
        <v>576</v>
      </c>
      <c r="B124216" s="14" t="s">
        <v>1</v>
      </c>
      <c r="C124216" s="14" t="s">
        <v>200</v>
      </c>
      <c r="D124216" s="14" t="s">
        <v>39</v>
      </c>
      <c r="E124216" s="15">
        <v>45492</v>
      </c>
      <c r="F124216" s="14" t="s">
        <v>15</v>
      </c>
      <c r="G124216" s="16">
        <v>0.75801518763703057</v>
      </c>
    </row>
    <row r="124217" spans="1:7" x14ac:dyDescent="0.3">
      <c r="A124217" s="13" t="s">
        <v>576</v>
      </c>
      <c r="B124217" s="14" t="s">
        <v>1</v>
      </c>
      <c r="C124217" s="14" t="s">
        <v>200</v>
      </c>
      <c r="D124217" s="14" t="s">
        <v>39</v>
      </c>
      <c r="E124217" s="15">
        <v>45493</v>
      </c>
      <c r="F124217" s="14" t="s">
        <v>15</v>
      </c>
      <c r="G124217" s="16">
        <v>0.75801518763703057</v>
      </c>
    </row>
    <row r="124218" spans="1:7" x14ac:dyDescent="0.3">
      <c r="A124218" s="13" t="s">
        <v>576</v>
      </c>
      <c r="B124218" s="14" t="s">
        <v>1</v>
      </c>
      <c r="C124218" s="14" t="s">
        <v>200</v>
      </c>
      <c r="D124218" s="14" t="s">
        <v>39</v>
      </c>
      <c r="E124218" s="15">
        <v>45494</v>
      </c>
      <c r="F124218" s="14" t="s">
        <v>15</v>
      </c>
      <c r="G124218" s="16">
        <v>0.75801518763703057</v>
      </c>
    </row>
    <row r="124219" spans="1:7" x14ac:dyDescent="0.3">
      <c r="A124219" s="13" t="s">
        <v>576</v>
      </c>
      <c r="B124219" s="14" t="s">
        <v>1</v>
      </c>
      <c r="C124219" s="14" t="s">
        <v>200</v>
      </c>
      <c r="D124219" s="14" t="s">
        <v>39</v>
      </c>
      <c r="E124219" s="15">
        <v>45495</v>
      </c>
      <c r="F124219" s="14" t="s">
        <v>15</v>
      </c>
      <c r="G124219" s="16">
        <v>0.7647510647035064</v>
      </c>
    </row>
    <row r="124220" spans="1:7" x14ac:dyDescent="0.3">
      <c r="A124220" s="13" t="s">
        <v>576</v>
      </c>
      <c r="B124220" s="14" t="s">
        <v>1</v>
      </c>
      <c r="C124220" s="14" t="s">
        <v>200</v>
      </c>
      <c r="D124220" s="14" t="s">
        <v>39</v>
      </c>
      <c r="E124220" s="15">
        <v>45496</v>
      </c>
      <c r="F124220" s="14" t="s">
        <v>15</v>
      </c>
      <c r="G124220" s="16">
        <v>0.7854982648985207</v>
      </c>
    </row>
    <row r="124221" spans="1:7" x14ac:dyDescent="0.3">
      <c r="A124221" s="13" t="s">
        <v>576</v>
      </c>
      <c r="B124221" s="14" t="s">
        <v>1</v>
      </c>
      <c r="C124221" s="14" t="s">
        <v>200</v>
      </c>
      <c r="D124221" s="14" t="s">
        <v>39</v>
      </c>
      <c r="E124221" s="15">
        <v>45497</v>
      </c>
      <c r="F124221" s="14" t="s">
        <v>15</v>
      </c>
      <c r="G124221" s="16">
        <v>0.79219325288971887</v>
      </c>
    </row>
    <row r="124222" spans="1:7" x14ac:dyDescent="0.3">
      <c r="A124222" s="13" t="s">
        <v>576</v>
      </c>
      <c r="B124222" s="14" t="s">
        <v>1</v>
      </c>
      <c r="C124222" s="14" t="s">
        <v>200</v>
      </c>
      <c r="D124222" s="14" t="s">
        <v>39</v>
      </c>
      <c r="E124222" s="15">
        <v>45498</v>
      </c>
      <c r="F124222" s="14" t="s">
        <v>15</v>
      </c>
      <c r="G124222" s="16">
        <v>0.79893122683185003</v>
      </c>
    </row>
    <row r="124223" spans="1:7" x14ac:dyDescent="0.3">
      <c r="A124223" s="13" t="s">
        <v>576</v>
      </c>
      <c r="B124223" s="14" t="s">
        <v>1</v>
      </c>
      <c r="C124223" s="14" t="s">
        <v>200</v>
      </c>
      <c r="D124223" s="14" t="s">
        <v>39</v>
      </c>
      <c r="E124223" s="15">
        <v>45499</v>
      </c>
      <c r="F124223" s="14" t="s">
        <v>15</v>
      </c>
      <c r="G124223" s="16">
        <v>0.80572581641667351</v>
      </c>
    </row>
    <row r="124224" spans="1:7" x14ac:dyDescent="0.3">
      <c r="A124224" s="13" t="s">
        <v>576</v>
      </c>
      <c r="B124224" s="14" t="s">
        <v>1</v>
      </c>
      <c r="C124224" s="14" t="s">
        <v>200</v>
      </c>
      <c r="D124224" s="14" t="s">
        <v>39</v>
      </c>
      <c r="E124224" s="15">
        <v>45500</v>
      </c>
      <c r="F124224" s="14" t="s">
        <v>15</v>
      </c>
      <c r="G124224" s="16">
        <v>0.80572581641667351</v>
      </c>
    </row>
    <row r="124225" spans="1:7" x14ac:dyDescent="0.3">
      <c r="A124225" s="13" t="s">
        <v>576</v>
      </c>
      <c r="B124225" s="14" t="s">
        <v>1</v>
      </c>
      <c r="C124225" s="14" t="s">
        <v>200</v>
      </c>
      <c r="D124225" s="14" t="s">
        <v>39</v>
      </c>
      <c r="E124225" s="15">
        <v>45501</v>
      </c>
      <c r="F124225" s="14" t="s">
        <v>15</v>
      </c>
      <c r="G124225" s="16">
        <v>0.80572581641667351</v>
      </c>
    </row>
    <row r="124226" spans="1:7" x14ac:dyDescent="0.3">
      <c r="A124226" s="13" t="s">
        <v>576</v>
      </c>
      <c r="B124226" s="14" t="s">
        <v>1</v>
      </c>
      <c r="C124226" s="14" t="s">
        <v>200</v>
      </c>
      <c r="D124226" s="14" t="s">
        <v>39</v>
      </c>
      <c r="E124226" s="15">
        <v>45502</v>
      </c>
      <c r="F124226" s="14" t="s">
        <v>15</v>
      </c>
      <c r="G124226" s="16">
        <v>0.816683752615043</v>
      </c>
    </row>
    <row r="124227" spans="1:7" x14ac:dyDescent="0.3">
      <c r="A124227" s="13" t="s">
        <v>576</v>
      </c>
      <c r="B124227" s="14" t="s">
        <v>1</v>
      </c>
      <c r="C124227" s="14" t="s">
        <v>200</v>
      </c>
      <c r="D124227" s="14" t="s">
        <v>39</v>
      </c>
      <c r="E124227" s="15">
        <v>45503</v>
      </c>
      <c r="F124227" s="14" t="s">
        <v>15</v>
      </c>
      <c r="G124227" s="16">
        <v>0.83584256950118752</v>
      </c>
    </row>
    <row r="124228" spans="1:7" x14ac:dyDescent="0.3">
      <c r="A124228" s="13" t="s">
        <v>576</v>
      </c>
      <c r="B124228" s="14" t="s">
        <v>1</v>
      </c>
      <c r="C124228" s="14" t="s">
        <v>200</v>
      </c>
      <c r="D124228" s="14" t="s">
        <v>39</v>
      </c>
      <c r="E124228" s="15">
        <v>45504</v>
      </c>
      <c r="F124228" s="14" t="s">
        <v>15</v>
      </c>
      <c r="G124228" s="16">
        <v>0.84249876529276302</v>
      </c>
    </row>
    <row r="124229" spans="1:7" x14ac:dyDescent="0.3">
      <c r="A124229" s="13" t="s">
        <v>576</v>
      </c>
      <c r="B124229" s="14" t="s">
        <v>1</v>
      </c>
      <c r="C124229" s="14" t="s">
        <v>200</v>
      </c>
      <c r="D124229" s="14" t="s">
        <v>39</v>
      </c>
      <c r="E124229" s="15">
        <v>45505</v>
      </c>
      <c r="F124229" s="14" t="s">
        <v>15</v>
      </c>
      <c r="G124229" s="16">
        <v>0.84984693005057876</v>
      </c>
    </row>
    <row r="124230" spans="1:7" x14ac:dyDescent="0.3">
      <c r="A124230" s="13" t="s">
        <v>576</v>
      </c>
      <c r="B124230" s="14" t="s">
        <v>1</v>
      </c>
      <c r="C124230" s="14" t="s">
        <v>200</v>
      </c>
      <c r="D124230" s="14" t="s">
        <v>39</v>
      </c>
      <c r="E124230" s="15">
        <v>45506</v>
      </c>
      <c r="F124230" s="14" t="s">
        <v>15</v>
      </c>
      <c r="G124230" s="16">
        <v>0.86374678279329709</v>
      </c>
    </row>
    <row r="124231" spans="1:7" x14ac:dyDescent="0.3">
      <c r="A124231" s="13" t="s">
        <v>576</v>
      </c>
      <c r="B124231" s="14" t="s">
        <v>1</v>
      </c>
      <c r="C124231" s="14" t="s">
        <v>200</v>
      </c>
      <c r="D124231" s="14" t="s">
        <v>39</v>
      </c>
      <c r="E124231" s="15">
        <v>45507</v>
      </c>
      <c r="F124231" s="14" t="s">
        <v>15</v>
      </c>
      <c r="G124231" s="16">
        <v>0.86374678279329709</v>
      </c>
    </row>
    <row r="124232" spans="1:7" x14ac:dyDescent="0.3">
      <c r="A124232" s="13" t="s">
        <v>576</v>
      </c>
      <c r="B124232" s="14" t="s">
        <v>1</v>
      </c>
      <c r="C124232" s="14" t="s">
        <v>200</v>
      </c>
      <c r="D124232" s="14" t="s">
        <v>39</v>
      </c>
      <c r="E124232" s="15">
        <v>45508</v>
      </c>
      <c r="F124232" s="14" t="s">
        <v>15</v>
      </c>
      <c r="G124232" s="16">
        <v>0.86374678279329709</v>
      </c>
    </row>
    <row r="124233" spans="1:7" x14ac:dyDescent="0.3">
      <c r="A124233" s="13" t="s">
        <v>576</v>
      </c>
      <c r="B124233" s="14" t="s">
        <v>1</v>
      </c>
      <c r="C124233" s="14" t="s">
        <v>200</v>
      </c>
      <c r="D124233" s="14" t="s">
        <v>39</v>
      </c>
      <c r="E124233" s="15">
        <v>45509</v>
      </c>
      <c r="F124233" s="14" t="s">
        <v>15</v>
      </c>
      <c r="G124233" s="16">
        <v>0.86374678279329709</v>
      </c>
    </row>
    <row r="124234" spans="1:7" x14ac:dyDescent="0.3">
      <c r="A124234" s="13" t="s">
        <v>576</v>
      </c>
      <c r="B124234" s="14" t="s">
        <v>1</v>
      </c>
      <c r="C124234" s="14" t="s">
        <v>200</v>
      </c>
      <c r="D124234" s="14" t="s">
        <v>39</v>
      </c>
      <c r="E124234" s="15">
        <v>45510</v>
      </c>
      <c r="F124234" s="14" t="s">
        <v>15</v>
      </c>
      <c r="G124234" s="16">
        <v>0.87715596663268125</v>
      </c>
    </row>
    <row r="124235" spans="1:7" x14ac:dyDescent="0.3">
      <c r="A124235" s="13" t="s">
        <v>576</v>
      </c>
      <c r="B124235" s="14" t="s">
        <v>1</v>
      </c>
      <c r="C124235" s="14" t="s">
        <v>200</v>
      </c>
      <c r="D124235" s="14" t="s">
        <v>39</v>
      </c>
      <c r="E124235" s="15">
        <v>45511</v>
      </c>
      <c r="F124235" s="14" t="s">
        <v>15</v>
      </c>
      <c r="G124235" s="16">
        <v>0.90395370153098775</v>
      </c>
    </row>
    <row r="124236" spans="1:7" x14ac:dyDescent="0.3">
      <c r="A124236" s="13" t="s">
        <v>576</v>
      </c>
      <c r="B124236" s="14" t="s">
        <v>1</v>
      </c>
      <c r="C124236" s="14" t="s">
        <v>200</v>
      </c>
      <c r="D124236" s="14" t="s">
        <v>39</v>
      </c>
      <c r="E124236" s="15">
        <v>45512</v>
      </c>
      <c r="F124236" s="14" t="s">
        <v>15</v>
      </c>
      <c r="G124236" s="16">
        <v>0.91015802061885187</v>
      </c>
    </row>
    <row r="124237" spans="1:7" x14ac:dyDescent="0.3">
      <c r="A124237" s="13" t="s">
        <v>576</v>
      </c>
      <c r="B124237" s="14" t="s">
        <v>1</v>
      </c>
      <c r="C124237" s="14" t="s">
        <v>200</v>
      </c>
      <c r="D124237" s="14" t="s">
        <v>39</v>
      </c>
      <c r="E124237" s="15">
        <v>45513</v>
      </c>
      <c r="F124237" s="14" t="s">
        <v>15</v>
      </c>
      <c r="G124237" s="16">
        <v>0.91608764899587491</v>
      </c>
    </row>
    <row r="124238" spans="1:7" x14ac:dyDescent="0.3">
      <c r="A124238" s="13" t="s">
        <v>576</v>
      </c>
      <c r="B124238" s="14" t="s">
        <v>1</v>
      </c>
      <c r="C124238" s="14" t="s">
        <v>200</v>
      </c>
      <c r="D124238" s="14" t="s">
        <v>39</v>
      </c>
      <c r="E124238" s="15">
        <v>45514</v>
      </c>
      <c r="F124238" s="14" t="s">
        <v>15</v>
      </c>
      <c r="G124238" s="16">
        <v>0.91608764899587491</v>
      </c>
    </row>
    <row r="124239" spans="1:7" x14ac:dyDescent="0.3">
      <c r="A124239" s="13" t="s">
        <v>576</v>
      </c>
      <c r="B124239" s="14" t="s">
        <v>1</v>
      </c>
      <c r="C124239" s="14" t="s">
        <v>200</v>
      </c>
      <c r="D124239" s="14" t="s">
        <v>39</v>
      </c>
      <c r="E124239" s="15">
        <v>45515</v>
      </c>
      <c r="F124239" s="14" t="s">
        <v>15</v>
      </c>
      <c r="G124239" s="16">
        <v>0.91608764899587491</v>
      </c>
    </row>
    <row r="124240" spans="1:7" x14ac:dyDescent="0.3">
      <c r="A124240" s="13" t="s">
        <v>576</v>
      </c>
      <c r="B124240" s="14" t="s">
        <v>1</v>
      </c>
      <c r="C124240" s="14" t="s">
        <v>200</v>
      </c>
      <c r="D124240" s="14" t="s">
        <v>39</v>
      </c>
      <c r="E124240" s="15">
        <v>45516</v>
      </c>
      <c r="F124240" s="14" t="s">
        <v>15</v>
      </c>
      <c r="G124240" s="16">
        <v>0.9210296489392642</v>
      </c>
    </row>
    <row r="124241" spans="1:7" x14ac:dyDescent="0.3">
      <c r="A124241" s="13" t="s">
        <v>576</v>
      </c>
      <c r="B124241" s="14" t="s">
        <v>1</v>
      </c>
      <c r="C124241" s="14" t="s">
        <v>200</v>
      </c>
      <c r="D124241" s="14" t="s">
        <v>39</v>
      </c>
      <c r="E124241" s="15">
        <v>45517</v>
      </c>
      <c r="F124241" s="14" t="s">
        <v>15</v>
      </c>
      <c r="G124241" s="16">
        <v>0.93900163420452387</v>
      </c>
    </row>
    <row r="124242" spans="1:7" x14ac:dyDescent="0.3">
      <c r="A124242" s="13" t="s">
        <v>576</v>
      </c>
      <c r="B124242" s="14" t="s">
        <v>1</v>
      </c>
      <c r="C124242" s="14" t="s">
        <v>200</v>
      </c>
      <c r="D124242" s="14" t="s">
        <v>39</v>
      </c>
      <c r="E124242" s="15">
        <v>45518</v>
      </c>
      <c r="F124242" s="14" t="s">
        <v>15</v>
      </c>
      <c r="G124242" s="16">
        <v>0.94609398013239621</v>
      </c>
    </row>
    <row r="124243" spans="1:7" x14ac:dyDescent="0.3">
      <c r="A124243" s="13" t="s">
        <v>576</v>
      </c>
      <c r="B124243" s="14" t="s">
        <v>1</v>
      </c>
      <c r="C124243" s="14" t="s">
        <v>200</v>
      </c>
      <c r="D124243" s="14" t="s">
        <v>39</v>
      </c>
      <c r="E124243" s="15">
        <v>45519</v>
      </c>
      <c r="F124243" s="14" t="s">
        <v>15</v>
      </c>
      <c r="G124243" s="16">
        <v>0.95237378674385009</v>
      </c>
    </row>
    <row r="124244" spans="1:7" x14ac:dyDescent="0.3">
      <c r="A124244" s="13" t="s">
        <v>576</v>
      </c>
      <c r="B124244" s="14" t="s">
        <v>1</v>
      </c>
      <c r="C124244" s="14" t="s">
        <v>200</v>
      </c>
      <c r="D124244" s="14" t="s">
        <v>39</v>
      </c>
      <c r="E124244" s="15">
        <v>45520</v>
      </c>
      <c r="F124244" s="14" t="s">
        <v>15</v>
      </c>
      <c r="G124244" s="16">
        <v>0.95861165584219843</v>
      </c>
    </row>
    <row r="124245" spans="1:7" x14ac:dyDescent="0.3">
      <c r="A124245" s="13" t="s">
        <v>576</v>
      </c>
      <c r="B124245" s="14" t="s">
        <v>1</v>
      </c>
      <c r="C124245" s="14" t="s">
        <v>200</v>
      </c>
      <c r="D124245" s="14" t="s">
        <v>39</v>
      </c>
      <c r="E124245" s="15">
        <v>45521</v>
      </c>
      <c r="F124245" s="14" t="s">
        <v>15</v>
      </c>
      <c r="G124245" s="16">
        <v>0.95861165584219843</v>
      </c>
    </row>
    <row r="124246" spans="1:7" x14ac:dyDescent="0.3">
      <c r="A124246" s="13" t="s">
        <v>576</v>
      </c>
      <c r="B124246" s="14" t="s">
        <v>1</v>
      </c>
      <c r="C124246" s="14" t="s">
        <v>200</v>
      </c>
      <c r="D124246" s="14" t="s">
        <v>39</v>
      </c>
      <c r="E124246" s="15">
        <v>45522</v>
      </c>
      <c r="F124246" s="14" t="s">
        <v>15</v>
      </c>
      <c r="G124246" s="16">
        <v>0.95861165584219843</v>
      </c>
    </row>
    <row r="124247" spans="1:7" x14ac:dyDescent="0.3">
      <c r="A124247" s="13" t="s">
        <v>576</v>
      </c>
      <c r="B124247" s="14" t="s">
        <v>1</v>
      </c>
      <c r="C124247" s="14" t="s">
        <v>200</v>
      </c>
      <c r="D124247" s="14" t="s">
        <v>39</v>
      </c>
      <c r="E124247" s="15">
        <v>45523</v>
      </c>
      <c r="F124247" s="14" t="s">
        <v>15</v>
      </c>
      <c r="G124247" s="16">
        <v>0.96476355303868067</v>
      </c>
    </row>
    <row r="124248" spans="1:7" x14ac:dyDescent="0.3">
      <c r="A124248" s="13" t="s">
        <v>576</v>
      </c>
      <c r="B124248" s="14" t="s">
        <v>1</v>
      </c>
      <c r="C124248" s="14" t="s">
        <v>200</v>
      </c>
      <c r="D124248" s="14" t="s">
        <v>39</v>
      </c>
      <c r="E124248" s="15">
        <v>45524</v>
      </c>
      <c r="F124248" s="14" t="s">
        <v>15</v>
      </c>
      <c r="G124248" s="16">
        <v>0.98268731016386901</v>
      </c>
    </row>
    <row r="124249" spans="1:7" x14ac:dyDescent="0.3">
      <c r="A124249" s="13" t="s">
        <v>576</v>
      </c>
      <c r="B124249" s="14" t="s">
        <v>1</v>
      </c>
      <c r="C124249" s="14" t="s">
        <v>200</v>
      </c>
      <c r="D124249" s="14" t="s">
        <v>39</v>
      </c>
      <c r="E124249" s="15">
        <v>45525</v>
      </c>
      <c r="F124249" s="14" t="s">
        <v>15</v>
      </c>
      <c r="G124249" s="16">
        <v>0.98782641641885405</v>
      </c>
    </row>
    <row r="124250" spans="1:7" x14ac:dyDescent="0.3">
      <c r="A124250" s="13" t="s">
        <v>576</v>
      </c>
      <c r="B124250" s="14" t="s">
        <v>1</v>
      </c>
      <c r="C124250" s="14" t="s">
        <v>200</v>
      </c>
      <c r="D124250" s="14" t="s">
        <v>39</v>
      </c>
      <c r="E124250" s="15">
        <v>45526</v>
      </c>
      <c r="F124250" s="14" t="s">
        <v>15</v>
      </c>
      <c r="G124250" s="16">
        <v>0.99736896154991372</v>
      </c>
    </row>
    <row r="124251" spans="1:7" x14ac:dyDescent="0.3">
      <c r="A124251" s="13" t="s">
        <v>576</v>
      </c>
      <c r="B124251" s="14" t="s">
        <v>1</v>
      </c>
      <c r="C124251" s="14" t="s">
        <v>200</v>
      </c>
      <c r="D124251" s="14" t="s">
        <v>39</v>
      </c>
      <c r="E124251" s="15">
        <v>45527</v>
      </c>
      <c r="F124251" s="14" t="s">
        <v>15</v>
      </c>
      <c r="G124251" s="16">
        <v>1.0012310705308372</v>
      </c>
    </row>
    <row r="124252" spans="1:7" x14ac:dyDescent="0.3">
      <c r="A124252" s="13" t="s">
        <v>576</v>
      </c>
      <c r="B124252" s="14" t="s">
        <v>1</v>
      </c>
      <c r="C124252" s="14" t="s">
        <v>200</v>
      </c>
      <c r="D124252" s="14" t="s">
        <v>39</v>
      </c>
      <c r="E124252" s="15">
        <v>45528</v>
      </c>
      <c r="F124252" s="14" t="s">
        <v>15</v>
      </c>
      <c r="G124252" s="16">
        <v>1.0012310705308372</v>
      </c>
    </row>
    <row r="124253" spans="1:7" x14ac:dyDescent="0.3">
      <c r="A124253" s="13" t="s">
        <v>576</v>
      </c>
      <c r="B124253" s="14" t="s">
        <v>1</v>
      </c>
      <c r="C124253" s="14" t="s">
        <v>200</v>
      </c>
      <c r="D124253" s="14" t="s">
        <v>39</v>
      </c>
      <c r="E124253" s="15">
        <v>45529</v>
      </c>
      <c r="F124253" s="14" t="s">
        <v>15</v>
      </c>
      <c r="G124253" s="16">
        <v>1.0012310705308372</v>
      </c>
    </row>
    <row r="124254" spans="1:7" x14ac:dyDescent="0.3">
      <c r="A124254" s="13" t="s">
        <v>576</v>
      </c>
      <c r="B124254" s="14" t="s">
        <v>1</v>
      </c>
      <c r="C124254" s="14" t="s">
        <v>200</v>
      </c>
      <c r="D124254" s="14" t="s">
        <v>39</v>
      </c>
      <c r="E124254" s="15">
        <v>45530</v>
      </c>
      <c r="F124254" s="14" t="s">
        <v>15</v>
      </c>
      <c r="G124254" s="16">
        <v>1.0150994701387264</v>
      </c>
    </row>
    <row r="124255" spans="1:7" x14ac:dyDescent="0.3">
      <c r="A124255" s="13" t="s">
        <v>576</v>
      </c>
      <c r="B124255" s="14" t="s">
        <v>1</v>
      </c>
      <c r="C124255" s="14" t="s">
        <v>200</v>
      </c>
      <c r="D124255" s="14" t="s">
        <v>39</v>
      </c>
      <c r="E124255" s="15">
        <v>45531</v>
      </c>
      <c r="F124255" s="14" t="s">
        <v>15</v>
      </c>
      <c r="G124255" s="16">
        <v>1.0329267709837722</v>
      </c>
    </row>
    <row r="124256" spans="1:7" x14ac:dyDescent="0.3">
      <c r="A124256" s="13" t="s">
        <v>576</v>
      </c>
      <c r="B124256" s="14" t="s">
        <v>1</v>
      </c>
      <c r="C124256" s="14" t="s">
        <v>200</v>
      </c>
      <c r="D124256" s="14" t="s">
        <v>39</v>
      </c>
      <c r="E124256" s="15">
        <v>45532</v>
      </c>
      <c r="F124256" s="14" t="s">
        <v>15</v>
      </c>
      <c r="G124256" s="16">
        <v>1.0383825054627034</v>
      </c>
    </row>
    <row r="124257" spans="1:7" x14ac:dyDescent="0.3">
      <c r="A124257" s="13" t="s">
        <v>576</v>
      </c>
      <c r="B124257" s="14" t="s">
        <v>1</v>
      </c>
      <c r="C124257" s="14" t="s">
        <v>200</v>
      </c>
      <c r="D124257" s="14" t="s">
        <v>39</v>
      </c>
      <c r="E124257" s="15">
        <v>45533</v>
      </c>
      <c r="F124257" s="14" t="s">
        <v>15</v>
      </c>
      <c r="G124257" s="16">
        <v>1.0436212133113136</v>
      </c>
    </row>
    <row r="124258" spans="1:7" x14ac:dyDescent="0.3">
      <c r="A124258" s="13" t="s">
        <v>576</v>
      </c>
      <c r="B124258" s="14" t="s">
        <v>1</v>
      </c>
      <c r="C124258" s="14" t="s">
        <v>200</v>
      </c>
      <c r="D124258" s="14" t="s">
        <v>39</v>
      </c>
      <c r="E124258" s="15">
        <v>45534</v>
      </c>
      <c r="F124258" s="14" t="s">
        <v>15</v>
      </c>
      <c r="G124258" s="16">
        <v>1.0530159287086767</v>
      </c>
    </row>
    <row r="124259" spans="1:7" x14ac:dyDescent="0.3">
      <c r="A124259" s="13" t="s">
        <v>576</v>
      </c>
      <c r="B124259" s="14" t="s">
        <v>1</v>
      </c>
      <c r="C124259" s="14" t="s">
        <v>200</v>
      </c>
      <c r="D124259" s="14" t="s">
        <v>39</v>
      </c>
      <c r="E124259" s="15">
        <v>45535</v>
      </c>
      <c r="F124259" s="14" t="s">
        <v>15</v>
      </c>
      <c r="G124259" s="16">
        <v>1.0530159287086767</v>
      </c>
    </row>
    <row r="124260" spans="1:7" x14ac:dyDescent="0.3">
      <c r="A124260" s="13" t="s">
        <v>576</v>
      </c>
      <c r="B124260" s="14" t="s">
        <v>1</v>
      </c>
      <c r="C124260" s="14" t="s">
        <v>200</v>
      </c>
      <c r="D124260" s="14" t="s">
        <v>39</v>
      </c>
      <c r="E124260" s="15">
        <v>45536</v>
      </c>
      <c r="F124260" s="14" t="s">
        <v>15</v>
      </c>
      <c r="G124260" s="16">
        <v>1.0530159287086767</v>
      </c>
    </row>
    <row r="124261" spans="1:7" x14ac:dyDescent="0.3">
      <c r="A124261" s="13" t="s">
        <v>576</v>
      </c>
      <c r="B124261" s="14" t="s">
        <v>1</v>
      </c>
      <c r="C124261" s="14" t="s">
        <v>200</v>
      </c>
      <c r="D124261" s="14" t="s">
        <v>39</v>
      </c>
      <c r="E124261" s="15">
        <v>45537</v>
      </c>
      <c r="F124261" s="14" t="s">
        <v>15</v>
      </c>
      <c r="G124261" s="16">
        <v>1.0530159287086767</v>
      </c>
    </row>
    <row r="124262" spans="1:7" x14ac:dyDescent="0.3">
      <c r="A124262" s="13" t="s">
        <v>576</v>
      </c>
      <c r="B124262" s="14" t="s">
        <v>1</v>
      </c>
      <c r="C124262" s="14" t="s">
        <v>200</v>
      </c>
      <c r="D124262" s="14" t="s">
        <v>39</v>
      </c>
      <c r="E124262" s="15">
        <v>45538</v>
      </c>
      <c r="F124262" s="14" t="s">
        <v>15</v>
      </c>
      <c r="G124262" s="16">
        <v>1.0588690211242824</v>
      </c>
    </row>
    <row r="124263" spans="1:7" x14ac:dyDescent="0.3">
      <c r="A124263" s="13" t="s">
        <v>576</v>
      </c>
      <c r="B124263" s="14" t="s">
        <v>1</v>
      </c>
      <c r="C124263" s="14" t="s">
        <v>200</v>
      </c>
      <c r="D124263" s="14" t="s">
        <v>39</v>
      </c>
      <c r="E124263" s="15">
        <v>45539</v>
      </c>
      <c r="F124263" s="14" t="s">
        <v>15</v>
      </c>
      <c r="G124263" s="16">
        <v>1.0794190261270586</v>
      </c>
    </row>
    <row r="124264" spans="1:7" x14ac:dyDescent="0.3">
      <c r="A124264" s="13" t="s">
        <v>576</v>
      </c>
      <c r="B124264" s="14" t="s">
        <v>1</v>
      </c>
      <c r="C124264" s="14" t="s">
        <v>200</v>
      </c>
      <c r="D124264" s="14" t="s">
        <v>39</v>
      </c>
      <c r="E124264" s="15">
        <v>45540</v>
      </c>
      <c r="F124264" s="14" t="s">
        <v>15</v>
      </c>
      <c r="G124264" s="16">
        <v>1.0853507266169709</v>
      </c>
    </row>
    <row r="124265" spans="1:7" x14ac:dyDescent="0.3">
      <c r="A124265" s="13" t="s">
        <v>576</v>
      </c>
      <c r="B124265" s="14" t="s">
        <v>1</v>
      </c>
      <c r="C124265" s="14" t="s">
        <v>200</v>
      </c>
      <c r="D124265" s="14" t="s">
        <v>39</v>
      </c>
      <c r="E124265" s="15">
        <v>45541</v>
      </c>
      <c r="F124265" s="14" t="s">
        <v>15</v>
      </c>
      <c r="G124265" s="16">
        <v>1.0917716721511685</v>
      </c>
    </row>
    <row r="124266" spans="1:7" x14ac:dyDescent="0.3">
      <c r="A124266" s="13" t="s">
        <v>576</v>
      </c>
      <c r="B124266" s="14" t="s">
        <v>1</v>
      </c>
      <c r="C124266" s="14" t="s">
        <v>200</v>
      </c>
      <c r="D124266" s="14" t="s">
        <v>39</v>
      </c>
      <c r="E124266" s="15">
        <v>45542</v>
      </c>
      <c r="F124266" s="14" t="s">
        <v>15</v>
      </c>
      <c r="G124266" s="16">
        <v>1.0917716721511685</v>
      </c>
    </row>
    <row r="124267" spans="1:7" x14ac:dyDescent="0.3">
      <c r="A124267" s="13" t="s">
        <v>576</v>
      </c>
      <c r="B124267" s="14" t="s">
        <v>1</v>
      </c>
      <c r="C124267" s="14" t="s">
        <v>200</v>
      </c>
      <c r="D124267" s="14" t="s">
        <v>39</v>
      </c>
      <c r="E124267" s="15">
        <v>45543</v>
      </c>
      <c r="F124267" s="14" t="s">
        <v>15</v>
      </c>
      <c r="G124267" s="16">
        <v>1.0917716721511685</v>
      </c>
    </row>
    <row r="124268" spans="1:7" x14ac:dyDescent="0.3">
      <c r="A124268" s="13" t="s">
        <v>576</v>
      </c>
      <c r="B124268" s="14" t="s">
        <v>1</v>
      </c>
      <c r="C124268" s="14" t="s">
        <v>200</v>
      </c>
      <c r="D124268" s="14" t="s">
        <v>39</v>
      </c>
      <c r="E124268" s="15">
        <v>45544</v>
      </c>
      <c r="F124268" s="14" t="s">
        <v>15</v>
      </c>
      <c r="G124268" s="16">
        <v>1.1000473203424728</v>
      </c>
    </row>
    <row r="124269" spans="1:7" x14ac:dyDescent="0.3">
      <c r="A124269" s="13" t="s">
        <v>576</v>
      </c>
      <c r="B124269" s="14" t="s">
        <v>1</v>
      </c>
      <c r="C124269" s="14" t="s">
        <v>200</v>
      </c>
      <c r="D124269" s="14" t="s">
        <v>39</v>
      </c>
      <c r="E124269" s="15">
        <v>45545</v>
      </c>
      <c r="F124269" s="14" t="s">
        <v>15</v>
      </c>
      <c r="G124269" s="16">
        <v>1.1165452376185514</v>
      </c>
    </row>
    <row r="124270" spans="1:7" x14ac:dyDescent="0.3">
      <c r="A124270" s="13" t="s">
        <v>576</v>
      </c>
      <c r="B124270" s="14" t="s">
        <v>1</v>
      </c>
      <c r="C124270" s="14" t="s">
        <v>200</v>
      </c>
      <c r="D124270" s="14" t="s">
        <v>39</v>
      </c>
      <c r="E124270" s="15">
        <v>45546</v>
      </c>
      <c r="F124270" s="14" t="s">
        <v>15</v>
      </c>
      <c r="G124270" s="16">
        <v>1.1239952847976244</v>
      </c>
    </row>
    <row r="124271" spans="1:7" x14ac:dyDescent="0.3">
      <c r="A124271" s="13" t="s">
        <v>576</v>
      </c>
      <c r="B124271" s="14" t="s">
        <v>1</v>
      </c>
      <c r="C124271" s="14" t="s">
        <v>200</v>
      </c>
      <c r="D124271" s="14" t="s">
        <v>39</v>
      </c>
      <c r="E124271" s="15">
        <v>45547</v>
      </c>
      <c r="F124271" s="14" t="s">
        <v>15</v>
      </c>
      <c r="G124271" s="16">
        <v>1.1298225989526569</v>
      </c>
    </row>
    <row r="124272" spans="1:7" x14ac:dyDescent="0.3">
      <c r="A124272" s="13" t="s">
        <v>576</v>
      </c>
      <c r="B124272" s="14" t="s">
        <v>1</v>
      </c>
      <c r="C124272" s="14" t="s">
        <v>200</v>
      </c>
      <c r="D124272" s="14" t="s">
        <v>39</v>
      </c>
      <c r="E124272" s="15">
        <v>45548</v>
      </c>
      <c r="F124272" s="14" t="s">
        <v>15</v>
      </c>
      <c r="G124272" s="16">
        <v>1.13529141458386</v>
      </c>
    </row>
    <row r="124273" spans="1:7" x14ac:dyDescent="0.3">
      <c r="A124273" s="13" t="s">
        <v>576</v>
      </c>
      <c r="B124273" s="14" t="s">
        <v>1</v>
      </c>
      <c r="C124273" s="14" t="s">
        <v>200</v>
      </c>
      <c r="D124273" s="14" t="s">
        <v>39</v>
      </c>
      <c r="E124273" s="15">
        <v>45549</v>
      </c>
      <c r="F124273" s="14" t="s">
        <v>15</v>
      </c>
      <c r="G124273" s="16">
        <v>1.13529141458386</v>
      </c>
    </row>
    <row r="124274" spans="1:7" x14ac:dyDescent="0.3">
      <c r="A124274" s="13" t="s">
        <v>576</v>
      </c>
      <c r="B124274" s="14" t="s">
        <v>1</v>
      </c>
      <c r="C124274" s="14" t="s">
        <v>200</v>
      </c>
      <c r="D124274" s="14" t="s">
        <v>39</v>
      </c>
      <c r="E124274" s="15">
        <v>45550</v>
      </c>
      <c r="F124274" s="14" t="s">
        <v>15</v>
      </c>
      <c r="G124274" s="16">
        <v>1.13529141458386</v>
      </c>
    </row>
    <row r="124275" spans="1:7" x14ac:dyDescent="0.3">
      <c r="A124275" s="13" t="s">
        <v>576</v>
      </c>
      <c r="B124275" s="14" t="s">
        <v>1</v>
      </c>
      <c r="C124275" s="14" t="s">
        <v>200</v>
      </c>
      <c r="D124275" s="14" t="s">
        <v>39</v>
      </c>
      <c r="E124275" s="15">
        <v>45551</v>
      </c>
      <c r="F124275" s="14" t="s">
        <v>15</v>
      </c>
      <c r="G124275" s="16">
        <v>1.1410955317755858</v>
      </c>
    </row>
    <row r="124276" spans="1:7" x14ac:dyDescent="0.3">
      <c r="A124276" s="13" t="s">
        <v>576</v>
      </c>
      <c r="B124276" s="14" t="s">
        <v>1</v>
      </c>
      <c r="C124276" s="14" t="s">
        <v>200</v>
      </c>
      <c r="D124276" s="14" t="s">
        <v>39</v>
      </c>
      <c r="E124276" s="15">
        <v>45552</v>
      </c>
      <c r="F124276" s="14" t="s">
        <v>15</v>
      </c>
      <c r="G124276" s="16">
        <v>1.1566402647412468</v>
      </c>
    </row>
    <row r="124277" spans="1:7" x14ac:dyDescent="0.3">
      <c r="A124277" s="13" t="s">
        <v>576</v>
      </c>
      <c r="B124277" s="14" t="s">
        <v>1</v>
      </c>
      <c r="C124277" s="14" t="s">
        <v>200</v>
      </c>
      <c r="D124277" s="14" t="s">
        <v>39</v>
      </c>
      <c r="E124277" s="15">
        <v>45553</v>
      </c>
      <c r="F124277" s="14" t="s">
        <v>15</v>
      </c>
      <c r="G124277" s="16">
        <v>1.162720636677806</v>
      </c>
    </row>
    <row r="124278" spans="1:7" x14ac:dyDescent="0.3">
      <c r="A124278" s="13" t="s">
        <v>576</v>
      </c>
      <c r="B124278" s="14" t="s">
        <v>1</v>
      </c>
      <c r="C124278" s="14" t="s">
        <v>200</v>
      </c>
      <c r="D124278" s="14" t="s">
        <v>39</v>
      </c>
      <c r="E124278" s="15">
        <v>45554</v>
      </c>
      <c r="F124278" s="14" t="s">
        <v>15</v>
      </c>
      <c r="G124278" s="16">
        <v>1.1687356353541378</v>
      </c>
    </row>
    <row r="124279" spans="1:7" x14ac:dyDescent="0.3">
      <c r="A124279" s="13" t="s">
        <v>576</v>
      </c>
      <c r="B124279" s="14" t="s">
        <v>1</v>
      </c>
      <c r="C124279" s="14" t="s">
        <v>200</v>
      </c>
      <c r="D124279" s="14" t="s">
        <v>39</v>
      </c>
      <c r="E124279" s="15">
        <v>45555</v>
      </c>
      <c r="F124279" s="14" t="s">
        <v>15</v>
      </c>
      <c r="G124279" s="16">
        <v>1.1761740840515575</v>
      </c>
    </row>
    <row r="124280" spans="1:7" x14ac:dyDescent="0.3">
      <c r="A124280" s="13" t="s">
        <v>576</v>
      </c>
      <c r="B124280" s="14" t="s">
        <v>1</v>
      </c>
      <c r="C124280" s="14" t="s">
        <v>200</v>
      </c>
      <c r="D124280" s="14" t="s">
        <v>39</v>
      </c>
      <c r="E124280" s="15">
        <v>45556</v>
      </c>
      <c r="F124280" s="14" t="s">
        <v>15</v>
      </c>
      <c r="G124280" s="16">
        <v>1.1761740840515575</v>
      </c>
    </row>
    <row r="124281" spans="1:7" x14ac:dyDescent="0.3">
      <c r="A124281" s="13" t="s">
        <v>576</v>
      </c>
      <c r="B124281" s="14" t="s">
        <v>1</v>
      </c>
      <c r="C124281" s="14" t="s">
        <v>200</v>
      </c>
      <c r="D124281" s="14" t="s">
        <v>39</v>
      </c>
      <c r="E124281" s="15">
        <v>45557</v>
      </c>
      <c r="F124281" s="14" t="s">
        <v>15</v>
      </c>
      <c r="G124281" s="16">
        <v>1.1761740840515575</v>
      </c>
    </row>
    <row r="124282" spans="1:7" x14ac:dyDescent="0.3">
      <c r="A124282" s="13" t="s">
        <v>576</v>
      </c>
      <c r="B124282" s="14" t="s">
        <v>1</v>
      </c>
      <c r="C124282" s="14" t="s">
        <v>200</v>
      </c>
      <c r="D124282" s="14" t="s">
        <v>39</v>
      </c>
      <c r="E124282" s="15">
        <v>45558</v>
      </c>
      <c r="F124282" s="14" t="s">
        <v>15</v>
      </c>
      <c r="G124282" s="16">
        <v>1.182598192808024</v>
      </c>
    </row>
    <row r="124283" spans="1:7" x14ac:dyDescent="0.3">
      <c r="A124283" s="13" t="s">
        <v>576</v>
      </c>
      <c r="B124283" s="14" t="s">
        <v>1</v>
      </c>
      <c r="C124283" s="14" t="s">
        <v>200</v>
      </c>
      <c r="D124283" s="14" t="s">
        <v>39</v>
      </c>
      <c r="E124283" s="15">
        <v>45559</v>
      </c>
      <c r="F124283" s="14" t="s">
        <v>15</v>
      </c>
      <c r="G124283" s="16">
        <v>1.2009571391857474</v>
      </c>
    </row>
    <row r="124284" spans="1:7" x14ac:dyDescent="0.3">
      <c r="A124284" s="13" t="s">
        <v>576</v>
      </c>
      <c r="B124284" s="14" t="s">
        <v>1</v>
      </c>
      <c r="C124284" s="14" t="s">
        <v>200</v>
      </c>
      <c r="D124284" s="14" t="s">
        <v>39</v>
      </c>
      <c r="E124284" s="15">
        <v>45560</v>
      </c>
      <c r="F124284" s="14" t="s">
        <v>15</v>
      </c>
      <c r="G124284" s="16">
        <v>1.2068635338975071</v>
      </c>
    </row>
    <row r="124285" spans="1:7" x14ac:dyDescent="0.3">
      <c r="A124285" s="13" t="s">
        <v>576</v>
      </c>
      <c r="B124285" s="14" t="s">
        <v>1</v>
      </c>
      <c r="C124285" s="14" t="s">
        <v>200</v>
      </c>
      <c r="D124285" s="14" t="s">
        <v>39</v>
      </c>
      <c r="E124285" s="15">
        <v>45561</v>
      </c>
      <c r="F124285" s="14" t="s">
        <v>15</v>
      </c>
      <c r="G124285" s="16">
        <v>1.2129839733161416</v>
      </c>
    </row>
    <row r="124286" spans="1:7" x14ac:dyDescent="0.3">
      <c r="A124286" s="13" t="s">
        <v>576</v>
      </c>
      <c r="B124286" s="14" t="s">
        <v>1</v>
      </c>
      <c r="C124286" s="14" t="s">
        <v>200</v>
      </c>
      <c r="D124286" s="14" t="s">
        <v>39</v>
      </c>
      <c r="E124286" s="15">
        <v>45562</v>
      </c>
      <c r="F124286" s="14" t="s">
        <v>15</v>
      </c>
      <c r="G124286" s="16">
        <v>1.219073834919508</v>
      </c>
    </row>
    <row r="124287" spans="1:7" x14ac:dyDescent="0.3">
      <c r="A124287" s="13" t="s">
        <v>576</v>
      </c>
      <c r="B124287" s="14" t="s">
        <v>1</v>
      </c>
      <c r="C124287" s="14" t="s">
        <v>200</v>
      </c>
      <c r="D124287" s="14" t="s">
        <v>39</v>
      </c>
      <c r="E124287" s="15">
        <v>45563</v>
      </c>
      <c r="F124287" s="14" t="s">
        <v>15</v>
      </c>
      <c r="G124287" s="16">
        <v>1.219073834919508</v>
      </c>
    </row>
    <row r="124288" spans="1:7" x14ac:dyDescent="0.3">
      <c r="A124288" s="13" t="s">
        <v>576</v>
      </c>
      <c r="B124288" s="14" t="s">
        <v>1</v>
      </c>
      <c r="C124288" s="14" t="s">
        <v>200</v>
      </c>
      <c r="D124288" s="14" t="s">
        <v>39</v>
      </c>
      <c r="E124288" s="15">
        <v>45564</v>
      </c>
      <c r="F124288" s="14" t="s">
        <v>15</v>
      </c>
      <c r="G124288" s="16">
        <v>1.219073834919508</v>
      </c>
    </row>
    <row r="124289" spans="1:7" x14ac:dyDescent="0.3">
      <c r="A124289" s="13" t="s">
        <v>576</v>
      </c>
      <c r="B124289" s="14" t="s">
        <v>1</v>
      </c>
      <c r="C124289" s="14" t="s">
        <v>200</v>
      </c>
      <c r="D124289" s="14" t="s">
        <v>39</v>
      </c>
      <c r="E124289" s="15">
        <v>45565</v>
      </c>
      <c r="F124289" s="14" t="s">
        <v>15</v>
      </c>
      <c r="G124289" s="16">
        <v>1.225918652237763</v>
      </c>
    </row>
    <row r="124290" spans="1:7" x14ac:dyDescent="0.3">
      <c r="A124290" s="13" t="s">
        <v>576</v>
      </c>
      <c r="B124290" s="14" t="s">
        <v>1</v>
      </c>
      <c r="C124290" s="14" t="s">
        <v>200</v>
      </c>
      <c r="D124290" s="14" t="s">
        <v>39</v>
      </c>
      <c r="E124290" s="15">
        <v>45566</v>
      </c>
      <c r="F124290" s="14" t="s">
        <v>15</v>
      </c>
      <c r="G124290" s="16">
        <v>1.235574519745811</v>
      </c>
    </row>
    <row r="124291" spans="1:7" x14ac:dyDescent="0.3">
      <c r="A124291" s="13" t="s">
        <v>576</v>
      </c>
      <c r="B124291" s="14" t="s">
        <v>1</v>
      </c>
      <c r="C124291" s="14" t="s">
        <v>200</v>
      </c>
      <c r="D124291" s="14" t="s">
        <v>39</v>
      </c>
      <c r="E124291" s="15">
        <v>45567</v>
      </c>
      <c r="F124291" s="14" t="s">
        <v>15</v>
      </c>
      <c r="G124291" s="16">
        <v>1.2443742084263603</v>
      </c>
    </row>
    <row r="124292" spans="1:7" x14ac:dyDescent="0.3">
      <c r="A124292" s="13" t="s">
        <v>576</v>
      </c>
      <c r="B124292" s="14" t="s">
        <v>1</v>
      </c>
      <c r="C124292" s="14" t="s">
        <v>200</v>
      </c>
      <c r="D124292" s="14" t="s">
        <v>39</v>
      </c>
      <c r="E124292" s="15">
        <v>45568</v>
      </c>
      <c r="F124292" s="14" t="s">
        <v>15</v>
      </c>
      <c r="G124292" s="16">
        <v>1.2502268283595455</v>
      </c>
    </row>
    <row r="124293" spans="1:7" x14ac:dyDescent="0.3">
      <c r="A124293" s="13" t="s">
        <v>576</v>
      </c>
      <c r="B124293" s="14" t="s">
        <v>1</v>
      </c>
      <c r="C124293" s="14" t="s">
        <v>200</v>
      </c>
      <c r="D124293" s="14" t="s">
        <v>39</v>
      </c>
      <c r="E124293" s="15">
        <v>45569</v>
      </c>
      <c r="F124293" s="14" t="s">
        <v>15</v>
      </c>
      <c r="G124293" s="16">
        <v>1.2561437671455356</v>
      </c>
    </row>
    <row r="124294" spans="1:7" x14ac:dyDescent="0.3">
      <c r="A124294" s="13" t="s">
        <v>576</v>
      </c>
      <c r="B124294" s="14" t="s">
        <v>1</v>
      </c>
      <c r="C124294" s="14" t="s">
        <v>200</v>
      </c>
      <c r="D124294" s="14" t="s">
        <v>39</v>
      </c>
      <c r="E124294" s="15">
        <v>45570</v>
      </c>
      <c r="F124294" s="14" t="s">
        <v>15</v>
      </c>
      <c r="G124294" s="16">
        <v>1.2561437671455356</v>
      </c>
    </row>
    <row r="124295" spans="1:7" x14ac:dyDescent="0.3">
      <c r="A124295" s="13" t="s">
        <v>576</v>
      </c>
      <c r="B124295" s="14" t="s">
        <v>1</v>
      </c>
      <c r="C124295" s="14" t="s">
        <v>200</v>
      </c>
      <c r="D124295" s="14" t="s">
        <v>39</v>
      </c>
      <c r="E124295" s="15">
        <v>45571</v>
      </c>
      <c r="F124295" s="14" t="s">
        <v>15</v>
      </c>
      <c r="G124295" s="16">
        <v>1.2561437671455356</v>
      </c>
    </row>
    <row r="124296" spans="1:7" x14ac:dyDescent="0.3">
      <c r="A124296" s="13" t="s">
        <v>576</v>
      </c>
      <c r="B124296" s="14" t="s">
        <v>1</v>
      </c>
      <c r="C124296" s="14" t="s">
        <v>200</v>
      </c>
      <c r="D124296" s="14" t="s">
        <v>39</v>
      </c>
      <c r="E124296" s="15">
        <v>45572</v>
      </c>
      <c r="F124296" s="14" t="s">
        <v>15</v>
      </c>
      <c r="G124296" s="16">
        <v>1.2678240969057979</v>
      </c>
    </row>
    <row r="124297" spans="1:7" x14ac:dyDescent="0.3">
      <c r="A124297" s="13" t="s">
        <v>576</v>
      </c>
      <c r="B124297" s="14" t="s">
        <v>1</v>
      </c>
      <c r="C124297" s="14" t="s">
        <v>200</v>
      </c>
      <c r="D124297" s="14" t="s">
        <v>39</v>
      </c>
      <c r="E124297" s="15">
        <v>45573</v>
      </c>
      <c r="F124297" s="14" t="s">
        <v>15</v>
      </c>
      <c r="G124297" s="16">
        <v>1.2851644857128761</v>
      </c>
    </row>
    <row r="124298" spans="1:7" x14ac:dyDescent="0.3">
      <c r="A124298" s="13" t="s">
        <v>576</v>
      </c>
      <c r="B124298" s="14" t="s">
        <v>1</v>
      </c>
      <c r="C124298" s="14" t="s">
        <v>200</v>
      </c>
      <c r="D124298" s="14" t="s">
        <v>39</v>
      </c>
      <c r="E124298" s="15">
        <v>45574</v>
      </c>
      <c r="F124298" s="14" t="s">
        <v>15</v>
      </c>
      <c r="G124298" s="16">
        <v>1.2909686029046019</v>
      </c>
    </row>
    <row r="124299" spans="1:7" x14ac:dyDescent="0.3">
      <c r="A124299" s="13" t="s">
        <v>576</v>
      </c>
      <c r="B124299" s="14" t="s">
        <v>1</v>
      </c>
      <c r="C124299" s="14" t="s">
        <v>200</v>
      </c>
      <c r="D124299" s="14" t="s">
        <v>39</v>
      </c>
      <c r="E124299" s="15">
        <v>45575</v>
      </c>
      <c r="F124299" s="14" t="s">
        <v>15</v>
      </c>
      <c r="G124299" s="16">
        <v>1.2958163725636413</v>
      </c>
    </row>
    <row r="124300" spans="1:7" x14ac:dyDescent="0.3">
      <c r="A124300" s="13" t="s">
        <v>576</v>
      </c>
      <c r="B124300" s="14" t="s">
        <v>1</v>
      </c>
      <c r="C124300" s="14" t="s">
        <v>200</v>
      </c>
      <c r="D124300" s="14" t="s">
        <v>39</v>
      </c>
      <c r="E124300" s="15">
        <v>45576</v>
      </c>
      <c r="F124300" s="14" t="s">
        <v>15</v>
      </c>
      <c r="G124300" s="16">
        <v>1.3012841337874212</v>
      </c>
    </row>
    <row r="124301" spans="1:7" x14ac:dyDescent="0.3">
      <c r="A124301" s="13" t="s">
        <v>576</v>
      </c>
      <c r="B124301" s="14" t="s">
        <v>1</v>
      </c>
      <c r="C124301" s="14" t="s">
        <v>200</v>
      </c>
      <c r="D124301" s="14" t="s">
        <v>39</v>
      </c>
      <c r="E124301" s="15">
        <v>45577</v>
      </c>
      <c r="F124301" s="14" t="s">
        <v>15</v>
      </c>
      <c r="G124301" s="16">
        <v>1.3012841337874212</v>
      </c>
    </row>
    <row r="124302" spans="1:7" x14ac:dyDescent="0.3">
      <c r="A124302" s="13" t="s">
        <v>576</v>
      </c>
      <c r="B124302" s="14" t="s">
        <v>1</v>
      </c>
      <c r="C124302" s="14" t="s">
        <v>200</v>
      </c>
      <c r="D124302" s="14" t="s">
        <v>39</v>
      </c>
      <c r="E124302" s="15">
        <v>45578</v>
      </c>
      <c r="F124302" s="14" t="s">
        <v>15</v>
      </c>
      <c r="G124302" s="16">
        <v>1.3012841337874212</v>
      </c>
    </row>
    <row r="124303" spans="1:7" x14ac:dyDescent="0.3">
      <c r="A124303" s="13" t="s">
        <v>576</v>
      </c>
      <c r="B124303" s="14" t="s">
        <v>1</v>
      </c>
      <c r="C124303" s="14" t="s">
        <v>200</v>
      </c>
      <c r="D124303" s="14" t="s">
        <v>39</v>
      </c>
      <c r="E124303" s="15">
        <v>45579</v>
      </c>
      <c r="F124303" s="14" t="s">
        <v>15</v>
      </c>
      <c r="G124303" s="16">
        <v>1.3012841337874212</v>
      </c>
    </row>
    <row r="124304" spans="1:7" x14ac:dyDescent="0.3">
      <c r="A124304" s="13" t="s">
        <v>576</v>
      </c>
      <c r="B124304" s="14" t="s">
        <v>1</v>
      </c>
      <c r="C124304" s="14" t="s">
        <v>200</v>
      </c>
      <c r="D124304" s="14" t="s">
        <v>39</v>
      </c>
      <c r="E124304" s="15">
        <v>45580</v>
      </c>
      <c r="F124304" s="14" t="s">
        <v>15</v>
      </c>
      <c r="G124304" s="16">
        <v>1.3069764837923064</v>
      </c>
    </row>
    <row r="124305" spans="1:7" x14ac:dyDescent="0.3">
      <c r="A124305" s="13" t="s">
        <v>576</v>
      </c>
      <c r="B124305" s="14" t="s">
        <v>1</v>
      </c>
      <c r="C124305" s="14" t="s">
        <v>200</v>
      </c>
      <c r="D124305" s="14" t="s">
        <v>39</v>
      </c>
      <c r="E124305" s="15">
        <v>45581</v>
      </c>
      <c r="F124305" s="14" t="s">
        <v>15</v>
      </c>
      <c r="G124305" s="16">
        <v>1.3300876444256182</v>
      </c>
    </row>
    <row r="124306" spans="1:7" x14ac:dyDescent="0.3">
      <c r="A124306" s="13" t="s">
        <v>576</v>
      </c>
      <c r="B124306" s="14" t="s">
        <v>1</v>
      </c>
      <c r="C124306" s="14" t="s">
        <v>200</v>
      </c>
      <c r="D124306" s="14" t="s">
        <v>39</v>
      </c>
      <c r="E124306" s="15">
        <v>45582</v>
      </c>
      <c r="F124306" s="14" t="s">
        <v>15</v>
      </c>
      <c r="G124306" s="16">
        <v>1.3381239421318949</v>
      </c>
    </row>
    <row r="124307" spans="1:7" x14ac:dyDescent="0.3">
      <c r="A124307" s="13" t="s">
        <v>576</v>
      </c>
      <c r="B124307" s="14" t="s">
        <v>1</v>
      </c>
      <c r="C124307" s="14" t="s">
        <v>200</v>
      </c>
      <c r="D124307" s="14" t="s">
        <v>39</v>
      </c>
      <c r="E124307" s="15">
        <v>45583</v>
      </c>
      <c r="F124307" s="14" t="s">
        <v>15</v>
      </c>
      <c r="G124307" s="16">
        <v>1.3511054106521743</v>
      </c>
    </row>
    <row r="124308" spans="1:7" x14ac:dyDescent="0.3">
      <c r="A124308" s="13" t="s">
        <v>576</v>
      </c>
      <c r="B124308" s="14" t="s">
        <v>1</v>
      </c>
      <c r="C124308" s="14" t="s">
        <v>200</v>
      </c>
      <c r="D124308" s="14" t="s">
        <v>39</v>
      </c>
      <c r="E124308" s="15">
        <v>45584</v>
      </c>
      <c r="F124308" s="14" t="s">
        <v>15</v>
      </c>
      <c r="G124308" s="16">
        <v>1.3511054106521743</v>
      </c>
    </row>
    <row r="124309" spans="1:7" x14ac:dyDescent="0.3">
      <c r="A124309" s="13" t="s">
        <v>576</v>
      </c>
      <c r="B124309" s="14" t="s">
        <v>1</v>
      </c>
      <c r="C124309" s="14" t="s">
        <v>200</v>
      </c>
      <c r="D124309" s="14" t="s">
        <v>39</v>
      </c>
      <c r="E124309" s="15">
        <v>45585</v>
      </c>
      <c r="F124309" s="14" t="s">
        <v>15</v>
      </c>
      <c r="G124309" s="16">
        <v>1.3511054106521743</v>
      </c>
    </row>
    <row r="124310" spans="1:7" x14ac:dyDescent="0.3">
      <c r="A124310" s="13" t="s">
        <v>576</v>
      </c>
      <c r="B124310" s="14" t="s">
        <v>1</v>
      </c>
      <c r="C124310" s="14" t="s">
        <v>200</v>
      </c>
      <c r="D124310" s="14" t="s">
        <v>39</v>
      </c>
      <c r="E124310" s="15">
        <v>45586</v>
      </c>
      <c r="F124310" s="14" t="s">
        <v>15</v>
      </c>
      <c r="G124310" s="16">
        <v>1.3620402743643558</v>
      </c>
    </row>
    <row r="124311" spans="1:7" x14ac:dyDescent="0.3">
      <c r="A124311" s="13" t="s">
        <v>576</v>
      </c>
      <c r="B124311" s="14" t="s">
        <v>1</v>
      </c>
      <c r="C124311" s="14" t="s">
        <v>200</v>
      </c>
      <c r="D124311" s="14" t="s">
        <v>39</v>
      </c>
      <c r="E124311" s="15">
        <v>45587</v>
      </c>
      <c r="F124311" s="14" t="s">
        <v>15</v>
      </c>
      <c r="G124311" s="16">
        <v>1.380505715891805</v>
      </c>
    </row>
    <row r="124312" spans="1:7" x14ac:dyDescent="0.3">
      <c r="A124312" s="13" t="s">
        <v>576</v>
      </c>
      <c r="B124312" s="14" t="s">
        <v>1</v>
      </c>
      <c r="C124312" s="14" t="s">
        <v>200</v>
      </c>
      <c r="D124312" s="14" t="s">
        <v>39</v>
      </c>
      <c r="E124312" s="15">
        <v>45588</v>
      </c>
      <c r="F124312" s="14" t="s">
        <v>15</v>
      </c>
      <c r="G124312" s="16">
        <v>1.3869118997220802</v>
      </c>
    </row>
    <row r="124313" spans="1:7" x14ac:dyDescent="0.3">
      <c r="A124313" s="13" t="s">
        <v>576</v>
      </c>
      <c r="B124313" s="14" t="s">
        <v>1</v>
      </c>
      <c r="C124313" s="14" t="s">
        <v>200</v>
      </c>
      <c r="D124313" s="14" t="s">
        <v>39</v>
      </c>
      <c r="E124313" s="15">
        <v>45589</v>
      </c>
      <c r="F124313" s="14" t="s">
        <v>15</v>
      </c>
      <c r="G124313" s="16">
        <v>1.3931483239572477</v>
      </c>
    </row>
    <row r="124314" spans="1:7" x14ac:dyDescent="0.3">
      <c r="A124314" s="13" t="s">
        <v>576</v>
      </c>
      <c r="B124314" s="14" t="s">
        <v>1</v>
      </c>
      <c r="C124314" s="14" t="s">
        <v>200</v>
      </c>
      <c r="D124314" s="14" t="s">
        <v>39</v>
      </c>
      <c r="E124314" s="15">
        <v>45590</v>
      </c>
      <c r="F124314" s="14" t="s">
        <v>15</v>
      </c>
      <c r="G124314" s="16">
        <v>1.3993257013767255</v>
      </c>
    </row>
    <row r="124315" spans="1:7" x14ac:dyDescent="0.3">
      <c r="A124315" s="13" t="s">
        <v>576</v>
      </c>
      <c r="B124315" s="14" t="s">
        <v>1</v>
      </c>
      <c r="C124315" s="14" t="s">
        <v>200</v>
      </c>
      <c r="D124315" s="14" t="s">
        <v>39</v>
      </c>
      <c r="E124315" s="15">
        <v>45591</v>
      </c>
      <c r="F124315" s="14" t="s">
        <v>15</v>
      </c>
      <c r="G124315" s="16">
        <v>1.3993257013767255</v>
      </c>
    </row>
    <row r="124316" spans="1:7" x14ac:dyDescent="0.3">
      <c r="A124316" s="13" t="s">
        <v>576</v>
      </c>
      <c r="B124316" s="14" t="s">
        <v>1</v>
      </c>
      <c r="C124316" s="14" t="s">
        <v>200</v>
      </c>
      <c r="D124316" s="14" t="s">
        <v>39</v>
      </c>
      <c r="E124316" s="15">
        <v>45592</v>
      </c>
      <c r="F124316" s="14" t="s">
        <v>15</v>
      </c>
      <c r="G124316" s="16">
        <v>1.3993257013767255</v>
      </c>
    </row>
    <row r="124317" spans="1:7" x14ac:dyDescent="0.3">
      <c r="A124317" s="13" t="s">
        <v>576</v>
      </c>
      <c r="B124317" s="14" t="s">
        <v>1</v>
      </c>
      <c r="C124317" s="14" t="s">
        <v>200</v>
      </c>
      <c r="D124317" s="14" t="s">
        <v>39</v>
      </c>
      <c r="E124317" s="15">
        <v>45593</v>
      </c>
      <c r="F124317" s="14" t="s">
        <v>15</v>
      </c>
      <c r="G124317" s="16">
        <v>1.3993257013767255</v>
      </c>
    </row>
    <row r="124318" spans="1:7" x14ac:dyDescent="0.3">
      <c r="A124318" s="13" t="s">
        <v>576</v>
      </c>
      <c r="B124318" s="14" t="s">
        <v>1</v>
      </c>
      <c r="C124318" s="14" t="s">
        <v>200</v>
      </c>
      <c r="D124318" s="14" t="s">
        <v>39</v>
      </c>
      <c r="E124318" s="15">
        <v>45594</v>
      </c>
      <c r="F124318" s="14" t="s">
        <v>15</v>
      </c>
      <c r="G124318" s="16">
        <v>1.4058911007278778</v>
      </c>
    </row>
    <row r="124319" spans="1:7" x14ac:dyDescent="0.3">
      <c r="A124319" s="13" t="s">
        <v>576</v>
      </c>
      <c r="B124319" s="14" t="s">
        <v>1</v>
      </c>
      <c r="C124319" s="14" t="s">
        <v>200</v>
      </c>
      <c r="D124319" s="14" t="s">
        <v>39</v>
      </c>
      <c r="E124319" s="15">
        <v>45595</v>
      </c>
      <c r="F124319" s="14" t="s">
        <v>15</v>
      </c>
      <c r="G124319" s="16">
        <v>1.4311606333561284</v>
      </c>
    </row>
    <row r="124320" spans="1:7" x14ac:dyDescent="0.3">
      <c r="A124320" s="13" t="s">
        <v>576</v>
      </c>
      <c r="B124320" s="14" t="s">
        <v>1</v>
      </c>
      <c r="C124320" s="14" t="s">
        <v>200</v>
      </c>
      <c r="D124320" s="14" t="s">
        <v>39</v>
      </c>
      <c r="E124320" s="15">
        <v>45596</v>
      </c>
      <c r="F124320" s="14" t="s">
        <v>15</v>
      </c>
      <c r="G124320" s="16">
        <v>1.4373380107756064</v>
      </c>
    </row>
    <row r="124321" spans="1:7" x14ac:dyDescent="0.3">
      <c r="A124321" s="13" t="s">
        <v>576</v>
      </c>
      <c r="B124321" s="14" t="s">
        <v>1</v>
      </c>
      <c r="C124321" s="14" t="s">
        <v>200</v>
      </c>
      <c r="D124321" s="14" t="s">
        <v>39</v>
      </c>
      <c r="E124321" s="15">
        <v>45597</v>
      </c>
      <c r="F124321" s="14" t="s">
        <v>15</v>
      </c>
      <c r="G124321" s="16">
        <v>1.4429386273346878</v>
      </c>
    </row>
    <row r="124322" spans="1:7" x14ac:dyDescent="0.3">
      <c r="A124322" s="13" t="s">
        <v>576</v>
      </c>
      <c r="B124322" s="14" t="s">
        <v>1</v>
      </c>
      <c r="C124322" s="14" t="s">
        <v>200</v>
      </c>
      <c r="D124322" s="14" t="s">
        <v>39</v>
      </c>
      <c r="E124322" s="15">
        <v>45598</v>
      </c>
      <c r="F124322" s="14" t="s">
        <v>15</v>
      </c>
      <c r="G124322" s="16">
        <v>1.4429386273346878</v>
      </c>
    </row>
    <row r="124323" spans="1:7" x14ac:dyDescent="0.3">
      <c r="A124323" s="13" t="s">
        <v>576</v>
      </c>
      <c r="B124323" s="14" t="s">
        <v>1</v>
      </c>
      <c r="C124323" s="14" t="s">
        <v>200</v>
      </c>
      <c r="D124323" s="14" t="s">
        <v>39</v>
      </c>
      <c r="E124323" s="15">
        <v>45599</v>
      </c>
      <c r="F124323" s="14" t="s">
        <v>15</v>
      </c>
      <c r="G124323" s="16">
        <v>1.4429386273346878</v>
      </c>
    </row>
    <row r="124324" spans="1:7" x14ac:dyDescent="0.3">
      <c r="A124324" s="13" t="s">
        <v>576</v>
      </c>
      <c r="B124324" s="14" t="s">
        <v>1</v>
      </c>
      <c r="C124324" s="14" t="s">
        <v>200</v>
      </c>
      <c r="D124324" s="14" t="s">
        <v>39</v>
      </c>
      <c r="E124324" s="15">
        <v>45600</v>
      </c>
      <c r="F124324" s="14" t="s">
        <v>15</v>
      </c>
      <c r="G124324" s="16">
        <v>1.4510055028562323</v>
      </c>
    </row>
    <row r="124325" spans="1:7" x14ac:dyDescent="0.3">
      <c r="A124325" s="13" t="s">
        <v>576</v>
      </c>
      <c r="B124325" s="14" t="s">
        <v>1</v>
      </c>
      <c r="C124325" s="14" t="s">
        <v>200</v>
      </c>
      <c r="D124325" s="14" t="s">
        <v>39</v>
      </c>
      <c r="E124325" s="15">
        <v>45601</v>
      </c>
      <c r="F124325" s="14" t="s">
        <v>15</v>
      </c>
      <c r="G124325" s="16">
        <v>1.4776584180234962</v>
      </c>
    </row>
    <row r="124326" spans="1:7" x14ac:dyDescent="0.3">
      <c r="A124326" s="13" t="s">
        <v>576</v>
      </c>
      <c r="B124326" s="14" t="s">
        <v>1</v>
      </c>
      <c r="C124326" s="14" t="s">
        <v>200</v>
      </c>
      <c r="D124326" s="14" t="s">
        <v>39</v>
      </c>
      <c r="E124326" s="15">
        <v>45602</v>
      </c>
      <c r="F124326" s="14" t="s">
        <v>15</v>
      </c>
      <c r="G124326" s="16">
        <v>1.4834519911409918</v>
      </c>
    </row>
    <row r="124327" spans="1:7" x14ac:dyDescent="0.3">
      <c r="A124327" s="13" t="s">
        <v>576</v>
      </c>
      <c r="B124327" s="14" t="s">
        <v>1</v>
      </c>
      <c r="C124327" s="14" t="s">
        <v>200</v>
      </c>
      <c r="D124327" s="14" t="s">
        <v>39</v>
      </c>
      <c r="E124327" s="15">
        <v>45603</v>
      </c>
      <c r="F124327" s="14" t="s">
        <v>15</v>
      </c>
      <c r="G124327" s="16">
        <v>1.4830909881302714</v>
      </c>
    </row>
    <row r="124328" spans="1:7" x14ac:dyDescent="0.3">
      <c r="A124328" s="13" t="s">
        <v>576</v>
      </c>
      <c r="B124328" s="14" t="s">
        <v>1</v>
      </c>
      <c r="C124328" s="14" t="s">
        <v>200</v>
      </c>
      <c r="D124328" s="14" t="s">
        <v>39</v>
      </c>
      <c r="E124328" s="15">
        <v>45604</v>
      </c>
      <c r="F124328" s="14" t="s">
        <v>15</v>
      </c>
      <c r="G124328" s="16">
        <v>1.4909269484261729</v>
      </c>
    </row>
    <row r="124329" spans="1:7" x14ac:dyDescent="0.3">
      <c r="A124329" s="13" t="s">
        <v>576</v>
      </c>
      <c r="B124329" s="14" t="s">
        <v>1</v>
      </c>
      <c r="C124329" s="14" t="s">
        <v>200</v>
      </c>
      <c r="D124329" s="14" t="s">
        <v>39</v>
      </c>
      <c r="E124329" s="15">
        <v>45605</v>
      </c>
      <c r="F124329" s="14" t="s">
        <v>15</v>
      </c>
      <c r="G124329" s="16">
        <v>1.4909269484261729</v>
      </c>
    </row>
    <row r="124330" spans="1:7" x14ac:dyDescent="0.3">
      <c r="A124330" s="13" t="s">
        <v>576</v>
      </c>
      <c r="B124330" s="14" t="s">
        <v>1</v>
      </c>
      <c r="C124330" s="14" t="s">
        <v>200</v>
      </c>
      <c r="D124330" s="14" t="s">
        <v>39</v>
      </c>
      <c r="E124330" s="15">
        <v>45606</v>
      </c>
      <c r="F124330" s="14" t="s">
        <v>15</v>
      </c>
      <c r="G124330" s="16">
        <v>1.4909269484261729</v>
      </c>
    </row>
    <row r="124331" spans="1:7" x14ac:dyDescent="0.3">
      <c r="A124331" s="13" t="s">
        <v>576</v>
      </c>
      <c r="B124331" s="14" t="s">
        <v>1</v>
      </c>
      <c r="C124331" s="14" t="s">
        <v>200</v>
      </c>
      <c r="D124331" s="14" t="s">
        <v>39</v>
      </c>
      <c r="E124331" s="15">
        <v>45607</v>
      </c>
      <c r="F124331" s="14" t="s">
        <v>15</v>
      </c>
      <c r="G124331" s="16">
        <v>1.4909269484261729</v>
      </c>
    </row>
    <row r="124332" spans="1:7" x14ac:dyDescent="0.3">
      <c r="A124332" s="13" t="s">
        <v>576</v>
      </c>
      <c r="B124332" s="14" t="s">
        <v>1</v>
      </c>
      <c r="C124332" s="14" t="s">
        <v>200</v>
      </c>
      <c r="D124332" s="14" t="s">
        <v>39</v>
      </c>
      <c r="E124332" s="15">
        <v>45608</v>
      </c>
      <c r="F124332" s="14" t="s">
        <v>15</v>
      </c>
      <c r="G124332" s="16">
        <v>1.4982852621594425</v>
      </c>
    </row>
    <row r="124333" spans="1:7" x14ac:dyDescent="0.3">
      <c r="A124333" s="13" t="s">
        <v>576</v>
      </c>
      <c r="B124333" s="14" t="s">
        <v>1</v>
      </c>
      <c r="C124333" s="14" t="s">
        <v>200</v>
      </c>
      <c r="D124333" s="14" t="s">
        <v>39</v>
      </c>
      <c r="E124333" s="15">
        <v>45609</v>
      </c>
      <c r="F124333" s="14" t="s">
        <v>15</v>
      </c>
      <c r="G124333" s="16">
        <v>1.5165366589800171</v>
      </c>
    </row>
    <row r="124334" spans="1:7" x14ac:dyDescent="0.3">
      <c r="A124334" s="13" t="s">
        <v>576</v>
      </c>
      <c r="B124334" s="14" t="s">
        <v>1</v>
      </c>
      <c r="C124334" s="14" t="s">
        <v>200</v>
      </c>
      <c r="D124334" s="14" t="s">
        <v>39</v>
      </c>
      <c r="E124334" s="15">
        <v>45610</v>
      </c>
      <c r="F124334" s="14" t="s">
        <v>15</v>
      </c>
      <c r="G124334" s="16">
        <v>1.5225769634345012</v>
      </c>
    </row>
    <row r="124335" spans="1:7" x14ac:dyDescent="0.3">
      <c r="A124335" s="13" t="s">
        <v>576</v>
      </c>
      <c r="B124335" s="14" t="s">
        <v>1</v>
      </c>
      <c r="C124335" s="14" t="s">
        <v>200</v>
      </c>
      <c r="D124335" s="14" t="s">
        <v>39</v>
      </c>
      <c r="E124335" s="15">
        <v>45611</v>
      </c>
      <c r="F124335" s="14" t="s">
        <v>15</v>
      </c>
      <c r="G124335" s="16">
        <v>1.529758136720702</v>
      </c>
    </row>
    <row r="124336" spans="1:7" x14ac:dyDescent="0.3">
      <c r="A124336" s="13" t="s">
        <v>576</v>
      </c>
      <c r="B124336" s="14" t="s">
        <v>1</v>
      </c>
      <c r="C124336" s="14" t="s">
        <v>200</v>
      </c>
      <c r="D124336" s="14" t="s">
        <v>39</v>
      </c>
      <c r="E124336" s="15">
        <v>45612</v>
      </c>
      <c r="F124336" s="14" t="s">
        <v>15</v>
      </c>
      <c r="G124336" s="16">
        <v>1.529758136720702</v>
      </c>
    </row>
    <row r="124337" spans="1:7" x14ac:dyDescent="0.3">
      <c r="A124337" s="13" t="s">
        <v>576</v>
      </c>
      <c r="B124337" s="14" t="s">
        <v>1</v>
      </c>
      <c r="C124337" s="14" t="s">
        <v>200</v>
      </c>
      <c r="D124337" s="14" t="s">
        <v>39</v>
      </c>
      <c r="E124337" s="15">
        <v>45613</v>
      </c>
      <c r="F124337" s="14" t="s">
        <v>15</v>
      </c>
      <c r="G124337" s="16">
        <v>1.529758136720702</v>
      </c>
    </row>
    <row r="124338" spans="1:7" x14ac:dyDescent="0.3">
      <c r="A124338" s="13" t="s">
        <v>576</v>
      </c>
      <c r="B124338" s="14" t="s">
        <v>1</v>
      </c>
      <c r="C124338" s="14" t="s">
        <v>200</v>
      </c>
      <c r="D124338" s="14" t="s">
        <v>39</v>
      </c>
      <c r="E124338" s="15">
        <v>45614</v>
      </c>
      <c r="F124338" s="14" t="s">
        <v>15</v>
      </c>
      <c r="G124338" s="16">
        <v>1.5355841984423582</v>
      </c>
    </row>
    <row r="124339" spans="1:7" x14ac:dyDescent="0.3">
      <c r="A124339" s="13" t="s">
        <v>576</v>
      </c>
      <c r="B124339" s="14" t="s">
        <v>1</v>
      </c>
      <c r="C124339" s="14" t="s">
        <v>200</v>
      </c>
      <c r="D124339" s="14" t="s">
        <v>39</v>
      </c>
      <c r="E124339" s="15">
        <v>45615</v>
      </c>
      <c r="F124339" s="14" t="s">
        <v>15</v>
      </c>
      <c r="G124339" s="16">
        <v>1.5537731801596362</v>
      </c>
    </row>
    <row r="124340" spans="1:7" x14ac:dyDescent="0.3">
      <c r="A124340" s="13" t="s">
        <v>576</v>
      </c>
      <c r="B124340" s="14" t="s">
        <v>1</v>
      </c>
      <c r="C124340" s="14" t="s">
        <v>200</v>
      </c>
      <c r="D124340" s="14" t="s">
        <v>39</v>
      </c>
      <c r="E124340" s="15">
        <v>45616</v>
      </c>
      <c r="F124340" s="14" t="s">
        <v>15</v>
      </c>
      <c r="G124340" s="16">
        <v>1.5623277085552554</v>
      </c>
    </row>
    <row r="124341" spans="1:7" x14ac:dyDescent="0.3">
      <c r="A124341" s="13" t="s">
        <v>576</v>
      </c>
      <c r="B124341" s="14" t="s">
        <v>1</v>
      </c>
      <c r="C124341" s="14" t="s">
        <v>200</v>
      </c>
      <c r="D124341" s="14" t="s">
        <v>39</v>
      </c>
      <c r="E124341" s="15">
        <v>45617</v>
      </c>
      <c r="F124341" s="14" t="s">
        <v>15</v>
      </c>
      <c r="G124341" s="16">
        <v>1.5684624054963487</v>
      </c>
    </row>
    <row r="124342" spans="1:7" x14ac:dyDescent="0.3">
      <c r="A124342" s="13" t="s">
        <v>576</v>
      </c>
      <c r="B124342" s="14" t="s">
        <v>1</v>
      </c>
      <c r="C124342" s="14" t="s">
        <v>200</v>
      </c>
      <c r="D124342" s="14" t="s">
        <v>39</v>
      </c>
      <c r="E124342" s="15">
        <v>45618</v>
      </c>
      <c r="F124342" s="14" t="s">
        <v>15</v>
      </c>
      <c r="G124342" s="16">
        <v>1.5776068430525239</v>
      </c>
    </row>
    <row r="124343" spans="1:7" x14ac:dyDescent="0.3">
      <c r="A124343" s="13" t="s">
        <v>576</v>
      </c>
      <c r="B124343" s="14" t="s">
        <v>1</v>
      </c>
      <c r="C124343" s="14" t="s">
        <v>200</v>
      </c>
      <c r="D124343" s="14" t="s">
        <v>39</v>
      </c>
      <c r="E124343" s="15">
        <v>45619</v>
      </c>
      <c r="F124343" s="14" t="s">
        <v>15</v>
      </c>
      <c r="G124343" s="16">
        <v>1.5776068430525239</v>
      </c>
    </row>
    <row r="124344" spans="1:7" x14ac:dyDescent="0.3">
      <c r="A124344" s="13" t="s">
        <v>576</v>
      </c>
      <c r="B124344" s="14" t="s">
        <v>1</v>
      </c>
      <c r="C124344" s="14" t="s">
        <v>200</v>
      </c>
      <c r="D124344" s="14" t="s">
        <v>39</v>
      </c>
      <c r="E124344" s="15">
        <v>45620</v>
      </c>
      <c r="F124344" s="14" t="s">
        <v>15</v>
      </c>
      <c r="G124344" s="16">
        <v>1.5776068430525239</v>
      </c>
    </row>
    <row r="124345" spans="1:7" x14ac:dyDescent="0.3">
      <c r="A124345" s="13" t="s">
        <v>576</v>
      </c>
      <c r="B124345" s="14" t="s">
        <v>1</v>
      </c>
      <c r="C124345" s="14" t="s">
        <v>200</v>
      </c>
      <c r="D124345" s="14" t="s">
        <v>39</v>
      </c>
      <c r="E124345" s="15">
        <v>45621</v>
      </c>
      <c r="F124345" s="14" t="s">
        <v>15</v>
      </c>
      <c r="G124345" s="16">
        <v>1.5823887983935296</v>
      </c>
    </row>
    <row r="124346" spans="1:7" x14ac:dyDescent="0.3">
      <c r="A124346" s="13" t="s">
        <v>576</v>
      </c>
      <c r="B124346" s="14" t="s">
        <v>1</v>
      </c>
      <c r="C124346" s="14" t="s">
        <v>200</v>
      </c>
      <c r="D124346" s="14" t="s">
        <v>39</v>
      </c>
      <c r="E124346" s="15">
        <v>45622</v>
      </c>
      <c r="F124346" s="14" t="s">
        <v>15</v>
      </c>
      <c r="G124346" s="16">
        <v>1.603490114575074</v>
      </c>
    </row>
    <row r="124347" spans="1:7" x14ac:dyDescent="0.3">
      <c r="A124347" s="13" t="s">
        <v>576</v>
      </c>
      <c r="B124347" s="14" t="s">
        <v>1</v>
      </c>
      <c r="C124347" s="14" t="s">
        <v>200</v>
      </c>
      <c r="D124347" s="14" t="s">
        <v>39</v>
      </c>
      <c r="E124347" s="15">
        <v>45623</v>
      </c>
      <c r="F124347" s="14" t="s">
        <v>15</v>
      </c>
      <c r="G124347" s="16">
        <v>1.6097233121181154</v>
      </c>
    </row>
    <row r="124348" spans="1:7" x14ac:dyDescent="0.3">
      <c r="A124348" s="13" t="s">
        <v>576</v>
      </c>
      <c r="B124348" s="14" t="s">
        <v>1</v>
      </c>
      <c r="C124348" s="14" t="s">
        <v>200</v>
      </c>
      <c r="D124348" s="14" t="s">
        <v>39</v>
      </c>
      <c r="E124348" s="15">
        <v>45624</v>
      </c>
      <c r="F124348" s="14" t="s">
        <v>15</v>
      </c>
      <c r="G124348" s="16">
        <v>1.6097233121181154</v>
      </c>
    </row>
    <row r="124349" spans="1:7" x14ac:dyDescent="0.3">
      <c r="A124349" s="13" t="s">
        <v>576</v>
      </c>
      <c r="B124349" s="14" t="s">
        <v>1</v>
      </c>
      <c r="C124349" s="14" t="s">
        <v>200</v>
      </c>
      <c r="D124349" s="14" t="s">
        <v>39</v>
      </c>
      <c r="E124349" s="15">
        <v>45625</v>
      </c>
      <c r="F124349" s="14" t="s">
        <v>15</v>
      </c>
      <c r="G124349" s="16">
        <v>1.6178017542709853</v>
      </c>
    </row>
    <row r="124350" spans="1:7" x14ac:dyDescent="0.3">
      <c r="A124350" s="13" t="s">
        <v>576</v>
      </c>
      <c r="B124350" s="14" t="s">
        <v>1</v>
      </c>
      <c r="C124350" s="14" t="s">
        <v>200</v>
      </c>
      <c r="D124350" s="14" t="s">
        <v>39</v>
      </c>
      <c r="E124350" s="15">
        <v>45626</v>
      </c>
      <c r="F124350" s="14" t="s">
        <v>15</v>
      </c>
      <c r="G124350" s="16">
        <v>1.6178017542709853</v>
      </c>
    </row>
    <row r="124351" spans="1:7" x14ac:dyDescent="0.3">
      <c r="A124351" s="13" t="s">
        <v>576</v>
      </c>
      <c r="B124351" s="14" t="s">
        <v>1</v>
      </c>
      <c r="C124351" s="14" t="s">
        <v>200</v>
      </c>
      <c r="D124351" s="14" t="s">
        <v>39</v>
      </c>
      <c r="E124351" s="15">
        <v>45627</v>
      </c>
      <c r="F124351" s="14" t="s">
        <v>15</v>
      </c>
      <c r="G124351" s="16">
        <v>1.6178017542709853</v>
      </c>
    </row>
    <row r="124352" spans="1:7" x14ac:dyDescent="0.3">
      <c r="A124352" s="13" t="s">
        <v>576</v>
      </c>
      <c r="B124352" s="14" t="s">
        <v>1</v>
      </c>
      <c r="C124352" s="14" t="s">
        <v>200</v>
      </c>
      <c r="D124352" s="14" t="s">
        <v>39</v>
      </c>
      <c r="E124352" s="15">
        <v>45628</v>
      </c>
      <c r="F124352" s="14" t="s">
        <v>15</v>
      </c>
      <c r="G124352" s="16">
        <v>1.6310952560714416</v>
      </c>
    </row>
    <row r="124353" spans="1:7" x14ac:dyDescent="0.3">
      <c r="A124353" s="13" t="s">
        <v>576</v>
      </c>
      <c r="B124353" s="14" t="s">
        <v>1</v>
      </c>
      <c r="C124353" s="14" t="s">
        <v>200</v>
      </c>
      <c r="D124353" s="14" t="s">
        <v>39</v>
      </c>
      <c r="E124353" s="15">
        <v>45629</v>
      </c>
      <c r="F124353" s="14" t="s">
        <v>15</v>
      </c>
      <c r="G124353" s="16">
        <v>1.6499945365738788</v>
      </c>
    </row>
    <row r="124354" spans="1:7" x14ac:dyDescent="0.3">
      <c r="A124354" s="13" t="s">
        <v>576</v>
      </c>
      <c r="B124354" s="14" t="s">
        <v>1</v>
      </c>
      <c r="C124354" s="14" t="s">
        <v>200</v>
      </c>
      <c r="D124354" s="14" t="s">
        <v>39</v>
      </c>
      <c r="E124354" s="15">
        <v>45630</v>
      </c>
      <c r="F124354" s="14" t="s">
        <v>15</v>
      </c>
      <c r="G124354" s="16">
        <v>1.6551880055408013</v>
      </c>
    </row>
    <row r="124355" spans="1:7" x14ac:dyDescent="0.3">
      <c r="A124355" s="13" t="s">
        <v>576</v>
      </c>
      <c r="B124355" s="14" t="s">
        <v>1</v>
      </c>
      <c r="C124355" s="14" t="s">
        <v>200</v>
      </c>
      <c r="D124355" s="14" t="s">
        <v>39</v>
      </c>
      <c r="E124355" s="15">
        <v>45631</v>
      </c>
      <c r="F124355" s="14" t="s">
        <v>15</v>
      </c>
      <c r="G124355" s="16">
        <v>1.6590943999756018</v>
      </c>
    </row>
    <row r="124356" spans="1:7" x14ac:dyDescent="0.3">
      <c r="A124356" s="13" t="s">
        <v>576</v>
      </c>
      <c r="B124356" s="14" t="s">
        <v>1</v>
      </c>
      <c r="C124356" s="14" t="s">
        <v>200</v>
      </c>
      <c r="D124356" s="14" t="s">
        <v>39</v>
      </c>
      <c r="E124356" s="15">
        <v>45632</v>
      </c>
      <c r="F124356" s="14" t="s">
        <v>15</v>
      </c>
      <c r="G124356" s="16">
        <v>1.6657051831594445</v>
      </c>
    </row>
    <row r="124357" spans="1:7" x14ac:dyDescent="0.3">
      <c r="A124357" s="13" t="s">
        <v>576</v>
      </c>
      <c r="B124357" s="14" t="s">
        <v>1</v>
      </c>
      <c r="C124357" s="14" t="s">
        <v>200</v>
      </c>
      <c r="D124357" s="14" t="s">
        <v>39</v>
      </c>
      <c r="E124357" s="15">
        <v>45633</v>
      </c>
      <c r="F124357" s="14" t="s">
        <v>15</v>
      </c>
      <c r="G124357" s="16">
        <v>1.6657051831594445</v>
      </c>
    </row>
    <row r="124358" spans="1:7" x14ac:dyDescent="0.3">
      <c r="A124358" s="13" t="s">
        <v>576</v>
      </c>
      <c r="B124358" s="14" t="s">
        <v>1</v>
      </c>
      <c r="C124358" s="14" t="s">
        <v>200</v>
      </c>
      <c r="D124358" s="14" t="s">
        <v>39</v>
      </c>
      <c r="E124358" s="15">
        <v>45634</v>
      </c>
      <c r="F124358" s="14" t="s">
        <v>15</v>
      </c>
      <c r="G124358" s="16">
        <v>1.6657051831594445</v>
      </c>
    </row>
    <row r="124359" spans="1:7" x14ac:dyDescent="0.3">
      <c r="A124359" s="13" t="s">
        <v>576</v>
      </c>
      <c r="B124359" s="14" t="s">
        <v>1</v>
      </c>
      <c r="C124359" s="14" t="s">
        <v>200</v>
      </c>
      <c r="D124359" s="14" t="s">
        <v>39</v>
      </c>
      <c r="E124359" s="15">
        <v>45635</v>
      </c>
      <c r="F124359" s="14" t="s">
        <v>15</v>
      </c>
      <c r="G124359" s="16">
        <v>1.671996386612522</v>
      </c>
    </row>
    <row r="124360" spans="1:7" x14ac:dyDescent="0.3">
      <c r="A124360" s="13" t="s">
        <v>576</v>
      </c>
      <c r="B124360" s="14" t="s">
        <v>1</v>
      </c>
      <c r="C124360" s="14" t="s">
        <v>200</v>
      </c>
      <c r="D124360" s="14" t="s">
        <v>39</v>
      </c>
      <c r="E124360" s="15">
        <v>45636</v>
      </c>
      <c r="F124360" s="14" t="s">
        <v>15</v>
      </c>
      <c r="G124360" s="16">
        <v>1.6936471172627101</v>
      </c>
    </row>
    <row r="124361" spans="1:7" x14ac:dyDescent="0.3">
      <c r="A124361" s="13" t="s">
        <v>576</v>
      </c>
      <c r="B124361" s="14" t="s">
        <v>1</v>
      </c>
      <c r="C124361" s="14" t="s">
        <v>200</v>
      </c>
      <c r="D124361" s="14" t="s">
        <v>39</v>
      </c>
      <c r="E124361" s="15">
        <v>45637</v>
      </c>
      <c r="F124361" s="14" t="s">
        <v>15</v>
      </c>
      <c r="G124361" s="16">
        <v>1.6999985155280897</v>
      </c>
    </row>
    <row r="124362" spans="1:7" x14ac:dyDescent="0.3">
      <c r="A124362" s="13" t="s">
        <v>576</v>
      </c>
      <c r="B124362" s="14" t="s">
        <v>1</v>
      </c>
      <c r="C124362" s="14" t="s">
        <v>200</v>
      </c>
      <c r="D124362" s="14" t="s">
        <v>39</v>
      </c>
      <c r="E124362" s="15">
        <v>45638</v>
      </c>
      <c r="F124362" s="14" t="s">
        <v>15</v>
      </c>
      <c r="G124362" s="16">
        <v>1.7065655206666219</v>
      </c>
    </row>
    <row r="124363" spans="1:7" x14ac:dyDescent="0.3">
      <c r="A124363" s="13" t="s">
        <v>576</v>
      </c>
      <c r="B124363" s="14" t="s">
        <v>1</v>
      </c>
      <c r="C124363" s="14" t="s">
        <v>200</v>
      </c>
      <c r="D124363" s="14" t="s">
        <v>39</v>
      </c>
      <c r="E124363" s="15">
        <v>45639</v>
      </c>
      <c r="F124363" s="14" t="s">
        <v>15</v>
      </c>
      <c r="G124363" s="16">
        <v>1.7141777266369371</v>
      </c>
    </row>
    <row r="124364" spans="1:7" x14ac:dyDescent="0.3">
      <c r="A124364" s="13" t="s">
        <v>576</v>
      </c>
      <c r="B124364" s="14" t="s">
        <v>1</v>
      </c>
      <c r="C124364" s="14" t="s">
        <v>200</v>
      </c>
      <c r="D124364" s="14" t="s">
        <v>39</v>
      </c>
      <c r="E124364" s="15">
        <v>45640</v>
      </c>
      <c r="F124364" s="14" t="s">
        <v>15</v>
      </c>
      <c r="G124364" s="16">
        <v>1.7141777266369371</v>
      </c>
    </row>
    <row r="124365" spans="1:7" x14ac:dyDescent="0.3">
      <c r="A124365" s="13" t="s">
        <v>576</v>
      </c>
      <c r="B124365" s="14" t="s">
        <v>1</v>
      </c>
      <c r="C124365" s="14" t="s">
        <v>200</v>
      </c>
      <c r="D124365" s="14" t="s">
        <v>39</v>
      </c>
      <c r="E124365" s="15">
        <v>45641</v>
      </c>
      <c r="F124365" s="14" t="s">
        <v>15</v>
      </c>
      <c r="G124365" s="16">
        <v>1.7141777266369371</v>
      </c>
    </row>
    <row r="124366" spans="1:7" x14ac:dyDescent="0.3">
      <c r="A124366" s="13" t="s">
        <v>576</v>
      </c>
      <c r="B124366" s="14" t="s">
        <v>1</v>
      </c>
      <c r="C124366" s="14" t="s">
        <v>200</v>
      </c>
      <c r="D124366" s="14" t="s">
        <v>39</v>
      </c>
      <c r="E124366" s="15">
        <v>45642</v>
      </c>
      <c r="F124366" s="14" t="s">
        <v>15</v>
      </c>
      <c r="G124366" s="16">
        <v>1.7208705936557365</v>
      </c>
    </row>
    <row r="124367" spans="1:7" x14ac:dyDescent="0.3">
      <c r="A124367" s="13" t="s">
        <v>576</v>
      </c>
      <c r="B124367" s="14" t="s">
        <v>1</v>
      </c>
      <c r="C124367" s="14" t="s">
        <v>200</v>
      </c>
      <c r="D124367" s="14" t="s">
        <v>39</v>
      </c>
      <c r="E124367" s="15">
        <v>45643</v>
      </c>
      <c r="F124367" s="14" t="s">
        <v>15</v>
      </c>
      <c r="G124367" s="16">
        <v>1.7398191244591481</v>
      </c>
    </row>
    <row r="124368" spans="1:7" x14ac:dyDescent="0.3">
      <c r="A124368" s="13" t="s">
        <v>576</v>
      </c>
      <c r="B124368" s="14" t="s">
        <v>1</v>
      </c>
      <c r="C124368" s="14" t="s">
        <v>200</v>
      </c>
      <c r="D124368" s="14" t="s">
        <v>39</v>
      </c>
      <c r="E124368" s="15">
        <v>45644</v>
      </c>
      <c r="F124368" s="14" t="s">
        <v>15</v>
      </c>
      <c r="G124368" s="16">
        <v>1.7463467293569011</v>
      </c>
    </row>
    <row r="124369" spans="1:7" x14ac:dyDescent="0.3">
      <c r="A124369" s="13" t="s">
        <v>576</v>
      </c>
      <c r="B124369" s="14" t="s">
        <v>1</v>
      </c>
      <c r="C124369" s="14" t="s">
        <v>200</v>
      </c>
      <c r="D124369" s="14" t="s">
        <v>39</v>
      </c>
      <c r="E124369" s="15">
        <v>45645</v>
      </c>
      <c r="F124369" s="14" t="s">
        <v>15</v>
      </c>
      <c r="G124369" s="16">
        <v>1.7548312128800234</v>
      </c>
    </row>
    <row r="124370" spans="1:7" x14ac:dyDescent="0.3">
      <c r="A124370" s="13" t="s">
        <v>576</v>
      </c>
      <c r="B124370" s="14" t="s">
        <v>1</v>
      </c>
      <c r="C124370" s="14" t="s">
        <v>200</v>
      </c>
      <c r="D124370" s="14" t="s">
        <v>39</v>
      </c>
      <c r="E124370" s="15">
        <v>45646</v>
      </c>
      <c r="F124370" s="14" t="s">
        <v>15</v>
      </c>
      <c r="G124370" s="16">
        <v>1.7644692478970718</v>
      </c>
    </row>
    <row r="124371" spans="1:7" x14ac:dyDescent="0.3">
      <c r="A124371" s="13" t="s">
        <v>576</v>
      </c>
      <c r="B124371" s="14" t="s">
        <v>1</v>
      </c>
      <c r="C124371" s="14" t="s">
        <v>200</v>
      </c>
      <c r="D124371" s="14" t="s">
        <v>39</v>
      </c>
      <c r="E124371" s="15">
        <v>45647</v>
      </c>
      <c r="F124371" s="14" t="s">
        <v>15</v>
      </c>
      <c r="G124371" s="16">
        <v>1.7644692478970718</v>
      </c>
    </row>
    <row r="124372" spans="1:7" x14ac:dyDescent="0.3">
      <c r="A124372" s="13" t="s">
        <v>576</v>
      </c>
      <c r="B124372" s="14" t="s">
        <v>1</v>
      </c>
      <c r="C124372" s="14" t="s">
        <v>200</v>
      </c>
      <c r="D124372" s="14" t="s">
        <v>39</v>
      </c>
      <c r="E124372" s="15">
        <v>45648</v>
      </c>
      <c r="F124372" s="14" t="s">
        <v>15</v>
      </c>
      <c r="G124372" s="16">
        <v>1.7644692478970718</v>
      </c>
    </row>
    <row r="124373" spans="1:7" x14ac:dyDescent="0.3">
      <c r="A124373" s="13" t="s">
        <v>576</v>
      </c>
      <c r="B124373" s="14" t="s">
        <v>1</v>
      </c>
      <c r="C124373" s="14" t="s">
        <v>200</v>
      </c>
      <c r="D124373" s="14" t="s">
        <v>39</v>
      </c>
      <c r="E124373" s="15">
        <v>45649</v>
      </c>
      <c r="F124373" s="14" t="s">
        <v>15</v>
      </c>
      <c r="G124373" s="16">
        <v>1.7717334184071702</v>
      </c>
    </row>
    <row r="124374" spans="1:7" x14ac:dyDescent="0.3">
      <c r="A124374" s="13" t="s">
        <v>576</v>
      </c>
      <c r="B124374" s="14" t="s">
        <v>1</v>
      </c>
      <c r="C124374" s="14" t="s">
        <v>200</v>
      </c>
      <c r="D124374" s="14" t="s">
        <v>39</v>
      </c>
      <c r="E124374" s="15">
        <v>45650</v>
      </c>
      <c r="F124374" s="14" t="s">
        <v>15</v>
      </c>
      <c r="G124374" s="16">
        <v>1.7912072857543049</v>
      </c>
    </row>
    <row r="124375" spans="1:7" x14ac:dyDescent="0.3">
      <c r="A124375" s="13" t="s">
        <v>576</v>
      </c>
      <c r="B124375" s="14" t="s">
        <v>1</v>
      </c>
      <c r="C124375" s="14" t="s">
        <v>200</v>
      </c>
      <c r="D124375" s="14" t="s">
        <v>39</v>
      </c>
      <c r="E124375" s="15">
        <v>45651</v>
      </c>
      <c r="F124375" s="14" t="s">
        <v>15</v>
      </c>
      <c r="G124375" s="16">
        <v>1.7912072857543049</v>
      </c>
    </row>
    <row r="124376" spans="1:7" x14ac:dyDescent="0.3">
      <c r="A124376" s="13" t="s">
        <v>576</v>
      </c>
      <c r="B124376" s="14" t="s">
        <v>1</v>
      </c>
      <c r="C124376" s="14" t="s">
        <v>200</v>
      </c>
      <c r="D124376" s="14" t="s">
        <v>39</v>
      </c>
      <c r="E124376" s="15">
        <v>45652</v>
      </c>
      <c r="F124376" s="14" t="s">
        <v>15</v>
      </c>
      <c r="G124376" s="16">
        <v>1.7912072857543049</v>
      </c>
    </row>
    <row r="124377" spans="1:7" x14ac:dyDescent="0.3">
      <c r="A124377" s="13" t="s">
        <v>576</v>
      </c>
      <c r="B124377" s="14" t="s">
        <v>1</v>
      </c>
      <c r="C124377" s="14" t="s">
        <v>200</v>
      </c>
      <c r="D124377" s="14" t="s">
        <v>39</v>
      </c>
      <c r="E124377" s="15">
        <v>45653</v>
      </c>
      <c r="F124377" s="14" t="s">
        <v>15</v>
      </c>
      <c r="G124377" s="16">
        <v>1.7912072857543049</v>
      </c>
    </row>
    <row r="124378" spans="1:7" x14ac:dyDescent="0.3">
      <c r="A124378" s="13" t="s">
        <v>576</v>
      </c>
      <c r="B124378" s="14" t="s">
        <v>1</v>
      </c>
      <c r="C124378" s="14" t="s">
        <v>200</v>
      </c>
      <c r="D124378" s="14" t="s">
        <v>39</v>
      </c>
      <c r="E124378" s="15">
        <v>45654</v>
      </c>
      <c r="F124378" s="14" t="s">
        <v>15</v>
      </c>
      <c r="G124378" s="16">
        <v>1.7912072857543049</v>
      </c>
    </row>
    <row r="124379" spans="1:7" x14ac:dyDescent="0.3">
      <c r="A124379" s="13" t="s">
        <v>576</v>
      </c>
      <c r="B124379" s="14" t="s">
        <v>1</v>
      </c>
      <c r="C124379" s="14" t="s">
        <v>200</v>
      </c>
      <c r="D124379" s="14" t="s">
        <v>39</v>
      </c>
      <c r="E124379" s="15">
        <v>45655</v>
      </c>
      <c r="F124379" s="14" t="s">
        <v>15</v>
      </c>
      <c r="G124379" s="16">
        <v>1.7912072857543049</v>
      </c>
    </row>
    <row r="124380" spans="1:7" x14ac:dyDescent="0.3">
      <c r="A124380" s="13" t="s">
        <v>576</v>
      </c>
      <c r="B124380" s="14" t="s">
        <v>1</v>
      </c>
      <c r="C124380" s="14" t="s">
        <v>200</v>
      </c>
      <c r="D124380" s="14" t="s">
        <v>39</v>
      </c>
      <c r="E124380" s="15">
        <v>45656</v>
      </c>
      <c r="F124380" s="14" t="s">
        <v>15</v>
      </c>
      <c r="G124380" s="16">
        <v>1.7976692235840928</v>
      </c>
    </row>
    <row r="124381" spans="1:7" x14ac:dyDescent="0.3">
      <c r="A124381" s="13" t="s">
        <v>576</v>
      </c>
      <c r="B124381" s="14" t="s">
        <v>1</v>
      </c>
      <c r="C124381" s="14" t="s">
        <v>200</v>
      </c>
      <c r="D124381" s="14" t="s">
        <v>39</v>
      </c>
      <c r="E124381" s="15">
        <v>45657</v>
      </c>
      <c r="F124381" s="14" t="s">
        <v>15</v>
      </c>
      <c r="G124381" s="16">
        <v>1.8400652754556885</v>
      </c>
    </row>
    <row r="124382" spans="1:7" x14ac:dyDescent="0.3">
      <c r="A124382" s="13" t="s">
        <v>576</v>
      </c>
      <c r="B124382" s="14" t="s">
        <v>1</v>
      </c>
      <c r="C124382" s="14" t="s">
        <v>200</v>
      </c>
      <c r="D124382" s="14" t="s">
        <v>39</v>
      </c>
      <c r="E124382" s="15">
        <v>45658</v>
      </c>
      <c r="F124382" s="14" t="s">
        <v>15</v>
      </c>
      <c r="G124382" s="16">
        <v>1.8400652754556885</v>
      </c>
    </row>
    <row r="124383" spans="1:7" x14ac:dyDescent="0.3">
      <c r="A124383" s="13" t="s">
        <v>576</v>
      </c>
      <c r="B124383" s="14" t="s">
        <v>1</v>
      </c>
      <c r="C124383" s="14" t="s">
        <v>200</v>
      </c>
      <c r="D124383" s="14" t="s">
        <v>39</v>
      </c>
      <c r="E124383" s="15">
        <v>45659</v>
      </c>
      <c r="F124383" s="14" t="s">
        <v>15</v>
      </c>
      <c r="G124383" s="16">
        <v>1.8473622794997699</v>
      </c>
    </row>
    <row r="124384" spans="1:7" x14ac:dyDescent="0.3">
      <c r="A124384" s="13" t="s">
        <v>576</v>
      </c>
      <c r="B124384" s="14" t="s">
        <v>1</v>
      </c>
      <c r="C124384" s="14" t="s">
        <v>200</v>
      </c>
      <c r="D124384" s="14" t="s">
        <v>39</v>
      </c>
      <c r="E124384" s="15">
        <v>45660</v>
      </c>
      <c r="F124384" s="14" t="s">
        <v>15</v>
      </c>
      <c r="G124384" s="16">
        <v>1.8566106899135568</v>
      </c>
    </row>
    <row r="124385" spans="1:7" x14ac:dyDescent="0.3">
      <c r="A124385" s="13" t="s">
        <v>576</v>
      </c>
      <c r="B124385" s="14" t="s">
        <v>1</v>
      </c>
      <c r="C124385" s="14" t="s">
        <v>200</v>
      </c>
      <c r="D124385" s="14" t="s">
        <v>39</v>
      </c>
      <c r="E124385" s="15">
        <v>45661</v>
      </c>
      <c r="F124385" s="14" t="s">
        <v>15</v>
      </c>
      <c r="G124385" s="16">
        <v>1.8566106899135568</v>
      </c>
    </row>
    <row r="124386" spans="1:7" x14ac:dyDescent="0.3">
      <c r="A124386" s="13" t="s">
        <v>576</v>
      </c>
      <c r="B124386" s="14" t="s">
        <v>1</v>
      </c>
      <c r="C124386" s="14" t="s">
        <v>200</v>
      </c>
      <c r="D124386" s="14" t="s">
        <v>39</v>
      </c>
      <c r="E124386" s="15">
        <v>45662</v>
      </c>
      <c r="F124386" s="14" t="s">
        <v>15</v>
      </c>
      <c r="G124386" s="16">
        <v>1.8566106899135568</v>
      </c>
    </row>
    <row r="124387" spans="1:7" x14ac:dyDescent="0.3">
      <c r="A124387" s="13" t="s">
        <v>576</v>
      </c>
      <c r="B124387" s="14" t="s">
        <v>1</v>
      </c>
      <c r="C124387" s="14" t="s">
        <v>200</v>
      </c>
      <c r="D124387" s="14" t="s">
        <v>39</v>
      </c>
      <c r="E124387" s="15">
        <v>45663</v>
      </c>
      <c r="F124387" s="14" t="s">
        <v>15</v>
      </c>
      <c r="G124387" s="16">
        <v>1.8632116230372047</v>
      </c>
    </row>
    <row r="124388" spans="1:7" x14ac:dyDescent="0.3">
      <c r="A124388" s="13" t="s">
        <v>576</v>
      </c>
      <c r="B124388" s="14" t="s">
        <v>1</v>
      </c>
      <c r="C124388" s="14" t="s">
        <v>200</v>
      </c>
      <c r="D124388" s="14" t="s">
        <v>39</v>
      </c>
      <c r="E124388" s="15">
        <v>45664</v>
      </c>
      <c r="F124388" s="14" t="s">
        <v>15</v>
      </c>
      <c r="G124388" s="16">
        <v>1.8843753229333164</v>
      </c>
    </row>
    <row r="124389" spans="1:7" x14ac:dyDescent="0.3">
      <c r="A124389" s="13" t="s">
        <v>576</v>
      </c>
      <c r="B124389" s="14" t="s">
        <v>1</v>
      </c>
      <c r="C124389" s="14" t="s">
        <v>200</v>
      </c>
      <c r="D124389" s="14" t="s">
        <v>39</v>
      </c>
      <c r="E124389" s="15">
        <v>45665</v>
      </c>
      <c r="F124389" s="14" t="s">
        <v>15</v>
      </c>
      <c r="G124389" s="16">
        <v>1.8905231532880029</v>
      </c>
    </row>
    <row r="124390" spans="1:7" x14ac:dyDescent="0.3">
      <c r="A124390" s="13" t="s">
        <v>576</v>
      </c>
      <c r="B124390" s="14" t="s">
        <v>1</v>
      </c>
      <c r="C124390" s="14" t="s">
        <v>200</v>
      </c>
      <c r="D124390" s="14" t="s">
        <v>39</v>
      </c>
      <c r="E124390" s="15">
        <v>45666</v>
      </c>
      <c r="F124390" s="14" t="s">
        <v>15</v>
      </c>
      <c r="G124390" s="16">
        <v>1.8905231532880029</v>
      </c>
    </row>
    <row r="124391" spans="1:7" x14ac:dyDescent="0.3">
      <c r="A124391" s="13" t="s">
        <v>576</v>
      </c>
      <c r="B124391" s="14" t="s">
        <v>1</v>
      </c>
      <c r="C124391" s="14" t="s">
        <v>200</v>
      </c>
      <c r="D124391" s="14" t="s">
        <v>39</v>
      </c>
      <c r="E124391" s="15">
        <v>45667</v>
      </c>
      <c r="F124391" s="14" t="s">
        <v>15</v>
      </c>
      <c r="G124391" s="16">
        <v>1.9027955321815972</v>
      </c>
    </row>
    <row r="124392" spans="1:7" x14ac:dyDescent="0.3">
      <c r="A124392" s="13" t="s">
        <v>576</v>
      </c>
      <c r="B124392" s="14" t="s">
        <v>1</v>
      </c>
      <c r="C124392" s="14" t="s">
        <v>200</v>
      </c>
      <c r="D124392" s="14" t="s">
        <v>39</v>
      </c>
      <c r="E124392" s="15">
        <v>45668</v>
      </c>
      <c r="F124392" s="14" t="s">
        <v>15</v>
      </c>
      <c r="G124392" s="16">
        <v>1.9027955321815972</v>
      </c>
    </row>
    <row r="124393" spans="1:7" x14ac:dyDescent="0.3">
      <c r="A124393" s="13" t="s">
        <v>576</v>
      </c>
      <c r="B124393" s="14" t="s">
        <v>1</v>
      </c>
      <c r="C124393" s="14" t="s">
        <v>200</v>
      </c>
      <c r="D124393" s="14" t="s">
        <v>39</v>
      </c>
      <c r="E124393" s="15">
        <v>45669</v>
      </c>
      <c r="F124393" s="14" t="s">
        <v>15</v>
      </c>
      <c r="G124393" s="16">
        <v>1.9027955321815972</v>
      </c>
    </row>
    <row r="124394" spans="1:7" x14ac:dyDescent="0.3">
      <c r="A124394" s="13" t="s">
        <v>576</v>
      </c>
      <c r="B124394" s="14" t="s">
        <v>1</v>
      </c>
      <c r="C124394" s="14" t="s">
        <v>200</v>
      </c>
      <c r="D124394" s="14" t="s">
        <v>39</v>
      </c>
      <c r="E124394" s="15">
        <v>45670</v>
      </c>
      <c r="F124394" s="14" t="s">
        <v>15</v>
      </c>
      <c r="G124394" s="16">
        <v>1.9142788118084739</v>
      </c>
    </row>
    <row r="124395" spans="1:7" x14ac:dyDescent="0.3">
      <c r="A124395" s="13" t="s">
        <v>576</v>
      </c>
      <c r="B124395" s="14" t="s">
        <v>1</v>
      </c>
      <c r="C124395" s="14" t="s">
        <v>200</v>
      </c>
      <c r="D124395" s="14" t="s">
        <v>39</v>
      </c>
      <c r="E124395" s="15">
        <v>45671</v>
      </c>
      <c r="F124395" s="14" t="s">
        <v>15</v>
      </c>
      <c r="G124395" s="16">
        <v>1.9316732220033703</v>
      </c>
    </row>
    <row r="124396" spans="1:7" x14ac:dyDescent="0.3">
      <c r="A124396" s="13" t="s">
        <v>576</v>
      </c>
      <c r="B124396" s="14" t="s">
        <v>1</v>
      </c>
      <c r="C124396" s="14" t="s">
        <v>200</v>
      </c>
      <c r="D124396" s="14" t="s">
        <v>39</v>
      </c>
      <c r="E124396" s="15">
        <v>45672</v>
      </c>
      <c r="F124396" s="14" t="s">
        <v>15</v>
      </c>
      <c r="G124396" s="16">
        <v>1.9380399425846084</v>
      </c>
    </row>
    <row r="124397" spans="1:7" x14ac:dyDescent="0.3">
      <c r="A124397" s="13" t="s">
        <v>576</v>
      </c>
      <c r="B124397" s="14" t="s">
        <v>1</v>
      </c>
      <c r="C124397" s="14" t="s">
        <v>200</v>
      </c>
      <c r="D124397" s="14" t="s">
        <v>39</v>
      </c>
      <c r="E124397" s="15">
        <v>45673</v>
      </c>
      <c r="F124397" s="14" t="s">
        <v>15</v>
      </c>
      <c r="G124397" s="16">
        <v>1.9429959156557228</v>
      </c>
    </row>
    <row r="124398" spans="1:7" x14ac:dyDescent="0.3">
      <c r="A124398" s="13" t="s">
        <v>576</v>
      </c>
      <c r="B124398" s="14" t="s">
        <v>1</v>
      </c>
      <c r="C124398" s="14" t="s">
        <v>200</v>
      </c>
      <c r="D124398" s="14" t="s">
        <v>39</v>
      </c>
      <c r="E124398" s="15">
        <v>45674</v>
      </c>
      <c r="F124398" s="14" t="s">
        <v>15</v>
      </c>
      <c r="G124398" s="16">
        <v>1.9486282595268807</v>
      </c>
    </row>
    <row r="124399" spans="1:7" x14ac:dyDescent="0.3">
      <c r="A124399" s="13" t="s">
        <v>576</v>
      </c>
      <c r="B124399" s="14" t="s">
        <v>1</v>
      </c>
      <c r="C124399" s="14" t="s">
        <v>200</v>
      </c>
      <c r="D124399" s="14" t="s">
        <v>39</v>
      </c>
      <c r="E124399" s="15">
        <v>45675</v>
      </c>
      <c r="F124399" s="14" t="s">
        <v>15</v>
      </c>
      <c r="G124399" s="16">
        <v>1.9486282595268807</v>
      </c>
    </row>
    <row r="124400" spans="1:7" x14ac:dyDescent="0.3">
      <c r="A124400" s="13" t="s">
        <v>576</v>
      </c>
      <c r="B124400" s="14" t="s">
        <v>1</v>
      </c>
      <c r="C124400" s="14" t="s">
        <v>200</v>
      </c>
      <c r="D124400" s="14" t="s">
        <v>39</v>
      </c>
      <c r="E124400" s="15">
        <v>45676</v>
      </c>
      <c r="F124400" s="14" t="s">
        <v>15</v>
      </c>
      <c r="G124400" s="16">
        <v>1.9486282595268807</v>
      </c>
    </row>
    <row r="124401" spans="1:7" x14ac:dyDescent="0.3">
      <c r="A124401" s="13" t="s">
        <v>576</v>
      </c>
      <c r="B124401" s="14" t="s">
        <v>1</v>
      </c>
      <c r="C124401" s="14" t="s">
        <v>200</v>
      </c>
      <c r="D124401" s="14" t="s">
        <v>39</v>
      </c>
      <c r="E124401" s="15">
        <v>45677</v>
      </c>
      <c r="F124401" s="14" t="s">
        <v>15</v>
      </c>
      <c r="G124401" s="16">
        <v>1.9486282595268807</v>
      </c>
    </row>
    <row r="124402" spans="1:7" x14ac:dyDescent="0.3">
      <c r="A124402" s="13" t="s">
        <v>576</v>
      </c>
      <c r="B124402" s="14" t="s">
        <v>1</v>
      </c>
      <c r="C124402" s="14" t="s">
        <v>200</v>
      </c>
      <c r="D124402" s="14" t="s">
        <v>39</v>
      </c>
      <c r="E124402" s="15">
        <v>45678</v>
      </c>
      <c r="F124402" s="14" t="s">
        <v>15</v>
      </c>
      <c r="G124402" s="16">
        <v>1.9556330451185155</v>
      </c>
    </row>
    <row r="124403" spans="1:7" x14ac:dyDescent="0.3">
      <c r="A124403" s="13" t="s">
        <v>576</v>
      </c>
      <c r="B124403" s="14" t="s">
        <v>1</v>
      </c>
      <c r="C124403" s="14" t="s">
        <v>200</v>
      </c>
      <c r="D124403" s="14" t="s">
        <v>39</v>
      </c>
      <c r="E124403" s="15">
        <v>45679</v>
      </c>
      <c r="F124403" s="14" t="s">
        <v>15</v>
      </c>
      <c r="G124403" s="16">
        <v>1.9781374476522542</v>
      </c>
    </row>
    <row r="124404" spans="1:7" x14ac:dyDescent="0.3">
      <c r="A124404" s="13" t="s">
        <v>576</v>
      </c>
      <c r="B124404" s="14" t="s">
        <v>1</v>
      </c>
      <c r="C124404" s="14" t="s">
        <v>200</v>
      </c>
      <c r="D124404" s="14" t="s">
        <v>39</v>
      </c>
      <c r="E124404" s="15">
        <v>45680</v>
      </c>
      <c r="F124404" s="14" t="s">
        <v>15</v>
      </c>
      <c r="G124404" s="16">
        <v>1.9841353382017528</v>
      </c>
    </row>
    <row r="124405" spans="1:7" x14ac:dyDescent="0.3">
      <c r="A124405" s="13" t="s">
        <v>576</v>
      </c>
      <c r="B124405" s="14" t="s">
        <v>1</v>
      </c>
      <c r="C124405" s="14" t="s">
        <v>200</v>
      </c>
      <c r="D124405" s="14" t="s">
        <v>39</v>
      </c>
      <c r="E124405" s="15">
        <v>45681</v>
      </c>
      <c r="F124405" s="14" t="s">
        <v>15</v>
      </c>
      <c r="G124405" s="16">
        <v>1.9895619252599526</v>
      </c>
    </row>
    <row r="124406" spans="1:7" x14ac:dyDescent="0.3">
      <c r="A124406" s="13" t="s">
        <v>576</v>
      </c>
      <c r="B124406" s="14" t="s">
        <v>1</v>
      </c>
      <c r="C124406" s="14" t="s">
        <v>200</v>
      </c>
      <c r="D124406" s="14" t="s">
        <v>39</v>
      </c>
      <c r="E124406" s="15">
        <v>45682</v>
      </c>
      <c r="F124406" s="14" t="s">
        <v>15</v>
      </c>
      <c r="G124406" s="16">
        <v>1.9895619252599526</v>
      </c>
    </row>
    <row r="124407" spans="1:7" x14ac:dyDescent="0.3">
      <c r="A124407" s="13" t="s">
        <v>576</v>
      </c>
      <c r="B124407" s="14" t="s">
        <v>1</v>
      </c>
      <c r="C124407" s="14" t="s">
        <v>200</v>
      </c>
      <c r="D124407" s="14" t="s">
        <v>39</v>
      </c>
      <c r="E124407" s="15">
        <v>45683</v>
      </c>
      <c r="F124407" s="14" t="s">
        <v>15</v>
      </c>
      <c r="G124407" s="16">
        <v>1.9895619252599526</v>
      </c>
    </row>
    <row r="124408" spans="1:7" x14ac:dyDescent="0.3">
      <c r="A124408" s="13" t="s">
        <v>576</v>
      </c>
      <c r="B124408" s="14" t="s">
        <v>1</v>
      </c>
      <c r="C124408" s="14" t="s">
        <v>200</v>
      </c>
      <c r="D124408" s="14" t="s">
        <v>39</v>
      </c>
      <c r="E124408" s="15">
        <v>45684</v>
      </c>
      <c r="F124408" s="14" t="s">
        <v>15</v>
      </c>
      <c r="G124408" s="16">
        <v>1.9941884685401068</v>
      </c>
    </row>
    <row r="124409" spans="1:7" x14ac:dyDescent="0.3">
      <c r="A124409" s="13" t="s">
        <v>576</v>
      </c>
      <c r="B124409" s="14" t="s">
        <v>1</v>
      </c>
      <c r="C124409" s="14" t="s">
        <v>200</v>
      </c>
      <c r="D124409" s="14" t="s">
        <v>39</v>
      </c>
      <c r="E124409" s="15">
        <v>45685</v>
      </c>
      <c r="F124409" s="14" t="s">
        <v>15</v>
      </c>
      <c r="G124409" s="16">
        <v>2.0123927725732438</v>
      </c>
    </row>
    <row r="124410" spans="1:7" x14ac:dyDescent="0.3">
      <c r="A124410" s="13" t="s">
        <v>576</v>
      </c>
      <c r="B124410" s="14" t="s">
        <v>1</v>
      </c>
      <c r="C124410" s="14" t="s">
        <v>200</v>
      </c>
      <c r="D124410" s="14" t="s">
        <v>39</v>
      </c>
      <c r="E124410" s="15">
        <v>45686</v>
      </c>
      <c r="F124410" s="14" t="s">
        <v>15</v>
      </c>
      <c r="G124410" s="16">
        <v>2.0184037965363357</v>
      </c>
    </row>
    <row r="124411" spans="1:7" x14ac:dyDescent="0.3">
      <c r="A124411" s="13" t="s">
        <v>576</v>
      </c>
      <c r="B124411" s="14" t="s">
        <v>1</v>
      </c>
      <c r="C124411" s="14" t="s">
        <v>200</v>
      </c>
      <c r="D124411" s="14" t="s">
        <v>39</v>
      </c>
      <c r="E124411" s="15">
        <v>45687</v>
      </c>
      <c r="F124411" s="14" t="s">
        <v>15</v>
      </c>
      <c r="G124411" s="16">
        <v>2.0230971013355883</v>
      </c>
    </row>
    <row r="124412" spans="1:7" x14ac:dyDescent="0.3">
      <c r="A124412" s="13" t="s">
        <v>576</v>
      </c>
      <c r="B124412" s="14" t="s">
        <v>1</v>
      </c>
      <c r="C124412" s="14" t="s">
        <v>200</v>
      </c>
      <c r="D124412" s="14" t="s">
        <v>39</v>
      </c>
      <c r="E124412" s="15">
        <v>45688</v>
      </c>
      <c r="F124412" s="14" t="s">
        <v>15</v>
      </c>
      <c r="G124412" s="16">
        <v>2.0290435526818476</v>
      </c>
    </row>
    <row r="124413" spans="1:7" x14ac:dyDescent="0.3">
      <c r="A124413" s="13" t="s">
        <v>576</v>
      </c>
      <c r="B124413" s="14" t="s">
        <v>1</v>
      </c>
      <c r="C124413" s="14" t="s">
        <v>200</v>
      </c>
      <c r="D124413" s="14" t="s">
        <v>39</v>
      </c>
      <c r="E124413" s="15">
        <v>45689</v>
      </c>
      <c r="F124413" s="14" t="s">
        <v>15</v>
      </c>
      <c r="G124413" s="16">
        <v>2.0290435526818476</v>
      </c>
    </row>
    <row r="124414" spans="1:7" x14ac:dyDescent="0.3">
      <c r="A124414" s="13" t="s">
        <v>576</v>
      </c>
      <c r="B124414" s="14" t="s">
        <v>1</v>
      </c>
      <c r="C124414" s="14" t="s">
        <v>200</v>
      </c>
      <c r="D124414" s="14" t="s">
        <v>39</v>
      </c>
      <c r="E124414" s="15">
        <v>45690</v>
      </c>
      <c r="F124414" s="14" t="s">
        <v>15</v>
      </c>
      <c r="G124414" s="16">
        <v>2.0290435526818476</v>
      </c>
    </row>
    <row r="124415" spans="1:7" x14ac:dyDescent="0.3">
      <c r="A124415" s="13" t="s">
        <v>576</v>
      </c>
      <c r="B124415" s="14" t="s">
        <v>1</v>
      </c>
      <c r="C124415" s="14" t="s">
        <v>200</v>
      </c>
      <c r="D124415" s="14" t="s">
        <v>39</v>
      </c>
      <c r="E124415" s="15">
        <v>45691</v>
      </c>
      <c r="F124415" s="14" t="s">
        <v>15</v>
      </c>
      <c r="G124415" s="16">
        <v>2.0290435526818476</v>
      </c>
    </row>
    <row r="124416" spans="1:7" x14ac:dyDescent="0.3">
      <c r="A124416" s="13" t="s">
        <v>576</v>
      </c>
      <c r="B124416" s="14" t="s">
        <v>1</v>
      </c>
      <c r="C124416" s="14" t="s">
        <v>200</v>
      </c>
      <c r="D124416" s="14" t="s">
        <v>39</v>
      </c>
      <c r="E124416" s="15">
        <v>45692</v>
      </c>
      <c r="F124416" s="14" t="s">
        <v>15</v>
      </c>
      <c r="G124416" s="16">
        <v>2.0351716829161446</v>
      </c>
    </row>
    <row r="124417" spans="1:7" x14ac:dyDescent="0.3">
      <c r="A124417" s="13" t="s">
        <v>576</v>
      </c>
      <c r="B124417" s="14" t="s">
        <v>1</v>
      </c>
      <c r="C124417" s="14" t="s">
        <v>200</v>
      </c>
      <c r="D124417" s="14" t="s">
        <v>39</v>
      </c>
      <c r="E124417" s="15">
        <v>45693</v>
      </c>
      <c r="F124417" s="14" t="s">
        <v>15</v>
      </c>
      <c r="G124417" s="16">
        <v>2.0604767858986079</v>
      </c>
    </row>
    <row r="124418" spans="1:7" x14ac:dyDescent="0.3">
      <c r="A124418" s="13" t="s">
        <v>576</v>
      </c>
      <c r="B124418" s="14" t="s">
        <v>1</v>
      </c>
      <c r="C124418" s="14" t="s">
        <v>200</v>
      </c>
      <c r="D124418" s="14" t="s">
        <v>39</v>
      </c>
      <c r="E124418" s="15">
        <v>45694</v>
      </c>
      <c r="F124418" s="14" t="s">
        <v>15</v>
      </c>
      <c r="G124418" s="16">
        <v>2.0671335360300263</v>
      </c>
    </row>
    <row r="124419" spans="1:7" x14ac:dyDescent="0.3">
      <c r="A124419" s="13" t="s">
        <v>576</v>
      </c>
      <c r="B124419" s="14" t="s">
        <v>1</v>
      </c>
      <c r="C124419" s="14" t="s">
        <v>200</v>
      </c>
      <c r="D124419" s="14" t="s">
        <v>39</v>
      </c>
      <c r="E124419" s="15">
        <v>45695</v>
      </c>
      <c r="F124419" s="14" t="s">
        <v>15</v>
      </c>
      <c r="G124419" s="16">
        <v>2.0735068233180605</v>
      </c>
    </row>
    <row r="124420" spans="1:7" x14ac:dyDescent="0.3">
      <c r="A124420" s="13" t="s">
        <v>576</v>
      </c>
      <c r="B124420" s="14" t="s">
        <v>1</v>
      </c>
      <c r="C124420" s="14" t="s">
        <v>200</v>
      </c>
      <c r="D124420" s="14" t="s">
        <v>39</v>
      </c>
      <c r="E124420" s="15">
        <v>45696</v>
      </c>
      <c r="F124420" s="14" t="s">
        <v>15</v>
      </c>
      <c r="G124420" s="16">
        <v>2.0735068233180605</v>
      </c>
    </row>
    <row r="124421" spans="1:7" x14ac:dyDescent="0.3">
      <c r="A124421" s="13" t="s">
        <v>576</v>
      </c>
      <c r="B124421" s="14" t="s">
        <v>1</v>
      </c>
      <c r="C124421" s="14" t="s">
        <v>200</v>
      </c>
      <c r="D124421" s="14" t="s">
        <v>39</v>
      </c>
      <c r="E124421" s="15">
        <v>45697</v>
      </c>
      <c r="F124421" s="14" t="s">
        <v>15</v>
      </c>
      <c r="G124421" s="16">
        <v>2.0735068233180605</v>
      </c>
    </row>
    <row r="124422" spans="1:7" x14ac:dyDescent="0.3">
      <c r="A124422" s="13" t="s">
        <v>576</v>
      </c>
      <c r="B124422" s="14" t="s">
        <v>1</v>
      </c>
      <c r="C124422" s="14" t="s">
        <v>200</v>
      </c>
      <c r="D124422" s="14" t="s">
        <v>39</v>
      </c>
      <c r="E124422" s="15">
        <v>45698</v>
      </c>
      <c r="F124422" s="14" t="s">
        <v>15</v>
      </c>
      <c r="G124422" s="16">
        <v>2.0800431838248761</v>
      </c>
    </row>
    <row r="124423" spans="1:7" x14ac:dyDescent="0.3">
      <c r="A124423" s="13" t="s">
        <v>576</v>
      </c>
      <c r="B124423" s="14" t="s">
        <v>1</v>
      </c>
      <c r="C124423" s="14" t="s">
        <v>200</v>
      </c>
      <c r="D124423" s="14" t="s">
        <v>39</v>
      </c>
      <c r="E124423" s="15">
        <v>45699</v>
      </c>
      <c r="F124423" s="14" t="s">
        <v>15</v>
      </c>
      <c r="G124423" s="16">
        <v>2.0999329426024582</v>
      </c>
    </row>
    <row r="124424" spans="1:7" x14ac:dyDescent="0.3">
      <c r="A124424" s="13" t="s">
        <v>576</v>
      </c>
      <c r="B124424" s="14" t="s">
        <v>1</v>
      </c>
      <c r="C124424" s="14" t="s">
        <v>200</v>
      </c>
      <c r="D124424" s="14" t="s">
        <v>39</v>
      </c>
      <c r="E124424" s="15">
        <v>45700</v>
      </c>
      <c r="F124424" s="14" t="s">
        <v>15</v>
      </c>
      <c r="G124424" s="16">
        <v>2.1066422263882489</v>
      </c>
    </row>
    <row r="124425" spans="1:7" x14ac:dyDescent="0.3">
      <c r="A124425" s="13" t="s">
        <v>576</v>
      </c>
      <c r="B124425" s="14" t="s">
        <v>1</v>
      </c>
      <c r="C124425" s="14" t="s">
        <v>200</v>
      </c>
      <c r="D124425" s="14" t="s">
        <v>39</v>
      </c>
      <c r="E124425" s="15">
        <v>45701</v>
      </c>
      <c r="F124425" s="14" t="s">
        <v>15</v>
      </c>
      <c r="G124425" s="16">
        <v>2.1154211172660826</v>
      </c>
    </row>
    <row r="124426" spans="1:7" x14ac:dyDescent="0.3">
      <c r="A124426" s="13" t="s">
        <v>576</v>
      </c>
      <c r="B124426" s="14" t="s">
        <v>1</v>
      </c>
      <c r="C124426" s="14" t="s">
        <v>200</v>
      </c>
      <c r="D124426" s="14" t="s">
        <v>39</v>
      </c>
      <c r="E124426" s="15">
        <v>45702</v>
      </c>
      <c r="F124426" s="14" t="s">
        <v>15</v>
      </c>
      <c r="G124426" s="16">
        <v>2.1220340893521912</v>
      </c>
    </row>
    <row r="124427" spans="1:7" x14ac:dyDescent="0.3">
      <c r="A124427" s="13" t="s">
        <v>576</v>
      </c>
      <c r="B124427" s="14" t="s">
        <v>1</v>
      </c>
      <c r="C124427" s="14" t="s">
        <v>200</v>
      </c>
      <c r="D124427" s="14" t="s">
        <v>39</v>
      </c>
      <c r="E124427" s="15">
        <v>45703</v>
      </c>
      <c r="F124427" s="14" t="s">
        <v>15</v>
      </c>
      <c r="G124427" s="16">
        <v>2.1220340893521912</v>
      </c>
    </row>
    <row r="124428" spans="1:7" x14ac:dyDescent="0.3">
      <c r="A124428" s="13" t="s">
        <v>576</v>
      </c>
      <c r="B124428" s="14" t="s">
        <v>1</v>
      </c>
      <c r="C124428" s="14" t="s">
        <v>200</v>
      </c>
      <c r="D124428" s="14" t="s">
        <v>39</v>
      </c>
      <c r="E124428" s="15">
        <v>45704</v>
      </c>
      <c r="F124428" s="14" t="s">
        <v>15</v>
      </c>
      <c r="G124428" s="16">
        <v>2.1220340893521912</v>
      </c>
    </row>
    <row r="124429" spans="1:7" x14ac:dyDescent="0.3">
      <c r="A124429" s="13" t="s">
        <v>576</v>
      </c>
      <c r="B124429" s="14" t="s">
        <v>1</v>
      </c>
      <c r="C124429" s="14" t="s">
        <v>200</v>
      </c>
      <c r="D124429" s="14" t="s">
        <v>39</v>
      </c>
      <c r="E124429" s="15">
        <v>45705</v>
      </c>
      <c r="F124429" s="14" t="s">
        <v>15</v>
      </c>
      <c r="G124429" s="16">
        <v>2.1220340893521912</v>
      </c>
    </row>
    <row r="124430" spans="1:7" x14ac:dyDescent="0.3">
      <c r="A124430" s="13" t="s">
        <v>576</v>
      </c>
      <c r="B124430" s="14" t="s">
        <v>1</v>
      </c>
      <c r="C124430" s="14" t="s">
        <v>200</v>
      </c>
      <c r="D124430" s="14" t="s">
        <v>39</v>
      </c>
      <c r="E124430" s="15">
        <v>45706</v>
      </c>
      <c r="F124430" s="14" t="s">
        <v>15</v>
      </c>
      <c r="G124430" s="16">
        <v>2.1289764912292588</v>
      </c>
    </row>
    <row r="124431" spans="1:7" x14ac:dyDescent="0.3">
      <c r="A124431" s="13" t="s">
        <v>576</v>
      </c>
      <c r="B124431" s="14" t="s">
        <v>1</v>
      </c>
      <c r="C124431" s="14" t="s">
        <v>200</v>
      </c>
      <c r="D124431" s="14" t="s">
        <v>39</v>
      </c>
      <c r="E124431" s="15">
        <v>45707</v>
      </c>
      <c r="F124431" s="14" t="s">
        <v>15</v>
      </c>
      <c r="G124431" s="16">
        <v>2.1541272766020039</v>
      </c>
    </row>
    <row r="124432" spans="1:7" x14ac:dyDescent="0.3">
      <c r="A124432" s="13" t="s">
        <v>576</v>
      </c>
      <c r="B124432" s="14" t="s">
        <v>1</v>
      </c>
      <c r="C124432" s="14" t="s">
        <v>200</v>
      </c>
      <c r="D124432" s="14" t="s">
        <v>39</v>
      </c>
      <c r="E124432" s="15">
        <v>45708</v>
      </c>
      <c r="F124432" s="14" t="s">
        <v>15</v>
      </c>
      <c r="G124432" s="16">
        <v>2.1611419122538336</v>
      </c>
    </row>
    <row r="124433" spans="1:7" x14ac:dyDescent="0.3">
      <c r="A124433" s="13" t="s">
        <v>576</v>
      </c>
      <c r="B124433" s="14" t="s">
        <v>1</v>
      </c>
      <c r="C124433" s="14" t="s">
        <v>200</v>
      </c>
      <c r="D124433" s="14" t="s">
        <v>39</v>
      </c>
      <c r="E124433" s="15">
        <v>45709</v>
      </c>
      <c r="F124433" s="14" t="s">
        <v>15</v>
      </c>
      <c r="G124433" s="16">
        <v>2.1680394416344586</v>
      </c>
    </row>
    <row r="124434" spans="1:7" x14ac:dyDescent="0.3">
      <c r="A124434" s="13" t="s">
        <v>576</v>
      </c>
      <c r="B124434" s="14" t="s">
        <v>1</v>
      </c>
      <c r="C124434" s="14" t="s">
        <v>200</v>
      </c>
      <c r="D124434" s="14" t="s">
        <v>39</v>
      </c>
      <c r="E124434" s="15">
        <v>45710</v>
      </c>
      <c r="F124434" s="14" t="s">
        <v>15</v>
      </c>
      <c r="G124434" s="16">
        <v>2.1680394416344586</v>
      </c>
    </row>
    <row r="124435" spans="1:7" x14ac:dyDescent="0.3">
      <c r="A124435" s="13" t="s">
        <v>576</v>
      </c>
      <c r="B124435" s="14" t="s">
        <v>1</v>
      </c>
      <c r="C124435" s="14" t="s">
        <v>200</v>
      </c>
      <c r="D124435" s="14" t="s">
        <v>39</v>
      </c>
      <c r="E124435" s="15">
        <v>45711</v>
      </c>
      <c r="F124435" s="14" t="s">
        <v>15</v>
      </c>
      <c r="G124435" s="16">
        <v>2.1680394416344586</v>
      </c>
    </row>
    <row r="124436" spans="1:7" x14ac:dyDescent="0.3">
      <c r="A124436" s="13" t="s">
        <v>576</v>
      </c>
      <c r="B124436" s="14" t="s">
        <v>1</v>
      </c>
      <c r="C124436" s="14" t="s">
        <v>200</v>
      </c>
      <c r="D124436" s="14" t="s">
        <v>39</v>
      </c>
      <c r="E124436" s="15">
        <v>45712</v>
      </c>
      <c r="F124436" s="14" t="s">
        <v>15</v>
      </c>
      <c r="G124436" s="16">
        <v>2.1754995188973205</v>
      </c>
    </row>
    <row r="124437" spans="1:7" x14ac:dyDescent="0.3">
      <c r="A124437" s="13" t="s">
        <v>576</v>
      </c>
      <c r="B124437" s="14" t="s">
        <v>1</v>
      </c>
      <c r="C124437" s="14" t="s">
        <v>200</v>
      </c>
      <c r="D124437" s="14" t="s">
        <v>39</v>
      </c>
      <c r="E124437" s="15">
        <v>45713</v>
      </c>
      <c r="F124437" s="14" t="s">
        <v>15</v>
      </c>
      <c r="G124437" s="16">
        <v>2.1951857097642105</v>
      </c>
    </row>
    <row r="124438" spans="1:7" x14ac:dyDescent="0.3">
      <c r="A124438" s="13" t="s">
        <v>576</v>
      </c>
      <c r="B124438" s="14" t="s">
        <v>1</v>
      </c>
      <c r="C124438" s="14" t="s">
        <v>200</v>
      </c>
      <c r="D124438" s="14" t="s">
        <v>39</v>
      </c>
      <c r="E124438" s="15">
        <v>45714</v>
      </c>
      <c r="F124438" s="14" t="s">
        <v>15</v>
      </c>
      <c r="G124438" s="16">
        <v>2.2020022497610117</v>
      </c>
    </row>
    <row r="124439" spans="1:7" x14ac:dyDescent="0.3">
      <c r="A124439" s="13" t="s">
        <v>576</v>
      </c>
      <c r="B124439" s="14" t="s">
        <v>1</v>
      </c>
      <c r="C124439" s="14" t="s">
        <v>200</v>
      </c>
      <c r="D124439" s="14" t="s">
        <v>39</v>
      </c>
      <c r="E124439" s="15">
        <v>45715</v>
      </c>
      <c r="F124439" s="14" t="s">
        <v>15</v>
      </c>
      <c r="G124439" s="16">
        <v>2.2090650412626829</v>
      </c>
    </row>
    <row r="124440" spans="1:7" x14ac:dyDescent="0.3">
      <c r="A124440" s="13" t="s">
        <v>576</v>
      </c>
      <c r="B124440" s="14" t="s">
        <v>1</v>
      </c>
      <c r="C124440" s="14" t="s">
        <v>200</v>
      </c>
      <c r="D124440" s="14" t="s">
        <v>39</v>
      </c>
      <c r="E124440" s="15">
        <v>45716</v>
      </c>
      <c r="F124440" s="14" t="s">
        <v>15</v>
      </c>
      <c r="G124440" s="16">
        <v>2.215920981500263</v>
      </c>
    </row>
    <row r="124441" spans="1:7" x14ac:dyDescent="0.3">
      <c r="A124441" s="13" t="s">
        <v>576</v>
      </c>
      <c r="B124441" s="14" t="s">
        <v>1</v>
      </c>
      <c r="C124441" s="14" t="s">
        <v>200</v>
      </c>
      <c r="D124441" s="14" t="s">
        <v>39</v>
      </c>
      <c r="E124441" s="15">
        <v>45717</v>
      </c>
      <c r="F124441" s="14" t="s">
        <v>15</v>
      </c>
      <c r="G124441" s="16">
        <v>2.215920981500263</v>
      </c>
    </row>
    <row r="124442" spans="1:7" x14ac:dyDescent="0.3">
      <c r="A124442" s="13" t="s">
        <v>576</v>
      </c>
      <c r="B124442" s="14" t="s">
        <v>1</v>
      </c>
      <c r="C124442" s="14" t="s">
        <v>200</v>
      </c>
      <c r="D124442" s="14" t="s">
        <v>39</v>
      </c>
      <c r="E124442" s="15">
        <v>45718</v>
      </c>
      <c r="F124442" s="14" t="s">
        <v>15</v>
      </c>
      <c r="G124442" s="16">
        <v>2.215920981500263</v>
      </c>
    </row>
    <row r="124443" spans="1:7" x14ac:dyDescent="0.3">
      <c r="A124443" s="13" t="s">
        <v>576</v>
      </c>
      <c r="B124443" s="14" t="s">
        <v>1</v>
      </c>
      <c r="C124443" s="14" t="s">
        <v>200</v>
      </c>
      <c r="D124443" s="14" t="s">
        <v>39</v>
      </c>
      <c r="E124443" s="15">
        <v>45719</v>
      </c>
      <c r="F124443" s="14" t="s">
        <v>15</v>
      </c>
      <c r="G124443" s="16">
        <v>2.2256334391943389</v>
      </c>
    </row>
    <row r="124444" spans="1:7" x14ac:dyDescent="0.3">
      <c r="A124444" s="13" t="s">
        <v>576</v>
      </c>
      <c r="B124444" s="14" t="s">
        <v>1</v>
      </c>
      <c r="C124444" s="14" t="s">
        <v>200</v>
      </c>
      <c r="D124444" s="14" t="s">
        <v>39</v>
      </c>
      <c r="E124444" s="15">
        <v>45720</v>
      </c>
      <c r="F124444" s="14" t="s">
        <v>15</v>
      </c>
      <c r="G124444" s="16">
        <v>2.2455034978515314</v>
      </c>
    </row>
    <row r="124445" spans="1:7" x14ac:dyDescent="0.3">
      <c r="A124445" s="13" t="s">
        <v>576</v>
      </c>
      <c r="B124445" s="14" t="s">
        <v>1</v>
      </c>
      <c r="C124445" s="14" t="s">
        <v>200</v>
      </c>
      <c r="D124445" s="14" t="s">
        <v>39</v>
      </c>
      <c r="E124445" s="15">
        <v>45721</v>
      </c>
      <c r="F124445" s="14" t="s">
        <v>15</v>
      </c>
      <c r="G124445" s="16">
        <v>2.2520945809149846</v>
      </c>
    </row>
    <row r="124446" spans="1:7" x14ac:dyDescent="0.3">
      <c r="A124446" s="13" t="s">
        <v>576</v>
      </c>
      <c r="B124446" s="14" t="s">
        <v>1</v>
      </c>
      <c r="C124446" s="14" t="s">
        <v>200</v>
      </c>
      <c r="D124446" s="14" t="s">
        <v>39</v>
      </c>
      <c r="E124446" s="15">
        <v>45722</v>
      </c>
      <c r="F124446" s="14" t="s">
        <v>15</v>
      </c>
      <c r="G124446" s="16">
        <v>2.2587863534826513</v>
      </c>
    </row>
    <row r="124447" spans="1:7" x14ac:dyDescent="0.3">
      <c r="A124447" s="13" t="s">
        <v>576</v>
      </c>
      <c r="B124447" s="14" t="s">
        <v>1</v>
      </c>
      <c r="C124447" s="14" t="s">
        <v>200</v>
      </c>
      <c r="D124447" s="14" t="s">
        <v>39</v>
      </c>
      <c r="E124447" s="15">
        <v>45723</v>
      </c>
      <c r="F124447" s="14" t="s">
        <v>15</v>
      </c>
      <c r="G124447" s="16">
        <v>2.2653664920347767</v>
      </c>
    </row>
    <row r="124448" spans="1:7" x14ac:dyDescent="0.3">
      <c r="A124448" s="13" t="s">
        <v>576</v>
      </c>
      <c r="B124448" s="14" t="s">
        <v>1</v>
      </c>
      <c r="C124448" s="14" t="s">
        <v>200</v>
      </c>
      <c r="D124448" s="14" t="s">
        <v>39</v>
      </c>
      <c r="E124448" s="15">
        <v>45724</v>
      </c>
      <c r="F124448" s="14" t="s">
        <v>15</v>
      </c>
      <c r="G124448" s="16">
        <v>2.2653664920347767</v>
      </c>
    </row>
    <row r="124449" spans="1:7" x14ac:dyDescent="0.3">
      <c r="A124449" s="13" t="s">
        <v>576</v>
      </c>
      <c r="B124449" s="14" t="s">
        <v>1</v>
      </c>
      <c r="C124449" s="14" t="s">
        <v>200</v>
      </c>
      <c r="D124449" s="14" t="s">
        <v>39</v>
      </c>
      <c r="E124449" s="15">
        <v>45725</v>
      </c>
      <c r="F124449" s="14" t="s">
        <v>15</v>
      </c>
      <c r="G124449" s="16">
        <v>2.2653664920347767</v>
      </c>
    </row>
    <row r="124450" spans="1:7" x14ac:dyDescent="0.3">
      <c r="A124450" s="13" t="s">
        <v>576</v>
      </c>
      <c r="B124450" s="14" t="s">
        <v>1</v>
      </c>
      <c r="C124450" s="14" t="s">
        <v>200</v>
      </c>
      <c r="D124450" s="14" t="s">
        <v>39</v>
      </c>
      <c r="E124450" s="15">
        <v>45726</v>
      </c>
      <c r="F124450" s="14" t="s">
        <v>15</v>
      </c>
      <c r="G124450" s="16">
        <v>2.2720166754593984</v>
      </c>
    </row>
    <row r="124451" spans="1:7" x14ac:dyDescent="0.3">
      <c r="A124451" s="13" t="s">
        <v>576</v>
      </c>
      <c r="B124451" s="14" t="s">
        <v>1</v>
      </c>
      <c r="C124451" s="14" t="s">
        <v>200</v>
      </c>
      <c r="D124451" s="14" t="s">
        <v>39</v>
      </c>
      <c r="E124451" s="15">
        <v>45727</v>
      </c>
      <c r="F124451" s="14" t="s">
        <v>15</v>
      </c>
      <c r="G124451" s="16">
        <v>2.29240222060012</v>
      </c>
    </row>
    <row r="124452" spans="1:7" x14ac:dyDescent="0.3">
      <c r="A124452" s="13" t="s">
        <v>576</v>
      </c>
      <c r="B124452" s="14" t="s">
        <v>1</v>
      </c>
      <c r="C124452" s="14" t="s">
        <v>200</v>
      </c>
      <c r="D124452" s="14" t="s">
        <v>39</v>
      </c>
      <c r="E124452" s="15">
        <v>45728</v>
      </c>
      <c r="F124452" s="14" t="s">
        <v>15</v>
      </c>
      <c r="G124452" s="16">
        <v>2.3003340063012003</v>
      </c>
    </row>
    <row r="124453" spans="1:7" x14ac:dyDescent="0.3">
      <c r="A124453" s="13" t="s">
        <v>576</v>
      </c>
      <c r="B124453" s="14" t="s">
        <v>1</v>
      </c>
      <c r="C124453" s="14" t="s">
        <v>200</v>
      </c>
      <c r="D124453" s="14" t="s">
        <v>39</v>
      </c>
      <c r="E124453" s="15">
        <v>45729</v>
      </c>
      <c r="F124453" s="14" t="s">
        <v>15</v>
      </c>
      <c r="G124453" s="16">
        <v>2.3075084318184125</v>
      </c>
    </row>
    <row r="124454" spans="1:7" x14ac:dyDescent="0.3">
      <c r="A124454" s="13" t="s">
        <v>576</v>
      </c>
      <c r="B124454" s="14" t="s">
        <v>1</v>
      </c>
      <c r="C124454" s="14" t="s">
        <v>200</v>
      </c>
      <c r="D124454" s="14" t="s">
        <v>39</v>
      </c>
      <c r="E124454" s="15">
        <v>45730</v>
      </c>
      <c r="F124454" s="14" t="s">
        <v>15</v>
      </c>
      <c r="G124454" s="16">
        <v>2.313948480625545</v>
      </c>
    </row>
    <row r="124455" spans="1:7" x14ac:dyDescent="0.3">
      <c r="A124455" s="13" t="s">
        <v>576</v>
      </c>
      <c r="B124455" s="14" t="s">
        <v>1</v>
      </c>
      <c r="C124455" s="14" t="s">
        <v>200</v>
      </c>
      <c r="D124455" s="14" t="s">
        <v>39</v>
      </c>
      <c r="E124455" s="15">
        <v>45731</v>
      </c>
      <c r="F124455" s="14" t="s">
        <v>15</v>
      </c>
      <c r="G124455" s="16">
        <v>2.313948480625545</v>
      </c>
    </row>
    <row r="124456" spans="1:7" x14ac:dyDescent="0.3">
      <c r="A124456" s="13" t="s">
        <v>576</v>
      </c>
      <c r="B124456" s="14" t="s">
        <v>1</v>
      </c>
      <c r="C124456" s="14" t="s">
        <v>200</v>
      </c>
      <c r="D124456" s="14" t="s">
        <v>39</v>
      </c>
      <c r="E124456" s="15">
        <v>45732</v>
      </c>
      <c r="F124456" s="14" t="s">
        <v>15</v>
      </c>
      <c r="G124456" s="16">
        <v>2.313948480625545</v>
      </c>
    </row>
    <row r="124457" spans="1:7" x14ac:dyDescent="0.3">
      <c r="A124457" s="13" t="s">
        <v>576</v>
      </c>
      <c r="B124457" s="14" t="s">
        <v>1</v>
      </c>
      <c r="C124457" s="14" t="s">
        <v>200</v>
      </c>
      <c r="D124457" s="14" t="s">
        <v>39</v>
      </c>
      <c r="E124457" s="15">
        <v>45733</v>
      </c>
      <c r="F124457" s="14" t="s">
        <v>15</v>
      </c>
      <c r="G124457" s="16">
        <v>2.313948480625545</v>
      </c>
    </row>
    <row r="124458" spans="1:7" x14ac:dyDescent="0.3">
      <c r="A124458" s="13" t="s">
        <v>576</v>
      </c>
      <c r="B124458" s="14" t="s">
        <v>1</v>
      </c>
      <c r="C124458" s="14" t="s">
        <v>200</v>
      </c>
      <c r="D124458" s="14" t="s">
        <v>39</v>
      </c>
      <c r="E124458" s="15">
        <v>45734</v>
      </c>
      <c r="F124458" s="14" t="s">
        <v>15</v>
      </c>
      <c r="G124458" s="16">
        <v>2.3207869096450011</v>
      </c>
    </row>
    <row r="124459" spans="1:7" x14ac:dyDescent="0.3">
      <c r="A124459" s="13" t="s">
        <v>576</v>
      </c>
      <c r="B124459" s="14" t="s">
        <v>1</v>
      </c>
      <c r="C124459" s="14" t="s">
        <v>200</v>
      </c>
      <c r="D124459" s="14" t="s">
        <v>39</v>
      </c>
      <c r="E124459" s="15">
        <v>45735</v>
      </c>
      <c r="F124459" s="14" t="s">
        <v>15</v>
      </c>
      <c r="G124459" s="16">
        <v>2.3452919688494194</v>
      </c>
    </row>
    <row r="124460" spans="1:7" x14ac:dyDescent="0.3">
      <c r="A124460" s="13" t="s">
        <v>576</v>
      </c>
      <c r="B124460" s="14" t="s">
        <v>1</v>
      </c>
      <c r="C124460" s="14" t="s">
        <v>200</v>
      </c>
      <c r="D124460" s="14" t="s">
        <v>39</v>
      </c>
      <c r="E124460" s="15">
        <v>45736</v>
      </c>
      <c r="F124460" s="14" t="s">
        <v>15</v>
      </c>
      <c r="G124460" s="16">
        <v>2.3524313719303835</v>
      </c>
    </row>
    <row r="124461" spans="1:7" x14ac:dyDescent="0.3">
      <c r="A124461" s="13" t="s">
        <v>576</v>
      </c>
      <c r="B124461" s="14" t="s">
        <v>1</v>
      </c>
      <c r="C124461" s="14" t="s">
        <v>200</v>
      </c>
      <c r="D124461" s="14" t="s">
        <v>39</v>
      </c>
      <c r="E124461" s="15">
        <v>45737</v>
      </c>
      <c r="F124461" s="14" t="s">
        <v>15</v>
      </c>
      <c r="G124461" s="16">
        <v>2.354779267952138</v>
      </c>
    </row>
    <row r="124462" spans="1:7" x14ac:dyDescent="0.3">
      <c r="A124462" s="13" t="s">
        <v>576</v>
      </c>
      <c r="B124462" s="14" t="s">
        <v>1</v>
      </c>
      <c r="C124462" s="14" t="s">
        <v>200</v>
      </c>
      <c r="D124462" s="14" t="s">
        <v>39</v>
      </c>
      <c r="E124462" s="15">
        <v>45738</v>
      </c>
      <c r="F124462" s="14" t="s">
        <v>15</v>
      </c>
      <c r="G124462" s="16">
        <v>2.354779267952138</v>
      </c>
    </row>
    <row r="124463" spans="1:7" x14ac:dyDescent="0.3">
      <c r="A124463" s="13" t="s">
        <v>576</v>
      </c>
      <c r="B124463" s="14" t="s">
        <v>1</v>
      </c>
      <c r="C124463" s="14" t="s">
        <v>200</v>
      </c>
      <c r="D124463" s="14" t="s">
        <v>39</v>
      </c>
      <c r="E124463" s="15">
        <v>45739</v>
      </c>
      <c r="F124463" s="14" t="s">
        <v>15</v>
      </c>
      <c r="G124463" s="16">
        <v>2.354779267952138</v>
      </c>
    </row>
    <row r="124464" spans="1:7" x14ac:dyDescent="0.3">
      <c r="A124464" s="13" t="s">
        <v>576</v>
      </c>
      <c r="B124464" s="14" t="s">
        <v>1</v>
      </c>
      <c r="C124464" s="14" t="s">
        <v>200</v>
      </c>
      <c r="D124464" s="14" t="s">
        <v>39</v>
      </c>
      <c r="E124464" s="15">
        <v>45740</v>
      </c>
      <c r="F124464" s="14" t="s">
        <v>15</v>
      </c>
      <c r="G124464" s="16">
        <v>2.3610343545178347</v>
      </c>
    </row>
    <row r="124465" spans="1:7" x14ac:dyDescent="0.3">
      <c r="A124465" s="13" t="s">
        <v>576</v>
      </c>
      <c r="B124465" s="14" t="s">
        <v>1</v>
      </c>
      <c r="C124465" s="14" t="s">
        <v>200</v>
      </c>
      <c r="D124465" s="14" t="s">
        <v>39</v>
      </c>
      <c r="E124465" s="15">
        <v>45741</v>
      </c>
      <c r="F124465" s="14" t="s">
        <v>15</v>
      </c>
      <c r="G124465" s="16">
        <v>2.3805476221057487</v>
      </c>
    </row>
    <row r="124466" spans="1:7" x14ac:dyDescent="0.3">
      <c r="A124466" s="13" t="s">
        <v>576</v>
      </c>
      <c r="B124466" s="14" t="s">
        <v>1</v>
      </c>
      <c r="C124466" s="14" t="s">
        <v>200</v>
      </c>
      <c r="D124466" s="14" t="s">
        <v>39</v>
      </c>
      <c r="E124466" s="15">
        <v>45742</v>
      </c>
      <c r="F124466" s="14" t="s">
        <v>15</v>
      </c>
      <c r="G124466" s="16">
        <v>2.3866648078287178</v>
      </c>
    </row>
    <row r="124467" spans="1:7" x14ac:dyDescent="0.3">
      <c r="A124467" s="13" t="s">
        <v>576</v>
      </c>
      <c r="B124467" s="14" t="s">
        <v>1</v>
      </c>
      <c r="C124467" s="14" t="s">
        <v>200</v>
      </c>
      <c r="D124467" s="14" t="s">
        <v>39</v>
      </c>
      <c r="E124467" s="15">
        <v>45743</v>
      </c>
      <c r="F124467" s="14" t="s">
        <v>15</v>
      </c>
      <c r="G124467" s="16">
        <v>2.3927787101982889</v>
      </c>
    </row>
    <row r="124468" spans="1:7" x14ac:dyDescent="0.3">
      <c r="A124468" s="13" t="s">
        <v>576</v>
      </c>
      <c r="B124468" s="14" t="s">
        <v>1</v>
      </c>
      <c r="C124468" s="14" t="s">
        <v>200</v>
      </c>
      <c r="D124468" s="14" t="s">
        <v>39</v>
      </c>
      <c r="E124468" s="15">
        <v>45744</v>
      </c>
      <c r="F124468" s="14" t="s">
        <v>15</v>
      </c>
      <c r="G124468" s="16">
        <v>2.3989670352448873</v>
      </c>
    </row>
    <row r="124469" spans="1:7" x14ac:dyDescent="0.3">
      <c r="A124469" s="13" t="s">
        <v>576</v>
      </c>
      <c r="B124469" s="14" t="s">
        <v>1</v>
      </c>
      <c r="C124469" s="14" t="s">
        <v>200</v>
      </c>
      <c r="D124469" s="14" t="s">
        <v>39</v>
      </c>
      <c r="E124469" s="15">
        <v>45745</v>
      </c>
      <c r="F124469" s="14" t="s">
        <v>15</v>
      </c>
      <c r="G124469" s="16">
        <v>2.3989670352448873</v>
      </c>
    </row>
    <row r="124470" spans="1:7" x14ac:dyDescent="0.3">
      <c r="A124470" s="13" t="s">
        <v>576</v>
      </c>
      <c r="B124470" s="14" t="s">
        <v>1</v>
      </c>
      <c r="C124470" s="14" t="s">
        <v>200</v>
      </c>
      <c r="D124470" s="14" t="s">
        <v>39</v>
      </c>
      <c r="E124470" s="15">
        <v>45746</v>
      </c>
      <c r="F124470" s="14" t="s">
        <v>15</v>
      </c>
      <c r="G124470" s="16">
        <v>2.3989670352448873</v>
      </c>
    </row>
    <row r="124471" spans="1:7" x14ac:dyDescent="0.3">
      <c r="A124471" s="13" t="s">
        <v>576</v>
      </c>
      <c r="B124471" s="14" t="s">
        <v>1</v>
      </c>
      <c r="C124471" s="14" t="s">
        <v>200</v>
      </c>
      <c r="D124471" s="14" t="s">
        <v>39</v>
      </c>
      <c r="E124471" s="15">
        <v>45747</v>
      </c>
      <c r="F124471" s="14" t="s">
        <v>15</v>
      </c>
      <c r="G124471" s="16">
        <v>2.4052691832092927</v>
      </c>
    </row>
    <row r="124472" spans="1:7" x14ac:dyDescent="0.3">
      <c r="A124472" s="13" t="s">
        <v>577</v>
      </c>
      <c r="B124472" s="14" t="s">
        <v>1</v>
      </c>
      <c r="C124472" s="14" t="s">
        <v>200</v>
      </c>
      <c r="D124472" s="14" t="s">
        <v>434</v>
      </c>
      <c r="E124472" s="15">
        <v>45383</v>
      </c>
      <c r="F124472" s="14" t="s">
        <v>61</v>
      </c>
      <c r="G124472" s="16">
        <v>0</v>
      </c>
    </row>
    <row r="124473" spans="1:7" x14ac:dyDescent="0.3">
      <c r="A124473" s="13" t="s">
        <v>577</v>
      </c>
      <c r="B124473" s="14" t="s">
        <v>1</v>
      </c>
      <c r="C124473" s="14" t="s">
        <v>200</v>
      </c>
      <c r="D124473" s="14" t="s">
        <v>434</v>
      </c>
      <c r="E124473" s="15">
        <v>45384</v>
      </c>
      <c r="F124473" s="14" t="s">
        <v>61</v>
      </c>
      <c r="G124473" s="16">
        <v>0</v>
      </c>
    </row>
    <row r="124474" spans="1:7" x14ac:dyDescent="0.3">
      <c r="A124474" s="13" t="s">
        <v>577</v>
      </c>
      <c r="B124474" s="14" t="s">
        <v>1</v>
      </c>
      <c r="C124474" s="14" t="s">
        <v>200</v>
      </c>
      <c r="D124474" s="14" t="s">
        <v>434</v>
      </c>
      <c r="E124474" s="15">
        <v>45385</v>
      </c>
      <c r="F124474" s="14" t="s">
        <v>61</v>
      </c>
      <c r="G124474" s="16">
        <v>3.7009788058131723E-2</v>
      </c>
    </row>
    <row r="124475" spans="1:7" x14ac:dyDescent="0.3">
      <c r="A124475" s="13" t="s">
        <v>577</v>
      </c>
      <c r="B124475" s="14" t="s">
        <v>1</v>
      </c>
      <c r="C124475" s="14" t="s">
        <v>200</v>
      </c>
      <c r="D124475" s="14" t="s">
        <v>434</v>
      </c>
      <c r="E124475" s="15">
        <v>45386</v>
      </c>
      <c r="F124475" s="14" t="s">
        <v>61</v>
      </c>
      <c r="G124475" s="16">
        <v>4.623670995045219E-2</v>
      </c>
    </row>
    <row r="124476" spans="1:7" x14ac:dyDescent="0.3">
      <c r="A124476" s="13" t="s">
        <v>577</v>
      </c>
      <c r="B124476" s="14" t="s">
        <v>1</v>
      </c>
      <c r="C124476" s="14" t="s">
        <v>200</v>
      </c>
      <c r="D124476" s="14" t="s">
        <v>434</v>
      </c>
      <c r="E124476" s="15">
        <v>45387</v>
      </c>
      <c r="F124476" s="14" t="s">
        <v>61</v>
      </c>
      <c r="G124476" s="16">
        <v>5.3591397738425396E-2</v>
      </c>
    </row>
    <row r="124477" spans="1:7" x14ac:dyDescent="0.3">
      <c r="A124477" s="13" t="s">
        <v>577</v>
      </c>
      <c r="B124477" s="14" t="s">
        <v>1</v>
      </c>
      <c r="C124477" s="14" t="s">
        <v>200</v>
      </c>
      <c r="D124477" s="14" t="s">
        <v>434</v>
      </c>
      <c r="E124477" s="15">
        <v>45388</v>
      </c>
      <c r="F124477" s="14" t="s">
        <v>61</v>
      </c>
      <c r="G124477" s="16">
        <v>5.3591397738425396E-2</v>
      </c>
    </row>
    <row r="124478" spans="1:7" x14ac:dyDescent="0.3">
      <c r="A124478" s="13" t="s">
        <v>577</v>
      </c>
      <c r="B124478" s="14" t="s">
        <v>1</v>
      </c>
      <c r="C124478" s="14" t="s">
        <v>200</v>
      </c>
      <c r="D124478" s="14" t="s">
        <v>434</v>
      </c>
      <c r="E124478" s="15">
        <v>45389</v>
      </c>
      <c r="F124478" s="14" t="s">
        <v>61</v>
      </c>
      <c r="G124478" s="16">
        <v>5.3591397738425396E-2</v>
      </c>
    </row>
    <row r="124479" spans="1:7" x14ac:dyDescent="0.3">
      <c r="A124479" s="13" t="s">
        <v>577</v>
      </c>
      <c r="B124479" s="14" t="s">
        <v>1</v>
      </c>
      <c r="C124479" s="14" t="s">
        <v>200</v>
      </c>
      <c r="D124479" s="14" t="s">
        <v>434</v>
      </c>
      <c r="E124479" s="15">
        <v>45390</v>
      </c>
      <c r="F124479" s="14" t="s">
        <v>61</v>
      </c>
      <c r="G124479" s="16">
        <v>5.4011244736889272E-2</v>
      </c>
    </row>
    <row r="124480" spans="1:7" x14ac:dyDescent="0.3">
      <c r="A124480" s="13" t="s">
        <v>577</v>
      </c>
      <c r="B124480" s="14" t="s">
        <v>1</v>
      </c>
      <c r="C124480" s="14" t="s">
        <v>200</v>
      </c>
      <c r="D124480" s="14" t="s">
        <v>434</v>
      </c>
      <c r="E124480" s="15">
        <v>45391</v>
      </c>
      <c r="F124480" s="14" t="s">
        <v>61</v>
      </c>
      <c r="G124480" s="16">
        <v>7.4088750623556882E-2</v>
      </c>
    </row>
    <row r="124481" spans="1:7" x14ac:dyDescent="0.3">
      <c r="A124481" s="13" t="s">
        <v>577</v>
      </c>
      <c r="B124481" s="14" t="s">
        <v>1</v>
      </c>
      <c r="C124481" s="14" t="s">
        <v>200</v>
      </c>
      <c r="D124481" s="14" t="s">
        <v>434</v>
      </c>
      <c r="E124481" s="15">
        <v>45392</v>
      </c>
      <c r="F124481" s="14" t="s">
        <v>61</v>
      </c>
      <c r="G124481" s="16">
        <v>9.2129620721232666E-2</v>
      </c>
    </row>
    <row r="124482" spans="1:7" x14ac:dyDescent="0.3">
      <c r="A124482" s="13" t="s">
        <v>577</v>
      </c>
      <c r="B124482" s="14" t="s">
        <v>1</v>
      </c>
      <c r="C124482" s="14" t="s">
        <v>200</v>
      </c>
      <c r="D124482" s="14" t="s">
        <v>434</v>
      </c>
      <c r="E124482" s="15">
        <v>45393</v>
      </c>
      <c r="F124482" s="14" t="s">
        <v>61</v>
      </c>
      <c r="G124482" s="16">
        <v>0.11560254760027455</v>
      </c>
    </row>
    <row r="124483" spans="1:7" x14ac:dyDescent="0.3">
      <c r="A124483" s="13" t="s">
        <v>577</v>
      </c>
      <c r="B124483" s="14" t="s">
        <v>1</v>
      </c>
      <c r="C124483" s="14" t="s">
        <v>200</v>
      </c>
      <c r="D124483" s="14" t="s">
        <v>434</v>
      </c>
      <c r="E124483" s="15">
        <v>45394</v>
      </c>
      <c r="F124483" s="14" t="s">
        <v>61</v>
      </c>
      <c r="G124483" s="16">
        <v>0.12153573105421453</v>
      </c>
    </row>
    <row r="124484" spans="1:7" x14ac:dyDescent="0.3">
      <c r="A124484" s="13" t="s">
        <v>577</v>
      </c>
      <c r="B124484" s="14" t="s">
        <v>1</v>
      </c>
      <c r="C124484" s="14" t="s">
        <v>200</v>
      </c>
      <c r="D124484" s="14" t="s">
        <v>434</v>
      </c>
      <c r="E124484" s="15">
        <v>45395</v>
      </c>
      <c r="F124484" s="14" t="s">
        <v>61</v>
      </c>
      <c r="G124484" s="16">
        <v>0.12153573105421453</v>
      </c>
    </row>
    <row r="124485" spans="1:7" x14ac:dyDescent="0.3">
      <c r="A124485" s="13" t="s">
        <v>577</v>
      </c>
      <c r="B124485" s="14" t="s">
        <v>1</v>
      </c>
      <c r="C124485" s="14" t="s">
        <v>200</v>
      </c>
      <c r="D124485" s="14" t="s">
        <v>434</v>
      </c>
      <c r="E124485" s="15">
        <v>45396</v>
      </c>
      <c r="F124485" s="14" t="s">
        <v>61</v>
      </c>
      <c r="G124485" s="16">
        <v>0.12153573105421453</v>
      </c>
    </row>
    <row r="124486" spans="1:7" x14ac:dyDescent="0.3">
      <c r="A124486" s="13" t="s">
        <v>577</v>
      </c>
      <c r="B124486" s="14" t="s">
        <v>1</v>
      </c>
      <c r="C124486" s="14" t="s">
        <v>200</v>
      </c>
      <c r="D124486" s="14" t="s">
        <v>434</v>
      </c>
      <c r="E124486" s="15">
        <v>45397</v>
      </c>
      <c r="F124486" s="14" t="s">
        <v>61</v>
      </c>
      <c r="G124486" s="16">
        <v>0.12939995825914236</v>
      </c>
    </row>
    <row r="124487" spans="1:7" x14ac:dyDescent="0.3">
      <c r="A124487" s="13" t="s">
        <v>577</v>
      </c>
      <c r="B124487" s="14" t="s">
        <v>1</v>
      </c>
      <c r="C124487" s="14" t="s">
        <v>200</v>
      </c>
      <c r="D124487" s="14" t="s">
        <v>434</v>
      </c>
      <c r="E124487" s="15">
        <v>45398</v>
      </c>
      <c r="F124487" s="14" t="s">
        <v>61</v>
      </c>
      <c r="G124487" s="16">
        <v>0.15269305709826062</v>
      </c>
    </row>
    <row r="124488" spans="1:7" x14ac:dyDescent="0.3">
      <c r="A124488" s="13" t="s">
        <v>577</v>
      </c>
      <c r="B124488" s="14" t="s">
        <v>1</v>
      </c>
      <c r="C124488" s="14" t="s">
        <v>200</v>
      </c>
      <c r="D124488" s="14" t="s">
        <v>434</v>
      </c>
      <c r="E124488" s="15">
        <v>45399</v>
      </c>
      <c r="F124488" s="14" t="s">
        <v>61</v>
      </c>
      <c r="G124488" s="16">
        <v>0.15906510045936623</v>
      </c>
    </row>
    <row r="124489" spans="1:7" x14ac:dyDescent="0.3">
      <c r="A124489" s="13" t="s">
        <v>577</v>
      </c>
      <c r="B124489" s="14" t="s">
        <v>1</v>
      </c>
      <c r="C124489" s="14" t="s">
        <v>200</v>
      </c>
      <c r="D124489" s="14" t="s">
        <v>434</v>
      </c>
      <c r="E124489" s="15">
        <v>45400</v>
      </c>
      <c r="F124489" s="14" t="s">
        <v>61</v>
      </c>
      <c r="G124489" s="16">
        <v>0.16653710216023107</v>
      </c>
    </row>
    <row r="124490" spans="1:7" x14ac:dyDescent="0.3">
      <c r="A124490" s="13" t="s">
        <v>577</v>
      </c>
      <c r="B124490" s="14" t="s">
        <v>1</v>
      </c>
      <c r="C124490" s="14" t="s">
        <v>200</v>
      </c>
      <c r="D124490" s="14" t="s">
        <v>434</v>
      </c>
      <c r="E124490" s="15">
        <v>45401</v>
      </c>
      <c r="F124490" s="14" t="s">
        <v>61</v>
      </c>
      <c r="G124490" s="16">
        <v>0.16274121984671355</v>
      </c>
    </row>
    <row r="124491" spans="1:7" x14ac:dyDescent="0.3">
      <c r="A124491" s="13" t="s">
        <v>577</v>
      </c>
      <c r="B124491" s="14" t="s">
        <v>1</v>
      </c>
      <c r="C124491" s="14" t="s">
        <v>200</v>
      </c>
      <c r="D124491" s="14" t="s">
        <v>434</v>
      </c>
      <c r="E124491" s="15">
        <v>45402</v>
      </c>
      <c r="F124491" s="14" t="s">
        <v>61</v>
      </c>
      <c r="G124491" s="16">
        <v>0.16274121984671355</v>
      </c>
    </row>
    <row r="124492" spans="1:7" x14ac:dyDescent="0.3">
      <c r="A124492" s="13" t="s">
        <v>577</v>
      </c>
      <c r="B124492" s="14" t="s">
        <v>1</v>
      </c>
      <c r="C124492" s="14" t="s">
        <v>200</v>
      </c>
      <c r="D124492" s="14" t="s">
        <v>434</v>
      </c>
      <c r="E124492" s="15">
        <v>45403</v>
      </c>
      <c r="F124492" s="14" t="s">
        <v>61</v>
      </c>
      <c r="G124492" s="16">
        <v>0.16274121984671355</v>
      </c>
    </row>
    <row r="124493" spans="1:7" x14ac:dyDescent="0.3">
      <c r="A124493" s="13" t="s">
        <v>577</v>
      </c>
      <c r="B124493" s="14" t="s">
        <v>1</v>
      </c>
      <c r="C124493" s="14" t="s">
        <v>200</v>
      </c>
      <c r="D124493" s="14" t="s">
        <v>434</v>
      </c>
      <c r="E124493" s="15">
        <v>45404</v>
      </c>
      <c r="F124493" s="14" t="s">
        <v>61</v>
      </c>
      <c r="G124493" s="16">
        <v>0.15923159826735503</v>
      </c>
    </row>
    <row r="124494" spans="1:7" x14ac:dyDescent="0.3">
      <c r="A124494" s="13" t="s">
        <v>577</v>
      </c>
      <c r="B124494" s="14" t="s">
        <v>1</v>
      </c>
      <c r="C124494" s="14" t="s">
        <v>200</v>
      </c>
      <c r="D124494" s="14" t="s">
        <v>434</v>
      </c>
      <c r="E124494" s="15">
        <v>45405</v>
      </c>
      <c r="F124494" s="14" t="s">
        <v>61</v>
      </c>
      <c r="G124494" s="16">
        <v>0.1819164921700584</v>
      </c>
    </row>
    <row r="124495" spans="1:7" x14ac:dyDescent="0.3">
      <c r="A124495" s="13" t="s">
        <v>577</v>
      </c>
      <c r="B124495" s="14" t="s">
        <v>1</v>
      </c>
      <c r="C124495" s="14" t="s">
        <v>200</v>
      </c>
      <c r="D124495" s="14" t="s">
        <v>434</v>
      </c>
      <c r="E124495" s="15">
        <v>45406</v>
      </c>
      <c r="F124495" s="14" t="s">
        <v>61</v>
      </c>
      <c r="G124495" s="16">
        <v>0.19049213207600746</v>
      </c>
    </row>
    <row r="124496" spans="1:7" x14ac:dyDescent="0.3">
      <c r="A124496" s="13" t="s">
        <v>577</v>
      </c>
      <c r="B124496" s="14" t="s">
        <v>1</v>
      </c>
      <c r="C124496" s="14" t="s">
        <v>200</v>
      </c>
      <c r="D124496" s="14" t="s">
        <v>434</v>
      </c>
      <c r="E124496" s="15">
        <v>45407</v>
      </c>
      <c r="F124496" s="14" t="s">
        <v>61</v>
      </c>
      <c r="G124496" s="16">
        <v>0.19638731363289447</v>
      </c>
    </row>
    <row r="124497" spans="1:7" x14ac:dyDescent="0.3">
      <c r="A124497" s="13" t="s">
        <v>577</v>
      </c>
      <c r="B124497" s="14" t="s">
        <v>1</v>
      </c>
      <c r="C124497" s="14" t="s">
        <v>200</v>
      </c>
      <c r="D124497" s="14" t="s">
        <v>434</v>
      </c>
      <c r="E124497" s="15">
        <v>45408</v>
      </c>
      <c r="F124497" s="14" t="s">
        <v>61</v>
      </c>
      <c r="G124497" s="16">
        <v>0.20357245784676534</v>
      </c>
    </row>
    <row r="124498" spans="1:7" x14ac:dyDescent="0.3">
      <c r="A124498" s="13" t="s">
        <v>577</v>
      </c>
      <c r="B124498" s="14" t="s">
        <v>1</v>
      </c>
      <c r="C124498" s="14" t="s">
        <v>200</v>
      </c>
      <c r="D124498" s="14" t="s">
        <v>434</v>
      </c>
      <c r="E124498" s="15">
        <v>45409</v>
      </c>
      <c r="F124498" s="14" t="s">
        <v>61</v>
      </c>
      <c r="G124498" s="16">
        <v>0.20357245784676534</v>
      </c>
    </row>
    <row r="124499" spans="1:7" x14ac:dyDescent="0.3">
      <c r="A124499" s="13" t="s">
        <v>577</v>
      </c>
      <c r="B124499" s="14" t="s">
        <v>1</v>
      </c>
      <c r="C124499" s="14" t="s">
        <v>200</v>
      </c>
      <c r="D124499" s="14" t="s">
        <v>434</v>
      </c>
      <c r="E124499" s="15">
        <v>45410</v>
      </c>
      <c r="F124499" s="14" t="s">
        <v>61</v>
      </c>
      <c r="G124499" s="16">
        <v>0.20357245784676534</v>
      </c>
    </row>
    <row r="124500" spans="1:7" x14ac:dyDescent="0.3">
      <c r="A124500" s="13" t="s">
        <v>577</v>
      </c>
      <c r="B124500" s="14" t="s">
        <v>1</v>
      </c>
      <c r="C124500" s="14" t="s">
        <v>200</v>
      </c>
      <c r="D124500" s="14" t="s">
        <v>434</v>
      </c>
      <c r="E124500" s="15">
        <v>45411</v>
      </c>
      <c r="F124500" s="14" t="s">
        <v>61</v>
      </c>
      <c r="G124500" s="16">
        <v>0.20983917378437167</v>
      </c>
    </row>
    <row r="124501" spans="1:7" x14ac:dyDescent="0.3">
      <c r="A124501" s="13" t="s">
        <v>577</v>
      </c>
      <c r="B124501" s="14" t="s">
        <v>1</v>
      </c>
      <c r="C124501" s="14" t="s">
        <v>200</v>
      </c>
      <c r="D124501" s="14" t="s">
        <v>434</v>
      </c>
      <c r="E124501" s="15">
        <v>45412</v>
      </c>
      <c r="F124501" s="14" t="s">
        <v>61</v>
      </c>
      <c r="G124501" s="16">
        <v>0.23044058731895339</v>
      </c>
    </row>
    <row r="124502" spans="1:7" x14ac:dyDescent="0.3">
      <c r="A124502" s="13" t="s">
        <v>577</v>
      </c>
      <c r="B124502" s="14" t="s">
        <v>1</v>
      </c>
      <c r="C124502" s="14" t="s">
        <v>200</v>
      </c>
      <c r="D124502" s="14" t="s">
        <v>434</v>
      </c>
      <c r="E124502" s="15">
        <v>45413</v>
      </c>
      <c r="F124502" s="14" t="s">
        <v>61</v>
      </c>
      <c r="G124502" s="16">
        <v>0.23515659156082697</v>
      </c>
    </row>
    <row r="124503" spans="1:7" x14ac:dyDescent="0.3">
      <c r="A124503" s="13" t="s">
        <v>577</v>
      </c>
      <c r="B124503" s="14" t="s">
        <v>1</v>
      </c>
      <c r="C124503" s="14" t="s">
        <v>200</v>
      </c>
      <c r="D124503" s="14" t="s">
        <v>434</v>
      </c>
      <c r="E124503" s="15">
        <v>45414</v>
      </c>
      <c r="F124503" s="14" t="s">
        <v>61</v>
      </c>
      <c r="G124503" s="16">
        <v>0.24371733938137047</v>
      </c>
    </row>
    <row r="124504" spans="1:7" x14ac:dyDescent="0.3">
      <c r="A124504" s="13" t="s">
        <v>577</v>
      </c>
      <c r="B124504" s="14" t="s">
        <v>1</v>
      </c>
      <c r="C124504" s="14" t="s">
        <v>200</v>
      </c>
      <c r="D124504" s="14" t="s">
        <v>434</v>
      </c>
      <c r="E124504" s="15">
        <v>45415</v>
      </c>
      <c r="F124504" s="14" t="s">
        <v>61</v>
      </c>
      <c r="G124504" s="16">
        <v>0.24918354467706841</v>
      </c>
    </row>
    <row r="124505" spans="1:7" x14ac:dyDescent="0.3">
      <c r="A124505" s="13" t="s">
        <v>577</v>
      </c>
      <c r="B124505" s="14" t="s">
        <v>1</v>
      </c>
      <c r="C124505" s="14" t="s">
        <v>200</v>
      </c>
      <c r="D124505" s="14" t="s">
        <v>434</v>
      </c>
      <c r="E124505" s="15">
        <v>45416</v>
      </c>
      <c r="F124505" s="14" t="s">
        <v>61</v>
      </c>
      <c r="G124505" s="16">
        <v>0.24918354467706841</v>
      </c>
    </row>
    <row r="124506" spans="1:7" x14ac:dyDescent="0.3">
      <c r="A124506" s="13" t="s">
        <v>577</v>
      </c>
      <c r="B124506" s="14" t="s">
        <v>1</v>
      </c>
      <c r="C124506" s="14" t="s">
        <v>200</v>
      </c>
      <c r="D124506" s="14" t="s">
        <v>434</v>
      </c>
      <c r="E124506" s="15">
        <v>45417</v>
      </c>
      <c r="F124506" s="14" t="s">
        <v>61</v>
      </c>
      <c r="G124506" s="16">
        <v>0.24918354467706841</v>
      </c>
    </row>
    <row r="124507" spans="1:7" x14ac:dyDescent="0.3">
      <c r="A124507" s="13" t="s">
        <v>577</v>
      </c>
      <c r="B124507" s="14" t="s">
        <v>1</v>
      </c>
      <c r="C124507" s="14" t="s">
        <v>200</v>
      </c>
      <c r="D124507" s="14" t="s">
        <v>434</v>
      </c>
      <c r="E124507" s="15">
        <v>45418</v>
      </c>
      <c r="F124507" s="14" t="s">
        <v>61</v>
      </c>
      <c r="G124507" s="16">
        <v>0.24918354467706841</v>
      </c>
    </row>
    <row r="124508" spans="1:7" x14ac:dyDescent="0.3">
      <c r="A124508" s="13" t="s">
        <v>577</v>
      </c>
      <c r="B124508" s="14" t="s">
        <v>1</v>
      </c>
      <c r="C124508" s="14" t="s">
        <v>200</v>
      </c>
      <c r="D124508" s="14" t="s">
        <v>434</v>
      </c>
      <c r="E124508" s="15">
        <v>45419</v>
      </c>
      <c r="F124508" s="14" t="s">
        <v>61</v>
      </c>
      <c r="G124508" s="16">
        <v>0.25390443000889523</v>
      </c>
    </row>
    <row r="124509" spans="1:7" x14ac:dyDescent="0.3">
      <c r="A124509" s="13" t="s">
        <v>577</v>
      </c>
      <c r="B124509" s="14" t="s">
        <v>1</v>
      </c>
      <c r="C124509" s="14" t="s">
        <v>200</v>
      </c>
      <c r="D124509" s="14" t="s">
        <v>434</v>
      </c>
      <c r="E124509" s="15">
        <v>45420</v>
      </c>
      <c r="F124509" s="14" t="s">
        <v>61</v>
      </c>
      <c r="G124509" s="16">
        <v>0.27756796495275088</v>
      </c>
    </row>
    <row r="124510" spans="1:7" x14ac:dyDescent="0.3">
      <c r="A124510" s="13" t="s">
        <v>577</v>
      </c>
      <c r="B124510" s="14" t="s">
        <v>1</v>
      </c>
      <c r="C124510" s="14" t="s">
        <v>200</v>
      </c>
      <c r="D124510" s="14" t="s">
        <v>434</v>
      </c>
      <c r="E124510" s="15">
        <v>45421</v>
      </c>
      <c r="F124510" s="14" t="s">
        <v>61</v>
      </c>
      <c r="G124510" s="16">
        <v>0.28338056800304712</v>
      </c>
    </row>
    <row r="124511" spans="1:7" x14ac:dyDescent="0.3">
      <c r="A124511" s="13" t="s">
        <v>577</v>
      </c>
      <c r="B124511" s="14" t="s">
        <v>1</v>
      </c>
      <c r="C124511" s="14" t="s">
        <v>200</v>
      </c>
      <c r="D124511" s="14" t="s">
        <v>434</v>
      </c>
      <c r="E124511" s="15">
        <v>45422</v>
      </c>
      <c r="F124511" s="14" t="s">
        <v>61</v>
      </c>
      <c r="G124511" s="16">
        <v>0.2896151782667013</v>
      </c>
    </row>
    <row r="124512" spans="1:7" x14ac:dyDescent="0.3">
      <c r="A124512" s="13" t="s">
        <v>577</v>
      </c>
      <c r="B124512" s="14" t="s">
        <v>1</v>
      </c>
      <c r="C124512" s="14" t="s">
        <v>200</v>
      </c>
      <c r="D124512" s="14" t="s">
        <v>434</v>
      </c>
      <c r="E124512" s="15">
        <v>45423</v>
      </c>
      <c r="F124512" s="14" t="s">
        <v>61</v>
      </c>
      <c r="G124512" s="16">
        <v>0.2896151782667013</v>
      </c>
    </row>
    <row r="124513" spans="1:7" x14ac:dyDescent="0.3">
      <c r="A124513" s="13" t="s">
        <v>577</v>
      </c>
      <c r="B124513" s="14" t="s">
        <v>1</v>
      </c>
      <c r="C124513" s="14" t="s">
        <v>200</v>
      </c>
      <c r="D124513" s="14" t="s">
        <v>434</v>
      </c>
      <c r="E124513" s="15">
        <v>45424</v>
      </c>
      <c r="F124513" s="14" t="s">
        <v>61</v>
      </c>
      <c r="G124513" s="16">
        <v>0.2896151782667013</v>
      </c>
    </row>
    <row r="124514" spans="1:7" x14ac:dyDescent="0.3">
      <c r="A124514" s="13" t="s">
        <v>577</v>
      </c>
      <c r="B124514" s="14" t="s">
        <v>1</v>
      </c>
      <c r="C124514" s="14" t="s">
        <v>200</v>
      </c>
      <c r="D124514" s="14" t="s">
        <v>434</v>
      </c>
      <c r="E124514" s="15">
        <v>45425</v>
      </c>
      <c r="F124514" s="14" t="s">
        <v>61</v>
      </c>
      <c r="G124514" s="16">
        <v>0.29393123474428101</v>
      </c>
    </row>
    <row r="124515" spans="1:7" x14ac:dyDescent="0.3">
      <c r="A124515" s="13" t="s">
        <v>577</v>
      </c>
      <c r="B124515" s="14" t="s">
        <v>1</v>
      </c>
      <c r="C124515" s="14" t="s">
        <v>200</v>
      </c>
      <c r="D124515" s="14" t="s">
        <v>434</v>
      </c>
      <c r="E124515" s="15">
        <v>45426</v>
      </c>
      <c r="F124515" s="14" t="s">
        <v>61</v>
      </c>
      <c r="G124515" s="16">
        <v>0.31621331292542354</v>
      </c>
    </row>
    <row r="124516" spans="1:7" x14ac:dyDescent="0.3">
      <c r="A124516" s="13" t="s">
        <v>577</v>
      </c>
      <c r="B124516" s="14" t="s">
        <v>1</v>
      </c>
      <c r="C124516" s="14" t="s">
        <v>200</v>
      </c>
      <c r="D124516" s="14" t="s">
        <v>434</v>
      </c>
      <c r="E124516" s="15">
        <v>45427</v>
      </c>
      <c r="F124516" s="14" t="s">
        <v>61</v>
      </c>
      <c r="G124516" s="16">
        <v>0.32063493913425889</v>
      </c>
    </row>
    <row r="124517" spans="1:7" x14ac:dyDescent="0.3">
      <c r="A124517" s="13" t="s">
        <v>577</v>
      </c>
      <c r="B124517" s="14" t="s">
        <v>1</v>
      </c>
      <c r="C124517" s="14" t="s">
        <v>200</v>
      </c>
      <c r="D124517" s="14" t="s">
        <v>434</v>
      </c>
      <c r="E124517" s="15">
        <v>45428</v>
      </c>
      <c r="F124517" s="14" t="s">
        <v>61</v>
      </c>
      <c r="G124517" s="16">
        <v>0.32838922577491841</v>
      </c>
    </row>
    <row r="124518" spans="1:7" x14ac:dyDescent="0.3">
      <c r="A124518" s="13" t="s">
        <v>577</v>
      </c>
      <c r="B124518" s="14" t="s">
        <v>1</v>
      </c>
      <c r="C124518" s="14" t="s">
        <v>200</v>
      </c>
      <c r="D124518" s="14" t="s">
        <v>434</v>
      </c>
      <c r="E124518" s="15">
        <v>45429</v>
      </c>
      <c r="F124518" s="14" t="s">
        <v>61</v>
      </c>
      <c r="G124518" s="16">
        <v>0.33490087959142734</v>
      </c>
    </row>
    <row r="124519" spans="1:7" x14ac:dyDescent="0.3">
      <c r="A124519" s="13" t="s">
        <v>577</v>
      </c>
      <c r="B124519" s="14" t="s">
        <v>1</v>
      </c>
      <c r="C124519" s="14" t="s">
        <v>200</v>
      </c>
      <c r="D124519" s="14" t="s">
        <v>434</v>
      </c>
      <c r="E124519" s="15">
        <v>45430</v>
      </c>
      <c r="F124519" s="14" t="s">
        <v>61</v>
      </c>
      <c r="G124519" s="16">
        <v>0.33490087959142734</v>
      </c>
    </row>
    <row r="124520" spans="1:7" x14ac:dyDescent="0.3">
      <c r="A124520" s="13" t="s">
        <v>577</v>
      </c>
      <c r="B124520" s="14" t="s">
        <v>1</v>
      </c>
      <c r="C124520" s="14" t="s">
        <v>200</v>
      </c>
      <c r="D124520" s="14" t="s">
        <v>434</v>
      </c>
      <c r="E124520" s="15">
        <v>45431</v>
      </c>
      <c r="F124520" s="14" t="s">
        <v>61</v>
      </c>
      <c r="G124520" s="16">
        <v>0.33490087959142734</v>
      </c>
    </row>
    <row r="124521" spans="1:7" x14ac:dyDescent="0.3">
      <c r="A124521" s="13" t="s">
        <v>577</v>
      </c>
      <c r="B124521" s="14" t="s">
        <v>1</v>
      </c>
      <c r="C124521" s="14" t="s">
        <v>200</v>
      </c>
      <c r="D124521" s="14" t="s">
        <v>434</v>
      </c>
      <c r="E124521" s="15">
        <v>45432</v>
      </c>
      <c r="F124521" s="14" t="s">
        <v>61</v>
      </c>
      <c r="G124521" s="16">
        <v>0.33993372304449954</v>
      </c>
    </row>
    <row r="124522" spans="1:7" x14ac:dyDescent="0.3">
      <c r="A124522" s="13" t="s">
        <v>577</v>
      </c>
      <c r="B124522" s="14" t="s">
        <v>1</v>
      </c>
      <c r="C124522" s="14" t="s">
        <v>200</v>
      </c>
      <c r="D124522" s="14" t="s">
        <v>434</v>
      </c>
      <c r="E124522" s="15">
        <v>45433</v>
      </c>
      <c r="F124522" s="14" t="s">
        <v>61</v>
      </c>
      <c r="G124522" s="16">
        <v>0.360654353099984</v>
      </c>
    </row>
    <row r="124523" spans="1:7" x14ac:dyDescent="0.3">
      <c r="A124523" s="13" t="s">
        <v>577</v>
      </c>
      <c r="B124523" s="14" t="s">
        <v>1</v>
      </c>
      <c r="C124523" s="14" t="s">
        <v>200</v>
      </c>
      <c r="D124523" s="14" t="s">
        <v>434</v>
      </c>
      <c r="E124523" s="15">
        <v>45434</v>
      </c>
      <c r="F124523" s="14" t="s">
        <v>61</v>
      </c>
      <c r="G124523" s="16">
        <v>0.36913907404914054</v>
      </c>
    </row>
    <row r="124524" spans="1:7" x14ac:dyDescent="0.3">
      <c r="A124524" s="13" t="s">
        <v>577</v>
      </c>
      <c r="B124524" s="14" t="s">
        <v>1</v>
      </c>
      <c r="C124524" s="14" t="s">
        <v>200</v>
      </c>
      <c r="D124524" s="14" t="s">
        <v>434</v>
      </c>
      <c r="E124524" s="15">
        <v>45435</v>
      </c>
      <c r="F124524" s="14" t="s">
        <v>61</v>
      </c>
      <c r="G124524" s="16">
        <v>0.3759806300278915</v>
      </c>
    </row>
    <row r="124525" spans="1:7" x14ac:dyDescent="0.3">
      <c r="A124525" s="13" t="s">
        <v>577</v>
      </c>
      <c r="B124525" s="14" t="s">
        <v>1</v>
      </c>
      <c r="C124525" s="14" t="s">
        <v>200</v>
      </c>
      <c r="D124525" s="14" t="s">
        <v>434</v>
      </c>
      <c r="E124525" s="15">
        <v>45436</v>
      </c>
      <c r="F124525" s="14" t="s">
        <v>61</v>
      </c>
      <c r="G124525" s="16">
        <v>0.38116230303821069</v>
      </c>
    </row>
    <row r="124526" spans="1:7" x14ac:dyDescent="0.3">
      <c r="A124526" s="13" t="s">
        <v>577</v>
      </c>
      <c r="B124526" s="14" t="s">
        <v>1</v>
      </c>
      <c r="C124526" s="14" t="s">
        <v>200</v>
      </c>
      <c r="D124526" s="14" t="s">
        <v>434</v>
      </c>
      <c r="E124526" s="15">
        <v>45437</v>
      </c>
      <c r="F124526" s="14" t="s">
        <v>61</v>
      </c>
      <c r="G124526" s="16">
        <v>0.38116230303821069</v>
      </c>
    </row>
    <row r="124527" spans="1:7" x14ac:dyDescent="0.3">
      <c r="A124527" s="13" t="s">
        <v>577</v>
      </c>
      <c r="B124527" s="14" t="s">
        <v>1</v>
      </c>
      <c r="C124527" s="14" t="s">
        <v>200</v>
      </c>
      <c r="D124527" s="14" t="s">
        <v>434</v>
      </c>
      <c r="E124527" s="15">
        <v>45438</v>
      </c>
      <c r="F124527" s="14" t="s">
        <v>61</v>
      </c>
      <c r="G124527" s="16">
        <v>0.38116230303821069</v>
      </c>
    </row>
    <row r="124528" spans="1:7" x14ac:dyDescent="0.3">
      <c r="A124528" s="13" t="s">
        <v>577</v>
      </c>
      <c r="B124528" s="14" t="s">
        <v>1</v>
      </c>
      <c r="C124528" s="14" t="s">
        <v>200</v>
      </c>
      <c r="D124528" s="14" t="s">
        <v>434</v>
      </c>
      <c r="E124528" s="15">
        <v>45439</v>
      </c>
      <c r="F124528" s="14" t="s">
        <v>61</v>
      </c>
      <c r="G124528" s="16">
        <v>0.38116230303821069</v>
      </c>
    </row>
    <row r="124529" spans="1:7" x14ac:dyDescent="0.3">
      <c r="A124529" s="13" t="s">
        <v>577</v>
      </c>
      <c r="B124529" s="14" t="s">
        <v>1</v>
      </c>
      <c r="C124529" s="14" t="s">
        <v>200</v>
      </c>
      <c r="D124529" s="14" t="s">
        <v>434</v>
      </c>
      <c r="E124529" s="15">
        <v>45440</v>
      </c>
      <c r="F124529" s="14" t="s">
        <v>61</v>
      </c>
      <c r="G124529" s="16">
        <v>0.38728424738914069</v>
      </c>
    </row>
    <row r="124530" spans="1:7" x14ac:dyDescent="0.3">
      <c r="A124530" s="13" t="s">
        <v>577</v>
      </c>
      <c r="B124530" s="14" t="s">
        <v>1</v>
      </c>
      <c r="C124530" s="14" t="s">
        <v>200</v>
      </c>
      <c r="D124530" s="14" t="s">
        <v>434</v>
      </c>
      <c r="E124530" s="15">
        <v>45441</v>
      </c>
      <c r="F124530" s="14" t="s">
        <v>61</v>
      </c>
      <c r="G124530" s="16">
        <v>0.40329223402736458</v>
      </c>
    </row>
    <row r="124531" spans="1:7" x14ac:dyDescent="0.3">
      <c r="A124531" s="13" t="s">
        <v>577</v>
      </c>
      <c r="B124531" s="14" t="s">
        <v>1</v>
      </c>
      <c r="C124531" s="14" t="s">
        <v>200</v>
      </c>
      <c r="D124531" s="14" t="s">
        <v>434</v>
      </c>
      <c r="E124531" s="15">
        <v>45442</v>
      </c>
      <c r="F124531" s="14" t="s">
        <v>61</v>
      </c>
      <c r="G124531" s="16">
        <v>0.40483789411681054</v>
      </c>
    </row>
    <row r="124532" spans="1:7" x14ac:dyDescent="0.3">
      <c r="A124532" s="13" t="s">
        <v>577</v>
      </c>
      <c r="B124532" s="14" t="s">
        <v>1</v>
      </c>
      <c r="C124532" s="14" t="s">
        <v>200</v>
      </c>
      <c r="D124532" s="14" t="s">
        <v>434</v>
      </c>
      <c r="E124532" s="15">
        <v>45443</v>
      </c>
      <c r="F124532" s="14" t="s">
        <v>61</v>
      </c>
      <c r="G124532" s="16">
        <v>0.41011920045647521</v>
      </c>
    </row>
    <row r="124533" spans="1:7" x14ac:dyDescent="0.3">
      <c r="A124533" s="13" t="s">
        <v>577</v>
      </c>
      <c r="B124533" s="14" t="s">
        <v>1</v>
      </c>
      <c r="C124533" s="14" t="s">
        <v>200</v>
      </c>
      <c r="D124533" s="14" t="s">
        <v>434</v>
      </c>
      <c r="E124533" s="15">
        <v>45444</v>
      </c>
      <c r="F124533" s="14" t="s">
        <v>61</v>
      </c>
      <c r="G124533" s="16">
        <v>0.41011920045647521</v>
      </c>
    </row>
    <row r="124534" spans="1:7" x14ac:dyDescent="0.3">
      <c r="A124534" s="13" t="s">
        <v>577</v>
      </c>
      <c r="B124534" s="14" t="s">
        <v>1</v>
      </c>
      <c r="C124534" s="14" t="s">
        <v>200</v>
      </c>
      <c r="D124534" s="14" t="s">
        <v>434</v>
      </c>
      <c r="E124534" s="15">
        <v>45445</v>
      </c>
      <c r="F124534" s="14" t="s">
        <v>61</v>
      </c>
      <c r="G124534" s="16">
        <v>0.41011920045647521</v>
      </c>
    </row>
    <row r="124535" spans="1:7" x14ac:dyDescent="0.3">
      <c r="A124535" s="13" t="s">
        <v>577</v>
      </c>
      <c r="B124535" s="14" t="s">
        <v>1</v>
      </c>
      <c r="C124535" s="14" t="s">
        <v>200</v>
      </c>
      <c r="D124535" s="14" t="s">
        <v>434</v>
      </c>
      <c r="E124535" s="15">
        <v>45446</v>
      </c>
      <c r="F124535" s="14" t="s">
        <v>61</v>
      </c>
      <c r="G124535" s="16">
        <v>0.41011920045647521</v>
      </c>
    </row>
    <row r="124536" spans="1:7" x14ac:dyDescent="0.3">
      <c r="A124536" s="13" t="s">
        <v>577</v>
      </c>
      <c r="B124536" s="14" t="s">
        <v>1</v>
      </c>
      <c r="C124536" s="14" t="s">
        <v>200</v>
      </c>
      <c r="D124536" s="14" t="s">
        <v>434</v>
      </c>
      <c r="E124536" s="15">
        <v>45447</v>
      </c>
      <c r="F124536" s="14" t="s">
        <v>61</v>
      </c>
      <c r="G124536" s="16">
        <v>0.41610367968930401</v>
      </c>
    </row>
    <row r="124537" spans="1:7" x14ac:dyDescent="0.3">
      <c r="A124537" s="13" t="s">
        <v>577</v>
      </c>
      <c r="B124537" s="14" t="s">
        <v>1</v>
      </c>
      <c r="C124537" s="14" t="s">
        <v>200</v>
      </c>
      <c r="D124537" s="14" t="s">
        <v>434</v>
      </c>
      <c r="E124537" s="15">
        <v>45448</v>
      </c>
      <c r="F124537" s="14" t="s">
        <v>61</v>
      </c>
      <c r="G124537" s="16">
        <v>0.44115424323860031</v>
      </c>
    </row>
    <row r="124538" spans="1:7" x14ac:dyDescent="0.3">
      <c r="A124538" s="13" t="s">
        <v>577</v>
      </c>
      <c r="B124538" s="14" t="s">
        <v>1</v>
      </c>
      <c r="C124538" s="14" t="s">
        <v>200</v>
      </c>
      <c r="D124538" s="14" t="s">
        <v>434</v>
      </c>
      <c r="E124538" s="15">
        <v>45449</v>
      </c>
      <c r="F124538" s="14" t="s">
        <v>61</v>
      </c>
      <c r="G124538" s="16">
        <v>0.44639128225557095</v>
      </c>
    </row>
    <row r="124539" spans="1:7" x14ac:dyDescent="0.3">
      <c r="A124539" s="13" t="s">
        <v>577</v>
      </c>
      <c r="B124539" s="14" t="s">
        <v>1</v>
      </c>
      <c r="C124539" s="14" t="s">
        <v>200</v>
      </c>
      <c r="D124539" s="14" t="s">
        <v>434</v>
      </c>
      <c r="E124539" s="15">
        <v>45450</v>
      </c>
      <c r="F124539" s="14" t="s">
        <v>61</v>
      </c>
      <c r="G124539" s="16">
        <v>0.45616935457423674</v>
      </c>
    </row>
    <row r="124540" spans="1:7" x14ac:dyDescent="0.3">
      <c r="A124540" s="13" t="s">
        <v>577</v>
      </c>
      <c r="B124540" s="14" t="s">
        <v>1</v>
      </c>
      <c r="C124540" s="14" t="s">
        <v>200</v>
      </c>
      <c r="D124540" s="14" t="s">
        <v>434</v>
      </c>
      <c r="E124540" s="15">
        <v>45451</v>
      </c>
      <c r="F124540" s="14" t="s">
        <v>61</v>
      </c>
      <c r="G124540" s="16">
        <v>0.45616935457423674</v>
      </c>
    </row>
    <row r="124541" spans="1:7" x14ac:dyDescent="0.3">
      <c r="A124541" s="13" t="s">
        <v>577</v>
      </c>
      <c r="B124541" s="14" t="s">
        <v>1</v>
      </c>
      <c r="C124541" s="14" t="s">
        <v>200</v>
      </c>
      <c r="D124541" s="14" t="s">
        <v>434</v>
      </c>
      <c r="E124541" s="15">
        <v>45452</v>
      </c>
      <c r="F124541" s="14" t="s">
        <v>61</v>
      </c>
      <c r="G124541" s="16">
        <v>0.45616935457423674</v>
      </c>
    </row>
    <row r="124542" spans="1:7" x14ac:dyDescent="0.3">
      <c r="A124542" s="13" t="s">
        <v>577</v>
      </c>
      <c r="B124542" s="14" t="s">
        <v>1</v>
      </c>
      <c r="C124542" s="14" t="s">
        <v>200</v>
      </c>
      <c r="D124542" s="14" t="s">
        <v>434</v>
      </c>
      <c r="E124542" s="15">
        <v>45453</v>
      </c>
      <c r="F124542" s="14" t="s">
        <v>61</v>
      </c>
      <c r="G124542" s="16">
        <v>0.46418186765166247</v>
      </c>
    </row>
    <row r="124543" spans="1:7" x14ac:dyDescent="0.3">
      <c r="A124543" s="13" t="s">
        <v>577</v>
      </c>
      <c r="B124543" s="14" t="s">
        <v>1</v>
      </c>
      <c r="C124543" s="14" t="s">
        <v>200</v>
      </c>
      <c r="D124543" s="14" t="s">
        <v>434</v>
      </c>
      <c r="E124543" s="15">
        <v>45454</v>
      </c>
      <c r="F124543" s="14" t="s">
        <v>61</v>
      </c>
      <c r="G124543" s="16">
        <v>0.48352261750703418</v>
      </c>
    </row>
    <row r="124544" spans="1:7" x14ac:dyDescent="0.3">
      <c r="A124544" s="13" t="s">
        <v>577</v>
      </c>
      <c r="B124544" s="14" t="s">
        <v>1</v>
      </c>
      <c r="C124544" s="14" t="s">
        <v>200</v>
      </c>
      <c r="D124544" s="14" t="s">
        <v>434</v>
      </c>
      <c r="E124544" s="15">
        <v>45455</v>
      </c>
      <c r="F124544" s="14" t="s">
        <v>61</v>
      </c>
      <c r="G124544" s="16">
        <v>0.48838557479915445</v>
      </c>
    </row>
    <row r="124545" spans="1:7" x14ac:dyDescent="0.3">
      <c r="A124545" s="13" t="s">
        <v>577</v>
      </c>
      <c r="B124545" s="14" t="s">
        <v>1</v>
      </c>
      <c r="C124545" s="14" t="s">
        <v>200</v>
      </c>
      <c r="D124545" s="14" t="s">
        <v>434</v>
      </c>
      <c r="E124545" s="15">
        <v>45456</v>
      </c>
      <c r="F124545" s="14" t="s">
        <v>61</v>
      </c>
      <c r="G124545" s="16">
        <v>0.49614263733886382</v>
      </c>
    </row>
    <row r="124546" spans="1:7" x14ac:dyDescent="0.3">
      <c r="A124546" s="13" t="s">
        <v>577</v>
      </c>
      <c r="B124546" s="14" t="s">
        <v>1</v>
      </c>
      <c r="C124546" s="14" t="s">
        <v>200</v>
      </c>
      <c r="D124546" s="14" t="s">
        <v>434</v>
      </c>
      <c r="E124546" s="15">
        <v>45457</v>
      </c>
      <c r="F124546" s="14" t="s">
        <v>61</v>
      </c>
      <c r="G124546" s="16">
        <v>0.50387356416302886</v>
      </c>
    </row>
    <row r="124547" spans="1:7" x14ac:dyDescent="0.3">
      <c r="A124547" s="13" t="s">
        <v>577</v>
      </c>
      <c r="B124547" s="14" t="s">
        <v>1</v>
      </c>
      <c r="C124547" s="14" t="s">
        <v>200</v>
      </c>
      <c r="D124547" s="14" t="s">
        <v>434</v>
      </c>
      <c r="E124547" s="15">
        <v>45458</v>
      </c>
      <c r="F124547" s="14" t="s">
        <v>61</v>
      </c>
      <c r="G124547" s="16">
        <v>0.50387356416302886</v>
      </c>
    </row>
    <row r="124548" spans="1:7" x14ac:dyDescent="0.3">
      <c r="A124548" s="13" t="s">
        <v>577</v>
      </c>
      <c r="B124548" s="14" t="s">
        <v>1</v>
      </c>
      <c r="C124548" s="14" t="s">
        <v>200</v>
      </c>
      <c r="D124548" s="14" t="s">
        <v>434</v>
      </c>
      <c r="E124548" s="15">
        <v>45459</v>
      </c>
      <c r="F124548" s="14" t="s">
        <v>61</v>
      </c>
      <c r="G124548" s="16">
        <v>0.50387356416302886</v>
      </c>
    </row>
    <row r="124549" spans="1:7" x14ac:dyDescent="0.3">
      <c r="A124549" s="13" t="s">
        <v>577</v>
      </c>
      <c r="B124549" s="14" t="s">
        <v>1</v>
      </c>
      <c r="C124549" s="14" t="s">
        <v>200</v>
      </c>
      <c r="D124549" s="14" t="s">
        <v>434</v>
      </c>
      <c r="E124549" s="15">
        <v>45460</v>
      </c>
      <c r="F124549" s="14" t="s">
        <v>61</v>
      </c>
      <c r="G124549" s="16">
        <v>0.51653064817736249</v>
      </c>
    </row>
    <row r="124550" spans="1:7" x14ac:dyDescent="0.3">
      <c r="A124550" s="13" t="s">
        <v>577</v>
      </c>
      <c r="B124550" s="14" t="s">
        <v>1</v>
      </c>
      <c r="C124550" s="14" t="s">
        <v>200</v>
      </c>
      <c r="D124550" s="14" t="s">
        <v>434</v>
      </c>
      <c r="E124550" s="15">
        <v>45461</v>
      </c>
      <c r="F124550" s="14" t="s">
        <v>61</v>
      </c>
      <c r="G124550" s="16">
        <v>0.53325825155038442</v>
      </c>
    </row>
    <row r="124551" spans="1:7" x14ac:dyDescent="0.3">
      <c r="A124551" s="13" t="s">
        <v>577</v>
      </c>
      <c r="B124551" s="14" t="s">
        <v>1</v>
      </c>
      <c r="C124551" s="14" t="s">
        <v>200</v>
      </c>
      <c r="D124551" s="14" t="s">
        <v>434</v>
      </c>
      <c r="E124551" s="15">
        <v>45462</v>
      </c>
      <c r="F124551" s="14" t="s">
        <v>61</v>
      </c>
      <c r="G124551" s="16">
        <v>0.53325825155038442</v>
      </c>
    </row>
    <row r="124552" spans="1:7" x14ac:dyDescent="0.3">
      <c r="A124552" s="13" t="s">
        <v>577</v>
      </c>
      <c r="B124552" s="14" t="s">
        <v>1</v>
      </c>
      <c r="C124552" s="14" t="s">
        <v>200</v>
      </c>
      <c r="D124552" s="14" t="s">
        <v>434</v>
      </c>
      <c r="E124552" s="15">
        <v>45463</v>
      </c>
      <c r="F124552" s="14" t="s">
        <v>61</v>
      </c>
      <c r="G124552" s="16">
        <v>0.54092107005648882</v>
      </c>
    </row>
    <row r="124553" spans="1:7" x14ac:dyDescent="0.3">
      <c r="A124553" s="13" t="s">
        <v>577</v>
      </c>
      <c r="B124553" s="14" t="s">
        <v>1</v>
      </c>
      <c r="C124553" s="14" t="s">
        <v>200</v>
      </c>
      <c r="D124553" s="14" t="s">
        <v>434</v>
      </c>
      <c r="E124553" s="15">
        <v>45464</v>
      </c>
      <c r="F124553" s="14" t="s">
        <v>61</v>
      </c>
      <c r="G124553" s="16">
        <v>0.55292963623457436</v>
      </c>
    </row>
    <row r="124554" spans="1:7" x14ac:dyDescent="0.3">
      <c r="A124554" s="13" t="s">
        <v>577</v>
      </c>
      <c r="B124554" s="14" t="s">
        <v>1</v>
      </c>
      <c r="C124554" s="14" t="s">
        <v>200</v>
      </c>
      <c r="D124554" s="14" t="s">
        <v>434</v>
      </c>
      <c r="E124554" s="15">
        <v>45465</v>
      </c>
      <c r="F124554" s="14" t="s">
        <v>61</v>
      </c>
      <c r="G124554" s="16">
        <v>0.55292963623457436</v>
      </c>
    </row>
    <row r="124555" spans="1:7" x14ac:dyDescent="0.3">
      <c r="A124555" s="13" t="s">
        <v>577</v>
      </c>
      <c r="B124555" s="14" t="s">
        <v>1</v>
      </c>
      <c r="C124555" s="14" t="s">
        <v>200</v>
      </c>
      <c r="D124555" s="14" t="s">
        <v>434</v>
      </c>
      <c r="E124555" s="15">
        <v>45466</v>
      </c>
      <c r="F124555" s="14" t="s">
        <v>61</v>
      </c>
      <c r="G124555" s="16">
        <v>0.55292963623457436</v>
      </c>
    </row>
    <row r="124556" spans="1:7" x14ac:dyDescent="0.3">
      <c r="A124556" s="13" t="s">
        <v>577</v>
      </c>
      <c r="B124556" s="14" t="s">
        <v>1</v>
      </c>
      <c r="C124556" s="14" t="s">
        <v>200</v>
      </c>
      <c r="D124556" s="14" t="s">
        <v>434</v>
      </c>
      <c r="E124556" s="15">
        <v>45467</v>
      </c>
      <c r="F124556" s="14" t="s">
        <v>61</v>
      </c>
      <c r="G124556" s="16">
        <v>0.55743338377862794</v>
      </c>
    </row>
    <row r="124557" spans="1:7" x14ac:dyDescent="0.3">
      <c r="A124557" s="13" t="s">
        <v>577</v>
      </c>
      <c r="B124557" s="14" t="s">
        <v>1</v>
      </c>
      <c r="C124557" s="14" t="s">
        <v>200</v>
      </c>
      <c r="D124557" s="14" t="s">
        <v>434</v>
      </c>
      <c r="E124557" s="15">
        <v>45468</v>
      </c>
      <c r="F124557" s="14" t="s">
        <v>61</v>
      </c>
      <c r="G124557" s="16">
        <v>0.57690913617560935</v>
      </c>
    </row>
    <row r="124558" spans="1:7" x14ac:dyDescent="0.3">
      <c r="A124558" s="13" t="s">
        <v>577</v>
      </c>
      <c r="B124558" s="14" t="s">
        <v>1</v>
      </c>
      <c r="C124558" s="14" t="s">
        <v>200</v>
      </c>
      <c r="D124558" s="14" t="s">
        <v>434</v>
      </c>
      <c r="E124558" s="15">
        <v>45469</v>
      </c>
      <c r="F124558" s="14" t="s">
        <v>61</v>
      </c>
      <c r="G124558" s="16">
        <v>0.58502508814309251</v>
      </c>
    </row>
    <row r="124559" spans="1:7" x14ac:dyDescent="0.3">
      <c r="A124559" s="13" t="s">
        <v>577</v>
      </c>
      <c r="B124559" s="14" t="s">
        <v>1</v>
      </c>
      <c r="C124559" s="14" t="s">
        <v>200</v>
      </c>
      <c r="D124559" s="14" t="s">
        <v>434</v>
      </c>
      <c r="E124559" s="15">
        <v>45470</v>
      </c>
      <c r="F124559" s="14" t="s">
        <v>61</v>
      </c>
      <c r="G124559" s="16">
        <v>0.59091164826237164</v>
      </c>
    </row>
    <row r="124560" spans="1:7" x14ac:dyDescent="0.3">
      <c r="A124560" s="13" t="s">
        <v>577</v>
      </c>
      <c r="B124560" s="14" t="s">
        <v>1</v>
      </c>
      <c r="C124560" s="14" t="s">
        <v>200</v>
      </c>
      <c r="D124560" s="14" t="s">
        <v>434</v>
      </c>
      <c r="E124560" s="15">
        <v>45471</v>
      </c>
      <c r="F124560" s="14" t="s">
        <v>61</v>
      </c>
      <c r="G124560" s="16">
        <v>0.59466398823514244</v>
      </c>
    </row>
    <row r="124561" spans="1:7" x14ac:dyDescent="0.3">
      <c r="A124561" s="13" t="s">
        <v>577</v>
      </c>
      <c r="B124561" s="14" t="s">
        <v>1</v>
      </c>
      <c r="C124561" s="14" t="s">
        <v>200</v>
      </c>
      <c r="D124561" s="14" t="s">
        <v>434</v>
      </c>
      <c r="E124561" s="15">
        <v>45472</v>
      </c>
      <c r="F124561" s="14" t="s">
        <v>61</v>
      </c>
      <c r="G124561" s="16">
        <v>0.59466398823514244</v>
      </c>
    </row>
    <row r="124562" spans="1:7" x14ac:dyDescent="0.3">
      <c r="A124562" s="13" t="s">
        <v>577</v>
      </c>
      <c r="B124562" s="14" t="s">
        <v>1</v>
      </c>
      <c r="C124562" s="14" t="s">
        <v>200</v>
      </c>
      <c r="D124562" s="14" t="s">
        <v>434</v>
      </c>
      <c r="E124562" s="15">
        <v>45473</v>
      </c>
      <c r="F124562" s="14" t="s">
        <v>61</v>
      </c>
      <c r="G124562" s="16">
        <v>0.59466398823514244</v>
      </c>
    </row>
    <row r="124563" spans="1:7" x14ac:dyDescent="0.3">
      <c r="A124563" s="13" t="s">
        <v>577</v>
      </c>
      <c r="B124563" s="14" t="s">
        <v>1</v>
      </c>
      <c r="C124563" s="14" t="s">
        <v>200</v>
      </c>
      <c r="D124563" s="14" t="s">
        <v>434</v>
      </c>
      <c r="E124563" s="15">
        <v>45474</v>
      </c>
      <c r="F124563" s="14" t="s">
        <v>61</v>
      </c>
      <c r="G124563" s="16">
        <v>0.59935783705711454</v>
      </c>
    </row>
    <row r="124564" spans="1:7" x14ac:dyDescent="0.3">
      <c r="A124564" s="13" t="s">
        <v>577</v>
      </c>
      <c r="B124564" s="14" t="s">
        <v>1</v>
      </c>
      <c r="C124564" s="14" t="s">
        <v>200</v>
      </c>
      <c r="D124564" s="14" t="s">
        <v>434</v>
      </c>
      <c r="E124564" s="15">
        <v>45475</v>
      </c>
      <c r="F124564" s="14" t="s">
        <v>61</v>
      </c>
      <c r="G124564" s="16">
        <v>0.61931516105530693</v>
      </c>
    </row>
    <row r="124565" spans="1:7" x14ac:dyDescent="0.3">
      <c r="A124565" s="13" t="s">
        <v>577</v>
      </c>
      <c r="B124565" s="14" t="s">
        <v>1</v>
      </c>
      <c r="C124565" s="14" t="s">
        <v>200</v>
      </c>
      <c r="D124565" s="14" t="s">
        <v>434</v>
      </c>
      <c r="E124565" s="15">
        <v>45476</v>
      </c>
      <c r="F124565" s="14" t="s">
        <v>61</v>
      </c>
      <c r="G124565" s="16">
        <v>0.62253948271317017</v>
      </c>
    </row>
    <row r="124566" spans="1:7" x14ac:dyDescent="0.3">
      <c r="A124566" s="13" t="s">
        <v>577</v>
      </c>
      <c r="B124566" s="14" t="s">
        <v>1</v>
      </c>
      <c r="C124566" s="14" t="s">
        <v>200</v>
      </c>
      <c r="D124566" s="14" t="s">
        <v>434</v>
      </c>
      <c r="E124566" s="15">
        <v>45477</v>
      </c>
      <c r="F124566" s="14" t="s">
        <v>61</v>
      </c>
      <c r="G124566" s="16">
        <v>0.62253948271317017</v>
      </c>
    </row>
    <row r="124567" spans="1:7" x14ac:dyDescent="0.3">
      <c r="A124567" s="13" t="s">
        <v>577</v>
      </c>
      <c r="B124567" s="14" t="s">
        <v>1</v>
      </c>
      <c r="C124567" s="14" t="s">
        <v>200</v>
      </c>
      <c r="D124567" s="14" t="s">
        <v>434</v>
      </c>
      <c r="E124567" s="15">
        <v>45478</v>
      </c>
      <c r="F124567" s="14" t="s">
        <v>61</v>
      </c>
      <c r="G124567" s="16">
        <v>0.62559500673152191</v>
      </c>
    </row>
    <row r="124568" spans="1:7" x14ac:dyDescent="0.3">
      <c r="A124568" s="13" t="s">
        <v>577</v>
      </c>
      <c r="B124568" s="14" t="s">
        <v>1</v>
      </c>
      <c r="C124568" s="14" t="s">
        <v>200</v>
      </c>
      <c r="D124568" s="14" t="s">
        <v>434</v>
      </c>
      <c r="E124568" s="15">
        <v>45479</v>
      </c>
      <c r="F124568" s="14" t="s">
        <v>61</v>
      </c>
      <c r="G124568" s="16">
        <v>0.62559500673152191</v>
      </c>
    </row>
    <row r="124569" spans="1:7" x14ac:dyDescent="0.3">
      <c r="A124569" s="13" t="s">
        <v>577</v>
      </c>
      <c r="B124569" s="14" t="s">
        <v>1</v>
      </c>
      <c r="C124569" s="14" t="s">
        <v>200</v>
      </c>
      <c r="D124569" s="14" t="s">
        <v>434</v>
      </c>
      <c r="E124569" s="15">
        <v>45480</v>
      </c>
      <c r="F124569" s="14" t="s">
        <v>61</v>
      </c>
      <c r="G124569" s="16">
        <v>0.62559500673152191</v>
      </c>
    </row>
    <row r="124570" spans="1:7" x14ac:dyDescent="0.3">
      <c r="A124570" s="13" t="s">
        <v>577</v>
      </c>
      <c r="B124570" s="14" t="s">
        <v>1</v>
      </c>
      <c r="C124570" s="14" t="s">
        <v>200</v>
      </c>
      <c r="D124570" s="14" t="s">
        <v>434</v>
      </c>
      <c r="E124570" s="15">
        <v>45481</v>
      </c>
      <c r="F124570" s="14" t="s">
        <v>61</v>
      </c>
      <c r="G124570" s="16">
        <v>0.63707564649679693</v>
      </c>
    </row>
    <row r="124571" spans="1:7" x14ac:dyDescent="0.3">
      <c r="A124571" s="13" t="s">
        <v>577</v>
      </c>
      <c r="B124571" s="14" t="s">
        <v>1</v>
      </c>
      <c r="C124571" s="14" t="s">
        <v>200</v>
      </c>
      <c r="D124571" s="14" t="s">
        <v>434</v>
      </c>
      <c r="E124571" s="15">
        <v>45482</v>
      </c>
      <c r="F124571" s="14" t="s">
        <v>61</v>
      </c>
      <c r="G124571" s="16">
        <v>0.65695082303396224</v>
      </c>
    </row>
    <row r="124572" spans="1:7" x14ac:dyDescent="0.3">
      <c r="A124572" s="13" t="s">
        <v>577</v>
      </c>
      <c r="B124572" s="14" t="s">
        <v>1</v>
      </c>
      <c r="C124572" s="14" t="s">
        <v>200</v>
      </c>
      <c r="D124572" s="14" t="s">
        <v>434</v>
      </c>
      <c r="E124572" s="15">
        <v>45483</v>
      </c>
      <c r="F124572" s="14" t="s">
        <v>61</v>
      </c>
      <c r="G124572" s="16">
        <v>0.66251638462107598</v>
      </c>
    </row>
    <row r="124573" spans="1:7" x14ac:dyDescent="0.3">
      <c r="A124573" s="13" t="s">
        <v>577</v>
      </c>
      <c r="B124573" s="14" t="s">
        <v>1</v>
      </c>
      <c r="C124573" s="14" t="s">
        <v>200</v>
      </c>
      <c r="D124573" s="14" t="s">
        <v>434</v>
      </c>
      <c r="E124573" s="15">
        <v>45484</v>
      </c>
      <c r="F124573" s="14" t="s">
        <v>61</v>
      </c>
      <c r="G124573" s="16">
        <v>0.66512512950206892</v>
      </c>
    </row>
    <row r="124574" spans="1:7" x14ac:dyDescent="0.3">
      <c r="A124574" s="13" t="s">
        <v>577</v>
      </c>
      <c r="B124574" s="14" t="s">
        <v>1</v>
      </c>
      <c r="C124574" s="14" t="s">
        <v>200</v>
      </c>
      <c r="D124574" s="14" t="s">
        <v>434</v>
      </c>
      <c r="E124574" s="15">
        <v>45485</v>
      </c>
      <c r="F124574" s="14" t="s">
        <v>61</v>
      </c>
      <c r="G124574" s="16">
        <v>0.66881274402946811</v>
      </c>
    </row>
    <row r="124575" spans="1:7" x14ac:dyDescent="0.3">
      <c r="A124575" s="13" t="s">
        <v>577</v>
      </c>
      <c r="B124575" s="14" t="s">
        <v>1</v>
      </c>
      <c r="C124575" s="14" t="s">
        <v>200</v>
      </c>
      <c r="D124575" s="14" t="s">
        <v>434</v>
      </c>
      <c r="E124575" s="15">
        <v>45486</v>
      </c>
      <c r="F124575" s="14" t="s">
        <v>61</v>
      </c>
      <c r="G124575" s="16">
        <v>0.66881274402946811</v>
      </c>
    </row>
    <row r="124576" spans="1:7" x14ac:dyDescent="0.3">
      <c r="A124576" s="13" t="s">
        <v>577</v>
      </c>
      <c r="B124576" s="14" t="s">
        <v>1</v>
      </c>
      <c r="C124576" s="14" t="s">
        <v>200</v>
      </c>
      <c r="D124576" s="14" t="s">
        <v>434</v>
      </c>
      <c r="E124576" s="15">
        <v>45487</v>
      </c>
      <c r="F124576" s="14" t="s">
        <v>61</v>
      </c>
      <c r="G124576" s="16">
        <v>0.66881274402946811</v>
      </c>
    </row>
    <row r="124577" spans="1:7" x14ac:dyDescent="0.3">
      <c r="A124577" s="13" t="s">
        <v>577</v>
      </c>
      <c r="B124577" s="14" t="s">
        <v>1</v>
      </c>
      <c r="C124577" s="14" t="s">
        <v>200</v>
      </c>
      <c r="D124577" s="14" t="s">
        <v>434</v>
      </c>
      <c r="E124577" s="15">
        <v>45488</v>
      </c>
      <c r="F124577" s="14" t="s">
        <v>61</v>
      </c>
      <c r="G124577" s="16">
        <v>0.67127995139042851</v>
      </c>
    </row>
    <row r="124578" spans="1:7" x14ac:dyDescent="0.3">
      <c r="A124578" s="13" t="s">
        <v>577</v>
      </c>
      <c r="B124578" s="14" t="s">
        <v>1</v>
      </c>
      <c r="C124578" s="14" t="s">
        <v>200</v>
      </c>
      <c r="D124578" s="14" t="s">
        <v>434</v>
      </c>
      <c r="E124578" s="15">
        <v>45489</v>
      </c>
      <c r="F124578" s="14" t="s">
        <v>61</v>
      </c>
      <c r="G124578" s="16">
        <v>0.69027265820929362</v>
      </c>
    </row>
    <row r="124579" spans="1:7" x14ac:dyDescent="0.3">
      <c r="A124579" s="13" t="s">
        <v>577</v>
      </c>
      <c r="B124579" s="14" t="s">
        <v>1</v>
      </c>
      <c r="C124579" s="14" t="s">
        <v>200</v>
      </c>
      <c r="D124579" s="14" t="s">
        <v>434</v>
      </c>
      <c r="E124579" s="15">
        <v>45490</v>
      </c>
      <c r="F124579" s="14" t="s">
        <v>61</v>
      </c>
      <c r="G124579" s="16">
        <v>0.6848170347079835</v>
      </c>
    </row>
    <row r="124580" spans="1:7" x14ac:dyDescent="0.3">
      <c r="A124580" s="13" t="s">
        <v>577</v>
      </c>
      <c r="B124580" s="14" t="s">
        <v>1</v>
      </c>
      <c r="C124580" s="14" t="s">
        <v>200</v>
      </c>
      <c r="D124580" s="14" t="s">
        <v>434</v>
      </c>
      <c r="E124580" s="15">
        <v>45491</v>
      </c>
      <c r="F124580" s="14" t="s">
        <v>61</v>
      </c>
      <c r="G124580" s="16">
        <v>0.69408923565043124</v>
      </c>
    </row>
    <row r="124581" spans="1:7" x14ac:dyDescent="0.3">
      <c r="A124581" s="13" t="s">
        <v>577</v>
      </c>
      <c r="B124581" s="14" t="s">
        <v>1</v>
      </c>
      <c r="C124581" s="14" t="s">
        <v>200</v>
      </c>
      <c r="D124581" s="14" t="s">
        <v>434</v>
      </c>
      <c r="E124581" s="15">
        <v>45492</v>
      </c>
      <c r="F124581" s="14" t="s">
        <v>61</v>
      </c>
      <c r="G124581" s="16">
        <v>0.70175168466116866</v>
      </c>
    </row>
    <row r="124582" spans="1:7" x14ac:dyDescent="0.3">
      <c r="A124582" s="13" t="s">
        <v>577</v>
      </c>
      <c r="B124582" s="14" t="s">
        <v>1</v>
      </c>
      <c r="C124582" s="14" t="s">
        <v>200</v>
      </c>
      <c r="D124582" s="14" t="s">
        <v>434</v>
      </c>
      <c r="E124582" s="15">
        <v>45493</v>
      </c>
      <c r="F124582" s="14" t="s">
        <v>61</v>
      </c>
      <c r="G124582" s="16">
        <v>0.70175168466116866</v>
      </c>
    </row>
    <row r="124583" spans="1:7" x14ac:dyDescent="0.3">
      <c r="A124583" s="13" t="s">
        <v>577</v>
      </c>
      <c r="B124583" s="14" t="s">
        <v>1</v>
      </c>
      <c r="C124583" s="14" t="s">
        <v>200</v>
      </c>
      <c r="D124583" s="14" t="s">
        <v>434</v>
      </c>
      <c r="E124583" s="15">
        <v>45494</v>
      </c>
      <c r="F124583" s="14" t="s">
        <v>61</v>
      </c>
      <c r="G124583" s="16">
        <v>0.70175168466116866</v>
      </c>
    </row>
    <row r="124584" spans="1:7" x14ac:dyDescent="0.3">
      <c r="A124584" s="13" t="s">
        <v>577</v>
      </c>
      <c r="B124584" s="14" t="s">
        <v>1</v>
      </c>
      <c r="C124584" s="14" t="s">
        <v>200</v>
      </c>
      <c r="D124584" s="14" t="s">
        <v>434</v>
      </c>
      <c r="E124584" s="15">
        <v>45495</v>
      </c>
      <c r="F124584" s="14" t="s">
        <v>61</v>
      </c>
      <c r="G124584" s="16">
        <v>0.70718671189083693</v>
      </c>
    </row>
    <row r="124585" spans="1:7" x14ac:dyDescent="0.3">
      <c r="A124585" s="13" t="s">
        <v>577</v>
      </c>
      <c r="B124585" s="14" t="s">
        <v>1</v>
      </c>
      <c r="C124585" s="14" t="s">
        <v>200</v>
      </c>
      <c r="D124585" s="14" t="s">
        <v>434</v>
      </c>
      <c r="E124585" s="15">
        <v>45496</v>
      </c>
      <c r="F124585" s="14" t="s">
        <v>61</v>
      </c>
      <c r="G124585" s="16">
        <v>0.72917911052177964</v>
      </c>
    </row>
    <row r="124586" spans="1:7" x14ac:dyDescent="0.3">
      <c r="A124586" s="13" t="s">
        <v>577</v>
      </c>
      <c r="B124586" s="14" t="s">
        <v>1</v>
      </c>
      <c r="C124586" s="14" t="s">
        <v>200</v>
      </c>
      <c r="D124586" s="14" t="s">
        <v>434</v>
      </c>
      <c r="E124586" s="15">
        <v>45497</v>
      </c>
      <c r="F124586" s="14" t="s">
        <v>61</v>
      </c>
      <c r="G124586" s="16">
        <v>0.7362973073001331</v>
      </c>
    </row>
    <row r="124587" spans="1:7" x14ac:dyDescent="0.3">
      <c r="A124587" s="13" t="s">
        <v>577</v>
      </c>
      <c r="B124587" s="14" t="s">
        <v>1</v>
      </c>
      <c r="C124587" s="14" t="s">
        <v>200</v>
      </c>
      <c r="D124587" s="14" t="s">
        <v>434</v>
      </c>
      <c r="E124587" s="15">
        <v>45498</v>
      </c>
      <c r="F124587" s="14" t="s">
        <v>61</v>
      </c>
      <c r="G124587" s="16">
        <v>0.74215843708519658</v>
      </c>
    </row>
    <row r="124588" spans="1:7" x14ac:dyDescent="0.3">
      <c r="A124588" s="13" t="s">
        <v>577</v>
      </c>
      <c r="B124588" s="14" t="s">
        <v>1</v>
      </c>
      <c r="C124588" s="14" t="s">
        <v>200</v>
      </c>
      <c r="D124588" s="14" t="s">
        <v>434</v>
      </c>
      <c r="E124588" s="15">
        <v>45499</v>
      </c>
      <c r="F124588" s="14" t="s">
        <v>61</v>
      </c>
      <c r="G124588" s="16">
        <v>0.74766450441958143</v>
      </c>
    </row>
    <row r="124589" spans="1:7" x14ac:dyDescent="0.3">
      <c r="A124589" s="13" t="s">
        <v>577</v>
      </c>
      <c r="B124589" s="14" t="s">
        <v>1</v>
      </c>
      <c r="C124589" s="14" t="s">
        <v>200</v>
      </c>
      <c r="D124589" s="14" t="s">
        <v>434</v>
      </c>
      <c r="E124589" s="15">
        <v>45500</v>
      </c>
      <c r="F124589" s="14" t="s">
        <v>61</v>
      </c>
      <c r="G124589" s="16">
        <v>0.74766450441958143</v>
      </c>
    </row>
    <row r="124590" spans="1:7" x14ac:dyDescent="0.3">
      <c r="A124590" s="13" t="s">
        <v>577</v>
      </c>
      <c r="B124590" s="14" t="s">
        <v>1</v>
      </c>
      <c r="C124590" s="14" t="s">
        <v>200</v>
      </c>
      <c r="D124590" s="14" t="s">
        <v>434</v>
      </c>
      <c r="E124590" s="15">
        <v>45501</v>
      </c>
      <c r="F124590" s="14" t="s">
        <v>61</v>
      </c>
      <c r="G124590" s="16">
        <v>0.74766450441958143</v>
      </c>
    </row>
    <row r="124591" spans="1:7" x14ac:dyDescent="0.3">
      <c r="A124591" s="13" t="s">
        <v>577</v>
      </c>
      <c r="B124591" s="14" t="s">
        <v>1</v>
      </c>
      <c r="C124591" s="14" t="s">
        <v>200</v>
      </c>
      <c r="D124591" s="14" t="s">
        <v>434</v>
      </c>
      <c r="E124591" s="15">
        <v>45502</v>
      </c>
      <c r="F124591" s="14" t="s">
        <v>61</v>
      </c>
      <c r="G124591" s="16">
        <v>0.7605064605857742</v>
      </c>
    </row>
    <row r="124592" spans="1:7" x14ac:dyDescent="0.3">
      <c r="A124592" s="13" t="s">
        <v>577</v>
      </c>
      <c r="B124592" s="14" t="s">
        <v>1</v>
      </c>
      <c r="C124592" s="14" t="s">
        <v>200</v>
      </c>
      <c r="D124592" s="14" t="s">
        <v>434</v>
      </c>
      <c r="E124592" s="15">
        <v>45503</v>
      </c>
      <c r="F124592" s="14" t="s">
        <v>61</v>
      </c>
      <c r="G124592" s="16">
        <v>0.7789612658392524</v>
      </c>
    </row>
    <row r="124593" spans="1:7" x14ac:dyDescent="0.3">
      <c r="A124593" s="13" t="s">
        <v>577</v>
      </c>
      <c r="B124593" s="14" t="s">
        <v>1</v>
      </c>
      <c r="C124593" s="14" t="s">
        <v>200</v>
      </c>
      <c r="D124593" s="14" t="s">
        <v>434</v>
      </c>
      <c r="E124593" s="15">
        <v>45504</v>
      </c>
      <c r="F124593" s="14" t="s">
        <v>61</v>
      </c>
      <c r="G124593" s="16">
        <v>0.78438180410467717</v>
      </c>
    </row>
    <row r="124594" spans="1:7" x14ac:dyDescent="0.3">
      <c r="A124594" s="13" t="s">
        <v>577</v>
      </c>
      <c r="B124594" s="14" t="s">
        <v>1</v>
      </c>
      <c r="C124594" s="14" t="s">
        <v>200</v>
      </c>
      <c r="D124594" s="14" t="s">
        <v>434</v>
      </c>
      <c r="E124594" s="15">
        <v>45505</v>
      </c>
      <c r="F124594" s="14" t="s">
        <v>61</v>
      </c>
      <c r="G124594" s="16">
        <v>0.79368492918553202</v>
      </c>
    </row>
    <row r="124595" spans="1:7" x14ac:dyDescent="0.3">
      <c r="A124595" s="13" t="s">
        <v>577</v>
      </c>
      <c r="B124595" s="14" t="s">
        <v>1</v>
      </c>
      <c r="C124595" s="14" t="s">
        <v>200</v>
      </c>
      <c r="D124595" s="14" t="s">
        <v>434</v>
      </c>
      <c r="E124595" s="15">
        <v>45506</v>
      </c>
      <c r="F124595" s="14" t="s">
        <v>61</v>
      </c>
      <c r="G124595" s="16">
        <v>0.79780260777866652</v>
      </c>
    </row>
    <row r="124596" spans="1:7" x14ac:dyDescent="0.3">
      <c r="A124596" s="13" t="s">
        <v>577</v>
      </c>
      <c r="B124596" s="14" t="s">
        <v>1</v>
      </c>
      <c r="C124596" s="14" t="s">
        <v>200</v>
      </c>
      <c r="D124596" s="14" t="s">
        <v>434</v>
      </c>
      <c r="E124596" s="15">
        <v>45507</v>
      </c>
      <c r="F124596" s="14" t="s">
        <v>61</v>
      </c>
      <c r="G124596" s="16">
        <v>0.79780260777866652</v>
      </c>
    </row>
    <row r="124597" spans="1:7" x14ac:dyDescent="0.3">
      <c r="A124597" s="13" t="s">
        <v>577</v>
      </c>
      <c r="B124597" s="14" t="s">
        <v>1</v>
      </c>
      <c r="C124597" s="14" t="s">
        <v>200</v>
      </c>
      <c r="D124597" s="14" t="s">
        <v>434</v>
      </c>
      <c r="E124597" s="15">
        <v>45508</v>
      </c>
      <c r="F124597" s="14" t="s">
        <v>61</v>
      </c>
      <c r="G124597" s="16">
        <v>0.79780260777866652</v>
      </c>
    </row>
    <row r="124598" spans="1:7" x14ac:dyDescent="0.3">
      <c r="A124598" s="13" t="s">
        <v>577</v>
      </c>
      <c r="B124598" s="14" t="s">
        <v>1</v>
      </c>
      <c r="C124598" s="14" t="s">
        <v>200</v>
      </c>
      <c r="D124598" s="14" t="s">
        <v>434</v>
      </c>
      <c r="E124598" s="15">
        <v>45509</v>
      </c>
      <c r="F124598" s="14" t="s">
        <v>61</v>
      </c>
      <c r="G124598" s="16">
        <v>0.79780260777866652</v>
      </c>
    </row>
    <row r="124599" spans="1:7" x14ac:dyDescent="0.3">
      <c r="A124599" s="13" t="s">
        <v>577</v>
      </c>
      <c r="B124599" s="14" t="s">
        <v>1</v>
      </c>
      <c r="C124599" s="14" t="s">
        <v>200</v>
      </c>
      <c r="D124599" s="14" t="s">
        <v>434</v>
      </c>
      <c r="E124599" s="15">
        <v>45510</v>
      </c>
      <c r="F124599" s="14" t="s">
        <v>61</v>
      </c>
      <c r="G124599" s="16">
        <v>0.80866449971343346</v>
      </c>
    </row>
    <row r="124600" spans="1:7" x14ac:dyDescent="0.3">
      <c r="A124600" s="13" t="s">
        <v>577</v>
      </c>
      <c r="B124600" s="14" t="s">
        <v>1</v>
      </c>
      <c r="C124600" s="14" t="s">
        <v>200</v>
      </c>
      <c r="D124600" s="14" t="s">
        <v>434</v>
      </c>
      <c r="E124600" s="15">
        <v>45511</v>
      </c>
      <c r="F124600" s="14" t="s">
        <v>61</v>
      </c>
      <c r="G124600" s="16">
        <v>0.83439766141582161</v>
      </c>
    </row>
    <row r="124601" spans="1:7" x14ac:dyDescent="0.3">
      <c r="A124601" s="13" t="s">
        <v>577</v>
      </c>
      <c r="B124601" s="14" t="s">
        <v>1</v>
      </c>
      <c r="C124601" s="14" t="s">
        <v>200</v>
      </c>
      <c r="D124601" s="14" t="s">
        <v>434</v>
      </c>
      <c r="E124601" s="15">
        <v>45512</v>
      </c>
      <c r="F124601" s="14" t="s">
        <v>61</v>
      </c>
      <c r="G124601" s="16">
        <v>0.84043527050036881</v>
      </c>
    </row>
    <row r="124602" spans="1:7" x14ac:dyDescent="0.3">
      <c r="A124602" s="13" t="s">
        <v>577</v>
      </c>
      <c r="B124602" s="14" t="s">
        <v>1</v>
      </c>
      <c r="C124602" s="14" t="s">
        <v>200</v>
      </c>
      <c r="D124602" s="14" t="s">
        <v>434</v>
      </c>
      <c r="E124602" s="15">
        <v>45513</v>
      </c>
      <c r="F124602" s="14" t="s">
        <v>61</v>
      </c>
      <c r="G124602" s="16">
        <v>0.84612501076585922</v>
      </c>
    </row>
    <row r="124603" spans="1:7" x14ac:dyDescent="0.3">
      <c r="A124603" s="13" t="s">
        <v>577</v>
      </c>
      <c r="B124603" s="14" t="s">
        <v>1</v>
      </c>
      <c r="C124603" s="14" t="s">
        <v>200</v>
      </c>
      <c r="D124603" s="14" t="s">
        <v>434</v>
      </c>
      <c r="E124603" s="15">
        <v>45514</v>
      </c>
      <c r="F124603" s="14" t="s">
        <v>61</v>
      </c>
      <c r="G124603" s="16">
        <v>0.84612501076585922</v>
      </c>
    </row>
    <row r="124604" spans="1:7" x14ac:dyDescent="0.3">
      <c r="A124604" s="13" t="s">
        <v>577</v>
      </c>
      <c r="B124604" s="14" t="s">
        <v>1</v>
      </c>
      <c r="C124604" s="14" t="s">
        <v>200</v>
      </c>
      <c r="D124604" s="14" t="s">
        <v>434</v>
      </c>
      <c r="E124604" s="15">
        <v>45515</v>
      </c>
      <c r="F124604" s="14" t="s">
        <v>61</v>
      </c>
      <c r="G124604" s="16">
        <v>0.84612501076585922</v>
      </c>
    </row>
    <row r="124605" spans="1:7" x14ac:dyDescent="0.3">
      <c r="A124605" s="13" t="s">
        <v>577</v>
      </c>
      <c r="B124605" s="14" t="s">
        <v>1</v>
      </c>
      <c r="C124605" s="14" t="s">
        <v>200</v>
      </c>
      <c r="D124605" s="14" t="s">
        <v>434</v>
      </c>
      <c r="E124605" s="15">
        <v>45516</v>
      </c>
      <c r="F124605" s="14" t="s">
        <v>61</v>
      </c>
      <c r="G124605" s="16">
        <v>0.84948824524761368</v>
      </c>
    </row>
    <row r="124606" spans="1:7" x14ac:dyDescent="0.3">
      <c r="A124606" s="13" t="s">
        <v>577</v>
      </c>
      <c r="B124606" s="14" t="s">
        <v>1</v>
      </c>
      <c r="C124606" s="14" t="s">
        <v>200</v>
      </c>
      <c r="D124606" s="14" t="s">
        <v>434</v>
      </c>
      <c r="E124606" s="15">
        <v>45517</v>
      </c>
      <c r="F124606" s="14" t="s">
        <v>61</v>
      </c>
      <c r="G124606" s="16">
        <v>0.86140780905455872</v>
      </c>
    </row>
    <row r="124607" spans="1:7" x14ac:dyDescent="0.3">
      <c r="A124607" s="13" t="s">
        <v>577</v>
      </c>
      <c r="B124607" s="14" t="s">
        <v>1</v>
      </c>
      <c r="C124607" s="14" t="s">
        <v>200</v>
      </c>
      <c r="D124607" s="14" t="s">
        <v>434</v>
      </c>
      <c r="E124607" s="15">
        <v>45518</v>
      </c>
      <c r="F124607" s="14" t="s">
        <v>61</v>
      </c>
      <c r="G124607" s="16">
        <v>0.86642958687593008</v>
      </c>
    </row>
    <row r="124608" spans="1:7" x14ac:dyDescent="0.3">
      <c r="A124608" s="13" t="s">
        <v>577</v>
      </c>
      <c r="B124608" s="14" t="s">
        <v>1</v>
      </c>
      <c r="C124608" s="14" t="s">
        <v>200</v>
      </c>
      <c r="D124608" s="14" t="s">
        <v>434</v>
      </c>
      <c r="E124608" s="15">
        <v>45519</v>
      </c>
      <c r="F124608" s="14" t="s">
        <v>61</v>
      </c>
      <c r="G124608" s="16">
        <v>0.87539390385220683</v>
      </c>
    </row>
    <row r="124609" spans="1:7" x14ac:dyDescent="0.3">
      <c r="A124609" s="13" t="s">
        <v>577</v>
      </c>
      <c r="B124609" s="14" t="s">
        <v>1</v>
      </c>
      <c r="C124609" s="14" t="s">
        <v>200</v>
      </c>
      <c r="D124609" s="14" t="s">
        <v>434</v>
      </c>
      <c r="E124609" s="15">
        <v>45520</v>
      </c>
      <c r="F124609" s="14" t="s">
        <v>61</v>
      </c>
      <c r="G124609" s="16">
        <v>0.87676416210378905</v>
      </c>
    </row>
    <row r="124610" spans="1:7" x14ac:dyDescent="0.3">
      <c r="A124610" s="13" t="s">
        <v>577</v>
      </c>
      <c r="B124610" s="14" t="s">
        <v>1</v>
      </c>
      <c r="C124610" s="14" t="s">
        <v>200</v>
      </c>
      <c r="D124610" s="14" t="s">
        <v>434</v>
      </c>
      <c r="E124610" s="15">
        <v>45521</v>
      </c>
      <c r="F124610" s="14" t="s">
        <v>61</v>
      </c>
      <c r="G124610" s="16">
        <v>0.87676416210378905</v>
      </c>
    </row>
    <row r="124611" spans="1:7" x14ac:dyDescent="0.3">
      <c r="A124611" s="13" t="s">
        <v>577</v>
      </c>
      <c r="B124611" s="14" t="s">
        <v>1</v>
      </c>
      <c r="C124611" s="14" t="s">
        <v>200</v>
      </c>
      <c r="D124611" s="14" t="s">
        <v>434</v>
      </c>
      <c r="E124611" s="15">
        <v>45522</v>
      </c>
      <c r="F124611" s="14" t="s">
        <v>61</v>
      </c>
      <c r="G124611" s="16">
        <v>0.87676416210378905</v>
      </c>
    </row>
    <row r="124612" spans="1:7" x14ac:dyDescent="0.3">
      <c r="A124612" s="13" t="s">
        <v>577</v>
      </c>
      <c r="B124612" s="14" t="s">
        <v>1</v>
      </c>
      <c r="C124612" s="14" t="s">
        <v>200</v>
      </c>
      <c r="D124612" s="14" t="s">
        <v>434</v>
      </c>
      <c r="E124612" s="15">
        <v>45523</v>
      </c>
      <c r="F124612" s="14" t="s">
        <v>61</v>
      </c>
      <c r="G124612" s="16">
        <v>0.87787150250273904</v>
      </c>
    </row>
    <row r="124613" spans="1:7" x14ac:dyDescent="0.3">
      <c r="A124613" s="13" t="s">
        <v>577</v>
      </c>
      <c r="B124613" s="14" t="s">
        <v>1</v>
      </c>
      <c r="C124613" s="14" t="s">
        <v>200</v>
      </c>
      <c r="D124613" s="14" t="s">
        <v>434</v>
      </c>
      <c r="E124613" s="15">
        <v>45524</v>
      </c>
      <c r="F124613" s="14" t="s">
        <v>61</v>
      </c>
      <c r="G124613" s="16">
        <v>0.89087089224937699</v>
      </c>
    </row>
    <row r="124614" spans="1:7" x14ac:dyDescent="0.3">
      <c r="A124614" s="13" t="s">
        <v>577</v>
      </c>
      <c r="B124614" s="14" t="s">
        <v>1</v>
      </c>
      <c r="C124614" s="14" t="s">
        <v>200</v>
      </c>
      <c r="D124614" s="14" t="s">
        <v>434</v>
      </c>
      <c r="E124614" s="15">
        <v>45525</v>
      </c>
      <c r="F124614" s="14" t="s">
        <v>61</v>
      </c>
      <c r="G124614" s="16">
        <v>0.8940051225549126</v>
      </c>
    </row>
    <row r="124615" spans="1:7" x14ac:dyDescent="0.3">
      <c r="A124615" s="13" t="s">
        <v>577</v>
      </c>
      <c r="B124615" s="14" t="s">
        <v>1</v>
      </c>
      <c r="C124615" s="14" t="s">
        <v>200</v>
      </c>
      <c r="D124615" s="14" t="s">
        <v>434</v>
      </c>
      <c r="E124615" s="15">
        <v>45526</v>
      </c>
      <c r="F124615" s="14" t="s">
        <v>61</v>
      </c>
      <c r="G124615" s="16">
        <v>0.90587038611666437</v>
      </c>
    </row>
    <row r="124616" spans="1:7" x14ac:dyDescent="0.3">
      <c r="A124616" s="13" t="s">
        <v>577</v>
      </c>
      <c r="B124616" s="14" t="s">
        <v>1</v>
      </c>
      <c r="C124616" s="14" t="s">
        <v>200</v>
      </c>
      <c r="D124616" s="14" t="s">
        <v>434</v>
      </c>
      <c r="E124616" s="15">
        <v>45527</v>
      </c>
      <c r="F124616" s="14" t="s">
        <v>61</v>
      </c>
      <c r="G124616" s="16">
        <v>0.90296900546599423</v>
      </c>
    </row>
    <row r="124617" spans="1:7" x14ac:dyDescent="0.3">
      <c r="A124617" s="13" t="s">
        <v>577</v>
      </c>
      <c r="B124617" s="14" t="s">
        <v>1</v>
      </c>
      <c r="C124617" s="14" t="s">
        <v>200</v>
      </c>
      <c r="D124617" s="14" t="s">
        <v>434</v>
      </c>
      <c r="E124617" s="15">
        <v>45528</v>
      </c>
      <c r="F124617" s="14" t="s">
        <v>61</v>
      </c>
      <c r="G124617" s="16">
        <v>0.90296900546599423</v>
      </c>
    </row>
    <row r="124618" spans="1:7" x14ac:dyDescent="0.3">
      <c r="A124618" s="13" t="s">
        <v>577</v>
      </c>
      <c r="B124618" s="14" t="s">
        <v>1</v>
      </c>
      <c r="C124618" s="14" t="s">
        <v>200</v>
      </c>
      <c r="D124618" s="14" t="s">
        <v>434</v>
      </c>
      <c r="E124618" s="15">
        <v>45529</v>
      </c>
      <c r="F124618" s="14" t="s">
        <v>61</v>
      </c>
      <c r="G124618" s="16">
        <v>0.90296900546599423</v>
      </c>
    </row>
    <row r="124619" spans="1:7" x14ac:dyDescent="0.3">
      <c r="A124619" s="13" t="s">
        <v>577</v>
      </c>
      <c r="B124619" s="14" t="s">
        <v>1</v>
      </c>
      <c r="C124619" s="14" t="s">
        <v>200</v>
      </c>
      <c r="D124619" s="14" t="s">
        <v>434</v>
      </c>
      <c r="E124619" s="15">
        <v>45530</v>
      </c>
      <c r="F124619" s="14" t="s">
        <v>61</v>
      </c>
      <c r="G124619" s="16">
        <v>0.91835956803199237</v>
      </c>
    </row>
    <row r="124620" spans="1:7" x14ac:dyDescent="0.3">
      <c r="A124620" s="13" t="s">
        <v>577</v>
      </c>
      <c r="B124620" s="14" t="s">
        <v>1</v>
      </c>
      <c r="C124620" s="14" t="s">
        <v>200</v>
      </c>
      <c r="D124620" s="14" t="s">
        <v>434</v>
      </c>
      <c r="E124620" s="15">
        <v>45531</v>
      </c>
      <c r="F124620" s="14" t="s">
        <v>61</v>
      </c>
      <c r="G124620" s="16">
        <v>0.93312253785094579</v>
      </c>
    </row>
    <row r="124621" spans="1:7" x14ac:dyDescent="0.3">
      <c r="A124621" s="13" t="s">
        <v>577</v>
      </c>
      <c r="B124621" s="14" t="s">
        <v>1</v>
      </c>
      <c r="C124621" s="14" t="s">
        <v>200</v>
      </c>
      <c r="D124621" s="14" t="s">
        <v>434</v>
      </c>
      <c r="E124621" s="15">
        <v>45532</v>
      </c>
      <c r="F124621" s="14" t="s">
        <v>61</v>
      </c>
      <c r="G124621" s="16">
        <v>0.94352216069635952</v>
      </c>
    </row>
    <row r="124622" spans="1:7" x14ac:dyDescent="0.3">
      <c r="A124622" s="13" t="s">
        <v>577</v>
      </c>
      <c r="B124622" s="14" t="s">
        <v>1</v>
      </c>
      <c r="C124622" s="14" t="s">
        <v>200</v>
      </c>
      <c r="D124622" s="14" t="s">
        <v>434</v>
      </c>
      <c r="E124622" s="15">
        <v>45533</v>
      </c>
      <c r="F124622" s="14" t="s">
        <v>61</v>
      </c>
      <c r="G124622" s="16">
        <v>0.95208156823365397</v>
      </c>
    </row>
    <row r="124623" spans="1:7" x14ac:dyDescent="0.3">
      <c r="A124623" s="13" t="s">
        <v>577</v>
      </c>
      <c r="B124623" s="14" t="s">
        <v>1</v>
      </c>
      <c r="C124623" s="14" t="s">
        <v>200</v>
      </c>
      <c r="D124623" s="14" t="s">
        <v>434</v>
      </c>
      <c r="E124623" s="15">
        <v>45534</v>
      </c>
      <c r="F124623" s="14" t="s">
        <v>61</v>
      </c>
      <c r="G124623" s="16">
        <v>0.96340947783772823</v>
      </c>
    </row>
    <row r="124624" spans="1:7" x14ac:dyDescent="0.3">
      <c r="A124624" s="13" t="s">
        <v>577</v>
      </c>
      <c r="B124624" s="14" t="s">
        <v>1</v>
      </c>
      <c r="C124624" s="14" t="s">
        <v>200</v>
      </c>
      <c r="D124624" s="14" t="s">
        <v>434</v>
      </c>
      <c r="E124624" s="15">
        <v>45535</v>
      </c>
      <c r="F124624" s="14" t="s">
        <v>61</v>
      </c>
      <c r="G124624" s="16">
        <v>0.96340947783772823</v>
      </c>
    </row>
    <row r="124625" spans="1:7" x14ac:dyDescent="0.3">
      <c r="A124625" s="13" t="s">
        <v>577</v>
      </c>
      <c r="B124625" s="14" t="s">
        <v>1</v>
      </c>
      <c r="C124625" s="14" t="s">
        <v>200</v>
      </c>
      <c r="D124625" s="14" t="s">
        <v>434</v>
      </c>
      <c r="E124625" s="15">
        <v>45536</v>
      </c>
      <c r="F124625" s="14" t="s">
        <v>61</v>
      </c>
      <c r="G124625" s="16">
        <v>0.96340947783772823</v>
      </c>
    </row>
    <row r="124626" spans="1:7" x14ac:dyDescent="0.3">
      <c r="A124626" s="13" t="s">
        <v>577</v>
      </c>
      <c r="B124626" s="14" t="s">
        <v>1</v>
      </c>
      <c r="C124626" s="14" t="s">
        <v>200</v>
      </c>
      <c r="D124626" s="14" t="s">
        <v>434</v>
      </c>
      <c r="E124626" s="15">
        <v>45537</v>
      </c>
      <c r="F124626" s="14" t="s">
        <v>61</v>
      </c>
      <c r="G124626" s="16">
        <v>0.96340947783772823</v>
      </c>
    </row>
    <row r="124627" spans="1:7" x14ac:dyDescent="0.3">
      <c r="A124627" s="13" t="s">
        <v>577</v>
      </c>
      <c r="B124627" s="14" t="s">
        <v>1</v>
      </c>
      <c r="C124627" s="14" t="s">
        <v>200</v>
      </c>
      <c r="D124627" s="14" t="s">
        <v>434</v>
      </c>
      <c r="E124627" s="15">
        <v>45538</v>
      </c>
      <c r="F124627" s="14" t="s">
        <v>61</v>
      </c>
      <c r="G124627" s="16">
        <v>0.9692692235939675</v>
      </c>
    </row>
    <row r="124628" spans="1:7" x14ac:dyDescent="0.3">
      <c r="A124628" s="13" t="s">
        <v>577</v>
      </c>
      <c r="B124628" s="14" t="s">
        <v>1</v>
      </c>
      <c r="C124628" s="14" t="s">
        <v>200</v>
      </c>
      <c r="D124628" s="14" t="s">
        <v>434</v>
      </c>
      <c r="E124628" s="15">
        <v>45539</v>
      </c>
      <c r="F124628" s="14" t="s">
        <v>61</v>
      </c>
      <c r="G124628" s="16">
        <v>0.98497393254461563</v>
      </c>
    </row>
    <row r="124629" spans="1:7" x14ac:dyDescent="0.3">
      <c r="A124629" s="13" t="s">
        <v>577</v>
      </c>
      <c r="B124629" s="14" t="s">
        <v>1</v>
      </c>
      <c r="C124629" s="14" t="s">
        <v>200</v>
      </c>
      <c r="D124629" s="14" t="s">
        <v>434</v>
      </c>
      <c r="E124629" s="15">
        <v>45540</v>
      </c>
      <c r="F124629" s="14" t="s">
        <v>61</v>
      </c>
      <c r="G124629" s="16">
        <v>0.98792404856858484</v>
      </c>
    </row>
    <row r="124630" spans="1:7" x14ac:dyDescent="0.3">
      <c r="A124630" s="13" t="s">
        <v>577</v>
      </c>
      <c r="B124630" s="14" t="s">
        <v>1</v>
      </c>
      <c r="C124630" s="14" t="s">
        <v>200</v>
      </c>
      <c r="D124630" s="14" t="s">
        <v>434</v>
      </c>
      <c r="E124630" s="15">
        <v>45541</v>
      </c>
      <c r="F124630" s="14" t="s">
        <v>61</v>
      </c>
      <c r="G124630" s="16">
        <v>0.99607154577691537</v>
      </c>
    </row>
    <row r="124631" spans="1:7" x14ac:dyDescent="0.3">
      <c r="A124631" s="13" t="s">
        <v>577</v>
      </c>
      <c r="B124631" s="14" t="s">
        <v>1</v>
      </c>
      <c r="C124631" s="14" t="s">
        <v>200</v>
      </c>
      <c r="D124631" s="14" t="s">
        <v>434</v>
      </c>
      <c r="E124631" s="15">
        <v>45542</v>
      </c>
      <c r="F124631" s="14" t="s">
        <v>61</v>
      </c>
      <c r="G124631" s="16">
        <v>0.99607154577691537</v>
      </c>
    </row>
    <row r="124632" spans="1:7" x14ac:dyDescent="0.3">
      <c r="A124632" s="13" t="s">
        <v>577</v>
      </c>
      <c r="B124632" s="14" t="s">
        <v>1</v>
      </c>
      <c r="C124632" s="14" t="s">
        <v>200</v>
      </c>
      <c r="D124632" s="14" t="s">
        <v>434</v>
      </c>
      <c r="E124632" s="15">
        <v>45543</v>
      </c>
      <c r="F124632" s="14" t="s">
        <v>61</v>
      </c>
      <c r="G124632" s="16">
        <v>0.99607154577691537</v>
      </c>
    </row>
    <row r="124633" spans="1:7" x14ac:dyDescent="0.3">
      <c r="A124633" s="13" t="s">
        <v>577</v>
      </c>
      <c r="B124633" s="14" t="s">
        <v>1</v>
      </c>
      <c r="C124633" s="14" t="s">
        <v>200</v>
      </c>
      <c r="D124633" s="14" t="s">
        <v>434</v>
      </c>
      <c r="E124633" s="15">
        <v>45544</v>
      </c>
      <c r="F124633" s="14" t="s">
        <v>61</v>
      </c>
      <c r="G124633" s="16">
        <v>1.0084241652818873</v>
      </c>
    </row>
    <row r="124634" spans="1:7" x14ac:dyDescent="0.3">
      <c r="A124634" s="13" t="s">
        <v>577</v>
      </c>
      <c r="B124634" s="14" t="s">
        <v>1</v>
      </c>
      <c r="C124634" s="14" t="s">
        <v>200</v>
      </c>
      <c r="D124634" s="14" t="s">
        <v>434</v>
      </c>
      <c r="E124634" s="15">
        <v>45545</v>
      </c>
      <c r="F124634" s="14" t="s">
        <v>61</v>
      </c>
      <c r="G124634" s="16">
        <v>1.0252616805003674</v>
      </c>
    </row>
    <row r="124635" spans="1:7" x14ac:dyDescent="0.3">
      <c r="A124635" s="13" t="s">
        <v>577</v>
      </c>
      <c r="B124635" s="14" t="s">
        <v>1</v>
      </c>
      <c r="C124635" s="14" t="s">
        <v>200</v>
      </c>
      <c r="D124635" s="14" t="s">
        <v>434</v>
      </c>
      <c r="E124635" s="15">
        <v>45546</v>
      </c>
      <c r="F124635" s="14" t="s">
        <v>61</v>
      </c>
      <c r="G124635" s="16">
        <v>1.0327557152664197</v>
      </c>
    </row>
    <row r="124636" spans="1:7" x14ac:dyDescent="0.3">
      <c r="A124636" s="13" t="s">
        <v>577</v>
      </c>
      <c r="B124636" s="14" t="s">
        <v>1</v>
      </c>
      <c r="C124636" s="14" t="s">
        <v>200</v>
      </c>
      <c r="D124636" s="14" t="s">
        <v>434</v>
      </c>
      <c r="E124636" s="15">
        <v>45547</v>
      </c>
      <c r="F124636" s="14" t="s">
        <v>61</v>
      </c>
      <c r="G124636" s="16">
        <v>1.0324374156957887</v>
      </c>
    </row>
    <row r="124637" spans="1:7" x14ac:dyDescent="0.3">
      <c r="A124637" s="13" t="s">
        <v>577</v>
      </c>
      <c r="B124637" s="14" t="s">
        <v>1</v>
      </c>
      <c r="C124637" s="14" t="s">
        <v>200</v>
      </c>
      <c r="D124637" s="14" t="s">
        <v>434</v>
      </c>
      <c r="E124637" s="15">
        <v>45548</v>
      </c>
      <c r="F124637" s="14" t="s">
        <v>61</v>
      </c>
      <c r="G124637" s="16">
        <v>1.0373535631605042</v>
      </c>
    </row>
    <row r="124638" spans="1:7" x14ac:dyDescent="0.3">
      <c r="A124638" s="13" t="s">
        <v>577</v>
      </c>
      <c r="B124638" s="14" t="s">
        <v>1</v>
      </c>
      <c r="C124638" s="14" t="s">
        <v>200</v>
      </c>
      <c r="D124638" s="14" t="s">
        <v>434</v>
      </c>
      <c r="E124638" s="15">
        <v>45549</v>
      </c>
      <c r="F124638" s="14" t="s">
        <v>61</v>
      </c>
      <c r="G124638" s="16">
        <v>1.0373535631605042</v>
      </c>
    </row>
    <row r="124639" spans="1:7" x14ac:dyDescent="0.3">
      <c r="A124639" s="13" t="s">
        <v>577</v>
      </c>
      <c r="B124639" s="14" t="s">
        <v>1</v>
      </c>
      <c r="C124639" s="14" t="s">
        <v>200</v>
      </c>
      <c r="D124639" s="14" t="s">
        <v>434</v>
      </c>
      <c r="E124639" s="15">
        <v>45550</v>
      </c>
      <c r="F124639" s="14" t="s">
        <v>61</v>
      </c>
      <c r="G124639" s="16">
        <v>1.0373535631605042</v>
      </c>
    </row>
    <row r="124640" spans="1:7" x14ac:dyDescent="0.3">
      <c r="A124640" s="13" t="s">
        <v>577</v>
      </c>
      <c r="B124640" s="14" t="s">
        <v>1</v>
      </c>
      <c r="C124640" s="14" t="s">
        <v>200</v>
      </c>
      <c r="D124640" s="14" t="s">
        <v>434</v>
      </c>
      <c r="E124640" s="15">
        <v>45551</v>
      </c>
      <c r="F124640" s="14" t="s">
        <v>61</v>
      </c>
      <c r="G124640" s="16">
        <v>1.0373945680304415</v>
      </c>
    </row>
    <row r="124641" spans="1:7" x14ac:dyDescent="0.3">
      <c r="A124641" s="13" t="s">
        <v>577</v>
      </c>
      <c r="B124641" s="14" t="s">
        <v>1</v>
      </c>
      <c r="C124641" s="14" t="s">
        <v>200</v>
      </c>
      <c r="D124641" s="14" t="s">
        <v>434</v>
      </c>
      <c r="E124641" s="15">
        <v>45552</v>
      </c>
      <c r="F124641" s="14" t="s">
        <v>61</v>
      </c>
      <c r="G124641" s="16">
        <v>1.0536780450155179</v>
      </c>
    </row>
    <row r="124642" spans="1:7" x14ac:dyDescent="0.3">
      <c r="A124642" s="13" t="s">
        <v>577</v>
      </c>
      <c r="B124642" s="14" t="s">
        <v>1</v>
      </c>
      <c r="C124642" s="14" t="s">
        <v>200</v>
      </c>
      <c r="D124642" s="14" t="s">
        <v>434</v>
      </c>
      <c r="E124642" s="15">
        <v>45553</v>
      </c>
      <c r="F124642" s="14" t="s">
        <v>61</v>
      </c>
      <c r="G124642" s="16">
        <v>1.0588422658632579</v>
      </c>
    </row>
    <row r="124643" spans="1:7" x14ac:dyDescent="0.3">
      <c r="A124643" s="13" t="s">
        <v>577</v>
      </c>
      <c r="B124643" s="14" t="s">
        <v>1</v>
      </c>
      <c r="C124643" s="14" t="s">
        <v>200</v>
      </c>
      <c r="D124643" s="14" t="s">
        <v>434</v>
      </c>
      <c r="E124643" s="15">
        <v>45554</v>
      </c>
      <c r="F124643" s="14" t="s">
        <v>61</v>
      </c>
      <c r="G124643" s="16">
        <v>1.0602720077446526</v>
      </c>
    </row>
    <row r="124644" spans="1:7" x14ac:dyDescent="0.3">
      <c r="A124644" s="13" t="s">
        <v>577</v>
      </c>
      <c r="B124644" s="14" t="s">
        <v>1</v>
      </c>
      <c r="C124644" s="14" t="s">
        <v>200</v>
      </c>
      <c r="D124644" s="14" t="s">
        <v>434</v>
      </c>
      <c r="E124644" s="15">
        <v>45555</v>
      </c>
      <c r="F124644" s="14" t="s">
        <v>61</v>
      </c>
      <c r="G124644" s="16">
        <v>1.0670230162890881</v>
      </c>
    </row>
    <row r="124645" spans="1:7" x14ac:dyDescent="0.3">
      <c r="A124645" s="13" t="s">
        <v>577</v>
      </c>
      <c r="B124645" s="14" t="s">
        <v>1</v>
      </c>
      <c r="C124645" s="14" t="s">
        <v>200</v>
      </c>
      <c r="D124645" s="14" t="s">
        <v>434</v>
      </c>
      <c r="E124645" s="15">
        <v>45556</v>
      </c>
      <c r="F124645" s="14" t="s">
        <v>61</v>
      </c>
      <c r="G124645" s="16">
        <v>1.0670230162890881</v>
      </c>
    </row>
    <row r="124646" spans="1:7" x14ac:dyDescent="0.3">
      <c r="A124646" s="13" t="s">
        <v>577</v>
      </c>
      <c r="B124646" s="14" t="s">
        <v>1</v>
      </c>
      <c r="C124646" s="14" t="s">
        <v>200</v>
      </c>
      <c r="D124646" s="14" t="s">
        <v>434</v>
      </c>
      <c r="E124646" s="15">
        <v>45557</v>
      </c>
      <c r="F124646" s="14" t="s">
        <v>61</v>
      </c>
      <c r="G124646" s="16">
        <v>1.0670230162890881</v>
      </c>
    </row>
    <row r="124647" spans="1:7" x14ac:dyDescent="0.3">
      <c r="A124647" s="13" t="s">
        <v>577</v>
      </c>
      <c r="B124647" s="14" t="s">
        <v>1</v>
      </c>
      <c r="C124647" s="14" t="s">
        <v>200</v>
      </c>
      <c r="D124647" s="14" t="s">
        <v>434</v>
      </c>
      <c r="E124647" s="15">
        <v>45558</v>
      </c>
      <c r="F124647" s="14" t="s">
        <v>61</v>
      </c>
      <c r="G124647" s="16">
        <v>1.0777450074117843</v>
      </c>
    </row>
    <row r="124648" spans="1:7" x14ac:dyDescent="0.3">
      <c r="A124648" s="13" t="s">
        <v>577</v>
      </c>
      <c r="B124648" s="14" t="s">
        <v>1</v>
      </c>
      <c r="C124648" s="14" t="s">
        <v>200</v>
      </c>
      <c r="D124648" s="14" t="s">
        <v>434</v>
      </c>
      <c r="E124648" s="15">
        <v>45559</v>
      </c>
      <c r="F124648" s="14" t="s">
        <v>61</v>
      </c>
      <c r="G124648" s="16">
        <v>1.0883102421095998</v>
      </c>
    </row>
    <row r="124649" spans="1:7" x14ac:dyDescent="0.3">
      <c r="A124649" s="13" t="s">
        <v>577</v>
      </c>
      <c r="B124649" s="14" t="s">
        <v>1</v>
      </c>
      <c r="C124649" s="14" t="s">
        <v>200</v>
      </c>
      <c r="D124649" s="14" t="s">
        <v>434</v>
      </c>
      <c r="E124649" s="15">
        <v>45560</v>
      </c>
      <c r="F124649" s="14" t="s">
        <v>61</v>
      </c>
      <c r="G124649" s="16">
        <v>1.0982765863405515</v>
      </c>
    </row>
    <row r="124650" spans="1:7" x14ac:dyDescent="0.3">
      <c r="A124650" s="13" t="s">
        <v>577</v>
      </c>
      <c r="B124650" s="14" t="s">
        <v>1</v>
      </c>
      <c r="C124650" s="14" t="s">
        <v>200</v>
      </c>
      <c r="D124650" s="14" t="s">
        <v>434</v>
      </c>
      <c r="E124650" s="15">
        <v>45561</v>
      </c>
      <c r="F124650" s="14" t="s">
        <v>61</v>
      </c>
      <c r="G124650" s="16">
        <v>1.0997702894394994</v>
      </c>
    </row>
    <row r="124651" spans="1:7" x14ac:dyDescent="0.3">
      <c r="A124651" s="13" t="s">
        <v>577</v>
      </c>
      <c r="B124651" s="14" t="s">
        <v>1</v>
      </c>
      <c r="C124651" s="14" t="s">
        <v>200</v>
      </c>
      <c r="D124651" s="14" t="s">
        <v>434</v>
      </c>
      <c r="E124651" s="15">
        <v>45562</v>
      </c>
      <c r="F124651" s="14" t="s">
        <v>61</v>
      </c>
      <c r="G124651" s="16">
        <v>1.106639454917516</v>
      </c>
    </row>
    <row r="124652" spans="1:7" x14ac:dyDescent="0.3">
      <c r="A124652" s="13" t="s">
        <v>577</v>
      </c>
      <c r="B124652" s="14" t="s">
        <v>1</v>
      </c>
      <c r="C124652" s="14" t="s">
        <v>200</v>
      </c>
      <c r="D124652" s="14" t="s">
        <v>434</v>
      </c>
      <c r="E124652" s="15">
        <v>45563</v>
      </c>
      <c r="F124652" s="14" t="s">
        <v>61</v>
      </c>
      <c r="G124652" s="16">
        <v>1.106639454917516</v>
      </c>
    </row>
    <row r="124653" spans="1:7" x14ac:dyDescent="0.3">
      <c r="A124653" s="13" t="s">
        <v>577</v>
      </c>
      <c r="B124653" s="14" t="s">
        <v>1</v>
      </c>
      <c r="C124653" s="14" t="s">
        <v>200</v>
      </c>
      <c r="D124653" s="14" t="s">
        <v>434</v>
      </c>
      <c r="E124653" s="15">
        <v>45564</v>
      </c>
      <c r="F124653" s="14" t="s">
        <v>61</v>
      </c>
      <c r="G124653" s="16">
        <v>1.106639454917516</v>
      </c>
    </row>
    <row r="124654" spans="1:7" x14ac:dyDescent="0.3">
      <c r="A124654" s="13" t="s">
        <v>577</v>
      </c>
      <c r="B124654" s="14" t="s">
        <v>1</v>
      </c>
      <c r="C124654" s="14" t="s">
        <v>200</v>
      </c>
      <c r="D124654" s="14" t="s">
        <v>434</v>
      </c>
      <c r="E124654" s="15">
        <v>45565</v>
      </c>
      <c r="F124654" s="14" t="s">
        <v>61</v>
      </c>
      <c r="G124654" s="16">
        <v>1.1159605985468875</v>
      </c>
    </row>
    <row r="124655" spans="1:7" x14ac:dyDescent="0.3">
      <c r="A124655" s="13" t="s">
        <v>577</v>
      </c>
      <c r="B124655" s="14" t="s">
        <v>1</v>
      </c>
      <c r="C124655" s="14" t="s">
        <v>200</v>
      </c>
      <c r="D124655" s="14" t="s">
        <v>434</v>
      </c>
      <c r="E124655" s="15">
        <v>45566</v>
      </c>
      <c r="F124655" s="14" t="s">
        <v>61</v>
      </c>
      <c r="G124655" s="16">
        <v>1.1315979295743113</v>
      </c>
    </row>
    <row r="124656" spans="1:7" x14ac:dyDescent="0.3">
      <c r="A124656" s="13" t="s">
        <v>577</v>
      </c>
      <c r="B124656" s="14" t="s">
        <v>1</v>
      </c>
      <c r="C124656" s="14" t="s">
        <v>200</v>
      </c>
      <c r="D124656" s="14" t="s">
        <v>434</v>
      </c>
      <c r="E124656" s="15">
        <v>45567</v>
      </c>
      <c r="F124656" s="14" t="s">
        <v>61</v>
      </c>
      <c r="G124656" s="16">
        <v>1.1422272562031546</v>
      </c>
    </row>
    <row r="124657" spans="1:7" x14ac:dyDescent="0.3">
      <c r="A124657" s="13" t="s">
        <v>577</v>
      </c>
      <c r="B124657" s="14" t="s">
        <v>1</v>
      </c>
      <c r="C124657" s="14" t="s">
        <v>200</v>
      </c>
      <c r="D124657" s="14" t="s">
        <v>434</v>
      </c>
      <c r="E124657" s="15">
        <v>45568</v>
      </c>
      <c r="F124657" s="14" t="s">
        <v>61</v>
      </c>
      <c r="G124657" s="16">
        <v>1.149177270817533</v>
      </c>
    </row>
    <row r="124658" spans="1:7" x14ac:dyDescent="0.3">
      <c r="A124658" s="13" t="s">
        <v>577</v>
      </c>
      <c r="B124658" s="14" t="s">
        <v>1</v>
      </c>
      <c r="C124658" s="14" t="s">
        <v>200</v>
      </c>
      <c r="D124658" s="14" t="s">
        <v>434</v>
      </c>
      <c r="E124658" s="15">
        <v>45569</v>
      </c>
      <c r="F124658" s="14" t="s">
        <v>61</v>
      </c>
      <c r="G124658" s="16">
        <v>1.1602576481201068</v>
      </c>
    </row>
    <row r="124659" spans="1:7" x14ac:dyDescent="0.3">
      <c r="A124659" s="13" t="s">
        <v>577</v>
      </c>
      <c r="B124659" s="14" t="s">
        <v>1</v>
      </c>
      <c r="C124659" s="14" t="s">
        <v>200</v>
      </c>
      <c r="D124659" s="14" t="s">
        <v>434</v>
      </c>
      <c r="E124659" s="15">
        <v>45570</v>
      </c>
      <c r="F124659" s="14" t="s">
        <v>61</v>
      </c>
      <c r="G124659" s="16">
        <v>1.1602576481201068</v>
      </c>
    </row>
    <row r="124660" spans="1:7" x14ac:dyDescent="0.3">
      <c r="A124660" s="13" t="s">
        <v>577</v>
      </c>
      <c r="B124660" s="14" t="s">
        <v>1</v>
      </c>
      <c r="C124660" s="14" t="s">
        <v>200</v>
      </c>
      <c r="D124660" s="14" t="s">
        <v>434</v>
      </c>
      <c r="E124660" s="15">
        <v>45571</v>
      </c>
      <c r="F124660" s="14" t="s">
        <v>61</v>
      </c>
      <c r="G124660" s="16">
        <v>1.1602576481201068</v>
      </c>
    </row>
    <row r="124661" spans="1:7" x14ac:dyDescent="0.3">
      <c r="A124661" s="13" t="s">
        <v>577</v>
      </c>
      <c r="B124661" s="14" t="s">
        <v>1</v>
      </c>
      <c r="C124661" s="14" t="s">
        <v>200</v>
      </c>
      <c r="D124661" s="14" t="s">
        <v>434</v>
      </c>
      <c r="E124661" s="15">
        <v>45572</v>
      </c>
      <c r="F124661" s="14" t="s">
        <v>61</v>
      </c>
      <c r="G124661" s="16">
        <v>1.1712754533715151</v>
      </c>
    </row>
    <row r="124662" spans="1:7" x14ac:dyDescent="0.3">
      <c r="A124662" s="13" t="s">
        <v>577</v>
      </c>
      <c r="B124662" s="14" t="s">
        <v>1</v>
      </c>
      <c r="C124662" s="14" t="s">
        <v>200</v>
      </c>
      <c r="D124662" s="14" t="s">
        <v>434</v>
      </c>
      <c r="E124662" s="15">
        <v>45573</v>
      </c>
      <c r="F124662" s="14" t="s">
        <v>61</v>
      </c>
      <c r="G124662" s="16">
        <v>1.1867399995714953</v>
      </c>
    </row>
    <row r="124663" spans="1:7" x14ac:dyDescent="0.3">
      <c r="A124663" s="13" t="s">
        <v>577</v>
      </c>
      <c r="B124663" s="14" t="s">
        <v>1</v>
      </c>
      <c r="C124663" s="14" t="s">
        <v>200</v>
      </c>
      <c r="D124663" s="14" t="s">
        <v>434</v>
      </c>
      <c r="E124663" s="15">
        <v>45574</v>
      </c>
      <c r="F124663" s="14" t="s">
        <v>61</v>
      </c>
      <c r="G124663" s="16">
        <v>1.1968160625107731</v>
      </c>
    </row>
    <row r="124664" spans="1:7" x14ac:dyDescent="0.3">
      <c r="A124664" s="13" t="s">
        <v>577</v>
      </c>
      <c r="B124664" s="14" t="s">
        <v>1</v>
      </c>
      <c r="C124664" s="14" t="s">
        <v>200</v>
      </c>
      <c r="D124664" s="14" t="s">
        <v>434</v>
      </c>
      <c r="E124664" s="15">
        <v>45575</v>
      </c>
      <c r="F124664" s="14" t="s">
        <v>61</v>
      </c>
      <c r="G124664" s="16">
        <v>1.2016956310868003</v>
      </c>
    </row>
    <row r="124665" spans="1:7" x14ac:dyDescent="0.3">
      <c r="A124665" s="13" t="s">
        <v>577</v>
      </c>
      <c r="B124665" s="14" t="s">
        <v>1</v>
      </c>
      <c r="C124665" s="14" t="s">
        <v>200</v>
      </c>
      <c r="D124665" s="14" t="s">
        <v>434</v>
      </c>
      <c r="E124665" s="15">
        <v>45576</v>
      </c>
      <c r="F124665" s="14" t="s">
        <v>61</v>
      </c>
      <c r="G124665" s="16">
        <v>1.2064886952408045</v>
      </c>
    </row>
    <row r="124666" spans="1:7" x14ac:dyDescent="0.3">
      <c r="A124666" s="13" t="s">
        <v>577</v>
      </c>
      <c r="B124666" s="14" t="s">
        <v>1</v>
      </c>
      <c r="C124666" s="14" t="s">
        <v>200</v>
      </c>
      <c r="D124666" s="14" t="s">
        <v>434</v>
      </c>
      <c r="E124666" s="15">
        <v>45577</v>
      </c>
      <c r="F124666" s="14" t="s">
        <v>61</v>
      </c>
      <c r="G124666" s="16">
        <v>1.2064886952408045</v>
      </c>
    </row>
    <row r="124667" spans="1:7" x14ac:dyDescent="0.3">
      <c r="A124667" s="13" t="s">
        <v>577</v>
      </c>
      <c r="B124667" s="14" t="s">
        <v>1</v>
      </c>
      <c r="C124667" s="14" t="s">
        <v>200</v>
      </c>
      <c r="D124667" s="14" t="s">
        <v>434</v>
      </c>
      <c r="E124667" s="15">
        <v>45578</v>
      </c>
      <c r="F124667" s="14" t="s">
        <v>61</v>
      </c>
      <c r="G124667" s="16">
        <v>1.2064886952408045</v>
      </c>
    </row>
    <row r="124668" spans="1:7" x14ac:dyDescent="0.3">
      <c r="A124668" s="13" t="s">
        <v>577</v>
      </c>
      <c r="B124668" s="14" t="s">
        <v>1</v>
      </c>
      <c r="C124668" s="14" t="s">
        <v>200</v>
      </c>
      <c r="D124668" s="14" t="s">
        <v>434</v>
      </c>
      <c r="E124668" s="15">
        <v>45579</v>
      </c>
      <c r="F124668" s="14" t="s">
        <v>61</v>
      </c>
      <c r="G124668" s="16">
        <v>1.2064886952408045</v>
      </c>
    </row>
    <row r="124669" spans="1:7" x14ac:dyDescent="0.3">
      <c r="A124669" s="13" t="s">
        <v>577</v>
      </c>
      <c r="B124669" s="14" t="s">
        <v>1</v>
      </c>
      <c r="C124669" s="14" t="s">
        <v>200</v>
      </c>
      <c r="D124669" s="14" t="s">
        <v>434</v>
      </c>
      <c r="E124669" s="15">
        <v>45580</v>
      </c>
      <c r="F124669" s="14" t="s">
        <v>61</v>
      </c>
      <c r="G124669" s="16">
        <v>1.2169103902572571</v>
      </c>
    </row>
    <row r="124670" spans="1:7" x14ac:dyDescent="0.3">
      <c r="A124670" s="13" t="s">
        <v>577</v>
      </c>
      <c r="B124670" s="14" t="s">
        <v>1</v>
      </c>
      <c r="C124670" s="14" t="s">
        <v>200</v>
      </c>
      <c r="D124670" s="14" t="s">
        <v>434</v>
      </c>
      <c r="E124670" s="15">
        <v>45581</v>
      </c>
      <c r="F124670" s="14" t="s">
        <v>61</v>
      </c>
      <c r="G124670" s="16">
        <v>1.2418904768647763</v>
      </c>
    </row>
    <row r="124671" spans="1:7" x14ac:dyDescent="0.3">
      <c r="A124671" s="13" t="s">
        <v>577</v>
      </c>
      <c r="B124671" s="14" t="s">
        <v>1</v>
      </c>
      <c r="C124671" s="14" t="s">
        <v>200</v>
      </c>
      <c r="D124671" s="14" t="s">
        <v>434</v>
      </c>
      <c r="E124671" s="15">
        <v>45582</v>
      </c>
      <c r="F124671" s="14" t="s">
        <v>61</v>
      </c>
      <c r="G124671" s="16">
        <v>1.2528909737966922</v>
      </c>
    </row>
    <row r="124672" spans="1:7" x14ac:dyDescent="0.3">
      <c r="A124672" s="13" t="s">
        <v>577</v>
      </c>
      <c r="B124672" s="14" t="s">
        <v>1</v>
      </c>
      <c r="C124672" s="14" t="s">
        <v>200</v>
      </c>
      <c r="D124672" s="14" t="s">
        <v>434</v>
      </c>
      <c r="E124672" s="15">
        <v>45583</v>
      </c>
      <c r="F124672" s="14" t="s">
        <v>61</v>
      </c>
      <c r="G124672" s="16">
        <v>1.2608877445391851</v>
      </c>
    </row>
    <row r="124673" spans="1:7" x14ac:dyDescent="0.3">
      <c r="A124673" s="13" t="s">
        <v>577</v>
      </c>
      <c r="B124673" s="14" t="s">
        <v>1</v>
      </c>
      <c r="C124673" s="14" t="s">
        <v>200</v>
      </c>
      <c r="D124673" s="14" t="s">
        <v>434</v>
      </c>
      <c r="E124673" s="15">
        <v>45584</v>
      </c>
      <c r="F124673" s="14" t="s">
        <v>61</v>
      </c>
      <c r="G124673" s="16">
        <v>1.2608877445391851</v>
      </c>
    </row>
    <row r="124674" spans="1:7" x14ac:dyDescent="0.3">
      <c r="A124674" s="13" t="s">
        <v>577</v>
      </c>
      <c r="B124674" s="14" t="s">
        <v>1</v>
      </c>
      <c r="C124674" s="14" t="s">
        <v>200</v>
      </c>
      <c r="D124674" s="14" t="s">
        <v>434</v>
      </c>
      <c r="E124674" s="15">
        <v>45585</v>
      </c>
      <c r="F124674" s="14" t="s">
        <v>61</v>
      </c>
      <c r="G124674" s="16">
        <v>1.2608877445391851</v>
      </c>
    </row>
    <row r="124675" spans="1:7" x14ac:dyDescent="0.3">
      <c r="A124675" s="13" t="s">
        <v>577</v>
      </c>
      <c r="B124675" s="14" t="s">
        <v>1</v>
      </c>
      <c r="C124675" s="14" t="s">
        <v>200</v>
      </c>
      <c r="D124675" s="14" t="s">
        <v>434</v>
      </c>
      <c r="E124675" s="15">
        <v>45586</v>
      </c>
      <c r="F124675" s="14" t="s">
        <v>61</v>
      </c>
      <c r="G124675" s="16">
        <v>1.2770728655182002</v>
      </c>
    </row>
    <row r="124676" spans="1:7" x14ac:dyDescent="0.3">
      <c r="A124676" s="13" t="s">
        <v>577</v>
      </c>
      <c r="B124676" s="14" t="s">
        <v>1</v>
      </c>
      <c r="C124676" s="14" t="s">
        <v>200</v>
      </c>
      <c r="D124676" s="14" t="s">
        <v>434</v>
      </c>
      <c r="E124676" s="15">
        <v>45587</v>
      </c>
      <c r="F124676" s="14" t="s">
        <v>61</v>
      </c>
      <c r="G124676" s="16">
        <v>1.2959847208847939</v>
      </c>
    </row>
    <row r="124677" spans="1:7" x14ac:dyDescent="0.3">
      <c r="A124677" s="13" t="s">
        <v>577</v>
      </c>
      <c r="B124677" s="14" t="s">
        <v>1</v>
      </c>
      <c r="C124677" s="14" t="s">
        <v>200</v>
      </c>
      <c r="D124677" s="14" t="s">
        <v>434</v>
      </c>
      <c r="E124677" s="15">
        <v>45588</v>
      </c>
      <c r="F124677" s="14" t="s">
        <v>61</v>
      </c>
      <c r="G124677" s="16">
        <v>1.3040356064521303</v>
      </c>
    </row>
    <row r="124678" spans="1:7" x14ac:dyDescent="0.3">
      <c r="A124678" s="13" t="s">
        <v>577</v>
      </c>
      <c r="B124678" s="14" t="s">
        <v>1</v>
      </c>
      <c r="C124678" s="14" t="s">
        <v>200</v>
      </c>
      <c r="D124678" s="14" t="s">
        <v>434</v>
      </c>
      <c r="E124678" s="15">
        <v>45589</v>
      </c>
      <c r="F124678" s="14" t="s">
        <v>61</v>
      </c>
      <c r="G124678" s="16">
        <v>1.304445505387684</v>
      </c>
    </row>
    <row r="124679" spans="1:7" x14ac:dyDescent="0.3">
      <c r="A124679" s="13" t="s">
        <v>577</v>
      </c>
      <c r="B124679" s="14" t="s">
        <v>1</v>
      </c>
      <c r="C124679" s="14" t="s">
        <v>200</v>
      </c>
      <c r="D124679" s="14" t="s">
        <v>434</v>
      </c>
      <c r="E124679" s="15">
        <v>45590</v>
      </c>
      <c r="F124679" s="14" t="s">
        <v>61</v>
      </c>
      <c r="G124679" s="16">
        <v>1.3139558478176465</v>
      </c>
    </row>
    <row r="124680" spans="1:7" x14ac:dyDescent="0.3">
      <c r="A124680" s="13" t="s">
        <v>577</v>
      </c>
      <c r="B124680" s="14" t="s">
        <v>1</v>
      </c>
      <c r="C124680" s="14" t="s">
        <v>200</v>
      </c>
      <c r="D124680" s="14" t="s">
        <v>434</v>
      </c>
      <c r="E124680" s="15">
        <v>45591</v>
      </c>
      <c r="F124680" s="14" t="s">
        <v>61</v>
      </c>
      <c r="G124680" s="16">
        <v>1.3139558478176465</v>
      </c>
    </row>
    <row r="124681" spans="1:7" x14ac:dyDescent="0.3">
      <c r="A124681" s="13" t="s">
        <v>577</v>
      </c>
      <c r="B124681" s="14" t="s">
        <v>1</v>
      </c>
      <c r="C124681" s="14" t="s">
        <v>200</v>
      </c>
      <c r="D124681" s="14" t="s">
        <v>434</v>
      </c>
      <c r="E124681" s="15">
        <v>45592</v>
      </c>
      <c r="F124681" s="14" t="s">
        <v>61</v>
      </c>
      <c r="G124681" s="16">
        <v>1.3139558478176465</v>
      </c>
    </row>
    <row r="124682" spans="1:7" x14ac:dyDescent="0.3">
      <c r="A124682" s="13" t="s">
        <v>577</v>
      </c>
      <c r="B124682" s="14" t="s">
        <v>1</v>
      </c>
      <c r="C124682" s="14" t="s">
        <v>200</v>
      </c>
      <c r="D124682" s="14" t="s">
        <v>434</v>
      </c>
      <c r="E124682" s="15">
        <v>45593</v>
      </c>
      <c r="F124682" s="14" t="s">
        <v>61</v>
      </c>
      <c r="G124682" s="16">
        <v>1.3139558478176465</v>
      </c>
    </row>
    <row r="124683" spans="1:7" x14ac:dyDescent="0.3">
      <c r="A124683" s="13" t="s">
        <v>577</v>
      </c>
      <c r="B124683" s="14" t="s">
        <v>1</v>
      </c>
      <c r="C124683" s="14" t="s">
        <v>200</v>
      </c>
      <c r="D124683" s="14" t="s">
        <v>434</v>
      </c>
      <c r="E124683" s="15">
        <v>45594</v>
      </c>
      <c r="F124683" s="14" t="s">
        <v>61</v>
      </c>
      <c r="G124683" s="16">
        <v>1.3173176348185789</v>
      </c>
    </row>
    <row r="124684" spans="1:7" x14ac:dyDescent="0.3">
      <c r="A124684" s="13" t="s">
        <v>577</v>
      </c>
      <c r="B124684" s="14" t="s">
        <v>1</v>
      </c>
      <c r="C124684" s="14" t="s">
        <v>200</v>
      </c>
      <c r="D124684" s="14" t="s">
        <v>434</v>
      </c>
      <c r="E124684" s="15">
        <v>45595</v>
      </c>
      <c r="F124684" s="14" t="s">
        <v>61</v>
      </c>
      <c r="G124684" s="16">
        <v>1.3362011030305621</v>
      </c>
    </row>
    <row r="124685" spans="1:7" x14ac:dyDescent="0.3">
      <c r="A124685" s="13" t="s">
        <v>577</v>
      </c>
      <c r="B124685" s="14" t="s">
        <v>1</v>
      </c>
      <c r="C124685" s="14" t="s">
        <v>200</v>
      </c>
      <c r="D124685" s="14" t="s">
        <v>434</v>
      </c>
      <c r="E124685" s="15">
        <v>45596</v>
      </c>
      <c r="F124685" s="14" t="s">
        <v>61</v>
      </c>
      <c r="G124685" s="16">
        <v>1.3385264009912392</v>
      </c>
    </row>
    <row r="124686" spans="1:7" x14ac:dyDescent="0.3">
      <c r="A124686" s="13" t="s">
        <v>577</v>
      </c>
      <c r="B124686" s="14" t="s">
        <v>1</v>
      </c>
      <c r="C124686" s="14" t="s">
        <v>200</v>
      </c>
      <c r="D124686" s="14" t="s">
        <v>434</v>
      </c>
      <c r="E124686" s="15">
        <v>45597</v>
      </c>
      <c r="F124686" s="14" t="s">
        <v>61</v>
      </c>
      <c r="G124686" s="16">
        <v>1.3498281150721068</v>
      </c>
    </row>
    <row r="124687" spans="1:7" x14ac:dyDescent="0.3">
      <c r="A124687" s="13" t="s">
        <v>577</v>
      </c>
      <c r="B124687" s="14" t="s">
        <v>1</v>
      </c>
      <c r="C124687" s="14" t="s">
        <v>200</v>
      </c>
      <c r="D124687" s="14" t="s">
        <v>434</v>
      </c>
      <c r="E124687" s="15">
        <v>45598</v>
      </c>
      <c r="F124687" s="14" t="s">
        <v>61</v>
      </c>
      <c r="G124687" s="16">
        <v>1.3498281150721068</v>
      </c>
    </row>
    <row r="124688" spans="1:7" x14ac:dyDescent="0.3">
      <c r="A124688" s="13" t="s">
        <v>577</v>
      </c>
      <c r="B124688" s="14" t="s">
        <v>1</v>
      </c>
      <c r="C124688" s="14" t="s">
        <v>200</v>
      </c>
      <c r="D124688" s="14" t="s">
        <v>434</v>
      </c>
      <c r="E124688" s="15">
        <v>45599</v>
      </c>
      <c r="F124688" s="14" t="s">
        <v>61</v>
      </c>
      <c r="G124688" s="16">
        <v>1.3498281150721068</v>
      </c>
    </row>
    <row r="124689" spans="1:7" x14ac:dyDescent="0.3">
      <c r="A124689" s="13" t="s">
        <v>577</v>
      </c>
      <c r="B124689" s="14" t="s">
        <v>1</v>
      </c>
      <c r="C124689" s="14" t="s">
        <v>200</v>
      </c>
      <c r="D124689" s="14" t="s">
        <v>434</v>
      </c>
      <c r="E124689" s="15">
        <v>45600</v>
      </c>
      <c r="F124689" s="14" t="s">
        <v>61</v>
      </c>
      <c r="G124689" s="16">
        <v>1.3518667074652722</v>
      </c>
    </row>
    <row r="124690" spans="1:7" x14ac:dyDescent="0.3">
      <c r="A124690" s="13" t="s">
        <v>577</v>
      </c>
      <c r="B124690" s="14" t="s">
        <v>1</v>
      </c>
      <c r="C124690" s="14" t="s">
        <v>200</v>
      </c>
      <c r="D124690" s="14" t="s">
        <v>434</v>
      </c>
      <c r="E124690" s="15">
        <v>45601</v>
      </c>
      <c r="F124690" s="14" t="s">
        <v>61</v>
      </c>
      <c r="G124690" s="16">
        <v>1.3696902444426731</v>
      </c>
    </row>
    <row r="124691" spans="1:7" x14ac:dyDescent="0.3">
      <c r="A124691" s="13" t="s">
        <v>577</v>
      </c>
      <c r="B124691" s="14" t="s">
        <v>1</v>
      </c>
      <c r="C124691" s="14" t="s">
        <v>200</v>
      </c>
      <c r="D124691" s="14" t="s">
        <v>434</v>
      </c>
      <c r="E124691" s="15">
        <v>45602</v>
      </c>
      <c r="F124691" s="14" t="s">
        <v>61</v>
      </c>
      <c r="G124691" s="16">
        <v>1.4010271113108879</v>
      </c>
    </row>
    <row r="124692" spans="1:7" x14ac:dyDescent="0.3">
      <c r="A124692" s="13" t="s">
        <v>577</v>
      </c>
      <c r="B124692" s="14" t="s">
        <v>1</v>
      </c>
      <c r="C124692" s="14" t="s">
        <v>200</v>
      </c>
      <c r="D124692" s="14" t="s">
        <v>434</v>
      </c>
      <c r="E124692" s="15">
        <v>45603</v>
      </c>
      <c r="F124692" s="14" t="s">
        <v>61</v>
      </c>
      <c r="G124692" s="16">
        <v>1.3907170494470165</v>
      </c>
    </row>
    <row r="124693" spans="1:7" x14ac:dyDescent="0.3">
      <c r="A124693" s="13" t="s">
        <v>577</v>
      </c>
      <c r="B124693" s="14" t="s">
        <v>1</v>
      </c>
      <c r="C124693" s="14" t="s">
        <v>200</v>
      </c>
      <c r="D124693" s="14" t="s">
        <v>434</v>
      </c>
      <c r="E124693" s="15">
        <v>45604</v>
      </c>
      <c r="F124693" s="14" t="s">
        <v>61</v>
      </c>
      <c r="G124693" s="16">
        <v>1.4092486531515511</v>
      </c>
    </row>
    <row r="124694" spans="1:7" x14ac:dyDescent="0.3">
      <c r="A124694" s="13" t="s">
        <v>577</v>
      </c>
      <c r="B124694" s="14" t="s">
        <v>1</v>
      </c>
      <c r="C124694" s="14" t="s">
        <v>200</v>
      </c>
      <c r="D124694" s="14" t="s">
        <v>434</v>
      </c>
      <c r="E124694" s="15">
        <v>45605</v>
      </c>
      <c r="F124694" s="14" t="s">
        <v>61</v>
      </c>
      <c r="G124694" s="16">
        <v>1.4092486531515511</v>
      </c>
    </row>
    <row r="124695" spans="1:7" x14ac:dyDescent="0.3">
      <c r="A124695" s="13" t="s">
        <v>577</v>
      </c>
      <c r="B124695" s="14" t="s">
        <v>1</v>
      </c>
      <c r="C124695" s="14" t="s">
        <v>200</v>
      </c>
      <c r="D124695" s="14" t="s">
        <v>434</v>
      </c>
      <c r="E124695" s="15">
        <v>45606</v>
      </c>
      <c r="F124695" s="14" t="s">
        <v>61</v>
      </c>
      <c r="G124695" s="16">
        <v>1.4092486531515511</v>
      </c>
    </row>
    <row r="124696" spans="1:7" x14ac:dyDescent="0.3">
      <c r="A124696" s="13" t="s">
        <v>577</v>
      </c>
      <c r="B124696" s="14" t="s">
        <v>1</v>
      </c>
      <c r="C124696" s="14" t="s">
        <v>200</v>
      </c>
      <c r="D124696" s="14" t="s">
        <v>434</v>
      </c>
      <c r="E124696" s="15">
        <v>45607</v>
      </c>
      <c r="F124696" s="14" t="s">
        <v>61</v>
      </c>
      <c r="G124696" s="16">
        <v>1.4092486531515511</v>
      </c>
    </row>
    <row r="124697" spans="1:7" x14ac:dyDescent="0.3">
      <c r="A124697" s="13" t="s">
        <v>577</v>
      </c>
      <c r="B124697" s="14" t="s">
        <v>1</v>
      </c>
      <c r="C124697" s="14" t="s">
        <v>200</v>
      </c>
      <c r="D124697" s="14" t="s">
        <v>434</v>
      </c>
      <c r="E124697" s="15">
        <v>45608</v>
      </c>
      <c r="F124697" s="14" t="s">
        <v>61</v>
      </c>
      <c r="G124697" s="16">
        <v>1.4288609456453147</v>
      </c>
    </row>
    <row r="124698" spans="1:7" x14ac:dyDescent="0.3">
      <c r="A124698" s="13" t="s">
        <v>577</v>
      </c>
      <c r="B124698" s="14" t="s">
        <v>1</v>
      </c>
      <c r="C124698" s="14" t="s">
        <v>200</v>
      </c>
      <c r="D124698" s="14" t="s">
        <v>434</v>
      </c>
      <c r="E124698" s="15">
        <v>45609</v>
      </c>
      <c r="F124698" s="14" t="s">
        <v>61</v>
      </c>
      <c r="G124698" s="16">
        <v>1.453995075682039</v>
      </c>
    </row>
    <row r="124699" spans="1:7" x14ac:dyDescent="0.3">
      <c r="A124699" s="13" t="s">
        <v>577</v>
      </c>
      <c r="B124699" s="14" t="s">
        <v>1</v>
      </c>
      <c r="C124699" s="14" t="s">
        <v>200</v>
      </c>
      <c r="D124699" s="14" t="s">
        <v>434</v>
      </c>
      <c r="E124699" s="15">
        <v>45610</v>
      </c>
      <c r="F124699" s="14" t="s">
        <v>61</v>
      </c>
      <c r="G124699" s="16">
        <v>1.4643720408665362</v>
      </c>
    </row>
    <row r="124700" spans="1:7" x14ac:dyDescent="0.3">
      <c r="A124700" s="13" t="s">
        <v>577</v>
      </c>
      <c r="B124700" s="14" t="s">
        <v>1</v>
      </c>
      <c r="C124700" s="14" t="s">
        <v>200</v>
      </c>
      <c r="D124700" s="14" t="s">
        <v>434</v>
      </c>
      <c r="E124700" s="15">
        <v>45611</v>
      </c>
      <c r="F124700" s="14" t="s">
        <v>61</v>
      </c>
      <c r="G124700" s="16">
        <v>1.4694954624500718</v>
      </c>
    </row>
    <row r="124701" spans="1:7" x14ac:dyDescent="0.3">
      <c r="A124701" s="13" t="s">
        <v>577</v>
      </c>
      <c r="B124701" s="14" t="s">
        <v>1</v>
      </c>
      <c r="C124701" s="14" t="s">
        <v>200</v>
      </c>
      <c r="D124701" s="14" t="s">
        <v>434</v>
      </c>
      <c r="E124701" s="15">
        <v>45612</v>
      </c>
      <c r="F124701" s="14" t="s">
        <v>61</v>
      </c>
      <c r="G124701" s="16">
        <v>1.4694954624500718</v>
      </c>
    </row>
    <row r="124702" spans="1:7" x14ac:dyDescent="0.3">
      <c r="A124702" s="13" t="s">
        <v>577</v>
      </c>
      <c r="B124702" s="14" t="s">
        <v>1</v>
      </c>
      <c r="C124702" s="14" t="s">
        <v>200</v>
      </c>
      <c r="D124702" s="14" t="s">
        <v>434</v>
      </c>
      <c r="E124702" s="15">
        <v>45613</v>
      </c>
      <c r="F124702" s="14" t="s">
        <v>61</v>
      </c>
      <c r="G124702" s="16">
        <v>1.4694954624500718</v>
      </c>
    </row>
    <row r="124703" spans="1:7" x14ac:dyDescent="0.3">
      <c r="A124703" s="13" t="s">
        <v>577</v>
      </c>
      <c r="B124703" s="14" t="s">
        <v>1</v>
      </c>
      <c r="C124703" s="14" t="s">
        <v>200</v>
      </c>
      <c r="D124703" s="14" t="s">
        <v>434</v>
      </c>
      <c r="E124703" s="15">
        <v>45614</v>
      </c>
      <c r="F124703" s="14" t="s">
        <v>61</v>
      </c>
      <c r="G124703" s="16">
        <v>1.4666442833264204</v>
      </c>
    </row>
    <row r="124704" spans="1:7" x14ac:dyDescent="0.3">
      <c r="A124704" s="13" t="s">
        <v>577</v>
      </c>
      <c r="B124704" s="14" t="s">
        <v>1</v>
      </c>
      <c r="C124704" s="14" t="s">
        <v>200</v>
      </c>
      <c r="D124704" s="14" t="s">
        <v>434</v>
      </c>
      <c r="E124704" s="15">
        <v>45615</v>
      </c>
      <c r="F124704" s="14" t="s">
        <v>61</v>
      </c>
      <c r="G124704" s="16">
        <v>1.4840460999661009</v>
      </c>
    </row>
    <row r="124705" spans="1:7" x14ac:dyDescent="0.3">
      <c r="A124705" s="13" t="s">
        <v>577</v>
      </c>
      <c r="B124705" s="14" t="s">
        <v>1</v>
      </c>
      <c r="C124705" s="14" t="s">
        <v>200</v>
      </c>
      <c r="D124705" s="14" t="s">
        <v>434</v>
      </c>
      <c r="E124705" s="15">
        <v>45616</v>
      </c>
      <c r="F124705" s="14" t="s">
        <v>61</v>
      </c>
      <c r="G124705" s="16">
        <v>1.4992125977348658</v>
      </c>
    </row>
    <row r="124706" spans="1:7" x14ac:dyDescent="0.3">
      <c r="A124706" s="13" t="s">
        <v>577</v>
      </c>
      <c r="B124706" s="14" t="s">
        <v>1</v>
      </c>
      <c r="C124706" s="14" t="s">
        <v>200</v>
      </c>
      <c r="D124706" s="14" t="s">
        <v>434</v>
      </c>
      <c r="E124706" s="15">
        <v>45617</v>
      </c>
      <c r="F124706" s="14" t="s">
        <v>61</v>
      </c>
      <c r="G124706" s="16">
        <v>1.5148909739474312</v>
      </c>
    </row>
    <row r="124707" spans="1:7" x14ac:dyDescent="0.3">
      <c r="A124707" s="13" t="s">
        <v>577</v>
      </c>
      <c r="B124707" s="14" t="s">
        <v>1</v>
      </c>
      <c r="C124707" s="14" t="s">
        <v>200</v>
      </c>
      <c r="D124707" s="14" t="s">
        <v>434</v>
      </c>
      <c r="E124707" s="15">
        <v>45618</v>
      </c>
      <c r="F124707" s="14" t="s">
        <v>61</v>
      </c>
      <c r="G124707" s="16">
        <v>1.5312065146064675</v>
      </c>
    </row>
    <row r="124708" spans="1:7" x14ac:dyDescent="0.3">
      <c r="A124708" s="13" t="s">
        <v>577</v>
      </c>
      <c r="B124708" s="14" t="s">
        <v>1</v>
      </c>
      <c r="C124708" s="14" t="s">
        <v>200</v>
      </c>
      <c r="D124708" s="14" t="s">
        <v>434</v>
      </c>
      <c r="E124708" s="15">
        <v>45619</v>
      </c>
      <c r="F124708" s="14" t="s">
        <v>61</v>
      </c>
      <c r="G124708" s="16">
        <v>1.5312065146064675</v>
      </c>
    </row>
    <row r="124709" spans="1:7" x14ac:dyDescent="0.3">
      <c r="A124709" s="13" t="s">
        <v>577</v>
      </c>
      <c r="B124709" s="14" t="s">
        <v>1</v>
      </c>
      <c r="C124709" s="14" t="s">
        <v>200</v>
      </c>
      <c r="D124709" s="14" t="s">
        <v>434</v>
      </c>
      <c r="E124709" s="15">
        <v>45620</v>
      </c>
      <c r="F124709" s="14" t="s">
        <v>61</v>
      </c>
      <c r="G124709" s="16">
        <v>1.5312065146064675</v>
      </c>
    </row>
    <row r="124710" spans="1:7" x14ac:dyDescent="0.3">
      <c r="A124710" s="13" t="s">
        <v>577</v>
      </c>
      <c r="B124710" s="14" t="s">
        <v>1</v>
      </c>
      <c r="C124710" s="14" t="s">
        <v>200</v>
      </c>
      <c r="D124710" s="14" t="s">
        <v>434</v>
      </c>
      <c r="E124710" s="15">
        <v>45621</v>
      </c>
      <c r="F124710" s="14" t="s">
        <v>61</v>
      </c>
      <c r="G124710" s="16">
        <v>1.5249198874096408</v>
      </c>
    </row>
    <row r="124711" spans="1:7" x14ac:dyDescent="0.3">
      <c r="A124711" s="13" t="s">
        <v>577</v>
      </c>
      <c r="B124711" s="14" t="s">
        <v>1</v>
      </c>
      <c r="C124711" s="14" t="s">
        <v>200</v>
      </c>
      <c r="D124711" s="14" t="s">
        <v>434</v>
      </c>
      <c r="E124711" s="15">
        <v>45622</v>
      </c>
      <c r="F124711" s="14" t="s">
        <v>61</v>
      </c>
      <c r="G124711" s="16">
        <v>1.5451537743555246</v>
      </c>
    </row>
    <row r="124712" spans="1:7" x14ac:dyDescent="0.3">
      <c r="A124712" s="13" t="s">
        <v>577</v>
      </c>
      <c r="B124712" s="14" t="s">
        <v>1</v>
      </c>
      <c r="C124712" s="14" t="s">
        <v>200</v>
      </c>
      <c r="D124712" s="14" t="s">
        <v>434</v>
      </c>
      <c r="E124712" s="15">
        <v>45623</v>
      </c>
      <c r="F124712" s="14" t="s">
        <v>61</v>
      </c>
      <c r="G124712" s="16">
        <v>1.5395133800531617</v>
      </c>
    </row>
    <row r="124713" spans="1:7" x14ac:dyDescent="0.3">
      <c r="A124713" s="13" t="s">
        <v>577</v>
      </c>
      <c r="B124713" s="14" t="s">
        <v>1</v>
      </c>
      <c r="C124713" s="14" t="s">
        <v>200</v>
      </c>
      <c r="D124713" s="14" t="s">
        <v>434</v>
      </c>
      <c r="E124713" s="15">
        <v>45624</v>
      </c>
      <c r="F124713" s="14" t="s">
        <v>61</v>
      </c>
      <c r="G124713" s="16">
        <v>1.5395133800531617</v>
      </c>
    </row>
    <row r="124714" spans="1:7" x14ac:dyDescent="0.3">
      <c r="A124714" s="13" t="s">
        <v>577</v>
      </c>
      <c r="B124714" s="14" t="s">
        <v>1</v>
      </c>
      <c r="C124714" s="14" t="s">
        <v>200</v>
      </c>
      <c r="D124714" s="14" t="s">
        <v>434</v>
      </c>
      <c r="E124714" s="15">
        <v>45625</v>
      </c>
      <c r="F124714" s="14" t="s">
        <v>61</v>
      </c>
      <c r="G124714" s="16">
        <v>1.545446823792638</v>
      </c>
    </row>
    <row r="124715" spans="1:7" x14ac:dyDescent="0.3">
      <c r="A124715" s="13" t="s">
        <v>577</v>
      </c>
      <c r="B124715" s="14" t="s">
        <v>1</v>
      </c>
      <c r="C124715" s="14" t="s">
        <v>200</v>
      </c>
      <c r="D124715" s="14" t="s">
        <v>434</v>
      </c>
      <c r="E124715" s="15">
        <v>45626</v>
      </c>
      <c r="F124715" s="14" t="s">
        <v>61</v>
      </c>
      <c r="G124715" s="16">
        <v>1.545446823792638</v>
      </c>
    </row>
    <row r="124716" spans="1:7" x14ac:dyDescent="0.3">
      <c r="A124716" s="13" t="s">
        <v>577</v>
      </c>
      <c r="B124716" s="14" t="s">
        <v>1</v>
      </c>
      <c r="C124716" s="14" t="s">
        <v>200</v>
      </c>
      <c r="D124716" s="14" t="s">
        <v>434</v>
      </c>
      <c r="E124716" s="15">
        <v>45627</v>
      </c>
      <c r="F124716" s="14" t="s">
        <v>61</v>
      </c>
      <c r="G124716" s="16">
        <v>1.545446823792638</v>
      </c>
    </row>
    <row r="124717" spans="1:7" x14ac:dyDescent="0.3">
      <c r="A124717" s="13" t="s">
        <v>577</v>
      </c>
      <c r="B124717" s="14" t="s">
        <v>1</v>
      </c>
      <c r="C124717" s="14" t="s">
        <v>200</v>
      </c>
      <c r="D124717" s="14" t="s">
        <v>434</v>
      </c>
      <c r="E124717" s="15">
        <v>45628</v>
      </c>
      <c r="F124717" s="14" t="s">
        <v>61</v>
      </c>
      <c r="G124717" s="16">
        <v>1.5696202383400344</v>
      </c>
    </row>
    <row r="124718" spans="1:7" x14ac:dyDescent="0.3">
      <c r="A124718" s="13" t="s">
        <v>577</v>
      </c>
      <c r="B124718" s="14" t="s">
        <v>1</v>
      </c>
      <c r="C124718" s="14" t="s">
        <v>200</v>
      </c>
      <c r="D124718" s="14" t="s">
        <v>434</v>
      </c>
      <c r="E124718" s="15">
        <v>45629</v>
      </c>
      <c r="F124718" s="14" t="s">
        <v>61</v>
      </c>
      <c r="G124718" s="16">
        <v>1.5854269991782965</v>
      </c>
    </row>
    <row r="124719" spans="1:7" x14ac:dyDescent="0.3">
      <c r="A124719" s="13" t="s">
        <v>577</v>
      </c>
      <c r="B124719" s="14" t="s">
        <v>1</v>
      </c>
      <c r="C124719" s="14" t="s">
        <v>200</v>
      </c>
      <c r="D124719" s="14" t="s">
        <v>434</v>
      </c>
      <c r="E124719" s="15">
        <v>45630</v>
      </c>
      <c r="F124719" s="14" t="s">
        <v>61</v>
      </c>
      <c r="G124719" s="16">
        <v>1.5898559205159226</v>
      </c>
    </row>
    <row r="124720" spans="1:7" x14ac:dyDescent="0.3">
      <c r="A124720" s="13" t="s">
        <v>577</v>
      </c>
      <c r="B124720" s="14" t="s">
        <v>1</v>
      </c>
      <c r="C124720" s="14" t="s">
        <v>200</v>
      </c>
      <c r="D124720" s="14" t="s">
        <v>434</v>
      </c>
      <c r="E124720" s="15">
        <v>45631</v>
      </c>
      <c r="F124720" s="14" t="s">
        <v>61</v>
      </c>
      <c r="G124720" s="16">
        <v>1.5820521538414705</v>
      </c>
    </row>
    <row r="124721" spans="1:7" x14ac:dyDescent="0.3">
      <c r="A124721" s="13" t="s">
        <v>577</v>
      </c>
      <c r="B124721" s="14" t="s">
        <v>1</v>
      </c>
      <c r="C124721" s="14" t="s">
        <v>200</v>
      </c>
      <c r="D124721" s="14" t="s">
        <v>434</v>
      </c>
      <c r="E124721" s="15">
        <v>45632</v>
      </c>
      <c r="F124721" s="14" t="s">
        <v>61</v>
      </c>
      <c r="G124721" s="16">
        <v>1.5906390125129091</v>
      </c>
    </row>
    <row r="124722" spans="1:7" x14ac:dyDescent="0.3">
      <c r="A124722" s="13" t="s">
        <v>577</v>
      </c>
      <c r="B124722" s="14" t="s">
        <v>1</v>
      </c>
      <c r="C124722" s="14" t="s">
        <v>200</v>
      </c>
      <c r="D124722" s="14" t="s">
        <v>434</v>
      </c>
      <c r="E124722" s="15">
        <v>45633</v>
      </c>
      <c r="F124722" s="14" t="s">
        <v>61</v>
      </c>
      <c r="G124722" s="16">
        <v>1.5906390125129091</v>
      </c>
    </row>
    <row r="124723" spans="1:7" x14ac:dyDescent="0.3">
      <c r="A124723" s="13" t="s">
        <v>577</v>
      </c>
      <c r="B124723" s="14" t="s">
        <v>1</v>
      </c>
      <c r="C124723" s="14" t="s">
        <v>200</v>
      </c>
      <c r="D124723" s="14" t="s">
        <v>434</v>
      </c>
      <c r="E124723" s="15">
        <v>45634</v>
      </c>
      <c r="F124723" s="14" t="s">
        <v>61</v>
      </c>
      <c r="G124723" s="16">
        <v>1.5906390125129091</v>
      </c>
    </row>
    <row r="124724" spans="1:7" x14ac:dyDescent="0.3">
      <c r="A124724" s="13" t="s">
        <v>577</v>
      </c>
      <c r="B124724" s="14" t="s">
        <v>1</v>
      </c>
      <c r="C124724" s="14" t="s">
        <v>200</v>
      </c>
      <c r="D124724" s="14" t="s">
        <v>434</v>
      </c>
      <c r="E124724" s="15">
        <v>45635</v>
      </c>
      <c r="F124724" s="14" t="s">
        <v>61</v>
      </c>
      <c r="G124724" s="16">
        <v>1.5988046821786375</v>
      </c>
    </row>
    <row r="124725" spans="1:7" x14ac:dyDescent="0.3">
      <c r="A124725" s="13" t="s">
        <v>577</v>
      </c>
      <c r="B124725" s="14" t="s">
        <v>1</v>
      </c>
      <c r="C124725" s="14" t="s">
        <v>200</v>
      </c>
      <c r="D124725" s="14" t="s">
        <v>434</v>
      </c>
      <c r="E124725" s="15">
        <v>45636</v>
      </c>
      <c r="F124725" s="14" t="s">
        <v>61</v>
      </c>
      <c r="G124725" s="16">
        <v>1.6230039418829139</v>
      </c>
    </row>
    <row r="124726" spans="1:7" x14ac:dyDescent="0.3">
      <c r="A124726" s="13" t="s">
        <v>577</v>
      </c>
      <c r="B124726" s="14" t="s">
        <v>1</v>
      </c>
      <c r="C124726" s="14" t="s">
        <v>200</v>
      </c>
      <c r="D124726" s="14" t="s">
        <v>434</v>
      </c>
      <c r="E124726" s="15">
        <v>45637</v>
      </c>
      <c r="F124726" s="14" t="s">
        <v>61</v>
      </c>
      <c r="G124726" s="16">
        <v>1.6338696661217622</v>
      </c>
    </row>
    <row r="124727" spans="1:7" x14ac:dyDescent="0.3">
      <c r="A124727" s="13" t="s">
        <v>577</v>
      </c>
      <c r="B124727" s="14" t="s">
        <v>1</v>
      </c>
      <c r="C124727" s="14" t="s">
        <v>200</v>
      </c>
      <c r="D124727" s="14" t="s">
        <v>434</v>
      </c>
      <c r="E124727" s="15">
        <v>45638</v>
      </c>
      <c r="F124727" s="14" t="s">
        <v>61</v>
      </c>
      <c r="G124727" s="16">
        <v>1.6444063193029514</v>
      </c>
    </row>
    <row r="124728" spans="1:7" x14ac:dyDescent="0.3">
      <c r="A124728" s="13" t="s">
        <v>577</v>
      </c>
      <c r="B124728" s="14" t="s">
        <v>1</v>
      </c>
      <c r="C124728" s="14" t="s">
        <v>200</v>
      </c>
      <c r="D124728" s="14" t="s">
        <v>434</v>
      </c>
      <c r="E124728" s="15">
        <v>45639</v>
      </c>
      <c r="F124728" s="14" t="s">
        <v>61</v>
      </c>
      <c r="G124728" s="16">
        <v>1.6459172773182684</v>
      </c>
    </row>
    <row r="124729" spans="1:7" x14ac:dyDescent="0.3">
      <c r="A124729" s="13" t="s">
        <v>577</v>
      </c>
      <c r="B124729" s="14" t="s">
        <v>1</v>
      </c>
      <c r="C124729" s="14" t="s">
        <v>200</v>
      </c>
      <c r="D124729" s="14" t="s">
        <v>434</v>
      </c>
      <c r="E124729" s="15">
        <v>45640</v>
      </c>
      <c r="F124729" s="14" t="s">
        <v>61</v>
      </c>
      <c r="G124729" s="16">
        <v>1.6459172773182684</v>
      </c>
    </row>
    <row r="124730" spans="1:7" x14ac:dyDescent="0.3">
      <c r="A124730" s="13" t="s">
        <v>577</v>
      </c>
      <c r="B124730" s="14" t="s">
        <v>1</v>
      </c>
      <c r="C124730" s="14" t="s">
        <v>200</v>
      </c>
      <c r="D124730" s="14" t="s">
        <v>434</v>
      </c>
      <c r="E124730" s="15">
        <v>45641</v>
      </c>
      <c r="F124730" s="14" t="s">
        <v>61</v>
      </c>
      <c r="G124730" s="16">
        <v>1.6459172773182684</v>
      </c>
    </row>
    <row r="124731" spans="1:7" x14ac:dyDescent="0.3">
      <c r="A124731" s="13" t="s">
        <v>577</v>
      </c>
      <c r="B124731" s="14" t="s">
        <v>1</v>
      </c>
      <c r="C124731" s="14" t="s">
        <v>200</v>
      </c>
      <c r="D124731" s="14" t="s">
        <v>434</v>
      </c>
      <c r="E124731" s="15">
        <v>45642</v>
      </c>
      <c r="F124731" s="14" t="s">
        <v>61</v>
      </c>
      <c r="G124731" s="16">
        <v>1.6503380609778724</v>
      </c>
    </row>
    <row r="124732" spans="1:7" x14ac:dyDescent="0.3">
      <c r="A124732" s="13" t="s">
        <v>577</v>
      </c>
      <c r="B124732" s="14" t="s">
        <v>1</v>
      </c>
      <c r="C124732" s="14" t="s">
        <v>200</v>
      </c>
      <c r="D124732" s="14" t="s">
        <v>434</v>
      </c>
      <c r="E124732" s="15">
        <v>45643</v>
      </c>
      <c r="F124732" s="14" t="s">
        <v>61</v>
      </c>
      <c r="G124732" s="16">
        <v>1.6711931685483858</v>
      </c>
    </row>
    <row r="124733" spans="1:7" x14ac:dyDescent="0.3">
      <c r="A124733" s="13" t="s">
        <v>577</v>
      </c>
      <c r="B124733" s="14" t="s">
        <v>1</v>
      </c>
      <c r="C124733" s="14" t="s">
        <v>200</v>
      </c>
      <c r="D124733" s="14" t="s">
        <v>434</v>
      </c>
      <c r="E124733" s="15">
        <v>45644</v>
      </c>
      <c r="F124733" s="14" t="s">
        <v>61</v>
      </c>
      <c r="G124733" s="16">
        <v>1.699922900461331</v>
      </c>
    </row>
    <row r="124734" spans="1:7" x14ac:dyDescent="0.3">
      <c r="A124734" s="13" t="s">
        <v>577</v>
      </c>
      <c r="B124734" s="14" t="s">
        <v>1</v>
      </c>
      <c r="C124734" s="14" t="s">
        <v>200</v>
      </c>
      <c r="D124734" s="14" t="s">
        <v>434</v>
      </c>
      <c r="E124734" s="15">
        <v>45645</v>
      </c>
      <c r="F124734" s="14" t="s">
        <v>61</v>
      </c>
      <c r="G124734" s="16">
        <v>1.7061006714821678</v>
      </c>
    </row>
    <row r="124735" spans="1:7" x14ac:dyDescent="0.3">
      <c r="A124735" s="13" t="s">
        <v>577</v>
      </c>
      <c r="B124735" s="14" t="s">
        <v>1</v>
      </c>
      <c r="C124735" s="14" t="s">
        <v>200</v>
      </c>
      <c r="D124735" s="14" t="s">
        <v>434</v>
      </c>
      <c r="E124735" s="15">
        <v>45646</v>
      </c>
      <c r="F124735" s="14" t="s">
        <v>61</v>
      </c>
      <c r="G124735" s="16">
        <v>1.7040817152414645</v>
      </c>
    </row>
    <row r="124736" spans="1:7" x14ac:dyDescent="0.3">
      <c r="A124736" s="13" t="s">
        <v>577</v>
      </c>
      <c r="B124736" s="14" t="s">
        <v>1</v>
      </c>
      <c r="C124736" s="14" t="s">
        <v>200</v>
      </c>
      <c r="D124736" s="14" t="s">
        <v>434</v>
      </c>
      <c r="E124736" s="15">
        <v>45647</v>
      </c>
      <c r="F124736" s="14" t="s">
        <v>61</v>
      </c>
      <c r="G124736" s="16">
        <v>1.7040817152414645</v>
      </c>
    </row>
    <row r="124737" spans="1:7" x14ac:dyDescent="0.3">
      <c r="A124737" s="13" t="s">
        <v>577</v>
      </c>
      <c r="B124737" s="14" t="s">
        <v>1</v>
      </c>
      <c r="C124737" s="14" t="s">
        <v>200</v>
      </c>
      <c r="D124737" s="14" t="s">
        <v>434</v>
      </c>
      <c r="E124737" s="15">
        <v>45648</v>
      </c>
      <c r="F124737" s="14" t="s">
        <v>61</v>
      </c>
      <c r="G124737" s="16">
        <v>1.7040817152414645</v>
      </c>
    </row>
    <row r="124738" spans="1:7" x14ac:dyDescent="0.3">
      <c r="A124738" s="13" t="s">
        <v>577</v>
      </c>
      <c r="B124738" s="14" t="s">
        <v>1</v>
      </c>
      <c r="C124738" s="14" t="s">
        <v>200</v>
      </c>
      <c r="D124738" s="14" t="s">
        <v>434</v>
      </c>
      <c r="E124738" s="15">
        <v>45649</v>
      </c>
      <c r="F124738" s="14" t="s">
        <v>61</v>
      </c>
      <c r="G124738" s="16">
        <v>1.7148519382089409</v>
      </c>
    </row>
    <row r="124739" spans="1:7" x14ac:dyDescent="0.3">
      <c r="A124739" s="13" t="s">
        <v>577</v>
      </c>
      <c r="B124739" s="14" t="s">
        <v>1</v>
      </c>
      <c r="C124739" s="14" t="s">
        <v>200</v>
      </c>
      <c r="D124739" s="14" t="s">
        <v>434</v>
      </c>
      <c r="E124739" s="15">
        <v>45650</v>
      </c>
      <c r="F124739" s="14" t="s">
        <v>61</v>
      </c>
      <c r="G124739" s="16">
        <v>1.733968788210438</v>
      </c>
    </row>
    <row r="124740" spans="1:7" x14ac:dyDescent="0.3">
      <c r="A124740" s="13" t="s">
        <v>577</v>
      </c>
      <c r="B124740" s="14" t="s">
        <v>1</v>
      </c>
      <c r="C124740" s="14" t="s">
        <v>200</v>
      </c>
      <c r="D124740" s="14" t="s">
        <v>434</v>
      </c>
      <c r="E124740" s="15">
        <v>45651</v>
      </c>
      <c r="F124740" s="14" t="s">
        <v>61</v>
      </c>
      <c r="G124740" s="16">
        <v>1.733968788210438</v>
      </c>
    </row>
    <row r="124741" spans="1:7" x14ac:dyDescent="0.3">
      <c r="A124741" s="13" t="s">
        <v>577</v>
      </c>
      <c r="B124741" s="14" t="s">
        <v>1</v>
      </c>
      <c r="C124741" s="14" t="s">
        <v>200</v>
      </c>
      <c r="D124741" s="14" t="s">
        <v>434</v>
      </c>
      <c r="E124741" s="15">
        <v>45652</v>
      </c>
      <c r="F124741" s="14" t="s">
        <v>61</v>
      </c>
      <c r="G124741" s="16">
        <v>1.733968788210438</v>
      </c>
    </row>
    <row r="124742" spans="1:7" x14ac:dyDescent="0.3">
      <c r="A124742" s="13" t="s">
        <v>577</v>
      </c>
      <c r="B124742" s="14" t="s">
        <v>1</v>
      </c>
      <c r="C124742" s="14" t="s">
        <v>200</v>
      </c>
      <c r="D124742" s="14" t="s">
        <v>434</v>
      </c>
      <c r="E124742" s="15">
        <v>45653</v>
      </c>
      <c r="F124742" s="14" t="s">
        <v>61</v>
      </c>
      <c r="G124742" s="16">
        <v>1.733968788210438</v>
      </c>
    </row>
    <row r="124743" spans="1:7" x14ac:dyDescent="0.3">
      <c r="A124743" s="13" t="s">
        <v>577</v>
      </c>
      <c r="B124743" s="14" t="s">
        <v>1</v>
      </c>
      <c r="C124743" s="14" t="s">
        <v>200</v>
      </c>
      <c r="D124743" s="14" t="s">
        <v>434</v>
      </c>
      <c r="E124743" s="15">
        <v>45654</v>
      </c>
      <c r="F124743" s="14" t="s">
        <v>61</v>
      </c>
      <c r="G124743" s="16">
        <v>1.733968788210438</v>
      </c>
    </row>
    <row r="124744" spans="1:7" x14ac:dyDescent="0.3">
      <c r="A124744" s="13" t="s">
        <v>577</v>
      </c>
      <c r="B124744" s="14" t="s">
        <v>1</v>
      </c>
      <c r="C124744" s="14" t="s">
        <v>200</v>
      </c>
      <c r="D124744" s="14" t="s">
        <v>434</v>
      </c>
      <c r="E124744" s="15">
        <v>45655</v>
      </c>
      <c r="F124744" s="14" t="s">
        <v>61</v>
      </c>
      <c r="G124744" s="16">
        <v>1.733968788210438</v>
      </c>
    </row>
    <row r="124745" spans="1:7" x14ac:dyDescent="0.3">
      <c r="A124745" s="13" t="s">
        <v>577</v>
      </c>
      <c r="B124745" s="14" t="s">
        <v>1</v>
      </c>
      <c r="C124745" s="14" t="s">
        <v>200</v>
      </c>
      <c r="D124745" s="14" t="s">
        <v>434</v>
      </c>
      <c r="E124745" s="15">
        <v>45656</v>
      </c>
      <c r="F124745" s="14" t="s">
        <v>61</v>
      </c>
      <c r="G124745" s="16">
        <v>1.7384668238831411</v>
      </c>
    </row>
    <row r="124746" spans="1:7" x14ac:dyDescent="0.3">
      <c r="A124746" s="13" t="s">
        <v>577</v>
      </c>
      <c r="B124746" s="14" t="s">
        <v>1</v>
      </c>
      <c r="C124746" s="14" t="s">
        <v>200</v>
      </c>
      <c r="D124746" s="14" t="s">
        <v>434</v>
      </c>
      <c r="E124746" s="15">
        <v>45657</v>
      </c>
      <c r="F124746" s="14" t="s">
        <v>61</v>
      </c>
      <c r="G124746" s="16">
        <v>1.7869973799636572</v>
      </c>
    </row>
    <row r="124747" spans="1:7" x14ac:dyDescent="0.3">
      <c r="A124747" s="13" t="s">
        <v>577</v>
      </c>
      <c r="B124747" s="14" t="s">
        <v>1</v>
      </c>
      <c r="C124747" s="14" t="s">
        <v>200</v>
      </c>
      <c r="D124747" s="14" t="s">
        <v>434</v>
      </c>
      <c r="E124747" s="15">
        <v>45658</v>
      </c>
      <c r="F124747" s="14" t="s">
        <v>61</v>
      </c>
      <c r="G124747" s="16">
        <v>1.7869973799636572</v>
      </c>
    </row>
    <row r="124748" spans="1:7" x14ac:dyDescent="0.3">
      <c r="A124748" s="13" t="s">
        <v>577</v>
      </c>
      <c r="B124748" s="14" t="s">
        <v>1</v>
      </c>
      <c r="C124748" s="14" t="s">
        <v>200</v>
      </c>
      <c r="D124748" s="14" t="s">
        <v>434</v>
      </c>
      <c r="E124748" s="15">
        <v>45659</v>
      </c>
      <c r="F124748" s="14" t="s">
        <v>61</v>
      </c>
      <c r="G124748" s="16">
        <v>1.8093396990070525</v>
      </c>
    </row>
    <row r="124749" spans="1:7" x14ac:dyDescent="0.3">
      <c r="A124749" s="13" t="s">
        <v>577</v>
      </c>
      <c r="B124749" s="14" t="s">
        <v>1</v>
      </c>
      <c r="C124749" s="14" t="s">
        <v>200</v>
      </c>
      <c r="D124749" s="14" t="s">
        <v>434</v>
      </c>
      <c r="E124749" s="15">
        <v>45660</v>
      </c>
      <c r="F124749" s="14" t="s">
        <v>61</v>
      </c>
      <c r="G124749" s="16">
        <v>1.8101163463704517</v>
      </c>
    </row>
    <row r="124750" spans="1:7" x14ac:dyDescent="0.3">
      <c r="A124750" s="13" t="s">
        <v>577</v>
      </c>
      <c r="B124750" s="14" t="s">
        <v>1</v>
      </c>
      <c r="C124750" s="14" t="s">
        <v>200</v>
      </c>
      <c r="D124750" s="14" t="s">
        <v>434</v>
      </c>
      <c r="E124750" s="15">
        <v>45661</v>
      </c>
      <c r="F124750" s="14" t="s">
        <v>61</v>
      </c>
      <c r="G124750" s="16">
        <v>1.8101163463704517</v>
      </c>
    </row>
    <row r="124751" spans="1:7" x14ac:dyDescent="0.3">
      <c r="A124751" s="13" t="s">
        <v>577</v>
      </c>
      <c r="B124751" s="14" t="s">
        <v>1</v>
      </c>
      <c r="C124751" s="14" t="s">
        <v>200</v>
      </c>
      <c r="D124751" s="14" t="s">
        <v>434</v>
      </c>
      <c r="E124751" s="15">
        <v>45662</v>
      </c>
      <c r="F124751" s="14" t="s">
        <v>61</v>
      </c>
      <c r="G124751" s="16">
        <v>1.8101163463704517</v>
      </c>
    </row>
    <row r="124752" spans="1:7" x14ac:dyDescent="0.3">
      <c r="A124752" s="13" t="s">
        <v>577</v>
      </c>
      <c r="B124752" s="14" t="s">
        <v>1</v>
      </c>
      <c r="C124752" s="14" t="s">
        <v>200</v>
      </c>
      <c r="D124752" s="14" t="s">
        <v>434</v>
      </c>
      <c r="E124752" s="15">
        <v>45663</v>
      </c>
      <c r="F124752" s="14" t="s">
        <v>61</v>
      </c>
      <c r="G124752" s="16">
        <v>1.8019422734876338</v>
      </c>
    </row>
    <row r="124753" spans="1:7" x14ac:dyDescent="0.3">
      <c r="A124753" s="13" t="s">
        <v>577</v>
      </c>
      <c r="B124753" s="14" t="s">
        <v>1</v>
      </c>
      <c r="C124753" s="14" t="s">
        <v>200</v>
      </c>
      <c r="D124753" s="14" t="s">
        <v>434</v>
      </c>
      <c r="E124753" s="15">
        <v>45664</v>
      </c>
      <c r="F124753" s="14" t="s">
        <v>61</v>
      </c>
      <c r="G124753" s="16">
        <v>1.8300589746646216</v>
      </c>
    </row>
    <row r="124754" spans="1:7" x14ac:dyDescent="0.3">
      <c r="A124754" s="13" t="s">
        <v>577</v>
      </c>
      <c r="B124754" s="14" t="s">
        <v>1</v>
      </c>
      <c r="C124754" s="14" t="s">
        <v>200</v>
      </c>
      <c r="D124754" s="14" t="s">
        <v>434</v>
      </c>
      <c r="E124754" s="15">
        <v>45665</v>
      </c>
      <c r="F124754" s="14" t="s">
        <v>61</v>
      </c>
      <c r="G124754" s="16">
        <v>1.8395403911542827</v>
      </c>
    </row>
    <row r="124755" spans="1:7" x14ac:dyDescent="0.3">
      <c r="A124755" s="13" t="s">
        <v>577</v>
      </c>
      <c r="B124755" s="14" t="s">
        <v>1</v>
      </c>
      <c r="C124755" s="14" t="s">
        <v>200</v>
      </c>
      <c r="D124755" s="14" t="s">
        <v>434</v>
      </c>
      <c r="E124755" s="15">
        <v>45666</v>
      </c>
      <c r="F124755" s="14" t="s">
        <v>61</v>
      </c>
      <c r="G124755" s="16">
        <v>1.8395403911542827</v>
      </c>
    </row>
    <row r="124756" spans="1:7" x14ac:dyDescent="0.3">
      <c r="A124756" s="13" t="s">
        <v>577</v>
      </c>
      <c r="B124756" s="14" t="s">
        <v>1</v>
      </c>
      <c r="C124756" s="14" t="s">
        <v>200</v>
      </c>
      <c r="D124756" s="14" t="s">
        <v>434</v>
      </c>
      <c r="E124756" s="15">
        <v>45667</v>
      </c>
      <c r="F124756" s="14" t="s">
        <v>61</v>
      </c>
      <c r="G124756" s="16">
        <v>1.8641219232064654</v>
      </c>
    </row>
    <row r="124757" spans="1:7" x14ac:dyDescent="0.3">
      <c r="A124757" s="13" t="s">
        <v>577</v>
      </c>
      <c r="B124757" s="14" t="s">
        <v>1</v>
      </c>
      <c r="C124757" s="14" t="s">
        <v>200</v>
      </c>
      <c r="D124757" s="14" t="s">
        <v>434</v>
      </c>
      <c r="E124757" s="15">
        <v>45668</v>
      </c>
      <c r="F124757" s="14" t="s">
        <v>61</v>
      </c>
      <c r="G124757" s="16">
        <v>1.8641219232064654</v>
      </c>
    </row>
    <row r="124758" spans="1:7" x14ac:dyDescent="0.3">
      <c r="A124758" s="13" t="s">
        <v>577</v>
      </c>
      <c r="B124758" s="14" t="s">
        <v>1</v>
      </c>
      <c r="C124758" s="14" t="s">
        <v>200</v>
      </c>
      <c r="D124758" s="14" t="s">
        <v>434</v>
      </c>
      <c r="E124758" s="15">
        <v>45669</v>
      </c>
      <c r="F124758" s="14" t="s">
        <v>61</v>
      </c>
      <c r="G124758" s="16">
        <v>1.8641219232064654</v>
      </c>
    </row>
    <row r="124759" spans="1:7" x14ac:dyDescent="0.3">
      <c r="A124759" s="13" t="s">
        <v>577</v>
      </c>
      <c r="B124759" s="14" t="s">
        <v>1</v>
      </c>
      <c r="C124759" s="14" t="s">
        <v>200</v>
      </c>
      <c r="D124759" s="14" t="s">
        <v>434</v>
      </c>
      <c r="E124759" s="15">
        <v>45670</v>
      </c>
      <c r="F124759" s="14" t="s">
        <v>61</v>
      </c>
      <c r="G124759" s="16">
        <v>1.8749835842653197</v>
      </c>
    </row>
    <row r="124760" spans="1:7" x14ac:dyDescent="0.3">
      <c r="A124760" s="13" t="s">
        <v>577</v>
      </c>
      <c r="B124760" s="14" t="s">
        <v>1</v>
      </c>
      <c r="C124760" s="14" t="s">
        <v>200</v>
      </c>
      <c r="D124760" s="14" t="s">
        <v>434</v>
      </c>
      <c r="E124760" s="15">
        <v>45671</v>
      </c>
      <c r="F124760" s="14" t="s">
        <v>61</v>
      </c>
      <c r="G124760" s="16">
        <v>1.8792646336915686</v>
      </c>
    </row>
    <row r="124761" spans="1:7" x14ac:dyDescent="0.3">
      <c r="A124761" s="13" t="s">
        <v>577</v>
      </c>
      <c r="B124761" s="14" t="s">
        <v>1</v>
      </c>
      <c r="C124761" s="14" t="s">
        <v>200</v>
      </c>
      <c r="D124761" s="14" t="s">
        <v>434</v>
      </c>
      <c r="E124761" s="15">
        <v>45672</v>
      </c>
      <c r="F124761" s="14" t="s">
        <v>61</v>
      </c>
      <c r="G124761" s="16">
        <v>1.8887510780131078</v>
      </c>
    </row>
    <row r="124762" spans="1:7" x14ac:dyDescent="0.3">
      <c r="A124762" s="13" t="s">
        <v>577</v>
      </c>
      <c r="B124762" s="14" t="s">
        <v>1</v>
      </c>
      <c r="C124762" s="14" t="s">
        <v>200</v>
      </c>
      <c r="D124762" s="14" t="s">
        <v>434</v>
      </c>
      <c r="E124762" s="15">
        <v>45673</v>
      </c>
      <c r="F124762" s="14" t="s">
        <v>61</v>
      </c>
      <c r="G124762" s="16">
        <v>1.8915479001234385</v>
      </c>
    </row>
    <row r="124763" spans="1:7" x14ac:dyDescent="0.3">
      <c r="A124763" s="13" t="s">
        <v>577</v>
      </c>
      <c r="B124763" s="14" t="s">
        <v>1</v>
      </c>
      <c r="C124763" s="14" t="s">
        <v>200</v>
      </c>
      <c r="D124763" s="14" t="s">
        <v>434</v>
      </c>
      <c r="E124763" s="15">
        <v>45674</v>
      </c>
      <c r="F124763" s="14" t="s">
        <v>61</v>
      </c>
      <c r="G124763" s="16">
        <v>1.9018044508299541</v>
      </c>
    </row>
    <row r="124764" spans="1:7" x14ac:dyDescent="0.3">
      <c r="A124764" s="13" t="s">
        <v>577</v>
      </c>
      <c r="B124764" s="14" t="s">
        <v>1</v>
      </c>
      <c r="C124764" s="14" t="s">
        <v>200</v>
      </c>
      <c r="D124764" s="14" t="s">
        <v>434</v>
      </c>
      <c r="E124764" s="15">
        <v>45675</v>
      </c>
      <c r="F124764" s="14" t="s">
        <v>61</v>
      </c>
      <c r="G124764" s="16">
        <v>1.9018044508299541</v>
      </c>
    </row>
    <row r="124765" spans="1:7" x14ac:dyDescent="0.3">
      <c r="A124765" s="13" t="s">
        <v>577</v>
      </c>
      <c r="B124765" s="14" t="s">
        <v>1</v>
      </c>
      <c r="C124765" s="14" t="s">
        <v>200</v>
      </c>
      <c r="D124765" s="14" t="s">
        <v>434</v>
      </c>
      <c r="E124765" s="15">
        <v>45676</v>
      </c>
      <c r="F124765" s="14" t="s">
        <v>61</v>
      </c>
      <c r="G124765" s="16">
        <v>1.9018044508299541</v>
      </c>
    </row>
    <row r="124766" spans="1:7" x14ac:dyDescent="0.3">
      <c r="A124766" s="13" t="s">
        <v>577</v>
      </c>
      <c r="B124766" s="14" t="s">
        <v>1</v>
      </c>
      <c r="C124766" s="14" t="s">
        <v>200</v>
      </c>
      <c r="D124766" s="14" t="s">
        <v>434</v>
      </c>
      <c r="E124766" s="15">
        <v>45677</v>
      </c>
      <c r="F124766" s="14" t="s">
        <v>61</v>
      </c>
      <c r="G124766" s="16">
        <v>1.9018044508299541</v>
      </c>
    </row>
    <row r="124767" spans="1:7" x14ac:dyDescent="0.3">
      <c r="A124767" s="13" t="s">
        <v>577</v>
      </c>
      <c r="B124767" s="14" t="s">
        <v>1</v>
      </c>
      <c r="C124767" s="14" t="s">
        <v>200</v>
      </c>
      <c r="D124767" s="14" t="s">
        <v>434</v>
      </c>
      <c r="E124767" s="15">
        <v>45678</v>
      </c>
      <c r="F124767" s="14" t="s">
        <v>61</v>
      </c>
      <c r="G124767" s="16">
        <v>1.8794551020539969</v>
      </c>
    </row>
    <row r="124768" spans="1:7" x14ac:dyDescent="0.3">
      <c r="A124768" s="13" t="s">
        <v>577</v>
      </c>
      <c r="B124768" s="14" t="s">
        <v>1</v>
      </c>
      <c r="C124768" s="14" t="s">
        <v>200</v>
      </c>
      <c r="D124768" s="14" t="s">
        <v>434</v>
      </c>
      <c r="E124768" s="15">
        <v>45679</v>
      </c>
      <c r="F124768" s="14" t="s">
        <v>61</v>
      </c>
      <c r="G124768" s="16">
        <v>1.9036016916211156</v>
      </c>
    </row>
    <row r="124769" spans="1:7" x14ac:dyDescent="0.3">
      <c r="A124769" s="13" t="s">
        <v>577</v>
      </c>
      <c r="B124769" s="14" t="s">
        <v>1</v>
      </c>
      <c r="C124769" s="14" t="s">
        <v>200</v>
      </c>
      <c r="D124769" s="14" t="s">
        <v>434</v>
      </c>
      <c r="E124769" s="15">
        <v>45680</v>
      </c>
      <c r="F124769" s="14" t="s">
        <v>61</v>
      </c>
      <c r="G124769" s="16">
        <v>1.9079191183666269</v>
      </c>
    </row>
    <row r="124770" spans="1:7" x14ac:dyDescent="0.3">
      <c r="A124770" s="13" t="s">
        <v>577</v>
      </c>
      <c r="B124770" s="14" t="s">
        <v>1</v>
      </c>
      <c r="C124770" s="14" t="s">
        <v>200</v>
      </c>
      <c r="D124770" s="14" t="s">
        <v>434</v>
      </c>
      <c r="E124770" s="15">
        <v>45681</v>
      </c>
      <c r="F124770" s="14" t="s">
        <v>61</v>
      </c>
      <c r="G124770" s="16">
        <v>1.8985594437981226</v>
      </c>
    </row>
    <row r="124771" spans="1:7" x14ac:dyDescent="0.3">
      <c r="A124771" s="13" t="s">
        <v>577</v>
      </c>
      <c r="B124771" s="14" t="s">
        <v>1</v>
      </c>
      <c r="C124771" s="14" t="s">
        <v>200</v>
      </c>
      <c r="D124771" s="14" t="s">
        <v>434</v>
      </c>
      <c r="E124771" s="15">
        <v>45682</v>
      </c>
      <c r="F124771" s="14" t="s">
        <v>61</v>
      </c>
      <c r="G124771" s="16">
        <v>1.8985594437981226</v>
      </c>
    </row>
    <row r="124772" spans="1:7" x14ac:dyDescent="0.3">
      <c r="A124772" s="13" t="s">
        <v>577</v>
      </c>
      <c r="B124772" s="14" t="s">
        <v>1</v>
      </c>
      <c r="C124772" s="14" t="s">
        <v>200</v>
      </c>
      <c r="D124772" s="14" t="s">
        <v>434</v>
      </c>
      <c r="E124772" s="15">
        <v>45683</v>
      </c>
      <c r="F124772" s="14" t="s">
        <v>61</v>
      </c>
      <c r="G124772" s="16">
        <v>1.8985594437981226</v>
      </c>
    </row>
    <row r="124773" spans="1:7" x14ac:dyDescent="0.3">
      <c r="A124773" s="13" t="s">
        <v>577</v>
      </c>
      <c r="B124773" s="14" t="s">
        <v>1</v>
      </c>
      <c r="C124773" s="14" t="s">
        <v>200</v>
      </c>
      <c r="D124773" s="14" t="s">
        <v>434</v>
      </c>
      <c r="E124773" s="15">
        <v>45684</v>
      </c>
      <c r="F124773" s="14" t="s">
        <v>61</v>
      </c>
      <c r="G124773" s="16">
        <v>1.9031590432492875</v>
      </c>
    </row>
    <row r="124774" spans="1:7" x14ac:dyDescent="0.3">
      <c r="A124774" s="13" t="s">
        <v>577</v>
      </c>
      <c r="B124774" s="14" t="s">
        <v>1</v>
      </c>
      <c r="C124774" s="14" t="s">
        <v>200</v>
      </c>
      <c r="D124774" s="14" t="s">
        <v>434</v>
      </c>
      <c r="E124774" s="15">
        <v>45685</v>
      </c>
      <c r="F124774" s="14" t="s">
        <v>61</v>
      </c>
      <c r="G124774" s="16">
        <v>1.9313197221832492</v>
      </c>
    </row>
    <row r="124775" spans="1:7" x14ac:dyDescent="0.3">
      <c r="A124775" s="13" t="s">
        <v>577</v>
      </c>
      <c r="B124775" s="14" t="s">
        <v>1</v>
      </c>
      <c r="C124775" s="14" t="s">
        <v>200</v>
      </c>
      <c r="D124775" s="14" t="s">
        <v>434</v>
      </c>
      <c r="E124775" s="15">
        <v>45686</v>
      </c>
      <c r="F124775" s="14" t="s">
        <v>61</v>
      </c>
      <c r="G124775" s="16">
        <v>1.9389036003239901</v>
      </c>
    </row>
    <row r="124776" spans="1:7" x14ac:dyDescent="0.3">
      <c r="A124776" s="13" t="s">
        <v>577</v>
      </c>
      <c r="B124776" s="14" t="s">
        <v>1</v>
      </c>
      <c r="C124776" s="14" t="s">
        <v>200</v>
      </c>
      <c r="D124776" s="14" t="s">
        <v>434</v>
      </c>
      <c r="E124776" s="15">
        <v>45687</v>
      </c>
      <c r="F124776" s="14" t="s">
        <v>61</v>
      </c>
      <c r="G124776" s="16">
        <v>1.9488756178366995</v>
      </c>
    </row>
    <row r="124777" spans="1:7" x14ac:dyDescent="0.3">
      <c r="A124777" s="13" t="s">
        <v>577</v>
      </c>
      <c r="B124777" s="14" t="s">
        <v>1</v>
      </c>
      <c r="C124777" s="14" t="s">
        <v>200</v>
      </c>
      <c r="D124777" s="14" t="s">
        <v>434</v>
      </c>
      <c r="E124777" s="15">
        <v>45688</v>
      </c>
      <c r="F124777" s="14" t="s">
        <v>61</v>
      </c>
      <c r="G124777" s="16">
        <v>1.95922865133486</v>
      </c>
    </row>
    <row r="124778" spans="1:7" x14ac:dyDescent="0.3">
      <c r="A124778" s="13" t="s">
        <v>577</v>
      </c>
      <c r="B124778" s="14" t="s">
        <v>1</v>
      </c>
      <c r="C124778" s="14" t="s">
        <v>200</v>
      </c>
      <c r="D124778" s="14" t="s">
        <v>434</v>
      </c>
      <c r="E124778" s="15">
        <v>45689</v>
      </c>
      <c r="F124778" s="14" t="s">
        <v>61</v>
      </c>
      <c r="G124778" s="16">
        <v>1.95922865133486</v>
      </c>
    </row>
    <row r="124779" spans="1:7" x14ac:dyDescent="0.3">
      <c r="A124779" s="13" t="s">
        <v>577</v>
      </c>
      <c r="B124779" s="14" t="s">
        <v>1</v>
      </c>
      <c r="C124779" s="14" t="s">
        <v>200</v>
      </c>
      <c r="D124779" s="14" t="s">
        <v>434</v>
      </c>
      <c r="E124779" s="15">
        <v>45690</v>
      </c>
      <c r="F124779" s="14" t="s">
        <v>61</v>
      </c>
      <c r="G124779" s="16">
        <v>1.95922865133486</v>
      </c>
    </row>
    <row r="124780" spans="1:7" x14ac:dyDescent="0.3">
      <c r="A124780" s="13" t="s">
        <v>577</v>
      </c>
      <c r="B124780" s="14" t="s">
        <v>1</v>
      </c>
      <c r="C124780" s="14" t="s">
        <v>200</v>
      </c>
      <c r="D124780" s="14" t="s">
        <v>434</v>
      </c>
      <c r="E124780" s="15">
        <v>45691</v>
      </c>
      <c r="F124780" s="14" t="s">
        <v>61</v>
      </c>
      <c r="G124780" s="16">
        <v>1.95922865133486</v>
      </c>
    </row>
    <row r="124781" spans="1:7" x14ac:dyDescent="0.3">
      <c r="A124781" s="13" t="s">
        <v>577</v>
      </c>
      <c r="B124781" s="14" t="s">
        <v>1</v>
      </c>
      <c r="C124781" s="14" t="s">
        <v>200</v>
      </c>
      <c r="D124781" s="14" t="s">
        <v>434</v>
      </c>
      <c r="E124781" s="15">
        <v>45692</v>
      </c>
      <c r="F124781" s="14" t="s">
        <v>61</v>
      </c>
      <c r="G124781" s="16">
        <v>1.9618423638848734</v>
      </c>
    </row>
    <row r="124782" spans="1:7" x14ac:dyDescent="0.3">
      <c r="A124782" s="13" t="s">
        <v>577</v>
      </c>
      <c r="B124782" s="14" t="s">
        <v>1</v>
      </c>
      <c r="C124782" s="14" t="s">
        <v>200</v>
      </c>
      <c r="D124782" s="14" t="s">
        <v>434</v>
      </c>
      <c r="E124782" s="15">
        <v>45693</v>
      </c>
      <c r="F124782" s="14" t="s">
        <v>61</v>
      </c>
      <c r="G124782" s="16">
        <v>1.9811696802652796</v>
      </c>
    </row>
    <row r="124783" spans="1:7" x14ac:dyDescent="0.3">
      <c r="A124783" s="13" t="s">
        <v>577</v>
      </c>
      <c r="B124783" s="14" t="s">
        <v>1</v>
      </c>
      <c r="C124783" s="14" t="s">
        <v>200</v>
      </c>
      <c r="D124783" s="14" t="s">
        <v>434</v>
      </c>
      <c r="E124783" s="15">
        <v>45694</v>
      </c>
      <c r="F124783" s="14" t="s">
        <v>61</v>
      </c>
      <c r="G124783" s="16">
        <v>1.9905834237729343</v>
      </c>
    </row>
    <row r="124784" spans="1:7" x14ac:dyDescent="0.3">
      <c r="A124784" s="13" t="s">
        <v>577</v>
      </c>
      <c r="B124784" s="14" t="s">
        <v>1</v>
      </c>
      <c r="C124784" s="14" t="s">
        <v>200</v>
      </c>
      <c r="D124784" s="14" t="s">
        <v>434</v>
      </c>
      <c r="E124784" s="15">
        <v>45695</v>
      </c>
      <c r="F124784" s="14" t="s">
        <v>61</v>
      </c>
      <c r="G124784" s="16">
        <v>2.0074504422294073</v>
      </c>
    </row>
    <row r="124785" spans="1:7" x14ac:dyDescent="0.3">
      <c r="A124785" s="13" t="s">
        <v>577</v>
      </c>
      <c r="B124785" s="14" t="s">
        <v>1</v>
      </c>
      <c r="C124785" s="14" t="s">
        <v>200</v>
      </c>
      <c r="D124785" s="14" t="s">
        <v>434</v>
      </c>
      <c r="E124785" s="15">
        <v>45696</v>
      </c>
      <c r="F124785" s="14" t="s">
        <v>61</v>
      </c>
      <c r="G124785" s="16">
        <v>2.0074504422294073</v>
      </c>
    </row>
    <row r="124786" spans="1:7" x14ac:dyDescent="0.3">
      <c r="A124786" s="13" t="s">
        <v>577</v>
      </c>
      <c r="B124786" s="14" t="s">
        <v>1</v>
      </c>
      <c r="C124786" s="14" t="s">
        <v>200</v>
      </c>
      <c r="D124786" s="14" t="s">
        <v>434</v>
      </c>
      <c r="E124786" s="15">
        <v>45697</v>
      </c>
      <c r="F124786" s="14" t="s">
        <v>61</v>
      </c>
      <c r="G124786" s="16">
        <v>2.0074504422294073</v>
      </c>
    </row>
    <row r="124787" spans="1:7" x14ac:dyDescent="0.3">
      <c r="A124787" s="13" t="s">
        <v>577</v>
      </c>
      <c r="B124787" s="14" t="s">
        <v>1</v>
      </c>
      <c r="C124787" s="14" t="s">
        <v>200</v>
      </c>
      <c r="D124787" s="14" t="s">
        <v>434</v>
      </c>
      <c r="E124787" s="15">
        <v>45698</v>
      </c>
      <c r="F124787" s="14" t="s">
        <v>61</v>
      </c>
      <c r="G124787" s="16">
        <v>2.0172271927632441</v>
      </c>
    </row>
    <row r="124788" spans="1:7" x14ac:dyDescent="0.3">
      <c r="A124788" s="13" t="s">
        <v>577</v>
      </c>
      <c r="B124788" s="14" t="s">
        <v>1</v>
      </c>
      <c r="C124788" s="14" t="s">
        <v>200</v>
      </c>
      <c r="D124788" s="14" t="s">
        <v>434</v>
      </c>
      <c r="E124788" s="15">
        <v>45699</v>
      </c>
      <c r="F124788" s="14" t="s">
        <v>61</v>
      </c>
      <c r="G124788" s="16">
        <v>2.0251860708926741</v>
      </c>
    </row>
    <row r="124789" spans="1:7" x14ac:dyDescent="0.3">
      <c r="A124789" s="13" t="s">
        <v>577</v>
      </c>
      <c r="B124789" s="14" t="s">
        <v>1</v>
      </c>
      <c r="C124789" s="14" t="s">
        <v>200</v>
      </c>
      <c r="D124789" s="14" t="s">
        <v>434</v>
      </c>
      <c r="E124789" s="15">
        <v>45700</v>
      </c>
      <c r="F124789" s="14" t="s">
        <v>61</v>
      </c>
      <c r="G124789" s="16">
        <v>2.027328238006934</v>
      </c>
    </row>
    <row r="124790" spans="1:7" x14ac:dyDescent="0.3">
      <c r="A124790" s="13" t="s">
        <v>577</v>
      </c>
      <c r="B124790" s="14" t="s">
        <v>1</v>
      </c>
      <c r="C124790" s="14" t="s">
        <v>200</v>
      </c>
      <c r="D124790" s="14" t="s">
        <v>434</v>
      </c>
      <c r="E124790" s="15">
        <v>45701</v>
      </c>
      <c r="F124790" s="14" t="s">
        <v>61</v>
      </c>
      <c r="G124790" s="16">
        <v>2.0195365227741382</v>
      </c>
    </row>
    <row r="124791" spans="1:7" x14ac:dyDescent="0.3">
      <c r="A124791" s="13" t="s">
        <v>577</v>
      </c>
      <c r="B124791" s="14" t="s">
        <v>1</v>
      </c>
      <c r="C124791" s="14" t="s">
        <v>200</v>
      </c>
      <c r="D124791" s="14" t="s">
        <v>434</v>
      </c>
      <c r="E124791" s="15">
        <v>45702</v>
      </c>
      <c r="F124791" s="14" t="s">
        <v>61</v>
      </c>
      <c r="G124791" s="16">
        <v>2.0196271736606382</v>
      </c>
    </row>
    <row r="124792" spans="1:7" x14ac:dyDescent="0.3">
      <c r="A124792" s="13" t="s">
        <v>577</v>
      </c>
      <c r="B124792" s="14" t="s">
        <v>1</v>
      </c>
      <c r="C124792" s="14" t="s">
        <v>200</v>
      </c>
      <c r="D124792" s="14" t="s">
        <v>434</v>
      </c>
      <c r="E124792" s="15">
        <v>45703</v>
      </c>
      <c r="F124792" s="14" t="s">
        <v>61</v>
      </c>
      <c r="G124792" s="16">
        <v>2.0196271736606382</v>
      </c>
    </row>
    <row r="124793" spans="1:7" x14ac:dyDescent="0.3">
      <c r="A124793" s="13" t="s">
        <v>577</v>
      </c>
      <c r="B124793" s="14" t="s">
        <v>1</v>
      </c>
      <c r="C124793" s="14" t="s">
        <v>200</v>
      </c>
      <c r="D124793" s="14" t="s">
        <v>434</v>
      </c>
      <c r="E124793" s="15">
        <v>45704</v>
      </c>
      <c r="F124793" s="14" t="s">
        <v>61</v>
      </c>
      <c r="G124793" s="16">
        <v>2.0196271736606382</v>
      </c>
    </row>
    <row r="124794" spans="1:7" x14ac:dyDescent="0.3">
      <c r="A124794" s="13" t="s">
        <v>577</v>
      </c>
      <c r="B124794" s="14" t="s">
        <v>1</v>
      </c>
      <c r="C124794" s="14" t="s">
        <v>200</v>
      </c>
      <c r="D124794" s="14" t="s">
        <v>434</v>
      </c>
      <c r="E124794" s="15">
        <v>45705</v>
      </c>
      <c r="F124794" s="14" t="s">
        <v>61</v>
      </c>
      <c r="G124794" s="16">
        <v>2.0196271736606382</v>
      </c>
    </row>
    <row r="124795" spans="1:7" x14ac:dyDescent="0.3">
      <c r="A124795" s="13" t="s">
        <v>577</v>
      </c>
      <c r="B124795" s="14" t="s">
        <v>1</v>
      </c>
      <c r="C124795" s="14" t="s">
        <v>200</v>
      </c>
      <c r="D124795" s="14" t="s">
        <v>434</v>
      </c>
      <c r="E124795" s="15">
        <v>45706</v>
      </c>
      <c r="F124795" s="14" t="s">
        <v>61</v>
      </c>
      <c r="G124795" s="16">
        <v>2.0351187374655271</v>
      </c>
    </row>
    <row r="124796" spans="1:7" x14ac:dyDescent="0.3">
      <c r="A124796" s="13" t="s">
        <v>577</v>
      </c>
      <c r="B124796" s="14" t="s">
        <v>1</v>
      </c>
      <c r="C124796" s="14" t="s">
        <v>200</v>
      </c>
      <c r="D124796" s="14" t="s">
        <v>434</v>
      </c>
      <c r="E124796" s="15">
        <v>45707</v>
      </c>
      <c r="F124796" s="14" t="s">
        <v>61</v>
      </c>
      <c r="G124796" s="16">
        <v>2.0634574957617762</v>
      </c>
    </row>
    <row r="124797" spans="1:7" x14ac:dyDescent="0.3">
      <c r="A124797" s="13" t="s">
        <v>577</v>
      </c>
      <c r="B124797" s="14" t="s">
        <v>1</v>
      </c>
      <c r="C124797" s="14" t="s">
        <v>200</v>
      </c>
      <c r="D124797" s="14" t="s">
        <v>434</v>
      </c>
      <c r="E124797" s="15">
        <v>45708</v>
      </c>
      <c r="F124797" s="14" t="s">
        <v>61</v>
      </c>
      <c r="G124797" s="16">
        <v>2.0541820079186621</v>
      </c>
    </row>
    <row r="124798" spans="1:7" x14ac:dyDescent="0.3">
      <c r="A124798" s="13" t="s">
        <v>577</v>
      </c>
      <c r="B124798" s="14" t="s">
        <v>1</v>
      </c>
      <c r="C124798" s="14" t="s">
        <v>200</v>
      </c>
      <c r="D124798" s="14" t="s">
        <v>434</v>
      </c>
      <c r="E124798" s="15">
        <v>45709</v>
      </c>
      <c r="F124798" s="14" t="s">
        <v>61</v>
      </c>
      <c r="G124798" s="16">
        <v>2.0689153875964563</v>
      </c>
    </row>
    <row r="124799" spans="1:7" x14ac:dyDescent="0.3">
      <c r="A124799" s="13" t="s">
        <v>577</v>
      </c>
      <c r="B124799" s="14" t="s">
        <v>1</v>
      </c>
      <c r="C124799" s="14" t="s">
        <v>200</v>
      </c>
      <c r="D124799" s="14" t="s">
        <v>434</v>
      </c>
      <c r="E124799" s="15">
        <v>45710</v>
      </c>
      <c r="F124799" s="14" t="s">
        <v>61</v>
      </c>
      <c r="G124799" s="16">
        <v>2.0689153875964563</v>
      </c>
    </row>
    <row r="124800" spans="1:7" x14ac:dyDescent="0.3">
      <c r="A124800" s="13" t="s">
        <v>577</v>
      </c>
      <c r="B124800" s="14" t="s">
        <v>1</v>
      </c>
      <c r="C124800" s="14" t="s">
        <v>200</v>
      </c>
      <c r="D124800" s="14" t="s">
        <v>434</v>
      </c>
      <c r="E124800" s="15">
        <v>45711</v>
      </c>
      <c r="F124800" s="14" t="s">
        <v>61</v>
      </c>
      <c r="G124800" s="16">
        <v>2.0689153875964563</v>
      </c>
    </row>
    <row r="124801" spans="1:7" x14ac:dyDescent="0.3">
      <c r="A124801" s="13" t="s">
        <v>577</v>
      </c>
      <c r="B124801" s="14" t="s">
        <v>1</v>
      </c>
      <c r="C124801" s="14" t="s">
        <v>200</v>
      </c>
      <c r="D124801" s="14" t="s">
        <v>434</v>
      </c>
      <c r="E124801" s="15">
        <v>45712</v>
      </c>
      <c r="F124801" s="14" t="s">
        <v>61</v>
      </c>
      <c r="G124801" s="16">
        <v>2.0740494191986714</v>
      </c>
    </row>
    <row r="124802" spans="1:7" x14ac:dyDescent="0.3">
      <c r="A124802" s="13" t="s">
        <v>577</v>
      </c>
      <c r="B124802" s="14" t="s">
        <v>1</v>
      </c>
      <c r="C124802" s="14" t="s">
        <v>200</v>
      </c>
      <c r="D124802" s="14" t="s">
        <v>434</v>
      </c>
      <c r="E124802" s="15">
        <v>45713</v>
      </c>
      <c r="F124802" s="14" t="s">
        <v>61</v>
      </c>
      <c r="G124802" s="16">
        <v>2.0832322046298923</v>
      </c>
    </row>
    <row r="124803" spans="1:7" x14ac:dyDescent="0.3">
      <c r="A124803" s="13" t="s">
        <v>577</v>
      </c>
      <c r="B124803" s="14" t="s">
        <v>1</v>
      </c>
      <c r="C124803" s="14" t="s">
        <v>200</v>
      </c>
      <c r="D124803" s="14" t="s">
        <v>434</v>
      </c>
      <c r="E124803" s="15">
        <v>45714</v>
      </c>
      <c r="F124803" s="14" t="s">
        <v>61</v>
      </c>
      <c r="G124803" s="16">
        <v>2.0951822588215769</v>
      </c>
    </row>
    <row r="124804" spans="1:7" x14ac:dyDescent="0.3">
      <c r="A124804" s="13" t="s">
        <v>577</v>
      </c>
      <c r="B124804" s="14" t="s">
        <v>1</v>
      </c>
      <c r="C124804" s="14" t="s">
        <v>200</v>
      </c>
      <c r="D124804" s="14" t="s">
        <v>434</v>
      </c>
      <c r="E124804" s="15">
        <v>45715</v>
      </c>
      <c r="F124804" s="14" t="s">
        <v>61</v>
      </c>
      <c r="G124804" s="16">
        <v>2.1188724076968088</v>
      </c>
    </row>
    <row r="124805" spans="1:7" x14ac:dyDescent="0.3">
      <c r="A124805" s="13" t="s">
        <v>577</v>
      </c>
      <c r="B124805" s="14" t="s">
        <v>1</v>
      </c>
      <c r="C124805" s="14" t="s">
        <v>200</v>
      </c>
      <c r="D124805" s="14" t="s">
        <v>434</v>
      </c>
      <c r="E124805" s="15">
        <v>45716</v>
      </c>
      <c r="F124805" s="14" t="s">
        <v>61</v>
      </c>
      <c r="G124805" s="16">
        <v>2.1300997749666037</v>
      </c>
    </row>
    <row r="124806" spans="1:7" x14ac:dyDescent="0.3">
      <c r="A124806" s="13" t="s">
        <v>577</v>
      </c>
      <c r="B124806" s="14" t="s">
        <v>1</v>
      </c>
      <c r="C124806" s="14" t="s">
        <v>200</v>
      </c>
      <c r="D124806" s="14" t="s">
        <v>434</v>
      </c>
      <c r="E124806" s="15">
        <v>45717</v>
      </c>
      <c r="F124806" s="14" t="s">
        <v>61</v>
      </c>
      <c r="G124806" s="16">
        <v>2.1300997749666037</v>
      </c>
    </row>
    <row r="124807" spans="1:7" x14ac:dyDescent="0.3">
      <c r="A124807" s="13" t="s">
        <v>577</v>
      </c>
      <c r="B124807" s="14" t="s">
        <v>1</v>
      </c>
      <c r="C124807" s="14" t="s">
        <v>200</v>
      </c>
      <c r="D124807" s="14" t="s">
        <v>434</v>
      </c>
      <c r="E124807" s="15">
        <v>45718</v>
      </c>
      <c r="F124807" s="14" t="s">
        <v>61</v>
      </c>
      <c r="G124807" s="16">
        <v>2.1300997749666037</v>
      </c>
    </row>
    <row r="124808" spans="1:7" x14ac:dyDescent="0.3">
      <c r="A124808" s="13" t="s">
        <v>577</v>
      </c>
      <c r="B124808" s="14" t="s">
        <v>1</v>
      </c>
      <c r="C124808" s="14" t="s">
        <v>200</v>
      </c>
      <c r="D124808" s="14" t="s">
        <v>434</v>
      </c>
      <c r="E124808" s="15">
        <v>45719</v>
      </c>
      <c r="F124808" s="14" t="s">
        <v>61</v>
      </c>
      <c r="G124808" s="16">
        <v>2.115992607018335</v>
      </c>
    </row>
    <row r="124809" spans="1:7" x14ac:dyDescent="0.3">
      <c r="A124809" s="13" t="s">
        <v>577</v>
      </c>
      <c r="B124809" s="14" t="s">
        <v>1</v>
      </c>
      <c r="C124809" s="14" t="s">
        <v>200</v>
      </c>
      <c r="D124809" s="14" t="s">
        <v>434</v>
      </c>
      <c r="E124809" s="15">
        <v>45720</v>
      </c>
      <c r="F124809" s="14" t="s">
        <v>61</v>
      </c>
      <c r="G124809" s="16">
        <v>2.1064308424708873</v>
      </c>
    </row>
    <row r="124810" spans="1:7" x14ac:dyDescent="0.3">
      <c r="A124810" s="13" t="s">
        <v>577</v>
      </c>
      <c r="B124810" s="14" t="s">
        <v>1</v>
      </c>
      <c r="C124810" s="14" t="s">
        <v>200</v>
      </c>
      <c r="D124810" s="14" t="s">
        <v>434</v>
      </c>
      <c r="E124810" s="15">
        <v>45721</v>
      </c>
      <c r="F124810" s="14" t="s">
        <v>61</v>
      </c>
      <c r="G124810" s="16">
        <v>2.0805261569183706</v>
      </c>
    </row>
    <row r="124811" spans="1:7" x14ac:dyDescent="0.3">
      <c r="A124811" s="13" t="s">
        <v>577</v>
      </c>
      <c r="B124811" s="14" t="s">
        <v>1</v>
      </c>
      <c r="C124811" s="14" t="s">
        <v>200</v>
      </c>
      <c r="D124811" s="14" t="s">
        <v>434</v>
      </c>
      <c r="E124811" s="15">
        <v>45722</v>
      </c>
      <c r="F124811" s="14" t="s">
        <v>61</v>
      </c>
      <c r="G124811" s="16">
        <v>2.0874254841066313</v>
      </c>
    </row>
    <row r="124812" spans="1:7" x14ac:dyDescent="0.3">
      <c r="A124812" s="13" t="s">
        <v>577</v>
      </c>
      <c r="B124812" s="14" t="s">
        <v>1</v>
      </c>
      <c r="C124812" s="14" t="s">
        <v>200</v>
      </c>
      <c r="D124812" s="14" t="s">
        <v>434</v>
      </c>
      <c r="E124812" s="15">
        <v>45723</v>
      </c>
      <c r="F124812" s="14" t="s">
        <v>61</v>
      </c>
      <c r="G124812" s="16">
        <v>2.0839749935949277</v>
      </c>
    </row>
    <row r="124813" spans="1:7" x14ac:dyDescent="0.3">
      <c r="A124813" s="13" t="s">
        <v>577</v>
      </c>
      <c r="B124813" s="14" t="s">
        <v>1</v>
      </c>
      <c r="C124813" s="14" t="s">
        <v>200</v>
      </c>
      <c r="D124813" s="14" t="s">
        <v>434</v>
      </c>
      <c r="E124813" s="15">
        <v>45724</v>
      </c>
      <c r="F124813" s="14" t="s">
        <v>61</v>
      </c>
      <c r="G124813" s="16">
        <v>2.0839749935949277</v>
      </c>
    </row>
    <row r="124814" spans="1:7" x14ac:dyDescent="0.3">
      <c r="A124814" s="13" t="s">
        <v>577</v>
      </c>
      <c r="B124814" s="14" t="s">
        <v>1</v>
      </c>
      <c r="C124814" s="14" t="s">
        <v>200</v>
      </c>
      <c r="D124814" s="14" t="s">
        <v>434</v>
      </c>
      <c r="E124814" s="15">
        <v>45725</v>
      </c>
      <c r="F124814" s="14" t="s">
        <v>61</v>
      </c>
      <c r="G124814" s="16">
        <v>2.0839749935949277</v>
      </c>
    </row>
    <row r="124815" spans="1:7" x14ac:dyDescent="0.3">
      <c r="A124815" s="13" t="s">
        <v>577</v>
      </c>
      <c r="B124815" s="14" t="s">
        <v>1</v>
      </c>
      <c r="C124815" s="14" t="s">
        <v>200</v>
      </c>
      <c r="D124815" s="14" t="s">
        <v>434</v>
      </c>
      <c r="E124815" s="15">
        <v>45726</v>
      </c>
      <c r="F124815" s="14" t="s">
        <v>61</v>
      </c>
      <c r="G124815" s="16">
        <v>2.0898469849423718</v>
      </c>
    </row>
    <row r="124816" spans="1:7" x14ac:dyDescent="0.3">
      <c r="A124816" s="13" t="s">
        <v>577</v>
      </c>
      <c r="B124816" s="14" t="s">
        <v>1</v>
      </c>
      <c r="C124816" s="14" t="s">
        <v>200</v>
      </c>
      <c r="D124816" s="14" t="s">
        <v>434</v>
      </c>
      <c r="E124816" s="15">
        <v>45727</v>
      </c>
      <c r="F124816" s="14" t="s">
        <v>61</v>
      </c>
      <c r="G124816" s="16">
        <v>2.0927352347759505</v>
      </c>
    </row>
    <row r="124817" spans="1:7" x14ac:dyDescent="0.3">
      <c r="A124817" s="13" t="s">
        <v>577</v>
      </c>
      <c r="B124817" s="14" t="s">
        <v>1</v>
      </c>
      <c r="C124817" s="14" t="s">
        <v>200</v>
      </c>
      <c r="D124817" s="14" t="s">
        <v>434</v>
      </c>
      <c r="E124817" s="15">
        <v>45728</v>
      </c>
      <c r="F124817" s="14" t="s">
        <v>61</v>
      </c>
      <c r="G124817" s="16">
        <v>2.1059365435194777</v>
      </c>
    </row>
    <row r="124818" spans="1:7" x14ac:dyDescent="0.3">
      <c r="A124818" s="13" t="s">
        <v>577</v>
      </c>
      <c r="B124818" s="14" t="s">
        <v>1</v>
      </c>
      <c r="C124818" s="14" t="s">
        <v>200</v>
      </c>
      <c r="D124818" s="14" t="s">
        <v>434</v>
      </c>
      <c r="E124818" s="15">
        <v>45729</v>
      </c>
      <c r="F124818" s="14" t="s">
        <v>61</v>
      </c>
      <c r="G124818" s="16">
        <v>2.1194538242003644</v>
      </c>
    </row>
    <row r="124819" spans="1:7" x14ac:dyDescent="0.3">
      <c r="A124819" s="13" t="s">
        <v>577</v>
      </c>
      <c r="B124819" s="14" t="s">
        <v>1</v>
      </c>
      <c r="C124819" s="14" t="s">
        <v>200</v>
      </c>
      <c r="D124819" s="14" t="s">
        <v>434</v>
      </c>
      <c r="E124819" s="15">
        <v>45730</v>
      </c>
      <c r="F124819" s="14" t="s">
        <v>61</v>
      </c>
      <c r="G124819" s="16">
        <v>2.11963591715622</v>
      </c>
    </row>
    <row r="124820" spans="1:7" x14ac:dyDescent="0.3">
      <c r="A124820" s="13" t="s">
        <v>577</v>
      </c>
      <c r="B124820" s="14" t="s">
        <v>1</v>
      </c>
      <c r="C124820" s="14" t="s">
        <v>200</v>
      </c>
      <c r="D124820" s="14" t="s">
        <v>434</v>
      </c>
      <c r="E124820" s="15">
        <v>45731</v>
      </c>
      <c r="F124820" s="14" t="s">
        <v>61</v>
      </c>
      <c r="G124820" s="16">
        <v>2.11963591715622</v>
      </c>
    </row>
    <row r="124821" spans="1:7" x14ac:dyDescent="0.3">
      <c r="A124821" s="13" t="s">
        <v>577</v>
      </c>
      <c r="B124821" s="14" t="s">
        <v>1</v>
      </c>
      <c r="C124821" s="14" t="s">
        <v>200</v>
      </c>
      <c r="D124821" s="14" t="s">
        <v>434</v>
      </c>
      <c r="E124821" s="15">
        <v>45732</v>
      </c>
      <c r="F124821" s="14" t="s">
        <v>61</v>
      </c>
      <c r="G124821" s="16">
        <v>2.11963591715622</v>
      </c>
    </row>
    <row r="124822" spans="1:7" x14ac:dyDescent="0.3">
      <c r="A124822" s="13" t="s">
        <v>577</v>
      </c>
      <c r="B124822" s="14" t="s">
        <v>1</v>
      </c>
      <c r="C124822" s="14" t="s">
        <v>200</v>
      </c>
      <c r="D124822" s="14" t="s">
        <v>434</v>
      </c>
      <c r="E124822" s="15">
        <v>45733</v>
      </c>
      <c r="F124822" s="14" t="s">
        <v>61</v>
      </c>
      <c r="G124822" s="16">
        <v>2.11963591715622</v>
      </c>
    </row>
    <row r="124823" spans="1:7" x14ac:dyDescent="0.3">
      <c r="A124823" s="13" t="s">
        <v>577</v>
      </c>
      <c r="B124823" s="14" t="s">
        <v>1</v>
      </c>
      <c r="C124823" s="14" t="s">
        <v>200</v>
      </c>
      <c r="D124823" s="14" t="s">
        <v>434</v>
      </c>
      <c r="E124823" s="15">
        <v>45734</v>
      </c>
      <c r="F124823" s="14" t="s">
        <v>61</v>
      </c>
      <c r="G124823" s="16">
        <v>2.1136426096770351</v>
      </c>
    </row>
    <row r="124824" spans="1:7" x14ac:dyDescent="0.3">
      <c r="A124824" s="13" t="s">
        <v>577</v>
      </c>
      <c r="B124824" s="14" t="s">
        <v>1</v>
      </c>
      <c r="C124824" s="14" t="s">
        <v>200</v>
      </c>
      <c r="D124824" s="14" t="s">
        <v>434</v>
      </c>
      <c r="E124824" s="15">
        <v>45735</v>
      </c>
      <c r="F124824" s="14" t="s">
        <v>61</v>
      </c>
      <c r="G124824" s="16">
        <v>2.1443057308598439</v>
      </c>
    </row>
    <row r="124825" spans="1:7" x14ac:dyDescent="0.3">
      <c r="A124825" s="13" t="s">
        <v>577</v>
      </c>
      <c r="B124825" s="14" t="s">
        <v>1</v>
      </c>
      <c r="C124825" s="14" t="s">
        <v>200</v>
      </c>
      <c r="D124825" s="14" t="s">
        <v>434</v>
      </c>
      <c r="E124825" s="15">
        <v>45736</v>
      </c>
      <c r="F124825" s="14" t="s">
        <v>61</v>
      </c>
      <c r="G124825" s="16">
        <v>2.1607285031339107</v>
      </c>
    </row>
    <row r="124826" spans="1:7" x14ac:dyDescent="0.3">
      <c r="A124826" s="13" t="s">
        <v>577</v>
      </c>
      <c r="B124826" s="14" t="s">
        <v>1</v>
      </c>
      <c r="C124826" s="14" t="s">
        <v>200</v>
      </c>
      <c r="D124826" s="14" t="s">
        <v>434</v>
      </c>
      <c r="E124826" s="15">
        <v>45737</v>
      </c>
      <c r="F124826" s="14" t="s">
        <v>61</v>
      </c>
      <c r="G124826" s="16">
        <v>2.1706047450398049</v>
      </c>
    </row>
    <row r="124827" spans="1:7" x14ac:dyDescent="0.3">
      <c r="A124827" s="13" t="s">
        <v>577</v>
      </c>
      <c r="B124827" s="14" t="s">
        <v>1</v>
      </c>
      <c r="C124827" s="14" t="s">
        <v>200</v>
      </c>
      <c r="D124827" s="14" t="s">
        <v>434</v>
      </c>
      <c r="E124827" s="15">
        <v>45738</v>
      </c>
      <c r="F124827" s="14" t="s">
        <v>61</v>
      </c>
      <c r="G124827" s="16">
        <v>2.1706047450398049</v>
      </c>
    </row>
    <row r="124828" spans="1:7" x14ac:dyDescent="0.3">
      <c r="A124828" s="13" t="s">
        <v>577</v>
      </c>
      <c r="B124828" s="14" t="s">
        <v>1</v>
      </c>
      <c r="C124828" s="14" t="s">
        <v>200</v>
      </c>
      <c r="D124828" s="14" t="s">
        <v>434</v>
      </c>
      <c r="E124828" s="15">
        <v>45739</v>
      </c>
      <c r="F124828" s="14" t="s">
        <v>61</v>
      </c>
      <c r="G124828" s="16">
        <v>2.1706047450398049</v>
      </c>
    </row>
    <row r="124829" spans="1:7" x14ac:dyDescent="0.3">
      <c r="A124829" s="13" t="s">
        <v>577</v>
      </c>
      <c r="B124829" s="14" t="s">
        <v>1</v>
      </c>
      <c r="C124829" s="14" t="s">
        <v>200</v>
      </c>
      <c r="D124829" s="14" t="s">
        <v>434</v>
      </c>
      <c r="E124829" s="15">
        <v>45740</v>
      </c>
      <c r="F124829" s="14" t="s">
        <v>61</v>
      </c>
      <c r="G124829" s="16">
        <v>2.1791856508937162</v>
      </c>
    </row>
    <row r="124830" spans="1:7" x14ac:dyDescent="0.3">
      <c r="A124830" s="13" t="s">
        <v>577</v>
      </c>
      <c r="B124830" s="14" t="s">
        <v>1</v>
      </c>
      <c r="C124830" s="14" t="s">
        <v>200</v>
      </c>
      <c r="D124830" s="14" t="s">
        <v>434</v>
      </c>
      <c r="E124830" s="15">
        <v>45741</v>
      </c>
      <c r="F124830" s="14" t="s">
        <v>61</v>
      </c>
      <c r="G124830" s="16">
        <v>2.1990996581700153</v>
      </c>
    </row>
    <row r="124831" spans="1:7" x14ac:dyDescent="0.3">
      <c r="A124831" s="13" t="s">
        <v>577</v>
      </c>
      <c r="B124831" s="14" t="s">
        <v>1</v>
      </c>
      <c r="C124831" s="14" t="s">
        <v>200</v>
      </c>
      <c r="D124831" s="14" t="s">
        <v>434</v>
      </c>
      <c r="E124831" s="15">
        <v>45742</v>
      </c>
      <c r="F124831" s="14" t="s">
        <v>61</v>
      </c>
      <c r="G124831" s="16">
        <v>2.2123243180339101</v>
      </c>
    </row>
    <row r="124832" spans="1:7" x14ac:dyDescent="0.3">
      <c r="A124832" s="13" t="s">
        <v>577</v>
      </c>
      <c r="B124832" s="14" t="s">
        <v>1</v>
      </c>
      <c r="C124832" s="14" t="s">
        <v>200</v>
      </c>
      <c r="D124832" s="14" t="s">
        <v>434</v>
      </c>
      <c r="E124832" s="15">
        <v>45743</v>
      </c>
      <c r="F124832" s="14" t="s">
        <v>61</v>
      </c>
      <c r="G124832" s="16">
        <v>2.2084136745497958</v>
      </c>
    </row>
    <row r="124833" spans="1:7" x14ac:dyDescent="0.3">
      <c r="A124833" s="13" t="s">
        <v>577</v>
      </c>
      <c r="B124833" s="14" t="s">
        <v>1</v>
      </c>
      <c r="C124833" s="14" t="s">
        <v>200</v>
      </c>
      <c r="D124833" s="14" t="s">
        <v>434</v>
      </c>
      <c r="E124833" s="15">
        <v>45744</v>
      </c>
      <c r="F124833" s="14" t="s">
        <v>61</v>
      </c>
      <c r="G124833" s="16">
        <v>2.2083390895327932</v>
      </c>
    </row>
    <row r="124834" spans="1:7" x14ac:dyDescent="0.3">
      <c r="A124834" s="13" t="s">
        <v>577</v>
      </c>
      <c r="B124834" s="14" t="s">
        <v>1</v>
      </c>
      <c r="C124834" s="14" t="s">
        <v>200</v>
      </c>
      <c r="D124834" s="14" t="s">
        <v>434</v>
      </c>
      <c r="E124834" s="15">
        <v>45745</v>
      </c>
      <c r="F124834" s="14" t="s">
        <v>61</v>
      </c>
      <c r="G124834" s="16">
        <v>2.2083390895327932</v>
      </c>
    </row>
    <row r="124835" spans="1:7" x14ac:dyDescent="0.3">
      <c r="A124835" s="13" t="s">
        <v>577</v>
      </c>
      <c r="B124835" s="14" t="s">
        <v>1</v>
      </c>
      <c r="C124835" s="14" t="s">
        <v>200</v>
      </c>
      <c r="D124835" s="14" t="s">
        <v>434</v>
      </c>
      <c r="E124835" s="15">
        <v>45746</v>
      </c>
      <c r="F124835" s="14" t="s">
        <v>61</v>
      </c>
      <c r="G124835" s="16">
        <v>2.2083390895327932</v>
      </c>
    </row>
    <row r="124836" spans="1:7" x14ac:dyDescent="0.3">
      <c r="A124836" s="13" t="s">
        <v>577</v>
      </c>
      <c r="B124836" s="14" t="s">
        <v>1</v>
      </c>
      <c r="C124836" s="14" t="s">
        <v>200</v>
      </c>
      <c r="D124836" s="14" t="s">
        <v>434</v>
      </c>
      <c r="E124836" s="15">
        <v>45747</v>
      </c>
      <c r="F124836" s="14" t="s">
        <v>61</v>
      </c>
      <c r="G124836" s="16">
        <v>2.2165000035874671</v>
      </c>
    </row>
    <row r="124837" spans="1:7" x14ac:dyDescent="0.3">
      <c r="A124837" s="13" t="s">
        <v>578</v>
      </c>
      <c r="B124837" s="14" t="s">
        <v>1</v>
      </c>
      <c r="C124837" s="14" t="s">
        <v>200</v>
      </c>
      <c r="D124837" s="14" t="s">
        <v>579</v>
      </c>
      <c r="E124837" s="15">
        <v>45383</v>
      </c>
      <c r="F124837" s="14" t="s">
        <v>53</v>
      </c>
      <c r="G124837" s="16">
        <v>0</v>
      </c>
    </row>
    <row r="124838" spans="1:7" x14ac:dyDescent="0.3">
      <c r="A124838" s="13" t="s">
        <v>578</v>
      </c>
      <c r="B124838" s="14" t="s">
        <v>1</v>
      </c>
      <c r="C124838" s="14" t="s">
        <v>200</v>
      </c>
      <c r="D124838" s="14" t="s">
        <v>579</v>
      </c>
      <c r="E124838" s="15">
        <v>45384</v>
      </c>
      <c r="F124838" s="14" t="s">
        <v>53</v>
      </c>
      <c r="G124838" s="16">
        <v>0</v>
      </c>
    </row>
    <row r="124839" spans="1:7" x14ac:dyDescent="0.3">
      <c r="A124839" s="13" t="s">
        <v>578</v>
      </c>
      <c r="B124839" s="14" t="s">
        <v>1</v>
      </c>
      <c r="C124839" s="14" t="s">
        <v>200</v>
      </c>
      <c r="D124839" s="14" t="s">
        <v>579</v>
      </c>
      <c r="E124839" s="15">
        <v>45385</v>
      </c>
      <c r="F124839" s="14" t="s">
        <v>53</v>
      </c>
      <c r="G124839" s="16">
        <v>3.8468653574405681E-2</v>
      </c>
    </row>
    <row r="124840" spans="1:7" x14ac:dyDescent="0.3">
      <c r="A124840" s="13" t="s">
        <v>578</v>
      </c>
      <c r="B124840" s="14" t="s">
        <v>1</v>
      </c>
      <c r="C124840" s="14" t="s">
        <v>200</v>
      </c>
      <c r="D124840" s="14" t="s">
        <v>579</v>
      </c>
      <c r="E124840" s="15">
        <v>45386</v>
      </c>
      <c r="F124840" s="14" t="s">
        <v>53</v>
      </c>
      <c r="G124840" s="16">
        <v>4.8150649005030535E-2</v>
      </c>
    </row>
    <row r="124841" spans="1:7" x14ac:dyDescent="0.3">
      <c r="A124841" s="13" t="s">
        <v>578</v>
      </c>
      <c r="B124841" s="14" t="s">
        <v>1</v>
      </c>
      <c r="C124841" s="14" t="s">
        <v>200</v>
      </c>
      <c r="D124841" s="14" t="s">
        <v>579</v>
      </c>
      <c r="E124841" s="15">
        <v>45387</v>
      </c>
      <c r="F124841" s="14" t="s">
        <v>53</v>
      </c>
      <c r="G124841" s="16">
        <v>5.5848472921592632E-2</v>
      </c>
    </row>
    <row r="124842" spans="1:7" x14ac:dyDescent="0.3">
      <c r="A124842" s="13" t="s">
        <v>578</v>
      </c>
      <c r="B124842" s="14" t="s">
        <v>1</v>
      </c>
      <c r="C124842" s="14" t="s">
        <v>200</v>
      </c>
      <c r="D124842" s="14" t="s">
        <v>579</v>
      </c>
      <c r="E124842" s="15">
        <v>45388</v>
      </c>
      <c r="F124842" s="14" t="s">
        <v>53</v>
      </c>
      <c r="G124842" s="16">
        <v>5.5848472921592632E-2</v>
      </c>
    </row>
    <row r="124843" spans="1:7" x14ac:dyDescent="0.3">
      <c r="A124843" s="13" t="s">
        <v>578</v>
      </c>
      <c r="B124843" s="14" t="s">
        <v>1</v>
      </c>
      <c r="C124843" s="14" t="s">
        <v>200</v>
      </c>
      <c r="D124843" s="14" t="s">
        <v>579</v>
      </c>
      <c r="E124843" s="15">
        <v>45389</v>
      </c>
      <c r="F124843" s="14" t="s">
        <v>53</v>
      </c>
      <c r="G124843" s="16">
        <v>5.5848472921592632E-2</v>
      </c>
    </row>
    <row r="124844" spans="1:7" x14ac:dyDescent="0.3">
      <c r="A124844" s="13" t="s">
        <v>578</v>
      </c>
      <c r="B124844" s="14" t="s">
        <v>1</v>
      </c>
      <c r="C124844" s="14" t="s">
        <v>200</v>
      </c>
      <c r="D124844" s="14" t="s">
        <v>579</v>
      </c>
      <c r="E124844" s="15">
        <v>45390</v>
      </c>
      <c r="F124844" s="14" t="s">
        <v>53</v>
      </c>
      <c r="G124844" s="16">
        <v>5.6395004065547552E-2</v>
      </c>
    </row>
    <row r="124845" spans="1:7" x14ac:dyDescent="0.3">
      <c r="A124845" s="13" t="s">
        <v>578</v>
      </c>
      <c r="B124845" s="14" t="s">
        <v>1</v>
      </c>
      <c r="C124845" s="14" t="s">
        <v>200</v>
      </c>
      <c r="D124845" s="14" t="s">
        <v>579</v>
      </c>
      <c r="E124845" s="15">
        <v>45391</v>
      </c>
      <c r="F124845" s="14" t="s">
        <v>53</v>
      </c>
      <c r="G124845" s="16">
        <v>7.7147515977777581E-2</v>
      </c>
    </row>
    <row r="124846" spans="1:7" x14ac:dyDescent="0.3">
      <c r="A124846" s="13" t="s">
        <v>578</v>
      </c>
      <c r="B124846" s="14" t="s">
        <v>1</v>
      </c>
      <c r="C124846" s="14" t="s">
        <v>200</v>
      </c>
      <c r="D124846" s="14" t="s">
        <v>579</v>
      </c>
      <c r="E124846" s="15">
        <v>45392</v>
      </c>
      <c r="F124846" s="14" t="s">
        <v>53</v>
      </c>
      <c r="G124846" s="16">
        <v>9.5925412810792268E-2</v>
      </c>
    </row>
    <row r="124847" spans="1:7" x14ac:dyDescent="0.3">
      <c r="A124847" s="13" t="s">
        <v>578</v>
      </c>
      <c r="B124847" s="14" t="s">
        <v>1</v>
      </c>
      <c r="C124847" s="14" t="s">
        <v>200</v>
      </c>
      <c r="D124847" s="14" t="s">
        <v>579</v>
      </c>
      <c r="E124847" s="15">
        <v>45393</v>
      </c>
      <c r="F124847" s="14" t="s">
        <v>53</v>
      </c>
      <c r="G124847" s="16">
        <v>0.12005112640978785</v>
      </c>
    </row>
    <row r="124848" spans="1:7" x14ac:dyDescent="0.3">
      <c r="A124848" s="13" t="s">
        <v>578</v>
      </c>
      <c r="B124848" s="14" t="s">
        <v>1</v>
      </c>
      <c r="C124848" s="14" t="s">
        <v>200</v>
      </c>
      <c r="D124848" s="14" t="s">
        <v>579</v>
      </c>
      <c r="E124848" s="15">
        <v>45394</v>
      </c>
      <c r="F124848" s="14" t="s">
        <v>53</v>
      </c>
      <c r="G124848" s="16">
        <v>0.12634121723726044</v>
      </c>
    </row>
    <row r="124849" spans="1:7" x14ac:dyDescent="0.3">
      <c r="A124849" s="13" t="s">
        <v>578</v>
      </c>
      <c r="B124849" s="14" t="s">
        <v>1</v>
      </c>
      <c r="C124849" s="14" t="s">
        <v>200</v>
      </c>
      <c r="D124849" s="14" t="s">
        <v>579</v>
      </c>
      <c r="E124849" s="15">
        <v>45395</v>
      </c>
      <c r="F124849" s="14" t="s">
        <v>53</v>
      </c>
      <c r="G124849" s="16">
        <v>0.12634121723726044</v>
      </c>
    </row>
    <row r="124850" spans="1:7" x14ac:dyDescent="0.3">
      <c r="A124850" s="13" t="s">
        <v>578</v>
      </c>
      <c r="B124850" s="14" t="s">
        <v>1</v>
      </c>
      <c r="C124850" s="14" t="s">
        <v>200</v>
      </c>
      <c r="D124850" s="14" t="s">
        <v>579</v>
      </c>
      <c r="E124850" s="15">
        <v>45396</v>
      </c>
      <c r="F124850" s="14" t="s">
        <v>53</v>
      </c>
      <c r="G124850" s="16">
        <v>0.12634121723726044</v>
      </c>
    </row>
    <row r="124851" spans="1:7" x14ac:dyDescent="0.3">
      <c r="A124851" s="13" t="s">
        <v>578</v>
      </c>
      <c r="B124851" s="14" t="s">
        <v>1</v>
      </c>
      <c r="C124851" s="14" t="s">
        <v>200</v>
      </c>
      <c r="D124851" s="14" t="s">
        <v>579</v>
      </c>
      <c r="E124851" s="15">
        <v>45397</v>
      </c>
      <c r="F124851" s="14" t="s">
        <v>53</v>
      </c>
      <c r="G124851" s="16">
        <v>0.13436031263424961</v>
      </c>
    </row>
    <row r="124852" spans="1:7" x14ac:dyDescent="0.3">
      <c r="A124852" s="13" t="s">
        <v>578</v>
      </c>
      <c r="B124852" s="14" t="s">
        <v>1</v>
      </c>
      <c r="C124852" s="14" t="s">
        <v>200</v>
      </c>
      <c r="D124852" s="14" t="s">
        <v>579</v>
      </c>
      <c r="E124852" s="15">
        <v>45398</v>
      </c>
      <c r="F124852" s="14" t="s">
        <v>53</v>
      </c>
      <c r="G124852" s="16">
        <v>0.1587606478625497</v>
      </c>
    </row>
    <row r="124853" spans="1:7" x14ac:dyDescent="0.3">
      <c r="A124853" s="13" t="s">
        <v>578</v>
      </c>
      <c r="B124853" s="14" t="s">
        <v>1</v>
      </c>
      <c r="C124853" s="14" t="s">
        <v>200</v>
      </c>
      <c r="D124853" s="14" t="s">
        <v>579</v>
      </c>
      <c r="E124853" s="15">
        <v>45399</v>
      </c>
      <c r="F124853" s="14" t="s">
        <v>53</v>
      </c>
      <c r="G124853" s="16">
        <v>0.16590484627097343</v>
      </c>
    </row>
    <row r="124854" spans="1:7" x14ac:dyDescent="0.3">
      <c r="A124854" s="13" t="s">
        <v>578</v>
      </c>
      <c r="B124854" s="14" t="s">
        <v>1</v>
      </c>
      <c r="C124854" s="14" t="s">
        <v>200</v>
      </c>
      <c r="D124854" s="14" t="s">
        <v>579</v>
      </c>
      <c r="E124854" s="15">
        <v>45400</v>
      </c>
      <c r="F124854" s="14" t="s">
        <v>53</v>
      </c>
      <c r="G124854" s="16">
        <v>0.17354363274514076</v>
      </c>
    </row>
    <row r="124855" spans="1:7" x14ac:dyDescent="0.3">
      <c r="A124855" s="13" t="s">
        <v>578</v>
      </c>
      <c r="B124855" s="14" t="s">
        <v>1</v>
      </c>
      <c r="C124855" s="14" t="s">
        <v>200</v>
      </c>
      <c r="D124855" s="14" t="s">
        <v>579</v>
      </c>
      <c r="E124855" s="15">
        <v>45401</v>
      </c>
      <c r="F124855" s="14" t="s">
        <v>53</v>
      </c>
      <c r="G124855" s="16">
        <v>0.17068680529569041</v>
      </c>
    </row>
    <row r="124856" spans="1:7" x14ac:dyDescent="0.3">
      <c r="A124856" s="13" t="s">
        <v>578</v>
      </c>
      <c r="B124856" s="14" t="s">
        <v>1</v>
      </c>
      <c r="C124856" s="14" t="s">
        <v>200</v>
      </c>
      <c r="D124856" s="14" t="s">
        <v>579</v>
      </c>
      <c r="E124856" s="15">
        <v>45402</v>
      </c>
      <c r="F124856" s="14" t="s">
        <v>53</v>
      </c>
      <c r="G124856" s="16">
        <v>0.17068680529569041</v>
      </c>
    </row>
    <row r="124857" spans="1:7" x14ac:dyDescent="0.3">
      <c r="A124857" s="13" t="s">
        <v>578</v>
      </c>
      <c r="B124857" s="14" t="s">
        <v>1</v>
      </c>
      <c r="C124857" s="14" t="s">
        <v>200</v>
      </c>
      <c r="D124857" s="14" t="s">
        <v>579</v>
      </c>
      <c r="E124857" s="15">
        <v>45403</v>
      </c>
      <c r="F124857" s="14" t="s">
        <v>53</v>
      </c>
      <c r="G124857" s="16">
        <v>0.17068680529569041</v>
      </c>
    </row>
    <row r="124858" spans="1:7" x14ac:dyDescent="0.3">
      <c r="A124858" s="13" t="s">
        <v>578</v>
      </c>
      <c r="B124858" s="14" t="s">
        <v>1</v>
      </c>
      <c r="C124858" s="14" t="s">
        <v>200</v>
      </c>
      <c r="D124858" s="14" t="s">
        <v>579</v>
      </c>
      <c r="E124858" s="15">
        <v>45404</v>
      </c>
      <c r="F124858" s="14" t="s">
        <v>53</v>
      </c>
      <c r="G124858" s="16">
        <v>0.16739514607035164</v>
      </c>
    </row>
    <row r="124859" spans="1:7" x14ac:dyDescent="0.3">
      <c r="A124859" s="13" t="s">
        <v>578</v>
      </c>
      <c r="B124859" s="14" t="s">
        <v>1</v>
      </c>
      <c r="C124859" s="14" t="s">
        <v>200</v>
      </c>
      <c r="D124859" s="14" t="s">
        <v>579</v>
      </c>
      <c r="E124859" s="15">
        <v>45405</v>
      </c>
      <c r="F124859" s="14" t="s">
        <v>53</v>
      </c>
      <c r="G124859" s="16">
        <v>0.19041560090992546</v>
      </c>
    </row>
    <row r="124860" spans="1:7" x14ac:dyDescent="0.3">
      <c r="A124860" s="13" t="s">
        <v>578</v>
      </c>
      <c r="B124860" s="14" t="s">
        <v>1</v>
      </c>
      <c r="C124860" s="14" t="s">
        <v>200</v>
      </c>
      <c r="D124860" s="14" t="s">
        <v>579</v>
      </c>
      <c r="E124860" s="15">
        <v>45406</v>
      </c>
      <c r="F124860" s="14" t="s">
        <v>53</v>
      </c>
      <c r="G124860" s="16">
        <v>0.19907117298218108</v>
      </c>
    </row>
    <row r="124861" spans="1:7" x14ac:dyDescent="0.3">
      <c r="A124861" s="13" t="s">
        <v>578</v>
      </c>
      <c r="B124861" s="14" t="s">
        <v>1</v>
      </c>
      <c r="C124861" s="14" t="s">
        <v>200</v>
      </c>
      <c r="D124861" s="14" t="s">
        <v>579</v>
      </c>
      <c r="E124861" s="15">
        <v>45407</v>
      </c>
      <c r="F124861" s="14" t="s">
        <v>53</v>
      </c>
      <c r="G124861" s="16">
        <v>0.20497706283573869</v>
      </c>
    </row>
    <row r="124862" spans="1:7" x14ac:dyDescent="0.3">
      <c r="A124862" s="13" t="s">
        <v>578</v>
      </c>
      <c r="B124862" s="14" t="s">
        <v>1</v>
      </c>
      <c r="C124862" s="14" t="s">
        <v>200</v>
      </c>
      <c r="D124862" s="14" t="s">
        <v>579</v>
      </c>
      <c r="E124862" s="15">
        <v>45408</v>
      </c>
      <c r="F124862" s="14" t="s">
        <v>53</v>
      </c>
      <c r="G124862" s="16">
        <v>0.21220627294972136</v>
      </c>
    </row>
    <row r="124863" spans="1:7" x14ac:dyDescent="0.3">
      <c r="A124863" s="13" t="s">
        <v>578</v>
      </c>
      <c r="B124863" s="14" t="s">
        <v>1</v>
      </c>
      <c r="C124863" s="14" t="s">
        <v>200</v>
      </c>
      <c r="D124863" s="14" t="s">
        <v>579</v>
      </c>
      <c r="E124863" s="15">
        <v>45409</v>
      </c>
      <c r="F124863" s="14" t="s">
        <v>53</v>
      </c>
      <c r="G124863" s="16">
        <v>0.21220627294972136</v>
      </c>
    </row>
    <row r="124864" spans="1:7" x14ac:dyDescent="0.3">
      <c r="A124864" s="13" t="s">
        <v>578</v>
      </c>
      <c r="B124864" s="14" t="s">
        <v>1</v>
      </c>
      <c r="C124864" s="14" t="s">
        <v>200</v>
      </c>
      <c r="D124864" s="14" t="s">
        <v>579</v>
      </c>
      <c r="E124864" s="15">
        <v>45410</v>
      </c>
      <c r="F124864" s="14" t="s">
        <v>53</v>
      </c>
      <c r="G124864" s="16">
        <v>0.21220627294972136</v>
      </c>
    </row>
    <row r="124865" spans="1:7" x14ac:dyDescent="0.3">
      <c r="A124865" s="13" t="s">
        <v>578</v>
      </c>
      <c r="B124865" s="14" t="s">
        <v>1</v>
      </c>
      <c r="C124865" s="14" t="s">
        <v>200</v>
      </c>
      <c r="D124865" s="14" t="s">
        <v>579</v>
      </c>
      <c r="E124865" s="15">
        <v>45411</v>
      </c>
      <c r="F124865" s="14" t="s">
        <v>53</v>
      </c>
      <c r="G124865" s="16">
        <v>0.21806328962168894</v>
      </c>
    </row>
    <row r="124866" spans="1:7" x14ac:dyDescent="0.3">
      <c r="A124866" s="13" t="s">
        <v>578</v>
      </c>
      <c r="B124866" s="14" t="s">
        <v>1</v>
      </c>
      <c r="C124866" s="14" t="s">
        <v>200</v>
      </c>
      <c r="D124866" s="14" t="s">
        <v>579</v>
      </c>
      <c r="E124866" s="15">
        <v>45412</v>
      </c>
      <c r="F124866" s="14" t="s">
        <v>53</v>
      </c>
      <c r="G124866" s="16">
        <v>0.23960069814968774</v>
      </c>
    </row>
    <row r="124867" spans="1:7" x14ac:dyDescent="0.3">
      <c r="A124867" s="13" t="s">
        <v>578</v>
      </c>
      <c r="B124867" s="14" t="s">
        <v>1</v>
      </c>
      <c r="C124867" s="14" t="s">
        <v>200</v>
      </c>
      <c r="D124867" s="14" t="s">
        <v>579</v>
      </c>
      <c r="E124867" s="15">
        <v>45413</v>
      </c>
      <c r="F124867" s="14" t="s">
        <v>53</v>
      </c>
      <c r="G124867" s="16">
        <v>0.2449345265272142</v>
      </c>
    </row>
    <row r="124868" spans="1:7" x14ac:dyDescent="0.3">
      <c r="A124868" s="13" t="s">
        <v>578</v>
      </c>
      <c r="B124868" s="14" t="s">
        <v>1</v>
      </c>
      <c r="C124868" s="14" t="s">
        <v>200</v>
      </c>
      <c r="D124868" s="14" t="s">
        <v>579</v>
      </c>
      <c r="E124868" s="15">
        <v>45414</v>
      </c>
      <c r="F124868" s="14" t="s">
        <v>53</v>
      </c>
      <c r="G124868" s="16">
        <v>0.25401992441020393</v>
      </c>
    </row>
    <row r="124869" spans="1:7" x14ac:dyDescent="0.3">
      <c r="A124869" s="13" t="s">
        <v>578</v>
      </c>
      <c r="B124869" s="14" t="s">
        <v>1</v>
      </c>
      <c r="C124869" s="14" t="s">
        <v>200</v>
      </c>
      <c r="D124869" s="14" t="s">
        <v>579</v>
      </c>
      <c r="E124869" s="15">
        <v>45415</v>
      </c>
      <c r="F124869" s="14" t="s">
        <v>53</v>
      </c>
      <c r="G124869" s="16">
        <v>0.26033925516224926</v>
      </c>
    </row>
    <row r="124870" spans="1:7" x14ac:dyDescent="0.3">
      <c r="A124870" s="13" t="s">
        <v>578</v>
      </c>
      <c r="B124870" s="14" t="s">
        <v>1</v>
      </c>
      <c r="C124870" s="14" t="s">
        <v>200</v>
      </c>
      <c r="D124870" s="14" t="s">
        <v>579</v>
      </c>
      <c r="E124870" s="15">
        <v>45416</v>
      </c>
      <c r="F124870" s="14" t="s">
        <v>53</v>
      </c>
      <c r="G124870" s="16">
        <v>0.26033925516224926</v>
      </c>
    </row>
    <row r="124871" spans="1:7" x14ac:dyDescent="0.3">
      <c r="A124871" s="13" t="s">
        <v>578</v>
      </c>
      <c r="B124871" s="14" t="s">
        <v>1</v>
      </c>
      <c r="C124871" s="14" t="s">
        <v>200</v>
      </c>
      <c r="D124871" s="14" t="s">
        <v>579</v>
      </c>
      <c r="E124871" s="15">
        <v>45417</v>
      </c>
      <c r="F124871" s="14" t="s">
        <v>53</v>
      </c>
      <c r="G124871" s="16">
        <v>0.26033925516224926</v>
      </c>
    </row>
    <row r="124872" spans="1:7" x14ac:dyDescent="0.3">
      <c r="A124872" s="13" t="s">
        <v>578</v>
      </c>
      <c r="B124872" s="14" t="s">
        <v>1</v>
      </c>
      <c r="C124872" s="14" t="s">
        <v>200</v>
      </c>
      <c r="D124872" s="14" t="s">
        <v>579</v>
      </c>
      <c r="E124872" s="15">
        <v>45418</v>
      </c>
      <c r="F124872" s="14" t="s">
        <v>53</v>
      </c>
      <c r="G124872" s="16">
        <v>0.26033925516224926</v>
      </c>
    </row>
    <row r="124873" spans="1:7" x14ac:dyDescent="0.3">
      <c r="A124873" s="13" t="s">
        <v>578</v>
      </c>
      <c r="B124873" s="14" t="s">
        <v>1</v>
      </c>
      <c r="C124873" s="14" t="s">
        <v>200</v>
      </c>
      <c r="D124873" s="14" t="s">
        <v>579</v>
      </c>
      <c r="E124873" s="15">
        <v>45419</v>
      </c>
      <c r="F124873" s="14" t="s">
        <v>53</v>
      </c>
      <c r="G124873" s="16">
        <v>0.26602334048464155</v>
      </c>
    </row>
    <row r="124874" spans="1:7" x14ac:dyDescent="0.3">
      <c r="A124874" s="13" t="s">
        <v>578</v>
      </c>
      <c r="B124874" s="14" t="s">
        <v>1</v>
      </c>
      <c r="C124874" s="14" t="s">
        <v>200</v>
      </c>
      <c r="D124874" s="14" t="s">
        <v>579</v>
      </c>
      <c r="E124874" s="15">
        <v>45420</v>
      </c>
      <c r="F124874" s="14" t="s">
        <v>53</v>
      </c>
      <c r="G124874" s="16">
        <v>0.29079630040171378</v>
      </c>
    </row>
    <row r="124875" spans="1:7" x14ac:dyDescent="0.3">
      <c r="A124875" s="13" t="s">
        <v>578</v>
      </c>
      <c r="B124875" s="14" t="s">
        <v>1</v>
      </c>
      <c r="C124875" s="14" t="s">
        <v>200</v>
      </c>
      <c r="D124875" s="14" t="s">
        <v>579</v>
      </c>
      <c r="E124875" s="15">
        <v>45421</v>
      </c>
      <c r="F124875" s="14" t="s">
        <v>53</v>
      </c>
      <c r="G124875" s="16">
        <v>0.29713447737487653</v>
      </c>
    </row>
    <row r="124876" spans="1:7" x14ac:dyDescent="0.3">
      <c r="A124876" s="13" t="s">
        <v>578</v>
      </c>
      <c r="B124876" s="14" t="s">
        <v>1</v>
      </c>
      <c r="C124876" s="14" t="s">
        <v>200</v>
      </c>
      <c r="D124876" s="14" t="s">
        <v>579</v>
      </c>
      <c r="E124876" s="15">
        <v>45422</v>
      </c>
      <c r="F124876" s="14" t="s">
        <v>53</v>
      </c>
      <c r="G124876" s="16">
        <v>0.30344552369882855</v>
      </c>
    </row>
    <row r="124877" spans="1:7" x14ac:dyDescent="0.3">
      <c r="A124877" s="13" t="s">
        <v>578</v>
      </c>
      <c r="B124877" s="14" t="s">
        <v>1</v>
      </c>
      <c r="C124877" s="14" t="s">
        <v>200</v>
      </c>
      <c r="D124877" s="14" t="s">
        <v>579</v>
      </c>
      <c r="E124877" s="15">
        <v>45423</v>
      </c>
      <c r="F124877" s="14" t="s">
        <v>53</v>
      </c>
      <c r="G124877" s="16">
        <v>0.30344552369882855</v>
      </c>
    </row>
    <row r="124878" spans="1:7" x14ac:dyDescent="0.3">
      <c r="A124878" s="13" t="s">
        <v>578</v>
      </c>
      <c r="B124878" s="14" t="s">
        <v>1</v>
      </c>
      <c r="C124878" s="14" t="s">
        <v>200</v>
      </c>
      <c r="D124878" s="14" t="s">
        <v>579</v>
      </c>
      <c r="E124878" s="15">
        <v>45424</v>
      </c>
      <c r="F124878" s="14" t="s">
        <v>53</v>
      </c>
      <c r="G124878" s="16">
        <v>0.30344552369882855</v>
      </c>
    </row>
    <row r="124879" spans="1:7" x14ac:dyDescent="0.3">
      <c r="A124879" s="13" t="s">
        <v>578</v>
      </c>
      <c r="B124879" s="14" t="s">
        <v>1</v>
      </c>
      <c r="C124879" s="14" t="s">
        <v>200</v>
      </c>
      <c r="D124879" s="14" t="s">
        <v>579</v>
      </c>
      <c r="E124879" s="15">
        <v>45425</v>
      </c>
      <c r="F124879" s="14" t="s">
        <v>53</v>
      </c>
      <c r="G124879" s="16">
        <v>0.30763224151097807</v>
      </c>
    </row>
    <row r="124880" spans="1:7" x14ac:dyDescent="0.3">
      <c r="A124880" s="13" t="s">
        <v>578</v>
      </c>
      <c r="B124880" s="14" t="s">
        <v>1</v>
      </c>
      <c r="C124880" s="14" t="s">
        <v>200</v>
      </c>
      <c r="D124880" s="14" t="s">
        <v>579</v>
      </c>
      <c r="E124880" s="15">
        <v>45426</v>
      </c>
      <c r="F124880" s="14" t="s">
        <v>53</v>
      </c>
      <c r="G124880" s="16">
        <v>0.33080553330204138</v>
      </c>
    </row>
    <row r="124881" spans="1:7" x14ac:dyDescent="0.3">
      <c r="A124881" s="13" t="s">
        <v>578</v>
      </c>
      <c r="B124881" s="14" t="s">
        <v>1</v>
      </c>
      <c r="C124881" s="14" t="s">
        <v>200</v>
      </c>
      <c r="D124881" s="14" t="s">
        <v>579</v>
      </c>
      <c r="E124881" s="15">
        <v>45427</v>
      </c>
      <c r="F124881" s="14" t="s">
        <v>53</v>
      </c>
      <c r="G124881" s="16">
        <v>0.33503039256805084</v>
      </c>
    </row>
    <row r="124882" spans="1:7" x14ac:dyDescent="0.3">
      <c r="A124882" s="13" t="s">
        <v>578</v>
      </c>
      <c r="B124882" s="14" t="s">
        <v>1</v>
      </c>
      <c r="C124882" s="14" t="s">
        <v>200</v>
      </c>
      <c r="D124882" s="14" t="s">
        <v>579</v>
      </c>
      <c r="E124882" s="15">
        <v>45428</v>
      </c>
      <c r="F124882" s="14" t="s">
        <v>53</v>
      </c>
      <c r="G124882" s="16">
        <v>0.34295857011557368</v>
      </c>
    </row>
    <row r="124883" spans="1:7" x14ac:dyDescent="0.3">
      <c r="A124883" s="13" t="s">
        <v>578</v>
      </c>
      <c r="B124883" s="14" t="s">
        <v>1</v>
      </c>
      <c r="C124883" s="14" t="s">
        <v>200</v>
      </c>
      <c r="D124883" s="14" t="s">
        <v>579</v>
      </c>
      <c r="E124883" s="15">
        <v>45429</v>
      </c>
      <c r="F124883" s="14" t="s">
        <v>53</v>
      </c>
      <c r="G124883" s="16">
        <v>0.34908850703458721</v>
      </c>
    </row>
    <row r="124884" spans="1:7" x14ac:dyDescent="0.3">
      <c r="A124884" s="13" t="s">
        <v>578</v>
      </c>
      <c r="B124884" s="14" t="s">
        <v>1</v>
      </c>
      <c r="C124884" s="14" t="s">
        <v>200</v>
      </c>
      <c r="D124884" s="14" t="s">
        <v>579</v>
      </c>
      <c r="E124884" s="15">
        <v>45430</v>
      </c>
      <c r="F124884" s="14" t="s">
        <v>53</v>
      </c>
      <c r="G124884" s="16">
        <v>0.34908850703458721</v>
      </c>
    </row>
    <row r="124885" spans="1:7" x14ac:dyDescent="0.3">
      <c r="A124885" s="13" t="s">
        <v>578</v>
      </c>
      <c r="B124885" s="14" t="s">
        <v>1</v>
      </c>
      <c r="C124885" s="14" t="s">
        <v>200</v>
      </c>
      <c r="D124885" s="14" t="s">
        <v>579</v>
      </c>
      <c r="E124885" s="15">
        <v>45431</v>
      </c>
      <c r="F124885" s="14" t="s">
        <v>53</v>
      </c>
      <c r="G124885" s="16">
        <v>0.34908850703458721</v>
      </c>
    </row>
    <row r="124886" spans="1:7" x14ac:dyDescent="0.3">
      <c r="A124886" s="13" t="s">
        <v>578</v>
      </c>
      <c r="B124886" s="14" t="s">
        <v>1</v>
      </c>
      <c r="C124886" s="14" t="s">
        <v>200</v>
      </c>
      <c r="D124886" s="14" t="s">
        <v>579</v>
      </c>
      <c r="E124886" s="15">
        <v>45432</v>
      </c>
      <c r="F124886" s="14" t="s">
        <v>53</v>
      </c>
      <c r="G124886" s="16">
        <v>0.35374672100918381</v>
      </c>
    </row>
    <row r="124887" spans="1:7" x14ac:dyDescent="0.3">
      <c r="A124887" s="13" t="s">
        <v>578</v>
      </c>
      <c r="B124887" s="14" t="s">
        <v>1</v>
      </c>
      <c r="C124887" s="14" t="s">
        <v>200</v>
      </c>
      <c r="D124887" s="14" t="s">
        <v>579</v>
      </c>
      <c r="E124887" s="15">
        <v>45433</v>
      </c>
      <c r="F124887" s="14" t="s">
        <v>53</v>
      </c>
      <c r="G124887" s="16">
        <v>0.37507128572918569</v>
      </c>
    </row>
    <row r="124888" spans="1:7" x14ac:dyDescent="0.3">
      <c r="A124888" s="13" t="s">
        <v>578</v>
      </c>
      <c r="B124888" s="14" t="s">
        <v>1</v>
      </c>
      <c r="C124888" s="14" t="s">
        <v>200</v>
      </c>
      <c r="D124888" s="14" t="s">
        <v>579</v>
      </c>
      <c r="E124888" s="15">
        <v>45434</v>
      </c>
      <c r="F124888" s="14" t="s">
        <v>53</v>
      </c>
      <c r="G124888" s="16">
        <v>0.38261781915261156</v>
      </c>
    </row>
    <row r="124889" spans="1:7" x14ac:dyDescent="0.3">
      <c r="A124889" s="13" t="s">
        <v>578</v>
      </c>
      <c r="B124889" s="14" t="s">
        <v>1</v>
      </c>
      <c r="C124889" s="14" t="s">
        <v>200</v>
      </c>
      <c r="D124889" s="14" t="s">
        <v>579</v>
      </c>
      <c r="E124889" s="15">
        <v>45435</v>
      </c>
      <c r="F124889" s="14" t="s">
        <v>53</v>
      </c>
      <c r="G124889" s="16">
        <v>0.38996267349159824</v>
      </c>
    </row>
    <row r="124890" spans="1:7" x14ac:dyDescent="0.3">
      <c r="A124890" s="13" t="s">
        <v>578</v>
      </c>
      <c r="B124890" s="14" t="s">
        <v>1</v>
      </c>
      <c r="C124890" s="14" t="s">
        <v>200</v>
      </c>
      <c r="D124890" s="14" t="s">
        <v>579</v>
      </c>
      <c r="E124890" s="15">
        <v>45436</v>
      </c>
      <c r="F124890" s="14" t="s">
        <v>53</v>
      </c>
      <c r="G124890" s="16">
        <v>0.39544192229683517</v>
      </c>
    </row>
    <row r="124891" spans="1:7" x14ac:dyDescent="0.3">
      <c r="A124891" s="13" t="s">
        <v>578</v>
      </c>
      <c r="B124891" s="14" t="s">
        <v>1</v>
      </c>
      <c r="C124891" s="14" t="s">
        <v>200</v>
      </c>
      <c r="D124891" s="14" t="s">
        <v>579</v>
      </c>
      <c r="E124891" s="15">
        <v>45437</v>
      </c>
      <c r="F124891" s="14" t="s">
        <v>53</v>
      </c>
      <c r="G124891" s="16">
        <v>0.39544192229683517</v>
      </c>
    </row>
    <row r="124892" spans="1:7" x14ac:dyDescent="0.3">
      <c r="A124892" s="13" t="s">
        <v>578</v>
      </c>
      <c r="B124892" s="14" t="s">
        <v>1</v>
      </c>
      <c r="C124892" s="14" t="s">
        <v>200</v>
      </c>
      <c r="D124892" s="14" t="s">
        <v>579</v>
      </c>
      <c r="E124892" s="15">
        <v>45438</v>
      </c>
      <c r="F124892" s="14" t="s">
        <v>53</v>
      </c>
      <c r="G124892" s="16">
        <v>0.39544192229683517</v>
      </c>
    </row>
    <row r="124893" spans="1:7" x14ac:dyDescent="0.3">
      <c r="A124893" s="13" t="s">
        <v>578</v>
      </c>
      <c r="B124893" s="14" t="s">
        <v>1</v>
      </c>
      <c r="C124893" s="14" t="s">
        <v>200</v>
      </c>
      <c r="D124893" s="14" t="s">
        <v>579</v>
      </c>
      <c r="E124893" s="15">
        <v>45439</v>
      </c>
      <c r="F124893" s="14" t="s">
        <v>53</v>
      </c>
      <c r="G124893" s="16">
        <v>0.39544192229683517</v>
      </c>
    </row>
    <row r="124894" spans="1:7" x14ac:dyDescent="0.3">
      <c r="A124894" s="13" t="s">
        <v>578</v>
      </c>
      <c r="B124894" s="14" t="s">
        <v>1</v>
      </c>
      <c r="C124894" s="14" t="s">
        <v>200</v>
      </c>
      <c r="D124894" s="14" t="s">
        <v>579</v>
      </c>
      <c r="E124894" s="15">
        <v>45440</v>
      </c>
      <c r="F124894" s="14" t="s">
        <v>53</v>
      </c>
      <c r="G124894" s="16">
        <v>0.4015046291555206</v>
      </c>
    </row>
    <row r="124895" spans="1:7" x14ac:dyDescent="0.3">
      <c r="A124895" s="13" t="s">
        <v>578</v>
      </c>
      <c r="B124895" s="14" t="s">
        <v>1</v>
      </c>
      <c r="C124895" s="14" t="s">
        <v>200</v>
      </c>
      <c r="D124895" s="14" t="s">
        <v>579</v>
      </c>
      <c r="E124895" s="15">
        <v>45441</v>
      </c>
      <c r="F124895" s="14" t="s">
        <v>53</v>
      </c>
      <c r="G124895" s="16">
        <v>0.41803809706928236</v>
      </c>
    </row>
    <row r="124896" spans="1:7" x14ac:dyDescent="0.3">
      <c r="A124896" s="13" t="s">
        <v>578</v>
      </c>
      <c r="B124896" s="14" t="s">
        <v>1</v>
      </c>
      <c r="C124896" s="14" t="s">
        <v>200</v>
      </c>
      <c r="D124896" s="14" t="s">
        <v>579</v>
      </c>
      <c r="E124896" s="15">
        <v>45442</v>
      </c>
      <c r="F124896" s="14" t="s">
        <v>53</v>
      </c>
      <c r="G124896" s="16">
        <v>0.41993104256915242</v>
      </c>
    </row>
    <row r="124897" spans="1:7" x14ac:dyDescent="0.3">
      <c r="A124897" s="13" t="s">
        <v>578</v>
      </c>
      <c r="B124897" s="14" t="s">
        <v>1</v>
      </c>
      <c r="C124897" s="14" t="s">
        <v>200</v>
      </c>
      <c r="D124897" s="14" t="s">
        <v>579</v>
      </c>
      <c r="E124897" s="15">
        <v>45443</v>
      </c>
      <c r="F124897" s="14" t="s">
        <v>53</v>
      </c>
      <c r="G124897" s="16">
        <v>0.42547038487794187</v>
      </c>
    </row>
    <row r="124898" spans="1:7" x14ac:dyDescent="0.3">
      <c r="A124898" s="13" t="s">
        <v>578</v>
      </c>
      <c r="B124898" s="14" t="s">
        <v>1</v>
      </c>
      <c r="C124898" s="14" t="s">
        <v>200</v>
      </c>
      <c r="D124898" s="14" t="s">
        <v>579</v>
      </c>
      <c r="E124898" s="15">
        <v>45444</v>
      </c>
      <c r="F124898" s="14" t="s">
        <v>53</v>
      </c>
      <c r="G124898" s="16">
        <v>0.42547038487794187</v>
      </c>
    </row>
    <row r="124899" spans="1:7" x14ac:dyDescent="0.3">
      <c r="A124899" s="13" t="s">
        <v>578</v>
      </c>
      <c r="B124899" s="14" t="s">
        <v>1</v>
      </c>
      <c r="C124899" s="14" t="s">
        <v>200</v>
      </c>
      <c r="D124899" s="14" t="s">
        <v>579</v>
      </c>
      <c r="E124899" s="15">
        <v>45445</v>
      </c>
      <c r="F124899" s="14" t="s">
        <v>53</v>
      </c>
      <c r="G124899" s="16">
        <v>0.42547038487794187</v>
      </c>
    </row>
    <row r="124900" spans="1:7" x14ac:dyDescent="0.3">
      <c r="A124900" s="13" t="s">
        <v>578</v>
      </c>
      <c r="B124900" s="14" t="s">
        <v>1</v>
      </c>
      <c r="C124900" s="14" t="s">
        <v>200</v>
      </c>
      <c r="D124900" s="14" t="s">
        <v>579</v>
      </c>
      <c r="E124900" s="15">
        <v>45446</v>
      </c>
      <c r="F124900" s="14" t="s">
        <v>53</v>
      </c>
      <c r="G124900" s="16">
        <v>0.42547038487794187</v>
      </c>
    </row>
    <row r="124901" spans="1:7" x14ac:dyDescent="0.3">
      <c r="A124901" s="13" t="s">
        <v>578</v>
      </c>
      <c r="B124901" s="14" t="s">
        <v>1</v>
      </c>
      <c r="C124901" s="14" t="s">
        <v>200</v>
      </c>
      <c r="D124901" s="14" t="s">
        <v>579</v>
      </c>
      <c r="E124901" s="15">
        <v>45447</v>
      </c>
      <c r="F124901" s="14" t="s">
        <v>53</v>
      </c>
      <c r="G124901" s="16">
        <v>0.43254744852503335</v>
      </c>
    </row>
    <row r="124902" spans="1:7" x14ac:dyDescent="0.3">
      <c r="A124902" s="13" t="s">
        <v>578</v>
      </c>
      <c r="B124902" s="14" t="s">
        <v>1</v>
      </c>
      <c r="C124902" s="14" t="s">
        <v>200</v>
      </c>
      <c r="D124902" s="14" t="s">
        <v>579</v>
      </c>
      <c r="E124902" s="15">
        <v>45448</v>
      </c>
      <c r="F124902" s="14" t="s">
        <v>53</v>
      </c>
      <c r="G124902" s="16">
        <v>0.45733713594355313</v>
      </c>
    </row>
    <row r="124903" spans="1:7" x14ac:dyDescent="0.3">
      <c r="A124903" s="13" t="s">
        <v>578</v>
      </c>
      <c r="B124903" s="14" t="s">
        <v>1</v>
      </c>
      <c r="C124903" s="14" t="s">
        <v>200</v>
      </c>
      <c r="D124903" s="14" t="s">
        <v>579</v>
      </c>
      <c r="E124903" s="15">
        <v>45449</v>
      </c>
      <c r="F124903" s="14" t="s">
        <v>53</v>
      </c>
      <c r="G124903" s="16">
        <v>0.46362045511872285</v>
      </c>
    </row>
    <row r="124904" spans="1:7" x14ac:dyDescent="0.3">
      <c r="A124904" s="13" t="s">
        <v>578</v>
      </c>
      <c r="B124904" s="14" t="s">
        <v>1</v>
      </c>
      <c r="C124904" s="14" t="s">
        <v>200</v>
      </c>
      <c r="D124904" s="14" t="s">
        <v>579</v>
      </c>
      <c r="E124904" s="15">
        <v>45450</v>
      </c>
      <c r="F124904" s="14" t="s">
        <v>53</v>
      </c>
      <c r="G124904" s="16">
        <v>0.47252885970826186</v>
      </c>
    </row>
    <row r="124905" spans="1:7" x14ac:dyDescent="0.3">
      <c r="A124905" s="13" t="s">
        <v>578</v>
      </c>
      <c r="B124905" s="14" t="s">
        <v>1</v>
      </c>
      <c r="C124905" s="14" t="s">
        <v>200</v>
      </c>
      <c r="D124905" s="14" t="s">
        <v>579</v>
      </c>
      <c r="E124905" s="15">
        <v>45451</v>
      </c>
      <c r="F124905" s="14" t="s">
        <v>53</v>
      </c>
      <c r="G124905" s="16">
        <v>0.47252885970826186</v>
      </c>
    </row>
    <row r="124906" spans="1:7" x14ac:dyDescent="0.3">
      <c r="A124906" s="13" t="s">
        <v>578</v>
      </c>
      <c r="B124906" s="14" t="s">
        <v>1</v>
      </c>
      <c r="C124906" s="14" t="s">
        <v>200</v>
      </c>
      <c r="D124906" s="14" t="s">
        <v>579</v>
      </c>
      <c r="E124906" s="15">
        <v>45452</v>
      </c>
      <c r="F124906" s="14" t="s">
        <v>53</v>
      </c>
      <c r="G124906" s="16">
        <v>0.47252885970826186</v>
      </c>
    </row>
    <row r="124907" spans="1:7" x14ac:dyDescent="0.3">
      <c r="A124907" s="13" t="s">
        <v>578</v>
      </c>
      <c r="B124907" s="14" t="s">
        <v>1</v>
      </c>
      <c r="C124907" s="14" t="s">
        <v>200</v>
      </c>
      <c r="D124907" s="14" t="s">
        <v>579</v>
      </c>
      <c r="E124907" s="15">
        <v>45453</v>
      </c>
      <c r="F124907" s="14" t="s">
        <v>53</v>
      </c>
      <c r="G124907" s="16">
        <v>0.47892637895452561</v>
      </c>
    </row>
    <row r="124908" spans="1:7" x14ac:dyDescent="0.3">
      <c r="A124908" s="13" t="s">
        <v>578</v>
      </c>
      <c r="B124908" s="14" t="s">
        <v>1</v>
      </c>
      <c r="C124908" s="14" t="s">
        <v>200</v>
      </c>
      <c r="D124908" s="14" t="s">
        <v>579</v>
      </c>
      <c r="E124908" s="15">
        <v>45454</v>
      </c>
      <c r="F124908" s="14" t="s">
        <v>53</v>
      </c>
      <c r="G124908" s="16">
        <v>0.49738473766134017</v>
      </c>
    </row>
    <row r="124909" spans="1:7" x14ac:dyDescent="0.3">
      <c r="A124909" s="13" t="s">
        <v>578</v>
      </c>
      <c r="B124909" s="14" t="s">
        <v>1</v>
      </c>
      <c r="C124909" s="14" t="s">
        <v>200</v>
      </c>
      <c r="D124909" s="14" t="s">
        <v>579</v>
      </c>
      <c r="E124909" s="15">
        <v>45455</v>
      </c>
      <c r="F124909" s="14" t="s">
        <v>53</v>
      </c>
      <c r="G124909" s="16">
        <v>0.50358420415474248</v>
      </c>
    </row>
    <row r="124910" spans="1:7" x14ac:dyDescent="0.3">
      <c r="A124910" s="13" t="s">
        <v>578</v>
      </c>
      <c r="B124910" s="14" t="s">
        <v>1</v>
      </c>
      <c r="C124910" s="14" t="s">
        <v>200</v>
      </c>
      <c r="D124910" s="14" t="s">
        <v>579</v>
      </c>
      <c r="E124910" s="15">
        <v>45456</v>
      </c>
      <c r="F124910" s="14" t="s">
        <v>53</v>
      </c>
      <c r="G124910" s="16">
        <v>0.50972109612621952</v>
      </c>
    </row>
    <row r="124911" spans="1:7" x14ac:dyDescent="0.3">
      <c r="A124911" s="13" t="s">
        <v>578</v>
      </c>
      <c r="B124911" s="14" t="s">
        <v>1</v>
      </c>
      <c r="C124911" s="14" t="s">
        <v>200</v>
      </c>
      <c r="D124911" s="14" t="s">
        <v>579</v>
      </c>
      <c r="E124911" s="15">
        <v>45457</v>
      </c>
      <c r="F124911" s="14" t="s">
        <v>53</v>
      </c>
      <c r="G124911" s="16">
        <v>0.51908322204246726</v>
      </c>
    </row>
    <row r="124912" spans="1:7" x14ac:dyDescent="0.3">
      <c r="A124912" s="13" t="s">
        <v>578</v>
      </c>
      <c r="B124912" s="14" t="s">
        <v>1</v>
      </c>
      <c r="C124912" s="14" t="s">
        <v>200</v>
      </c>
      <c r="D124912" s="14" t="s">
        <v>579</v>
      </c>
      <c r="E124912" s="15">
        <v>45458</v>
      </c>
      <c r="F124912" s="14" t="s">
        <v>53</v>
      </c>
      <c r="G124912" s="16">
        <v>0.51908322204246726</v>
      </c>
    </row>
    <row r="124913" spans="1:7" x14ac:dyDescent="0.3">
      <c r="A124913" s="13" t="s">
        <v>578</v>
      </c>
      <c r="B124913" s="14" t="s">
        <v>1</v>
      </c>
      <c r="C124913" s="14" t="s">
        <v>200</v>
      </c>
      <c r="D124913" s="14" t="s">
        <v>579</v>
      </c>
      <c r="E124913" s="15">
        <v>45459</v>
      </c>
      <c r="F124913" s="14" t="s">
        <v>53</v>
      </c>
      <c r="G124913" s="16">
        <v>0.51908322204246726</v>
      </c>
    </row>
    <row r="124914" spans="1:7" x14ac:dyDescent="0.3">
      <c r="A124914" s="13" t="s">
        <v>578</v>
      </c>
      <c r="B124914" s="14" t="s">
        <v>1</v>
      </c>
      <c r="C124914" s="14" t="s">
        <v>200</v>
      </c>
      <c r="D124914" s="14" t="s">
        <v>579</v>
      </c>
      <c r="E124914" s="15">
        <v>45460</v>
      </c>
      <c r="F124914" s="14" t="s">
        <v>53</v>
      </c>
      <c r="G124914" s="16">
        <v>0.53319654442120379</v>
      </c>
    </row>
    <row r="124915" spans="1:7" x14ac:dyDescent="0.3">
      <c r="A124915" s="13" t="s">
        <v>578</v>
      </c>
      <c r="B124915" s="14" t="s">
        <v>1</v>
      </c>
      <c r="C124915" s="14" t="s">
        <v>200</v>
      </c>
      <c r="D124915" s="14" t="s">
        <v>579</v>
      </c>
      <c r="E124915" s="15">
        <v>45461</v>
      </c>
      <c r="F124915" s="14" t="s">
        <v>53</v>
      </c>
      <c r="G124915" s="16">
        <v>0.55083735884631779</v>
      </c>
    </row>
    <row r="124916" spans="1:7" x14ac:dyDescent="0.3">
      <c r="A124916" s="13" t="s">
        <v>578</v>
      </c>
      <c r="B124916" s="14" t="s">
        <v>1</v>
      </c>
      <c r="C124916" s="14" t="s">
        <v>200</v>
      </c>
      <c r="D124916" s="14" t="s">
        <v>579</v>
      </c>
      <c r="E124916" s="15">
        <v>45462</v>
      </c>
      <c r="F124916" s="14" t="s">
        <v>53</v>
      </c>
      <c r="G124916" s="16">
        <v>0.55083735884631779</v>
      </c>
    </row>
    <row r="124917" spans="1:7" x14ac:dyDescent="0.3">
      <c r="A124917" s="13" t="s">
        <v>578</v>
      </c>
      <c r="B124917" s="14" t="s">
        <v>1</v>
      </c>
      <c r="C124917" s="14" t="s">
        <v>200</v>
      </c>
      <c r="D124917" s="14" t="s">
        <v>579</v>
      </c>
      <c r="E124917" s="15">
        <v>45463</v>
      </c>
      <c r="F124917" s="14" t="s">
        <v>53</v>
      </c>
      <c r="G124917" s="16">
        <v>0.55922557543636631</v>
      </c>
    </row>
    <row r="124918" spans="1:7" x14ac:dyDescent="0.3">
      <c r="A124918" s="13" t="s">
        <v>578</v>
      </c>
      <c r="B124918" s="14" t="s">
        <v>1</v>
      </c>
      <c r="C124918" s="14" t="s">
        <v>200</v>
      </c>
      <c r="D124918" s="14" t="s">
        <v>579</v>
      </c>
      <c r="E124918" s="15">
        <v>45464</v>
      </c>
      <c r="F124918" s="14" t="s">
        <v>53</v>
      </c>
      <c r="G124918" s="16">
        <v>0.57170980159392282</v>
      </c>
    </row>
    <row r="124919" spans="1:7" x14ac:dyDescent="0.3">
      <c r="A124919" s="13" t="s">
        <v>578</v>
      </c>
      <c r="B124919" s="14" t="s">
        <v>1</v>
      </c>
      <c r="C124919" s="14" t="s">
        <v>200</v>
      </c>
      <c r="D124919" s="14" t="s">
        <v>579</v>
      </c>
      <c r="E124919" s="15">
        <v>45465</v>
      </c>
      <c r="F124919" s="14" t="s">
        <v>53</v>
      </c>
      <c r="G124919" s="16">
        <v>0.57170980159392282</v>
      </c>
    </row>
    <row r="124920" spans="1:7" x14ac:dyDescent="0.3">
      <c r="A124920" s="13" t="s">
        <v>578</v>
      </c>
      <c r="B124920" s="14" t="s">
        <v>1</v>
      </c>
      <c r="C124920" s="14" t="s">
        <v>200</v>
      </c>
      <c r="D124920" s="14" t="s">
        <v>579</v>
      </c>
      <c r="E124920" s="15">
        <v>45466</v>
      </c>
      <c r="F124920" s="14" t="s">
        <v>53</v>
      </c>
      <c r="G124920" s="16">
        <v>0.57170980159392282</v>
      </c>
    </row>
    <row r="124921" spans="1:7" x14ac:dyDescent="0.3">
      <c r="A124921" s="13" t="s">
        <v>578</v>
      </c>
      <c r="B124921" s="14" t="s">
        <v>1</v>
      </c>
      <c r="C124921" s="14" t="s">
        <v>200</v>
      </c>
      <c r="D124921" s="14" t="s">
        <v>579</v>
      </c>
      <c r="E124921" s="15">
        <v>45467</v>
      </c>
      <c r="F124921" s="14" t="s">
        <v>53</v>
      </c>
      <c r="G124921" s="16">
        <v>0.57667120578517561</v>
      </c>
    </row>
    <row r="124922" spans="1:7" x14ac:dyDescent="0.3">
      <c r="A124922" s="13" t="s">
        <v>578</v>
      </c>
      <c r="B124922" s="14" t="s">
        <v>1</v>
      </c>
      <c r="C124922" s="14" t="s">
        <v>200</v>
      </c>
      <c r="D124922" s="14" t="s">
        <v>579</v>
      </c>
      <c r="E124922" s="15">
        <v>45468</v>
      </c>
      <c r="F124922" s="14" t="s">
        <v>53</v>
      </c>
      <c r="G124922" s="16">
        <v>0.59612481210874535</v>
      </c>
    </row>
    <row r="124923" spans="1:7" x14ac:dyDescent="0.3">
      <c r="A124923" s="13" t="s">
        <v>578</v>
      </c>
      <c r="B124923" s="14" t="s">
        <v>1</v>
      </c>
      <c r="C124923" s="14" t="s">
        <v>200</v>
      </c>
      <c r="D124923" s="14" t="s">
        <v>579</v>
      </c>
      <c r="E124923" s="15">
        <v>45469</v>
      </c>
      <c r="F124923" s="14" t="s">
        <v>53</v>
      </c>
      <c r="G124923" s="16">
        <v>0.60564692325130298</v>
      </c>
    </row>
    <row r="124924" spans="1:7" x14ac:dyDescent="0.3">
      <c r="A124924" s="13" t="s">
        <v>578</v>
      </c>
      <c r="B124924" s="14" t="s">
        <v>1</v>
      </c>
      <c r="C124924" s="14" t="s">
        <v>200</v>
      </c>
      <c r="D124924" s="14" t="s">
        <v>579</v>
      </c>
      <c r="E124924" s="15">
        <v>45470</v>
      </c>
      <c r="F124924" s="14" t="s">
        <v>53</v>
      </c>
      <c r="G124924" s="16">
        <v>0.6123862217087781</v>
      </c>
    </row>
    <row r="124925" spans="1:7" x14ac:dyDescent="0.3">
      <c r="A124925" s="13" t="s">
        <v>578</v>
      </c>
      <c r="B124925" s="14" t="s">
        <v>1</v>
      </c>
      <c r="C124925" s="14" t="s">
        <v>200</v>
      </c>
      <c r="D124925" s="14" t="s">
        <v>579</v>
      </c>
      <c r="E124925" s="15">
        <v>45471</v>
      </c>
      <c r="F124925" s="14" t="s">
        <v>53</v>
      </c>
      <c r="G124925" s="16">
        <v>0.61685519774727005</v>
      </c>
    </row>
    <row r="124926" spans="1:7" x14ac:dyDescent="0.3">
      <c r="A124926" s="13" t="s">
        <v>578</v>
      </c>
      <c r="B124926" s="14" t="s">
        <v>1</v>
      </c>
      <c r="C124926" s="14" t="s">
        <v>200</v>
      </c>
      <c r="D124926" s="14" t="s">
        <v>579</v>
      </c>
      <c r="E124926" s="15">
        <v>45472</v>
      </c>
      <c r="F124926" s="14" t="s">
        <v>53</v>
      </c>
      <c r="G124926" s="16">
        <v>0.61685519774727005</v>
      </c>
    </row>
    <row r="124927" spans="1:7" x14ac:dyDescent="0.3">
      <c r="A124927" s="13" t="s">
        <v>578</v>
      </c>
      <c r="B124927" s="14" t="s">
        <v>1</v>
      </c>
      <c r="C124927" s="14" t="s">
        <v>200</v>
      </c>
      <c r="D124927" s="14" t="s">
        <v>579</v>
      </c>
      <c r="E124927" s="15">
        <v>45473</v>
      </c>
      <c r="F124927" s="14" t="s">
        <v>53</v>
      </c>
      <c r="G124927" s="16">
        <v>0.61685519774727005</v>
      </c>
    </row>
    <row r="124928" spans="1:7" x14ac:dyDescent="0.3">
      <c r="A124928" s="13" t="s">
        <v>578</v>
      </c>
      <c r="B124928" s="14" t="s">
        <v>1</v>
      </c>
      <c r="C124928" s="14" t="s">
        <v>200</v>
      </c>
      <c r="D124928" s="14" t="s">
        <v>579</v>
      </c>
      <c r="E124928" s="15">
        <v>45474</v>
      </c>
      <c r="F124928" s="14" t="s">
        <v>53</v>
      </c>
      <c r="G124928" s="16">
        <v>0.62297128626176135</v>
      </c>
    </row>
    <row r="124929" spans="1:7" x14ac:dyDescent="0.3">
      <c r="A124929" s="13" t="s">
        <v>578</v>
      </c>
      <c r="B124929" s="14" t="s">
        <v>1</v>
      </c>
      <c r="C124929" s="14" t="s">
        <v>200</v>
      </c>
      <c r="D124929" s="14" t="s">
        <v>579</v>
      </c>
      <c r="E124929" s="15">
        <v>45475</v>
      </c>
      <c r="F124929" s="14" t="s">
        <v>53</v>
      </c>
      <c r="G124929" s="16">
        <v>0.64232016593713603</v>
      </c>
    </row>
    <row r="124930" spans="1:7" x14ac:dyDescent="0.3">
      <c r="A124930" s="13" t="s">
        <v>578</v>
      </c>
      <c r="B124930" s="14" t="s">
        <v>1</v>
      </c>
      <c r="C124930" s="14" t="s">
        <v>200</v>
      </c>
      <c r="D124930" s="14" t="s">
        <v>579</v>
      </c>
      <c r="E124930" s="15">
        <v>45476</v>
      </c>
      <c r="F124930" s="14" t="s">
        <v>53</v>
      </c>
      <c r="G124930" s="16">
        <v>0.64529781580202961</v>
      </c>
    </row>
    <row r="124931" spans="1:7" x14ac:dyDescent="0.3">
      <c r="A124931" s="13" t="s">
        <v>578</v>
      </c>
      <c r="B124931" s="14" t="s">
        <v>1</v>
      </c>
      <c r="C124931" s="14" t="s">
        <v>200</v>
      </c>
      <c r="D124931" s="14" t="s">
        <v>579</v>
      </c>
      <c r="E124931" s="15">
        <v>45477</v>
      </c>
      <c r="F124931" s="14" t="s">
        <v>53</v>
      </c>
      <c r="G124931" s="16">
        <v>0.64529781580202961</v>
      </c>
    </row>
    <row r="124932" spans="1:7" x14ac:dyDescent="0.3">
      <c r="A124932" s="13" t="s">
        <v>578</v>
      </c>
      <c r="B124932" s="14" t="s">
        <v>1</v>
      </c>
      <c r="C124932" s="14" t="s">
        <v>200</v>
      </c>
      <c r="D124932" s="14" t="s">
        <v>579</v>
      </c>
      <c r="E124932" s="15">
        <v>45478</v>
      </c>
      <c r="F124932" s="14" t="s">
        <v>53</v>
      </c>
      <c r="G124932" s="16">
        <v>0.64787648944803355</v>
      </c>
    </row>
    <row r="124933" spans="1:7" x14ac:dyDescent="0.3">
      <c r="A124933" s="13" t="s">
        <v>578</v>
      </c>
      <c r="B124933" s="14" t="s">
        <v>1</v>
      </c>
      <c r="C124933" s="14" t="s">
        <v>200</v>
      </c>
      <c r="D124933" s="14" t="s">
        <v>579</v>
      </c>
      <c r="E124933" s="15">
        <v>45479</v>
      </c>
      <c r="F124933" s="14" t="s">
        <v>53</v>
      </c>
      <c r="G124933" s="16">
        <v>0.64787648944803355</v>
      </c>
    </row>
    <row r="124934" spans="1:7" x14ac:dyDescent="0.3">
      <c r="A124934" s="13" t="s">
        <v>578</v>
      </c>
      <c r="B124934" s="14" t="s">
        <v>1</v>
      </c>
      <c r="C124934" s="14" t="s">
        <v>200</v>
      </c>
      <c r="D124934" s="14" t="s">
        <v>579</v>
      </c>
      <c r="E124934" s="15">
        <v>45480</v>
      </c>
      <c r="F124934" s="14" t="s">
        <v>53</v>
      </c>
      <c r="G124934" s="16">
        <v>0.64787648944803355</v>
      </c>
    </row>
    <row r="124935" spans="1:7" x14ac:dyDescent="0.3">
      <c r="A124935" s="13" t="s">
        <v>578</v>
      </c>
      <c r="B124935" s="14" t="s">
        <v>1</v>
      </c>
      <c r="C124935" s="14" t="s">
        <v>200</v>
      </c>
      <c r="D124935" s="14" t="s">
        <v>579</v>
      </c>
      <c r="E124935" s="15">
        <v>45481</v>
      </c>
      <c r="F124935" s="14" t="s">
        <v>53</v>
      </c>
      <c r="G124935" s="16">
        <v>0.65944383756921465</v>
      </c>
    </row>
    <row r="124936" spans="1:7" x14ac:dyDescent="0.3">
      <c r="A124936" s="13" t="s">
        <v>578</v>
      </c>
      <c r="B124936" s="14" t="s">
        <v>1</v>
      </c>
      <c r="C124936" s="14" t="s">
        <v>200</v>
      </c>
      <c r="D124936" s="14" t="s">
        <v>579</v>
      </c>
      <c r="E124936" s="15">
        <v>45482</v>
      </c>
      <c r="F124936" s="14" t="s">
        <v>53</v>
      </c>
      <c r="G124936" s="16">
        <v>0.68064873429749984</v>
      </c>
    </row>
    <row r="124937" spans="1:7" x14ac:dyDescent="0.3">
      <c r="A124937" s="13" t="s">
        <v>578</v>
      </c>
      <c r="B124937" s="14" t="s">
        <v>1</v>
      </c>
      <c r="C124937" s="14" t="s">
        <v>200</v>
      </c>
      <c r="D124937" s="14" t="s">
        <v>579</v>
      </c>
      <c r="E124937" s="15">
        <v>45483</v>
      </c>
      <c r="F124937" s="14" t="s">
        <v>53</v>
      </c>
      <c r="G124937" s="16">
        <v>0.68414771361663695</v>
      </c>
    </row>
    <row r="124938" spans="1:7" x14ac:dyDescent="0.3">
      <c r="A124938" s="13" t="s">
        <v>578</v>
      </c>
      <c r="B124938" s="14" t="s">
        <v>1</v>
      </c>
      <c r="C124938" s="14" t="s">
        <v>200</v>
      </c>
      <c r="D124938" s="14" t="s">
        <v>579</v>
      </c>
      <c r="E124938" s="15">
        <v>45484</v>
      </c>
      <c r="F124938" s="14" t="s">
        <v>53</v>
      </c>
      <c r="G124938" s="16">
        <v>0.68593449939183382</v>
      </c>
    </row>
    <row r="124939" spans="1:7" x14ac:dyDescent="0.3">
      <c r="A124939" s="13" t="s">
        <v>578</v>
      </c>
      <c r="B124939" s="14" t="s">
        <v>1</v>
      </c>
      <c r="C124939" s="14" t="s">
        <v>200</v>
      </c>
      <c r="D124939" s="14" t="s">
        <v>579</v>
      </c>
      <c r="E124939" s="15">
        <v>45485</v>
      </c>
      <c r="F124939" s="14" t="s">
        <v>53</v>
      </c>
      <c r="G124939" s="16">
        <v>0.68812994298043939</v>
      </c>
    </row>
    <row r="124940" spans="1:7" x14ac:dyDescent="0.3">
      <c r="A124940" s="13" t="s">
        <v>578</v>
      </c>
      <c r="B124940" s="14" t="s">
        <v>1</v>
      </c>
      <c r="C124940" s="14" t="s">
        <v>200</v>
      </c>
      <c r="D124940" s="14" t="s">
        <v>579</v>
      </c>
      <c r="E124940" s="15">
        <v>45486</v>
      </c>
      <c r="F124940" s="14" t="s">
        <v>53</v>
      </c>
      <c r="G124940" s="16">
        <v>0.68812994298043939</v>
      </c>
    </row>
    <row r="124941" spans="1:7" x14ac:dyDescent="0.3">
      <c r="A124941" s="13" t="s">
        <v>578</v>
      </c>
      <c r="B124941" s="14" t="s">
        <v>1</v>
      </c>
      <c r="C124941" s="14" t="s">
        <v>200</v>
      </c>
      <c r="D124941" s="14" t="s">
        <v>579</v>
      </c>
      <c r="E124941" s="15">
        <v>45487</v>
      </c>
      <c r="F124941" s="14" t="s">
        <v>53</v>
      </c>
      <c r="G124941" s="16">
        <v>0.68812994298043939</v>
      </c>
    </row>
    <row r="124942" spans="1:7" x14ac:dyDescent="0.3">
      <c r="A124942" s="13" t="s">
        <v>578</v>
      </c>
      <c r="B124942" s="14" t="s">
        <v>1</v>
      </c>
      <c r="C124942" s="14" t="s">
        <v>200</v>
      </c>
      <c r="D124942" s="14" t="s">
        <v>579</v>
      </c>
      <c r="E124942" s="15">
        <v>45488</v>
      </c>
      <c r="F124942" s="14" t="s">
        <v>53</v>
      </c>
      <c r="G124942" s="16">
        <v>0.69119190909990158</v>
      </c>
    </row>
    <row r="124943" spans="1:7" x14ac:dyDescent="0.3">
      <c r="A124943" s="13" t="s">
        <v>578</v>
      </c>
      <c r="B124943" s="14" t="s">
        <v>1</v>
      </c>
      <c r="C124943" s="14" t="s">
        <v>200</v>
      </c>
      <c r="D124943" s="14" t="s">
        <v>579</v>
      </c>
      <c r="E124943" s="15">
        <v>45489</v>
      </c>
      <c r="F124943" s="14" t="s">
        <v>53</v>
      </c>
      <c r="G124943" s="16">
        <v>0.71160197312348683</v>
      </c>
    </row>
    <row r="124944" spans="1:7" x14ac:dyDescent="0.3">
      <c r="A124944" s="13" t="s">
        <v>578</v>
      </c>
      <c r="B124944" s="14" t="s">
        <v>1</v>
      </c>
      <c r="C124944" s="14" t="s">
        <v>200</v>
      </c>
      <c r="D124944" s="14" t="s">
        <v>579</v>
      </c>
      <c r="E124944" s="15">
        <v>45490</v>
      </c>
      <c r="F124944" s="14" t="s">
        <v>53</v>
      </c>
      <c r="G124944" s="16">
        <v>0.70626336081975527</v>
      </c>
    </row>
    <row r="124945" spans="1:7" x14ac:dyDescent="0.3">
      <c r="A124945" s="13" t="s">
        <v>578</v>
      </c>
      <c r="B124945" s="14" t="s">
        <v>1</v>
      </c>
      <c r="C124945" s="14" t="s">
        <v>200</v>
      </c>
      <c r="D124945" s="14" t="s">
        <v>579</v>
      </c>
      <c r="E124945" s="15">
        <v>45491</v>
      </c>
      <c r="F124945" s="14" t="s">
        <v>53</v>
      </c>
      <c r="G124945" s="16">
        <v>0.71662194587777794</v>
      </c>
    </row>
    <row r="124946" spans="1:7" x14ac:dyDescent="0.3">
      <c r="A124946" s="13" t="s">
        <v>578</v>
      </c>
      <c r="B124946" s="14" t="s">
        <v>1</v>
      </c>
      <c r="C124946" s="14" t="s">
        <v>200</v>
      </c>
      <c r="D124946" s="14" t="s">
        <v>579</v>
      </c>
      <c r="E124946" s="15">
        <v>45492</v>
      </c>
      <c r="F124946" s="14" t="s">
        <v>53</v>
      </c>
      <c r="G124946" s="16">
        <v>0.72494583248445132</v>
      </c>
    </row>
    <row r="124947" spans="1:7" x14ac:dyDescent="0.3">
      <c r="A124947" s="13" t="s">
        <v>578</v>
      </c>
      <c r="B124947" s="14" t="s">
        <v>1</v>
      </c>
      <c r="C124947" s="14" t="s">
        <v>200</v>
      </c>
      <c r="D124947" s="14" t="s">
        <v>579</v>
      </c>
      <c r="E124947" s="15">
        <v>45493</v>
      </c>
      <c r="F124947" s="14" t="s">
        <v>53</v>
      </c>
      <c r="G124947" s="16">
        <v>0.72494583248445132</v>
      </c>
    </row>
    <row r="124948" spans="1:7" x14ac:dyDescent="0.3">
      <c r="A124948" s="13" t="s">
        <v>578</v>
      </c>
      <c r="B124948" s="14" t="s">
        <v>1</v>
      </c>
      <c r="C124948" s="14" t="s">
        <v>200</v>
      </c>
      <c r="D124948" s="14" t="s">
        <v>579</v>
      </c>
      <c r="E124948" s="15">
        <v>45494</v>
      </c>
      <c r="F124948" s="14" t="s">
        <v>53</v>
      </c>
      <c r="G124948" s="16">
        <v>0.72494583248445132</v>
      </c>
    </row>
    <row r="124949" spans="1:7" x14ac:dyDescent="0.3">
      <c r="A124949" s="13" t="s">
        <v>578</v>
      </c>
      <c r="B124949" s="14" t="s">
        <v>1</v>
      </c>
      <c r="C124949" s="14" t="s">
        <v>200</v>
      </c>
      <c r="D124949" s="14" t="s">
        <v>579</v>
      </c>
      <c r="E124949" s="15">
        <v>45495</v>
      </c>
      <c r="F124949" s="14" t="s">
        <v>53</v>
      </c>
      <c r="G124949" s="16">
        <v>0.73097781649771554</v>
      </c>
    </row>
    <row r="124950" spans="1:7" x14ac:dyDescent="0.3">
      <c r="A124950" s="13" t="s">
        <v>578</v>
      </c>
      <c r="B124950" s="14" t="s">
        <v>1</v>
      </c>
      <c r="C124950" s="14" t="s">
        <v>200</v>
      </c>
      <c r="D124950" s="14" t="s">
        <v>579</v>
      </c>
      <c r="E124950" s="15">
        <v>45496</v>
      </c>
      <c r="F124950" s="14" t="s">
        <v>53</v>
      </c>
      <c r="G124950" s="16">
        <v>0.75268349237567456</v>
      </c>
    </row>
    <row r="124951" spans="1:7" x14ac:dyDescent="0.3">
      <c r="A124951" s="13" t="s">
        <v>578</v>
      </c>
      <c r="B124951" s="14" t="s">
        <v>1</v>
      </c>
      <c r="C124951" s="14" t="s">
        <v>200</v>
      </c>
      <c r="D124951" s="14" t="s">
        <v>579</v>
      </c>
      <c r="E124951" s="15">
        <v>45497</v>
      </c>
      <c r="F124951" s="14" t="s">
        <v>53</v>
      </c>
      <c r="G124951" s="16">
        <v>0.7592307953362879</v>
      </c>
    </row>
    <row r="124952" spans="1:7" x14ac:dyDescent="0.3">
      <c r="A124952" s="13" t="s">
        <v>578</v>
      </c>
      <c r="B124952" s="14" t="s">
        <v>1</v>
      </c>
      <c r="C124952" s="14" t="s">
        <v>200</v>
      </c>
      <c r="D124952" s="14" t="s">
        <v>579</v>
      </c>
      <c r="E124952" s="15">
        <v>45498</v>
      </c>
      <c r="F124952" s="14" t="s">
        <v>53</v>
      </c>
      <c r="G124952" s="16">
        <v>0.76917314409120463</v>
      </c>
    </row>
    <row r="124953" spans="1:7" x14ac:dyDescent="0.3">
      <c r="A124953" s="13" t="s">
        <v>578</v>
      </c>
      <c r="B124953" s="14" t="s">
        <v>1</v>
      </c>
      <c r="C124953" s="14" t="s">
        <v>200</v>
      </c>
      <c r="D124953" s="14" t="s">
        <v>579</v>
      </c>
      <c r="E124953" s="15">
        <v>45499</v>
      </c>
      <c r="F124953" s="14" t="s">
        <v>53</v>
      </c>
      <c r="G124953" s="16">
        <v>0.77465525565293114</v>
      </c>
    </row>
    <row r="124954" spans="1:7" x14ac:dyDescent="0.3">
      <c r="A124954" s="13" t="s">
        <v>578</v>
      </c>
      <c r="B124954" s="14" t="s">
        <v>1</v>
      </c>
      <c r="C124954" s="14" t="s">
        <v>200</v>
      </c>
      <c r="D124954" s="14" t="s">
        <v>579</v>
      </c>
      <c r="E124954" s="15">
        <v>45500</v>
      </c>
      <c r="F124954" s="14" t="s">
        <v>53</v>
      </c>
      <c r="G124954" s="16">
        <v>0.77465525565293114</v>
      </c>
    </row>
    <row r="124955" spans="1:7" x14ac:dyDescent="0.3">
      <c r="A124955" s="13" t="s">
        <v>578</v>
      </c>
      <c r="B124955" s="14" t="s">
        <v>1</v>
      </c>
      <c r="C124955" s="14" t="s">
        <v>200</v>
      </c>
      <c r="D124955" s="14" t="s">
        <v>579</v>
      </c>
      <c r="E124955" s="15">
        <v>45501</v>
      </c>
      <c r="F124955" s="14" t="s">
        <v>53</v>
      </c>
      <c r="G124955" s="16">
        <v>0.77465525565293114</v>
      </c>
    </row>
    <row r="124956" spans="1:7" x14ac:dyDescent="0.3">
      <c r="A124956" s="13" t="s">
        <v>578</v>
      </c>
      <c r="B124956" s="14" t="s">
        <v>1</v>
      </c>
      <c r="C124956" s="14" t="s">
        <v>200</v>
      </c>
      <c r="D124956" s="14" t="s">
        <v>579</v>
      </c>
      <c r="E124956" s="15">
        <v>45502</v>
      </c>
      <c r="F124956" s="14" t="s">
        <v>53</v>
      </c>
      <c r="G124956" s="16">
        <v>0.78586721843925</v>
      </c>
    </row>
    <row r="124957" spans="1:7" x14ac:dyDescent="0.3">
      <c r="A124957" s="13" t="s">
        <v>578</v>
      </c>
      <c r="B124957" s="14" t="s">
        <v>1</v>
      </c>
      <c r="C124957" s="14" t="s">
        <v>200</v>
      </c>
      <c r="D124957" s="14" t="s">
        <v>579</v>
      </c>
      <c r="E124957" s="15">
        <v>45503</v>
      </c>
      <c r="F124957" s="14" t="s">
        <v>53</v>
      </c>
      <c r="G124957" s="16">
        <v>0.80621555291724134</v>
      </c>
    </row>
    <row r="124958" spans="1:7" x14ac:dyDescent="0.3">
      <c r="A124958" s="13" t="s">
        <v>578</v>
      </c>
      <c r="B124958" s="14" t="s">
        <v>1</v>
      </c>
      <c r="C124958" s="14" t="s">
        <v>200</v>
      </c>
      <c r="D124958" s="14" t="s">
        <v>579</v>
      </c>
      <c r="E124958" s="15">
        <v>45504</v>
      </c>
      <c r="F124958" s="14" t="s">
        <v>53</v>
      </c>
      <c r="G124958" s="16">
        <v>0.81147020612674614</v>
      </c>
    </row>
    <row r="124959" spans="1:7" x14ac:dyDescent="0.3">
      <c r="A124959" s="13" t="s">
        <v>578</v>
      </c>
      <c r="B124959" s="14" t="s">
        <v>1</v>
      </c>
      <c r="C124959" s="14" t="s">
        <v>200</v>
      </c>
      <c r="D124959" s="14" t="s">
        <v>579</v>
      </c>
      <c r="E124959" s="15">
        <v>45505</v>
      </c>
      <c r="F124959" s="14" t="s">
        <v>53</v>
      </c>
      <c r="G124959" s="16">
        <v>0.82611483474279301</v>
      </c>
    </row>
    <row r="124960" spans="1:7" x14ac:dyDescent="0.3">
      <c r="A124960" s="13" t="s">
        <v>578</v>
      </c>
      <c r="B124960" s="14" t="s">
        <v>1</v>
      </c>
      <c r="C124960" s="14" t="s">
        <v>200</v>
      </c>
      <c r="D124960" s="14" t="s">
        <v>579</v>
      </c>
      <c r="E124960" s="15">
        <v>45506</v>
      </c>
      <c r="F124960" s="14" t="s">
        <v>53</v>
      </c>
      <c r="G124960" s="16">
        <v>0.83585358607747329</v>
      </c>
    </row>
    <row r="124961" spans="1:7" x14ac:dyDescent="0.3">
      <c r="A124961" s="13" t="s">
        <v>578</v>
      </c>
      <c r="B124961" s="14" t="s">
        <v>1</v>
      </c>
      <c r="C124961" s="14" t="s">
        <v>200</v>
      </c>
      <c r="D124961" s="14" t="s">
        <v>579</v>
      </c>
      <c r="E124961" s="15">
        <v>45507</v>
      </c>
      <c r="F124961" s="14" t="s">
        <v>53</v>
      </c>
      <c r="G124961" s="16">
        <v>0.83585358607747329</v>
      </c>
    </row>
    <row r="124962" spans="1:7" x14ac:dyDescent="0.3">
      <c r="A124962" s="13" t="s">
        <v>578</v>
      </c>
      <c r="B124962" s="14" t="s">
        <v>1</v>
      </c>
      <c r="C124962" s="14" t="s">
        <v>200</v>
      </c>
      <c r="D124962" s="14" t="s">
        <v>579</v>
      </c>
      <c r="E124962" s="15">
        <v>45508</v>
      </c>
      <c r="F124962" s="14" t="s">
        <v>53</v>
      </c>
      <c r="G124962" s="16">
        <v>0.83585358607747329</v>
      </c>
    </row>
    <row r="124963" spans="1:7" x14ac:dyDescent="0.3">
      <c r="A124963" s="13" t="s">
        <v>578</v>
      </c>
      <c r="B124963" s="14" t="s">
        <v>1</v>
      </c>
      <c r="C124963" s="14" t="s">
        <v>200</v>
      </c>
      <c r="D124963" s="14" t="s">
        <v>579</v>
      </c>
      <c r="E124963" s="15">
        <v>45509</v>
      </c>
      <c r="F124963" s="14" t="s">
        <v>53</v>
      </c>
      <c r="G124963" s="16">
        <v>0.83585358607747329</v>
      </c>
    </row>
    <row r="124964" spans="1:7" x14ac:dyDescent="0.3">
      <c r="A124964" s="13" t="s">
        <v>578</v>
      </c>
      <c r="B124964" s="14" t="s">
        <v>1</v>
      </c>
      <c r="C124964" s="14" t="s">
        <v>200</v>
      </c>
      <c r="D124964" s="14" t="s">
        <v>579</v>
      </c>
      <c r="E124964" s="15">
        <v>45510</v>
      </c>
      <c r="F124964" s="14" t="s">
        <v>53</v>
      </c>
      <c r="G124964" s="16">
        <v>0.85611814548198939</v>
      </c>
    </row>
    <row r="124965" spans="1:7" x14ac:dyDescent="0.3">
      <c r="A124965" s="13" t="s">
        <v>578</v>
      </c>
      <c r="B124965" s="14" t="s">
        <v>1</v>
      </c>
      <c r="C124965" s="14" t="s">
        <v>200</v>
      </c>
      <c r="D124965" s="14" t="s">
        <v>579</v>
      </c>
      <c r="E124965" s="15">
        <v>45511</v>
      </c>
      <c r="F124965" s="14" t="s">
        <v>53</v>
      </c>
      <c r="G124965" s="16">
        <v>0.88263512844719016</v>
      </c>
    </row>
    <row r="124966" spans="1:7" x14ac:dyDescent="0.3">
      <c r="A124966" s="13" t="s">
        <v>578</v>
      </c>
      <c r="B124966" s="14" t="s">
        <v>1</v>
      </c>
      <c r="C124966" s="14" t="s">
        <v>200</v>
      </c>
      <c r="D124966" s="14" t="s">
        <v>579</v>
      </c>
      <c r="E124966" s="15">
        <v>45512</v>
      </c>
      <c r="F124966" s="14" t="s">
        <v>53</v>
      </c>
      <c r="G124966" s="16">
        <v>0.88464463954998607</v>
      </c>
    </row>
    <row r="124967" spans="1:7" x14ac:dyDescent="0.3">
      <c r="A124967" s="13" t="s">
        <v>578</v>
      </c>
      <c r="B124967" s="14" t="s">
        <v>1</v>
      </c>
      <c r="C124967" s="14" t="s">
        <v>200</v>
      </c>
      <c r="D124967" s="14" t="s">
        <v>579</v>
      </c>
      <c r="E124967" s="15">
        <v>45513</v>
      </c>
      <c r="F124967" s="14" t="s">
        <v>53</v>
      </c>
      <c r="G124967" s="16">
        <v>0.88929312908756886</v>
      </c>
    </row>
    <row r="124968" spans="1:7" x14ac:dyDescent="0.3">
      <c r="A124968" s="13" t="s">
        <v>578</v>
      </c>
      <c r="B124968" s="14" t="s">
        <v>1</v>
      </c>
      <c r="C124968" s="14" t="s">
        <v>200</v>
      </c>
      <c r="D124968" s="14" t="s">
        <v>579</v>
      </c>
      <c r="E124968" s="15">
        <v>45514</v>
      </c>
      <c r="F124968" s="14" t="s">
        <v>53</v>
      </c>
      <c r="G124968" s="16">
        <v>0.88929312908756886</v>
      </c>
    </row>
    <row r="124969" spans="1:7" x14ac:dyDescent="0.3">
      <c r="A124969" s="13" t="s">
        <v>578</v>
      </c>
      <c r="B124969" s="14" t="s">
        <v>1</v>
      </c>
      <c r="C124969" s="14" t="s">
        <v>200</v>
      </c>
      <c r="D124969" s="14" t="s">
        <v>579</v>
      </c>
      <c r="E124969" s="15">
        <v>45515</v>
      </c>
      <c r="F124969" s="14" t="s">
        <v>53</v>
      </c>
      <c r="G124969" s="16">
        <v>0.88929312908756886</v>
      </c>
    </row>
    <row r="124970" spans="1:7" x14ac:dyDescent="0.3">
      <c r="A124970" s="13" t="s">
        <v>578</v>
      </c>
      <c r="B124970" s="14" t="s">
        <v>1</v>
      </c>
      <c r="C124970" s="14" t="s">
        <v>200</v>
      </c>
      <c r="D124970" s="14" t="s">
        <v>579</v>
      </c>
      <c r="E124970" s="15">
        <v>45516</v>
      </c>
      <c r="F124970" s="14" t="s">
        <v>53</v>
      </c>
      <c r="G124970" s="16">
        <v>0.89409689104878753</v>
      </c>
    </row>
    <row r="124971" spans="1:7" x14ac:dyDescent="0.3">
      <c r="A124971" s="13" t="s">
        <v>578</v>
      </c>
      <c r="B124971" s="14" t="s">
        <v>1</v>
      </c>
      <c r="C124971" s="14" t="s">
        <v>200</v>
      </c>
      <c r="D124971" s="14" t="s">
        <v>579</v>
      </c>
      <c r="E124971" s="15">
        <v>45517</v>
      </c>
      <c r="F124971" s="14" t="s">
        <v>53</v>
      </c>
      <c r="G124971" s="16">
        <v>0.90477335024892003</v>
      </c>
    </row>
    <row r="124972" spans="1:7" x14ac:dyDescent="0.3">
      <c r="A124972" s="13" t="s">
        <v>578</v>
      </c>
      <c r="B124972" s="14" t="s">
        <v>1</v>
      </c>
      <c r="C124972" s="14" t="s">
        <v>200</v>
      </c>
      <c r="D124972" s="14" t="s">
        <v>579</v>
      </c>
      <c r="E124972" s="15">
        <v>45518</v>
      </c>
      <c r="F124972" s="14" t="s">
        <v>53</v>
      </c>
      <c r="G124972" s="16">
        <v>0.91413080061288143</v>
      </c>
    </row>
    <row r="124973" spans="1:7" x14ac:dyDescent="0.3">
      <c r="A124973" s="13" t="s">
        <v>578</v>
      </c>
      <c r="B124973" s="14" t="s">
        <v>1</v>
      </c>
      <c r="C124973" s="14" t="s">
        <v>200</v>
      </c>
      <c r="D124973" s="14" t="s">
        <v>579</v>
      </c>
      <c r="E124973" s="15">
        <v>45519</v>
      </c>
      <c r="F124973" s="14" t="s">
        <v>53</v>
      </c>
      <c r="G124973" s="16">
        <v>0.91836719419072443</v>
      </c>
    </row>
    <row r="124974" spans="1:7" x14ac:dyDescent="0.3">
      <c r="A124974" s="13" t="s">
        <v>578</v>
      </c>
      <c r="B124974" s="14" t="s">
        <v>1</v>
      </c>
      <c r="C124974" s="14" t="s">
        <v>200</v>
      </c>
      <c r="D124974" s="14" t="s">
        <v>579</v>
      </c>
      <c r="E124974" s="15">
        <v>45520</v>
      </c>
      <c r="F124974" s="14" t="s">
        <v>53</v>
      </c>
      <c r="G124974" s="16">
        <v>0.91792658818009087</v>
      </c>
    </row>
    <row r="124975" spans="1:7" x14ac:dyDescent="0.3">
      <c r="A124975" s="13" t="s">
        <v>578</v>
      </c>
      <c r="B124975" s="14" t="s">
        <v>1</v>
      </c>
      <c r="C124975" s="14" t="s">
        <v>200</v>
      </c>
      <c r="D124975" s="14" t="s">
        <v>579</v>
      </c>
      <c r="E124975" s="15">
        <v>45521</v>
      </c>
      <c r="F124975" s="14" t="s">
        <v>53</v>
      </c>
      <c r="G124975" s="16">
        <v>0.91792658818009087</v>
      </c>
    </row>
    <row r="124976" spans="1:7" x14ac:dyDescent="0.3">
      <c r="A124976" s="13" t="s">
        <v>578</v>
      </c>
      <c r="B124976" s="14" t="s">
        <v>1</v>
      </c>
      <c r="C124976" s="14" t="s">
        <v>200</v>
      </c>
      <c r="D124976" s="14" t="s">
        <v>579</v>
      </c>
      <c r="E124976" s="15">
        <v>45522</v>
      </c>
      <c r="F124976" s="14" t="s">
        <v>53</v>
      </c>
      <c r="G124976" s="16">
        <v>0.91792658818009087</v>
      </c>
    </row>
    <row r="124977" spans="1:7" x14ac:dyDescent="0.3">
      <c r="A124977" s="13" t="s">
        <v>578</v>
      </c>
      <c r="B124977" s="14" t="s">
        <v>1</v>
      </c>
      <c r="C124977" s="14" t="s">
        <v>200</v>
      </c>
      <c r="D124977" s="14" t="s">
        <v>579</v>
      </c>
      <c r="E124977" s="15">
        <v>45523</v>
      </c>
      <c r="F124977" s="14" t="s">
        <v>53</v>
      </c>
      <c r="G124977" s="16">
        <v>0.92054507424730847</v>
      </c>
    </row>
    <row r="124978" spans="1:7" x14ac:dyDescent="0.3">
      <c r="A124978" s="13" t="s">
        <v>578</v>
      </c>
      <c r="B124978" s="14" t="s">
        <v>1</v>
      </c>
      <c r="C124978" s="14" t="s">
        <v>200</v>
      </c>
      <c r="D124978" s="14" t="s">
        <v>579</v>
      </c>
      <c r="E124978" s="15">
        <v>45524</v>
      </c>
      <c r="F124978" s="14" t="s">
        <v>53</v>
      </c>
      <c r="G124978" s="16">
        <v>0.93474806610487526</v>
      </c>
    </row>
    <row r="124979" spans="1:7" x14ac:dyDescent="0.3">
      <c r="A124979" s="13" t="s">
        <v>578</v>
      </c>
      <c r="B124979" s="14" t="s">
        <v>1</v>
      </c>
      <c r="C124979" s="14" t="s">
        <v>200</v>
      </c>
      <c r="D124979" s="14" t="s">
        <v>579</v>
      </c>
      <c r="E124979" s="15">
        <v>45525</v>
      </c>
      <c r="F124979" s="14" t="s">
        <v>53</v>
      </c>
      <c r="G124979" s="16">
        <v>0.9357120175442849</v>
      </c>
    </row>
    <row r="124980" spans="1:7" x14ac:dyDescent="0.3">
      <c r="A124980" s="13" t="s">
        <v>578</v>
      </c>
      <c r="B124980" s="14" t="s">
        <v>1</v>
      </c>
      <c r="C124980" s="14" t="s">
        <v>200</v>
      </c>
      <c r="D124980" s="14" t="s">
        <v>579</v>
      </c>
      <c r="E124980" s="15">
        <v>45526</v>
      </c>
      <c r="F124980" s="14" t="s">
        <v>53</v>
      </c>
      <c r="G124980" s="16">
        <v>0.94500295505689702</v>
      </c>
    </row>
    <row r="124981" spans="1:7" x14ac:dyDescent="0.3">
      <c r="A124981" s="13" t="s">
        <v>578</v>
      </c>
      <c r="B124981" s="14" t="s">
        <v>1</v>
      </c>
      <c r="C124981" s="14" t="s">
        <v>200</v>
      </c>
      <c r="D124981" s="14" t="s">
        <v>579</v>
      </c>
      <c r="E124981" s="15">
        <v>45527</v>
      </c>
      <c r="F124981" s="14" t="s">
        <v>53</v>
      </c>
      <c r="G124981" s="16">
        <v>0.94008371977573912</v>
      </c>
    </row>
    <row r="124982" spans="1:7" x14ac:dyDescent="0.3">
      <c r="A124982" s="13" t="s">
        <v>578</v>
      </c>
      <c r="B124982" s="14" t="s">
        <v>1</v>
      </c>
      <c r="C124982" s="14" t="s">
        <v>200</v>
      </c>
      <c r="D124982" s="14" t="s">
        <v>579</v>
      </c>
      <c r="E124982" s="15">
        <v>45528</v>
      </c>
      <c r="F124982" s="14" t="s">
        <v>53</v>
      </c>
      <c r="G124982" s="16">
        <v>0.94008371977573912</v>
      </c>
    </row>
    <row r="124983" spans="1:7" x14ac:dyDescent="0.3">
      <c r="A124983" s="13" t="s">
        <v>578</v>
      </c>
      <c r="B124983" s="14" t="s">
        <v>1</v>
      </c>
      <c r="C124983" s="14" t="s">
        <v>200</v>
      </c>
      <c r="D124983" s="14" t="s">
        <v>579</v>
      </c>
      <c r="E124983" s="15">
        <v>45529</v>
      </c>
      <c r="F124983" s="14" t="s">
        <v>53</v>
      </c>
      <c r="G124983" s="16">
        <v>0.94008371977573912</v>
      </c>
    </row>
    <row r="124984" spans="1:7" x14ac:dyDescent="0.3">
      <c r="A124984" s="13" t="s">
        <v>578</v>
      </c>
      <c r="B124984" s="14" t="s">
        <v>1</v>
      </c>
      <c r="C124984" s="14" t="s">
        <v>200</v>
      </c>
      <c r="D124984" s="14" t="s">
        <v>579</v>
      </c>
      <c r="E124984" s="15">
        <v>45530</v>
      </c>
      <c r="F124984" s="14" t="s">
        <v>53</v>
      </c>
      <c r="G124984" s="16">
        <v>0.95528617629036006</v>
      </c>
    </row>
    <row r="124985" spans="1:7" x14ac:dyDescent="0.3">
      <c r="A124985" s="13" t="s">
        <v>578</v>
      </c>
      <c r="B124985" s="14" t="s">
        <v>1</v>
      </c>
      <c r="C124985" s="14" t="s">
        <v>200</v>
      </c>
      <c r="D124985" s="14" t="s">
        <v>579</v>
      </c>
      <c r="E124985" s="15">
        <v>45531</v>
      </c>
      <c r="F124985" s="14" t="s">
        <v>53</v>
      </c>
      <c r="G124985" s="16">
        <v>0.96743753013804945</v>
      </c>
    </row>
    <row r="124986" spans="1:7" x14ac:dyDescent="0.3">
      <c r="A124986" s="13" t="s">
        <v>578</v>
      </c>
      <c r="B124986" s="14" t="s">
        <v>1</v>
      </c>
      <c r="C124986" s="14" t="s">
        <v>200</v>
      </c>
      <c r="D124986" s="14" t="s">
        <v>579</v>
      </c>
      <c r="E124986" s="15">
        <v>45532</v>
      </c>
      <c r="F124986" s="14" t="s">
        <v>53</v>
      </c>
      <c r="G124986" s="16">
        <v>0.97790979143318191</v>
      </c>
    </row>
    <row r="124987" spans="1:7" x14ac:dyDescent="0.3">
      <c r="A124987" s="13" t="s">
        <v>578</v>
      </c>
      <c r="B124987" s="14" t="s">
        <v>1</v>
      </c>
      <c r="C124987" s="14" t="s">
        <v>200</v>
      </c>
      <c r="D124987" s="14" t="s">
        <v>579</v>
      </c>
      <c r="E124987" s="15">
        <v>45533</v>
      </c>
      <c r="F124987" s="14" t="s">
        <v>53</v>
      </c>
      <c r="G124987" s="16">
        <v>0.9848655053970784</v>
      </c>
    </row>
    <row r="124988" spans="1:7" x14ac:dyDescent="0.3">
      <c r="A124988" s="13" t="s">
        <v>578</v>
      </c>
      <c r="B124988" s="14" t="s">
        <v>1</v>
      </c>
      <c r="C124988" s="14" t="s">
        <v>200</v>
      </c>
      <c r="D124988" s="14" t="s">
        <v>579</v>
      </c>
      <c r="E124988" s="15">
        <v>45534</v>
      </c>
      <c r="F124988" s="14" t="s">
        <v>53</v>
      </c>
      <c r="G124988" s="16">
        <v>0.99668879275673961</v>
      </c>
    </row>
    <row r="124989" spans="1:7" x14ac:dyDescent="0.3">
      <c r="A124989" s="13" t="s">
        <v>578</v>
      </c>
      <c r="B124989" s="14" t="s">
        <v>1</v>
      </c>
      <c r="C124989" s="14" t="s">
        <v>200</v>
      </c>
      <c r="D124989" s="14" t="s">
        <v>579</v>
      </c>
      <c r="E124989" s="15">
        <v>45535</v>
      </c>
      <c r="F124989" s="14" t="s">
        <v>53</v>
      </c>
      <c r="G124989" s="16">
        <v>0.99668879275673961</v>
      </c>
    </row>
    <row r="124990" spans="1:7" x14ac:dyDescent="0.3">
      <c r="A124990" s="13" t="s">
        <v>578</v>
      </c>
      <c r="B124990" s="14" t="s">
        <v>1</v>
      </c>
      <c r="C124990" s="14" t="s">
        <v>200</v>
      </c>
      <c r="D124990" s="14" t="s">
        <v>579</v>
      </c>
      <c r="E124990" s="15">
        <v>45536</v>
      </c>
      <c r="F124990" s="14" t="s">
        <v>53</v>
      </c>
      <c r="G124990" s="16">
        <v>0.99668879275673961</v>
      </c>
    </row>
    <row r="124991" spans="1:7" x14ac:dyDescent="0.3">
      <c r="A124991" s="13" t="s">
        <v>578</v>
      </c>
      <c r="B124991" s="14" t="s">
        <v>1</v>
      </c>
      <c r="C124991" s="14" t="s">
        <v>200</v>
      </c>
      <c r="D124991" s="14" t="s">
        <v>579</v>
      </c>
      <c r="E124991" s="15">
        <v>45537</v>
      </c>
      <c r="F124991" s="14" t="s">
        <v>53</v>
      </c>
      <c r="G124991" s="16">
        <v>0.99668879275673961</v>
      </c>
    </row>
    <row r="124992" spans="1:7" x14ac:dyDescent="0.3">
      <c r="A124992" s="13" t="s">
        <v>578</v>
      </c>
      <c r="B124992" s="14" t="s">
        <v>1</v>
      </c>
      <c r="C124992" s="14" t="s">
        <v>200</v>
      </c>
      <c r="D124992" s="14" t="s">
        <v>579</v>
      </c>
      <c r="E124992" s="15">
        <v>45538</v>
      </c>
      <c r="F124992" s="14" t="s">
        <v>53</v>
      </c>
      <c r="G124992" s="16">
        <v>1.0037374108646073</v>
      </c>
    </row>
    <row r="124993" spans="1:7" x14ac:dyDescent="0.3">
      <c r="A124993" s="13" t="s">
        <v>578</v>
      </c>
      <c r="B124993" s="14" t="s">
        <v>1</v>
      </c>
      <c r="C124993" s="14" t="s">
        <v>200</v>
      </c>
      <c r="D124993" s="14" t="s">
        <v>579</v>
      </c>
      <c r="E124993" s="15">
        <v>45539</v>
      </c>
      <c r="F124993" s="14" t="s">
        <v>53</v>
      </c>
      <c r="G124993" s="16">
        <v>1.0212854025108036</v>
      </c>
    </row>
    <row r="124994" spans="1:7" x14ac:dyDescent="0.3">
      <c r="A124994" s="13" t="s">
        <v>578</v>
      </c>
      <c r="B124994" s="14" t="s">
        <v>1</v>
      </c>
      <c r="C124994" s="14" t="s">
        <v>200</v>
      </c>
      <c r="D124994" s="14" t="s">
        <v>579</v>
      </c>
      <c r="E124994" s="15">
        <v>45540</v>
      </c>
      <c r="F124994" s="14" t="s">
        <v>53</v>
      </c>
      <c r="G124994" s="16">
        <v>1.0246215877970066</v>
      </c>
    </row>
    <row r="124995" spans="1:7" x14ac:dyDescent="0.3">
      <c r="A124995" s="13" t="s">
        <v>578</v>
      </c>
      <c r="B124995" s="14" t="s">
        <v>1</v>
      </c>
      <c r="C124995" s="14" t="s">
        <v>200</v>
      </c>
      <c r="D124995" s="14" t="s">
        <v>579</v>
      </c>
      <c r="E124995" s="15">
        <v>45541</v>
      </c>
      <c r="F124995" s="14" t="s">
        <v>53</v>
      </c>
      <c r="G124995" s="16">
        <v>1.0349598456447096</v>
      </c>
    </row>
    <row r="124996" spans="1:7" x14ac:dyDescent="0.3">
      <c r="A124996" s="13" t="s">
        <v>578</v>
      </c>
      <c r="B124996" s="14" t="s">
        <v>1</v>
      </c>
      <c r="C124996" s="14" t="s">
        <v>200</v>
      </c>
      <c r="D124996" s="14" t="s">
        <v>579</v>
      </c>
      <c r="E124996" s="15">
        <v>45542</v>
      </c>
      <c r="F124996" s="14" t="s">
        <v>53</v>
      </c>
      <c r="G124996" s="16">
        <v>1.0349598456447096</v>
      </c>
    </row>
    <row r="124997" spans="1:7" x14ac:dyDescent="0.3">
      <c r="A124997" s="13" t="s">
        <v>578</v>
      </c>
      <c r="B124997" s="14" t="s">
        <v>1</v>
      </c>
      <c r="C124997" s="14" t="s">
        <v>200</v>
      </c>
      <c r="D124997" s="14" t="s">
        <v>579</v>
      </c>
      <c r="E124997" s="15">
        <v>45543</v>
      </c>
      <c r="F124997" s="14" t="s">
        <v>53</v>
      </c>
      <c r="G124997" s="16">
        <v>1.0349598456447096</v>
      </c>
    </row>
    <row r="124998" spans="1:7" x14ac:dyDescent="0.3">
      <c r="A124998" s="13" t="s">
        <v>578</v>
      </c>
      <c r="B124998" s="14" t="s">
        <v>1</v>
      </c>
      <c r="C124998" s="14" t="s">
        <v>200</v>
      </c>
      <c r="D124998" s="14" t="s">
        <v>579</v>
      </c>
      <c r="E124998" s="15">
        <v>45544</v>
      </c>
      <c r="F124998" s="14" t="s">
        <v>53</v>
      </c>
      <c r="G124998" s="16">
        <v>1.0473080793079248</v>
      </c>
    </row>
    <row r="124999" spans="1:7" x14ac:dyDescent="0.3">
      <c r="A124999" s="13" t="s">
        <v>578</v>
      </c>
      <c r="B124999" s="14" t="s">
        <v>1</v>
      </c>
      <c r="C124999" s="14" t="s">
        <v>200</v>
      </c>
      <c r="D124999" s="14" t="s">
        <v>579</v>
      </c>
      <c r="E124999" s="15">
        <v>45545</v>
      </c>
      <c r="F124999" s="14" t="s">
        <v>53</v>
      </c>
      <c r="G124999" s="16">
        <v>1.0631372406112034</v>
      </c>
    </row>
    <row r="125000" spans="1:7" x14ac:dyDescent="0.3">
      <c r="A125000" s="13" t="s">
        <v>578</v>
      </c>
      <c r="B125000" s="14" t="s">
        <v>1</v>
      </c>
      <c r="C125000" s="14" t="s">
        <v>200</v>
      </c>
      <c r="D125000" s="14" t="s">
        <v>579</v>
      </c>
      <c r="E125000" s="15">
        <v>45546</v>
      </c>
      <c r="F125000" s="14" t="s">
        <v>53</v>
      </c>
      <c r="G125000" s="16">
        <v>1.0733535569149646</v>
      </c>
    </row>
    <row r="125001" spans="1:7" x14ac:dyDescent="0.3">
      <c r="A125001" s="13" t="s">
        <v>578</v>
      </c>
      <c r="B125001" s="14" t="s">
        <v>1</v>
      </c>
      <c r="C125001" s="14" t="s">
        <v>200</v>
      </c>
      <c r="D125001" s="14" t="s">
        <v>579</v>
      </c>
      <c r="E125001" s="15">
        <v>45547</v>
      </c>
      <c r="F125001" s="14" t="s">
        <v>53</v>
      </c>
      <c r="G125001" s="16">
        <v>1.0724333406309752</v>
      </c>
    </row>
    <row r="125002" spans="1:7" x14ac:dyDescent="0.3">
      <c r="A125002" s="13" t="s">
        <v>578</v>
      </c>
      <c r="B125002" s="14" t="s">
        <v>1</v>
      </c>
      <c r="C125002" s="14" t="s">
        <v>200</v>
      </c>
      <c r="D125002" s="14" t="s">
        <v>579</v>
      </c>
      <c r="E125002" s="15">
        <v>45548</v>
      </c>
      <c r="F125002" s="14" t="s">
        <v>53</v>
      </c>
      <c r="G125002" s="16">
        <v>1.0777338018794687</v>
      </c>
    </row>
    <row r="125003" spans="1:7" x14ac:dyDescent="0.3">
      <c r="A125003" s="13" t="s">
        <v>578</v>
      </c>
      <c r="B125003" s="14" t="s">
        <v>1</v>
      </c>
      <c r="C125003" s="14" t="s">
        <v>200</v>
      </c>
      <c r="D125003" s="14" t="s">
        <v>579</v>
      </c>
      <c r="E125003" s="15">
        <v>45549</v>
      </c>
      <c r="F125003" s="14" t="s">
        <v>53</v>
      </c>
      <c r="G125003" s="16">
        <v>1.0777338018794687</v>
      </c>
    </row>
    <row r="125004" spans="1:7" x14ac:dyDescent="0.3">
      <c r="A125004" s="13" t="s">
        <v>578</v>
      </c>
      <c r="B125004" s="14" t="s">
        <v>1</v>
      </c>
      <c r="C125004" s="14" t="s">
        <v>200</v>
      </c>
      <c r="D125004" s="14" t="s">
        <v>579</v>
      </c>
      <c r="E125004" s="15">
        <v>45550</v>
      </c>
      <c r="F125004" s="14" t="s">
        <v>53</v>
      </c>
      <c r="G125004" s="16">
        <v>1.0777338018794687</v>
      </c>
    </row>
    <row r="125005" spans="1:7" x14ac:dyDescent="0.3">
      <c r="A125005" s="13" t="s">
        <v>578</v>
      </c>
      <c r="B125005" s="14" t="s">
        <v>1</v>
      </c>
      <c r="C125005" s="14" t="s">
        <v>200</v>
      </c>
      <c r="D125005" s="14" t="s">
        <v>579</v>
      </c>
      <c r="E125005" s="15">
        <v>45551</v>
      </c>
      <c r="F125005" s="14" t="s">
        <v>53</v>
      </c>
      <c r="G125005" s="16">
        <v>1.0758412446624628</v>
      </c>
    </row>
    <row r="125006" spans="1:7" x14ac:dyDescent="0.3">
      <c r="A125006" s="13" t="s">
        <v>578</v>
      </c>
      <c r="B125006" s="14" t="s">
        <v>1</v>
      </c>
      <c r="C125006" s="14" t="s">
        <v>200</v>
      </c>
      <c r="D125006" s="14" t="s">
        <v>579</v>
      </c>
      <c r="E125006" s="15">
        <v>45552</v>
      </c>
      <c r="F125006" s="14" t="s">
        <v>53</v>
      </c>
      <c r="G125006" s="16">
        <v>1.0955547105165371</v>
      </c>
    </row>
    <row r="125007" spans="1:7" x14ac:dyDescent="0.3">
      <c r="A125007" s="13" t="s">
        <v>578</v>
      </c>
      <c r="B125007" s="14" t="s">
        <v>1</v>
      </c>
      <c r="C125007" s="14" t="s">
        <v>200</v>
      </c>
      <c r="D125007" s="14" t="s">
        <v>579</v>
      </c>
      <c r="E125007" s="15">
        <v>45553</v>
      </c>
      <c r="F125007" s="14" t="s">
        <v>53</v>
      </c>
      <c r="G125007" s="16">
        <v>1.0971593138531273</v>
      </c>
    </row>
    <row r="125008" spans="1:7" x14ac:dyDescent="0.3">
      <c r="A125008" s="13" t="s">
        <v>578</v>
      </c>
      <c r="B125008" s="14" t="s">
        <v>1</v>
      </c>
      <c r="C125008" s="14" t="s">
        <v>200</v>
      </c>
      <c r="D125008" s="14" t="s">
        <v>579</v>
      </c>
      <c r="E125008" s="15">
        <v>45554</v>
      </c>
      <c r="F125008" s="14" t="s">
        <v>53</v>
      </c>
      <c r="G125008" s="16">
        <v>1.0971931500089536</v>
      </c>
    </row>
    <row r="125009" spans="1:7" x14ac:dyDescent="0.3">
      <c r="A125009" s="13" t="s">
        <v>578</v>
      </c>
      <c r="B125009" s="14" t="s">
        <v>1</v>
      </c>
      <c r="C125009" s="14" t="s">
        <v>200</v>
      </c>
      <c r="D125009" s="14" t="s">
        <v>579</v>
      </c>
      <c r="E125009" s="15">
        <v>45555</v>
      </c>
      <c r="F125009" s="14" t="s">
        <v>53</v>
      </c>
      <c r="G125009" s="16">
        <v>1.1011881402489374</v>
      </c>
    </row>
    <row r="125010" spans="1:7" x14ac:dyDescent="0.3">
      <c r="A125010" s="13" t="s">
        <v>578</v>
      </c>
      <c r="B125010" s="14" t="s">
        <v>1</v>
      </c>
      <c r="C125010" s="14" t="s">
        <v>200</v>
      </c>
      <c r="D125010" s="14" t="s">
        <v>579</v>
      </c>
      <c r="E125010" s="15">
        <v>45556</v>
      </c>
      <c r="F125010" s="14" t="s">
        <v>53</v>
      </c>
      <c r="G125010" s="16">
        <v>1.1011881402489374</v>
      </c>
    </row>
    <row r="125011" spans="1:7" x14ac:dyDescent="0.3">
      <c r="A125011" s="13" t="s">
        <v>578</v>
      </c>
      <c r="B125011" s="14" t="s">
        <v>1</v>
      </c>
      <c r="C125011" s="14" t="s">
        <v>200</v>
      </c>
      <c r="D125011" s="14" t="s">
        <v>579</v>
      </c>
      <c r="E125011" s="15">
        <v>45557</v>
      </c>
      <c r="F125011" s="14" t="s">
        <v>53</v>
      </c>
      <c r="G125011" s="16">
        <v>1.1011881402489374</v>
      </c>
    </row>
    <row r="125012" spans="1:7" x14ac:dyDescent="0.3">
      <c r="A125012" s="13" t="s">
        <v>578</v>
      </c>
      <c r="B125012" s="14" t="s">
        <v>1</v>
      </c>
      <c r="C125012" s="14" t="s">
        <v>200</v>
      </c>
      <c r="D125012" s="14" t="s">
        <v>579</v>
      </c>
      <c r="E125012" s="15">
        <v>45558</v>
      </c>
      <c r="F125012" s="14" t="s">
        <v>53</v>
      </c>
      <c r="G125012" s="16">
        <v>1.1053589957581695</v>
      </c>
    </row>
    <row r="125013" spans="1:7" x14ac:dyDescent="0.3">
      <c r="A125013" s="13" t="s">
        <v>578</v>
      </c>
      <c r="B125013" s="14" t="s">
        <v>1</v>
      </c>
      <c r="C125013" s="14" t="s">
        <v>200</v>
      </c>
      <c r="D125013" s="14" t="s">
        <v>579</v>
      </c>
      <c r="E125013" s="15">
        <v>45559</v>
      </c>
      <c r="F125013" s="14" t="s">
        <v>53</v>
      </c>
      <c r="G125013" s="16">
        <v>1.1176370520150318</v>
      </c>
    </row>
    <row r="125014" spans="1:7" x14ac:dyDescent="0.3">
      <c r="A125014" s="13" t="s">
        <v>578</v>
      </c>
      <c r="B125014" s="14" t="s">
        <v>1</v>
      </c>
      <c r="C125014" s="14" t="s">
        <v>200</v>
      </c>
      <c r="D125014" s="14" t="s">
        <v>579</v>
      </c>
      <c r="E125014" s="15">
        <v>45560</v>
      </c>
      <c r="F125014" s="14" t="s">
        <v>53</v>
      </c>
      <c r="G125014" s="16">
        <v>1.1309066595646666</v>
      </c>
    </row>
    <row r="125015" spans="1:7" x14ac:dyDescent="0.3">
      <c r="A125015" s="13" t="s">
        <v>578</v>
      </c>
      <c r="B125015" s="14" t="s">
        <v>1</v>
      </c>
      <c r="C125015" s="14" t="s">
        <v>200</v>
      </c>
      <c r="D125015" s="14" t="s">
        <v>579</v>
      </c>
      <c r="E125015" s="15">
        <v>45561</v>
      </c>
      <c r="F125015" s="14" t="s">
        <v>53</v>
      </c>
      <c r="G125015" s="16">
        <v>1.1291854548932245</v>
      </c>
    </row>
    <row r="125016" spans="1:7" x14ac:dyDescent="0.3">
      <c r="A125016" s="13" t="s">
        <v>578</v>
      </c>
      <c r="B125016" s="14" t="s">
        <v>1</v>
      </c>
      <c r="C125016" s="14" t="s">
        <v>200</v>
      </c>
      <c r="D125016" s="14" t="s">
        <v>579</v>
      </c>
      <c r="E125016" s="15">
        <v>45562</v>
      </c>
      <c r="F125016" s="14" t="s">
        <v>53</v>
      </c>
      <c r="G125016" s="16">
        <v>1.1384585351080549</v>
      </c>
    </row>
    <row r="125017" spans="1:7" x14ac:dyDescent="0.3">
      <c r="A125017" s="13" t="s">
        <v>578</v>
      </c>
      <c r="B125017" s="14" t="s">
        <v>1</v>
      </c>
      <c r="C125017" s="14" t="s">
        <v>200</v>
      </c>
      <c r="D125017" s="14" t="s">
        <v>579</v>
      </c>
      <c r="E125017" s="15">
        <v>45563</v>
      </c>
      <c r="F125017" s="14" t="s">
        <v>53</v>
      </c>
      <c r="G125017" s="16">
        <v>1.1384585351080549</v>
      </c>
    </row>
    <row r="125018" spans="1:7" x14ac:dyDescent="0.3">
      <c r="A125018" s="13" t="s">
        <v>578</v>
      </c>
      <c r="B125018" s="14" t="s">
        <v>1</v>
      </c>
      <c r="C125018" s="14" t="s">
        <v>200</v>
      </c>
      <c r="D125018" s="14" t="s">
        <v>579</v>
      </c>
      <c r="E125018" s="15">
        <v>45564</v>
      </c>
      <c r="F125018" s="14" t="s">
        <v>53</v>
      </c>
      <c r="G125018" s="16">
        <v>1.1384585351080549</v>
      </c>
    </row>
    <row r="125019" spans="1:7" x14ac:dyDescent="0.3">
      <c r="A125019" s="13" t="s">
        <v>578</v>
      </c>
      <c r="B125019" s="14" t="s">
        <v>1</v>
      </c>
      <c r="C125019" s="14" t="s">
        <v>200</v>
      </c>
      <c r="D125019" s="14" t="s">
        <v>579</v>
      </c>
      <c r="E125019" s="15">
        <v>45565</v>
      </c>
      <c r="F125019" s="14" t="s">
        <v>53</v>
      </c>
      <c r="G125019" s="16">
        <v>1.1448483577769011</v>
      </c>
    </row>
    <row r="125020" spans="1:7" x14ac:dyDescent="0.3">
      <c r="A125020" s="13" t="s">
        <v>578</v>
      </c>
      <c r="B125020" s="14" t="s">
        <v>1</v>
      </c>
      <c r="C125020" s="14" t="s">
        <v>200</v>
      </c>
      <c r="D125020" s="14" t="s">
        <v>579</v>
      </c>
      <c r="E125020" s="15">
        <v>45566</v>
      </c>
      <c r="F125020" s="14" t="s">
        <v>53</v>
      </c>
      <c r="G125020" s="16">
        <v>1.1624795496613676</v>
      </c>
    </row>
    <row r="125021" spans="1:7" x14ac:dyDescent="0.3">
      <c r="A125021" s="13" t="s">
        <v>578</v>
      </c>
      <c r="B125021" s="14" t="s">
        <v>1</v>
      </c>
      <c r="C125021" s="14" t="s">
        <v>200</v>
      </c>
      <c r="D125021" s="14" t="s">
        <v>579</v>
      </c>
      <c r="E125021" s="15">
        <v>45567</v>
      </c>
      <c r="F125021" s="14" t="s">
        <v>53</v>
      </c>
      <c r="G125021" s="16">
        <v>1.1725572687826451</v>
      </c>
    </row>
    <row r="125022" spans="1:7" x14ac:dyDescent="0.3">
      <c r="A125022" s="13" t="s">
        <v>578</v>
      </c>
      <c r="B125022" s="14" t="s">
        <v>1</v>
      </c>
      <c r="C125022" s="14" t="s">
        <v>200</v>
      </c>
      <c r="D125022" s="14" t="s">
        <v>579</v>
      </c>
      <c r="E125022" s="15">
        <v>45568</v>
      </c>
      <c r="F125022" s="14" t="s">
        <v>53</v>
      </c>
      <c r="G125022" s="16">
        <v>1.1912576483693647</v>
      </c>
    </row>
    <row r="125023" spans="1:7" x14ac:dyDescent="0.3">
      <c r="A125023" s="13" t="s">
        <v>578</v>
      </c>
      <c r="B125023" s="14" t="s">
        <v>1</v>
      </c>
      <c r="C125023" s="14" t="s">
        <v>200</v>
      </c>
      <c r="D125023" s="14" t="s">
        <v>579</v>
      </c>
      <c r="E125023" s="15">
        <v>45569</v>
      </c>
      <c r="F125023" s="14" t="s">
        <v>53</v>
      </c>
      <c r="G125023" s="16">
        <v>1.197251070939215</v>
      </c>
    </row>
    <row r="125024" spans="1:7" x14ac:dyDescent="0.3">
      <c r="A125024" s="13" t="s">
        <v>578</v>
      </c>
      <c r="B125024" s="14" t="s">
        <v>1</v>
      </c>
      <c r="C125024" s="14" t="s">
        <v>200</v>
      </c>
      <c r="D125024" s="14" t="s">
        <v>579</v>
      </c>
      <c r="E125024" s="15">
        <v>45570</v>
      </c>
      <c r="F125024" s="14" t="s">
        <v>53</v>
      </c>
      <c r="G125024" s="16">
        <v>1.197251070939215</v>
      </c>
    </row>
    <row r="125025" spans="1:7" x14ac:dyDescent="0.3">
      <c r="A125025" s="13" t="s">
        <v>578</v>
      </c>
      <c r="B125025" s="14" t="s">
        <v>1</v>
      </c>
      <c r="C125025" s="14" t="s">
        <v>200</v>
      </c>
      <c r="D125025" s="14" t="s">
        <v>579</v>
      </c>
      <c r="E125025" s="15">
        <v>45571</v>
      </c>
      <c r="F125025" s="14" t="s">
        <v>53</v>
      </c>
      <c r="G125025" s="16">
        <v>1.197251070939215</v>
      </c>
    </row>
    <row r="125026" spans="1:7" x14ac:dyDescent="0.3">
      <c r="A125026" s="13" t="s">
        <v>578</v>
      </c>
      <c r="B125026" s="14" t="s">
        <v>1</v>
      </c>
      <c r="C125026" s="14" t="s">
        <v>200</v>
      </c>
      <c r="D125026" s="14" t="s">
        <v>579</v>
      </c>
      <c r="E125026" s="15">
        <v>45572</v>
      </c>
      <c r="F125026" s="14" t="s">
        <v>53</v>
      </c>
      <c r="G125026" s="16">
        <v>1.2121293656414485</v>
      </c>
    </row>
    <row r="125027" spans="1:7" x14ac:dyDescent="0.3">
      <c r="A125027" s="13" t="s">
        <v>578</v>
      </c>
      <c r="B125027" s="14" t="s">
        <v>1</v>
      </c>
      <c r="C125027" s="14" t="s">
        <v>200</v>
      </c>
      <c r="D125027" s="14" t="s">
        <v>579</v>
      </c>
      <c r="E125027" s="15">
        <v>45573</v>
      </c>
      <c r="F125027" s="14" t="s">
        <v>53</v>
      </c>
      <c r="G125027" s="16">
        <v>1.2273160194734716</v>
      </c>
    </row>
    <row r="125028" spans="1:7" x14ac:dyDescent="0.3">
      <c r="A125028" s="13" t="s">
        <v>578</v>
      </c>
      <c r="B125028" s="14" t="s">
        <v>1</v>
      </c>
      <c r="C125028" s="14" t="s">
        <v>200</v>
      </c>
      <c r="D125028" s="14" t="s">
        <v>579</v>
      </c>
      <c r="E125028" s="15">
        <v>45574</v>
      </c>
      <c r="F125028" s="14" t="s">
        <v>53</v>
      </c>
      <c r="G125028" s="16">
        <v>1.2362085242934939</v>
      </c>
    </row>
    <row r="125029" spans="1:7" x14ac:dyDescent="0.3">
      <c r="A125029" s="13" t="s">
        <v>578</v>
      </c>
      <c r="B125029" s="14" t="s">
        <v>1</v>
      </c>
      <c r="C125029" s="14" t="s">
        <v>200</v>
      </c>
      <c r="D125029" s="14" t="s">
        <v>579</v>
      </c>
      <c r="E125029" s="15">
        <v>45575</v>
      </c>
      <c r="F125029" s="14" t="s">
        <v>53</v>
      </c>
      <c r="G125029" s="16">
        <v>1.241932698916985</v>
      </c>
    </row>
    <row r="125030" spans="1:7" x14ac:dyDescent="0.3">
      <c r="A125030" s="13" t="s">
        <v>578</v>
      </c>
      <c r="B125030" s="14" t="s">
        <v>1</v>
      </c>
      <c r="C125030" s="14" t="s">
        <v>200</v>
      </c>
      <c r="D125030" s="14" t="s">
        <v>579</v>
      </c>
      <c r="E125030" s="15">
        <v>45576</v>
      </c>
      <c r="F125030" s="14" t="s">
        <v>53</v>
      </c>
      <c r="G125030" s="16">
        <v>1.2464703656590908</v>
      </c>
    </row>
    <row r="125031" spans="1:7" x14ac:dyDescent="0.3">
      <c r="A125031" s="13" t="s">
        <v>578</v>
      </c>
      <c r="B125031" s="14" t="s">
        <v>1</v>
      </c>
      <c r="C125031" s="14" t="s">
        <v>200</v>
      </c>
      <c r="D125031" s="14" t="s">
        <v>579</v>
      </c>
      <c r="E125031" s="15">
        <v>45577</v>
      </c>
      <c r="F125031" s="14" t="s">
        <v>53</v>
      </c>
      <c r="G125031" s="16">
        <v>1.2464703656590908</v>
      </c>
    </row>
    <row r="125032" spans="1:7" x14ac:dyDescent="0.3">
      <c r="A125032" s="13" t="s">
        <v>578</v>
      </c>
      <c r="B125032" s="14" t="s">
        <v>1</v>
      </c>
      <c r="C125032" s="14" t="s">
        <v>200</v>
      </c>
      <c r="D125032" s="14" t="s">
        <v>579</v>
      </c>
      <c r="E125032" s="15">
        <v>45578</v>
      </c>
      <c r="F125032" s="14" t="s">
        <v>53</v>
      </c>
      <c r="G125032" s="16">
        <v>1.2464703656590908</v>
      </c>
    </row>
    <row r="125033" spans="1:7" x14ac:dyDescent="0.3">
      <c r="A125033" s="13" t="s">
        <v>578</v>
      </c>
      <c r="B125033" s="14" t="s">
        <v>1</v>
      </c>
      <c r="C125033" s="14" t="s">
        <v>200</v>
      </c>
      <c r="D125033" s="14" t="s">
        <v>579</v>
      </c>
      <c r="E125033" s="15">
        <v>45579</v>
      </c>
      <c r="F125033" s="14" t="s">
        <v>53</v>
      </c>
      <c r="G125033" s="16">
        <v>1.2464703656590908</v>
      </c>
    </row>
    <row r="125034" spans="1:7" x14ac:dyDescent="0.3">
      <c r="A125034" s="13" t="s">
        <v>578</v>
      </c>
      <c r="B125034" s="14" t="s">
        <v>1</v>
      </c>
      <c r="C125034" s="14" t="s">
        <v>200</v>
      </c>
      <c r="D125034" s="14" t="s">
        <v>579</v>
      </c>
      <c r="E125034" s="15">
        <v>45580</v>
      </c>
      <c r="F125034" s="14" t="s">
        <v>53</v>
      </c>
      <c r="G125034" s="16">
        <v>1.2515299618083002</v>
      </c>
    </row>
    <row r="125035" spans="1:7" x14ac:dyDescent="0.3">
      <c r="A125035" s="13" t="s">
        <v>578</v>
      </c>
      <c r="B125035" s="14" t="s">
        <v>1</v>
      </c>
      <c r="C125035" s="14" t="s">
        <v>200</v>
      </c>
      <c r="D125035" s="14" t="s">
        <v>579</v>
      </c>
      <c r="E125035" s="15">
        <v>45581</v>
      </c>
      <c r="F125035" s="14" t="s">
        <v>53</v>
      </c>
      <c r="G125035" s="16">
        <v>1.2822444146366119</v>
      </c>
    </row>
    <row r="125036" spans="1:7" x14ac:dyDescent="0.3">
      <c r="A125036" s="13" t="s">
        <v>578</v>
      </c>
      <c r="B125036" s="14" t="s">
        <v>1</v>
      </c>
      <c r="C125036" s="14" t="s">
        <v>200</v>
      </c>
      <c r="D125036" s="14" t="s">
        <v>579</v>
      </c>
      <c r="E125036" s="15">
        <v>45582</v>
      </c>
      <c r="F125036" s="14" t="s">
        <v>53</v>
      </c>
      <c r="G125036" s="16">
        <v>1.2879758073394099</v>
      </c>
    </row>
    <row r="125037" spans="1:7" x14ac:dyDescent="0.3">
      <c r="A125037" s="13" t="s">
        <v>578</v>
      </c>
      <c r="B125037" s="14" t="s">
        <v>1</v>
      </c>
      <c r="C125037" s="14" t="s">
        <v>200</v>
      </c>
      <c r="D125037" s="14" t="s">
        <v>579</v>
      </c>
      <c r="E125037" s="15">
        <v>45583</v>
      </c>
      <c r="F125037" s="14" t="s">
        <v>53</v>
      </c>
      <c r="G125037" s="16">
        <v>1.2964129340487667</v>
      </c>
    </row>
    <row r="125038" spans="1:7" x14ac:dyDescent="0.3">
      <c r="A125038" s="13" t="s">
        <v>578</v>
      </c>
      <c r="B125038" s="14" t="s">
        <v>1</v>
      </c>
      <c r="C125038" s="14" t="s">
        <v>200</v>
      </c>
      <c r="D125038" s="14" t="s">
        <v>579</v>
      </c>
      <c r="E125038" s="15">
        <v>45584</v>
      </c>
      <c r="F125038" s="14" t="s">
        <v>53</v>
      </c>
      <c r="G125038" s="16">
        <v>1.2964129340487667</v>
      </c>
    </row>
    <row r="125039" spans="1:7" x14ac:dyDescent="0.3">
      <c r="A125039" s="13" t="s">
        <v>578</v>
      </c>
      <c r="B125039" s="14" t="s">
        <v>1</v>
      </c>
      <c r="C125039" s="14" t="s">
        <v>200</v>
      </c>
      <c r="D125039" s="14" t="s">
        <v>579</v>
      </c>
      <c r="E125039" s="15">
        <v>45585</v>
      </c>
      <c r="F125039" s="14" t="s">
        <v>53</v>
      </c>
      <c r="G125039" s="16">
        <v>1.2964129340487667</v>
      </c>
    </row>
    <row r="125040" spans="1:7" x14ac:dyDescent="0.3">
      <c r="A125040" s="13" t="s">
        <v>578</v>
      </c>
      <c r="B125040" s="14" t="s">
        <v>1</v>
      </c>
      <c r="C125040" s="14" t="s">
        <v>200</v>
      </c>
      <c r="D125040" s="14" t="s">
        <v>579</v>
      </c>
      <c r="E125040" s="15">
        <v>45586</v>
      </c>
      <c r="F125040" s="14" t="s">
        <v>53</v>
      </c>
      <c r="G125040" s="16">
        <v>1.314049390886632</v>
      </c>
    </row>
    <row r="125041" spans="1:7" x14ac:dyDescent="0.3">
      <c r="A125041" s="13" t="s">
        <v>578</v>
      </c>
      <c r="B125041" s="14" t="s">
        <v>1</v>
      </c>
      <c r="C125041" s="14" t="s">
        <v>200</v>
      </c>
      <c r="D125041" s="14" t="s">
        <v>579</v>
      </c>
      <c r="E125041" s="15">
        <v>45587</v>
      </c>
      <c r="F125041" s="14" t="s">
        <v>53</v>
      </c>
      <c r="G125041" s="16">
        <v>1.3323161510775052</v>
      </c>
    </row>
    <row r="125042" spans="1:7" x14ac:dyDescent="0.3">
      <c r="A125042" s="13" t="s">
        <v>578</v>
      </c>
      <c r="B125042" s="14" t="s">
        <v>1</v>
      </c>
      <c r="C125042" s="14" t="s">
        <v>200</v>
      </c>
      <c r="D125042" s="14" t="s">
        <v>579</v>
      </c>
      <c r="E125042" s="15">
        <v>45588</v>
      </c>
      <c r="F125042" s="14" t="s">
        <v>53</v>
      </c>
      <c r="G125042" s="16">
        <v>1.3450189460503594</v>
      </c>
    </row>
    <row r="125043" spans="1:7" x14ac:dyDescent="0.3">
      <c r="A125043" s="13" t="s">
        <v>578</v>
      </c>
      <c r="B125043" s="14" t="s">
        <v>1</v>
      </c>
      <c r="C125043" s="14" t="s">
        <v>200</v>
      </c>
      <c r="D125043" s="14" t="s">
        <v>579</v>
      </c>
      <c r="E125043" s="15">
        <v>45589</v>
      </c>
      <c r="F125043" s="14" t="s">
        <v>53</v>
      </c>
      <c r="G125043" s="16">
        <v>1.3455474614682348</v>
      </c>
    </row>
    <row r="125044" spans="1:7" x14ac:dyDescent="0.3">
      <c r="A125044" s="13" t="s">
        <v>578</v>
      </c>
      <c r="B125044" s="14" t="s">
        <v>1</v>
      </c>
      <c r="C125044" s="14" t="s">
        <v>200</v>
      </c>
      <c r="D125044" s="14" t="s">
        <v>579</v>
      </c>
      <c r="E125044" s="15">
        <v>45590</v>
      </c>
      <c r="F125044" s="14" t="s">
        <v>53</v>
      </c>
      <c r="G125044" s="16">
        <v>1.352621958096631</v>
      </c>
    </row>
    <row r="125045" spans="1:7" x14ac:dyDescent="0.3">
      <c r="A125045" s="13" t="s">
        <v>578</v>
      </c>
      <c r="B125045" s="14" t="s">
        <v>1</v>
      </c>
      <c r="C125045" s="14" t="s">
        <v>200</v>
      </c>
      <c r="D125045" s="14" t="s">
        <v>579</v>
      </c>
      <c r="E125045" s="15">
        <v>45591</v>
      </c>
      <c r="F125045" s="14" t="s">
        <v>53</v>
      </c>
      <c r="G125045" s="16">
        <v>1.352621958096631</v>
      </c>
    </row>
    <row r="125046" spans="1:7" x14ac:dyDescent="0.3">
      <c r="A125046" s="13" t="s">
        <v>578</v>
      </c>
      <c r="B125046" s="14" t="s">
        <v>1</v>
      </c>
      <c r="C125046" s="14" t="s">
        <v>200</v>
      </c>
      <c r="D125046" s="14" t="s">
        <v>579</v>
      </c>
      <c r="E125046" s="15">
        <v>45592</v>
      </c>
      <c r="F125046" s="14" t="s">
        <v>53</v>
      </c>
      <c r="G125046" s="16">
        <v>1.352621958096631</v>
      </c>
    </row>
    <row r="125047" spans="1:7" x14ac:dyDescent="0.3">
      <c r="A125047" s="13" t="s">
        <v>578</v>
      </c>
      <c r="B125047" s="14" t="s">
        <v>1</v>
      </c>
      <c r="C125047" s="14" t="s">
        <v>200</v>
      </c>
      <c r="D125047" s="14" t="s">
        <v>579</v>
      </c>
      <c r="E125047" s="15">
        <v>45593</v>
      </c>
      <c r="F125047" s="14" t="s">
        <v>53</v>
      </c>
      <c r="G125047" s="16">
        <v>1.352621958096631</v>
      </c>
    </row>
    <row r="125048" spans="1:7" x14ac:dyDescent="0.3">
      <c r="A125048" s="13" t="s">
        <v>578</v>
      </c>
      <c r="B125048" s="14" t="s">
        <v>1</v>
      </c>
      <c r="C125048" s="14" t="s">
        <v>200</v>
      </c>
      <c r="D125048" s="14" t="s">
        <v>579</v>
      </c>
      <c r="E125048" s="15">
        <v>45594</v>
      </c>
      <c r="F125048" s="14" t="s">
        <v>53</v>
      </c>
      <c r="G125048" s="16">
        <v>1.353735898720049</v>
      </c>
    </row>
    <row r="125049" spans="1:7" x14ac:dyDescent="0.3">
      <c r="A125049" s="13" t="s">
        <v>578</v>
      </c>
      <c r="B125049" s="14" t="s">
        <v>1</v>
      </c>
      <c r="C125049" s="14" t="s">
        <v>200</v>
      </c>
      <c r="D125049" s="14" t="s">
        <v>579</v>
      </c>
      <c r="E125049" s="15">
        <v>45595</v>
      </c>
      <c r="F125049" s="14" t="s">
        <v>53</v>
      </c>
      <c r="G125049" s="16">
        <v>1.3839089538606992</v>
      </c>
    </row>
    <row r="125050" spans="1:7" x14ac:dyDescent="0.3">
      <c r="A125050" s="13" t="s">
        <v>578</v>
      </c>
      <c r="B125050" s="14" t="s">
        <v>1</v>
      </c>
      <c r="C125050" s="14" t="s">
        <v>200</v>
      </c>
      <c r="D125050" s="14" t="s">
        <v>579</v>
      </c>
      <c r="E125050" s="15">
        <v>45596</v>
      </c>
      <c r="F125050" s="14" t="s">
        <v>53</v>
      </c>
      <c r="G125050" s="16">
        <v>1.3968092405379655</v>
      </c>
    </row>
    <row r="125051" spans="1:7" x14ac:dyDescent="0.3">
      <c r="A125051" s="13" t="s">
        <v>578</v>
      </c>
      <c r="B125051" s="14" t="s">
        <v>1</v>
      </c>
      <c r="C125051" s="14" t="s">
        <v>200</v>
      </c>
      <c r="D125051" s="14" t="s">
        <v>579</v>
      </c>
      <c r="E125051" s="15">
        <v>45597</v>
      </c>
      <c r="F125051" s="14" t="s">
        <v>53</v>
      </c>
      <c r="G125051" s="16">
        <v>1.3992462236542682</v>
      </c>
    </row>
    <row r="125052" spans="1:7" x14ac:dyDescent="0.3">
      <c r="A125052" s="13" t="s">
        <v>578</v>
      </c>
      <c r="B125052" s="14" t="s">
        <v>1</v>
      </c>
      <c r="C125052" s="14" t="s">
        <v>200</v>
      </c>
      <c r="D125052" s="14" t="s">
        <v>579</v>
      </c>
      <c r="E125052" s="15">
        <v>45598</v>
      </c>
      <c r="F125052" s="14" t="s">
        <v>53</v>
      </c>
      <c r="G125052" s="16">
        <v>1.3992462236542682</v>
      </c>
    </row>
    <row r="125053" spans="1:7" x14ac:dyDescent="0.3">
      <c r="A125053" s="13" t="s">
        <v>578</v>
      </c>
      <c r="B125053" s="14" t="s">
        <v>1</v>
      </c>
      <c r="C125053" s="14" t="s">
        <v>200</v>
      </c>
      <c r="D125053" s="14" t="s">
        <v>579</v>
      </c>
      <c r="E125053" s="15">
        <v>45599</v>
      </c>
      <c r="F125053" s="14" t="s">
        <v>53</v>
      </c>
      <c r="G125053" s="16">
        <v>1.3992462236542682</v>
      </c>
    </row>
    <row r="125054" spans="1:7" x14ac:dyDescent="0.3">
      <c r="A125054" s="13" t="s">
        <v>578</v>
      </c>
      <c r="B125054" s="14" t="s">
        <v>1</v>
      </c>
      <c r="C125054" s="14" t="s">
        <v>200</v>
      </c>
      <c r="D125054" s="14" t="s">
        <v>579</v>
      </c>
      <c r="E125054" s="15">
        <v>45600</v>
      </c>
      <c r="F125054" s="14" t="s">
        <v>53</v>
      </c>
      <c r="G125054" s="16">
        <v>1.4038094815775142</v>
      </c>
    </row>
    <row r="125055" spans="1:7" x14ac:dyDescent="0.3">
      <c r="A125055" s="13" t="s">
        <v>578</v>
      </c>
      <c r="B125055" s="14" t="s">
        <v>1</v>
      </c>
      <c r="C125055" s="14" t="s">
        <v>200</v>
      </c>
      <c r="D125055" s="14" t="s">
        <v>579</v>
      </c>
      <c r="E125055" s="15">
        <v>45601</v>
      </c>
      <c r="F125055" s="14" t="s">
        <v>53</v>
      </c>
      <c r="G125055" s="16">
        <v>1.4205464644801429</v>
      </c>
    </row>
    <row r="125056" spans="1:7" x14ac:dyDescent="0.3">
      <c r="A125056" s="13" t="s">
        <v>578</v>
      </c>
      <c r="B125056" s="14" t="s">
        <v>1</v>
      </c>
      <c r="C125056" s="14" t="s">
        <v>200</v>
      </c>
      <c r="D125056" s="14" t="s">
        <v>579</v>
      </c>
      <c r="E125056" s="15">
        <v>45602</v>
      </c>
      <c r="F125056" s="14" t="s">
        <v>53</v>
      </c>
      <c r="G125056" s="16">
        <v>1.4442186356661688</v>
      </c>
    </row>
    <row r="125057" spans="1:7" x14ac:dyDescent="0.3">
      <c r="A125057" s="13" t="s">
        <v>578</v>
      </c>
      <c r="B125057" s="14" t="s">
        <v>1</v>
      </c>
      <c r="C125057" s="14" t="s">
        <v>200</v>
      </c>
      <c r="D125057" s="14" t="s">
        <v>579</v>
      </c>
      <c r="E125057" s="15">
        <v>45603</v>
      </c>
      <c r="F125057" s="14" t="s">
        <v>53</v>
      </c>
      <c r="G125057" s="16">
        <v>1.4319674259107271</v>
      </c>
    </row>
    <row r="125058" spans="1:7" x14ac:dyDescent="0.3">
      <c r="A125058" s="13" t="s">
        <v>578</v>
      </c>
      <c r="B125058" s="14" t="s">
        <v>1</v>
      </c>
      <c r="C125058" s="14" t="s">
        <v>200</v>
      </c>
      <c r="D125058" s="14" t="s">
        <v>579</v>
      </c>
      <c r="E125058" s="15">
        <v>45604</v>
      </c>
      <c r="F125058" s="14" t="s">
        <v>53</v>
      </c>
      <c r="G125058" s="16">
        <v>1.4464754412218523</v>
      </c>
    </row>
    <row r="125059" spans="1:7" x14ac:dyDescent="0.3">
      <c r="A125059" s="13" t="s">
        <v>578</v>
      </c>
      <c r="B125059" s="14" t="s">
        <v>1</v>
      </c>
      <c r="C125059" s="14" t="s">
        <v>200</v>
      </c>
      <c r="D125059" s="14" t="s">
        <v>579</v>
      </c>
      <c r="E125059" s="15">
        <v>45605</v>
      </c>
      <c r="F125059" s="14" t="s">
        <v>53</v>
      </c>
      <c r="G125059" s="16">
        <v>1.4464754412218523</v>
      </c>
    </row>
    <row r="125060" spans="1:7" x14ac:dyDescent="0.3">
      <c r="A125060" s="13" t="s">
        <v>578</v>
      </c>
      <c r="B125060" s="14" t="s">
        <v>1</v>
      </c>
      <c r="C125060" s="14" t="s">
        <v>200</v>
      </c>
      <c r="D125060" s="14" t="s">
        <v>579</v>
      </c>
      <c r="E125060" s="15">
        <v>45606</v>
      </c>
      <c r="F125060" s="14" t="s">
        <v>53</v>
      </c>
      <c r="G125060" s="16">
        <v>1.4464754412218523</v>
      </c>
    </row>
    <row r="125061" spans="1:7" x14ac:dyDescent="0.3">
      <c r="A125061" s="13" t="s">
        <v>578</v>
      </c>
      <c r="B125061" s="14" t="s">
        <v>1</v>
      </c>
      <c r="C125061" s="14" t="s">
        <v>200</v>
      </c>
      <c r="D125061" s="14" t="s">
        <v>579</v>
      </c>
      <c r="E125061" s="15">
        <v>45607</v>
      </c>
      <c r="F125061" s="14" t="s">
        <v>53</v>
      </c>
      <c r="G125061" s="16">
        <v>1.4464754412218523</v>
      </c>
    </row>
    <row r="125062" spans="1:7" x14ac:dyDescent="0.3">
      <c r="A125062" s="13" t="s">
        <v>578</v>
      </c>
      <c r="B125062" s="14" t="s">
        <v>1</v>
      </c>
      <c r="C125062" s="14" t="s">
        <v>200</v>
      </c>
      <c r="D125062" s="14" t="s">
        <v>579</v>
      </c>
      <c r="E125062" s="15">
        <v>45608</v>
      </c>
      <c r="F125062" s="14" t="s">
        <v>53</v>
      </c>
      <c r="G125062" s="16">
        <v>1.4738071737050313</v>
      </c>
    </row>
    <row r="125063" spans="1:7" x14ac:dyDescent="0.3">
      <c r="A125063" s="13" t="s">
        <v>578</v>
      </c>
      <c r="B125063" s="14" t="s">
        <v>1</v>
      </c>
      <c r="C125063" s="14" t="s">
        <v>200</v>
      </c>
      <c r="D125063" s="14" t="s">
        <v>579</v>
      </c>
      <c r="E125063" s="15">
        <v>45609</v>
      </c>
      <c r="F125063" s="14" t="s">
        <v>53</v>
      </c>
      <c r="G125063" s="16">
        <v>1.4962579906608735</v>
      </c>
    </row>
    <row r="125064" spans="1:7" x14ac:dyDescent="0.3">
      <c r="A125064" s="13" t="s">
        <v>578</v>
      </c>
      <c r="B125064" s="14" t="s">
        <v>1</v>
      </c>
      <c r="C125064" s="14" t="s">
        <v>200</v>
      </c>
      <c r="D125064" s="14" t="s">
        <v>579</v>
      </c>
      <c r="E125064" s="15">
        <v>45610</v>
      </c>
      <c r="F125064" s="14" t="s">
        <v>53</v>
      </c>
      <c r="G125064" s="16">
        <v>1.5075183677315127</v>
      </c>
    </row>
    <row r="125065" spans="1:7" x14ac:dyDescent="0.3">
      <c r="A125065" s="13" t="s">
        <v>578</v>
      </c>
      <c r="B125065" s="14" t="s">
        <v>1</v>
      </c>
      <c r="C125065" s="14" t="s">
        <v>200</v>
      </c>
      <c r="D125065" s="14" t="s">
        <v>579</v>
      </c>
      <c r="E125065" s="15">
        <v>45611</v>
      </c>
      <c r="F125065" s="14" t="s">
        <v>53</v>
      </c>
      <c r="G125065" s="16">
        <v>1.5197434474985048</v>
      </c>
    </row>
    <row r="125066" spans="1:7" x14ac:dyDescent="0.3">
      <c r="A125066" s="13" t="s">
        <v>578</v>
      </c>
      <c r="B125066" s="14" t="s">
        <v>1</v>
      </c>
      <c r="C125066" s="14" t="s">
        <v>200</v>
      </c>
      <c r="D125066" s="14" t="s">
        <v>579</v>
      </c>
      <c r="E125066" s="15">
        <v>45612</v>
      </c>
      <c r="F125066" s="14" t="s">
        <v>53</v>
      </c>
      <c r="G125066" s="16">
        <v>1.5197434474985048</v>
      </c>
    </row>
    <row r="125067" spans="1:7" x14ac:dyDescent="0.3">
      <c r="A125067" s="13" t="s">
        <v>578</v>
      </c>
      <c r="B125067" s="14" t="s">
        <v>1</v>
      </c>
      <c r="C125067" s="14" t="s">
        <v>200</v>
      </c>
      <c r="D125067" s="14" t="s">
        <v>579</v>
      </c>
      <c r="E125067" s="15">
        <v>45613</v>
      </c>
      <c r="F125067" s="14" t="s">
        <v>53</v>
      </c>
      <c r="G125067" s="16">
        <v>1.5197434474985048</v>
      </c>
    </row>
    <row r="125068" spans="1:7" x14ac:dyDescent="0.3">
      <c r="A125068" s="13" t="s">
        <v>578</v>
      </c>
      <c r="B125068" s="14" t="s">
        <v>1</v>
      </c>
      <c r="C125068" s="14" t="s">
        <v>200</v>
      </c>
      <c r="D125068" s="14" t="s">
        <v>579</v>
      </c>
      <c r="E125068" s="15">
        <v>45614</v>
      </c>
      <c r="F125068" s="14" t="s">
        <v>53</v>
      </c>
      <c r="G125068" s="16">
        <v>1.5183562288399963</v>
      </c>
    </row>
    <row r="125069" spans="1:7" x14ac:dyDescent="0.3">
      <c r="A125069" s="13" t="s">
        <v>578</v>
      </c>
      <c r="B125069" s="14" t="s">
        <v>1</v>
      </c>
      <c r="C125069" s="14" t="s">
        <v>200</v>
      </c>
      <c r="D125069" s="14" t="s">
        <v>579</v>
      </c>
      <c r="E125069" s="15">
        <v>45615</v>
      </c>
      <c r="F125069" s="14" t="s">
        <v>53</v>
      </c>
      <c r="G125069" s="16">
        <v>1.5360331666753353</v>
      </c>
    </row>
    <row r="125070" spans="1:7" x14ac:dyDescent="0.3">
      <c r="A125070" s="13" t="s">
        <v>578</v>
      </c>
      <c r="B125070" s="14" t="s">
        <v>1</v>
      </c>
      <c r="C125070" s="14" t="s">
        <v>200</v>
      </c>
      <c r="D125070" s="14" t="s">
        <v>579</v>
      </c>
      <c r="E125070" s="15">
        <v>45616</v>
      </c>
      <c r="F125070" s="14" t="s">
        <v>53</v>
      </c>
      <c r="G125070" s="16">
        <v>1.5478775533615157</v>
      </c>
    </row>
    <row r="125071" spans="1:7" x14ac:dyDescent="0.3">
      <c r="A125071" s="13" t="s">
        <v>578</v>
      </c>
      <c r="B125071" s="14" t="s">
        <v>1</v>
      </c>
      <c r="C125071" s="14" t="s">
        <v>200</v>
      </c>
      <c r="D125071" s="14" t="s">
        <v>579</v>
      </c>
      <c r="E125071" s="15">
        <v>45617</v>
      </c>
      <c r="F125071" s="14" t="s">
        <v>53</v>
      </c>
      <c r="G125071" s="16">
        <v>1.5615474359792838</v>
      </c>
    </row>
    <row r="125072" spans="1:7" x14ac:dyDescent="0.3">
      <c r="A125072" s="13" t="s">
        <v>578</v>
      </c>
      <c r="B125072" s="14" t="s">
        <v>1</v>
      </c>
      <c r="C125072" s="14" t="s">
        <v>200</v>
      </c>
      <c r="D125072" s="14" t="s">
        <v>579</v>
      </c>
      <c r="E125072" s="15">
        <v>45618</v>
      </c>
      <c r="F125072" s="14" t="s">
        <v>53</v>
      </c>
      <c r="G125072" s="16">
        <v>1.5776301418853453</v>
      </c>
    </row>
    <row r="125073" spans="1:7" x14ac:dyDescent="0.3">
      <c r="A125073" s="13" t="s">
        <v>578</v>
      </c>
      <c r="B125073" s="14" t="s">
        <v>1</v>
      </c>
      <c r="C125073" s="14" t="s">
        <v>200</v>
      </c>
      <c r="D125073" s="14" t="s">
        <v>579</v>
      </c>
      <c r="E125073" s="15">
        <v>45619</v>
      </c>
      <c r="F125073" s="14" t="s">
        <v>53</v>
      </c>
      <c r="G125073" s="16">
        <v>1.5776301418853453</v>
      </c>
    </row>
    <row r="125074" spans="1:7" x14ac:dyDescent="0.3">
      <c r="A125074" s="13" t="s">
        <v>578</v>
      </c>
      <c r="B125074" s="14" t="s">
        <v>1</v>
      </c>
      <c r="C125074" s="14" t="s">
        <v>200</v>
      </c>
      <c r="D125074" s="14" t="s">
        <v>579</v>
      </c>
      <c r="E125074" s="15">
        <v>45620</v>
      </c>
      <c r="F125074" s="14" t="s">
        <v>53</v>
      </c>
      <c r="G125074" s="16">
        <v>1.5776301418853453</v>
      </c>
    </row>
    <row r="125075" spans="1:7" x14ac:dyDescent="0.3">
      <c r="A125075" s="13" t="s">
        <v>578</v>
      </c>
      <c r="B125075" s="14" t="s">
        <v>1</v>
      </c>
      <c r="C125075" s="14" t="s">
        <v>200</v>
      </c>
      <c r="D125075" s="14" t="s">
        <v>579</v>
      </c>
      <c r="E125075" s="15">
        <v>45621</v>
      </c>
      <c r="F125075" s="14" t="s">
        <v>53</v>
      </c>
      <c r="G125075" s="16">
        <v>1.5774893621877197</v>
      </c>
    </row>
    <row r="125076" spans="1:7" x14ac:dyDescent="0.3">
      <c r="A125076" s="13" t="s">
        <v>578</v>
      </c>
      <c r="B125076" s="14" t="s">
        <v>1</v>
      </c>
      <c r="C125076" s="14" t="s">
        <v>200</v>
      </c>
      <c r="D125076" s="14" t="s">
        <v>579</v>
      </c>
      <c r="E125076" s="15">
        <v>45622</v>
      </c>
      <c r="F125076" s="14" t="s">
        <v>53</v>
      </c>
      <c r="G125076" s="16">
        <v>1.598258373574007</v>
      </c>
    </row>
    <row r="125077" spans="1:7" x14ac:dyDescent="0.3">
      <c r="A125077" s="13" t="s">
        <v>578</v>
      </c>
      <c r="B125077" s="14" t="s">
        <v>1</v>
      </c>
      <c r="C125077" s="14" t="s">
        <v>200</v>
      </c>
      <c r="D125077" s="14" t="s">
        <v>579</v>
      </c>
      <c r="E125077" s="15">
        <v>45623</v>
      </c>
      <c r="F125077" s="14" t="s">
        <v>53</v>
      </c>
      <c r="G125077" s="16">
        <v>1.5902914042476035</v>
      </c>
    </row>
    <row r="125078" spans="1:7" x14ac:dyDescent="0.3">
      <c r="A125078" s="13" t="s">
        <v>578</v>
      </c>
      <c r="B125078" s="14" t="s">
        <v>1</v>
      </c>
      <c r="C125078" s="14" t="s">
        <v>200</v>
      </c>
      <c r="D125078" s="14" t="s">
        <v>579</v>
      </c>
      <c r="E125078" s="15">
        <v>45624</v>
      </c>
      <c r="F125078" s="14" t="s">
        <v>53</v>
      </c>
      <c r="G125078" s="16">
        <v>1.5902914042476035</v>
      </c>
    </row>
    <row r="125079" spans="1:7" x14ac:dyDescent="0.3">
      <c r="A125079" s="13" t="s">
        <v>578</v>
      </c>
      <c r="B125079" s="14" t="s">
        <v>1</v>
      </c>
      <c r="C125079" s="14" t="s">
        <v>200</v>
      </c>
      <c r="D125079" s="14" t="s">
        <v>579</v>
      </c>
      <c r="E125079" s="15">
        <v>45625</v>
      </c>
      <c r="F125079" s="14" t="s">
        <v>53</v>
      </c>
      <c r="G125079" s="16">
        <v>1.590823394338315</v>
      </c>
    </row>
    <row r="125080" spans="1:7" x14ac:dyDescent="0.3">
      <c r="A125080" s="13" t="s">
        <v>578</v>
      </c>
      <c r="B125080" s="14" t="s">
        <v>1</v>
      </c>
      <c r="C125080" s="14" t="s">
        <v>200</v>
      </c>
      <c r="D125080" s="14" t="s">
        <v>579</v>
      </c>
      <c r="E125080" s="15">
        <v>45626</v>
      </c>
      <c r="F125080" s="14" t="s">
        <v>53</v>
      </c>
      <c r="G125080" s="16">
        <v>1.590823394338315</v>
      </c>
    </row>
    <row r="125081" spans="1:7" x14ac:dyDescent="0.3">
      <c r="A125081" s="13" t="s">
        <v>578</v>
      </c>
      <c r="B125081" s="14" t="s">
        <v>1</v>
      </c>
      <c r="C125081" s="14" t="s">
        <v>200</v>
      </c>
      <c r="D125081" s="14" t="s">
        <v>579</v>
      </c>
      <c r="E125081" s="15">
        <v>45627</v>
      </c>
      <c r="F125081" s="14" t="s">
        <v>53</v>
      </c>
      <c r="G125081" s="16">
        <v>1.590823394338315</v>
      </c>
    </row>
    <row r="125082" spans="1:7" x14ac:dyDescent="0.3">
      <c r="A125082" s="13" t="s">
        <v>578</v>
      </c>
      <c r="B125082" s="14" t="s">
        <v>1</v>
      </c>
      <c r="C125082" s="14" t="s">
        <v>200</v>
      </c>
      <c r="D125082" s="14" t="s">
        <v>579</v>
      </c>
      <c r="E125082" s="15">
        <v>45628</v>
      </c>
      <c r="F125082" s="14" t="s">
        <v>53</v>
      </c>
      <c r="G125082" s="16">
        <v>1.6142374089055544</v>
      </c>
    </row>
    <row r="125083" spans="1:7" x14ac:dyDescent="0.3">
      <c r="A125083" s="13" t="s">
        <v>578</v>
      </c>
      <c r="B125083" s="14" t="s">
        <v>1</v>
      </c>
      <c r="C125083" s="14" t="s">
        <v>200</v>
      </c>
      <c r="D125083" s="14" t="s">
        <v>579</v>
      </c>
      <c r="E125083" s="15">
        <v>45629</v>
      </c>
      <c r="F125083" s="14" t="s">
        <v>53</v>
      </c>
      <c r="G125083" s="16">
        <v>1.6303082449232784</v>
      </c>
    </row>
    <row r="125084" spans="1:7" x14ac:dyDescent="0.3">
      <c r="A125084" s="13" t="s">
        <v>578</v>
      </c>
      <c r="B125084" s="14" t="s">
        <v>1</v>
      </c>
      <c r="C125084" s="14" t="s">
        <v>200</v>
      </c>
      <c r="D125084" s="14" t="s">
        <v>579</v>
      </c>
      <c r="E125084" s="15">
        <v>45630</v>
      </c>
      <c r="F125084" s="14" t="s">
        <v>53</v>
      </c>
      <c r="G125084" s="16">
        <v>1.6314944787684242</v>
      </c>
    </row>
    <row r="125085" spans="1:7" x14ac:dyDescent="0.3">
      <c r="A125085" s="13" t="s">
        <v>578</v>
      </c>
      <c r="B125085" s="14" t="s">
        <v>1</v>
      </c>
      <c r="C125085" s="14" t="s">
        <v>200</v>
      </c>
      <c r="D125085" s="14" t="s">
        <v>579</v>
      </c>
      <c r="E125085" s="15">
        <v>45631</v>
      </c>
      <c r="F125085" s="14" t="s">
        <v>53</v>
      </c>
      <c r="G125085" s="16">
        <v>1.6283793788020189</v>
      </c>
    </row>
    <row r="125086" spans="1:7" x14ac:dyDescent="0.3">
      <c r="A125086" s="13" t="s">
        <v>578</v>
      </c>
      <c r="B125086" s="14" t="s">
        <v>1</v>
      </c>
      <c r="C125086" s="14" t="s">
        <v>200</v>
      </c>
      <c r="D125086" s="14" t="s">
        <v>579</v>
      </c>
      <c r="E125086" s="15">
        <v>45632</v>
      </c>
      <c r="F125086" s="14" t="s">
        <v>53</v>
      </c>
      <c r="G125086" s="16">
        <v>1.6367279602332621</v>
      </c>
    </row>
    <row r="125087" spans="1:7" x14ac:dyDescent="0.3">
      <c r="A125087" s="13" t="s">
        <v>578</v>
      </c>
      <c r="B125087" s="14" t="s">
        <v>1</v>
      </c>
      <c r="C125087" s="14" t="s">
        <v>200</v>
      </c>
      <c r="D125087" s="14" t="s">
        <v>579</v>
      </c>
      <c r="E125087" s="15">
        <v>45633</v>
      </c>
      <c r="F125087" s="14" t="s">
        <v>53</v>
      </c>
      <c r="G125087" s="16">
        <v>1.6367279602332621</v>
      </c>
    </row>
    <row r="125088" spans="1:7" x14ac:dyDescent="0.3">
      <c r="A125088" s="13" t="s">
        <v>578</v>
      </c>
      <c r="B125088" s="14" t="s">
        <v>1</v>
      </c>
      <c r="C125088" s="14" t="s">
        <v>200</v>
      </c>
      <c r="D125088" s="14" t="s">
        <v>579</v>
      </c>
      <c r="E125088" s="15">
        <v>45634</v>
      </c>
      <c r="F125088" s="14" t="s">
        <v>53</v>
      </c>
      <c r="G125088" s="16">
        <v>1.6367279602332621</v>
      </c>
    </row>
    <row r="125089" spans="1:7" x14ac:dyDescent="0.3">
      <c r="A125089" s="13" t="s">
        <v>578</v>
      </c>
      <c r="B125089" s="14" t="s">
        <v>1</v>
      </c>
      <c r="C125089" s="14" t="s">
        <v>200</v>
      </c>
      <c r="D125089" s="14" t="s">
        <v>579</v>
      </c>
      <c r="E125089" s="15">
        <v>45635</v>
      </c>
      <c r="F125089" s="14" t="s">
        <v>53</v>
      </c>
      <c r="G125089" s="16">
        <v>1.6421122545238427</v>
      </c>
    </row>
    <row r="125090" spans="1:7" x14ac:dyDescent="0.3">
      <c r="A125090" s="13" t="s">
        <v>578</v>
      </c>
      <c r="B125090" s="14" t="s">
        <v>1</v>
      </c>
      <c r="C125090" s="14" t="s">
        <v>200</v>
      </c>
      <c r="D125090" s="14" t="s">
        <v>579</v>
      </c>
      <c r="E125090" s="15">
        <v>45636</v>
      </c>
      <c r="F125090" s="14" t="s">
        <v>53</v>
      </c>
      <c r="G125090" s="16">
        <v>1.6604851101297218</v>
      </c>
    </row>
    <row r="125091" spans="1:7" x14ac:dyDescent="0.3">
      <c r="A125091" s="13" t="s">
        <v>578</v>
      </c>
      <c r="B125091" s="14" t="s">
        <v>1</v>
      </c>
      <c r="C125091" s="14" t="s">
        <v>200</v>
      </c>
      <c r="D125091" s="14" t="s">
        <v>579</v>
      </c>
      <c r="E125091" s="15">
        <v>45637</v>
      </c>
      <c r="F125091" s="14" t="s">
        <v>53</v>
      </c>
      <c r="G125091" s="16">
        <v>1.669441761304804</v>
      </c>
    </row>
    <row r="125092" spans="1:7" x14ac:dyDescent="0.3">
      <c r="A125092" s="13" t="s">
        <v>578</v>
      </c>
      <c r="B125092" s="14" t="s">
        <v>1</v>
      </c>
      <c r="C125092" s="14" t="s">
        <v>200</v>
      </c>
      <c r="D125092" s="14" t="s">
        <v>579</v>
      </c>
      <c r="E125092" s="15">
        <v>45638</v>
      </c>
      <c r="F125092" s="14" t="s">
        <v>53</v>
      </c>
      <c r="G125092" s="16">
        <v>1.6855044993955459</v>
      </c>
    </row>
    <row r="125093" spans="1:7" x14ac:dyDescent="0.3">
      <c r="A125093" s="13" t="s">
        <v>578</v>
      </c>
      <c r="B125093" s="14" t="s">
        <v>1</v>
      </c>
      <c r="C125093" s="14" t="s">
        <v>200</v>
      </c>
      <c r="D125093" s="14" t="s">
        <v>579</v>
      </c>
      <c r="E125093" s="15">
        <v>45639</v>
      </c>
      <c r="F125093" s="14" t="s">
        <v>53</v>
      </c>
      <c r="G125093" s="16">
        <v>1.7006221197620282</v>
      </c>
    </row>
    <row r="125094" spans="1:7" x14ac:dyDescent="0.3">
      <c r="A125094" s="13" t="s">
        <v>578</v>
      </c>
      <c r="B125094" s="14" t="s">
        <v>1</v>
      </c>
      <c r="C125094" s="14" t="s">
        <v>200</v>
      </c>
      <c r="D125094" s="14" t="s">
        <v>579</v>
      </c>
      <c r="E125094" s="15">
        <v>45640</v>
      </c>
      <c r="F125094" s="14" t="s">
        <v>53</v>
      </c>
      <c r="G125094" s="16">
        <v>1.7006221197620282</v>
      </c>
    </row>
    <row r="125095" spans="1:7" x14ac:dyDescent="0.3">
      <c r="A125095" s="13" t="s">
        <v>578</v>
      </c>
      <c r="B125095" s="14" t="s">
        <v>1</v>
      </c>
      <c r="C125095" s="14" t="s">
        <v>200</v>
      </c>
      <c r="D125095" s="14" t="s">
        <v>579</v>
      </c>
      <c r="E125095" s="15">
        <v>45641</v>
      </c>
      <c r="F125095" s="14" t="s">
        <v>53</v>
      </c>
      <c r="G125095" s="16">
        <v>1.7006221197620282</v>
      </c>
    </row>
    <row r="125096" spans="1:7" x14ac:dyDescent="0.3">
      <c r="A125096" s="13" t="s">
        <v>578</v>
      </c>
      <c r="B125096" s="14" t="s">
        <v>1</v>
      </c>
      <c r="C125096" s="14" t="s">
        <v>200</v>
      </c>
      <c r="D125096" s="14" t="s">
        <v>579</v>
      </c>
      <c r="E125096" s="15">
        <v>45642</v>
      </c>
      <c r="F125096" s="14" t="s">
        <v>53</v>
      </c>
      <c r="G125096" s="16">
        <v>1.6989764749281298</v>
      </c>
    </row>
    <row r="125097" spans="1:7" x14ac:dyDescent="0.3">
      <c r="A125097" s="13" t="s">
        <v>578</v>
      </c>
      <c r="B125097" s="14" t="s">
        <v>1</v>
      </c>
      <c r="C125097" s="14" t="s">
        <v>200</v>
      </c>
      <c r="D125097" s="14" t="s">
        <v>579</v>
      </c>
      <c r="E125097" s="15">
        <v>45643</v>
      </c>
      <c r="F125097" s="14" t="s">
        <v>53</v>
      </c>
      <c r="G125097" s="16">
        <v>1.7134462187850303</v>
      </c>
    </row>
    <row r="125098" spans="1:7" x14ac:dyDescent="0.3">
      <c r="A125098" s="13" t="s">
        <v>578</v>
      </c>
      <c r="B125098" s="14" t="s">
        <v>1</v>
      </c>
      <c r="C125098" s="14" t="s">
        <v>200</v>
      </c>
      <c r="D125098" s="14" t="s">
        <v>579</v>
      </c>
      <c r="E125098" s="15">
        <v>45644</v>
      </c>
      <c r="F125098" s="14" t="s">
        <v>53</v>
      </c>
      <c r="G125098" s="16">
        <v>1.7385486402352661</v>
      </c>
    </row>
    <row r="125099" spans="1:7" x14ac:dyDescent="0.3">
      <c r="A125099" s="13" t="s">
        <v>578</v>
      </c>
      <c r="B125099" s="14" t="s">
        <v>1</v>
      </c>
      <c r="C125099" s="14" t="s">
        <v>200</v>
      </c>
      <c r="D125099" s="14" t="s">
        <v>579</v>
      </c>
      <c r="E125099" s="15">
        <v>45645</v>
      </c>
      <c r="F125099" s="14" t="s">
        <v>53</v>
      </c>
      <c r="G125099" s="16">
        <v>1.7564197425745671</v>
      </c>
    </row>
    <row r="125100" spans="1:7" x14ac:dyDescent="0.3">
      <c r="A125100" s="13" t="s">
        <v>578</v>
      </c>
      <c r="B125100" s="14" t="s">
        <v>1</v>
      </c>
      <c r="C125100" s="14" t="s">
        <v>200</v>
      </c>
      <c r="D125100" s="14" t="s">
        <v>579</v>
      </c>
      <c r="E125100" s="15">
        <v>45646</v>
      </c>
      <c r="F125100" s="14" t="s">
        <v>53</v>
      </c>
      <c r="G125100" s="16">
        <v>1.7566917546512941</v>
      </c>
    </row>
    <row r="125101" spans="1:7" x14ac:dyDescent="0.3">
      <c r="A125101" s="13" t="s">
        <v>578</v>
      </c>
      <c r="B125101" s="14" t="s">
        <v>1</v>
      </c>
      <c r="C125101" s="14" t="s">
        <v>200</v>
      </c>
      <c r="D125101" s="14" t="s">
        <v>579</v>
      </c>
      <c r="E125101" s="15">
        <v>45647</v>
      </c>
      <c r="F125101" s="14" t="s">
        <v>53</v>
      </c>
      <c r="G125101" s="16">
        <v>1.7566917546512941</v>
      </c>
    </row>
    <row r="125102" spans="1:7" x14ac:dyDescent="0.3">
      <c r="A125102" s="13" t="s">
        <v>578</v>
      </c>
      <c r="B125102" s="14" t="s">
        <v>1</v>
      </c>
      <c r="C125102" s="14" t="s">
        <v>200</v>
      </c>
      <c r="D125102" s="14" t="s">
        <v>579</v>
      </c>
      <c r="E125102" s="15">
        <v>45648</v>
      </c>
      <c r="F125102" s="14" t="s">
        <v>53</v>
      </c>
      <c r="G125102" s="16">
        <v>1.7566917546512941</v>
      </c>
    </row>
    <row r="125103" spans="1:7" x14ac:dyDescent="0.3">
      <c r="A125103" s="13" t="s">
        <v>578</v>
      </c>
      <c r="B125103" s="14" t="s">
        <v>1</v>
      </c>
      <c r="C125103" s="14" t="s">
        <v>200</v>
      </c>
      <c r="D125103" s="14" t="s">
        <v>579</v>
      </c>
      <c r="E125103" s="15">
        <v>45649</v>
      </c>
      <c r="F125103" s="14" t="s">
        <v>53</v>
      </c>
      <c r="G125103" s="16">
        <v>1.768555495070006</v>
      </c>
    </row>
    <row r="125104" spans="1:7" x14ac:dyDescent="0.3">
      <c r="A125104" s="13" t="s">
        <v>578</v>
      </c>
      <c r="B125104" s="14" t="s">
        <v>1</v>
      </c>
      <c r="C125104" s="14" t="s">
        <v>200</v>
      </c>
      <c r="D125104" s="14" t="s">
        <v>579</v>
      </c>
      <c r="E125104" s="15">
        <v>45650</v>
      </c>
      <c r="F125104" s="14" t="s">
        <v>53</v>
      </c>
      <c r="G125104" s="16">
        <v>1.7857239899096946</v>
      </c>
    </row>
    <row r="125105" spans="1:7" x14ac:dyDescent="0.3">
      <c r="A125105" s="13" t="s">
        <v>578</v>
      </c>
      <c r="B125105" s="14" t="s">
        <v>1</v>
      </c>
      <c r="C125105" s="14" t="s">
        <v>200</v>
      </c>
      <c r="D125105" s="14" t="s">
        <v>579</v>
      </c>
      <c r="E125105" s="15">
        <v>45651</v>
      </c>
      <c r="F125105" s="14" t="s">
        <v>53</v>
      </c>
      <c r="G125105" s="16">
        <v>1.7857239899096946</v>
      </c>
    </row>
    <row r="125106" spans="1:7" x14ac:dyDescent="0.3">
      <c r="A125106" s="13" t="s">
        <v>578</v>
      </c>
      <c r="B125106" s="14" t="s">
        <v>1</v>
      </c>
      <c r="C125106" s="14" t="s">
        <v>200</v>
      </c>
      <c r="D125106" s="14" t="s">
        <v>579</v>
      </c>
      <c r="E125106" s="15">
        <v>45652</v>
      </c>
      <c r="F125106" s="14" t="s">
        <v>53</v>
      </c>
      <c r="G125106" s="16">
        <v>1.7857239899096946</v>
      </c>
    </row>
    <row r="125107" spans="1:7" x14ac:dyDescent="0.3">
      <c r="A125107" s="13" t="s">
        <v>578</v>
      </c>
      <c r="B125107" s="14" t="s">
        <v>1</v>
      </c>
      <c r="C125107" s="14" t="s">
        <v>200</v>
      </c>
      <c r="D125107" s="14" t="s">
        <v>579</v>
      </c>
      <c r="E125107" s="15">
        <v>45653</v>
      </c>
      <c r="F125107" s="14" t="s">
        <v>53</v>
      </c>
      <c r="G125107" s="16">
        <v>1.7857239899096946</v>
      </c>
    </row>
    <row r="125108" spans="1:7" x14ac:dyDescent="0.3">
      <c r="A125108" s="13" t="s">
        <v>578</v>
      </c>
      <c r="B125108" s="14" t="s">
        <v>1</v>
      </c>
      <c r="C125108" s="14" t="s">
        <v>200</v>
      </c>
      <c r="D125108" s="14" t="s">
        <v>579</v>
      </c>
      <c r="E125108" s="15">
        <v>45654</v>
      </c>
      <c r="F125108" s="14" t="s">
        <v>53</v>
      </c>
      <c r="G125108" s="16">
        <v>1.7857239899096946</v>
      </c>
    </row>
    <row r="125109" spans="1:7" x14ac:dyDescent="0.3">
      <c r="A125109" s="13" t="s">
        <v>578</v>
      </c>
      <c r="B125109" s="14" t="s">
        <v>1</v>
      </c>
      <c r="C125109" s="14" t="s">
        <v>200</v>
      </c>
      <c r="D125109" s="14" t="s">
        <v>579</v>
      </c>
      <c r="E125109" s="15">
        <v>45655</v>
      </c>
      <c r="F125109" s="14" t="s">
        <v>53</v>
      </c>
      <c r="G125109" s="16">
        <v>1.7857239899096946</v>
      </c>
    </row>
    <row r="125110" spans="1:7" x14ac:dyDescent="0.3">
      <c r="A125110" s="13" t="s">
        <v>578</v>
      </c>
      <c r="B125110" s="14" t="s">
        <v>1</v>
      </c>
      <c r="C125110" s="14" t="s">
        <v>200</v>
      </c>
      <c r="D125110" s="14" t="s">
        <v>579</v>
      </c>
      <c r="E125110" s="15">
        <v>45656</v>
      </c>
      <c r="F125110" s="14" t="s">
        <v>53</v>
      </c>
      <c r="G125110" s="16">
        <v>1.7915925223833562</v>
      </c>
    </row>
    <row r="125111" spans="1:7" x14ac:dyDescent="0.3">
      <c r="A125111" s="13" t="s">
        <v>578</v>
      </c>
      <c r="B125111" s="14" t="s">
        <v>1</v>
      </c>
      <c r="C125111" s="14" t="s">
        <v>200</v>
      </c>
      <c r="D125111" s="14" t="s">
        <v>579</v>
      </c>
      <c r="E125111" s="15">
        <v>45657</v>
      </c>
      <c r="F125111" s="14" t="s">
        <v>53</v>
      </c>
      <c r="G125111" s="16">
        <v>1.8384643505317875</v>
      </c>
    </row>
    <row r="125112" spans="1:7" x14ac:dyDescent="0.3">
      <c r="A125112" s="13" t="s">
        <v>578</v>
      </c>
      <c r="B125112" s="14" t="s">
        <v>1</v>
      </c>
      <c r="C125112" s="14" t="s">
        <v>200</v>
      </c>
      <c r="D125112" s="14" t="s">
        <v>579</v>
      </c>
      <c r="E125112" s="15">
        <v>45658</v>
      </c>
      <c r="F125112" s="14" t="s">
        <v>53</v>
      </c>
      <c r="G125112" s="16">
        <v>1.8384643505317875</v>
      </c>
    </row>
    <row r="125113" spans="1:7" x14ac:dyDescent="0.3">
      <c r="A125113" s="13" t="s">
        <v>578</v>
      </c>
      <c r="B125113" s="14" t="s">
        <v>1</v>
      </c>
      <c r="C125113" s="14" t="s">
        <v>200</v>
      </c>
      <c r="D125113" s="14" t="s">
        <v>579</v>
      </c>
      <c r="E125113" s="15">
        <v>45659</v>
      </c>
      <c r="F125113" s="14" t="s">
        <v>53</v>
      </c>
      <c r="G125113" s="16">
        <v>1.8657008719596788</v>
      </c>
    </row>
    <row r="125114" spans="1:7" x14ac:dyDescent="0.3">
      <c r="A125114" s="13" t="s">
        <v>578</v>
      </c>
      <c r="B125114" s="14" t="s">
        <v>1</v>
      </c>
      <c r="C125114" s="14" t="s">
        <v>200</v>
      </c>
      <c r="D125114" s="14" t="s">
        <v>579</v>
      </c>
      <c r="E125114" s="15">
        <v>45660</v>
      </c>
      <c r="F125114" s="14" t="s">
        <v>53</v>
      </c>
      <c r="G125114" s="16">
        <v>1.8684888483465985</v>
      </c>
    </row>
    <row r="125115" spans="1:7" x14ac:dyDescent="0.3">
      <c r="A125115" s="13" t="s">
        <v>578</v>
      </c>
      <c r="B125115" s="14" t="s">
        <v>1</v>
      </c>
      <c r="C125115" s="14" t="s">
        <v>200</v>
      </c>
      <c r="D125115" s="14" t="s">
        <v>579</v>
      </c>
      <c r="E125115" s="15">
        <v>45661</v>
      </c>
      <c r="F125115" s="14" t="s">
        <v>53</v>
      </c>
      <c r="G125115" s="16">
        <v>1.8684888483465985</v>
      </c>
    </row>
    <row r="125116" spans="1:7" x14ac:dyDescent="0.3">
      <c r="A125116" s="13" t="s">
        <v>578</v>
      </c>
      <c r="B125116" s="14" t="s">
        <v>1</v>
      </c>
      <c r="C125116" s="14" t="s">
        <v>200</v>
      </c>
      <c r="D125116" s="14" t="s">
        <v>579</v>
      </c>
      <c r="E125116" s="15">
        <v>45662</v>
      </c>
      <c r="F125116" s="14" t="s">
        <v>53</v>
      </c>
      <c r="G125116" s="16">
        <v>1.8684888483465985</v>
      </c>
    </row>
    <row r="125117" spans="1:7" x14ac:dyDescent="0.3">
      <c r="A125117" s="13" t="s">
        <v>578</v>
      </c>
      <c r="B125117" s="14" t="s">
        <v>1</v>
      </c>
      <c r="C125117" s="14" t="s">
        <v>200</v>
      </c>
      <c r="D125117" s="14" t="s">
        <v>579</v>
      </c>
      <c r="E125117" s="15">
        <v>45663</v>
      </c>
      <c r="F125117" s="14" t="s">
        <v>53</v>
      </c>
      <c r="G125117" s="16">
        <v>1.8597903425296789</v>
      </c>
    </row>
    <row r="125118" spans="1:7" x14ac:dyDescent="0.3">
      <c r="A125118" s="13" t="s">
        <v>578</v>
      </c>
      <c r="B125118" s="14" t="s">
        <v>1</v>
      </c>
      <c r="C125118" s="14" t="s">
        <v>200</v>
      </c>
      <c r="D125118" s="14" t="s">
        <v>579</v>
      </c>
      <c r="E125118" s="15">
        <v>45664</v>
      </c>
      <c r="F125118" s="14" t="s">
        <v>53</v>
      </c>
      <c r="G125118" s="16">
        <v>1.8867309719921872</v>
      </c>
    </row>
    <row r="125119" spans="1:7" x14ac:dyDescent="0.3">
      <c r="A125119" s="13" t="s">
        <v>578</v>
      </c>
      <c r="B125119" s="14" t="s">
        <v>1</v>
      </c>
      <c r="C125119" s="14" t="s">
        <v>200</v>
      </c>
      <c r="D125119" s="14" t="s">
        <v>579</v>
      </c>
      <c r="E125119" s="15">
        <v>45665</v>
      </c>
      <c r="F125119" s="14" t="s">
        <v>53</v>
      </c>
      <c r="G125119" s="16">
        <v>1.9108099687672058</v>
      </c>
    </row>
    <row r="125120" spans="1:7" x14ac:dyDescent="0.3">
      <c r="A125120" s="13" t="s">
        <v>578</v>
      </c>
      <c r="B125120" s="14" t="s">
        <v>1</v>
      </c>
      <c r="C125120" s="14" t="s">
        <v>200</v>
      </c>
      <c r="D125120" s="14" t="s">
        <v>579</v>
      </c>
      <c r="E125120" s="15">
        <v>45666</v>
      </c>
      <c r="F125120" s="14" t="s">
        <v>53</v>
      </c>
      <c r="G125120" s="16">
        <v>1.9108099687672058</v>
      </c>
    </row>
    <row r="125121" spans="1:7" x14ac:dyDescent="0.3">
      <c r="A125121" s="13" t="s">
        <v>578</v>
      </c>
      <c r="B125121" s="14" t="s">
        <v>1</v>
      </c>
      <c r="C125121" s="14" t="s">
        <v>200</v>
      </c>
      <c r="D125121" s="14" t="s">
        <v>579</v>
      </c>
      <c r="E125121" s="15">
        <v>45667</v>
      </c>
      <c r="F125121" s="14" t="s">
        <v>53</v>
      </c>
      <c r="G125121" s="16">
        <v>1.9465264741772386</v>
      </c>
    </row>
    <row r="125122" spans="1:7" x14ac:dyDescent="0.3">
      <c r="A125122" s="13" t="s">
        <v>578</v>
      </c>
      <c r="B125122" s="14" t="s">
        <v>1</v>
      </c>
      <c r="C125122" s="14" t="s">
        <v>200</v>
      </c>
      <c r="D125122" s="14" t="s">
        <v>579</v>
      </c>
      <c r="E125122" s="15">
        <v>45668</v>
      </c>
      <c r="F125122" s="14" t="s">
        <v>53</v>
      </c>
      <c r="G125122" s="16">
        <v>1.9465264741772386</v>
      </c>
    </row>
    <row r="125123" spans="1:7" x14ac:dyDescent="0.3">
      <c r="A125123" s="13" t="s">
        <v>578</v>
      </c>
      <c r="B125123" s="14" t="s">
        <v>1</v>
      </c>
      <c r="C125123" s="14" t="s">
        <v>200</v>
      </c>
      <c r="D125123" s="14" t="s">
        <v>579</v>
      </c>
      <c r="E125123" s="15">
        <v>45669</v>
      </c>
      <c r="F125123" s="14" t="s">
        <v>53</v>
      </c>
      <c r="G125123" s="16">
        <v>1.9465264741772386</v>
      </c>
    </row>
    <row r="125124" spans="1:7" x14ac:dyDescent="0.3">
      <c r="A125124" s="13" t="s">
        <v>578</v>
      </c>
      <c r="B125124" s="14" t="s">
        <v>1</v>
      </c>
      <c r="C125124" s="14" t="s">
        <v>200</v>
      </c>
      <c r="D125124" s="14" t="s">
        <v>579</v>
      </c>
      <c r="E125124" s="15">
        <v>45670</v>
      </c>
      <c r="F125124" s="14" t="s">
        <v>53</v>
      </c>
      <c r="G125124" s="16">
        <v>1.9592972571844784</v>
      </c>
    </row>
    <row r="125125" spans="1:7" x14ac:dyDescent="0.3">
      <c r="A125125" s="13" t="s">
        <v>578</v>
      </c>
      <c r="B125125" s="14" t="s">
        <v>1</v>
      </c>
      <c r="C125125" s="14" t="s">
        <v>200</v>
      </c>
      <c r="D125125" s="14" t="s">
        <v>579</v>
      </c>
      <c r="E125125" s="15">
        <v>45671</v>
      </c>
      <c r="F125125" s="14" t="s">
        <v>53</v>
      </c>
      <c r="G125125" s="16">
        <v>1.9742425492536919</v>
      </c>
    </row>
    <row r="125126" spans="1:7" x14ac:dyDescent="0.3">
      <c r="A125126" s="13" t="s">
        <v>578</v>
      </c>
      <c r="B125126" s="14" t="s">
        <v>1</v>
      </c>
      <c r="C125126" s="14" t="s">
        <v>200</v>
      </c>
      <c r="D125126" s="14" t="s">
        <v>579</v>
      </c>
      <c r="E125126" s="15">
        <v>45672</v>
      </c>
      <c r="F125126" s="14" t="s">
        <v>53</v>
      </c>
      <c r="G125126" s="16">
        <v>1.9754185231026462</v>
      </c>
    </row>
    <row r="125127" spans="1:7" x14ac:dyDescent="0.3">
      <c r="A125127" s="13" t="s">
        <v>578</v>
      </c>
      <c r="B125127" s="14" t="s">
        <v>1</v>
      </c>
      <c r="C125127" s="14" t="s">
        <v>200</v>
      </c>
      <c r="D125127" s="14" t="s">
        <v>579</v>
      </c>
      <c r="E125127" s="15">
        <v>45673</v>
      </c>
      <c r="F125127" s="14" t="s">
        <v>53</v>
      </c>
      <c r="G125127" s="16">
        <v>1.9810538642823385</v>
      </c>
    </row>
    <row r="125128" spans="1:7" x14ac:dyDescent="0.3">
      <c r="A125128" s="13" t="s">
        <v>578</v>
      </c>
      <c r="B125128" s="14" t="s">
        <v>1</v>
      </c>
      <c r="C125128" s="14" t="s">
        <v>200</v>
      </c>
      <c r="D125128" s="14" t="s">
        <v>579</v>
      </c>
      <c r="E125128" s="15">
        <v>45674</v>
      </c>
      <c r="F125128" s="14" t="s">
        <v>53</v>
      </c>
      <c r="G125128" s="16">
        <v>1.9983088065782171</v>
      </c>
    </row>
    <row r="125129" spans="1:7" x14ac:dyDescent="0.3">
      <c r="A125129" s="13" t="s">
        <v>578</v>
      </c>
      <c r="B125129" s="14" t="s">
        <v>1</v>
      </c>
      <c r="C125129" s="14" t="s">
        <v>200</v>
      </c>
      <c r="D125129" s="14" t="s">
        <v>579</v>
      </c>
      <c r="E125129" s="15">
        <v>45675</v>
      </c>
      <c r="F125129" s="14" t="s">
        <v>53</v>
      </c>
      <c r="G125129" s="16">
        <v>1.9983088065782171</v>
      </c>
    </row>
    <row r="125130" spans="1:7" x14ac:dyDescent="0.3">
      <c r="A125130" s="13" t="s">
        <v>578</v>
      </c>
      <c r="B125130" s="14" t="s">
        <v>1</v>
      </c>
      <c r="C125130" s="14" t="s">
        <v>200</v>
      </c>
      <c r="D125130" s="14" t="s">
        <v>579</v>
      </c>
      <c r="E125130" s="15">
        <v>45676</v>
      </c>
      <c r="F125130" s="14" t="s">
        <v>53</v>
      </c>
      <c r="G125130" s="16">
        <v>1.9983088065782171</v>
      </c>
    </row>
    <row r="125131" spans="1:7" x14ac:dyDescent="0.3">
      <c r="A125131" s="13" t="s">
        <v>578</v>
      </c>
      <c r="B125131" s="14" t="s">
        <v>1</v>
      </c>
      <c r="C125131" s="14" t="s">
        <v>200</v>
      </c>
      <c r="D125131" s="14" t="s">
        <v>579</v>
      </c>
      <c r="E125131" s="15">
        <v>45677</v>
      </c>
      <c r="F125131" s="14" t="s">
        <v>53</v>
      </c>
      <c r="G125131" s="16">
        <v>1.9983088065782171</v>
      </c>
    </row>
    <row r="125132" spans="1:7" x14ac:dyDescent="0.3">
      <c r="A125132" s="13" t="s">
        <v>578</v>
      </c>
      <c r="B125132" s="14" t="s">
        <v>1</v>
      </c>
      <c r="C125132" s="14" t="s">
        <v>200</v>
      </c>
      <c r="D125132" s="14" t="s">
        <v>579</v>
      </c>
      <c r="E125132" s="15">
        <v>45678</v>
      </c>
      <c r="F125132" s="14" t="s">
        <v>53</v>
      </c>
      <c r="G125132" s="16">
        <v>1.9750076203969793</v>
      </c>
    </row>
    <row r="125133" spans="1:7" x14ac:dyDescent="0.3">
      <c r="A125133" s="13" t="s">
        <v>578</v>
      </c>
      <c r="B125133" s="14" t="s">
        <v>1</v>
      </c>
      <c r="C125133" s="14" t="s">
        <v>200</v>
      </c>
      <c r="D125133" s="14" t="s">
        <v>579</v>
      </c>
      <c r="E125133" s="15">
        <v>45679</v>
      </c>
      <c r="F125133" s="14" t="s">
        <v>53</v>
      </c>
      <c r="G125133" s="16">
        <v>2.0028477148272272</v>
      </c>
    </row>
    <row r="125134" spans="1:7" x14ac:dyDescent="0.3">
      <c r="A125134" s="13" t="s">
        <v>578</v>
      </c>
      <c r="B125134" s="14" t="s">
        <v>1</v>
      </c>
      <c r="C125134" s="14" t="s">
        <v>200</v>
      </c>
      <c r="D125134" s="14" t="s">
        <v>579</v>
      </c>
      <c r="E125134" s="15">
        <v>45680</v>
      </c>
      <c r="F125134" s="14" t="s">
        <v>53</v>
      </c>
      <c r="G125134" s="16">
        <v>2.0031720998970912</v>
      </c>
    </row>
    <row r="125135" spans="1:7" x14ac:dyDescent="0.3">
      <c r="A125135" s="13" t="s">
        <v>578</v>
      </c>
      <c r="B125135" s="14" t="s">
        <v>1</v>
      </c>
      <c r="C125135" s="14" t="s">
        <v>200</v>
      </c>
      <c r="D125135" s="14" t="s">
        <v>579</v>
      </c>
      <c r="E125135" s="15">
        <v>45681</v>
      </c>
      <c r="F125135" s="14" t="s">
        <v>53</v>
      </c>
      <c r="G125135" s="16">
        <v>1.9872216329596339</v>
      </c>
    </row>
    <row r="125136" spans="1:7" x14ac:dyDescent="0.3">
      <c r="A125136" s="13" t="s">
        <v>578</v>
      </c>
      <c r="B125136" s="14" t="s">
        <v>1</v>
      </c>
      <c r="C125136" s="14" t="s">
        <v>200</v>
      </c>
      <c r="D125136" s="14" t="s">
        <v>579</v>
      </c>
      <c r="E125136" s="15">
        <v>45682</v>
      </c>
      <c r="F125136" s="14" t="s">
        <v>53</v>
      </c>
      <c r="G125136" s="16">
        <v>1.9872216329596339</v>
      </c>
    </row>
    <row r="125137" spans="1:7" x14ac:dyDescent="0.3">
      <c r="A125137" s="13" t="s">
        <v>578</v>
      </c>
      <c r="B125137" s="14" t="s">
        <v>1</v>
      </c>
      <c r="C125137" s="14" t="s">
        <v>200</v>
      </c>
      <c r="D125137" s="14" t="s">
        <v>579</v>
      </c>
      <c r="E125137" s="15">
        <v>45683</v>
      </c>
      <c r="F125137" s="14" t="s">
        <v>53</v>
      </c>
      <c r="G125137" s="16">
        <v>1.9872216329596339</v>
      </c>
    </row>
    <row r="125138" spans="1:7" x14ac:dyDescent="0.3">
      <c r="A125138" s="13" t="s">
        <v>578</v>
      </c>
      <c r="B125138" s="14" t="s">
        <v>1</v>
      </c>
      <c r="C125138" s="14" t="s">
        <v>200</v>
      </c>
      <c r="D125138" s="14" t="s">
        <v>579</v>
      </c>
      <c r="E125138" s="15">
        <v>45684</v>
      </c>
      <c r="F125138" s="14" t="s">
        <v>53</v>
      </c>
      <c r="G125138" s="16">
        <v>1.989613461111976</v>
      </c>
    </row>
    <row r="125139" spans="1:7" x14ac:dyDescent="0.3">
      <c r="A125139" s="13" t="s">
        <v>578</v>
      </c>
      <c r="B125139" s="14" t="s">
        <v>1</v>
      </c>
      <c r="C125139" s="14" t="s">
        <v>200</v>
      </c>
      <c r="D125139" s="14" t="s">
        <v>579</v>
      </c>
      <c r="E125139" s="15">
        <v>45685</v>
      </c>
      <c r="F125139" s="14" t="s">
        <v>53</v>
      </c>
      <c r="G125139" s="16">
        <v>2.0162312531996092</v>
      </c>
    </row>
    <row r="125140" spans="1:7" x14ac:dyDescent="0.3">
      <c r="A125140" s="13" t="s">
        <v>578</v>
      </c>
      <c r="B125140" s="14" t="s">
        <v>1</v>
      </c>
      <c r="C125140" s="14" t="s">
        <v>200</v>
      </c>
      <c r="D125140" s="14" t="s">
        <v>579</v>
      </c>
      <c r="E125140" s="15">
        <v>45686</v>
      </c>
      <c r="F125140" s="14" t="s">
        <v>53</v>
      </c>
      <c r="G125140" s="16">
        <v>2.0200026876471564</v>
      </c>
    </row>
    <row r="125141" spans="1:7" x14ac:dyDescent="0.3">
      <c r="A125141" s="13" t="s">
        <v>578</v>
      </c>
      <c r="B125141" s="14" t="s">
        <v>1</v>
      </c>
      <c r="C125141" s="14" t="s">
        <v>200</v>
      </c>
      <c r="D125141" s="14" t="s">
        <v>579</v>
      </c>
      <c r="E125141" s="15">
        <v>45687</v>
      </c>
      <c r="F125141" s="14" t="s">
        <v>53</v>
      </c>
      <c r="G125141" s="16">
        <v>2.0299523238095882</v>
      </c>
    </row>
    <row r="125142" spans="1:7" x14ac:dyDescent="0.3">
      <c r="A125142" s="13" t="s">
        <v>578</v>
      </c>
      <c r="B125142" s="14" t="s">
        <v>1</v>
      </c>
      <c r="C125142" s="14" t="s">
        <v>200</v>
      </c>
      <c r="D125142" s="14" t="s">
        <v>579</v>
      </c>
      <c r="E125142" s="15">
        <v>45688</v>
      </c>
      <c r="F125142" s="14" t="s">
        <v>53</v>
      </c>
      <c r="G125142" s="16">
        <v>2.0401980268482811</v>
      </c>
    </row>
    <row r="125143" spans="1:7" x14ac:dyDescent="0.3">
      <c r="A125143" s="13" t="s">
        <v>578</v>
      </c>
      <c r="B125143" s="14" t="s">
        <v>1</v>
      </c>
      <c r="C125143" s="14" t="s">
        <v>200</v>
      </c>
      <c r="D125143" s="14" t="s">
        <v>579</v>
      </c>
      <c r="E125143" s="15">
        <v>45689</v>
      </c>
      <c r="F125143" s="14" t="s">
        <v>53</v>
      </c>
      <c r="G125143" s="16">
        <v>2.0401980268482811</v>
      </c>
    </row>
    <row r="125144" spans="1:7" x14ac:dyDescent="0.3">
      <c r="A125144" s="13" t="s">
        <v>578</v>
      </c>
      <c r="B125144" s="14" t="s">
        <v>1</v>
      </c>
      <c r="C125144" s="14" t="s">
        <v>200</v>
      </c>
      <c r="D125144" s="14" t="s">
        <v>579</v>
      </c>
      <c r="E125144" s="15">
        <v>45690</v>
      </c>
      <c r="F125144" s="14" t="s">
        <v>53</v>
      </c>
      <c r="G125144" s="16">
        <v>2.0401980268482811</v>
      </c>
    </row>
    <row r="125145" spans="1:7" x14ac:dyDescent="0.3">
      <c r="A125145" s="13" t="s">
        <v>578</v>
      </c>
      <c r="B125145" s="14" t="s">
        <v>1</v>
      </c>
      <c r="C125145" s="14" t="s">
        <v>200</v>
      </c>
      <c r="D125145" s="14" t="s">
        <v>579</v>
      </c>
      <c r="E125145" s="15">
        <v>45691</v>
      </c>
      <c r="F125145" s="14" t="s">
        <v>53</v>
      </c>
      <c r="G125145" s="16">
        <v>2.0401980268482811</v>
      </c>
    </row>
    <row r="125146" spans="1:7" x14ac:dyDescent="0.3">
      <c r="A125146" s="13" t="s">
        <v>578</v>
      </c>
      <c r="B125146" s="14" t="s">
        <v>1</v>
      </c>
      <c r="C125146" s="14" t="s">
        <v>200</v>
      </c>
      <c r="D125146" s="14" t="s">
        <v>579</v>
      </c>
      <c r="E125146" s="15">
        <v>45692</v>
      </c>
      <c r="F125146" s="14" t="s">
        <v>53</v>
      </c>
      <c r="G125146" s="16">
        <v>2.0324360756760407</v>
      </c>
    </row>
    <row r="125147" spans="1:7" x14ac:dyDescent="0.3">
      <c r="A125147" s="13" t="s">
        <v>578</v>
      </c>
      <c r="B125147" s="14" t="s">
        <v>1</v>
      </c>
      <c r="C125147" s="14" t="s">
        <v>200</v>
      </c>
      <c r="D125147" s="14" t="s">
        <v>579</v>
      </c>
      <c r="E125147" s="15">
        <v>45693</v>
      </c>
      <c r="F125147" s="14" t="s">
        <v>53</v>
      </c>
      <c r="G125147" s="16">
        <v>2.0525975304436646</v>
      </c>
    </row>
    <row r="125148" spans="1:7" x14ac:dyDescent="0.3">
      <c r="A125148" s="13" t="s">
        <v>578</v>
      </c>
      <c r="B125148" s="14" t="s">
        <v>1</v>
      </c>
      <c r="C125148" s="14" t="s">
        <v>200</v>
      </c>
      <c r="D125148" s="14" t="s">
        <v>579</v>
      </c>
      <c r="E125148" s="15">
        <v>45694</v>
      </c>
      <c r="F125148" s="14" t="s">
        <v>53</v>
      </c>
      <c r="G125148" s="16">
        <v>2.070653650142237</v>
      </c>
    </row>
    <row r="125149" spans="1:7" x14ac:dyDescent="0.3">
      <c r="A125149" s="13" t="s">
        <v>578</v>
      </c>
      <c r="B125149" s="14" t="s">
        <v>1</v>
      </c>
      <c r="C125149" s="14" t="s">
        <v>200</v>
      </c>
      <c r="D125149" s="14" t="s">
        <v>579</v>
      </c>
      <c r="E125149" s="15">
        <v>45695</v>
      </c>
      <c r="F125149" s="14" t="s">
        <v>53</v>
      </c>
      <c r="G125149" s="16">
        <v>2.0810945869041531</v>
      </c>
    </row>
    <row r="125150" spans="1:7" x14ac:dyDescent="0.3">
      <c r="A125150" s="13" t="s">
        <v>578</v>
      </c>
      <c r="B125150" s="14" t="s">
        <v>1</v>
      </c>
      <c r="C125150" s="14" t="s">
        <v>200</v>
      </c>
      <c r="D125150" s="14" t="s">
        <v>579</v>
      </c>
      <c r="E125150" s="15">
        <v>45696</v>
      </c>
      <c r="F125150" s="14" t="s">
        <v>53</v>
      </c>
      <c r="G125150" s="16">
        <v>2.0810945869041531</v>
      </c>
    </row>
    <row r="125151" spans="1:7" x14ac:dyDescent="0.3">
      <c r="A125151" s="13" t="s">
        <v>578</v>
      </c>
      <c r="B125151" s="14" t="s">
        <v>1</v>
      </c>
      <c r="C125151" s="14" t="s">
        <v>200</v>
      </c>
      <c r="D125151" s="14" t="s">
        <v>579</v>
      </c>
      <c r="E125151" s="15">
        <v>45697</v>
      </c>
      <c r="F125151" s="14" t="s">
        <v>53</v>
      </c>
      <c r="G125151" s="16">
        <v>2.0810945869041531</v>
      </c>
    </row>
    <row r="125152" spans="1:7" x14ac:dyDescent="0.3">
      <c r="A125152" s="13" t="s">
        <v>578</v>
      </c>
      <c r="B125152" s="14" t="s">
        <v>1</v>
      </c>
      <c r="C125152" s="14" t="s">
        <v>200</v>
      </c>
      <c r="D125152" s="14" t="s">
        <v>579</v>
      </c>
      <c r="E125152" s="15">
        <v>45698</v>
      </c>
      <c r="F125152" s="14" t="s">
        <v>53</v>
      </c>
      <c r="G125152" s="16">
        <v>2.094057170843469</v>
      </c>
    </row>
    <row r="125153" spans="1:7" x14ac:dyDescent="0.3">
      <c r="A125153" s="13" t="s">
        <v>578</v>
      </c>
      <c r="B125153" s="14" t="s">
        <v>1</v>
      </c>
      <c r="C125153" s="14" t="s">
        <v>200</v>
      </c>
      <c r="D125153" s="14" t="s">
        <v>579</v>
      </c>
      <c r="E125153" s="15">
        <v>45699</v>
      </c>
      <c r="F125153" s="14" t="s">
        <v>53</v>
      </c>
      <c r="G125153" s="16">
        <v>2.1006408907922252</v>
      </c>
    </row>
    <row r="125154" spans="1:7" x14ac:dyDescent="0.3">
      <c r="A125154" s="13" t="s">
        <v>578</v>
      </c>
      <c r="B125154" s="14" t="s">
        <v>1</v>
      </c>
      <c r="C125154" s="14" t="s">
        <v>200</v>
      </c>
      <c r="D125154" s="14" t="s">
        <v>579</v>
      </c>
      <c r="E125154" s="15">
        <v>45700</v>
      </c>
      <c r="F125154" s="14" t="s">
        <v>53</v>
      </c>
      <c r="G125154" s="16">
        <v>2.107844304536282</v>
      </c>
    </row>
    <row r="125155" spans="1:7" x14ac:dyDescent="0.3">
      <c r="A125155" s="13" t="s">
        <v>578</v>
      </c>
      <c r="B125155" s="14" t="s">
        <v>1</v>
      </c>
      <c r="C125155" s="14" t="s">
        <v>200</v>
      </c>
      <c r="D125155" s="14" t="s">
        <v>579</v>
      </c>
      <c r="E125155" s="15">
        <v>45701</v>
      </c>
      <c r="F125155" s="14" t="s">
        <v>53</v>
      </c>
      <c r="G125155" s="16">
        <v>2.0953279233973032</v>
      </c>
    </row>
    <row r="125156" spans="1:7" x14ac:dyDescent="0.3">
      <c r="A125156" s="13" t="s">
        <v>578</v>
      </c>
      <c r="B125156" s="14" t="s">
        <v>1</v>
      </c>
      <c r="C125156" s="14" t="s">
        <v>200</v>
      </c>
      <c r="D125156" s="14" t="s">
        <v>579</v>
      </c>
      <c r="E125156" s="15">
        <v>45702</v>
      </c>
      <c r="F125156" s="14" t="s">
        <v>53</v>
      </c>
      <c r="G125156" s="16">
        <v>2.0987127526296634</v>
      </c>
    </row>
    <row r="125157" spans="1:7" x14ac:dyDescent="0.3">
      <c r="A125157" s="13" t="s">
        <v>578</v>
      </c>
      <c r="B125157" s="14" t="s">
        <v>1</v>
      </c>
      <c r="C125157" s="14" t="s">
        <v>200</v>
      </c>
      <c r="D125157" s="14" t="s">
        <v>579</v>
      </c>
      <c r="E125157" s="15">
        <v>45703</v>
      </c>
      <c r="F125157" s="14" t="s">
        <v>53</v>
      </c>
      <c r="G125157" s="16">
        <v>2.0987127526296634</v>
      </c>
    </row>
    <row r="125158" spans="1:7" x14ac:dyDescent="0.3">
      <c r="A125158" s="13" t="s">
        <v>578</v>
      </c>
      <c r="B125158" s="14" t="s">
        <v>1</v>
      </c>
      <c r="C125158" s="14" t="s">
        <v>200</v>
      </c>
      <c r="D125158" s="14" t="s">
        <v>579</v>
      </c>
      <c r="E125158" s="15">
        <v>45704</v>
      </c>
      <c r="F125158" s="14" t="s">
        <v>53</v>
      </c>
      <c r="G125158" s="16">
        <v>2.0987127526296634</v>
      </c>
    </row>
    <row r="125159" spans="1:7" x14ac:dyDescent="0.3">
      <c r="A125159" s="13" t="s">
        <v>578</v>
      </c>
      <c r="B125159" s="14" t="s">
        <v>1</v>
      </c>
      <c r="C125159" s="14" t="s">
        <v>200</v>
      </c>
      <c r="D125159" s="14" t="s">
        <v>579</v>
      </c>
      <c r="E125159" s="15">
        <v>45705</v>
      </c>
      <c r="F125159" s="14" t="s">
        <v>53</v>
      </c>
      <c r="G125159" s="16">
        <v>2.0987127526296634</v>
      </c>
    </row>
    <row r="125160" spans="1:7" x14ac:dyDescent="0.3">
      <c r="A125160" s="13" t="s">
        <v>578</v>
      </c>
      <c r="B125160" s="14" t="s">
        <v>1</v>
      </c>
      <c r="C125160" s="14" t="s">
        <v>200</v>
      </c>
      <c r="D125160" s="14" t="s">
        <v>579</v>
      </c>
      <c r="E125160" s="15">
        <v>45706</v>
      </c>
      <c r="F125160" s="14" t="s">
        <v>53</v>
      </c>
      <c r="G125160" s="16">
        <v>2.1011228932878976</v>
      </c>
    </row>
    <row r="125161" spans="1:7" x14ac:dyDescent="0.3">
      <c r="A125161" s="13" t="s">
        <v>578</v>
      </c>
      <c r="B125161" s="14" t="s">
        <v>1</v>
      </c>
      <c r="C125161" s="14" t="s">
        <v>200</v>
      </c>
      <c r="D125161" s="14" t="s">
        <v>579</v>
      </c>
      <c r="E125161" s="15">
        <v>45707</v>
      </c>
      <c r="F125161" s="14" t="s">
        <v>53</v>
      </c>
      <c r="G125161" s="16">
        <v>2.1302228262910341</v>
      </c>
    </row>
    <row r="125162" spans="1:7" x14ac:dyDescent="0.3">
      <c r="A125162" s="13" t="s">
        <v>578</v>
      </c>
      <c r="B125162" s="14" t="s">
        <v>1</v>
      </c>
      <c r="C125162" s="14" t="s">
        <v>200</v>
      </c>
      <c r="D125162" s="14" t="s">
        <v>579</v>
      </c>
      <c r="E125162" s="15">
        <v>45708</v>
      </c>
      <c r="F125162" s="14" t="s">
        <v>53</v>
      </c>
      <c r="G125162" s="16">
        <v>2.1227595522444638</v>
      </c>
    </row>
    <row r="125163" spans="1:7" x14ac:dyDescent="0.3">
      <c r="A125163" s="13" t="s">
        <v>578</v>
      </c>
      <c r="B125163" s="14" t="s">
        <v>1</v>
      </c>
      <c r="C125163" s="14" t="s">
        <v>200</v>
      </c>
      <c r="D125163" s="14" t="s">
        <v>579</v>
      </c>
      <c r="E125163" s="15">
        <v>45709</v>
      </c>
      <c r="F125163" s="14" t="s">
        <v>53</v>
      </c>
      <c r="G125163" s="16">
        <v>2.1360223334914248</v>
      </c>
    </row>
    <row r="125164" spans="1:7" x14ac:dyDescent="0.3">
      <c r="A125164" s="13" t="s">
        <v>578</v>
      </c>
      <c r="B125164" s="14" t="s">
        <v>1</v>
      </c>
      <c r="C125164" s="14" t="s">
        <v>200</v>
      </c>
      <c r="D125164" s="14" t="s">
        <v>579</v>
      </c>
      <c r="E125164" s="15">
        <v>45710</v>
      </c>
      <c r="F125164" s="14" t="s">
        <v>53</v>
      </c>
      <c r="G125164" s="16">
        <v>2.1360223334914248</v>
      </c>
    </row>
    <row r="125165" spans="1:7" x14ac:dyDescent="0.3">
      <c r="A125165" s="13" t="s">
        <v>578</v>
      </c>
      <c r="B125165" s="14" t="s">
        <v>1</v>
      </c>
      <c r="C125165" s="14" t="s">
        <v>200</v>
      </c>
      <c r="D125165" s="14" t="s">
        <v>579</v>
      </c>
      <c r="E125165" s="15">
        <v>45711</v>
      </c>
      <c r="F125165" s="14" t="s">
        <v>53</v>
      </c>
      <c r="G125165" s="16">
        <v>2.1360223334914248</v>
      </c>
    </row>
    <row r="125166" spans="1:7" x14ac:dyDescent="0.3">
      <c r="A125166" s="13" t="s">
        <v>578</v>
      </c>
      <c r="B125166" s="14" t="s">
        <v>1</v>
      </c>
      <c r="C125166" s="14" t="s">
        <v>200</v>
      </c>
      <c r="D125166" s="14" t="s">
        <v>579</v>
      </c>
      <c r="E125166" s="15">
        <v>45712</v>
      </c>
      <c r="F125166" s="14" t="s">
        <v>53</v>
      </c>
      <c r="G125166" s="16">
        <v>2.1444984354104197</v>
      </c>
    </row>
    <row r="125167" spans="1:7" x14ac:dyDescent="0.3">
      <c r="A125167" s="13" t="s">
        <v>578</v>
      </c>
      <c r="B125167" s="14" t="s">
        <v>1</v>
      </c>
      <c r="C125167" s="14" t="s">
        <v>200</v>
      </c>
      <c r="D125167" s="14" t="s">
        <v>579</v>
      </c>
      <c r="E125167" s="15">
        <v>45713</v>
      </c>
      <c r="F125167" s="14" t="s">
        <v>53</v>
      </c>
      <c r="G125167" s="16">
        <v>2.1563990277503096</v>
      </c>
    </row>
    <row r="125168" spans="1:7" x14ac:dyDescent="0.3">
      <c r="A125168" s="13" t="s">
        <v>578</v>
      </c>
      <c r="B125168" s="14" t="s">
        <v>1</v>
      </c>
      <c r="C125168" s="14" t="s">
        <v>200</v>
      </c>
      <c r="D125168" s="14" t="s">
        <v>579</v>
      </c>
      <c r="E125168" s="15">
        <v>45714</v>
      </c>
      <c r="F125168" s="14" t="s">
        <v>53</v>
      </c>
      <c r="G125168" s="16">
        <v>2.1620044416014799</v>
      </c>
    </row>
    <row r="125169" spans="1:7" x14ac:dyDescent="0.3">
      <c r="A125169" s="13" t="s">
        <v>578</v>
      </c>
      <c r="B125169" s="14" t="s">
        <v>1</v>
      </c>
      <c r="C125169" s="14" t="s">
        <v>200</v>
      </c>
      <c r="D125169" s="14" t="s">
        <v>579</v>
      </c>
      <c r="E125169" s="15">
        <v>45715</v>
      </c>
      <c r="F125169" s="14" t="s">
        <v>53</v>
      </c>
      <c r="G125169" s="16">
        <v>2.1814521945086836</v>
      </c>
    </row>
    <row r="125170" spans="1:7" x14ac:dyDescent="0.3">
      <c r="A125170" s="13" t="s">
        <v>578</v>
      </c>
      <c r="B125170" s="14" t="s">
        <v>1</v>
      </c>
      <c r="C125170" s="14" t="s">
        <v>200</v>
      </c>
      <c r="D125170" s="14" t="s">
        <v>579</v>
      </c>
      <c r="E125170" s="15">
        <v>45716</v>
      </c>
      <c r="F125170" s="14" t="s">
        <v>53</v>
      </c>
      <c r="G125170" s="16">
        <v>2.1920297051470059</v>
      </c>
    </row>
    <row r="125171" spans="1:7" x14ac:dyDescent="0.3">
      <c r="A125171" s="13" t="s">
        <v>578</v>
      </c>
      <c r="B125171" s="14" t="s">
        <v>1</v>
      </c>
      <c r="C125171" s="14" t="s">
        <v>200</v>
      </c>
      <c r="D125171" s="14" t="s">
        <v>579</v>
      </c>
      <c r="E125171" s="15">
        <v>45717</v>
      </c>
      <c r="F125171" s="14" t="s">
        <v>53</v>
      </c>
      <c r="G125171" s="16">
        <v>2.1920297051470059</v>
      </c>
    </row>
    <row r="125172" spans="1:7" x14ac:dyDescent="0.3">
      <c r="A125172" s="13" t="s">
        <v>578</v>
      </c>
      <c r="B125172" s="14" t="s">
        <v>1</v>
      </c>
      <c r="C125172" s="14" t="s">
        <v>200</v>
      </c>
      <c r="D125172" s="14" t="s">
        <v>579</v>
      </c>
      <c r="E125172" s="15">
        <v>45718</v>
      </c>
      <c r="F125172" s="14" t="s">
        <v>53</v>
      </c>
      <c r="G125172" s="16">
        <v>2.1920297051470059</v>
      </c>
    </row>
    <row r="125173" spans="1:7" x14ac:dyDescent="0.3">
      <c r="A125173" s="13" t="s">
        <v>578</v>
      </c>
      <c r="B125173" s="14" t="s">
        <v>1</v>
      </c>
      <c r="C125173" s="14" t="s">
        <v>200</v>
      </c>
      <c r="D125173" s="14" t="s">
        <v>579</v>
      </c>
      <c r="E125173" s="15">
        <v>45719</v>
      </c>
      <c r="F125173" s="14" t="s">
        <v>53</v>
      </c>
      <c r="G125173" s="16">
        <v>2.1805694104358739</v>
      </c>
    </row>
    <row r="125174" spans="1:7" x14ac:dyDescent="0.3">
      <c r="A125174" s="13" t="s">
        <v>578</v>
      </c>
      <c r="B125174" s="14" t="s">
        <v>1</v>
      </c>
      <c r="C125174" s="14" t="s">
        <v>200</v>
      </c>
      <c r="D125174" s="14" t="s">
        <v>579</v>
      </c>
      <c r="E125174" s="15">
        <v>45720</v>
      </c>
      <c r="F125174" s="14" t="s">
        <v>53</v>
      </c>
      <c r="G125174" s="16">
        <v>2.1836319748901789</v>
      </c>
    </row>
    <row r="125175" spans="1:7" x14ac:dyDescent="0.3">
      <c r="A125175" s="13" t="s">
        <v>578</v>
      </c>
      <c r="B125175" s="14" t="s">
        <v>1</v>
      </c>
      <c r="C125175" s="14" t="s">
        <v>200</v>
      </c>
      <c r="D125175" s="14" t="s">
        <v>579</v>
      </c>
      <c r="E125175" s="15">
        <v>45721</v>
      </c>
      <c r="F125175" s="14" t="s">
        <v>53</v>
      </c>
      <c r="G125175" s="16">
        <v>2.1728791531779565</v>
      </c>
    </row>
    <row r="125176" spans="1:7" x14ac:dyDescent="0.3">
      <c r="A125176" s="13" t="s">
        <v>578</v>
      </c>
      <c r="B125176" s="14" t="s">
        <v>1</v>
      </c>
      <c r="C125176" s="14" t="s">
        <v>200</v>
      </c>
      <c r="D125176" s="14" t="s">
        <v>579</v>
      </c>
      <c r="E125176" s="15">
        <v>45722</v>
      </c>
      <c r="F125176" s="14" t="s">
        <v>53</v>
      </c>
      <c r="G125176" s="16">
        <v>2.1813595604342124</v>
      </c>
    </row>
    <row r="125177" spans="1:7" x14ac:dyDescent="0.3">
      <c r="A125177" s="13" t="s">
        <v>578</v>
      </c>
      <c r="B125177" s="14" t="s">
        <v>1</v>
      </c>
      <c r="C125177" s="14" t="s">
        <v>200</v>
      </c>
      <c r="D125177" s="14" t="s">
        <v>579</v>
      </c>
      <c r="E125177" s="15">
        <v>45723</v>
      </c>
      <c r="F125177" s="14" t="s">
        <v>53</v>
      </c>
      <c r="G125177" s="16">
        <v>2.1811812103430661</v>
      </c>
    </row>
    <row r="125178" spans="1:7" x14ac:dyDescent="0.3">
      <c r="A125178" s="13" t="s">
        <v>578</v>
      </c>
      <c r="B125178" s="14" t="s">
        <v>1</v>
      </c>
      <c r="C125178" s="14" t="s">
        <v>200</v>
      </c>
      <c r="D125178" s="14" t="s">
        <v>579</v>
      </c>
      <c r="E125178" s="15">
        <v>45724</v>
      </c>
      <c r="F125178" s="14" t="s">
        <v>53</v>
      </c>
      <c r="G125178" s="16">
        <v>2.1811812103430661</v>
      </c>
    </row>
    <row r="125179" spans="1:7" x14ac:dyDescent="0.3">
      <c r="A125179" s="13" t="s">
        <v>578</v>
      </c>
      <c r="B125179" s="14" t="s">
        <v>1</v>
      </c>
      <c r="C125179" s="14" t="s">
        <v>200</v>
      </c>
      <c r="D125179" s="14" t="s">
        <v>579</v>
      </c>
      <c r="E125179" s="15">
        <v>45725</v>
      </c>
      <c r="F125179" s="14" t="s">
        <v>53</v>
      </c>
      <c r="G125179" s="16">
        <v>2.1811812103430661</v>
      </c>
    </row>
    <row r="125180" spans="1:7" x14ac:dyDescent="0.3">
      <c r="A125180" s="13" t="s">
        <v>578</v>
      </c>
      <c r="B125180" s="14" t="s">
        <v>1</v>
      </c>
      <c r="C125180" s="14" t="s">
        <v>200</v>
      </c>
      <c r="D125180" s="14" t="s">
        <v>579</v>
      </c>
      <c r="E125180" s="15">
        <v>45726</v>
      </c>
      <c r="F125180" s="14" t="s">
        <v>53</v>
      </c>
      <c r="G125180" s="16">
        <v>2.1947943134415073</v>
      </c>
    </row>
    <row r="125181" spans="1:7" x14ac:dyDescent="0.3">
      <c r="A125181" s="13" t="s">
        <v>578</v>
      </c>
      <c r="B125181" s="14" t="s">
        <v>1</v>
      </c>
      <c r="C125181" s="14" t="s">
        <v>200</v>
      </c>
      <c r="D125181" s="14" t="s">
        <v>579</v>
      </c>
      <c r="E125181" s="15">
        <v>45727</v>
      </c>
      <c r="F125181" s="14" t="s">
        <v>53</v>
      </c>
      <c r="G125181" s="16">
        <v>2.2020830304584011</v>
      </c>
    </row>
    <row r="125182" spans="1:7" x14ac:dyDescent="0.3">
      <c r="A125182" s="13" t="s">
        <v>578</v>
      </c>
      <c r="B125182" s="14" t="s">
        <v>1</v>
      </c>
      <c r="C125182" s="14" t="s">
        <v>200</v>
      </c>
      <c r="D125182" s="14" t="s">
        <v>579</v>
      </c>
      <c r="E125182" s="15">
        <v>45728</v>
      </c>
      <c r="F125182" s="14" t="s">
        <v>53</v>
      </c>
      <c r="G125182" s="16">
        <v>2.2077473448755276</v>
      </c>
    </row>
    <row r="125183" spans="1:7" x14ac:dyDescent="0.3">
      <c r="A125183" s="13" t="s">
        <v>578</v>
      </c>
      <c r="B125183" s="14" t="s">
        <v>1</v>
      </c>
      <c r="C125183" s="14" t="s">
        <v>200</v>
      </c>
      <c r="D125183" s="14" t="s">
        <v>579</v>
      </c>
      <c r="E125183" s="15">
        <v>45729</v>
      </c>
      <c r="F125183" s="14" t="s">
        <v>53</v>
      </c>
      <c r="G125183" s="16">
        <v>2.2171346701883534</v>
      </c>
    </row>
    <row r="125184" spans="1:7" x14ac:dyDescent="0.3">
      <c r="A125184" s="13" t="s">
        <v>578</v>
      </c>
      <c r="B125184" s="14" t="s">
        <v>1</v>
      </c>
      <c r="C125184" s="14" t="s">
        <v>200</v>
      </c>
      <c r="D125184" s="14" t="s">
        <v>579</v>
      </c>
      <c r="E125184" s="15">
        <v>45730</v>
      </c>
      <c r="F125184" s="14" t="s">
        <v>53</v>
      </c>
      <c r="G125184" s="16">
        <v>2.2265234084406775</v>
      </c>
    </row>
    <row r="125185" spans="1:7" x14ac:dyDescent="0.3">
      <c r="A125185" s="13" t="s">
        <v>578</v>
      </c>
      <c r="B125185" s="14" t="s">
        <v>1</v>
      </c>
      <c r="C125185" s="14" t="s">
        <v>200</v>
      </c>
      <c r="D125185" s="14" t="s">
        <v>579</v>
      </c>
      <c r="E125185" s="15">
        <v>45731</v>
      </c>
      <c r="F125185" s="14" t="s">
        <v>53</v>
      </c>
      <c r="G125185" s="16">
        <v>2.2265234084406775</v>
      </c>
    </row>
    <row r="125186" spans="1:7" x14ac:dyDescent="0.3">
      <c r="A125186" s="13" t="s">
        <v>578</v>
      </c>
      <c r="B125186" s="14" t="s">
        <v>1</v>
      </c>
      <c r="C125186" s="14" t="s">
        <v>200</v>
      </c>
      <c r="D125186" s="14" t="s">
        <v>579</v>
      </c>
      <c r="E125186" s="15">
        <v>45732</v>
      </c>
      <c r="F125186" s="14" t="s">
        <v>53</v>
      </c>
      <c r="G125186" s="16">
        <v>2.2265234084406775</v>
      </c>
    </row>
    <row r="125187" spans="1:7" x14ac:dyDescent="0.3">
      <c r="A125187" s="13" t="s">
        <v>578</v>
      </c>
      <c r="B125187" s="14" t="s">
        <v>1</v>
      </c>
      <c r="C125187" s="14" t="s">
        <v>200</v>
      </c>
      <c r="D125187" s="14" t="s">
        <v>579</v>
      </c>
      <c r="E125187" s="15">
        <v>45733</v>
      </c>
      <c r="F125187" s="14" t="s">
        <v>53</v>
      </c>
      <c r="G125187" s="16">
        <v>2.2265234084406775</v>
      </c>
    </row>
    <row r="125188" spans="1:7" x14ac:dyDescent="0.3">
      <c r="A125188" s="13" t="s">
        <v>578</v>
      </c>
      <c r="B125188" s="14" t="s">
        <v>1</v>
      </c>
      <c r="C125188" s="14" t="s">
        <v>200</v>
      </c>
      <c r="D125188" s="14" t="s">
        <v>579</v>
      </c>
      <c r="E125188" s="15">
        <v>45734</v>
      </c>
      <c r="F125188" s="14" t="s">
        <v>53</v>
      </c>
      <c r="G125188" s="16">
        <v>2.2217016612932898</v>
      </c>
    </row>
    <row r="125189" spans="1:7" x14ac:dyDescent="0.3">
      <c r="A125189" s="13" t="s">
        <v>578</v>
      </c>
      <c r="B125189" s="14" t="s">
        <v>1</v>
      </c>
      <c r="C125189" s="14" t="s">
        <v>200</v>
      </c>
      <c r="D125189" s="14" t="s">
        <v>579</v>
      </c>
      <c r="E125189" s="15">
        <v>45735</v>
      </c>
      <c r="F125189" s="14" t="s">
        <v>53</v>
      </c>
      <c r="G125189" s="16">
        <v>2.2445990060207839</v>
      </c>
    </row>
    <row r="125190" spans="1:7" x14ac:dyDescent="0.3">
      <c r="A125190" s="13" t="s">
        <v>578</v>
      </c>
      <c r="B125190" s="14" t="s">
        <v>1</v>
      </c>
      <c r="C125190" s="14" t="s">
        <v>200</v>
      </c>
      <c r="D125190" s="14" t="s">
        <v>579</v>
      </c>
      <c r="E125190" s="15">
        <v>45736</v>
      </c>
      <c r="F125190" s="14" t="s">
        <v>53</v>
      </c>
      <c r="G125190" s="16">
        <v>2.257802429923506</v>
      </c>
    </row>
    <row r="125191" spans="1:7" x14ac:dyDescent="0.3">
      <c r="A125191" s="13" t="s">
        <v>578</v>
      </c>
      <c r="B125191" s="14" t="s">
        <v>1</v>
      </c>
      <c r="C125191" s="14" t="s">
        <v>200</v>
      </c>
      <c r="D125191" s="14" t="s">
        <v>579</v>
      </c>
      <c r="E125191" s="15">
        <v>45737</v>
      </c>
      <c r="F125191" s="14" t="s">
        <v>53</v>
      </c>
      <c r="G125191" s="16">
        <v>2.2693715628749977</v>
      </c>
    </row>
    <row r="125192" spans="1:7" x14ac:dyDescent="0.3">
      <c r="A125192" s="13" t="s">
        <v>578</v>
      </c>
      <c r="B125192" s="14" t="s">
        <v>1</v>
      </c>
      <c r="C125192" s="14" t="s">
        <v>200</v>
      </c>
      <c r="D125192" s="14" t="s">
        <v>579</v>
      </c>
      <c r="E125192" s="15">
        <v>45738</v>
      </c>
      <c r="F125192" s="14" t="s">
        <v>53</v>
      </c>
      <c r="G125192" s="16">
        <v>2.2693715628749977</v>
      </c>
    </row>
    <row r="125193" spans="1:7" x14ac:dyDescent="0.3">
      <c r="A125193" s="13" t="s">
        <v>578</v>
      </c>
      <c r="B125193" s="14" t="s">
        <v>1</v>
      </c>
      <c r="C125193" s="14" t="s">
        <v>200</v>
      </c>
      <c r="D125193" s="14" t="s">
        <v>579</v>
      </c>
      <c r="E125193" s="15">
        <v>45739</v>
      </c>
      <c r="F125193" s="14" t="s">
        <v>53</v>
      </c>
      <c r="G125193" s="16">
        <v>2.2693715628749977</v>
      </c>
    </row>
    <row r="125194" spans="1:7" x14ac:dyDescent="0.3">
      <c r="A125194" s="13" t="s">
        <v>578</v>
      </c>
      <c r="B125194" s="14" t="s">
        <v>1</v>
      </c>
      <c r="C125194" s="14" t="s">
        <v>200</v>
      </c>
      <c r="D125194" s="14" t="s">
        <v>579</v>
      </c>
      <c r="E125194" s="15">
        <v>45740</v>
      </c>
      <c r="F125194" s="14" t="s">
        <v>53</v>
      </c>
      <c r="G125194" s="16">
        <v>2.2739212006946605</v>
      </c>
    </row>
    <row r="125195" spans="1:7" x14ac:dyDescent="0.3">
      <c r="A125195" s="13" t="s">
        <v>578</v>
      </c>
      <c r="B125195" s="14" t="s">
        <v>1</v>
      </c>
      <c r="C125195" s="14" t="s">
        <v>200</v>
      </c>
      <c r="D125195" s="14" t="s">
        <v>579</v>
      </c>
      <c r="E125195" s="15">
        <v>45741</v>
      </c>
      <c r="F125195" s="14" t="s">
        <v>53</v>
      </c>
      <c r="G125195" s="16">
        <v>2.2897488556080519</v>
      </c>
    </row>
    <row r="125196" spans="1:7" x14ac:dyDescent="0.3">
      <c r="A125196" s="13" t="s">
        <v>578</v>
      </c>
      <c r="B125196" s="14" t="s">
        <v>1</v>
      </c>
      <c r="C125196" s="14" t="s">
        <v>200</v>
      </c>
      <c r="D125196" s="14" t="s">
        <v>579</v>
      </c>
      <c r="E125196" s="15">
        <v>45742</v>
      </c>
      <c r="F125196" s="14" t="s">
        <v>53</v>
      </c>
      <c r="G125196" s="16">
        <v>2.3051472154752375</v>
      </c>
    </row>
    <row r="125197" spans="1:7" x14ac:dyDescent="0.3">
      <c r="A125197" s="13" t="s">
        <v>578</v>
      </c>
      <c r="B125197" s="14" t="s">
        <v>1</v>
      </c>
      <c r="C125197" s="14" t="s">
        <v>200</v>
      </c>
      <c r="D125197" s="14" t="s">
        <v>579</v>
      </c>
      <c r="E125197" s="15">
        <v>45743</v>
      </c>
      <c r="F125197" s="14" t="s">
        <v>53</v>
      </c>
      <c r="G125197" s="16">
        <v>2.3002644735474371</v>
      </c>
    </row>
    <row r="125198" spans="1:7" x14ac:dyDescent="0.3">
      <c r="A125198" s="13" t="s">
        <v>578</v>
      </c>
      <c r="B125198" s="14" t="s">
        <v>1</v>
      </c>
      <c r="C125198" s="14" t="s">
        <v>200</v>
      </c>
      <c r="D125198" s="14" t="s">
        <v>579</v>
      </c>
      <c r="E125198" s="15">
        <v>45744</v>
      </c>
      <c r="F125198" s="14" t="s">
        <v>53</v>
      </c>
      <c r="G125198" s="16">
        <v>2.3075173440653107</v>
      </c>
    </row>
    <row r="125199" spans="1:7" x14ac:dyDescent="0.3">
      <c r="A125199" s="13" t="s">
        <v>578</v>
      </c>
      <c r="B125199" s="14" t="s">
        <v>1</v>
      </c>
      <c r="C125199" s="14" t="s">
        <v>200</v>
      </c>
      <c r="D125199" s="14" t="s">
        <v>579</v>
      </c>
      <c r="E125199" s="15">
        <v>45745</v>
      </c>
      <c r="F125199" s="14" t="s">
        <v>53</v>
      </c>
      <c r="G125199" s="16">
        <v>2.3075173440653107</v>
      </c>
    </row>
    <row r="125200" spans="1:7" x14ac:dyDescent="0.3">
      <c r="A125200" s="13" t="s">
        <v>578</v>
      </c>
      <c r="B125200" s="14" t="s">
        <v>1</v>
      </c>
      <c r="C125200" s="14" t="s">
        <v>200</v>
      </c>
      <c r="D125200" s="14" t="s">
        <v>579</v>
      </c>
      <c r="E125200" s="15">
        <v>45746</v>
      </c>
      <c r="F125200" s="14" t="s">
        <v>53</v>
      </c>
      <c r="G125200" s="16">
        <v>2.3075173440653107</v>
      </c>
    </row>
    <row r="125201" spans="1:7" x14ac:dyDescent="0.3">
      <c r="A125201" s="13" t="s">
        <v>578</v>
      </c>
      <c r="B125201" s="14" t="s">
        <v>1</v>
      </c>
      <c r="C125201" s="14" t="s">
        <v>200</v>
      </c>
      <c r="D125201" s="14" t="s">
        <v>579</v>
      </c>
      <c r="E125201" s="15">
        <v>45747</v>
      </c>
      <c r="F125201" s="14" t="s">
        <v>53</v>
      </c>
      <c r="G125201" s="16">
        <v>2.3185094306260958</v>
      </c>
    </row>
    <row r="125202" spans="1:7" x14ac:dyDescent="0.3">
      <c r="A125202" s="13" t="s">
        <v>580</v>
      </c>
      <c r="B125202" s="14" t="s">
        <v>1</v>
      </c>
      <c r="C125202" s="14" t="s">
        <v>252</v>
      </c>
      <c r="D125202" s="14" t="s">
        <v>14</v>
      </c>
      <c r="E125202" s="15">
        <v>45383</v>
      </c>
      <c r="F125202" s="14" t="s">
        <v>15</v>
      </c>
      <c r="G125202" s="16">
        <v>0</v>
      </c>
    </row>
    <row r="125203" spans="1:7" x14ac:dyDescent="0.3">
      <c r="A125203" s="13" t="s">
        <v>580</v>
      </c>
      <c r="B125203" s="14" t="s">
        <v>1</v>
      </c>
      <c r="C125203" s="14" t="s">
        <v>252</v>
      </c>
      <c r="D125203" s="14" t="s">
        <v>14</v>
      </c>
      <c r="E125203" s="15">
        <v>45384</v>
      </c>
      <c r="F125203" s="14" t="s">
        <v>15</v>
      </c>
      <c r="G125203" s="16">
        <v>0</v>
      </c>
    </row>
    <row r="125204" spans="1:7" x14ac:dyDescent="0.3">
      <c r="A125204" s="13" t="s">
        <v>580</v>
      </c>
      <c r="B125204" s="14" t="s">
        <v>1</v>
      </c>
      <c r="C125204" s="14" t="s">
        <v>252</v>
      </c>
      <c r="D125204" s="14" t="s">
        <v>14</v>
      </c>
      <c r="E125204" s="15">
        <v>45385</v>
      </c>
      <c r="F125204" s="14" t="s">
        <v>15</v>
      </c>
      <c r="G125204" s="16">
        <v>0</v>
      </c>
    </row>
    <row r="125205" spans="1:7" x14ac:dyDescent="0.3">
      <c r="A125205" s="13" t="s">
        <v>580</v>
      </c>
      <c r="B125205" s="14" t="s">
        <v>1</v>
      </c>
      <c r="C125205" s="14" t="s">
        <v>252</v>
      </c>
      <c r="D125205" s="14" t="s">
        <v>14</v>
      </c>
      <c r="E125205" s="15">
        <v>45386</v>
      </c>
      <c r="F125205" s="14" t="s">
        <v>15</v>
      </c>
      <c r="G125205" s="16">
        <v>0</v>
      </c>
    </row>
    <row r="125206" spans="1:7" x14ac:dyDescent="0.3">
      <c r="A125206" s="13" t="s">
        <v>580</v>
      </c>
      <c r="B125206" s="14" t="s">
        <v>1</v>
      </c>
      <c r="C125206" s="14" t="s">
        <v>252</v>
      </c>
      <c r="D125206" s="14" t="s">
        <v>14</v>
      </c>
      <c r="E125206" s="15">
        <v>45387</v>
      </c>
      <c r="F125206" s="14" t="s">
        <v>15</v>
      </c>
      <c r="G125206" s="16">
        <v>0</v>
      </c>
    </row>
    <row r="125207" spans="1:7" x14ac:dyDescent="0.3">
      <c r="A125207" s="13" t="s">
        <v>580</v>
      </c>
      <c r="B125207" s="14" t="s">
        <v>1</v>
      </c>
      <c r="C125207" s="14" t="s">
        <v>252</v>
      </c>
      <c r="D125207" s="14" t="s">
        <v>14</v>
      </c>
      <c r="E125207" s="15">
        <v>45388</v>
      </c>
      <c r="F125207" s="14" t="s">
        <v>15</v>
      </c>
      <c r="G125207" s="16">
        <v>0</v>
      </c>
    </row>
    <row r="125208" spans="1:7" x14ac:dyDescent="0.3">
      <c r="A125208" s="13" t="s">
        <v>580</v>
      </c>
      <c r="B125208" s="14" t="s">
        <v>1</v>
      </c>
      <c r="C125208" s="14" t="s">
        <v>252</v>
      </c>
      <c r="D125208" s="14" t="s">
        <v>14</v>
      </c>
      <c r="E125208" s="15">
        <v>45389</v>
      </c>
      <c r="F125208" s="14" t="s">
        <v>15</v>
      </c>
      <c r="G125208" s="16">
        <v>0</v>
      </c>
    </row>
    <row r="125209" spans="1:7" x14ac:dyDescent="0.3">
      <c r="A125209" s="13" t="s">
        <v>580</v>
      </c>
      <c r="B125209" s="14" t="s">
        <v>1</v>
      </c>
      <c r="C125209" s="14" t="s">
        <v>252</v>
      </c>
      <c r="D125209" s="14" t="s">
        <v>14</v>
      </c>
      <c r="E125209" s="15">
        <v>45390</v>
      </c>
      <c r="F125209" s="14" t="s">
        <v>15</v>
      </c>
      <c r="G125209" s="16">
        <v>0</v>
      </c>
    </row>
    <row r="125210" spans="1:7" x14ac:dyDescent="0.3">
      <c r="A125210" s="13" t="s">
        <v>580</v>
      </c>
      <c r="B125210" s="14" t="s">
        <v>1</v>
      </c>
      <c r="C125210" s="14" t="s">
        <v>252</v>
      </c>
      <c r="D125210" s="14" t="s">
        <v>14</v>
      </c>
      <c r="E125210" s="15">
        <v>45391</v>
      </c>
      <c r="F125210" s="14" t="s">
        <v>15</v>
      </c>
      <c r="G125210" s="16">
        <v>0</v>
      </c>
    </row>
    <row r="125211" spans="1:7" x14ac:dyDescent="0.3">
      <c r="A125211" s="13" t="s">
        <v>580</v>
      </c>
      <c r="B125211" s="14" t="s">
        <v>1</v>
      </c>
      <c r="C125211" s="14" t="s">
        <v>252</v>
      </c>
      <c r="D125211" s="14" t="s">
        <v>14</v>
      </c>
      <c r="E125211" s="15">
        <v>45392</v>
      </c>
      <c r="F125211" s="14" t="s">
        <v>15</v>
      </c>
      <c r="G125211" s="16">
        <v>0</v>
      </c>
    </row>
    <row r="125212" spans="1:7" x14ac:dyDescent="0.3">
      <c r="A125212" s="13" t="s">
        <v>580</v>
      </c>
      <c r="B125212" s="14" t="s">
        <v>1</v>
      </c>
      <c r="C125212" s="14" t="s">
        <v>252</v>
      </c>
      <c r="D125212" s="14" t="s">
        <v>14</v>
      </c>
      <c r="E125212" s="15">
        <v>45393</v>
      </c>
      <c r="F125212" s="14" t="s">
        <v>15</v>
      </c>
      <c r="G125212" s="16">
        <v>0</v>
      </c>
    </row>
    <row r="125213" spans="1:7" x14ac:dyDescent="0.3">
      <c r="A125213" s="13" t="s">
        <v>580</v>
      </c>
      <c r="B125213" s="14" t="s">
        <v>1</v>
      </c>
      <c r="C125213" s="14" t="s">
        <v>252</v>
      </c>
      <c r="D125213" s="14" t="s">
        <v>14</v>
      </c>
      <c r="E125213" s="15">
        <v>45394</v>
      </c>
      <c r="F125213" s="14" t="s">
        <v>15</v>
      </c>
      <c r="G125213" s="16">
        <v>0</v>
      </c>
    </row>
    <row r="125214" spans="1:7" x14ac:dyDescent="0.3">
      <c r="A125214" s="13" t="s">
        <v>580</v>
      </c>
      <c r="B125214" s="14" t="s">
        <v>1</v>
      </c>
      <c r="C125214" s="14" t="s">
        <v>252</v>
      </c>
      <c r="D125214" s="14" t="s">
        <v>14</v>
      </c>
      <c r="E125214" s="15">
        <v>45395</v>
      </c>
      <c r="F125214" s="14" t="s">
        <v>15</v>
      </c>
      <c r="G125214" s="16">
        <v>0</v>
      </c>
    </row>
    <row r="125215" spans="1:7" x14ac:dyDescent="0.3">
      <c r="A125215" s="13" t="s">
        <v>580</v>
      </c>
      <c r="B125215" s="14" t="s">
        <v>1</v>
      </c>
      <c r="C125215" s="14" t="s">
        <v>252</v>
      </c>
      <c r="D125215" s="14" t="s">
        <v>14</v>
      </c>
      <c r="E125215" s="15">
        <v>45396</v>
      </c>
      <c r="F125215" s="14" t="s">
        <v>15</v>
      </c>
      <c r="G125215" s="16">
        <v>0</v>
      </c>
    </row>
    <row r="125216" spans="1:7" x14ac:dyDescent="0.3">
      <c r="A125216" s="13" t="s">
        <v>580</v>
      </c>
      <c r="B125216" s="14" t="s">
        <v>1</v>
      </c>
      <c r="C125216" s="14" t="s">
        <v>252</v>
      </c>
      <c r="D125216" s="14" t="s">
        <v>14</v>
      </c>
      <c r="E125216" s="15">
        <v>45397</v>
      </c>
      <c r="F125216" s="14" t="s">
        <v>15</v>
      </c>
      <c r="G125216" s="16">
        <v>0</v>
      </c>
    </row>
    <row r="125217" spans="1:7" x14ac:dyDescent="0.3">
      <c r="A125217" s="13" t="s">
        <v>580</v>
      </c>
      <c r="B125217" s="14" t="s">
        <v>1</v>
      </c>
      <c r="C125217" s="14" t="s">
        <v>252</v>
      </c>
      <c r="D125217" s="14" t="s">
        <v>14</v>
      </c>
      <c r="E125217" s="15">
        <v>45398</v>
      </c>
      <c r="F125217" s="14" t="s">
        <v>15</v>
      </c>
      <c r="G125217" s="16">
        <v>0</v>
      </c>
    </row>
    <row r="125218" spans="1:7" x14ac:dyDescent="0.3">
      <c r="A125218" s="13" t="s">
        <v>580</v>
      </c>
      <c r="B125218" s="14" t="s">
        <v>1</v>
      </c>
      <c r="C125218" s="14" t="s">
        <v>252</v>
      </c>
      <c r="D125218" s="14" t="s">
        <v>14</v>
      </c>
      <c r="E125218" s="15">
        <v>45399</v>
      </c>
      <c r="F125218" s="14" t="s">
        <v>15</v>
      </c>
      <c r="G125218" s="16">
        <v>0</v>
      </c>
    </row>
    <row r="125219" spans="1:7" x14ac:dyDescent="0.3">
      <c r="A125219" s="13" t="s">
        <v>580</v>
      </c>
      <c r="B125219" s="14" t="s">
        <v>1</v>
      </c>
      <c r="C125219" s="14" t="s">
        <v>252</v>
      </c>
      <c r="D125219" s="14" t="s">
        <v>14</v>
      </c>
      <c r="E125219" s="15">
        <v>45400</v>
      </c>
      <c r="F125219" s="14" t="s">
        <v>15</v>
      </c>
      <c r="G125219" s="16">
        <v>0</v>
      </c>
    </row>
    <row r="125220" spans="1:7" x14ac:dyDescent="0.3">
      <c r="A125220" s="13" t="s">
        <v>580</v>
      </c>
      <c r="B125220" s="14" t="s">
        <v>1</v>
      </c>
      <c r="C125220" s="14" t="s">
        <v>252</v>
      </c>
      <c r="D125220" s="14" t="s">
        <v>14</v>
      </c>
      <c r="E125220" s="15">
        <v>45401</v>
      </c>
      <c r="F125220" s="14" t="s">
        <v>15</v>
      </c>
      <c r="G125220" s="16">
        <v>0</v>
      </c>
    </row>
    <row r="125221" spans="1:7" x14ac:dyDescent="0.3">
      <c r="A125221" s="13" t="s">
        <v>580</v>
      </c>
      <c r="B125221" s="14" t="s">
        <v>1</v>
      </c>
      <c r="C125221" s="14" t="s">
        <v>252</v>
      </c>
      <c r="D125221" s="14" t="s">
        <v>14</v>
      </c>
      <c r="E125221" s="15">
        <v>45402</v>
      </c>
      <c r="F125221" s="14" t="s">
        <v>15</v>
      </c>
      <c r="G125221" s="16">
        <v>0</v>
      </c>
    </row>
    <row r="125222" spans="1:7" x14ac:dyDescent="0.3">
      <c r="A125222" s="13" t="s">
        <v>580</v>
      </c>
      <c r="B125222" s="14" t="s">
        <v>1</v>
      </c>
      <c r="C125222" s="14" t="s">
        <v>252</v>
      </c>
      <c r="D125222" s="14" t="s">
        <v>14</v>
      </c>
      <c r="E125222" s="15">
        <v>45403</v>
      </c>
      <c r="F125222" s="14" t="s">
        <v>15</v>
      </c>
      <c r="G125222" s="16">
        <v>0</v>
      </c>
    </row>
    <row r="125223" spans="1:7" x14ac:dyDescent="0.3">
      <c r="A125223" s="13" t="s">
        <v>580</v>
      </c>
      <c r="B125223" s="14" t="s">
        <v>1</v>
      </c>
      <c r="C125223" s="14" t="s">
        <v>252</v>
      </c>
      <c r="D125223" s="14" t="s">
        <v>14</v>
      </c>
      <c r="E125223" s="15">
        <v>45404</v>
      </c>
      <c r="F125223" s="14" t="s">
        <v>15</v>
      </c>
      <c r="G125223" s="16">
        <v>0</v>
      </c>
    </row>
    <row r="125224" spans="1:7" x14ac:dyDescent="0.3">
      <c r="A125224" s="13" t="s">
        <v>580</v>
      </c>
      <c r="B125224" s="14" t="s">
        <v>1</v>
      </c>
      <c r="C125224" s="14" t="s">
        <v>252</v>
      </c>
      <c r="D125224" s="14" t="s">
        <v>14</v>
      </c>
      <c r="E125224" s="15">
        <v>45405</v>
      </c>
      <c r="F125224" s="14" t="s">
        <v>15</v>
      </c>
      <c r="G125224" s="16">
        <v>0</v>
      </c>
    </row>
    <row r="125225" spans="1:7" x14ac:dyDescent="0.3">
      <c r="A125225" s="13" t="s">
        <v>580</v>
      </c>
      <c r="B125225" s="14" t="s">
        <v>1</v>
      </c>
      <c r="C125225" s="14" t="s">
        <v>252</v>
      </c>
      <c r="D125225" s="14" t="s">
        <v>14</v>
      </c>
      <c r="E125225" s="15">
        <v>45406</v>
      </c>
      <c r="F125225" s="14" t="s">
        <v>15</v>
      </c>
      <c r="G125225" s="16">
        <v>0</v>
      </c>
    </row>
    <row r="125226" spans="1:7" x14ac:dyDescent="0.3">
      <c r="A125226" s="13" t="s">
        <v>580</v>
      </c>
      <c r="B125226" s="14" t="s">
        <v>1</v>
      </c>
      <c r="C125226" s="14" t="s">
        <v>252</v>
      </c>
      <c r="D125226" s="14" t="s">
        <v>14</v>
      </c>
      <c r="E125226" s="15">
        <v>45407</v>
      </c>
      <c r="F125226" s="14" t="s">
        <v>15</v>
      </c>
      <c r="G125226" s="16">
        <v>0</v>
      </c>
    </row>
    <row r="125227" spans="1:7" x14ac:dyDescent="0.3">
      <c r="A125227" s="13" t="s">
        <v>580</v>
      </c>
      <c r="B125227" s="14" t="s">
        <v>1</v>
      </c>
      <c r="C125227" s="14" t="s">
        <v>252</v>
      </c>
      <c r="D125227" s="14" t="s">
        <v>14</v>
      </c>
      <c r="E125227" s="15">
        <v>45408</v>
      </c>
      <c r="F125227" s="14" t="s">
        <v>15</v>
      </c>
      <c r="G125227" s="16">
        <v>0</v>
      </c>
    </row>
    <row r="125228" spans="1:7" x14ac:dyDescent="0.3">
      <c r="A125228" s="13" t="s">
        <v>580</v>
      </c>
      <c r="B125228" s="14" t="s">
        <v>1</v>
      </c>
      <c r="C125228" s="14" t="s">
        <v>252</v>
      </c>
      <c r="D125228" s="14" t="s">
        <v>14</v>
      </c>
      <c r="E125228" s="15">
        <v>45409</v>
      </c>
      <c r="F125228" s="14" t="s">
        <v>15</v>
      </c>
      <c r="G125228" s="16">
        <v>0</v>
      </c>
    </row>
    <row r="125229" spans="1:7" x14ac:dyDescent="0.3">
      <c r="A125229" s="13" t="s">
        <v>580</v>
      </c>
      <c r="B125229" s="14" t="s">
        <v>1</v>
      </c>
      <c r="C125229" s="14" t="s">
        <v>252</v>
      </c>
      <c r="D125229" s="14" t="s">
        <v>14</v>
      </c>
      <c r="E125229" s="15">
        <v>45410</v>
      </c>
      <c r="F125229" s="14" t="s">
        <v>15</v>
      </c>
      <c r="G125229" s="16">
        <v>0</v>
      </c>
    </row>
    <row r="125230" spans="1:7" x14ac:dyDescent="0.3">
      <c r="A125230" s="13" t="s">
        <v>580</v>
      </c>
      <c r="B125230" s="14" t="s">
        <v>1</v>
      </c>
      <c r="C125230" s="14" t="s">
        <v>252</v>
      </c>
      <c r="D125230" s="14" t="s">
        <v>14</v>
      </c>
      <c r="E125230" s="15">
        <v>45411</v>
      </c>
      <c r="F125230" s="14" t="s">
        <v>15</v>
      </c>
      <c r="G125230" s="16">
        <v>0</v>
      </c>
    </row>
    <row r="125231" spans="1:7" x14ac:dyDescent="0.3">
      <c r="A125231" s="13" t="s">
        <v>580</v>
      </c>
      <c r="B125231" s="14" t="s">
        <v>1</v>
      </c>
      <c r="C125231" s="14" t="s">
        <v>252</v>
      </c>
      <c r="D125231" s="14" t="s">
        <v>14</v>
      </c>
      <c r="E125231" s="15">
        <v>45412</v>
      </c>
      <c r="F125231" s="14" t="s">
        <v>15</v>
      </c>
      <c r="G125231" s="16">
        <v>0</v>
      </c>
    </row>
    <row r="125232" spans="1:7" x14ac:dyDescent="0.3">
      <c r="A125232" s="13" t="s">
        <v>580</v>
      </c>
      <c r="B125232" s="14" t="s">
        <v>1</v>
      </c>
      <c r="C125232" s="14" t="s">
        <v>252</v>
      </c>
      <c r="D125232" s="14" t="s">
        <v>14</v>
      </c>
      <c r="E125232" s="15">
        <v>45413</v>
      </c>
      <c r="F125232" s="14" t="s">
        <v>15</v>
      </c>
      <c r="G125232" s="16">
        <v>0</v>
      </c>
    </row>
    <row r="125233" spans="1:7" x14ac:dyDescent="0.3">
      <c r="A125233" s="13" t="s">
        <v>580</v>
      </c>
      <c r="B125233" s="14" t="s">
        <v>1</v>
      </c>
      <c r="C125233" s="14" t="s">
        <v>252</v>
      </c>
      <c r="D125233" s="14" t="s">
        <v>14</v>
      </c>
      <c r="E125233" s="15">
        <v>45414</v>
      </c>
      <c r="F125233" s="14" t="s">
        <v>15</v>
      </c>
      <c r="G125233" s="16">
        <v>0</v>
      </c>
    </row>
    <row r="125234" spans="1:7" x14ac:dyDescent="0.3">
      <c r="A125234" s="13" t="s">
        <v>580</v>
      </c>
      <c r="B125234" s="14" t="s">
        <v>1</v>
      </c>
      <c r="C125234" s="14" t="s">
        <v>252</v>
      </c>
      <c r="D125234" s="14" t="s">
        <v>14</v>
      </c>
      <c r="E125234" s="15">
        <v>45415</v>
      </c>
      <c r="F125234" s="14" t="s">
        <v>15</v>
      </c>
      <c r="G125234" s="16">
        <v>0</v>
      </c>
    </row>
    <row r="125235" spans="1:7" x14ac:dyDescent="0.3">
      <c r="A125235" s="13" t="s">
        <v>580</v>
      </c>
      <c r="B125235" s="14" t="s">
        <v>1</v>
      </c>
      <c r="C125235" s="14" t="s">
        <v>252</v>
      </c>
      <c r="D125235" s="14" t="s">
        <v>14</v>
      </c>
      <c r="E125235" s="15">
        <v>45416</v>
      </c>
      <c r="F125235" s="14" t="s">
        <v>15</v>
      </c>
      <c r="G125235" s="16">
        <v>0</v>
      </c>
    </row>
    <row r="125236" spans="1:7" x14ac:dyDescent="0.3">
      <c r="A125236" s="13" t="s">
        <v>580</v>
      </c>
      <c r="B125236" s="14" t="s">
        <v>1</v>
      </c>
      <c r="C125236" s="14" t="s">
        <v>252</v>
      </c>
      <c r="D125236" s="14" t="s">
        <v>14</v>
      </c>
      <c r="E125236" s="15">
        <v>45417</v>
      </c>
      <c r="F125236" s="14" t="s">
        <v>15</v>
      </c>
      <c r="G125236" s="16">
        <v>0</v>
      </c>
    </row>
    <row r="125237" spans="1:7" x14ac:dyDescent="0.3">
      <c r="A125237" s="13" t="s">
        <v>580</v>
      </c>
      <c r="B125237" s="14" t="s">
        <v>1</v>
      </c>
      <c r="C125237" s="14" t="s">
        <v>252</v>
      </c>
      <c r="D125237" s="14" t="s">
        <v>14</v>
      </c>
      <c r="E125237" s="15">
        <v>45418</v>
      </c>
      <c r="F125237" s="14" t="s">
        <v>15</v>
      </c>
      <c r="G125237" s="16">
        <v>0</v>
      </c>
    </row>
    <row r="125238" spans="1:7" x14ac:dyDescent="0.3">
      <c r="A125238" s="13" t="s">
        <v>580</v>
      </c>
      <c r="B125238" s="14" t="s">
        <v>1</v>
      </c>
      <c r="C125238" s="14" t="s">
        <v>252</v>
      </c>
      <c r="D125238" s="14" t="s">
        <v>14</v>
      </c>
      <c r="E125238" s="15">
        <v>45419</v>
      </c>
      <c r="F125238" s="14" t="s">
        <v>15</v>
      </c>
      <c r="G125238" s="16">
        <v>0</v>
      </c>
    </row>
    <row r="125239" spans="1:7" x14ac:dyDescent="0.3">
      <c r="A125239" s="13" t="s">
        <v>580</v>
      </c>
      <c r="B125239" s="14" t="s">
        <v>1</v>
      </c>
      <c r="C125239" s="14" t="s">
        <v>252</v>
      </c>
      <c r="D125239" s="14" t="s">
        <v>14</v>
      </c>
      <c r="E125239" s="15">
        <v>45420</v>
      </c>
      <c r="F125239" s="14" t="s">
        <v>15</v>
      </c>
      <c r="G125239" s="16">
        <v>0</v>
      </c>
    </row>
    <row r="125240" spans="1:7" x14ac:dyDescent="0.3">
      <c r="A125240" s="13" t="s">
        <v>580</v>
      </c>
      <c r="B125240" s="14" t="s">
        <v>1</v>
      </c>
      <c r="C125240" s="14" t="s">
        <v>252</v>
      </c>
      <c r="D125240" s="14" t="s">
        <v>14</v>
      </c>
      <c r="E125240" s="15">
        <v>45421</v>
      </c>
      <c r="F125240" s="14" t="s">
        <v>15</v>
      </c>
      <c r="G125240" s="16">
        <v>0</v>
      </c>
    </row>
    <row r="125241" spans="1:7" x14ac:dyDescent="0.3">
      <c r="A125241" s="13" t="s">
        <v>580</v>
      </c>
      <c r="B125241" s="14" t="s">
        <v>1</v>
      </c>
      <c r="C125241" s="14" t="s">
        <v>252</v>
      </c>
      <c r="D125241" s="14" t="s">
        <v>14</v>
      </c>
      <c r="E125241" s="15">
        <v>45422</v>
      </c>
      <c r="F125241" s="14" t="s">
        <v>15</v>
      </c>
      <c r="G125241" s="16">
        <v>0</v>
      </c>
    </row>
    <row r="125242" spans="1:7" x14ac:dyDescent="0.3">
      <c r="A125242" s="13" t="s">
        <v>580</v>
      </c>
      <c r="B125242" s="14" t="s">
        <v>1</v>
      </c>
      <c r="C125242" s="14" t="s">
        <v>252</v>
      </c>
      <c r="D125242" s="14" t="s">
        <v>14</v>
      </c>
      <c r="E125242" s="15">
        <v>45423</v>
      </c>
      <c r="F125242" s="14" t="s">
        <v>15</v>
      </c>
      <c r="G125242" s="16">
        <v>0</v>
      </c>
    </row>
    <row r="125243" spans="1:7" x14ac:dyDescent="0.3">
      <c r="A125243" s="13" t="s">
        <v>580</v>
      </c>
      <c r="B125243" s="14" t="s">
        <v>1</v>
      </c>
      <c r="C125243" s="14" t="s">
        <v>252</v>
      </c>
      <c r="D125243" s="14" t="s">
        <v>14</v>
      </c>
      <c r="E125243" s="15">
        <v>45424</v>
      </c>
      <c r="F125243" s="14" t="s">
        <v>15</v>
      </c>
      <c r="G125243" s="16">
        <v>0</v>
      </c>
    </row>
    <row r="125244" spans="1:7" x14ac:dyDescent="0.3">
      <c r="A125244" s="13" t="s">
        <v>580</v>
      </c>
      <c r="B125244" s="14" t="s">
        <v>1</v>
      </c>
      <c r="C125244" s="14" t="s">
        <v>252</v>
      </c>
      <c r="D125244" s="14" t="s">
        <v>14</v>
      </c>
      <c r="E125244" s="15">
        <v>45425</v>
      </c>
      <c r="F125244" s="14" t="s">
        <v>15</v>
      </c>
      <c r="G125244" s="16">
        <v>0</v>
      </c>
    </row>
    <row r="125245" spans="1:7" x14ac:dyDescent="0.3">
      <c r="A125245" s="13" t="s">
        <v>580</v>
      </c>
      <c r="B125245" s="14" t="s">
        <v>1</v>
      </c>
      <c r="C125245" s="14" t="s">
        <v>252</v>
      </c>
      <c r="D125245" s="14" t="s">
        <v>14</v>
      </c>
      <c r="E125245" s="15">
        <v>45426</v>
      </c>
      <c r="F125245" s="14" t="s">
        <v>15</v>
      </c>
      <c r="G125245" s="16">
        <v>0</v>
      </c>
    </row>
    <row r="125246" spans="1:7" x14ac:dyDescent="0.3">
      <c r="A125246" s="13" t="s">
        <v>580</v>
      </c>
      <c r="B125246" s="14" t="s">
        <v>1</v>
      </c>
      <c r="C125246" s="14" t="s">
        <v>252</v>
      </c>
      <c r="D125246" s="14" t="s">
        <v>14</v>
      </c>
      <c r="E125246" s="15">
        <v>45427</v>
      </c>
      <c r="F125246" s="14" t="s">
        <v>15</v>
      </c>
      <c r="G125246" s="16">
        <v>0</v>
      </c>
    </row>
    <row r="125247" spans="1:7" x14ac:dyDescent="0.3">
      <c r="A125247" s="13" t="s">
        <v>580</v>
      </c>
      <c r="B125247" s="14" t="s">
        <v>1</v>
      </c>
      <c r="C125247" s="14" t="s">
        <v>252</v>
      </c>
      <c r="D125247" s="14" t="s">
        <v>14</v>
      </c>
      <c r="E125247" s="15">
        <v>45428</v>
      </c>
      <c r="F125247" s="14" t="s">
        <v>15</v>
      </c>
      <c r="G125247" s="16">
        <v>0</v>
      </c>
    </row>
    <row r="125248" spans="1:7" x14ac:dyDescent="0.3">
      <c r="A125248" s="13" t="s">
        <v>580</v>
      </c>
      <c r="B125248" s="14" t="s">
        <v>1</v>
      </c>
      <c r="C125248" s="14" t="s">
        <v>252</v>
      </c>
      <c r="D125248" s="14" t="s">
        <v>14</v>
      </c>
      <c r="E125248" s="15">
        <v>45429</v>
      </c>
      <c r="F125248" s="14" t="s">
        <v>15</v>
      </c>
      <c r="G125248" s="16">
        <v>0</v>
      </c>
    </row>
    <row r="125249" spans="1:7" x14ac:dyDescent="0.3">
      <c r="A125249" s="13" t="s">
        <v>580</v>
      </c>
      <c r="B125249" s="14" t="s">
        <v>1</v>
      </c>
      <c r="C125249" s="14" t="s">
        <v>252</v>
      </c>
      <c r="D125249" s="14" t="s">
        <v>14</v>
      </c>
      <c r="E125249" s="15">
        <v>45430</v>
      </c>
      <c r="F125249" s="14" t="s">
        <v>15</v>
      </c>
      <c r="G125249" s="16">
        <v>0</v>
      </c>
    </row>
    <row r="125250" spans="1:7" x14ac:dyDescent="0.3">
      <c r="A125250" s="13" t="s">
        <v>580</v>
      </c>
      <c r="B125250" s="14" t="s">
        <v>1</v>
      </c>
      <c r="C125250" s="14" t="s">
        <v>252</v>
      </c>
      <c r="D125250" s="14" t="s">
        <v>14</v>
      </c>
      <c r="E125250" s="15">
        <v>45431</v>
      </c>
      <c r="F125250" s="14" t="s">
        <v>15</v>
      </c>
      <c r="G125250" s="16">
        <v>0</v>
      </c>
    </row>
    <row r="125251" spans="1:7" x14ac:dyDescent="0.3">
      <c r="A125251" s="13" t="s">
        <v>580</v>
      </c>
      <c r="B125251" s="14" t="s">
        <v>1</v>
      </c>
      <c r="C125251" s="14" t="s">
        <v>252</v>
      </c>
      <c r="D125251" s="14" t="s">
        <v>14</v>
      </c>
      <c r="E125251" s="15">
        <v>45432</v>
      </c>
      <c r="F125251" s="14" t="s">
        <v>15</v>
      </c>
      <c r="G125251" s="16">
        <v>0</v>
      </c>
    </row>
    <row r="125252" spans="1:7" x14ac:dyDescent="0.3">
      <c r="A125252" s="13" t="s">
        <v>580</v>
      </c>
      <c r="B125252" s="14" t="s">
        <v>1</v>
      </c>
      <c r="C125252" s="14" t="s">
        <v>252</v>
      </c>
      <c r="D125252" s="14" t="s">
        <v>14</v>
      </c>
      <c r="E125252" s="15">
        <v>45433</v>
      </c>
      <c r="F125252" s="14" t="s">
        <v>15</v>
      </c>
      <c r="G125252" s="16">
        <v>0</v>
      </c>
    </row>
    <row r="125253" spans="1:7" x14ac:dyDescent="0.3">
      <c r="A125253" s="13" t="s">
        <v>580</v>
      </c>
      <c r="B125253" s="14" t="s">
        <v>1</v>
      </c>
      <c r="C125253" s="14" t="s">
        <v>252</v>
      </c>
      <c r="D125253" s="14" t="s">
        <v>14</v>
      </c>
      <c r="E125253" s="15">
        <v>45434</v>
      </c>
      <c r="F125253" s="14" t="s">
        <v>15</v>
      </c>
      <c r="G125253" s="16">
        <v>0</v>
      </c>
    </row>
    <row r="125254" spans="1:7" x14ac:dyDescent="0.3">
      <c r="A125254" s="13" t="s">
        <v>580</v>
      </c>
      <c r="B125254" s="14" t="s">
        <v>1</v>
      </c>
      <c r="C125254" s="14" t="s">
        <v>252</v>
      </c>
      <c r="D125254" s="14" t="s">
        <v>14</v>
      </c>
      <c r="E125254" s="15">
        <v>45435</v>
      </c>
      <c r="F125254" s="14" t="s">
        <v>15</v>
      </c>
      <c r="G125254" s="16">
        <v>0</v>
      </c>
    </row>
    <row r="125255" spans="1:7" x14ac:dyDescent="0.3">
      <c r="A125255" s="13" t="s">
        <v>580</v>
      </c>
      <c r="B125255" s="14" t="s">
        <v>1</v>
      </c>
      <c r="C125255" s="14" t="s">
        <v>252</v>
      </c>
      <c r="D125255" s="14" t="s">
        <v>14</v>
      </c>
      <c r="E125255" s="15">
        <v>45436</v>
      </c>
      <c r="F125255" s="14" t="s">
        <v>15</v>
      </c>
      <c r="G125255" s="16">
        <v>0</v>
      </c>
    </row>
    <row r="125256" spans="1:7" x14ac:dyDescent="0.3">
      <c r="A125256" s="13" t="s">
        <v>580</v>
      </c>
      <c r="B125256" s="14" t="s">
        <v>1</v>
      </c>
      <c r="C125256" s="14" t="s">
        <v>252</v>
      </c>
      <c r="D125256" s="14" t="s">
        <v>14</v>
      </c>
      <c r="E125256" s="15">
        <v>45437</v>
      </c>
      <c r="F125256" s="14" t="s">
        <v>15</v>
      </c>
      <c r="G125256" s="16">
        <v>0</v>
      </c>
    </row>
    <row r="125257" spans="1:7" x14ac:dyDescent="0.3">
      <c r="A125257" s="13" t="s">
        <v>580</v>
      </c>
      <c r="B125257" s="14" t="s">
        <v>1</v>
      </c>
      <c r="C125257" s="14" t="s">
        <v>252</v>
      </c>
      <c r="D125257" s="14" t="s">
        <v>14</v>
      </c>
      <c r="E125257" s="15">
        <v>45438</v>
      </c>
      <c r="F125257" s="14" t="s">
        <v>15</v>
      </c>
      <c r="G125257" s="16">
        <v>0</v>
      </c>
    </row>
    <row r="125258" spans="1:7" x14ac:dyDescent="0.3">
      <c r="A125258" s="13" t="s">
        <v>580</v>
      </c>
      <c r="B125258" s="14" t="s">
        <v>1</v>
      </c>
      <c r="C125258" s="14" t="s">
        <v>252</v>
      </c>
      <c r="D125258" s="14" t="s">
        <v>14</v>
      </c>
      <c r="E125258" s="15">
        <v>45439</v>
      </c>
      <c r="F125258" s="14" t="s">
        <v>15</v>
      </c>
      <c r="G125258" s="16">
        <v>0</v>
      </c>
    </row>
    <row r="125259" spans="1:7" x14ac:dyDescent="0.3">
      <c r="A125259" s="13" t="s">
        <v>580</v>
      </c>
      <c r="B125259" s="14" t="s">
        <v>1</v>
      </c>
      <c r="C125259" s="14" t="s">
        <v>252</v>
      </c>
      <c r="D125259" s="14" t="s">
        <v>14</v>
      </c>
      <c r="E125259" s="15">
        <v>45440</v>
      </c>
      <c r="F125259" s="14" t="s">
        <v>15</v>
      </c>
      <c r="G125259" s="16">
        <v>0</v>
      </c>
    </row>
    <row r="125260" spans="1:7" x14ac:dyDescent="0.3">
      <c r="A125260" s="13" t="s">
        <v>580</v>
      </c>
      <c r="B125260" s="14" t="s">
        <v>1</v>
      </c>
      <c r="C125260" s="14" t="s">
        <v>252</v>
      </c>
      <c r="D125260" s="14" t="s">
        <v>14</v>
      </c>
      <c r="E125260" s="15">
        <v>45441</v>
      </c>
      <c r="F125260" s="14" t="s">
        <v>15</v>
      </c>
      <c r="G125260" s="16">
        <v>0</v>
      </c>
    </row>
    <row r="125261" spans="1:7" x14ac:dyDescent="0.3">
      <c r="A125261" s="13" t="s">
        <v>580</v>
      </c>
      <c r="B125261" s="14" t="s">
        <v>1</v>
      </c>
      <c r="C125261" s="14" t="s">
        <v>252</v>
      </c>
      <c r="D125261" s="14" t="s">
        <v>14</v>
      </c>
      <c r="E125261" s="15">
        <v>45442</v>
      </c>
      <c r="F125261" s="14" t="s">
        <v>15</v>
      </c>
      <c r="G125261" s="16">
        <v>0</v>
      </c>
    </row>
    <row r="125262" spans="1:7" x14ac:dyDescent="0.3">
      <c r="A125262" s="13" t="s">
        <v>580</v>
      </c>
      <c r="B125262" s="14" t="s">
        <v>1</v>
      </c>
      <c r="C125262" s="14" t="s">
        <v>252</v>
      </c>
      <c r="D125262" s="14" t="s">
        <v>14</v>
      </c>
      <c r="E125262" s="15">
        <v>45443</v>
      </c>
      <c r="F125262" s="14" t="s">
        <v>15</v>
      </c>
      <c r="G125262" s="16">
        <v>0</v>
      </c>
    </row>
    <row r="125263" spans="1:7" x14ac:dyDescent="0.3">
      <c r="A125263" s="13" t="s">
        <v>580</v>
      </c>
      <c r="B125263" s="14" t="s">
        <v>1</v>
      </c>
      <c r="C125263" s="14" t="s">
        <v>252</v>
      </c>
      <c r="D125263" s="14" t="s">
        <v>14</v>
      </c>
      <c r="E125263" s="15">
        <v>45444</v>
      </c>
      <c r="F125263" s="14" t="s">
        <v>15</v>
      </c>
      <c r="G125263" s="16">
        <v>0</v>
      </c>
    </row>
    <row r="125264" spans="1:7" x14ac:dyDescent="0.3">
      <c r="A125264" s="13" t="s">
        <v>580</v>
      </c>
      <c r="B125264" s="14" t="s">
        <v>1</v>
      </c>
      <c r="C125264" s="14" t="s">
        <v>252</v>
      </c>
      <c r="D125264" s="14" t="s">
        <v>14</v>
      </c>
      <c r="E125264" s="15">
        <v>45445</v>
      </c>
      <c r="F125264" s="14" t="s">
        <v>15</v>
      </c>
      <c r="G125264" s="16">
        <v>0</v>
      </c>
    </row>
    <row r="125265" spans="1:7" x14ac:dyDescent="0.3">
      <c r="A125265" s="13" t="s">
        <v>580</v>
      </c>
      <c r="B125265" s="14" t="s">
        <v>1</v>
      </c>
      <c r="C125265" s="14" t="s">
        <v>252</v>
      </c>
      <c r="D125265" s="14" t="s">
        <v>14</v>
      </c>
      <c r="E125265" s="15">
        <v>45446</v>
      </c>
      <c r="F125265" s="14" t="s">
        <v>15</v>
      </c>
      <c r="G125265" s="16">
        <v>0</v>
      </c>
    </row>
    <row r="125266" spans="1:7" x14ac:dyDescent="0.3">
      <c r="A125266" s="13" t="s">
        <v>580</v>
      </c>
      <c r="B125266" s="14" t="s">
        <v>1</v>
      </c>
      <c r="C125266" s="14" t="s">
        <v>252</v>
      </c>
      <c r="D125266" s="14" t="s">
        <v>14</v>
      </c>
      <c r="E125266" s="15">
        <v>45447</v>
      </c>
      <c r="F125266" s="14" t="s">
        <v>15</v>
      </c>
      <c r="G125266" s="16">
        <v>0</v>
      </c>
    </row>
    <row r="125267" spans="1:7" x14ac:dyDescent="0.3">
      <c r="A125267" s="13" t="s">
        <v>580</v>
      </c>
      <c r="B125267" s="14" t="s">
        <v>1</v>
      </c>
      <c r="C125267" s="14" t="s">
        <v>252</v>
      </c>
      <c r="D125267" s="14" t="s">
        <v>14</v>
      </c>
      <c r="E125267" s="15">
        <v>45448</v>
      </c>
      <c r="F125267" s="14" t="s">
        <v>15</v>
      </c>
      <c r="G125267" s="16">
        <v>0</v>
      </c>
    </row>
    <row r="125268" spans="1:7" x14ac:dyDescent="0.3">
      <c r="A125268" s="13" t="s">
        <v>580</v>
      </c>
      <c r="B125268" s="14" t="s">
        <v>1</v>
      </c>
      <c r="C125268" s="14" t="s">
        <v>252</v>
      </c>
      <c r="D125268" s="14" t="s">
        <v>14</v>
      </c>
      <c r="E125268" s="15">
        <v>45449</v>
      </c>
      <c r="F125268" s="14" t="s">
        <v>15</v>
      </c>
      <c r="G125268" s="16">
        <v>0</v>
      </c>
    </row>
    <row r="125269" spans="1:7" x14ac:dyDescent="0.3">
      <c r="A125269" s="13" t="s">
        <v>580</v>
      </c>
      <c r="B125269" s="14" t="s">
        <v>1</v>
      </c>
      <c r="C125269" s="14" t="s">
        <v>252</v>
      </c>
      <c r="D125269" s="14" t="s">
        <v>14</v>
      </c>
      <c r="E125269" s="15">
        <v>45450</v>
      </c>
      <c r="F125269" s="14" t="s">
        <v>15</v>
      </c>
      <c r="G125269" s="16">
        <v>0</v>
      </c>
    </row>
    <row r="125270" spans="1:7" x14ac:dyDescent="0.3">
      <c r="A125270" s="13" t="s">
        <v>580</v>
      </c>
      <c r="B125270" s="14" t="s">
        <v>1</v>
      </c>
      <c r="C125270" s="14" t="s">
        <v>252</v>
      </c>
      <c r="D125270" s="14" t="s">
        <v>14</v>
      </c>
      <c r="E125270" s="15">
        <v>45451</v>
      </c>
      <c r="F125270" s="14" t="s">
        <v>15</v>
      </c>
      <c r="G125270" s="16">
        <v>0</v>
      </c>
    </row>
    <row r="125271" spans="1:7" x14ac:dyDescent="0.3">
      <c r="A125271" s="13" t="s">
        <v>580</v>
      </c>
      <c r="B125271" s="14" t="s">
        <v>1</v>
      </c>
      <c r="C125271" s="14" t="s">
        <v>252</v>
      </c>
      <c r="D125271" s="14" t="s">
        <v>14</v>
      </c>
      <c r="E125271" s="15">
        <v>45452</v>
      </c>
      <c r="F125271" s="14" t="s">
        <v>15</v>
      </c>
      <c r="G125271" s="16">
        <v>0</v>
      </c>
    </row>
    <row r="125272" spans="1:7" x14ac:dyDescent="0.3">
      <c r="A125272" s="13" t="s">
        <v>580</v>
      </c>
      <c r="B125272" s="14" t="s">
        <v>1</v>
      </c>
      <c r="C125272" s="14" t="s">
        <v>252</v>
      </c>
      <c r="D125272" s="14" t="s">
        <v>14</v>
      </c>
      <c r="E125272" s="15">
        <v>45453</v>
      </c>
      <c r="F125272" s="14" t="s">
        <v>15</v>
      </c>
      <c r="G125272" s="16">
        <v>0</v>
      </c>
    </row>
    <row r="125273" spans="1:7" x14ac:dyDescent="0.3">
      <c r="A125273" s="13" t="s">
        <v>580</v>
      </c>
      <c r="B125273" s="14" t="s">
        <v>1</v>
      </c>
      <c r="C125273" s="14" t="s">
        <v>252</v>
      </c>
      <c r="D125273" s="14" t="s">
        <v>14</v>
      </c>
      <c r="E125273" s="15">
        <v>45454</v>
      </c>
      <c r="F125273" s="14" t="s">
        <v>15</v>
      </c>
      <c r="G125273" s="16">
        <v>0</v>
      </c>
    </row>
    <row r="125274" spans="1:7" x14ac:dyDescent="0.3">
      <c r="A125274" s="13" t="s">
        <v>580</v>
      </c>
      <c r="B125274" s="14" t="s">
        <v>1</v>
      </c>
      <c r="C125274" s="14" t="s">
        <v>252</v>
      </c>
      <c r="D125274" s="14" t="s">
        <v>14</v>
      </c>
      <c r="E125274" s="15">
        <v>45455</v>
      </c>
      <c r="F125274" s="14" t="s">
        <v>15</v>
      </c>
      <c r="G125274" s="16">
        <v>0</v>
      </c>
    </row>
    <row r="125275" spans="1:7" x14ac:dyDescent="0.3">
      <c r="A125275" s="13" t="s">
        <v>580</v>
      </c>
      <c r="B125275" s="14" t="s">
        <v>1</v>
      </c>
      <c r="C125275" s="14" t="s">
        <v>252</v>
      </c>
      <c r="D125275" s="14" t="s">
        <v>14</v>
      </c>
      <c r="E125275" s="15">
        <v>45456</v>
      </c>
      <c r="F125275" s="14" t="s">
        <v>15</v>
      </c>
      <c r="G125275" s="16">
        <v>0</v>
      </c>
    </row>
    <row r="125276" spans="1:7" x14ac:dyDescent="0.3">
      <c r="A125276" s="13" t="s">
        <v>580</v>
      </c>
      <c r="B125276" s="14" t="s">
        <v>1</v>
      </c>
      <c r="C125276" s="14" t="s">
        <v>252</v>
      </c>
      <c r="D125276" s="14" t="s">
        <v>14</v>
      </c>
      <c r="E125276" s="15">
        <v>45457</v>
      </c>
      <c r="F125276" s="14" t="s">
        <v>15</v>
      </c>
      <c r="G125276" s="16">
        <v>0</v>
      </c>
    </row>
    <row r="125277" spans="1:7" x14ac:dyDescent="0.3">
      <c r="A125277" s="13" t="s">
        <v>580</v>
      </c>
      <c r="B125277" s="14" t="s">
        <v>1</v>
      </c>
      <c r="C125277" s="14" t="s">
        <v>252</v>
      </c>
      <c r="D125277" s="14" t="s">
        <v>14</v>
      </c>
      <c r="E125277" s="15">
        <v>45458</v>
      </c>
      <c r="F125277" s="14" t="s">
        <v>15</v>
      </c>
      <c r="G125277" s="16">
        <v>0</v>
      </c>
    </row>
    <row r="125278" spans="1:7" x14ac:dyDescent="0.3">
      <c r="A125278" s="13" t="s">
        <v>580</v>
      </c>
      <c r="B125278" s="14" t="s">
        <v>1</v>
      </c>
      <c r="C125278" s="14" t="s">
        <v>252</v>
      </c>
      <c r="D125278" s="14" t="s">
        <v>14</v>
      </c>
      <c r="E125278" s="15">
        <v>45459</v>
      </c>
      <c r="F125278" s="14" t="s">
        <v>15</v>
      </c>
      <c r="G125278" s="16">
        <v>0</v>
      </c>
    </row>
    <row r="125279" spans="1:7" x14ac:dyDescent="0.3">
      <c r="A125279" s="13" t="s">
        <v>580</v>
      </c>
      <c r="B125279" s="14" t="s">
        <v>1</v>
      </c>
      <c r="C125279" s="14" t="s">
        <v>252</v>
      </c>
      <c r="D125279" s="14" t="s">
        <v>14</v>
      </c>
      <c r="E125279" s="15">
        <v>45460</v>
      </c>
      <c r="F125279" s="14" t="s">
        <v>15</v>
      </c>
      <c r="G125279" s="16">
        <v>0</v>
      </c>
    </row>
    <row r="125280" spans="1:7" x14ac:dyDescent="0.3">
      <c r="A125280" s="13" t="s">
        <v>580</v>
      </c>
      <c r="B125280" s="14" t="s">
        <v>1</v>
      </c>
      <c r="C125280" s="14" t="s">
        <v>252</v>
      </c>
      <c r="D125280" s="14" t="s">
        <v>14</v>
      </c>
      <c r="E125280" s="15">
        <v>45461</v>
      </c>
      <c r="F125280" s="14" t="s">
        <v>15</v>
      </c>
      <c r="G125280" s="16">
        <v>0</v>
      </c>
    </row>
    <row r="125281" spans="1:7" x14ac:dyDescent="0.3">
      <c r="A125281" s="13" t="s">
        <v>580</v>
      </c>
      <c r="B125281" s="14" t="s">
        <v>1</v>
      </c>
      <c r="C125281" s="14" t="s">
        <v>252</v>
      </c>
      <c r="D125281" s="14" t="s">
        <v>14</v>
      </c>
      <c r="E125281" s="15">
        <v>45462</v>
      </c>
      <c r="F125281" s="14" t="s">
        <v>15</v>
      </c>
      <c r="G125281" s="16">
        <v>0</v>
      </c>
    </row>
    <row r="125282" spans="1:7" x14ac:dyDescent="0.3">
      <c r="A125282" s="13" t="s">
        <v>580</v>
      </c>
      <c r="B125282" s="14" t="s">
        <v>1</v>
      </c>
      <c r="C125282" s="14" t="s">
        <v>252</v>
      </c>
      <c r="D125282" s="14" t="s">
        <v>14</v>
      </c>
      <c r="E125282" s="15">
        <v>45463</v>
      </c>
      <c r="F125282" s="14" t="s">
        <v>15</v>
      </c>
      <c r="G125282" s="16">
        <v>0</v>
      </c>
    </row>
    <row r="125283" spans="1:7" x14ac:dyDescent="0.3">
      <c r="A125283" s="13" t="s">
        <v>580</v>
      </c>
      <c r="B125283" s="14" t="s">
        <v>1</v>
      </c>
      <c r="C125283" s="14" t="s">
        <v>252</v>
      </c>
      <c r="D125283" s="14" t="s">
        <v>14</v>
      </c>
      <c r="E125283" s="15">
        <v>45464</v>
      </c>
      <c r="F125283" s="14" t="s">
        <v>15</v>
      </c>
      <c r="G125283" s="16">
        <v>0</v>
      </c>
    </row>
    <row r="125284" spans="1:7" x14ac:dyDescent="0.3">
      <c r="A125284" s="13" t="s">
        <v>580</v>
      </c>
      <c r="B125284" s="14" t="s">
        <v>1</v>
      </c>
      <c r="C125284" s="14" t="s">
        <v>252</v>
      </c>
      <c r="D125284" s="14" t="s">
        <v>14</v>
      </c>
      <c r="E125284" s="15">
        <v>45465</v>
      </c>
      <c r="F125284" s="14" t="s">
        <v>15</v>
      </c>
      <c r="G125284" s="16">
        <v>0</v>
      </c>
    </row>
    <row r="125285" spans="1:7" x14ac:dyDescent="0.3">
      <c r="A125285" s="13" t="s">
        <v>580</v>
      </c>
      <c r="B125285" s="14" t="s">
        <v>1</v>
      </c>
      <c r="C125285" s="14" t="s">
        <v>252</v>
      </c>
      <c r="D125285" s="14" t="s">
        <v>14</v>
      </c>
      <c r="E125285" s="15">
        <v>45466</v>
      </c>
      <c r="F125285" s="14" t="s">
        <v>15</v>
      </c>
      <c r="G125285" s="16">
        <v>0</v>
      </c>
    </row>
    <row r="125286" spans="1:7" x14ac:dyDescent="0.3">
      <c r="A125286" s="13" t="s">
        <v>580</v>
      </c>
      <c r="B125286" s="14" t="s">
        <v>1</v>
      </c>
      <c r="C125286" s="14" t="s">
        <v>252</v>
      </c>
      <c r="D125286" s="14" t="s">
        <v>14</v>
      </c>
      <c r="E125286" s="15">
        <v>45467</v>
      </c>
      <c r="F125286" s="14" t="s">
        <v>15</v>
      </c>
      <c r="G125286" s="16">
        <v>0</v>
      </c>
    </row>
    <row r="125287" spans="1:7" x14ac:dyDescent="0.3">
      <c r="A125287" s="13" t="s">
        <v>580</v>
      </c>
      <c r="B125287" s="14" t="s">
        <v>1</v>
      </c>
      <c r="C125287" s="14" t="s">
        <v>252</v>
      </c>
      <c r="D125287" s="14" t="s">
        <v>14</v>
      </c>
      <c r="E125287" s="15">
        <v>45468</v>
      </c>
      <c r="F125287" s="14" t="s">
        <v>15</v>
      </c>
      <c r="G125287" s="16">
        <v>0</v>
      </c>
    </row>
    <row r="125288" spans="1:7" x14ac:dyDescent="0.3">
      <c r="A125288" s="13" t="s">
        <v>580</v>
      </c>
      <c r="B125288" s="14" t="s">
        <v>1</v>
      </c>
      <c r="C125288" s="14" t="s">
        <v>252</v>
      </c>
      <c r="D125288" s="14" t="s">
        <v>14</v>
      </c>
      <c r="E125288" s="15">
        <v>45469</v>
      </c>
      <c r="F125288" s="14" t="s">
        <v>15</v>
      </c>
      <c r="G125288" s="16">
        <v>0</v>
      </c>
    </row>
    <row r="125289" spans="1:7" x14ac:dyDescent="0.3">
      <c r="A125289" s="13" t="s">
        <v>580</v>
      </c>
      <c r="B125289" s="14" t="s">
        <v>1</v>
      </c>
      <c r="C125289" s="14" t="s">
        <v>252</v>
      </c>
      <c r="D125289" s="14" t="s">
        <v>14</v>
      </c>
      <c r="E125289" s="15">
        <v>45470</v>
      </c>
      <c r="F125289" s="14" t="s">
        <v>15</v>
      </c>
      <c r="G125289" s="16">
        <v>0</v>
      </c>
    </row>
    <row r="125290" spans="1:7" x14ac:dyDescent="0.3">
      <c r="A125290" s="13" t="s">
        <v>580</v>
      </c>
      <c r="B125290" s="14" t="s">
        <v>1</v>
      </c>
      <c r="C125290" s="14" t="s">
        <v>252</v>
      </c>
      <c r="D125290" s="14" t="s">
        <v>14</v>
      </c>
      <c r="E125290" s="15">
        <v>45471</v>
      </c>
      <c r="F125290" s="14" t="s">
        <v>15</v>
      </c>
      <c r="G125290" s="16">
        <v>0</v>
      </c>
    </row>
    <row r="125291" spans="1:7" x14ac:dyDescent="0.3">
      <c r="A125291" s="13" t="s">
        <v>580</v>
      </c>
      <c r="B125291" s="14" t="s">
        <v>1</v>
      </c>
      <c r="C125291" s="14" t="s">
        <v>252</v>
      </c>
      <c r="D125291" s="14" t="s">
        <v>14</v>
      </c>
      <c r="E125291" s="15">
        <v>45472</v>
      </c>
      <c r="F125291" s="14" t="s">
        <v>15</v>
      </c>
      <c r="G125291" s="16">
        <v>0</v>
      </c>
    </row>
    <row r="125292" spans="1:7" x14ac:dyDescent="0.3">
      <c r="A125292" s="13" t="s">
        <v>580</v>
      </c>
      <c r="B125292" s="14" t="s">
        <v>1</v>
      </c>
      <c r="C125292" s="14" t="s">
        <v>252</v>
      </c>
      <c r="D125292" s="14" t="s">
        <v>14</v>
      </c>
      <c r="E125292" s="15">
        <v>45473</v>
      </c>
      <c r="F125292" s="14" t="s">
        <v>15</v>
      </c>
      <c r="G125292" s="16">
        <v>0</v>
      </c>
    </row>
    <row r="125293" spans="1:7" x14ac:dyDescent="0.3">
      <c r="A125293" s="13" t="s">
        <v>580</v>
      </c>
      <c r="B125293" s="14" t="s">
        <v>1</v>
      </c>
      <c r="C125293" s="14" t="s">
        <v>252</v>
      </c>
      <c r="D125293" s="14" t="s">
        <v>14</v>
      </c>
      <c r="E125293" s="15">
        <v>45474</v>
      </c>
      <c r="F125293" s="14" t="s">
        <v>15</v>
      </c>
      <c r="G125293" s="16">
        <v>0</v>
      </c>
    </row>
    <row r="125294" spans="1:7" x14ac:dyDescent="0.3">
      <c r="A125294" s="13" t="s">
        <v>580</v>
      </c>
      <c r="B125294" s="14" t="s">
        <v>1</v>
      </c>
      <c r="C125294" s="14" t="s">
        <v>252</v>
      </c>
      <c r="D125294" s="14" t="s">
        <v>14</v>
      </c>
      <c r="E125294" s="15">
        <v>45475</v>
      </c>
      <c r="F125294" s="14" t="s">
        <v>15</v>
      </c>
      <c r="G125294" s="16">
        <v>0</v>
      </c>
    </row>
    <row r="125295" spans="1:7" x14ac:dyDescent="0.3">
      <c r="A125295" s="13" t="s">
        <v>580</v>
      </c>
      <c r="B125295" s="14" t="s">
        <v>1</v>
      </c>
      <c r="C125295" s="14" t="s">
        <v>252</v>
      </c>
      <c r="D125295" s="14" t="s">
        <v>14</v>
      </c>
      <c r="E125295" s="15">
        <v>45476</v>
      </c>
      <c r="F125295" s="14" t="s">
        <v>15</v>
      </c>
      <c r="G125295" s="16">
        <v>0</v>
      </c>
    </row>
    <row r="125296" spans="1:7" x14ac:dyDescent="0.3">
      <c r="A125296" s="13" t="s">
        <v>580</v>
      </c>
      <c r="B125296" s="14" t="s">
        <v>1</v>
      </c>
      <c r="C125296" s="14" t="s">
        <v>252</v>
      </c>
      <c r="D125296" s="14" t="s">
        <v>14</v>
      </c>
      <c r="E125296" s="15">
        <v>45477</v>
      </c>
      <c r="F125296" s="14" t="s">
        <v>15</v>
      </c>
      <c r="G125296" s="16">
        <v>0</v>
      </c>
    </row>
    <row r="125297" spans="1:7" x14ac:dyDescent="0.3">
      <c r="A125297" s="13" t="s">
        <v>580</v>
      </c>
      <c r="B125297" s="14" t="s">
        <v>1</v>
      </c>
      <c r="C125297" s="14" t="s">
        <v>252</v>
      </c>
      <c r="D125297" s="14" t="s">
        <v>14</v>
      </c>
      <c r="E125297" s="15">
        <v>45478</v>
      </c>
      <c r="F125297" s="14" t="s">
        <v>15</v>
      </c>
      <c r="G125297" s="16">
        <v>0</v>
      </c>
    </row>
    <row r="125298" spans="1:7" x14ac:dyDescent="0.3">
      <c r="A125298" s="13" t="s">
        <v>580</v>
      </c>
      <c r="B125298" s="14" t="s">
        <v>1</v>
      </c>
      <c r="C125298" s="14" t="s">
        <v>252</v>
      </c>
      <c r="D125298" s="14" t="s">
        <v>14</v>
      </c>
      <c r="E125298" s="15">
        <v>45479</v>
      </c>
      <c r="F125298" s="14" t="s">
        <v>15</v>
      </c>
      <c r="G125298" s="16">
        <v>0</v>
      </c>
    </row>
    <row r="125299" spans="1:7" x14ac:dyDescent="0.3">
      <c r="A125299" s="13" t="s">
        <v>580</v>
      </c>
      <c r="B125299" s="14" t="s">
        <v>1</v>
      </c>
      <c r="C125299" s="14" t="s">
        <v>252</v>
      </c>
      <c r="D125299" s="14" t="s">
        <v>14</v>
      </c>
      <c r="E125299" s="15">
        <v>45480</v>
      </c>
      <c r="F125299" s="14" t="s">
        <v>15</v>
      </c>
      <c r="G125299" s="16">
        <v>0</v>
      </c>
    </row>
    <row r="125300" spans="1:7" x14ac:dyDescent="0.3">
      <c r="A125300" s="13" t="s">
        <v>580</v>
      </c>
      <c r="B125300" s="14" t="s">
        <v>1</v>
      </c>
      <c r="C125300" s="14" t="s">
        <v>252</v>
      </c>
      <c r="D125300" s="14" t="s">
        <v>14</v>
      </c>
      <c r="E125300" s="15">
        <v>45481</v>
      </c>
      <c r="F125300" s="14" t="s">
        <v>15</v>
      </c>
      <c r="G125300" s="16">
        <v>0</v>
      </c>
    </row>
    <row r="125301" spans="1:7" x14ac:dyDescent="0.3">
      <c r="A125301" s="13" t="s">
        <v>580</v>
      </c>
      <c r="B125301" s="14" t="s">
        <v>1</v>
      </c>
      <c r="C125301" s="14" t="s">
        <v>252</v>
      </c>
      <c r="D125301" s="14" t="s">
        <v>14</v>
      </c>
      <c r="E125301" s="15">
        <v>45482</v>
      </c>
      <c r="F125301" s="14" t="s">
        <v>15</v>
      </c>
      <c r="G125301" s="16">
        <v>0</v>
      </c>
    </row>
    <row r="125302" spans="1:7" x14ac:dyDescent="0.3">
      <c r="A125302" s="13" t="s">
        <v>580</v>
      </c>
      <c r="B125302" s="14" t="s">
        <v>1</v>
      </c>
      <c r="C125302" s="14" t="s">
        <v>252</v>
      </c>
      <c r="D125302" s="14" t="s">
        <v>14</v>
      </c>
      <c r="E125302" s="15">
        <v>45483</v>
      </c>
      <c r="F125302" s="14" t="s">
        <v>15</v>
      </c>
      <c r="G125302" s="16">
        <v>0</v>
      </c>
    </row>
    <row r="125303" spans="1:7" x14ac:dyDescent="0.3">
      <c r="A125303" s="13" t="s">
        <v>580</v>
      </c>
      <c r="B125303" s="14" t="s">
        <v>1</v>
      </c>
      <c r="C125303" s="14" t="s">
        <v>252</v>
      </c>
      <c r="D125303" s="14" t="s">
        <v>14</v>
      </c>
      <c r="E125303" s="15">
        <v>45484</v>
      </c>
      <c r="F125303" s="14" t="s">
        <v>15</v>
      </c>
      <c r="G125303" s="16">
        <v>0</v>
      </c>
    </row>
    <row r="125304" spans="1:7" x14ac:dyDescent="0.3">
      <c r="A125304" s="13" t="s">
        <v>580</v>
      </c>
      <c r="B125304" s="14" t="s">
        <v>1</v>
      </c>
      <c r="C125304" s="14" t="s">
        <v>252</v>
      </c>
      <c r="D125304" s="14" t="s">
        <v>14</v>
      </c>
      <c r="E125304" s="15">
        <v>45485</v>
      </c>
      <c r="F125304" s="14" t="s">
        <v>15</v>
      </c>
      <c r="G125304" s="16">
        <v>0</v>
      </c>
    </row>
    <row r="125305" spans="1:7" x14ac:dyDescent="0.3">
      <c r="A125305" s="13" t="s">
        <v>580</v>
      </c>
      <c r="B125305" s="14" t="s">
        <v>1</v>
      </c>
      <c r="C125305" s="14" t="s">
        <v>252</v>
      </c>
      <c r="D125305" s="14" t="s">
        <v>14</v>
      </c>
      <c r="E125305" s="15">
        <v>45486</v>
      </c>
      <c r="F125305" s="14" t="s">
        <v>15</v>
      </c>
      <c r="G125305" s="16">
        <v>0</v>
      </c>
    </row>
    <row r="125306" spans="1:7" x14ac:dyDescent="0.3">
      <c r="A125306" s="13" t="s">
        <v>580</v>
      </c>
      <c r="B125306" s="14" t="s">
        <v>1</v>
      </c>
      <c r="C125306" s="14" t="s">
        <v>252</v>
      </c>
      <c r="D125306" s="14" t="s">
        <v>14</v>
      </c>
      <c r="E125306" s="15">
        <v>45487</v>
      </c>
      <c r="F125306" s="14" t="s">
        <v>15</v>
      </c>
      <c r="G125306" s="16">
        <v>0</v>
      </c>
    </row>
    <row r="125307" spans="1:7" x14ac:dyDescent="0.3">
      <c r="A125307" s="13" t="s">
        <v>580</v>
      </c>
      <c r="B125307" s="14" t="s">
        <v>1</v>
      </c>
      <c r="C125307" s="14" t="s">
        <v>252</v>
      </c>
      <c r="D125307" s="14" t="s">
        <v>14</v>
      </c>
      <c r="E125307" s="15">
        <v>45488</v>
      </c>
      <c r="F125307" s="14" t="s">
        <v>15</v>
      </c>
      <c r="G125307" s="16">
        <v>0</v>
      </c>
    </row>
    <row r="125308" spans="1:7" x14ac:dyDescent="0.3">
      <c r="A125308" s="13" t="s">
        <v>580</v>
      </c>
      <c r="B125308" s="14" t="s">
        <v>1</v>
      </c>
      <c r="C125308" s="14" t="s">
        <v>252</v>
      </c>
      <c r="D125308" s="14" t="s">
        <v>14</v>
      </c>
      <c r="E125308" s="15">
        <v>45489</v>
      </c>
      <c r="F125308" s="14" t="s">
        <v>15</v>
      </c>
      <c r="G125308" s="16">
        <v>0</v>
      </c>
    </row>
    <row r="125309" spans="1:7" x14ac:dyDescent="0.3">
      <c r="A125309" s="13" t="s">
        <v>580</v>
      </c>
      <c r="B125309" s="14" t="s">
        <v>1</v>
      </c>
      <c r="C125309" s="14" t="s">
        <v>252</v>
      </c>
      <c r="D125309" s="14" t="s">
        <v>14</v>
      </c>
      <c r="E125309" s="15">
        <v>45490</v>
      </c>
      <c r="F125309" s="14" t="s">
        <v>15</v>
      </c>
      <c r="G125309" s="16">
        <v>0</v>
      </c>
    </row>
    <row r="125310" spans="1:7" x14ac:dyDescent="0.3">
      <c r="A125310" s="13" t="s">
        <v>580</v>
      </c>
      <c r="B125310" s="14" t="s">
        <v>1</v>
      </c>
      <c r="C125310" s="14" t="s">
        <v>252</v>
      </c>
      <c r="D125310" s="14" t="s">
        <v>14</v>
      </c>
      <c r="E125310" s="15">
        <v>45491</v>
      </c>
      <c r="F125310" s="14" t="s">
        <v>15</v>
      </c>
      <c r="G125310" s="16">
        <v>0</v>
      </c>
    </row>
    <row r="125311" spans="1:7" x14ac:dyDescent="0.3">
      <c r="A125311" s="13" t="s">
        <v>580</v>
      </c>
      <c r="B125311" s="14" t="s">
        <v>1</v>
      </c>
      <c r="C125311" s="14" t="s">
        <v>252</v>
      </c>
      <c r="D125311" s="14" t="s">
        <v>14</v>
      </c>
      <c r="E125311" s="15">
        <v>45492</v>
      </c>
      <c r="F125311" s="14" t="s">
        <v>15</v>
      </c>
      <c r="G125311" s="16">
        <v>0</v>
      </c>
    </row>
    <row r="125312" spans="1:7" x14ac:dyDescent="0.3">
      <c r="A125312" s="13" t="s">
        <v>580</v>
      </c>
      <c r="B125312" s="14" t="s">
        <v>1</v>
      </c>
      <c r="C125312" s="14" t="s">
        <v>252</v>
      </c>
      <c r="D125312" s="14" t="s">
        <v>14</v>
      </c>
      <c r="E125312" s="15">
        <v>45493</v>
      </c>
      <c r="F125312" s="14" t="s">
        <v>15</v>
      </c>
      <c r="G125312" s="16">
        <v>0</v>
      </c>
    </row>
    <row r="125313" spans="1:7" x14ac:dyDescent="0.3">
      <c r="A125313" s="13" t="s">
        <v>580</v>
      </c>
      <c r="B125313" s="14" t="s">
        <v>1</v>
      </c>
      <c r="C125313" s="14" t="s">
        <v>252</v>
      </c>
      <c r="D125313" s="14" t="s">
        <v>14</v>
      </c>
      <c r="E125313" s="15">
        <v>45494</v>
      </c>
      <c r="F125313" s="14" t="s">
        <v>15</v>
      </c>
      <c r="G125313" s="16">
        <v>0</v>
      </c>
    </row>
    <row r="125314" spans="1:7" x14ac:dyDescent="0.3">
      <c r="A125314" s="13" t="s">
        <v>580</v>
      </c>
      <c r="B125314" s="14" t="s">
        <v>1</v>
      </c>
      <c r="C125314" s="14" t="s">
        <v>252</v>
      </c>
      <c r="D125314" s="14" t="s">
        <v>14</v>
      </c>
      <c r="E125314" s="15">
        <v>45495</v>
      </c>
      <c r="F125314" s="14" t="s">
        <v>15</v>
      </c>
      <c r="G125314" s="16">
        <v>0</v>
      </c>
    </row>
    <row r="125315" spans="1:7" x14ac:dyDescent="0.3">
      <c r="A125315" s="13" t="s">
        <v>580</v>
      </c>
      <c r="B125315" s="14" t="s">
        <v>1</v>
      </c>
      <c r="C125315" s="14" t="s">
        <v>252</v>
      </c>
      <c r="D125315" s="14" t="s">
        <v>14</v>
      </c>
      <c r="E125315" s="15">
        <v>45496</v>
      </c>
      <c r="F125315" s="14" t="s">
        <v>15</v>
      </c>
      <c r="G125315" s="16">
        <v>0</v>
      </c>
    </row>
    <row r="125316" spans="1:7" x14ac:dyDescent="0.3">
      <c r="A125316" s="13" t="s">
        <v>580</v>
      </c>
      <c r="B125316" s="14" t="s">
        <v>1</v>
      </c>
      <c r="C125316" s="14" t="s">
        <v>252</v>
      </c>
      <c r="D125316" s="14" t="s">
        <v>14</v>
      </c>
      <c r="E125316" s="15">
        <v>45497</v>
      </c>
      <c r="F125316" s="14" t="s">
        <v>15</v>
      </c>
      <c r="G125316" s="16">
        <v>0</v>
      </c>
    </row>
    <row r="125317" spans="1:7" x14ac:dyDescent="0.3">
      <c r="A125317" s="13" t="s">
        <v>580</v>
      </c>
      <c r="B125317" s="14" t="s">
        <v>1</v>
      </c>
      <c r="C125317" s="14" t="s">
        <v>252</v>
      </c>
      <c r="D125317" s="14" t="s">
        <v>14</v>
      </c>
      <c r="E125317" s="15">
        <v>45498</v>
      </c>
      <c r="F125317" s="14" t="s">
        <v>15</v>
      </c>
      <c r="G125317" s="16">
        <v>0</v>
      </c>
    </row>
    <row r="125318" spans="1:7" x14ac:dyDescent="0.3">
      <c r="A125318" s="13" t="s">
        <v>580</v>
      </c>
      <c r="B125318" s="14" t="s">
        <v>1</v>
      </c>
      <c r="C125318" s="14" t="s">
        <v>252</v>
      </c>
      <c r="D125318" s="14" t="s">
        <v>14</v>
      </c>
      <c r="E125318" s="15">
        <v>45499</v>
      </c>
      <c r="F125318" s="14" t="s">
        <v>15</v>
      </c>
      <c r="G125318" s="16">
        <v>0</v>
      </c>
    </row>
    <row r="125319" spans="1:7" x14ac:dyDescent="0.3">
      <c r="A125319" s="13" t="s">
        <v>580</v>
      </c>
      <c r="B125319" s="14" t="s">
        <v>1</v>
      </c>
      <c r="C125319" s="14" t="s">
        <v>252</v>
      </c>
      <c r="D125319" s="14" t="s">
        <v>14</v>
      </c>
      <c r="E125319" s="15">
        <v>45500</v>
      </c>
      <c r="F125319" s="14" t="s">
        <v>15</v>
      </c>
      <c r="G125319" s="16">
        <v>0</v>
      </c>
    </row>
    <row r="125320" spans="1:7" x14ac:dyDescent="0.3">
      <c r="A125320" s="13" t="s">
        <v>580</v>
      </c>
      <c r="B125320" s="14" t="s">
        <v>1</v>
      </c>
      <c r="C125320" s="14" t="s">
        <v>252</v>
      </c>
      <c r="D125320" s="14" t="s">
        <v>14</v>
      </c>
      <c r="E125320" s="15">
        <v>45501</v>
      </c>
      <c r="F125320" s="14" t="s">
        <v>15</v>
      </c>
      <c r="G125320" s="16">
        <v>0</v>
      </c>
    </row>
    <row r="125321" spans="1:7" x14ac:dyDescent="0.3">
      <c r="A125321" s="13" t="s">
        <v>580</v>
      </c>
      <c r="B125321" s="14" t="s">
        <v>1</v>
      </c>
      <c r="C125321" s="14" t="s">
        <v>252</v>
      </c>
      <c r="D125321" s="14" t="s">
        <v>14</v>
      </c>
      <c r="E125321" s="15">
        <v>45502</v>
      </c>
      <c r="F125321" s="14" t="s">
        <v>15</v>
      </c>
      <c r="G125321" s="16">
        <v>0</v>
      </c>
    </row>
    <row r="125322" spans="1:7" x14ac:dyDescent="0.3">
      <c r="A125322" s="13" t="s">
        <v>580</v>
      </c>
      <c r="B125322" s="14" t="s">
        <v>1</v>
      </c>
      <c r="C125322" s="14" t="s">
        <v>252</v>
      </c>
      <c r="D125322" s="14" t="s">
        <v>14</v>
      </c>
      <c r="E125322" s="15">
        <v>45503</v>
      </c>
      <c r="F125322" s="14" t="s">
        <v>15</v>
      </c>
      <c r="G125322" s="16">
        <v>0</v>
      </c>
    </row>
    <row r="125323" spans="1:7" x14ac:dyDescent="0.3">
      <c r="A125323" s="13" t="s">
        <v>580</v>
      </c>
      <c r="B125323" s="14" t="s">
        <v>1</v>
      </c>
      <c r="C125323" s="14" t="s">
        <v>252</v>
      </c>
      <c r="D125323" s="14" t="s">
        <v>14</v>
      </c>
      <c r="E125323" s="15">
        <v>45504</v>
      </c>
      <c r="F125323" s="14" t="s">
        <v>15</v>
      </c>
      <c r="G125323" s="16">
        <v>0</v>
      </c>
    </row>
    <row r="125324" spans="1:7" x14ac:dyDescent="0.3">
      <c r="A125324" s="13" t="s">
        <v>580</v>
      </c>
      <c r="B125324" s="14" t="s">
        <v>1</v>
      </c>
      <c r="C125324" s="14" t="s">
        <v>252</v>
      </c>
      <c r="D125324" s="14" t="s">
        <v>14</v>
      </c>
      <c r="E125324" s="15">
        <v>45505</v>
      </c>
      <c r="F125324" s="14" t="s">
        <v>15</v>
      </c>
      <c r="G125324" s="16">
        <v>0</v>
      </c>
    </row>
    <row r="125325" spans="1:7" x14ac:dyDescent="0.3">
      <c r="A125325" s="13" t="s">
        <v>580</v>
      </c>
      <c r="B125325" s="14" t="s">
        <v>1</v>
      </c>
      <c r="C125325" s="14" t="s">
        <v>252</v>
      </c>
      <c r="D125325" s="14" t="s">
        <v>14</v>
      </c>
      <c r="E125325" s="15">
        <v>45506</v>
      </c>
      <c r="F125325" s="14" t="s">
        <v>15</v>
      </c>
      <c r="G125325" s="16">
        <v>0</v>
      </c>
    </row>
    <row r="125326" spans="1:7" x14ac:dyDescent="0.3">
      <c r="A125326" s="13" t="s">
        <v>580</v>
      </c>
      <c r="B125326" s="14" t="s">
        <v>1</v>
      </c>
      <c r="C125326" s="14" t="s">
        <v>252</v>
      </c>
      <c r="D125326" s="14" t="s">
        <v>14</v>
      </c>
      <c r="E125326" s="15">
        <v>45507</v>
      </c>
      <c r="F125326" s="14" t="s">
        <v>15</v>
      </c>
      <c r="G125326" s="16">
        <v>0</v>
      </c>
    </row>
    <row r="125327" spans="1:7" x14ac:dyDescent="0.3">
      <c r="A125327" s="13" t="s">
        <v>580</v>
      </c>
      <c r="B125327" s="14" t="s">
        <v>1</v>
      </c>
      <c r="C125327" s="14" t="s">
        <v>252</v>
      </c>
      <c r="D125327" s="14" t="s">
        <v>14</v>
      </c>
      <c r="E125327" s="15">
        <v>45508</v>
      </c>
      <c r="F125327" s="14" t="s">
        <v>15</v>
      </c>
      <c r="G125327" s="16">
        <v>0</v>
      </c>
    </row>
    <row r="125328" spans="1:7" x14ac:dyDescent="0.3">
      <c r="A125328" s="13" t="s">
        <v>580</v>
      </c>
      <c r="B125328" s="14" t="s">
        <v>1</v>
      </c>
      <c r="C125328" s="14" t="s">
        <v>252</v>
      </c>
      <c r="D125328" s="14" t="s">
        <v>14</v>
      </c>
      <c r="E125328" s="15">
        <v>45509</v>
      </c>
      <c r="F125328" s="14" t="s">
        <v>15</v>
      </c>
      <c r="G125328" s="16">
        <v>0</v>
      </c>
    </row>
    <row r="125329" spans="1:7" x14ac:dyDescent="0.3">
      <c r="A125329" s="13" t="s">
        <v>580</v>
      </c>
      <c r="B125329" s="14" t="s">
        <v>1</v>
      </c>
      <c r="C125329" s="14" t="s">
        <v>252</v>
      </c>
      <c r="D125329" s="14" t="s">
        <v>14</v>
      </c>
      <c r="E125329" s="15">
        <v>45510</v>
      </c>
      <c r="F125329" s="14" t="s">
        <v>15</v>
      </c>
      <c r="G125329" s="16">
        <v>0</v>
      </c>
    </row>
    <row r="125330" spans="1:7" x14ac:dyDescent="0.3">
      <c r="A125330" s="13" t="s">
        <v>580</v>
      </c>
      <c r="B125330" s="14" t="s">
        <v>1</v>
      </c>
      <c r="C125330" s="14" t="s">
        <v>252</v>
      </c>
      <c r="D125330" s="14" t="s">
        <v>14</v>
      </c>
      <c r="E125330" s="15">
        <v>45511</v>
      </c>
      <c r="F125330" s="14" t="s">
        <v>15</v>
      </c>
      <c r="G125330" s="16">
        <v>0</v>
      </c>
    </row>
    <row r="125331" spans="1:7" x14ac:dyDescent="0.3">
      <c r="A125331" s="13" t="s">
        <v>580</v>
      </c>
      <c r="B125331" s="14" t="s">
        <v>1</v>
      </c>
      <c r="C125331" s="14" t="s">
        <v>252</v>
      </c>
      <c r="D125331" s="14" t="s">
        <v>14</v>
      </c>
      <c r="E125331" s="15">
        <v>45512</v>
      </c>
      <c r="F125331" s="14" t="s">
        <v>15</v>
      </c>
      <c r="G125331" s="16">
        <v>0</v>
      </c>
    </row>
    <row r="125332" spans="1:7" x14ac:dyDescent="0.3">
      <c r="A125332" s="13" t="s">
        <v>580</v>
      </c>
      <c r="B125332" s="14" t="s">
        <v>1</v>
      </c>
      <c r="C125332" s="14" t="s">
        <v>252</v>
      </c>
      <c r="D125332" s="14" t="s">
        <v>14</v>
      </c>
      <c r="E125332" s="15">
        <v>45513</v>
      </c>
      <c r="F125332" s="14" t="s">
        <v>15</v>
      </c>
      <c r="G125332" s="16">
        <v>0</v>
      </c>
    </row>
    <row r="125333" spans="1:7" x14ac:dyDescent="0.3">
      <c r="A125333" s="13" t="s">
        <v>580</v>
      </c>
      <c r="B125333" s="14" t="s">
        <v>1</v>
      </c>
      <c r="C125333" s="14" t="s">
        <v>252</v>
      </c>
      <c r="D125333" s="14" t="s">
        <v>14</v>
      </c>
      <c r="E125333" s="15">
        <v>45514</v>
      </c>
      <c r="F125333" s="14" t="s">
        <v>15</v>
      </c>
      <c r="G125333" s="16">
        <v>0</v>
      </c>
    </row>
    <row r="125334" spans="1:7" x14ac:dyDescent="0.3">
      <c r="A125334" s="13" t="s">
        <v>580</v>
      </c>
      <c r="B125334" s="14" t="s">
        <v>1</v>
      </c>
      <c r="C125334" s="14" t="s">
        <v>252</v>
      </c>
      <c r="D125334" s="14" t="s">
        <v>14</v>
      </c>
      <c r="E125334" s="15">
        <v>45515</v>
      </c>
      <c r="F125334" s="14" t="s">
        <v>15</v>
      </c>
      <c r="G125334" s="16">
        <v>0</v>
      </c>
    </row>
    <row r="125335" spans="1:7" x14ac:dyDescent="0.3">
      <c r="A125335" s="13" t="s">
        <v>580</v>
      </c>
      <c r="B125335" s="14" t="s">
        <v>1</v>
      </c>
      <c r="C125335" s="14" t="s">
        <v>252</v>
      </c>
      <c r="D125335" s="14" t="s">
        <v>14</v>
      </c>
      <c r="E125335" s="15">
        <v>45516</v>
      </c>
      <c r="F125335" s="14" t="s">
        <v>15</v>
      </c>
      <c r="G125335" s="16">
        <v>0</v>
      </c>
    </row>
    <row r="125336" spans="1:7" x14ac:dyDescent="0.3">
      <c r="A125336" s="13" t="s">
        <v>580</v>
      </c>
      <c r="B125336" s="14" t="s">
        <v>1</v>
      </c>
      <c r="C125336" s="14" t="s">
        <v>252</v>
      </c>
      <c r="D125336" s="14" t="s">
        <v>14</v>
      </c>
      <c r="E125336" s="15">
        <v>45517</v>
      </c>
      <c r="F125336" s="14" t="s">
        <v>15</v>
      </c>
      <c r="G125336" s="16">
        <v>0</v>
      </c>
    </row>
    <row r="125337" spans="1:7" x14ac:dyDescent="0.3">
      <c r="A125337" s="13" t="s">
        <v>580</v>
      </c>
      <c r="B125337" s="14" t="s">
        <v>1</v>
      </c>
      <c r="C125337" s="14" t="s">
        <v>252</v>
      </c>
      <c r="D125337" s="14" t="s">
        <v>14</v>
      </c>
      <c r="E125337" s="15">
        <v>45518</v>
      </c>
      <c r="F125337" s="14" t="s">
        <v>15</v>
      </c>
      <c r="G125337" s="16">
        <v>0</v>
      </c>
    </row>
    <row r="125338" spans="1:7" x14ac:dyDescent="0.3">
      <c r="A125338" s="13" t="s">
        <v>580</v>
      </c>
      <c r="B125338" s="14" t="s">
        <v>1</v>
      </c>
      <c r="C125338" s="14" t="s">
        <v>252</v>
      </c>
      <c r="D125338" s="14" t="s">
        <v>14</v>
      </c>
      <c r="E125338" s="15">
        <v>45519</v>
      </c>
      <c r="F125338" s="14" t="s">
        <v>15</v>
      </c>
      <c r="G125338" s="16">
        <v>0</v>
      </c>
    </row>
    <row r="125339" spans="1:7" x14ac:dyDescent="0.3">
      <c r="A125339" s="13" t="s">
        <v>580</v>
      </c>
      <c r="B125339" s="14" t="s">
        <v>1</v>
      </c>
      <c r="C125339" s="14" t="s">
        <v>252</v>
      </c>
      <c r="D125339" s="14" t="s">
        <v>14</v>
      </c>
      <c r="E125339" s="15">
        <v>45520</v>
      </c>
      <c r="F125339" s="14" t="s">
        <v>15</v>
      </c>
      <c r="G125339" s="16">
        <v>0</v>
      </c>
    </row>
    <row r="125340" spans="1:7" x14ac:dyDescent="0.3">
      <c r="A125340" s="13" t="s">
        <v>580</v>
      </c>
      <c r="B125340" s="14" t="s">
        <v>1</v>
      </c>
      <c r="C125340" s="14" t="s">
        <v>252</v>
      </c>
      <c r="D125340" s="14" t="s">
        <v>14</v>
      </c>
      <c r="E125340" s="15">
        <v>45521</v>
      </c>
      <c r="F125340" s="14" t="s">
        <v>15</v>
      </c>
      <c r="G125340" s="16">
        <v>0</v>
      </c>
    </row>
    <row r="125341" spans="1:7" x14ac:dyDescent="0.3">
      <c r="A125341" s="13" t="s">
        <v>580</v>
      </c>
      <c r="B125341" s="14" t="s">
        <v>1</v>
      </c>
      <c r="C125341" s="14" t="s">
        <v>252</v>
      </c>
      <c r="D125341" s="14" t="s">
        <v>14</v>
      </c>
      <c r="E125341" s="15">
        <v>45522</v>
      </c>
      <c r="F125341" s="14" t="s">
        <v>15</v>
      </c>
      <c r="G125341" s="16">
        <v>0</v>
      </c>
    </row>
    <row r="125342" spans="1:7" x14ac:dyDescent="0.3">
      <c r="A125342" s="13" t="s">
        <v>580</v>
      </c>
      <c r="B125342" s="14" t="s">
        <v>1</v>
      </c>
      <c r="C125342" s="14" t="s">
        <v>252</v>
      </c>
      <c r="D125342" s="14" t="s">
        <v>14</v>
      </c>
      <c r="E125342" s="15">
        <v>45523</v>
      </c>
      <c r="F125342" s="14" t="s">
        <v>15</v>
      </c>
      <c r="G125342" s="16">
        <v>0</v>
      </c>
    </row>
    <row r="125343" spans="1:7" x14ac:dyDescent="0.3">
      <c r="A125343" s="13" t="s">
        <v>580</v>
      </c>
      <c r="B125343" s="14" t="s">
        <v>1</v>
      </c>
      <c r="C125343" s="14" t="s">
        <v>252</v>
      </c>
      <c r="D125343" s="14" t="s">
        <v>14</v>
      </c>
      <c r="E125343" s="15">
        <v>45524</v>
      </c>
      <c r="F125343" s="14" t="s">
        <v>15</v>
      </c>
      <c r="G125343" s="16">
        <v>0</v>
      </c>
    </row>
    <row r="125344" spans="1:7" x14ac:dyDescent="0.3">
      <c r="A125344" s="13" t="s">
        <v>580</v>
      </c>
      <c r="B125344" s="14" t="s">
        <v>1</v>
      </c>
      <c r="C125344" s="14" t="s">
        <v>252</v>
      </c>
      <c r="D125344" s="14" t="s">
        <v>14</v>
      </c>
      <c r="E125344" s="15">
        <v>45525</v>
      </c>
      <c r="F125344" s="14" t="s">
        <v>15</v>
      </c>
      <c r="G125344" s="16">
        <v>0</v>
      </c>
    </row>
    <row r="125345" spans="1:7" x14ac:dyDescent="0.3">
      <c r="A125345" s="13" t="s">
        <v>580</v>
      </c>
      <c r="B125345" s="14" t="s">
        <v>1</v>
      </c>
      <c r="C125345" s="14" t="s">
        <v>252</v>
      </c>
      <c r="D125345" s="14" t="s">
        <v>14</v>
      </c>
      <c r="E125345" s="15">
        <v>45526</v>
      </c>
      <c r="F125345" s="14" t="s">
        <v>15</v>
      </c>
      <c r="G125345" s="16">
        <v>0</v>
      </c>
    </row>
    <row r="125346" spans="1:7" x14ac:dyDescent="0.3">
      <c r="A125346" s="13" t="s">
        <v>580</v>
      </c>
      <c r="B125346" s="14" t="s">
        <v>1</v>
      </c>
      <c r="C125346" s="14" t="s">
        <v>252</v>
      </c>
      <c r="D125346" s="14" t="s">
        <v>14</v>
      </c>
      <c r="E125346" s="15">
        <v>45527</v>
      </c>
      <c r="F125346" s="14" t="s">
        <v>15</v>
      </c>
      <c r="G125346" s="16">
        <v>0</v>
      </c>
    </row>
    <row r="125347" spans="1:7" x14ac:dyDescent="0.3">
      <c r="A125347" s="13" t="s">
        <v>580</v>
      </c>
      <c r="B125347" s="14" t="s">
        <v>1</v>
      </c>
      <c r="C125347" s="14" t="s">
        <v>252</v>
      </c>
      <c r="D125347" s="14" t="s">
        <v>14</v>
      </c>
      <c r="E125347" s="15">
        <v>45528</v>
      </c>
      <c r="F125347" s="14" t="s">
        <v>15</v>
      </c>
      <c r="G125347" s="16">
        <v>0</v>
      </c>
    </row>
    <row r="125348" spans="1:7" x14ac:dyDescent="0.3">
      <c r="A125348" s="13" t="s">
        <v>580</v>
      </c>
      <c r="B125348" s="14" t="s">
        <v>1</v>
      </c>
      <c r="C125348" s="14" t="s">
        <v>252</v>
      </c>
      <c r="D125348" s="14" t="s">
        <v>14</v>
      </c>
      <c r="E125348" s="15">
        <v>45529</v>
      </c>
      <c r="F125348" s="14" t="s">
        <v>15</v>
      </c>
      <c r="G125348" s="16">
        <v>0</v>
      </c>
    </row>
    <row r="125349" spans="1:7" x14ac:dyDescent="0.3">
      <c r="A125349" s="13" t="s">
        <v>580</v>
      </c>
      <c r="B125349" s="14" t="s">
        <v>1</v>
      </c>
      <c r="C125349" s="14" t="s">
        <v>252</v>
      </c>
      <c r="D125349" s="14" t="s">
        <v>14</v>
      </c>
      <c r="E125349" s="15">
        <v>45530</v>
      </c>
      <c r="F125349" s="14" t="s">
        <v>15</v>
      </c>
      <c r="G125349" s="16">
        <v>0</v>
      </c>
    </row>
    <row r="125350" spans="1:7" x14ac:dyDescent="0.3">
      <c r="A125350" s="13" t="s">
        <v>580</v>
      </c>
      <c r="B125350" s="14" t="s">
        <v>1</v>
      </c>
      <c r="C125350" s="14" t="s">
        <v>252</v>
      </c>
      <c r="D125350" s="14" t="s">
        <v>14</v>
      </c>
      <c r="E125350" s="15">
        <v>45531</v>
      </c>
      <c r="F125350" s="14" t="s">
        <v>15</v>
      </c>
      <c r="G125350" s="16">
        <v>0</v>
      </c>
    </row>
    <row r="125351" spans="1:7" x14ac:dyDescent="0.3">
      <c r="A125351" s="13" t="s">
        <v>580</v>
      </c>
      <c r="B125351" s="14" t="s">
        <v>1</v>
      </c>
      <c r="C125351" s="14" t="s">
        <v>252</v>
      </c>
      <c r="D125351" s="14" t="s">
        <v>14</v>
      </c>
      <c r="E125351" s="15">
        <v>45532</v>
      </c>
      <c r="F125351" s="14" t="s">
        <v>15</v>
      </c>
      <c r="G125351" s="16">
        <v>0</v>
      </c>
    </row>
    <row r="125352" spans="1:7" x14ac:dyDescent="0.3">
      <c r="A125352" s="13" t="s">
        <v>580</v>
      </c>
      <c r="B125352" s="14" t="s">
        <v>1</v>
      </c>
      <c r="C125352" s="14" t="s">
        <v>252</v>
      </c>
      <c r="D125352" s="14" t="s">
        <v>14</v>
      </c>
      <c r="E125352" s="15">
        <v>45533</v>
      </c>
      <c r="F125352" s="14" t="s">
        <v>15</v>
      </c>
      <c r="G125352" s="16">
        <v>0</v>
      </c>
    </row>
    <row r="125353" spans="1:7" x14ac:dyDescent="0.3">
      <c r="A125353" s="13" t="s">
        <v>580</v>
      </c>
      <c r="B125353" s="14" t="s">
        <v>1</v>
      </c>
      <c r="C125353" s="14" t="s">
        <v>252</v>
      </c>
      <c r="D125353" s="14" t="s">
        <v>14</v>
      </c>
      <c r="E125353" s="15">
        <v>45534</v>
      </c>
      <c r="F125353" s="14" t="s">
        <v>15</v>
      </c>
      <c r="G125353" s="16">
        <v>0</v>
      </c>
    </row>
    <row r="125354" spans="1:7" x14ac:dyDescent="0.3">
      <c r="A125354" s="13" t="s">
        <v>580</v>
      </c>
      <c r="B125354" s="14" t="s">
        <v>1</v>
      </c>
      <c r="C125354" s="14" t="s">
        <v>252</v>
      </c>
      <c r="D125354" s="14" t="s">
        <v>14</v>
      </c>
      <c r="E125354" s="15">
        <v>45535</v>
      </c>
      <c r="F125354" s="14" t="s">
        <v>15</v>
      </c>
      <c r="G125354" s="16">
        <v>0</v>
      </c>
    </row>
    <row r="125355" spans="1:7" x14ac:dyDescent="0.3">
      <c r="A125355" s="13" t="s">
        <v>580</v>
      </c>
      <c r="B125355" s="14" t="s">
        <v>1</v>
      </c>
      <c r="C125355" s="14" t="s">
        <v>252</v>
      </c>
      <c r="D125355" s="14" t="s">
        <v>14</v>
      </c>
      <c r="E125355" s="15">
        <v>45536</v>
      </c>
      <c r="F125355" s="14" t="s">
        <v>15</v>
      </c>
      <c r="G125355" s="16">
        <v>0</v>
      </c>
    </row>
    <row r="125356" spans="1:7" x14ac:dyDescent="0.3">
      <c r="A125356" s="13" t="s">
        <v>580</v>
      </c>
      <c r="B125356" s="14" t="s">
        <v>1</v>
      </c>
      <c r="C125356" s="14" t="s">
        <v>252</v>
      </c>
      <c r="D125356" s="14" t="s">
        <v>14</v>
      </c>
      <c r="E125356" s="15">
        <v>45537</v>
      </c>
      <c r="F125356" s="14" t="s">
        <v>15</v>
      </c>
      <c r="G125356" s="16">
        <v>0</v>
      </c>
    </row>
    <row r="125357" spans="1:7" x14ac:dyDescent="0.3">
      <c r="A125357" s="13" t="s">
        <v>580</v>
      </c>
      <c r="B125357" s="14" t="s">
        <v>1</v>
      </c>
      <c r="C125357" s="14" t="s">
        <v>252</v>
      </c>
      <c r="D125357" s="14" t="s">
        <v>14</v>
      </c>
      <c r="E125357" s="15">
        <v>45538</v>
      </c>
      <c r="F125357" s="14" t="s">
        <v>15</v>
      </c>
      <c r="G125357" s="16">
        <v>0</v>
      </c>
    </row>
    <row r="125358" spans="1:7" x14ac:dyDescent="0.3">
      <c r="A125358" s="13" t="s">
        <v>580</v>
      </c>
      <c r="B125358" s="14" t="s">
        <v>1</v>
      </c>
      <c r="C125358" s="14" t="s">
        <v>252</v>
      </c>
      <c r="D125358" s="14" t="s">
        <v>14</v>
      </c>
      <c r="E125358" s="15">
        <v>45539</v>
      </c>
      <c r="F125358" s="14" t="s">
        <v>15</v>
      </c>
      <c r="G125358" s="16">
        <v>0</v>
      </c>
    </row>
    <row r="125359" spans="1:7" x14ac:dyDescent="0.3">
      <c r="A125359" s="13" t="s">
        <v>580</v>
      </c>
      <c r="B125359" s="14" t="s">
        <v>1</v>
      </c>
      <c r="C125359" s="14" t="s">
        <v>252</v>
      </c>
      <c r="D125359" s="14" t="s">
        <v>14</v>
      </c>
      <c r="E125359" s="15">
        <v>45540</v>
      </c>
      <c r="F125359" s="14" t="s">
        <v>15</v>
      </c>
      <c r="G125359" s="16">
        <v>0</v>
      </c>
    </row>
    <row r="125360" spans="1:7" x14ac:dyDescent="0.3">
      <c r="A125360" s="13" t="s">
        <v>580</v>
      </c>
      <c r="B125360" s="14" t="s">
        <v>1</v>
      </c>
      <c r="C125360" s="14" t="s">
        <v>252</v>
      </c>
      <c r="D125360" s="14" t="s">
        <v>14</v>
      </c>
      <c r="E125360" s="15">
        <v>45541</v>
      </c>
      <c r="F125360" s="14" t="s">
        <v>15</v>
      </c>
      <c r="G125360" s="16">
        <v>0</v>
      </c>
    </row>
    <row r="125361" spans="1:7" x14ac:dyDescent="0.3">
      <c r="A125361" s="13" t="s">
        <v>580</v>
      </c>
      <c r="B125361" s="14" t="s">
        <v>1</v>
      </c>
      <c r="C125361" s="14" t="s">
        <v>252</v>
      </c>
      <c r="D125361" s="14" t="s">
        <v>14</v>
      </c>
      <c r="E125361" s="15">
        <v>45542</v>
      </c>
      <c r="F125361" s="14" t="s">
        <v>15</v>
      </c>
      <c r="G125361" s="16">
        <v>0</v>
      </c>
    </row>
    <row r="125362" spans="1:7" x14ac:dyDescent="0.3">
      <c r="A125362" s="13" t="s">
        <v>580</v>
      </c>
      <c r="B125362" s="14" t="s">
        <v>1</v>
      </c>
      <c r="C125362" s="14" t="s">
        <v>252</v>
      </c>
      <c r="D125362" s="14" t="s">
        <v>14</v>
      </c>
      <c r="E125362" s="15">
        <v>45543</v>
      </c>
      <c r="F125362" s="14" t="s">
        <v>15</v>
      </c>
      <c r="G125362" s="16">
        <v>0</v>
      </c>
    </row>
    <row r="125363" spans="1:7" x14ac:dyDescent="0.3">
      <c r="A125363" s="13" t="s">
        <v>580</v>
      </c>
      <c r="B125363" s="14" t="s">
        <v>1</v>
      </c>
      <c r="C125363" s="14" t="s">
        <v>252</v>
      </c>
      <c r="D125363" s="14" t="s">
        <v>14</v>
      </c>
      <c r="E125363" s="15">
        <v>45544</v>
      </c>
      <c r="F125363" s="14" t="s">
        <v>15</v>
      </c>
      <c r="G125363" s="16">
        <v>0</v>
      </c>
    </row>
    <row r="125364" spans="1:7" x14ac:dyDescent="0.3">
      <c r="A125364" s="13" t="s">
        <v>580</v>
      </c>
      <c r="B125364" s="14" t="s">
        <v>1</v>
      </c>
      <c r="C125364" s="14" t="s">
        <v>252</v>
      </c>
      <c r="D125364" s="14" t="s">
        <v>14</v>
      </c>
      <c r="E125364" s="15">
        <v>45545</v>
      </c>
      <c r="F125364" s="14" t="s">
        <v>15</v>
      </c>
      <c r="G125364" s="16">
        <v>0</v>
      </c>
    </row>
    <row r="125365" spans="1:7" x14ac:dyDescent="0.3">
      <c r="A125365" s="13" t="s">
        <v>580</v>
      </c>
      <c r="B125365" s="14" t="s">
        <v>1</v>
      </c>
      <c r="C125365" s="14" t="s">
        <v>252</v>
      </c>
      <c r="D125365" s="14" t="s">
        <v>14</v>
      </c>
      <c r="E125365" s="15">
        <v>45546</v>
      </c>
      <c r="F125365" s="14" t="s">
        <v>15</v>
      </c>
      <c r="G125365" s="16">
        <v>0</v>
      </c>
    </row>
    <row r="125366" spans="1:7" x14ac:dyDescent="0.3">
      <c r="A125366" s="13" t="s">
        <v>580</v>
      </c>
      <c r="B125366" s="14" t="s">
        <v>1</v>
      </c>
      <c r="C125366" s="14" t="s">
        <v>252</v>
      </c>
      <c r="D125366" s="14" t="s">
        <v>14</v>
      </c>
      <c r="E125366" s="15">
        <v>45547</v>
      </c>
      <c r="F125366" s="14" t="s">
        <v>15</v>
      </c>
      <c r="G125366" s="16">
        <v>0</v>
      </c>
    </row>
    <row r="125367" spans="1:7" x14ac:dyDescent="0.3">
      <c r="A125367" s="13" t="s">
        <v>580</v>
      </c>
      <c r="B125367" s="14" t="s">
        <v>1</v>
      </c>
      <c r="C125367" s="14" t="s">
        <v>252</v>
      </c>
      <c r="D125367" s="14" t="s">
        <v>14</v>
      </c>
      <c r="E125367" s="15">
        <v>45548</v>
      </c>
      <c r="F125367" s="14" t="s">
        <v>15</v>
      </c>
      <c r="G125367" s="16">
        <v>0</v>
      </c>
    </row>
    <row r="125368" spans="1:7" x14ac:dyDescent="0.3">
      <c r="A125368" s="13" t="s">
        <v>580</v>
      </c>
      <c r="B125368" s="14" t="s">
        <v>1</v>
      </c>
      <c r="C125368" s="14" t="s">
        <v>252</v>
      </c>
      <c r="D125368" s="14" t="s">
        <v>14</v>
      </c>
      <c r="E125368" s="15">
        <v>45549</v>
      </c>
      <c r="F125368" s="14" t="s">
        <v>15</v>
      </c>
      <c r="G125368" s="16">
        <v>0</v>
      </c>
    </row>
    <row r="125369" spans="1:7" x14ac:dyDescent="0.3">
      <c r="A125369" s="13" t="s">
        <v>580</v>
      </c>
      <c r="B125369" s="14" t="s">
        <v>1</v>
      </c>
      <c r="C125369" s="14" t="s">
        <v>252</v>
      </c>
      <c r="D125369" s="14" t="s">
        <v>14</v>
      </c>
      <c r="E125369" s="15">
        <v>45550</v>
      </c>
      <c r="F125369" s="14" t="s">
        <v>15</v>
      </c>
      <c r="G125369" s="16">
        <v>0</v>
      </c>
    </row>
    <row r="125370" spans="1:7" x14ac:dyDescent="0.3">
      <c r="A125370" s="13" t="s">
        <v>580</v>
      </c>
      <c r="B125370" s="14" t="s">
        <v>1</v>
      </c>
      <c r="C125370" s="14" t="s">
        <v>252</v>
      </c>
      <c r="D125370" s="14" t="s">
        <v>14</v>
      </c>
      <c r="E125370" s="15">
        <v>45551</v>
      </c>
      <c r="F125370" s="14" t="s">
        <v>15</v>
      </c>
      <c r="G125370" s="16">
        <v>0</v>
      </c>
    </row>
    <row r="125371" spans="1:7" x14ac:dyDescent="0.3">
      <c r="A125371" s="13" t="s">
        <v>580</v>
      </c>
      <c r="B125371" s="14" t="s">
        <v>1</v>
      </c>
      <c r="C125371" s="14" t="s">
        <v>252</v>
      </c>
      <c r="D125371" s="14" t="s">
        <v>14</v>
      </c>
      <c r="E125371" s="15">
        <v>45552</v>
      </c>
      <c r="F125371" s="14" t="s">
        <v>15</v>
      </c>
      <c r="G125371" s="16">
        <v>0</v>
      </c>
    </row>
    <row r="125372" spans="1:7" x14ac:dyDescent="0.3">
      <c r="A125372" s="13" t="s">
        <v>580</v>
      </c>
      <c r="B125372" s="14" t="s">
        <v>1</v>
      </c>
      <c r="C125372" s="14" t="s">
        <v>252</v>
      </c>
      <c r="D125372" s="14" t="s">
        <v>14</v>
      </c>
      <c r="E125372" s="15">
        <v>45553</v>
      </c>
      <c r="F125372" s="14" t="s">
        <v>15</v>
      </c>
      <c r="G125372" s="16">
        <v>0</v>
      </c>
    </row>
    <row r="125373" spans="1:7" x14ac:dyDescent="0.3">
      <c r="A125373" s="13" t="s">
        <v>580</v>
      </c>
      <c r="B125373" s="14" t="s">
        <v>1</v>
      </c>
      <c r="C125373" s="14" t="s">
        <v>252</v>
      </c>
      <c r="D125373" s="14" t="s">
        <v>14</v>
      </c>
      <c r="E125373" s="15">
        <v>45554</v>
      </c>
      <c r="F125373" s="14" t="s">
        <v>15</v>
      </c>
      <c r="G125373" s="16">
        <v>0</v>
      </c>
    </row>
    <row r="125374" spans="1:7" x14ac:dyDescent="0.3">
      <c r="A125374" s="13" t="s">
        <v>580</v>
      </c>
      <c r="B125374" s="14" t="s">
        <v>1</v>
      </c>
      <c r="C125374" s="14" t="s">
        <v>252</v>
      </c>
      <c r="D125374" s="14" t="s">
        <v>14</v>
      </c>
      <c r="E125374" s="15">
        <v>45555</v>
      </c>
      <c r="F125374" s="14" t="s">
        <v>15</v>
      </c>
      <c r="G125374" s="16">
        <v>0</v>
      </c>
    </row>
    <row r="125375" spans="1:7" x14ac:dyDescent="0.3">
      <c r="A125375" s="13" t="s">
        <v>580</v>
      </c>
      <c r="B125375" s="14" t="s">
        <v>1</v>
      </c>
      <c r="C125375" s="14" t="s">
        <v>252</v>
      </c>
      <c r="D125375" s="14" t="s">
        <v>14</v>
      </c>
      <c r="E125375" s="15">
        <v>45556</v>
      </c>
      <c r="F125375" s="14" t="s">
        <v>15</v>
      </c>
      <c r="G125375" s="16">
        <v>0</v>
      </c>
    </row>
    <row r="125376" spans="1:7" x14ac:dyDescent="0.3">
      <c r="A125376" s="13" t="s">
        <v>580</v>
      </c>
      <c r="B125376" s="14" t="s">
        <v>1</v>
      </c>
      <c r="C125376" s="14" t="s">
        <v>252</v>
      </c>
      <c r="D125376" s="14" t="s">
        <v>14</v>
      </c>
      <c r="E125376" s="15">
        <v>45557</v>
      </c>
      <c r="F125376" s="14" t="s">
        <v>15</v>
      </c>
      <c r="G125376" s="16">
        <v>0</v>
      </c>
    </row>
    <row r="125377" spans="1:7" x14ac:dyDescent="0.3">
      <c r="A125377" s="13" t="s">
        <v>580</v>
      </c>
      <c r="B125377" s="14" t="s">
        <v>1</v>
      </c>
      <c r="C125377" s="14" t="s">
        <v>252</v>
      </c>
      <c r="D125377" s="14" t="s">
        <v>14</v>
      </c>
      <c r="E125377" s="15">
        <v>45558</v>
      </c>
      <c r="F125377" s="14" t="s">
        <v>15</v>
      </c>
      <c r="G125377" s="16">
        <v>0</v>
      </c>
    </row>
    <row r="125378" spans="1:7" x14ac:dyDescent="0.3">
      <c r="A125378" s="13" t="s">
        <v>580</v>
      </c>
      <c r="B125378" s="14" t="s">
        <v>1</v>
      </c>
      <c r="C125378" s="14" t="s">
        <v>252</v>
      </c>
      <c r="D125378" s="14" t="s">
        <v>14</v>
      </c>
      <c r="E125378" s="15">
        <v>45559</v>
      </c>
      <c r="F125378" s="14" t="s">
        <v>15</v>
      </c>
      <c r="G125378" s="16">
        <v>0</v>
      </c>
    </row>
    <row r="125379" spans="1:7" x14ac:dyDescent="0.3">
      <c r="A125379" s="13" t="s">
        <v>580</v>
      </c>
      <c r="B125379" s="14" t="s">
        <v>1</v>
      </c>
      <c r="C125379" s="14" t="s">
        <v>252</v>
      </c>
      <c r="D125379" s="14" t="s">
        <v>14</v>
      </c>
      <c r="E125379" s="15">
        <v>45560</v>
      </c>
      <c r="F125379" s="14" t="s">
        <v>15</v>
      </c>
      <c r="G125379" s="16">
        <v>0</v>
      </c>
    </row>
    <row r="125380" spans="1:7" x14ac:dyDescent="0.3">
      <c r="A125380" s="13" t="s">
        <v>580</v>
      </c>
      <c r="B125380" s="14" t="s">
        <v>1</v>
      </c>
      <c r="C125380" s="14" t="s">
        <v>252</v>
      </c>
      <c r="D125380" s="14" t="s">
        <v>14</v>
      </c>
      <c r="E125380" s="15">
        <v>45561</v>
      </c>
      <c r="F125380" s="14" t="s">
        <v>15</v>
      </c>
      <c r="G125380" s="16">
        <v>0</v>
      </c>
    </row>
    <row r="125381" spans="1:7" x14ac:dyDescent="0.3">
      <c r="A125381" s="13" t="s">
        <v>580</v>
      </c>
      <c r="B125381" s="14" t="s">
        <v>1</v>
      </c>
      <c r="C125381" s="14" t="s">
        <v>252</v>
      </c>
      <c r="D125381" s="14" t="s">
        <v>14</v>
      </c>
      <c r="E125381" s="15">
        <v>45562</v>
      </c>
      <c r="F125381" s="14" t="s">
        <v>15</v>
      </c>
      <c r="G125381" s="16">
        <v>0</v>
      </c>
    </row>
    <row r="125382" spans="1:7" x14ac:dyDescent="0.3">
      <c r="A125382" s="13" t="s">
        <v>580</v>
      </c>
      <c r="B125382" s="14" t="s">
        <v>1</v>
      </c>
      <c r="C125382" s="14" t="s">
        <v>252</v>
      </c>
      <c r="D125382" s="14" t="s">
        <v>14</v>
      </c>
      <c r="E125382" s="15">
        <v>45563</v>
      </c>
      <c r="F125382" s="14" t="s">
        <v>15</v>
      </c>
      <c r="G125382" s="16">
        <v>0</v>
      </c>
    </row>
    <row r="125383" spans="1:7" x14ac:dyDescent="0.3">
      <c r="A125383" s="13" t="s">
        <v>580</v>
      </c>
      <c r="B125383" s="14" t="s">
        <v>1</v>
      </c>
      <c r="C125383" s="14" t="s">
        <v>252</v>
      </c>
      <c r="D125383" s="14" t="s">
        <v>14</v>
      </c>
      <c r="E125383" s="15">
        <v>45564</v>
      </c>
      <c r="F125383" s="14" t="s">
        <v>15</v>
      </c>
      <c r="G125383" s="16">
        <v>0</v>
      </c>
    </row>
    <row r="125384" spans="1:7" x14ac:dyDescent="0.3">
      <c r="A125384" s="13" t="s">
        <v>580</v>
      </c>
      <c r="B125384" s="14" t="s">
        <v>1</v>
      </c>
      <c r="C125384" s="14" t="s">
        <v>252</v>
      </c>
      <c r="D125384" s="14" t="s">
        <v>14</v>
      </c>
      <c r="E125384" s="15">
        <v>45565</v>
      </c>
      <c r="F125384" s="14" t="s">
        <v>15</v>
      </c>
      <c r="G125384" s="16">
        <v>0</v>
      </c>
    </row>
    <row r="125385" spans="1:7" x14ac:dyDescent="0.3">
      <c r="A125385" s="13" t="s">
        <v>580</v>
      </c>
      <c r="B125385" s="14" t="s">
        <v>1</v>
      </c>
      <c r="C125385" s="14" t="s">
        <v>252</v>
      </c>
      <c r="D125385" s="14" t="s">
        <v>14</v>
      </c>
      <c r="E125385" s="15">
        <v>45566</v>
      </c>
      <c r="F125385" s="14" t="s">
        <v>15</v>
      </c>
      <c r="G125385" s="16">
        <v>0</v>
      </c>
    </row>
    <row r="125386" spans="1:7" x14ac:dyDescent="0.3">
      <c r="A125386" s="13" t="s">
        <v>580</v>
      </c>
      <c r="B125386" s="14" t="s">
        <v>1</v>
      </c>
      <c r="C125386" s="14" t="s">
        <v>252</v>
      </c>
      <c r="D125386" s="14" t="s">
        <v>14</v>
      </c>
      <c r="E125386" s="15">
        <v>45567</v>
      </c>
      <c r="F125386" s="14" t="s">
        <v>15</v>
      </c>
      <c r="G125386" s="16">
        <v>0</v>
      </c>
    </row>
    <row r="125387" spans="1:7" x14ac:dyDescent="0.3">
      <c r="A125387" s="13" t="s">
        <v>580</v>
      </c>
      <c r="B125387" s="14" t="s">
        <v>1</v>
      </c>
      <c r="C125387" s="14" t="s">
        <v>252</v>
      </c>
      <c r="D125387" s="14" t="s">
        <v>14</v>
      </c>
      <c r="E125387" s="15">
        <v>45568</v>
      </c>
      <c r="F125387" s="14" t="s">
        <v>15</v>
      </c>
      <c r="G125387" s="16">
        <v>0</v>
      </c>
    </row>
    <row r="125388" spans="1:7" x14ac:dyDescent="0.3">
      <c r="A125388" s="13" t="s">
        <v>580</v>
      </c>
      <c r="B125388" s="14" t="s">
        <v>1</v>
      </c>
      <c r="C125388" s="14" t="s">
        <v>252</v>
      </c>
      <c r="D125388" s="14" t="s">
        <v>14</v>
      </c>
      <c r="E125388" s="15">
        <v>45569</v>
      </c>
      <c r="F125388" s="14" t="s">
        <v>15</v>
      </c>
      <c r="G125388" s="16">
        <v>0</v>
      </c>
    </row>
    <row r="125389" spans="1:7" x14ac:dyDescent="0.3">
      <c r="A125389" s="13" t="s">
        <v>580</v>
      </c>
      <c r="B125389" s="14" t="s">
        <v>1</v>
      </c>
      <c r="C125389" s="14" t="s">
        <v>252</v>
      </c>
      <c r="D125389" s="14" t="s">
        <v>14</v>
      </c>
      <c r="E125389" s="15">
        <v>45570</v>
      </c>
      <c r="F125389" s="14" t="s">
        <v>15</v>
      </c>
      <c r="G125389" s="16">
        <v>0</v>
      </c>
    </row>
    <row r="125390" spans="1:7" x14ac:dyDescent="0.3">
      <c r="A125390" s="13" t="s">
        <v>580</v>
      </c>
      <c r="B125390" s="14" t="s">
        <v>1</v>
      </c>
      <c r="C125390" s="14" t="s">
        <v>252</v>
      </c>
      <c r="D125390" s="14" t="s">
        <v>14</v>
      </c>
      <c r="E125390" s="15">
        <v>45571</v>
      </c>
      <c r="F125390" s="14" t="s">
        <v>15</v>
      </c>
      <c r="G125390" s="16">
        <v>0</v>
      </c>
    </row>
    <row r="125391" spans="1:7" x14ac:dyDescent="0.3">
      <c r="A125391" s="13" t="s">
        <v>580</v>
      </c>
      <c r="B125391" s="14" t="s">
        <v>1</v>
      </c>
      <c r="C125391" s="14" t="s">
        <v>252</v>
      </c>
      <c r="D125391" s="14" t="s">
        <v>14</v>
      </c>
      <c r="E125391" s="15">
        <v>45572</v>
      </c>
      <c r="F125391" s="14" t="s">
        <v>15</v>
      </c>
      <c r="G125391" s="16">
        <v>0</v>
      </c>
    </row>
    <row r="125392" spans="1:7" x14ac:dyDescent="0.3">
      <c r="A125392" s="13" t="s">
        <v>580</v>
      </c>
      <c r="B125392" s="14" t="s">
        <v>1</v>
      </c>
      <c r="C125392" s="14" t="s">
        <v>252</v>
      </c>
      <c r="D125392" s="14" t="s">
        <v>14</v>
      </c>
      <c r="E125392" s="15">
        <v>45573</v>
      </c>
      <c r="F125392" s="14" t="s">
        <v>15</v>
      </c>
      <c r="G125392" s="16">
        <v>0</v>
      </c>
    </row>
    <row r="125393" spans="1:7" x14ac:dyDescent="0.3">
      <c r="A125393" s="13" t="s">
        <v>580</v>
      </c>
      <c r="B125393" s="14" t="s">
        <v>1</v>
      </c>
      <c r="C125393" s="14" t="s">
        <v>252</v>
      </c>
      <c r="D125393" s="14" t="s">
        <v>14</v>
      </c>
      <c r="E125393" s="15">
        <v>45574</v>
      </c>
      <c r="F125393" s="14" t="s">
        <v>15</v>
      </c>
      <c r="G125393" s="16">
        <v>0</v>
      </c>
    </row>
    <row r="125394" spans="1:7" x14ac:dyDescent="0.3">
      <c r="A125394" s="13" t="s">
        <v>580</v>
      </c>
      <c r="B125394" s="14" t="s">
        <v>1</v>
      </c>
      <c r="C125394" s="14" t="s">
        <v>252</v>
      </c>
      <c r="D125394" s="14" t="s">
        <v>14</v>
      </c>
      <c r="E125394" s="15">
        <v>45575</v>
      </c>
      <c r="F125394" s="14" t="s">
        <v>15</v>
      </c>
      <c r="G125394" s="16">
        <v>0</v>
      </c>
    </row>
    <row r="125395" spans="1:7" x14ac:dyDescent="0.3">
      <c r="A125395" s="13" t="s">
        <v>580</v>
      </c>
      <c r="B125395" s="14" t="s">
        <v>1</v>
      </c>
      <c r="C125395" s="14" t="s">
        <v>252</v>
      </c>
      <c r="D125395" s="14" t="s">
        <v>14</v>
      </c>
      <c r="E125395" s="15">
        <v>45576</v>
      </c>
      <c r="F125395" s="14" t="s">
        <v>15</v>
      </c>
      <c r="G125395" s="16">
        <v>0</v>
      </c>
    </row>
    <row r="125396" spans="1:7" x14ac:dyDescent="0.3">
      <c r="A125396" s="13" t="s">
        <v>580</v>
      </c>
      <c r="B125396" s="14" t="s">
        <v>1</v>
      </c>
      <c r="C125396" s="14" t="s">
        <v>252</v>
      </c>
      <c r="D125396" s="14" t="s">
        <v>14</v>
      </c>
      <c r="E125396" s="15">
        <v>45577</v>
      </c>
      <c r="F125396" s="14" t="s">
        <v>15</v>
      </c>
      <c r="G125396" s="16">
        <v>0</v>
      </c>
    </row>
    <row r="125397" spans="1:7" x14ac:dyDescent="0.3">
      <c r="A125397" s="13" t="s">
        <v>580</v>
      </c>
      <c r="B125397" s="14" t="s">
        <v>1</v>
      </c>
      <c r="C125397" s="14" t="s">
        <v>252</v>
      </c>
      <c r="D125397" s="14" t="s">
        <v>14</v>
      </c>
      <c r="E125397" s="15">
        <v>45578</v>
      </c>
      <c r="F125397" s="14" t="s">
        <v>15</v>
      </c>
      <c r="G125397" s="16">
        <v>0</v>
      </c>
    </row>
    <row r="125398" spans="1:7" x14ac:dyDescent="0.3">
      <c r="A125398" s="13" t="s">
        <v>580</v>
      </c>
      <c r="B125398" s="14" t="s">
        <v>1</v>
      </c>
      <c r="C125398" s="14" t="s">
        <v>252</v>
      </c>
      <c r="D125398" s="14" t="s">
        <v>14</v>
      </c>
      <c r="E125398" s="15">
        <v>45579</v>
      </c>
      <c r="F125398" s="14" t="s">
        <v>15</v>
      </c>
      <c r="G125398" s="16">
        <v>0</v>
      </c>
    </row>
    <row r="125399" spans="1:7" x14ac:dyDescent="0.3">
      <c r="A125399" s="13" t="s">
        <v>580</v>
      </c>
      <c r="B125399" s="14" t="s">
        <v>1</v>
      </c>
      <c r="C125399" s="14" t="s">
        <v>252</v>
      </c>
      <c r="D125399" s="14" t="s">
        <v>14</v>
      </c>
      <c r="E125399" s="15">
        <v>45580</v>
      </c>
      <c r="F125399" s="14" t="s">
        <v>15</v>
      </c>
      <c r="G125399" s="16">
        <v>0</v>
      </c>
    </row>
    <row r="125400" spans="1:7" x14ac:dyDescent="0.3">
      <c r="A125400" s="13" t="s">
        <v>580</v>
      </c>
      <c r="B125400" s="14" t="s">
        <v>1</v>
      </c>
      <c r="C125400" s="14" t="s">
        <v>252</v>
      </c>
      <c r="D125400" s="14" t="s">
        <v>14</v>
      </c>
      <c r="E125400" s="15">
        <v>45581</v>
      </c>
      <c r="F125400" s="14" t="s">
        <v>15</v>
      </c>
      <c r="G125400" s="16">
        <v>0</v>
      </c>
    </row>
    <row r="125401" spans="1:7" x14ac:dyDescent="0.3">
      <c r="A125401" s="13" t="s">
        <v>580</v>
      </c>
      <c r="B125401" s="14" t="s">
        <v>1</v>
      </c>
      <c r="C125401" s="14" t="s">
        <v>252</v>
      </c>
      <c r="D125401" s="14" t="s">
        <v>14</v>
      </c>
      <c r="E125401" s="15">
        <v>45582</v>
      </c>
      <c r="F125401" s="14" t="s">
        <v>15</v>
      </c>
      <c r="G125401" s="16">
        <v>0</v>
      </c>
    </row>
    <row r="125402" spans="1:7" x14ac:dyDescent="0.3">
      <c r="A125402" s="13" t="s">
        <v>580</v>
      </c>
      <c r="B125402" s="14" t="s">
        <v>1</v>
      </c>
      <c r="C125402" s="14" t="s">
        <v>252</v>
      </c>
      <c r="D125402" s="14" t="s">
        <v>14</v>
      </c>
      <c r="E125402" s="15">
        <v>45583</v>
      </c>
      <c r="F125402" s="14" t="s">
        <v>15</v>
      </c>
      <c r="G125402" s="16">
        <v>0</v>
      </c>
    </row>
    <row r="125403" spans="1:7" x14ac:dyDescent="0.3">
      <c r="A125403" s="13" t="s">
        <v>580</v>
      </c>
      <c r="B125403" s="14" t="s">
        <v>1</v>
      </c>
      <c r="C125403" s="14" t="s">
        <v>252</v>
      </c>
      <c r="D125403" s="14" t="s">
        <v>14</v>
      </c>
      <c r="E125403" s="15">
        <v>45584</v>
      </c>
      <c r="F125403" s="14" t="s">
        <v>15</v>
      </c>
      <c r="G125403" s="16">
        <v>0</v>
      </c>
    </row>
    <row r="125404" spans="1:7" x14ac:dyDescent="0.3">
      <c r="A125404" s="13" t="s">
        <v>580</v>
      </c>
      <c r="B125404" s="14" t="s">
        <v>1</v>
      </c>
      <c r="C125404" s="14" t="s">
        <v>252</v>
      </c>
      <c r="D125404" s="14" t="s">
        <v>14</v>
      </c>
      <c r="E125404" s="15">
        <v>45585</v>
      </c>
      <c r="F125404" s="14" t="s">
        <v>15</v>
      </c>
      <c r="G125404" s="16">
        <v>0</v>
      </c>
    </row>
    <row r="125405" spans="1:7" x14ac:dyDescent="0.3">
      <c r="A125405" s="13" t="s">
        <v>580</v>
      </c>
      <c r="B125405" s="14" t="s">
        <v>1</v>
      </c>
      <c r="C125405" s="14" t="s">
        <v>252</v>
      </c>
      <c r="D125405" s="14" t="s">
        <v>14</v>
      </c>
      <c r="E125405" s="15">
        <v>45586</v>
      </c>
      <c r="F125405" s="14" t="s">
        <v>15</v>
      </c>
      <c r="G125405" s="16">
        <v>0</v>
      </c>
    </row>
    <row r="125406" spans="1:7" x14ac:dyDescent="0.3">
      <c r="A125406" s="13" t="s">
        <v>580</v>
      </c>
      <c r="B125406" s="14" t="s">
        <v>1</v>
      </c>
      <c r="C125406" s="14" t="s">
        <v>252</v>
      </c>
      <c r="D125406" s="14" t="s">
        <v>14</v>
      </c>
      <c r="E125406" s="15">
        <v>45587</v>
      </c>
      <c r="F125406" s="14" t="s">
        <v>15</v>
      </c>
      <c r="G125406" s="16">
        <v>0</v>
      </c>
    </row>
    <row r="125407" spans="1:7" x14ac:dyDescent="0.3">
      <c r="A125407" s="13" t="s">
        <v>580</v>
      </c>
      <c r="B125407" s="14" t="s">
        <v>1</v>
      </c>
      <c r="C125407" s="14" t="s">
        <v>252</v>
      </c>
      <c r="D125407" s="14" t="s">
        <v>14</v>
      </c>
      <c r="E125407" s="15">
        <v>45588</v>
      </c>
      <c r="F125407" s="14" t="s">
        <v>15</v>
      </c>
      <c r="G125407" s="16">
        <v>0</v>
      </c>
    </row>
    <row r="125408" spans="1:7" x14ac:dyDescent="0.3">
      <c r="A125408" s="13" t="s">
        <v>580</v>
      </c>
      <c r="B125408" s="14" t="s">
        <v>1</v>
      </c>
      <c r="C125408" s="14" t="s">
        <v>252</v>
      </c>
      <c r="D125408" s="14" t="s">
        <v>14</v>
      </c>
      <c r="E125408" s="15">
        <v>45589</v>
      </c>
      <c r="F125408" s="14" t="s">
        <v>15</v>
      </c>
      <c r="G125408" s="16">
        <v>0</v>
      </c>
    </row>
    <row r="125409" spans="1:7" x14ac:dyDescent="0.3">
      <c r="A125409" s="13" t="s">
        <v>580</v>
      </c>
      <c r="B125409" s="14" t="s">
        <v>1</v>
      </c>
      <c r="C125409" s="14" t="s">
        <v>252</v>
      </c>
      <c r="D125409" s="14" t="s">
        <v>14</v>
      </c>
      <c r="E125409" s="15">
        <v>45590</v>
      </c>
      <c r="F125409" s="14" t="s">
        <v>15</v>
      </c>
      <c r="G125409" s="16">
        <v>0</v>
      </c>
    </row>
    <row r="125410" spans="1:7" x14ac:dyDescent="0.3">
      <c r="A125410" s="13" t="s">
        <v>580</v>
      </c>
      <c r="B125410" s="14" t="s">
        <v>1</v>
      </c>
      <c r="C125410" s="14" t="s">
        <v>252</v>
      </c>
      <c r="D125410" s="14" t="s">
        <v>14</v>
      </c>
      <c r="E125410" s="15">
        <v>45591</v>
      </c>
      <c r="F125410" s="14" t="s">
        <v>15</v>
      </c>
      <c r="G125410" s="16">
        <v>0</v>
      </c>
    </row>
    <row r="125411" spans="1:7" x14ac:dyDescent="0.3">
      <c r="A125411" s="13" t="s">
        <v>580</v>
      </c>
      <c r="B125411" s="14" t="s">
        <v>1</v>
      </c>
      <c r="C125411" s="14" t="s">
        <v>252</v>
      </c>
      <c r="D125411" s="14" t="s">
        <v>14</v>
      </c>
      <c r="E125411" s="15">
        <v>45592</v>
      </c>
      <c r="F125411" s="14" t="s">
        <v>15</v>
      </c>
      <c r="G125411" s="16">
        <v>0</v>
      </c>
    </row>
    <row r="125412" spans="1:7" x14ac:dyDescent="0.3">
      <c r="A125412" s="13" t="s">
        <v>580</v>
      </c>
      <c r="B125412" s="14" t="s">
        <v>1</v>
      </c>
      <c r="C125412" s="14" t="s">
        <v>252</v>
      </c>
      <c r="D125412" s="14" t="s">
        <v>14</v>
      </c>
      <c r="E125412" s="15">
        <v>45593</v>
      </c>
      <c r="F125412" s="14" t="s">
        <v>15</v>
      </c>
      <c r="G125412" s="16">
        <v>0</v>
      </c>
    </row>
    <row r="125413" spans="1:7" x14ac:dyDescent="0.3">
      <c r="A125413" s="13" t="s">
        <v>580</v>
      </c>
      <c r="B125413" s="14" t="s">
        <v>1</v>
      </c>
      <c r="C125413" s="14" t="s">
        <v>252</v>
      </c>
      <c r="D125413" s="14" t="s">
        <v>14</v>
      </c>
      <c r="E125413" s="15">
        <v>45594</v>
      </c>
      <c r="F125413" s="14" t="s">
        <v>15</v>
      </c>
      <c r="G125413" s="16">
        <v>0</v>
      </c>
    </row>
    <row r="125414" spans="1:7" x14ac:dyDescent="0.3">
      <c r="A125414" s="13" t="s">
        <v>580</v>
      </c>
      <c r="B125414" s="14" t="s">
        <v>1</v>
      </c>
      <c r="C125414" s="14" t="s">
        <v>252</v>
      </c>
      <c r="D125414" s="14" t="s">
        <v>14</v>
      </c>
      <c r="E125414" s="15">
        <v>45595</v>
      </c>
      <c r="F125414" s="14" t="s">
        <v>15</v>
      </c>
      <c r="G125414" s="16">
        <v>0</v>
      </c>
    </row>
    <row r="125415" spans="1:7" x14ac:dyDescent="0.3">
      <c r="A125415" s="13" t="s">
        <v>580</v>
      </c>
      <c r="B125415" s="14" t="s">
        <v>1</v>
      </c>
      <c r="C125415" s="14" t="s">
        <v>252</v>
      </c>
      <c r="D125415" s="14" t="s">
        <v>14</v>
      </c>
      <c r="E125415" s="15">
        <v>45596</v>
      </c>
      <c r="F125415" s="14" t="s">
        <v>15</v>
      </c>
      <c r="G125415" s="16">
        <v>0</v>
      </c>
    </row>
    <row r="125416" spans="1:7" x14ac:dyDescent="0.3">
      <c r="A125416" s="13" t="s">
        <v>580</v>
      </c>
      <c r="B125416" s="14" t="s">
        <v>1</v>
      </c>
      <c r="C125416" s="14" t="s">
        <v>252</v>
      </c>
      <c r="D125416" s="14" t="s">
        <v>14</v>
      </c>
      <c r="E125416" s="15">
        <v>45597</v>
      </c>
      <c r="F125416" s="14" t="s">
        <v>15</v>
      </c>
      <c r="G125416" s="16">
        <v>0</v>
      </c>
    </row>
    <row r="125417" spans="1:7" x14ac:dyDescent="0.3">
      <c r="A125417" s="13" t="s">
        <v>580</v>
      </c>
      <c r="B125417" s="14" t="s">
        <v>1</v>
      </c>
      <c r="C125417" s="14" t="s">
        <v>252</v>
      </c>
      <c r="D125417" s="14" t="s">
        <v>14</v>
      </c>
      <c r="E125417" s="15">
        <v>45598</v>
      </c>
      <c r="F125417" s="14" t="s">
        <v>15</v>
      </c>
      <c r="G125417" s="16">
        <v>0</v>
      </c>
    </row>
    <row r="125418" spans="1:7" x14ac:dyDescent="0.3">
      <c r="A125418" s="13" t="s">
        <v>580</v>
      </c>
      <c r="B125418" s="14" t="s">
        <v>1</v>
      </c>
      <c r="C125418" s="14" t="s">
        <v>252</v>
      </c>
      <c r="D125418" s="14" t="s">
        <v>14</v>
      </c>
      <c r="E125418" s="15">
        <v>45599</v>
      </c>
      <c r="F125418" s="14" t="s">
        <v>15</v>
      </c>
      <c r="G125418" s="16">
        <v>0</v>
      </c>
    </row>
    <row r="125419" spans="1:7" x14ac:dyDescent="0.3">
      <c r="A125419" s="13" t="s">
        <v>580</v>
      </c>
      <c r="B125419" s="14" t="s">
        <v>1</v>
      </c>
      <c r="C125419" s="14" t="s">
        <v>252</v>
      </c>
      <c r="D125419" s="14" t="s">
        <v>14</v>
      </c>
      <c r="E125419" s="15">
        <v>45600</v>
      </c>
      <c r="F125419" s="14" t="s">
        <v>15</v>
      </c>
      <c r="G125419" s="16">
        <v>0</v>
      </c>
    </row>
    <row r="125420" spans="1:7" x14ac:dyDescent="0.3">
      <c r="A125420" s="13" t="s">
        <v>580</v>
      </c>
      <c r="B125420" s="14" t="s">
        <v>1</v>
      </c>
      <c r="C125420" s="14" t="s">
        <v>252</v>
      </c>
      <c r="D125420" s="14" t="s">
        <v>14</v>
      </c>
      <c r="E125420" s="15">
        <v>45601</v>
      </c>
      <c r="F125420" s="14" t="s">
        <v>15</v>
      </c>
      <c r="G125420" s="16">
        <v>0</v>
      </c>
    </row>
    <row r="125421" spans="1:7" x14ac:dyDescent="0.3">
      <c r="A125421" s="13" t="s">
        <v>580</v>
      </c>
      <c r="B125421" s="14" t="s">
        <v>1</v>
      </c>
      <c r="C125421" s="14" t="s">
        <v>252</v>
      </c>
      <c r="D125421" s="14" t="s">
        <v>14</v>
      </c>
      <c r="E125421" s="15">
        <v>45602</v>
      </c>
      <c r="F125421" s="14" t="s">
        <v>15</v>
      </c>
      <c r="G125421" s="16">
        <v>0</v>
      </c>
    </row>
    <row r="125422" spans="1:7" x14ac:dyDescent="0.3">
      <c r="A125422" s="13" t="s">
        <v>580</v>
      </c>
      <c r="B125422" s="14" t="s">
        <v>1</v>
      </c>
      <c r="C125422" s="14" t="s">
        <v>252</v>
      </c>
      <c r="D125422" s="14" t="s">
        <v>14</v>
      </c>
      <c r="E125422" s="15">
        <v>45603</v>
      </c>
      <c r="F125422" s="14" t="s">
        <v>15</v>
      </c>
      <c r="G125422" s="16">
        <v>0</v>
      </c>
    </row>
    <row r="125423" spans="1:7" x14ac:dyDescent="0.3">
      <c r="A125423" s="13" t="s">
        <v>580</v>
      </c>
      <c r="B125423" s="14" t="s">
        <v>1</v>
      </c>
      <c r="C125423" s="14" t="s">
        <v>252</v>
      </c>
      <c r="D125423" s="14" t="s">
        <v>14</v>
      </c>
      <c r="E125423" s="15">
        <v>45604</v>
      </c>
      <c r="F125423" s="14" t="s">
        <v>15</v>
      </c>
      <c r="G125423" s="16">
        <v>0</v>
      </c>
    </row>
    <row r="125424" spans="1:7" x14ac:dyDescent="0.3">
      <c r="A125424" s="13" t="s">
        <v>580</v>
      </c>
      <c r="B125424" s="14" t="s">
        <v>1</v>
      </c>
      <c r="C125424" s="14" t="s">
        <v>252</v>
      </c>
      <c r="D125424" s="14" t="s">
        <v>14</v>
      </c>
      <c r="E125424" s="15">
        <v>45605</v>
      </c>
      <c r="F125424" s="14" t="s">
        <v>15</v>
      </c>
      <c r="G125424" s="16">
        <v>0</v>
      </c>
    </row>
    <row r="125425" spans="1:7" x14ac:dyDescent="0.3">
      <c r="A125425" s="13" t="s">
        <v>580</v>
      </c>
      <c r="B125425" s="14" t="s">
        <v>1</v>
      </c>
      <c r="C125425" s="14" t="s">
        <v>252</v>
      </c>
      <c r="D125425" s="14" t="s">
        <v>14</v>
      </c>
      <c r="E125425" s="15">
        <v>45606</v>
      </c>
      <c r="F125425" s="14" t="s">
        <v>15</v>
      </c>
      <c r="G125425" s="16">
        <v>0</v>
      </c>
    </row>
    <row r="125426" spans="1:7" x14ac:dyDescent="0.3">
      <c r="A125426" s="13" t="s">
        <v>580</v>
      </c>
      <c r="B125426" s="14" t="s">
        <v>1</v>
      </c>
      <c r="C125426" s="14" t="s">
        <v>252</v>
      </c>
      <c r="D125426" s="14" t="s">
        <v>14</v>
      </c>
      <c r="E125426" s="15">
        <v>45607</v>
      </c>
      <c r="F125426" s="14" t="s">
        <v>15</v>
      </c>
      <c r="G125426" s="16">
        <v>0</v>
      </c>
    </row>
    <row r="125427" spans="1:7" x14ac:dyDescent="0.3">
      <c r="A125427" s="13" t="s">
        <v>580</v>
      </c>
      <c r="B125427" s="14" t="s">
        <v>1</v>
      </c>
      <c r="C125427" s="14" t="s">
        <v>252</v>
      </c>
      <c r="D125427" s="14" t="s">
        <v>14</v>
      </c>
      <c r="E125427" s="15">
        <v>45608</v>
      </c>
      <c r="F125427" s="14" t="s">
        <v>15</v>
      </c>
      <c r="G125427" s="16">
        <v>0</v>
      </c>
    </row>
    <row r="125428" spans="1:7" x14ac:dyDescent="0.3">
      <c r="A125428" s="13" t="s">
        <v>580</v>
      </c>
      <c r="B125428" s="14" t="s">
        <v>1</v>
      </c>
      <c r="C125428" s="14" t="s">
        <v>252</v>
      </c>
      <c r="D125428" s="14" t="s">
        <v>14</v>
      </c>
      <c r="E125428" s="15">
        <v>45609</v>
      </c>
      <c r="F125428" s="14" t="s">
        <v>15</v>
      </c>
      <c r="G125428" s="16">
        <v>0</v>
      </c>
    </row>
    <row r="125429" spans="1:7" x14ac:dyDescent="0.3">
      <c r="A125429" s="13" t="s">
        <v>580</v>
      </c>
      <c r="B125429" s="14" t="s">
        <v>1</v>
      </c>
      <c r="C125429" s="14" t="s">
        <v>252</v>
      </c>
      <c r="D125429" s="14" t="s">
        <v>14</v>
      </c>
      <c r="E125429" s="15">
        <v>45610</v>
      </c>
      <c r="F125429" s="14" t="s">
        <v>15</v>
      </c>
      <c r="G125429" s="16">
        <v>0</v>
      </c>
    </row>
    <row r="125430" spans="1:7" x14ac:dyDescent="0.3">
      <c r="A125430" s="13" t="s">
        <v>580</v>
      </c>
      <c r="B125430" s="14" t="s">
        <v>1</v>
      </c>
      <c r="C125430" s="14" t="s">
        <v>252</v>
      </c>
      <c r="D125430" s="14" t="s">
        <v>14</v>
      </c>
      <c r="E125430" s="15">
        <v>45611</v>
      </c>
      <c r="F125430" s="14" t="s">
        <v>15</v>
      </c>
      <c r="G125430" s="16">
        <v>0</v>
      </c>
    </row>
    <row r="125431" spans="1:7" x14ac:dyDescent="0.3">
      <c r="A125431" s="13" t="s">
        <v>580</v>
      </c>
      <c r="B125431" s="14" t="s">
        <v>1</v>
      </c>
      <c r="C125431" s="14" t="s">
        <v>252</v>
      </c>
      <c r="D125431" s="14" t="s">
        <v>14</v>
      </c>
      <c r="E125431" s="15">
        <v>45612</v>
      </c>
      <c r="F125431" s="14" t="s">
        <v>15</v>
      </c>
      <c r="G125431" s="16">
        <v>0</v>
      </c>
    </row>
    <row r="125432" spans="1:7" x14ac:dyDescent="0.3">
      <c r="A125432" s="13" t="s">
        <v>580</v>
      </c>
      <c r="B125432" s="14" t="s">
        <v>1</v>
      </c>
      <c r="C125432" s="14" t="s">
        <v>252</v>
      </c>
      <c r="D125432" s="14" t="s">
        <v>14</v>
      </c>
      <c r="E125432" s="15">
        <v>45613</v>
      </c>
      <c r="F125432" s="14" t="s">
        <v>15</v>
      </c>
      <c r="G125432" s="16">
        <v>0</v>
      </c>
    </row>
    <row r="125433" spans="1:7" x14ac:dyDescent="0.3">
      <c r="A125433" s="13" t="s">
        <v>580</v>
      </c>
      <c r="B125433" s="14" t="s">
        <v>1</v>
      </c>
      <c r="C125433" s="14" t="s">
        <v>252</v>
      </c>
      <c r="D125433" s="14" t="s">
        <v>14</v>
      </c>
      <c r="E125433" s="15">
        <v>45614</v>
      </c>
      <c r="F125433" s="14" t="s">
        <v>15</v>
      </c>
      <c r="G125433" s="16">
        <v>0</v>
      </c>
    </row>
    <row r="125434" spans="1:7" x14ac:dyDescent="0.3">
      <c r="A125434" s="13" t="s">
        <v>580</v>
      </c>
      <c r="B125434" s="14" t="s">
        <v>1</v>
      </c>
      <c r="C125434" s="14" t="s">
        <v>252</v>
      </c>
      <c r="D125434" s="14" t="s">
        <v>14</v>
      </c>
      <c r="E125434" s="15">
        <v>45615</v>
      </c>
      <c r="F125434" s="14" t="s">
        <v>15</v>
      </c>
      <c r="G125434" s="16">
        <v>0</v>
      </c>
    </row>
    <row r="125435" spans="1:7" x14ac:dyDescent="0.3">
      <c r="A125435" s="13" t="s">
        <v>580</v>
      </c>
      <c r="B125435" s="14" t="s">
        <v>1</v>
      </c>
      <c r="C125435" s="14" t="s">
        <v>252</v>
      </c>
      <c r="D125435" s="14" t="s">
        <v>14</v>
      </c>
      <c r="E125435" s="15">
        <v>45616</v>
      </c>
      <c r="F125435" s="14" t="s">
        <v>15</v>
      </c>
      <c r="G125435" s="16">
        <v>0</v>
      </c>
    </row>
    <row r="125436" spans="1:7" x14ac:dyDescent="0.3">
      <c r="A125436" s="13" t="s">
        <v>580</v>
      </c>
      <c r="B125436" s="14" t="s">
        <v>1</v>
      </c>
      <c r="C125436" s="14" t="s">
        <v>252</v>
      </c>
      <c r="D125436" s="14" t="s">
        <v>14</v>
      </c>
      <c r="E125436" s="15">
        <v>45617</v>
      </c>
      <c r="F125436" s="14" t="s">
        <v>15</v>
      </c>
      <c r="G125436" s="16">
        <v>0</v>
      </c>
    </row>
    <row r="125437" spans="1:7" x14ac:dyDescent="0.3">
      <c r="A125437" s="13" t="s">
        <v>580</v>
      </c>
      <c r="B125437" s="14" t="s">
        <v>1</v>
      </c>
      <c r="C125437" s="14" t="s">
        <v>252</v>
      </c>
      <c r="D125437" s="14" t="s">
        <v>14</v>
      </c>
      <c r="E125437" s="15">
        <v>45618</v>
      </c>
      <c r="F125437" s="14" t="s">
        <v>15</v>
      </c>
      <c r="G125437" s="16">
        <v>0</v>
      </c>
    </row>
    <row r="125438" spans="1:7" x14ac:dyDescent="0.3">
      <c r="A125438" s="13" t="s">
        <v>580</v>
      </c>
      <c r="B125438" s="14" t="s">
        <v>1</v>
      </c>
      <c r="C125438" s="14" t="s">
        <v>252</v>
      </c>
      <c r="D125438" s="14" t="s">
        <v>14</v>
      </c>
      <c r="E125438" s="15">
        <v>45619</v>
      </c>
      <c r="F125438" s="14" t="s">
        <v>15</v>
      </c>
      <c r="G125438" s="16">
        <v>0</v>
      </c>
    </row>
    <row r="125439" spans="1:7" x14ac:dyDescent="0.3">
      <c r="A125439" s="13" t="s">
        <v>580</v>
      </c>
      <c r="B125439" s="14" t="s">
        <v>1</v>
      </c>
      <c r="C125439" s="14" t="s">
        <v>252</v>
      </c>
      <c r="D125439" s="14" t="s">
        <v>14</v>
      </c>
      <c r="E125439" s="15">
        <v>45620</v>
      </c>
      <c r="F125439" s="14" t="s">
        <v>15</v>
      </c>
      <c r="G125439" s="16">
        <v>0</v>
      </c>
    </row>
    <row r="125440" spans="1:7" x14ac:dyDescent="0.3">
      <c r="A125440" s="13" t="s">
        <v>580</v>
      </c>
      <c r="B125440" s="14" t="s">
        <v>1</v>
      </c>
      <c r="C125440" s="14" t="s">
        <v>252</v>
      </c>
      <c r="D125440" s="14" t="s">
        <v>14</v>
      </c>
      <c r="E125440" s="15">
        <v>45621</v>
      </c>
      <c r="F125440" s="14" t="s">
        <v>15</v>
      </c>
      <c r="G125440" s="16">
        <v>0</v>
      </c>
    </row>
    <row r="125441" spans="1:7" x14ac:dyDescent="0.3">
      <c r="A125441" s="13" t="s">
        <v>580</v>
      </c>
      <c r="B125441" s="14" t="s">
        <v>1</v>
      </c>
      <c r="C125441" s="14" t="s">
        <v>252</v>
      </c>
      <c r="D125441" s="14" t="s">
        <v>14</v>
      </c>
      <c r="E125441" s="15">
        <v>45622</v>
      </c>
      <c r="F125441" s="14" t="s">
        <v>15</v>
      </c>
      <c r="G125441" s="16">
        <v>0</v>
      </c>
    </row>
    <row r="125442" spans="1:7" x14ac:dyDescent="0.3">
      <c r="A125442" s="13" t="s">
        <v>580</v>
      </c>
      <c r="B125442" s="14" t="s">
        <v>1</v>
      </c>
      <c r="C125442" s="14" t="s">
        <v>252</v>
      </c>
      <c r="D125442" s="14" t="s">
        <v>14</v>
      </c>
      <c r="E125442" s="15">
        <v>45623</v>
      </c>
      <c r="F125442" s="14" t="s">
        <v>15</v>
      </c>
      <c r="G125442" s="16">
        <v>0</v>
      </c>
    </row>
    <row r="125443" spans="1:7" x14ac:dyDescent="0.3">
      <c r="A125443" s="13" t="s">
        <v>580</v>
      </c>
      <c r="B125443" s="14" t="s">
        <v>1</v>
      </c>
      <c r="C125443" s="14" t="s">
        <v>252</v>
      </c>
      <c r="D125443" s="14" t="s">
        <v>14</v>
      </c>
      <c r="E125443" s="15">
        <v>45624</v>
      </c>
      <c r="F125443" s="14" t="s">
        <v>15</v>
      </c>
      <c r="G125443" s="16">
        <v>0</v>
      </c>
    </row>
    <row r="125444" spans="1:7" x14ac:dyDescent="0.3">
      <c r="A125444" s="13" t="s">
        <v>580</v>
      </c>
      <c r="B125444" s="14" t="s">
        <v>1</v>
      </c>
      <c r="C125444" s="14" t="s">
        <v>252</v>
      </c>
      <c r="D125444" s="14" t="s">
        <v>14</v>
      </c>
      <c r="E125444" s="15">
        <v>45625</v>
      </c>
      <c r="F125444" s="14" t="s">
        <v>15</v>
      </c>
      <c r="G125444" s="16">
        <v>0</v>
      </c>
    </row>
    <row r="125445" spans="1:7" x14ac:dyDescent="0.3">
      <c r="A125445" s="13" t="s">
        <v>580</v>
      </c>
      <c r="B125445" s="14" t="s">
        <v>1</v>
      </c>
      <c r="C125445" s="14" t="s">
        <v>252</v>
      </c>
      <c r="D125445" s="14" t="s">
        <v>14</v>
      </c>
      <c r="E125445" s="15">
        <v>45626</v>
      </c>
      <c r="F125445" s="14" t="s">
        <v>15</v>
      </c>
      <c r="G125445" s="16">
        <v>0</v>
      </c>
    </row>
    <row r="125446" spans="1:7" x14ac:dyDescent="0.3">
      <c r="A125446" s="13" t="s">
        <v>580</v>
      </c>
      <c r="B125446" s="14" t="s">
        <v>1</v>
      </c>
      <c r="C125446" s="14" t="s">
        <v>252</v>
      </c>
      <c r="D125446" s="14" t="s">
        <v>14</v>
      </c>
      <c r="E125446" s="15">
        <v>45627</v>
      </c>
      <c r="F125446" s="14" t="s">
        <v>15</v>
      </c>
      <c r="G125446" s="16">
        <v>0</v>
      </c>
    </row>
    <row r="125447" spans="1:7" x14ac:dyDescent="0.3">
      <c r="A125447" s="13" t="s">
        <v>580</v>
      </c>
      <c r="B125447" s="14" t="s">
        <v>1</v>
      </c>
      <c r="C125447" s="14" t="s">
        <v>252</v>
      </c>
      <c r="D125447" s="14" t="s">
        <v>14</v>
      </c>
      <c r="E125447" s="15">
        <v>45628</v>
      </c>
      <c r="F125447" s="14" t="s">
        <v>15</v>
      </c>
      <c r="G125447" s="16">
        <v>0</v>
      </c>
    </row>
    <row r="125448" spans="1:7" x14ac:dyDescent="0.3">
      <c r="A125448" s="13" t="s">
        <v>580</v>
      </c>
      <c r="B125448" s="14" t="s">
        <v>1</v>
      </c>
      <c r="C125448" s="14" t="s">
        <v>252</v>
      </c>
      <c r="D125448" s="14" t="s">
        <v>14</v>
      </c>
      <c r="E125448" s="15">
        <v>45629</v>
      </c>
      <c r="F125448" s="14" t="s">
        <v>15</v>
      </c>
      <c r="G125448" s="16">
        <v>0</v>
      </c>
    </row>
    <row r="125449" spans="1:7" x14ac:dyDescent="0.3">
      <c r="A125449" s="13" t="s">
        <v>580</v>
      </c>
      <c r="B125449" s="14" t="s">
        <v>1</v>
      </c>
      <c r="C125449" s="14" t="s">
        <v>252</v>
      </c>
      <c r="D125449" s="14" t="s">
        <v>14</v>
      </c>
      <c r="E125449" s="15">
        <v>45630</v>
      </c>
      <c r="F125449" s="14" t="s">
        <v>15</v>
      </c>
      <c r="G125449" s="16">
        <v>0</v>
      </c>
    </row>
    <row r="125450" spans="1:7" x14ac:dyDescent="0.3">
      <c r="A125450" s="13" t="s">
        <v>580</v>
      </c>
      <c r="B125450" s="14" t="s">
        <v>1</v>
      </c>
      <c r="C125450" s="14" t="s">
        <v>252</v>
      </c>
      <c r="D125450" s="14" t="s">
        <v>14</v>
      </c>
      <c r="E125450" s="15">
        <v>45631</v>
      </c>
      <c r="F125450" s="14" t="s">
        <v>15</v>
      </c>
      <c r="G125450" s="16">
        <v>0</v>
      </c>
    </row>
    <row r="125451" spans="1:7" x14ac:dyDescent="0.3">
      <c r="A125451" s="13" t="s">
        <v>580</v>
      </c>
      <c r="B125451" s="14" t="s">
        <v>1</v>
      </c>
      <c r="C125451" s="14" t="s">
        <v>252</v>
      </c>
      <c r="D125451" s="14" t="s">
        <v>14</v>
      </c>
      <c r="E125451" s="15">
        <v>45632</v>
      </c>
      <c r="F125451" s="14" t="s">
        <v>15</v>
      </c>
      <c r="G125451" s="16">
        <v>0</v>
      </c>
    </row>
    <row r="125452" spans="1:7" x14ac:dyDescent="0.3">
      <c r="A125452" s="13" t="s">
        <v>580</v>
      </c>
      <c r="B125452" s="14" t="s">
        <v>1</v>
      </c>
      <c r="C125452" s="14" t="s">
        <v>252</v>
      </c>
      <c r="D125452" s="14" t="s">
        <v>14</v>
      </c>
      <c r="E125452" s="15">
        <v>45633</v>
      </c>
      <c r="F125452" s="14" t="s">
        <v>15</v>
      </c>
      <c r="G125452" s="16">
        <v>0</v>
      </c>
    </row>
    <row r="125453" spans="1:7" x14ac:dyDescent="0.3">
      <c r="A125453" s="13" t="s">
        <v>580</v>
      </c>
      <c r="B125453" s="14" t="s">
        <v>1</v>
      </c>
      <c r="C125453" s="14" t="s">
        <v>252</v>
      </c>
      <c r="D125453" s="14" t="s">
        <v>14</v>
      </c>
      <c r="E125453" s="15">
        <v>45634</v>
      </c>
      <c r="F125453" s="14" t="s">
        <v>15</v>
      </c>
      <c r="G125453" s="16">
        <v>0</v>
      </c>
    </row>
    <row r="125454" spans="1:7" x14ac:dyDescent="0.3">
      <c r="A125454" s="13" t="s">
        <v>580</v>
      </c>
      <c r="B125454" s="14" t="s">
        <v>1</v>
      </c>
      <c r="C125454" s="14" t="s">
        <v>252</v>
      </c>
      <c r="D125454" s="14" t="s">
        <v>14</v>
      </c>
      <c r="E125454" s="15">
        <v>45635</v>
      </c>
      <c r="F125454" s="14" t="s">
        <v>15</v>
      </c>
      <c r="G125454" s="16">
        <v>0</v>
      </c>
    </row>
    <row r="125455" spans="1:7" x14ac:dyDescent="0.3">
      <c r="A125455" s="13" t="s">
        <v>580</v>
      </c>
      <c r="B125455" s="14" t="s">
        <v>1</v>
      </c>
      <c r="C125455" s="14" t="s">
        <v>252</v>
      </c>
      <c r="D125455" s="14" t="s">
        <v>14</v>
      </c>
      <c r="E125455" s="15">
        <v>45636</v>
      </c>
      <c r="F125455" s="14" t="s">
        <v>15</v>
      </c>
      <c r="G125455" s="16">
        <v>0</v>
      </c>
    </row>
    <row r="125456" spans="1:7" x14ac:dyDescent="0.3">
      <c r="A125456" s="13" t="s">
        <v>580</v>
      </c>
      <c r="B125456" s="14" t="s">
        <v>1</v>
      </c>
      <c r="C125456" s="14" t="s">
        <v>252</v>
      </c>
      <c r="D125456" s="14" t="s">
        <v>14</v>
      </c>
      <c r="E125456" s="15">
        <v>45637</v>
      </c>
      <c r="F125456" s="14" t="s">
        <v>15</v>
      </c>
      <c r="G125456" s="16">
        <v>0</v>
      </c>
    </row>
    <row r="125457" spans="1:7" x14ac:dyDescent="0.3">
      <c r="A125457" s="13" t="s">
        <v>580</v>
      </c>
      <c r="B125457" s="14" t="s">
        <v>1</v>
      </c>
      <c r="C125457" s="14" t="s">
        <v>252</v>
      </c>
      <c r="D125457" s="14" t="s">
        <v>14</v>
      </c>
      <c r="E125457" s="15">
        <v>45638</v>
      </c>
      <c r="F125457" s="14" t="s">
        <v>15</v>
      </c>
      <c r="G125457" s="16">
        <v>0</v>
      </c>
    </row>
    <row r="125458" spans="1:7" x14ac:dyDescent="0.3">
      <c r="A125458" s="13" t="s">
        <v>580</v>
      </c>
      <c r="B125458" s="14" t="s">
        <v>1</v>
      </c>
      <c r="C125458" s="14" t="s">
        <v>252</v>
      </c>
      <c r="D125458" s="14" t="s">
        <v>14</v>
      </c>
      <c r="E125458" s="15">
        <v>45639</v>
      </c>
      <c r="F125458" s="14" t="s">
        <v>15</v>
      </c>
      <c r="G125458" s="16">
        <v>0</v>
      </c>
    </row>
    <row r="125459" spans="1:7" x14ac:dyDescent="0.3">
      <c r="A125459" s="13" t="s">
        <v>580</v>
      </c>
      <c r="B125459" s="14" t="s">
        <v>1</v>
      </c>
      <c r="C125459" s="14" t="s">
        <v>252</v>
      </c>
      <c r="D125459" s="14" t="s">
        <v>14</v>
      </c>
      <c r="E125459" s="15">
        <v>45640</v>
      </c>
      <c r="F125459" s="14" t="s">
        <v>15</v>
      </c>
      <c r="G125459" s="16">
        <v>0</v>
      </c>
    </row>
    <row r="125460" spans="1:7" x14ac:dyDescent="0.3">
      <c r="A125460" s="13" t="s">
        <v>580</v>
      </c>
      <c r="B125460" s="14" t="s">
        <v>1</v>
      </c>
      <c r="C125460" s="14" t="s">
        <v>252</v>
      </c>
      <c r="D125460" s="14" t="s">
        <v>14</v>
      </c>
      <c r="E125460" s="15">
        <v>45641</v>
      </c>
      <c r="F125460" s="14" t="s">
        <v>15</v>
      </c>
      <c r="G125460" s="16">
        <v>0</v>
      </c>
    </row>
    <row r="125461" spans="1:7" x14ac:dyDescent="0.3">
      <c r="A125461" s="13" t="s">
        <v>580</v>
      </c>
      <c r="B125461" s="14" t="s">
        <v>1</v>
      </c>
      <c r="C125461" s="14" t="s">
        <v>252</v>
      </c>
      <c r="D125461" s="14" t="s">
        <v>14</v>
      </c>
      <c r="E125461" s="15">
        <v>45642</v>
      </c>
      <c r="F125461" s="14" t="s">
        <v>15</v>
      </c>
      <c r="G125461" s="16">
        <v>0</v>
      </c>
    </row>
    <row r="125462" spans="1:7" x14ac:dyDescent="0.3">
      <c r="A125462" s="13" t="s">
        <v>580</v>
      </c>
      <c r="B125462" s="14" t="s">
        <v>1</v>
      </c>
      <c r="C125462" s="14" t="s">
        <v>252</v>
      </c>
      <c r="D125462" s="14" t="s">
        <v>14</v>
      </c>
      <c r="E125462" s="15">
        <v>45643</v>
      </c>
      <c r="F125462" s="14" t="s">
        <v>15</v>
      </c>
      <c r="G125462" s="16">
        <v>0</v>
      </c>
    </row>
    <row r="125463" spans="1:7" x14ac:dyDescent="0.3">
      <c r="A125463" s="13" t="s">
        <v>580</v>
      </c>
      <c r="B125463" s="14" t="s">
        <v>1</v>
      </c>
      <c r="C125463" s="14" t="s">
        <v>252</v>
      </c>
      <c r="D125463" s="14" t="s">
        <v>14</v>
      </c>
      <c r="E125463" s="15">
        <v>45644</v>
      </c>
      <c r="F125463" s="14" t="s">
        <v>15</v>
      </c>
      <c r="G125463" s="16">
        <v>0</v>
      </c>
    </row>
    <row r="125464" spans="1:7" x14ac:dyDescent="0.3">
      <c r="A125464" s="13" t="s">
        <v>580</v>
      </c>
      <c r="B125464" s="14" t="s">
        <v>1</v>
      </c>
      <c r="C125464" s="14" t="s">
        <v>252</v>
      </c>
      <c r="D125464" s="14" t="s">
        <v>14</v>
      </c>
      <c r="E125464" s="15">
        <v>45645</v>
      </c>
      <c r="F125464" s="14" t="s">
        <v>15</v>
      </c>
      <c r="G125464" s="16">
        <v>0</v>
      </c>
    </row>
    <row r="125465" spans="1:7" x14ac:dyDescent="0.3">
      <c r="A125465" s="13" t="s">
        <v>580</v>
      </c>
      <c r="B125465" s="14" t="s">
        <v>1</v>
      </c>
      <c r="C125465" s="14" t="s">
        <v>252</v>
      </c>
      <c r="D125465" s="14" t="s">
        <v>14</v>
      </c>
      <c r="E125465" s="15">
        <v>45646</v>
      </c>
      <c r="F125465" s="14" t="s">
        <v>15</v>
      </c>
      <c r="G125465" s="16">
        <v>0</v>
      </c>
    </row>
    <row r="125466" spans="1:7" x14ac:dyDescent="0.3">
      <c r="A125466" s="13" t="s">
        <v>580</v>
      </c>
      <c r="B125466" s="14" t="s">
        <v>1</v>
      </c>
      <c r="C125466" s="14" t="s">
        <v>252</v>
      </c>
      <c r="D125466" s="14" t="s">
        <v>14</v>
      </c>
      <c r="E125466" s="15">
        <v>45647</v>
      </c>
      <c r="F125466" s="14" t="s">
        <v>15</v>
      </c>
      <c r="G125466" s="16">
        <v>0</v>
      </c>
    </row>
    <row r="125467" spans="1:7" x14ac:dyDescent="0.3">
      <c r="A125467" s="13" t="s">
        <v>580</v>
      </c>
      <c r="B125467" s="14" t="s">
        <v>1</v>
      </c>
      <c r="C125467" s="14" t="s">
        <v>252</v>
      </c>
      <c r="D125467" s="14" t="s">
        <v>14</v>
      </c>
      <c r="E125467" s="15">
        <v>45648</v>
      </c>
      <c r="F125467" s="14" t="s">
        <v>15</v>
      </c>
      <c r="G125467" s="16">
        <v>0</v>
      </c>
    </row>
    <row r="125468" spans="1:7" x14ac:dyDescent="0.3">
      <c r="A125468" s="13" t="s">
        <v>580</v>
      </c>
      <c r="B125468" s="14" t="s">
        <v>1</v>
      </c>
      <c r="C125468" s="14" t="s">
        <v>252</v>
      </c>
      <c r="D125468" s="14" t="s">
        <v>14</v>
      </c>
      <c r="E125468" s="15">
        <v>45649</v>
      </c>
      <c r="F125468" s="14" t="s">
        <v>15</v>
      </c>
      <c r="G125468" s="16">
        <v>0</v>
      </c>
    </row>
    <row r="125469" spans="1:7" x14ac:dyDescent="0.3">
      <c r="A125469" s="13" t="s">
        <v>580</v>
      </c>
      <c r="B125469" s="14" t="s">
        <v>1</v>
      </c>
      <c r="C125469" s="14" t="s">
        <v>252</v>
      </c>
      <c r="D125469" s="14" t="s">
        <v>14</v>
      </c>
      <c r="E125469" s="15">
        <v>45650</v>
      </c>
      <c r="F125469" s="14" t="s">
        <v>15</v>
      </c>
      <c r="G125469" s="16">
        <v>0</v>
      </c>
    </row>
    <row r="125470" spans="1:7" x14ac:dyDescent="0.3">
      <c r="A125470" s="13" t="s">
        <v>580</v>
      </c>
      <c r="B125470" s="14" t="s">
        <v>1</v>
      </c>
      <c r="C125470" s="14" t="s">
        <v>252</v>
      </c>
      <c r="D125470" s="14" t="s">
        <v>14</v>
      </c>
      <c r="E125470" s="15">
        <v>45651</v>
      </c>
      <c r="F125470" s="14" t="s">
        <v>15</v>
      </c>
      <c r="G125470" s="16">
        <v>0</v>
      </c>
    </row>
    <row r="125471" spans="1:7" x14ac:dyDescent="0.3">
      <c r="A125471" s="13" t="s">
        <v>580</v>
      </c>
      <c r="B125471" s="14" t="s">
        <v>1</v>
      </c>
      <c r="C125471" s="14" t="s">
        <v>252</v>
      </c>
      <c r="D125471" s="14" t="s">
        <v>14</v>
      </c>
      <c r="E125471" s="15">
        <v>45652</v>
      </c>
      <c r="F125471" s="14" t="s">
        <v>15</v>
      </c>
      <c r="G125471" s="16">
        <v>0</v>
      </c>
    </row>
    <row r="125472" spans="1:7" x14ac:dyDescent="0.3">
      <c r="A125472" s="13" t="s">
        <v>580</v>
      </c>
      <c r="B125472" s="14" t="s">
        <v>1</v>
      </c>
      <c r="C125472" s="14" t="s">
        <v>252</v>
      </c>
      <c r="D125472" s="14" t="s">
        <v>14</v>
      </c>
      <c r="E125472" s="15">
        <v>45653</v>
      </c>
      <c r="F125472" s="14" t="s">
        <v>15</v>
      </c>
      <c r="G125472" s="16">
        <v>0</v>
      </c>
    </row>
    <row r="125473" spans="1:7" x14ac:dyDescent="0.3">
      <c r="A125473" s="13" t="s">
        <v>580</v>
      </c>
      <c r="B125473" s="14" t="s">
        <v>1</v>
      </c>
      <c r="C125473" s="14" t="s">
        <v>252</v>
      </c>
      <c r="D125473" s="14" t="s">
        <v>14</v>
      </c>
      <c r="E125473" s="15">
        <v>45654</v>
      </c>
      <c r="F125473" s="14" t="s">
        <v>15</v>
      </c>
      <c r="G125473" s="16">
        <v>0</v>
      </c>
    </row>
    <row r="125474" spans="1:7" x14ac:dyDescent="0.3">
      <c r="A125474" s="13" t="s">
        <v>580</v>
      </c>
      <c r="B125474" s="14" t="s">
        <v>1</v>
      </c>
      <c r="C125474" s="14" t="s">
        <v>252</v>
      </c>
      <c r="D125474" s="14" t="s">
        <v>14</v>
      </c>
      <c r="E125474" s="15">
        <v>45655</v>
      </c>
      <c r="F125474" s="14" t="s">
        <v>15</v>
      </c>
      <c r="G125474" s="16">
        <v>0</v>
      </c>
    </row>
    <row r="125475" spans="1:7" x14ac:dyDescent="0.3">
      <c r="A125475" s="13" t="s">
        <v>580</v>
      </c>
      <c r="B125475" s="14" t="s">
        <v>1</v>
      </c>
      <c r="C125475" s="14" t="s">
        <v>252</v>
      </c>
      <c r="D125475" s="14" t="s">
        <v>14</v>
      </c>
      <c r="E125475" s="15">
        <v>45656</v>
      </c>
      <c r="F125475" s="14" t="s">
        <v>15</v>
      </c>
      <c r="G125475" s="16">
        <v>0</v>
      </c>
    </row>
    <row r="125476" spans="1:7" x14ac:dyDescent="0.3">
      <c r="A125476" s="13" t="s">
        <v>580</v>
      </c>
      <c r="B125476" s="14" t="s">
        <v>1</v>
      </c>
      <c r="C125476" s="14" t="s">
        <v>252</v>
      </c>
      <c r="D125476" s="14" t="s">
        <v>14</v>
      </c>
      <c r="E125476" s="15">
        <v>45657</v>
      </c>
      <c r="F125476" s="14" t="s">
        <v>15</v>
      </c>
      <c r="G125476" s="16">
        <v>0</v>
      </c>
    </row>
    <row r="125477" spans="1:7" x14ac:dyDescent="0.3">
      <c r="A125477" s="13" t="s">
        <v>580</v>
      </c>
      <c r="B125477" s="14" t="s">
        <v>1</v>
      </c>
      <c r="C125477" s="14" t="s">
        <v>252</v>
      </c>
      <c r="D125477" s="14" t="s">
        <v>14</v>
      </c>
      <c r="E125477" s="15">
        <v>45658</v>
      </c>
      <c r="F125477" s="14" t="s">
        <v>15</v>
      </c>
      <c r="G125477" s="16">
        <v>0</v>
      </c>
    </row>
    <row r="125478" spans="1:7" x14ac:dyDescent="0.3">
      <c r="A125478" s="13" t="s">
        <v>580</v>
      </c>
      <c r="B125478" s="14" t="s">
        <v>1</v>
      </c>
      <c r="C125478" s="14" t="s">
        <v>252</v>
      </c>
      <c r="D125478" s="14" t="s">
        <v>14</v>
      </c>
      <c r="E125478" s="15">
        <v>45659</v>
      </c>
      <c r="F125478" s="14" t="s">
        <v>15</v>
      </c>
      <c r="G125478" s="16">
        <v>0</v>
      </c>
    </row>
    <row r="125479" spans="1:7" x14ac:dyDescent="0.3">
      <c r="A125479" s="13" t="s">
        <v>580</v>
      </c>
      <c r="B125479" s="14" t="s">
        <v>1</v>
      </c>
      <c r="C125479" s="14" t="s">
        <v>252</v>
      </c>
      <c r="D125479" s="14" t="s">
        <v>14</v>
      </c>
      <c r="E125479" s="15">
        <v>45660</v>
      </c>
      <c r="F125479" s="14" t="s">
        <v>15</v>
      </c>
      <c r="G125479" s="16">
        <v>0</v>
      </c>
    </row>
    <row r="125480" spans="1:7" x14ac:dyDescent="0.3">
      <c r="A125480" s="13" t="s">
        <v>580</v>
      </c>
      <c r="B125480" s="14" t="s">
        <v>1</v>
      </c>
      <c r="C125480" s="14" t="s">
        <v>252</v>
      </c>
      <c r="D125480" s="14" t="s">
        <v>14</v>
      </c>
      <c r="E125480" s="15">
        <v>45661</v>
      </c>
      <c r="F125480" s="14" t="s">
        <v>15</v>
      </c>
      <c r="G125480" s="16">
        <v>0</v>
      </c>
    </row>
    <row r="125481" spans="1:7" x14ac:dyDescent="0.3">
      <c r="A125481" s="13" t="s">
        <v>580</v>
      </c>
      <c r="B125481" s="14" t="s">
        <v>1</v>
      </c>
      <c r="C125481" s="14" t="s">
        <v>252</v>
      </c>
      <c r="D125481" s="14" t="s">
        <v>14</v>
      </c>
      <c r="E125481" s="15">
        <v>45662</v>
      </c>
      <c r="F125481" s="14" t="s">
        <v>15</v>
      </c>
      <c r="G125481" s="16">
        <v>0</v>
      </c>
    </row>
    <row r="125482" spans="1:7" x14ac:dyDescent="0.3">
      <c r="A125482" s="13" t="s">
        <v>580</v>
      </c>
      <c r="B125482" s="14" t="s">
        <v>1</v>
      </c>
      <c r="C125482" s="14" t="s">
        <v>252</v>
      </c>
      <c r="D125482" s="14" t="s">
        <v>14</v>
      </c>
      <c r="E125482" s="15">
        <v>45663</v>
      </c>
      <c r="F125482" s="14" t="s">
        <v>15</v>
      </c>
      <c r="G125482" s="16">
        <v>0</v>
      </c>
    </row>
    <row r="125483" spans="1:7" x14ac:dyDescent="0.3">
      <c r="A125483" s="13" t="s">
        <v>580</v>
      </c>
      <c r="B125483" s="14" t="s">
        <v>1</v>
      </c>
      <c r="C125483" s="14" t="s">
        <v>252</v>
      </c>
      <c r="D125483" s="14" t="s">
        <v>14</v>
      </c>
      <c r="E125483" s="15">
        <v>45664</v>
      </c>
      <c r="F125483" s="14" t="s">
        <v>15</v>
      </c>
      <c r="G125483" s="16">
        <v>0</v>
      </c>
    </row>
    <row r="125484" spans="1:7" x14ac:dyDescent="0.3">
      <c r="A125484" s="13" t="s">
        <v>580</v>
      </c>
      <c r="B125484" s="14" t="s">
        <v>1</v>
      </c>
      <c r="C125484" s="14" t="s">
        <v>252</v>
      </c>
      <c r="D125484" s="14" t="s">
        <v>14</v>
      </c>
      <c r="E125484" s="15">
        <v>45665</v>
      </c>
      <c r="F125484" s="14" t="s">
        <v>15</v>
      </c>
      <c r="G125484" s="16">
        <v>0</v>
      </c>
    </row>
    <row r="125485" spans="1:7" x14ac:dyDescent="0.3">
      <c r="A125485" s="13" t="s">
        <v>580</v>
      </c>
      <c r="B125485" s="14" t="s">
        <v>1</v>
      </c>
      <c r="C125485" s="14" t="s">
        <v>252</v>
      </c>
      <c r="D125485" s="14" t="s">
        <v>14</v>
      </c>
      <c r="E125485" s="15">
        <v>45666</v>
      </c>
      <c r="F125485" s="14" t="s">
        <v>15</v>
      </c>
      <c r="G125485" s="16">
        <v>0</v>
      </c>
    </row>
    <row r="125486" spans="1:7" x14ac:dyDescent="0.3">
      <c r="A125486" s="13" t="s">
        <v>580</v>
      </c>
      <c r="B125486" s="14" t="s">
        <v>1</v>
      </c>
      <c r="C125486" s="14" t="s">
        <v>252</v>
      </c>
      <c r="D125486" s="14" t="s">
        <v>14</v>
      </c>
      <c r="E125486" s="15">
        <v>45667</v>
      </c>
      <c r="F125486" s="14" t="s">
        <v>15</v>
      </c>
      <c r="G125486" s="16">
        <v>0</v>
      </c>
    </row>
    <row r="125487" spans="1:7" x14ac:dyDescent="0.3">
      <c r="A125487" s="13" t="s">
        <v>580</v>
      </c>
      <c r="B125487" s="14" t="s">
        <v>1</v>
      </c>
      <c r="C125487" s="14" t="s">
        <v>252</v>
      </c>
      <c r="D125487" s="14" t="s">
        <v>14</v>
      </c>
      <c r="E125487" s="15">
        <v>45668</v>
      </c>
      <c r="F125487" s="14" t="s">
        <v>15</v>
      </c>
      <c r="G125487" s="16">
        <v>0</v>
      </c>
    </row>
    <row r="125488" spans="1:7" x14ac:dyDescent="0.3">
      <c r="A125488" s="13" t="s">
        <v>580</v>
      </c>
      <c r="B125488" s="14" t="s">
        <v>1</v>
      </c>
      <c r="C125488" s="14" t="s">
        <v>252</v>
      </c>
      <c r="D125488" s="14" t="s">
        <v>14</v>
      </c>
      <c r="E125488" s="15">
        <v>45669</v>
      </c>
      <c r="F125488" s="14" t="s">
        <v>15</v>
      </c>
      <c r="G125488" s="16">
        <v>0</v>
      </c>
    </row>
    <row r="125489" spans="1:7" x14ac:dyDescent="0.3">
      <c r="A125489" s="13" t="s">
        <v>580</v>
      </c>
      <c r="B125489" s="14" t="s">
        <v>1</v>
      </c>
      <c r="C125489" s="14" t="s">
        <v>252</v>
      </c>
      <c r="D125489" s="14" t="s">
        <v>14</v>
      </c>
      <c r="E125489" s="15">
        <v>45670</v>
      </c>
      <c r="F125489" s="14" t="s">
        <v>15</v>
      </c>
      <c r="G125489" s="16">
        <v>0</v>
      </c>
    </row>
    <row r="125490" spans="1:7" x14ac:dyDescent="0.3">
      <c r="A125490" s="13" t="s">
        <v>580</v>
      </c>
      <c r="B125490" s="14" t="s">
        <v>1</v>
      </c>
      <c r="C125490" s="14" t="s">
        <v>252</v>
      </c>
      <c r="D125490" s="14" t="s">
        <v>14</v>
      </c>
      <c r="E125490" s="15">
        <v>45671</v>
      </c>
      <c r="F125490" s="14" t="s">
        <v>15</v>
      </c>
      <c r="G125490" s="16">
        <v>0</v>
      </c>
    </row>
    <row r="125491" spans="1:7" x14ac:dyDescent="0.3">
      <c r="A125491" s="13" t="s">
        <v>580</v>
      </c>
      <c r="B125491" s="14" t="s">
        <v>1</v>
      </c>
      <c r="C125491" s="14" t="s">
        <v>252</v>
      </c>
      <c r="D125491" s="14" t="s">
        <v>14</v>
      </c>
      <c r="E125491" s="15">
        <v>45672</v>
      </c>
      <c r="F125491" s="14" t="s">
        <v>15</v>
      </c>
      <c r="G125491" s="16">
        <v>0</v>
      </c>
    </row>
    <row r="125492" spans="1:7" x14ac:dyDescent="0.3">
      <c r="A125492" s="13" t="s">
        <v>580</v>
      </c>
      <c r="B125492" s="14" t="s">
        <v>1</v>
      </c>
      <c r="C125492" s="14" t="s">
        <v>252</v>
      </c>
      <c r="D125492" s="14" t="s">
        <v>14</v>
      </c>
      <c r="E125492" s="15">
        <v>45673</v>
      </c>
      <c r="F125492" s="14" t="s">
        <v>15</v>
      </c>
      <c r="G125492" s="16">
        <v>0</v>
      </c>
    </row>
    <row r="125493" spans="1:7" x14ac:dyDescent="0.3">
      <c r="A125493" s="13" t="s">
        <v>580</v>
      </c>
      <c r="B125493" s="14" t="s">
        <v>1</v>
      </c>
      <c r="C125493" s="14" t="s">
        <v>252</v>
      </c>
      <c r="D125493" s="14" t="s">
        <v>14</v>
      </c>
      <c r="E125493" s="15">
        <v>45674</v>
      </c>
      <c r="F125493" s="14" t="s">
        <v>15</v>
      </c>
      <c r="G125493" s="16">
        <v>0</v>
      </c>
    </row>
    <row r="125494" spans="1:7" x14ac:dyDescent="0.3">
      <c r="A125494" s="13" t="s">
        <v>580</v>
      </c>
      <c r="B125494" s="14" t="s">
        <v>1</v>
      </c>
      <c r="C125494" s="14" t="s">
        <v>252</v>
      </c>
      <c r="D125494" s="14" t="s">
        <v>14</v>
      </c>
      <c r="E125494" s="15">
        <v>45675</v>
      </c>
      <c r="F125494" s="14" t="s">
        <v>15</v>
      </c>
      <c r="G125494" s="16">
        <v>0</v>
      </c>
    </row>
    <row r="125495" spans="1:7" x14ac:dyDescent="0.3">
      <c r="A125495" s="13" t="s">
        <v>580</v>
      </c>
      <c r="B125495" s="14" t="s">
        <v>1</v>
      </c>
      <c r="C125495" s="14" t="s">
        <v>252</v>
      </c>
      <c r="D125495" s="14" t="s">
        <v>14</v>
      </c>
      <c r="E125495" s="15">
        <v>45676</v>
      </c>
      <c r="F125495" s="14" t="s">
        <v>15</v>
      </c>
      <c r="G125495" s="16">
        <v>0</v>
      </c>
    </row>
    <row r="125496" spans="1:7" x14ac:dyDescent="0.3">
      <c r="A125496" s="13" t="s">
        <v>580</v>
      </c>
      <c r="B125496" s="14" t="s">
        <v>1</v>
      </c>
      <c r="C125496" s="14" t="s">
        <v>252</v>
      </c>
      <c r="D125496" s="14" t="s">
        <v>14</v>
      </c>
      <c r="E125496" s="15">
        <v>45677</v>
      </c>
      <c r="F125496" s="14" t="s">
        <v>15</v>
      </c>
      <c r="G125496" s="16">
        <v>0</v>
      </c>
    </row>
    <row r="125497" spans="1:7" x14ac:dyDescent="0.3">
      <c r="A125497" s="13" t="s">
        <v>580</v>
      </c>
      <c r="B125497" s="14" t="s">
        <v>1</v>
      </c>
      <c r="C125497" s="14" t="s">
        <v>252</v>
      </c>
      <c r="D125497" s="14" t="s">
        <v>14</v>
      </c>
      <c r="E125497" s="15">
        <v>45678</v>
      </c>
      <c r="F125497" s="14" t="s">
        <v>15</v>
      </c>
      <c r="G125497" s="16">
        <v>0</v>
      </c>
    </row>
    <row r="125498" spans="1:7" x14ac:dyDescent="0.3">
      <c r="A125498" s="13" t="s">
        <v>580</v>
      </c>
      <c r="B125498" s="14" t="s">
        <v>1</v>
      </c>
      <c r="C125498" s="14" t="s">
        <v>252</v>
      </c>
      <c r="D125498" s="14" t="s">
        <v>14</v>
      </c>
      <c r="E125498" s="15">
        <v>45679</v>
      </c>
      <c r="F125498" s="14" t="s">
        <v>15</v>
      </c>
      <c r="G125498" s="16">
        <v>0</v>
      </c>
    </row>
    <row r="125499" spans="1:7" x14ac:dyDescent="0.3">
      <c r="A125499" s="13" t="s">
        <v>580</v>
      </c>
      <c r="B125499" s="14" t="s">
        <v>1</v>
      </c>
      <c r="C125499" s="14" t="s">
        <v>252</v>
      </c>
      <c r="D125499" s="14" t="s">
        <v>14</v>
      </c>
      <c r="E125499" s="15">
        <v>45680</v>
      </c>
      <c r="F125499" s="14" t="s">
        <v>15</v>
      </c>
      <c r="G125499" s="16">
        <v>0</v>
      </c>
    </row>
    <row r="125500" spans="1:7" x14ac:dyDescent="0.3">
      <c r="A125500" s="13" t="s">
        <v>580</v>
      </c>
      <c r="B125500" s="14" t="s">
        <v>1</v>
      </c>
      <c r="C125500" s="14" t="s">
        <v>252</v>
      </c>
      <c r="D125500" s="14" t="s">
        <v>14</v>
      </c>
      <c r="E125500" s="15">
        <v>45681</v>
      </c>
      <c r="F125500" s="14" t="s">
        <v>15</v>
      </c>
      <c r="G125500" s="16">
        <v>0</v>
      </c>
    </row>
    <row r="125501" spans="1:7" x14ac:dyDescent="0.3">
      <c r="A125501" s="13" t="s">
        <v>580</v>
      </c>
      <c r="B125501" s="14" t="s">
        <v>1</v>
      </c>
      <c r="C125501" s="14" t="s">
        <v>252</v>
      </c>
      <c r="D125501" s="14" t="s">
        <v>14</v>
      </c>
      <c r="E125501" s="15">
        <v>45682</v>
      </c>
      <c r="F125501" s="14" t="s">
        <v>15</v>
      </c>
      <c r="G125501" s="16">
        <v>0</v>
      </c>
    </row>
    <row r="125502" spans="1:7" x14ac:dyDescent="0.3">
      <c r="A125502" s="13" t="s">
        <v>580</v>
      </c>
      <c r="B125502" s="14" t="s">
        <v>1</v>
      </c>
      <c r="C125502" s="14" t="s">
        <v>252</v>
      </c>
      <c r="D125502" s="14" t="s">
        <v>14</v>
      </c>
      <c r="E125502" s="15">
        <v>45683</v>
      </c>
      <c r="F125502" s="14" t="s">
        <v>15</v>
      </c>
      <c r="G125502" s="16">
        <v>0</v>
      </c>
    </row>
    <row r="125503" spans="1:7" x14ac:dyDescent="0.3">
      <c r="A125503" s="13" t="s">
        <v>580</v>
      </c>
      <c r="B125503" s="14" t="s">
        <v>1</v>
      </c>
      <c r="C125503" s="14" t="s">
        <v>252</v>
      </c>
      <c r="D125503" s="14" t="s">
        <v>14</v>
      </c>
      <c r="E125503" s="15">
        <v>45684</v>
      </c>
      <c r="F125503" s="14" t="s">
        <v>15</v>
      </c>
      <c r="G125503" s="16">
        <v>0</v>
      </c>
    </row>
    <row r="125504" spans="1:7" x14ac:dyDescent="0.3">
      <c r="A125504" s="13" t="s">
        <v>580</v>
      </c>
      <c r="B125504" s="14" t="s">
        <v>1</v>
      </c>
      <c r="C125504" s="14" t="s">
        <v>252</v>
      </c>
      <c r="D125504" s="14" t="s">
        <v>14</v>
      </c>
      <c r="E125504" s="15">
        <v>45685</v>
      </c>
      <c r="F125504" s="14" t="s">
        <v>15</v>
      </c>
      <c r="G125504" s="16">
        <v>0</v>
      </c>
    </row>
    <row r="125505" spans="1:7" x14ac:dyDescent="0.3">
      <c r="A125505" s="13" t="s">
        <v>580</v>
      </c>
      <c r="B125505" s="14" t="s">
        <v>1</v>
      </c>
      <c r="C125505" s="14" t="s">
        <v>252</v>
      </c>
      <c r="D125505" s="14" t="s">
        <v>14</v>
      </c>
      <c r="E125505" s="15">
        <v>45686</v>
      </c>
      <c r="F125505" s="14" t="s">
        <v>15</v>
      </c>
      <c r="G125505" s="16">
        <v>0</v>
      </c>
    </row>
    <row r="125506" spans="1:7" x14ac:dyDescent="0.3">
      <c r="A125506" s="13" t="s">
        <v>580</v>
      </c>
      <c r="B125506" s="14" t="s">
        <v>1</v>
      </c>
      <c r="C125506" s="14" t="s">
        <v>252</v>
      </c>
      <c r="D125506" s="14" t="s">
        <v>14</v>
      </c>
      <c r="E125506" s="15">
        <v>45687</v>
      </c>
      <c r="F125506" s="14" t="s">
        <v>15</v>
      </c>
      <c r="G125506" s="16">
        <v>0</v>
      </c>
    </row>
    <row r="125507" spans="1:7" x14ac:dyDescent="0.3">
      <c r="A125507" s="13" t="s">
        <v>580</v>
      </c>
      <c r="B125507" s="14" t="s">
        <v>1</v>
      </c>
      <c r="C125507" s="14" t="s">
        <v>252</v>
      </c>
      <c r="D125507" s="14" t="s">
        <v>14</v>
      </c>
      <c r="E125507" s="15">
        <v>45688</v>
      </c>
      <c r="F125507" s="14" t="s">
        <v>15</v>
      </c>
      <c r="G125507" s="16">
        <v>0</v>
      </c>
    </row>
    <row r="125508" spans="1:7" x14ac:dyDescent="0.3">
      <c r="A125508" s="13" t="s">
        <v>580</v>
      </c>
      <c r="B125508" s="14" t="s">
        <v>1</v>
      </c>
      <c r="C125508" s="14" t="s">
        <v>252</v>
      </c>
      <c r="D125508" s="14" t="s">
        <v>14</v>
      </c>
      <c r="E125508" s="15">
        <v>45689</v>
      </c>
      <c r="F125508" s="14" t="s">
        <v>15</v>
      </c>
      <c r="G125508" s="16">
        <v>0</v>
      </c>
    </row>
    <row r="125509" spans="1:7" x14ac:dyDescent="0.3">
      <c r="A125509" s="13" t="s">
        <v>580</v>
      </c>
      <c r="B125509" s="14" t="s">
        <v>1</v>
      </c>
      <c r="C125509" s="14" t="s">
        <v>252</v>
      </c>
      <c r="D125509" s="14" t="s">
        <v>14</v>
      </c>
      <c r="E125509" s="15">
        <v>45690</v>
      </c>
      <c r="F125509" s="14" t="s">
        <v>15</v>
      </c>
      <c r="G125509" s="16">
        <v>0</v>
      </c>
    </row>
    <row r="125510" spans="1:7" x14ac:dyDescent="0.3">
      <c r="A125510" s="13" t="s">
        <v>580</v>
      </c>
      <c r="B125510" s="14" t="s">
        <v>1</v>
      </c>
      <c r="C125510" s="14" t="s">
        <v>252</v>
      </c>
      <c r="D125510" s="14" t="s">
        <v>14</v>
      </c>
      <c r="E125510" s="15">
        <v>45691</v>
      </c>
      <c r="F125510" s="14" t="s">
        <v>15</v>
      </c>
      <c r="G125510" s="16">
        <v>0</v>
      </c>
    </row>
    <row r="125511" spans="1:7" x14ac:dyDescent="0.3">
      <c r="A125511" s="13" t="s">
        <v>580</v>
      </c>
      <c r="B125511" s="14" t="s">
        <v>1</v>
      </c>
      <c r="C125511" s="14" t="s">
        <v>252</v>
      </c>
      <c r="D125511" s="14" t="s">
        <v>14</v>
      </c>
      <c r="E125511" s="15">
        <v>45692</v>
      </c>
      <c r="F125511" s="14" t="s">
        <v>15</v>
      </c>
      <c r="G125511" s="16">
        <v>0</v>
      </c>
    </row>
    <row r="125512" spans="1:7" x14ac:dyDescent="0.3">
      <c r="A125512" s="13" t="s">
        <v>580</v>
      </c>
      <c r="B125512" s="14" t="s">
        <v>1</v>
      </c>
      <c r="C125512" s="14" t="s">
        <v>252</v>
      </c>
      <c r="D125512" s="14" t="s">
        <v>14</v>
      </c>
      <c r="E125512" s="15">
        <v>45693</v>
      </c>
      <c r="F125512" s="14" t="s">
        <v>15</v>
      </c>
      <c r="G125512" s="16">
        <v>0</v>
      </c>
    </row>
    <row r="125513" spans="1:7" x14ac:dyDescent="0.3">
      <c r="A125513" s="13" t="s">
        <v>580</v>
      </c>
      <c r="B125513" s="14" t="s">
        <v>1</v>
      </c>
      <c r="C125513" s="14" t="s">
        <v>252</v>
      </c>
      <c r="D125513" s="14" t="s">
        <v>14</v>
      </c>
      <c r="E125513" s="15">
        <v>45694</v>
      </c>
      <c r="F125513" s="14" t="s">
        <v>15</v>
      </c>
      <c r="G125513" s="16">
        <v>0</v>
      </c>
    </row>
    <row r="125514" spans="1:7" x14ac:dyDescent="0.3">
      <c r="A125514" s="13" t="s">
        <v>580</v>
      </c>
      <c r="B125514" s="14" t="s">
        <v>1</v>
      </c>
      <c r="C125514" s="14" t="s">
        <v>252</v>
      </c>
      <c r="D125514" s="14" t="s">
        <v>14</v>
      </c>
      <c r="E125514" s="15">
        <v>45695</v>
      </c>
      <c r="F125514" s="14" t="s">
        <v>15</v>
      </c>
      <c r="G125514" s="16">
        <v>0</v>
      </c>
    </row>
    <row r="125515" spans="1:7" x14ac:dyDescent="0.3">
      <c r="A125515" s="13" t="s">
        <v>580</v>
      </c>
      <c r="B125515" s="14" t="s">
        <v>1</v>
      </c>
      <c r="C125515" s="14" t="s">
        <v>252</v>
      </c>
      <c r="D125515" s="14" t="s">
        <v>14</v>
      </c>
      <c r="E125515" s="15">
        <v>45696</v>
      </c>
      <c r="F125515" s="14" t="s">
        <v>15</v>
      </c>
      <c r="G125515" s="16">
        <v>0</v>
      </c>
    </row>
    <row r="125516" spans="1:7" x14ac:dyDescent="0.3">
      <c r="A125516" s="13" t="s">
        <v>580</v>
      </c>
      <c r="B125516" s="14" t="s">
        <v>1</v>
      </c>
      <c r="C125516" s="14" t="s">
        <v>252</v>
      </c>
      <c r="D125516" s="14" t="s">
        <v>14</v>
      </c>
      <c r="E125516" s="15">
        <v>45697</v>
      </c>
      <c r="F125516" s="14" t="s">
        <v>15</v>
      </c>
      <c r="G125516" s="16">
        <v>0</v>
      </c>
    </row>
    <row r="125517" spans="1:7" x14ac:dyDescent="0.3">
      <c r="A125517" s="13" t="s">
        <v>580</v>
      </c>
      <c r="B125517" s="14" t="s">
        <v>1</v>
      </c>
      <c r="C125517" s="14" t="s">
        <v>252</v>
      </c>
      <c r="D125517" s="14" t="s">
        <v>14</v>
      </c>
      <c r="E125517" s="15">
        <v>45698</v>
      </c>
      <c r="F125517" s="14" t="s">
        <v>15</v>
      </c>
      <c r="G125517" s="16">
        <v>0</v>
      </c>
    </row>
    <row r="125518" spans="1:7" x14ac:dyDescent="0.3">
      <c r="A125518" s="13" t="s">
        <v>580</v>
      </c>
      <c r="B125518" s="14" t="s">
        <v>1</v>
      </c>
      <c r="C125518" s="14" t="s">
        <v>252</v>
      </c>
      <c r="D125518" s="14" t="s">
        <v>14</v>
      </c>
      <c r="E125518" s="15">
        <v>45699</v>
      </c>
      <c r="F125518" s="14" t="s">
        <v>15</v>
      </c>
      <c r="G125518" s="16">
        <v>0</v>
      </c>
    </row>
    <row r="125519" spans="1:7" x14ac:dyDescent="0.3">
      <c r="A125519" s="13" t="s">
        <v>580</v>
      </c>
      <c r="B125519" s="14" t="s">
        <v>1</v>
      </c>
      <c r="C125519" s="14" t="s">
        <v>252</v>
      </c>
      <c r="D125519" s="14" t="s">
        <v>14</v>
      </c>
      <c r="E125519" s="15">
        <v>45700</v>
      </c>
      <c r="F125519" s="14" t="s">
        <v>15</v>
      </c>
      <c r="G125519" s="16">
        <v>0</v>
      </c>
    </row>
    <row r="125520" spans="1:7" x14ac:dyDescent="0.3">
      <c r="A125520" s="13" t="s">
        <v>580</v>
      </c>
      <c r="B125520" s="14" t="s">
        <v>1</v>
      </c>
      <c r="C125520" s="14" t="s">
        <v>252</v>
      </c>
      <c r="D125520" s="14" t="s">
        <v>14</v>
      </c>
      <c r="E125520" s="15">
        <v>45701</v>
      </c>
      <c r="F125520" s="14" t="s">
        <v>15</v>
      </c>
      <c r="G125520" s="16">
        <v>0</v>
      </c>
    </row>
    <row r="125521" spans="1:7" x14ac:dyDescent="0.3">
      <c r="A125521" s="13" t="s">
        <v>580</v>
      </c>
      <c r="B125521" s="14" t="s">
        <v>1</v>
      </c>
      <c r="C125521" s="14" t="s">
        <v>252</v>
      </c>
      <c r="D125521" s="14" t="s">
        <v>14</v>
      </c>
      <c r="E125521" s="15">
        <v>45702</v>
      </c>
      <c r="F125521" s="14" t="s">
        <v>15</v>
      </c>
      <c r="G125521" s="16">
        <v>0</v>
      </c>
    </row>
    <row r="125522" spans="1:7" x14ac:dyDescent="0.3">
      <c r="A125522" s="13" t="s">
        <v>580</v>
      </c>
      <c r="B125522" s="14" t="s">
        <v>1</v>
      </c>
      <c r="C125522" s="14" t="s">
        <v>252</v>
      </c>
      <c r="D125522" s="14" t="s">
        <v>14</v>
      </c>
      <c r="E125522" s="15">
        <v>45703</v>
      </c>
      <c r="F125522" s="14" t="s">
        <v>15</v>
      </c>
      <c r="G125522" s="16">
        <v>0</v>
      </c>
    </row>
    <row r="125523" spans="1:7" x14ac:dyDescent="0.3">
      <c r="A125523" s="13" t="s">
        <v>580</v>
      </c>
      <c r="B125523" s="14" t="s">
        <v>1</v>
      </c>
      <c r="C125523" s="14" t="s">
        <v>252</v>
      </c>
      <c r="D125523" s="14" t="s">
        <v>14</v>
      </c>
      <c r="E125523" s="15">
        <v>45704</v>
      </c>
      <c r="F125523" s="14" t="s">
        <v>15</v>
      </c>
      <c r="G125523" s="16">
        <v>0</v>
      </c>
    </row>
    <row r="125524" spans="1:7" x14ac:dyDescent="0.3">
      <c r="A125524" s="13" t="s">
        <v>580</v>
      </c>
      <c r="B125524" s="14" t="s">
        <v>1</v>
      </c>
      <c r="C125524" s="14" t="s">
        <v>252</v>
      </c>
      <c r="D125524" s="14" t="s">
        <v>14</v>
      </c>
      <c r="E125524" s="15">
        <v>45705</v>
      </c>
      <c r="F125524" s="14" t="s">
        <v>15</v>
      </c>
      <c r="G125524" s="16">
        <v>0</v>
      </c>
    </row>
    <row r="125525" spans="1:7" x14ac:dyDescent="0.3">
      <c r="A125525" s="13" t="s">
        <v>580</v>
      </c>
      <c r="B125525" s="14" t="s">
        <v>1</v>
      </c>
      <c r="C125525" s="14" t="s">
        <v>252</v>
      </c>
      <c r="D125525" s="14" t="s">
        <v>14</v>
      </c>
      <c r="E125525" s="15">
        <v>45706</v>
      </c>
      <c r="F125525" s="14" t="s">
        <v>15</v>
      </c>
      <c r="G125525" s="16">
        <v>0</v>
      </c>
    </row>
    <row r="125526" spans="1:7" x14ac:dyDescent="0.3">
      <c r="A125526" s="13" t="s">
        <v>580</v>
      </c>
      <c r="B125526" s="14" t="s">
        <v>1</v>
      </c>
      <c r="C125526" s="14" t="s">
        <v>252</v>
      </c>
      <c r="D125526" s="14" t="s">
        <v>14</v>
      </c>
      <c r="E125526" s="15">
        <v>45707</v>
      </c>
      <c r="F125526" s="14" t="s">
        <v>15</v>
      </c>
      <c r="G125526" s="16">
        <v>0</v>
      </c>
    </row>
    <row r="125527" spans="1:7" x14ac:dyDescent="0.3">
      <c r="A125527" s="13" t="s">
        <v>580</v>
      </c>
      <c r="B125527" s="14" t="s">
        <v>1</v>
      </c>
      <c r="C125527" s="14" t="s">
        <v>252</v>
      </c>
      <c r="D125527" s="14" t="s">
        <v>14</v>
      </c>
      <c r="E125527" s="15">
        <v>45708</v>
      </c>
      <c r="F125527" s="14" t="s">
        <v>15</v>
      </c>
      <c r="G125527" s="16">
        <v>0</v>
      </c>
    </row>
    <row r="125528" spans="1:7" x14ac:dyDescent="0.3">
      <c r="A125528" s="13" t="s">
        <v>580</v>
      </c>
      <c r="B125528" s="14" t="s">
        <v>1</v>
      </c>
      <c r="C125528" s="14" t="s">
        <v>252</v>
      </c>
      <c r="D125528" s="14" t="s">
        <v>14</v>
      </c>
      <c r="E125528" s="15">
        <v>45709</v>
      </c>
      <c r="F125528" s="14" t="s">
        <v>15</v>
      </c>
      <c r="G125528" s="16">
        <v>0</v>
      </c>
    </row>
    <row r="125529" spans="1:7" x14ac:dyDescent="0.3">
      <c r="A125529" s="13" t="s">
        <v>580</v>
      </c>
      <c r="B125529" s="14" t="s">
        <v>1</v>
      </c>
      <c r="C125529" s="14" t="s">
        <v>252</v>
      </c>
      <c r="D125529" s="14" t="s">
        <v>14</v>
      </c>
      <c r="E125529" s="15">
        <v>45710</v>
      </c>
      <c r="F125529" s="14" t="s">
        <v>15</v>
      </c>
      <c r="G125529" s="16">
        <v>0</v>
      </c>
    </row>
    <row r="125530" spans="1:7" x14ac:dyDescent="0.3">
      <c r="A125530" s="13" t="s">
        <v>580</v>
      </c>
      <c r="B125530" s="14" t="s">
        <v>1</v>
      </c>
      <c r="C125530" s="14" t="s">
        <v>252</v>
      </c>
      <c r="D125530" s="14" t="s">
        <v>14</v>
      </c>
      <c r="E125530" s="15">
        <v>45711</v>
      </c>
      <c r="F125530" s="14" t="s">
        <v>15</v>
      </c>
      <c r="G125530" s="16">
        <v>0</v>
      </c>
    </row>
    <row r="125531" spans="1:7" x14ac:dyDescent="0.3">
      <c r="A125531" s="13" t="s">
        <v>580</v>
      </c>
      <c r="B125531" s="14" t="s">
        <v>1</v>
      </c>
      <c r="C125531" s="14" t="s">
        <v>252</v>
      </c>
      <c r="D125531" s="14" t="s">
        <v>14</v>
      </c>
      <c r="E125531" s="15">
        <v>45712</v>
      </c>
      <c r="F125531" s="14" t="s">
        <v>15</v>
      </c>
      <c r="G125531" s="16">
        <v>0</v>
      </c>
    </row>
    <row r="125532" spans="1:7" x14ac:dyDescent="0.3">
      <c r="A125532" s="13" t="s">
        <v>580</v>
      </c>
      <c r="B125532" s="14" t="s">
        <v>1</v>
      </c>
      <c r="C125532" s="14" t="s">
        <v>252</v>
      </c>
      <c r="D125532" s="14" t="s">
        <v>14</v>
      </c>
      <c r="E125532" s="15">
        <v>45713</v>
      </c>
      <c r="F125532" s="14" t="s">
        <v>15</v>
      </c>
      <c r="G125532" s="16">
        <v>0</v>
      </c>
    </row>
    <row r="125533" spans="1:7" x14ac:dyDescent="0.3">
      <c r="A125533" s="13" t="s">
        <v>580</v>
      </c>
      <c r="B125533" s="14" t="s">
        <v>1</v>
      </c>
      <c r="C125533" s="14" t="s">
        <v>252</v>
      </c>
      <c r="D125533" s="14" t="s">
        <v>14</v>
      </c>
      <c r="E125533" s="15">
        <v>45714</v>
      </c>
      <c r="F125533" s="14" t="s">
        <v>15</v>
      </c>
      <c r="G125533" s="16">
        <v>0</v>
      </c>
    </row>
    <row r="125534" spans="1:7" x14ac:dyDescent="0.3">
      <c r="A125534" s="13" t="s">
        <v>580</v>
      </c>
      <c r="B125534" s="14" t="s">
        <v>1</v>
      </c>
      <c r="C125534" s="14" t="s">
        <v>252</v>
      </c>
      <c r="D125534" s="14" t="s">
        <v>14</v>
      </c>
      <c r="E125534" s="15">
        <v>45715</v>
      </c>
      <c r="F125534" s="14" t="s">
        <v>15</v>
      </c>
      <c r="G125534" s="16">
        <v>0</v>
      </c>
    </row>
    <row r="125535" spans="1:7" x14ac:dyDescent="0.3">
      <c r="A125535" s="13" t="s">
        <v>580</v>
      </c>
      <c r="B125535" s="14" t="s">
        <v>1</v>
      </c>
      <c r="C125535" s="14" t="s">
        <v>252</v>
      </c>
      <c r="D125535" s="14" t="s">
        <v>14</v>
      </c>
      <c r="E125535" s="15">
        <v>45716</v>
      </c>
      <c r="F125535" s="14" t="s">
        <v>15</v>
      </c>
      <c r="G125535" s="16">
        <v>0</v>
      </c>
    </row>
    <row r="125536" spans="1:7" x14ac:dyDescent="0.3">
      <c r="A125536" s="13" t="s">
        <v>580</v>
      </c>
      <c r="B125536" s="14" t="s">
        <v>1</v>
      </c>
      <c r="C125536" s="14" t="s">
        <v>252</v>
      </c>
      <c r="D125536" s="14" t="s">
        <v>14</v>
      </c>
      <c r="E125536" s="15">
        <v>45717</v>
      </c>
      <c r="F125536" s="14" t="s">
        <v>15</v>
      </c>
      <c r="G125536" s="16">
        <v>0</v>
      </c>
    </row>
    <row r="125537" spans="1:7" x14ac:dyDescent="0.3">
      <c r="A125537" s="13" t="s">
        <v>580</v>
      </c>
      <c r="B125537" s="14" t="s">
        <v>1</v>
      </c>
      <c r="C125537" s="14" t="s">
        <v>252</v>
      </c>
      <c r="D125537" s="14" t="s">
        <v>14</v>
      </c>
      <c r="E125537" s="15">
        <v>45718</v>
      </c>
      <c r="F125537" s="14" t="s">
        <v>15</v>
      </c>
      <c r="G125537" s="16">
        <v>0</v>
      </c>
    </row>
    <row r="125538" spans="1:7" x14ac:dyDescent="0.3">
      <c r="A125538" s="13" t="s">
        <v>580</v>
      </c>
      <c r="B125538" s="14" t="s">
        <v>1</v>
      </c>
      <c r="C125538" s="14" t="s">
        <v>252</v>
      </c>
      <c r="D125538" s="14" t="s">
        <v>14</v>
      </c>
      <c r="E125538" s="15">
        <v>45719</v>
      </c>
      <c r="F125538" s="14" t="s">
        <v>15</v>
      </c>
      <c r="G125538" s="16">
        <v>0</v>
      </c>
    </row>
    <row r="125539" spans="1:7" x14ac:dyDescent="0.3">
      <c r="A125539" s="13" t="s">
        <v>580</v>
      </c>
      <c r="B125539" s="14" t="s">
        <v>1</v>
      </c>
      <c r="C125539" s="14" t="s">
        <v>252</v>
      </c>
      <c r="D125539" s="14" t="s">
        <v>14</v>
      </c>
      <c r="E125539" s="15">
        <v>45720</v>
      </c>
      <c r="F125539" s="14" t="s">
        <v>15</v>
      </c>
      <c r="G125539" s="16">
        <v>0</v>
      </c>
    </row>
    <row r="125540" spans="1:7" x14ac:dyDescent="0.3">
      <c r="A125540" s="13" t="s">
        <v>580</v>
      </c>
      <c r="B125540" s="14" t="s">
        <v>1</v>
      </c>
      <c r="C125540" s="14" t="s">
        <v>252</v>
      </c>
      <c r="D125540" s="14" t="s">
        <v>14</v>
      </c>
      <c r="E125540" s="15">
        <v>45721</v>
      </c>
      <c r="F125540" s="14" t="s">
        <v>15</v>
      </c>
      <c r="G125540" s="16">
        <v>0</v>
      </c>
    </row>
    <row r="125541" spans="1:7" x14ac:dyDescent="0.3">
      <c r="A125541" s="13" t="s">
        <v>580</v>
      </c>
      <c r="B125541" s="14" t="s">
        <v>1</v>
      </c>
      <c r="C125541" s="14" t="s">
        <v>252</v>
      </c>
      <c r="D125541" s="14" t="s">
        <v>14</v>
      </c>
      <c r="E125541" s="15">
        <v>45722</v>
      </c>
      <c r="F125541" s="14" t="s">
        <v>15</v>
      </c>
      <c r="G125541" s="16">
        <v>0</v>
      </c>
    </row>
    <row r="125542" spans="1:7" x14ac:dyDescent="0.3">
      <c r="A125542" s="13" t="s">
        <v>580</v>
      </c>
      <c r="B125542" s="14" t="s">
        <v>1</v>
      </c>
      <c r="C125542" s="14" t="s">
        <v>252</v>
      </c>
      <c r="D125542" s="14" t="s">
        <v>14</v>
      </c>
      <c r="E125542" s="15">
        <v>45723</v>
      </c>
      <c r="F125542" s="14" t="s">
        <v>15</v>
      </c>
      <c r="G125542" s="16">
        <v>0</v>
      </c>
    </row>
    <row r="125543" spans="1:7" x14ac:dyDescent="0.3">
      <c r="A125543" s="13" t="s">
        <v>580</v>
      </c>
      <c r="B125543" s="14" t="s">
        <v>1</v>
      </c>
      <c r="C125543" s="14" t="s">
        <v>252</v>
      </c>
      <c r="D125543" s="14" t="s">
        <v>14</v>
      </c>
      <c r="E125543" s="15">
        <v>45724</v>
      </c>
      <c r="F125543" s="14" t="s">
        <v>15</v>
      </c>
      <c r="G125543" s="16">
        <v>0</v>
      </c>
    </row>
    <row r="125544" spans="1:7" x14ac:dyDescent="0.3">
      <c r="A125544" s="13" t="s">
        <v>580</v>
      </c>
      <c r="B125544" s="14" t="s">
        <v>1</v>
      </c>
      <c r="C125544" s="14" t="s">
        <v>252</v>
      </c>
      <c r="D125544" s="14" t="s">
        <v>14</v>
      </c>
      <c r="E125544" s="15">
        <v>45725</v>
      </c>
      <c r="F125544" s="14" t="s">
        <v>15</v>
      </c>
      <c r="G125544" s="16">
        <v>0</v>
      </c>
    </row>
    <row r="125545" spans="1:7" x14ac:dyDescent="0.3">
      <c r="A125545" s="13" t="s">
        <v>580</v>
      </c>
      <c r="B125545" s="14" t="s">
        <v>1</v>
      </c>
      <c r="C125545" s="14" t="s">
        <v>252</v>
      </c>
      <c r="D125545" s="14" t="s">
        <v>14</v>
      </c>
      <c r="E125545" s="15">
        <v>45726</v>
      </c>
      <c r="F125545" s="14" t="s">
        <v>15</v>
      </c>
      <c r="G125545" s="16">
        <v>0</v>
      </c>
    </row>
    <row r="125546" spans="1:7" x14ac:dyDescent="0.3">
      <c r="A125546" s="13" t="s">
        <v>580</v>
      </c>
      <c r="B125546" s="14" t="s">
        <v>1</v>
      </c>
      <c r="C125546" s="14" t="s">
        <v>252</v>
      </c>
      <c r="D125546" s="14" t="s">
        <v>14</v>
      </c>
      <c r="E125546" s="15">
        <v>45727</v>
      </c>
      <c r="F125546" s="14" t="s">
        <v>15</v>
      </c>
      <c r="G125546" s="16">
        <v>0</v>
      </c>
    </row>
    <row r="125547" spans="1:7" x14ac:dyDescent="0.3">
      <c r="A125547" s="13" t="s">
        <v>580</v>
      </c>
      <c r="B125547" s="14" t="s">
        <v>1</v>
      </c>
      <c r="C125547" s="14" t="s">
        <v>252</v>
      </c>
      <c r="D125547" s="14" t="s">
        <v>14</v>
      </c>
      <c r="E125547" s="15">
        <v>45728</v>
      </c>
      <c r="F125547" s="14" t="s">
        <v>15</v>
      </c>
      <c r="G125547" s="16">
        <v>0</v>
      </c>
    </row>
    <row r="125548" spans="1:7" x14ac:dyDescent="0.3">
      <c r="A125548" s="13" t="s">
        <v>580</v>
      </c>
      <c r="B125548" s="14" t="s">
        <v>1</v>
      </c>
      <c r="C125548" s="14" t="s">
        <v>252</v>
      </c>
      <c r="D125548" s="14" t="s">
        <v>14</v>
      </c>
      <c r="E125548" s="15">
        <v>45729</v>
      </c>
      <c r="F125548" s="14" t="s">
        <v>15</v>
      </c>
      <c r="G125548" s="16">
        <v>0</v>
      </c>
    </row>
    <row r="125549" spans="1:7" x14ac:dyDescent="0.3">
      <c r="A125549" s="13" t="s">
        <v>580</v>
      </c>
      <c r="B125549" s="14" t="s">
        <v>1</v>
      </c>
      <c r="C125549" s="14" t="s">
        <v>252</v>
      </c>
      <c r="D125549" s="14" t="s">
        <v>14</v>
      </c>
      <c r="E125549" s="15">
        <v>45730</v>
      </c>
      <c r="F125549" s="14" t="s">
        <v>15</v>
      </c>
      <c r="G125549" s="16">
        <v>0</v>
      </c>
    </row>
    <row r="125550" spans="1:7" x14ac:dyDescent="0.3">
      <c r="A125550" s="13" t="s">
        <v>580</v>
      </c>
      <c r="B125550" s="14" t="s">
        <v>1</v>
      </c>
      <c r="C125550" s="14" t="s">
        <v>252</v>
      </c>
      <c r="D125550" s="14" t="s">
        <v>14</v>
      </c>
      <c r="E125550" s="15">
        <v>45731</v>
      </c>
      <c r="F125550" s="14" t="s">
        <v>15</v>
      </c>
      <c r="G125550" s="16">
        <v>0</v>
      </c>
    </row>
    <row r="125551" spans="1:7" x14ac:dyDescent="0.3">
      <c r="A125551" s="13" t="s">
        <v>580</v>
      </c>
      <c r="B125551" s="14" t="s">
        <v>1</v>
      </c>
      <c r="C125551" s="14" t="s">
        <v>252</v>
      </c>
      <c r="D125551" s="14" t="s">
        <v>14</v>
      </c>
      <c r="E125551" s="15">
        <v>45732</v>
      </c>
      <c r="F125551" s="14" t="s">
        <v>15</v>
      </c>
      <c r="G125551" s="16">
        <v>0</v>
      </c>
    </row>
    <row r="125552" spans="1:7" x14ac:dyDescent="0.3">
      <c r="A125552" s="13" t="s">
        <v>580</v>
      </c>
      <c r="B125552" s="14" t="s">
        <v>1</v>
      </c>
      <c r="C125552" s="14" t="s">
        <v>252</v>
      </c>
      <c r="D125552" s="14" t="s">
        <v>14</v>
      </c>
      <c r="E125552" s="15">
        <v>45733</v>
      </c>
      <c r="F125552" s="14" t="s">
        <v>15</v>
      </c>
      <c r="G125552" s="16">
        <v>0</v>
      </c>
    </row>
    <row r="125553" spans="1:7" x14ac:dyDescent="0.3">
      <c r="A125553" s="13" t="s">
        <v>580</v>
      </c>
      <c r="B125553" s="14" t="s">
        <v>1</v>
      </c>
      <c r="C125553" s="14" t="s">
        <v>252</v>
      </c>
      <c r="D125553" s="14" t="s">
        <v>14</v>
      </c>
      <c r="E125553" s="15">
        <v>45734</v>
      </c>
      <c r="F125553" s="14" t="s">
        <v>15</v>
      </c>
      <c r="G125553" s="16">
        <v>0</v>
      </c>
    </row>
    <row r="125554" spans="1:7" x14ac:dyDescent="0.3">
      <c r="A125554" s="13" t="s">
        <v>580</v>
      </c>
      <c r="B125554" s="14" t="s">
        <v>1</v>
      </c>
      <c r="C125554" s="14" t="s">
        <v>252</v>
      </c>
      <c r="D125554" s="14" t="s">
        <v>14</v>
      </c>
      <c r="E125554" s="15">
        <v>45735</v>
      </c>
      <c r="F125554" s="14" t="s">
        <v>15</v>
      </c>
      <c r="G125554" s="16">
        <v>0</v>
      </c>
    </row>
    <row r="125555" spans="1:7" x14ac:dyDescent="0.3">
      <c r="A125555" s="13" t="s">
        <v>580</v>
      </c>
      <c r="B125555" s="14" t="s">
        <v>1</v>
      </c>
      <c r="C125555" s="14" t="s">
        <v>252</v>
      </c>
      <c r="D125555" s="14" t="s">
        <v>14</v>
      </c>
      <c r="E125555" s="15">
        <v>45736</v>
      </c>
      <c r="F125555" s="14" t="s">
        <v>15</v>
      </c>
      <c r="G125555" s="16">
        <v>0</v>
      </c>
    </row>
    <row r="125556" spans="1:7" x14ac:dyDescent="0.3">
      <c r="A125556" s="13" t="s">
        <v>580</v>
      </c>
      <c r="B125556" s="14" t="s">
        <v>1</v>
      </c>
      <c r="C125556" s="14" t="s">
        <v>252</v>
      </c>
      <c r="D125556" s="14" t="s">
        <v>14</v>
      </c>
      <c r="E125556" s="15">
        <v>45737</v>
      </c>
      <c r="F125556" s="14" t="s">
        <v>15</v>
      </c>
      <c r="G125556" s="16">
        <v>0</v>
      </c>
    </row>
    <row r="125557" spans="1:7" x14ac:dyDescent="0.3">
      <c r="A125557" s="13" t="s">
        <v>580</v>
      </c>
      <c r="B125557" s="14" t="s">
        <v>1</v>
      </c>
      <c r="C125557" s="14" t="s">
        <v>252</v>
      </c>
      <c r="D125557" s="14" t="s">
        <v>14</v>
      </c>
      <c r="E125557" s="15">
        <v>45738</v>
      </c>
      <c r="F125557" s="14" t="s">
        <v>15</v>
      </c>
      <c r="G125557" s="16">
        <v>0</v>
      </c>
    </row>
    <row r="125558" spans="1:7" x14ac:dyDescent="0.3">
      <c r="A125558" s="13" t="s">
        <v>580</v>
      </c>
      <c r="B125558" s="14" t="s">
        <v>1</v>
      </c>
      <c r="C125558" s="14" t="s">
        <v>252</v>
      </c>
      <c r="D125558" s="14" t="s">
        <v>14</v>
      </c>
      <c r="E125558" s="15">
        <v>45739</v>
      </c>
      <c r="F125558" s="14" t="s">
        <v>15</v>
      </c>
      <c r="G125558" s="16">
        <v>0</v>
      </c>
    </row>
    <row r="125559" spans="1:7" x14ac:dyDescent="0.3">
      <c r="A125559" s="13" t="s">
        <v>580</v>
      </c>
      <c r="B125559" s="14" t="s">
        <v>1</v>
      </c>
      <c r="C125559" s="14" t="s">
        <v>252</v>
      </c>
      <c r="D125559" s="14" t="s">
        <v>14</v>
      </c>
      <c r="E125559" s="15">
        <v>45740</v>
      </c>
      <c r="F125559" s="14" t="s">
        <v>15</v>
      </c>
      <c r="G125559" s="16">
        <v>0</v>
      </c>
    </row>
    <row r="125560" spans="1:7" x14ac:dyDescent="0.3">
      <c r="A125560" s="13" t="s">
        <v>580</v>
      </c>
      <c r="B125560" s="14" t="s">
        <v>1</v>
      </c>
      <c r="C125560" s="14" t="s">
        <v>252</v>
      </c>
      <c r="D125560" s="14" t="s">
        <v>14</v>
      </c>
      <c r="E125560" s="15">
        <v>45741</v>
      </c>
      <c r="F125560" s="14" t="s">
        <v>15</v>
      </c>
      <c r="G125560" s="16">
        <v>0</v>
      </c>
    </row>
    <row r="125561" spans="1:7" x14ac:dyDescent="0.3">
      <c r="A125561" s="13" t="s">
        <v>580</v>
      </c>
      <c r="B125561" s="14" t="s">
        <v>1</v>
      </c>
      <c r="C125561" s="14" t="s">
        <v>252</v>
      </c>
      <c r="D125561" s="14" t="s">
        <v>14</v>
      </c>
      <c r="E125561" s="15">
        <v>45742</v>
      </c>
      <c r="F125561" s="14" t="s">
        <v>15</v>
      </c>
      <c r="G125561" s="16">
        <v>0</v>
      </c>
    </row>
    <row r="125562" spans="1:7" x14ac:dyDescent="0.3">
      <c r="A125562" s="13" t="s">
        <v>580</v>
      </c>
      <c r="B125562" s="14" t="s">
        <v>1</v>
      </c>
      <c r="C125562" s="14" t="s">
        <v>252</v>
      </c>
      <c r="D125562" s="14" t="s">
        <v>14</v>
      </c>
      <c r="E125562" s="15">
        <v>45743</v>
      </c>
      <c r="F125562" s="14" t="s">
        <v>15</v>
      </c>
      <c r="G125562" s="16">
        <v>0</v>
      </c>
    </row>
    <row r="125563" spans="1:7" x14ac:dyDescent="0.3">
      <c r="A125563" s="13" t="s">
        <v>580</v>
      </c>
      <c r="B125563" s="14" t="s">
        <v>1</v>
      </c>
      <c r="C125563" s="14" t="s">
        <v>252</v>
      </c>
      <c r="D125563" s="14" t="s">
        <v>14</v>
      </c>
      <c r="E125563" s="15">
        <v>45744</v>
      </c>
      <c r="F125563" s="14" t="s">
        <v>15</v>
      </c>
      <c r="G125563" s="16">
        <v>0</v>
      </c>
    </row>
    <row r="125564" spans="1:7" x14ac:dyDescent="0.3">
      <c r="A125564" s="13" t="s">
        <v>580</v>
      </c>
      <c r="B125564" s="14" t="s">
        <v>1</v>
      </c>
      <c r="C125564" s="14" t="s">
        <v>252</v>
      </c>
      <c r="D125564" s="14" t="s">
        <v>14</v>
      </c>
      <c r="E125564" s="15">
        <v>45745</v>
      </c>
      <c r="F125564" s="14" t="s">
        <v>15</v>
      </c>
      <c r="G125564" s="16">
        <v>0</v>
      </c>
    </row>
    <row r="125565" spans="1:7" x14ac:dyDescent="0.3">
      <c r="A125565" s="13" t="s">
        <v>580</v>
      </c>
      <c r="B125565" s="14" t="s">
        <v>1</v>
      </c>
      <c r="C125565" s="14" t="s">
        <v>252</v>
      </c>
      <c r="D125565" s="14" t="s">
        <v>14</v>
      </c>
      <c r="E125565" s="15">
        <v>45746</v>
      </c>
      <c r="F125565" s="14" t="s">
        <v>15</v>
      </c>
      <c r="G125565" s="16">
        <v>0</v>
      </c>
    </row>
    <row r="125566" spans="1:7" x14ac:dyDescent="0.3">
      <c r="A125566" s="13" t="s">
        <v>580</v>
      </c>
      <c r="B125566" s="14" t="s">
        <v>1</v>
      </c>
      <c r="C125566" s="14" t="s">
        <v>252</v>
      </c>
      <c r="D125566" s="14" t="s">
        <v>14</v>
      </c>
      <c r="E125566" s="15">
        <v>45747</v>
      </c>
      <c r="F125566" s="14" t="s">
        <v>15</v>
      </c>
      <c r="G125566" s="16">
        <v>0</v>
      </c>
    </row>
    <row r="125567" spans="1:7" x14ac:dyDescent="0.3">
      <c r="A125567" s="13" t="s">
        <v>581</v>
      </c>
      <c r="B125567" s="14" t="s">
        <v>1</v>
      </c>
      <c r="C125567" s="14" t="s">
        <v>252</v>
      </c>
      <c r="D125567" s="14" t="s">
        <v>122</v>
      </c>
      <c r="E125567" s="15">
        <v>45383</v>
      </c>
      <c r="F125567" s="14" t="s">
        <v>15</v>
      </c>
      <c r="G125567" s="16">
        <v>0</v>
      </c>
    </row>
    <row r="125568" spans="1:7" x14ac:dyDescent="0.3">
      <c r="A125568" s="13" t="s">
        <v>581</v>
      </c>
      <c r="B125568" s="14" t="s">
        <v>1</v>
      </c>
      <c r="C125568" s="14" t="s">
        <v>252</v>
      </c>
      <c r="D125568" s="14" t="s">
        <v>122</v>
      </c>
      <c r="E125568" s="15">
        <v>45384</v>
      </c>
      <c r="F125568" s="14" t="s">
        <v>15</v>
      </c>
      <c r="G125568" s="16">
        <v>0</v>
      </c>
    </row>
    <row r="125569" spans="1:7" x14ac:dyDescent="0.3">
      <c r="A125569" s="13" t="s">
        <v>581</v>
      </c>
      <c r="B125569" s="14" t="s">
        <v>1</v>
      </c>
      <c r="C125569" s="14" t="s">
        <v>252</v>
      </c>
      <c r="D125569" s="14" t="s">
        <v>122</v>
      </c>
      <c r="E125569" s="15">
        <v>45385</v>
      </c>
      <c r="F125569" s="14" t="s">
        <v>15</v>
      </c>
      <c r="G125569" s="16">
        <v>0</v>
      </c>
    </row>
    <row r="125570" spans="1:7" x14ac:dyDescent="0.3">
      <c r="A125570" s="13" t="s">
        <v>581</v>
      </c>
      <c r="B125570" s="14" t="s">
        <v>1</v>
      </c>
      <c r="C125570" s="14" t="s">
        <v>252</v>
      </c>
      <c r="D125570" s="14" t="s">
        <v>122</v>
      </c>
      <c r="E125570" s="15">
        <v>45386</v>
      </c>
      <c r="F125570" s="14" t="s">
        <v>15</v>
      </c>
      <c r="G125570" s="16">
        <v>0</v>
      </c>
    </row>
    <row r="125571" spans="1:7" x14ac:dyDescent="0.3">
      <c r="A125571" s="13" t="s">
        <v>581</v>
      </c>
      <c r="B125571" s="14" t="s">
        <v>1</v>
      </c>
      <c r="C125571" s="14" t="s">
        <v>252</v>
      </c>
      <c r="D125571" s="14" t="s">
        <v>122</v>
      </c>
      <c r="E125571" s="15">
        <v>45387</v>
      </c>
      <c r="F125571" s="14" t="s">
        <v>15</v>
      </c>
      <c r="G125571" s="16">
        <v>0</v>
      </c>
    </row>
    <row r="125572" spans="1:7" x14ac:dyDescent="0.3">
      <c r="A125572" s="13" t="s">
        <v>581</v>
      </c>
      <c r="B125572" s="14" t="s">
        <v>1</v>
      </c>
      <c r="C125572" s="14" t="s">
        <v>252</v>
      </c>
      <c r="D125572" s="14" t="s">
        <v>122</v>
      </c>
      <c r="E125572" s="15">
        <v>45388</v>
      </c>
      <c r="F125572" s="14" t="s">
        <v>15</v>
      </c>
      <c r="G125572" s="16">
        <v>0</v>
      </c>
    </row>
    <row r="125573" spans="1:7" x14ac:dyDescent="0.3">
      <c r="A125573" s="13" t="s">
        <v>581</v>
      </c>
      <c r="B125573" s="14" t="s">
        <v>1</v>
      </c>
      <c r="C125573" s="14" t="s">
        <v>252</v>
      </c>
      <c r="D125573" s="14" t="s">
        <v>122</v>
      </c>
      <c r="E125573" s="15">
        <v>45389</v>
      </c>
      <c r="F125573" s="14" t="s">
        <v>15</v>
      </c>
      <c r="G125573" s="16">
        <v>0</v>
      </c>
    </row>
    <row r="125574" spans="1:7" x14ac:dyDescent="0.3">
      <c r="A125574" s="13" t="s">
        <v>581</v>
      </c>
      <c r="B125574" s="14" t="s">
        <v>1</v>
      </c>
      <c r="C125574" s="14" t="s">
        <v>252</v>
      </c>
      <c r="D125574" s="14" t="s">
        <v>122</v>
      </c>
      <c r="E125574" s="15">
        <v>45390</v>
      </c>
      <c r="F125574" s="14" t="s">
        <v>15</v>
      </c>
      <c r="G125574" s="16">
        <v>0</v>
      </c>
    </row>
    <row r="125575" spans="1:7" x14ac:dyDescent="0.3">
      <c r="A125575" s="13" t="s">
        <v>581</v>
      </c>
      <c r="B125575" s="14" t="s">
        <v>1</v>
      </c>
      <c r="C125575" s="14" t="s">
        <v>252</v>
      </c>
      <c r="D125575" s="14" t="s">
        <v>122</v>
      </c>
      <c r="E125575" s="15">
        <v>45391</v>
      </c>
      <c r="F125575" s="14" t="s">
        <v>15</v>
      </c>
      <c r="G125575" s="16">
        <v>0</v>
      </c>
    </row>
    <row r="125576" spans="1:7" x14ac:dyDescent="0.3">
      <c r="A125576" s="13" t="s">
        <v>581</v>
      </c>
      <c r="B125576" s="14" t="s">
        <v>1</v>
      </c>
      <c r="C125576" s="14" t="s">
        <v>252</v>
      </c>
      <c r="D125576" s="14" t="s">
        <v>122</v>
      </c>
      <c r="E125576" s="15">
        <v>45392</v>
      </c>
      <c r="F125576" s="14" t="s">
        <v>15</v>
      </c>
      <c r="G125576" s="16">
        <v>0</v>
      </c>
    </row>
    <row r="125577" spans="1:7" x14ac:dyDescent="0.3">
      <c r="A125577" s="13" t="s">
        <v>581</v>
      </c>
      <c r="B125577" s="14" t="s">
        <v>1</v>
      </c>
      <c r="C125577" s="14" t="s">
        <v>252</v>
      </c>
      <c r="D125577" s="14" t="s">
        <v>122</v>
      </c>
      <c r="E125577" s="15">
        <v>45393</v>
      </c>
      <c r="F125577" s="14" t="s">
        <v>15</v>
      </c>
      <c r="G125577" s="16">
        <v>0</v>
      </c>
    </row>
    <row r="125578" spans="1:7" x14ac:dyDescent="0.3">
      <c r="A125578" s="13" t="s">
        <v>581</v>
      </c>
      <c r="B125578" s="14" t="s">
        <v>1</v>
      </c>
      <c r="C125578" s="14" t="s">
        <v>252</v>
      </c>
      <c r="D125578" s="14" t="s">
        <v>122</v>
      </c>
      <c r="E125578" s="15">
        <v>45394</v>
      </c>
      <c r="F125578" s="14" t="s">
        <v>15</v>
      </c>
      <c r="G125578" s="16">
        <v>0</v>
      </c>
    </row>
    <row r="125579" spans="1:7" x14ac:dyDescent="0.3">
      <c r="A125579" s="13" t="s">
        <v>581</v>
      </c>
      <c r="B125579" s="14" t="s">
        <v>1</v>
      </c>
      <c r="C125579" s="14" t="s">
        <v>252</v>
      </c>
      <c r="D125579" s="14" t="s">
        <v>122</v>
      </c>
      <c r="E125579" s="15">
        <v>45395</v>
      </c>
      <c r="F125579" s="14" t="s">
        <v>15</v>
      </c>
      <c r="G125579" s="16">
        <v>0</v>
      </c>
    </row>
    <row r="125580" spans="1:7" x14ac:dyDescent="0.3">
      <c r="A125580" s="13" t="s">
        <v>581</v>
      </c>
      <c r="B125580" s="14" t="s">
        <v>1</v>
      </c>
      <c r="C125580" s="14" t="s">
        <v>252</v>
      </c>
      <c r="D125580" s="14" t="s">
        <v>122</v>
      </c>
      <c r="E125580" s="15">
        <v>45396</v>
      </c>
      <c r="F125580" s="14" t="s">
        <v>15</v>
      </c>
      <c r="G125580" s="16">
        <v>0</v>
      </c>
    </row>
    <row r="125581" spans="1:7" x14ac:dyDescent="0.3">
      <c r="A125581" s="13" t="s">
        <v>581</v>
      </c>
      <c r="B125581" s="14" t="s">
        <v>1</v>
      </c>
      <c r="C125581" s="14" t="s">
        <v>252</v>
      </c>
      <c r="D125581" s="14" t="s">
        <v>122</v>
      </c>
      <c r="E125581" s="15">
        <v>45397</v>
      </c>
      <c r="F125581" s="14" t="s">
        <v>15</v>
      </c>
      <c r="G125581" s="16">
        <v>0</v>
      </c>
    </row>
    <row r="125582" spans="1:7" x14ac:dyDescent="0.3">
      <c r="A125582" s="13" t="s">
        <v>581</v>
      </c>
      <c r="B125582" s="14" t="s">
        <v>1</v>
      </c>
      <c r="C125582" s="14" t="s">
        <v>252</v>
      </c>
      <c r="D125582" s="14" t="s">
        <v>122</v>
      </c>
      <c r="E125582" s="15">
        <v>45398</v>
      </c>
      <c r="F125582" s="14" t="s">
        <v>15</v>
      </c>
      <c r="G125582" s="16">
        <v>0</v>
      </c>
    </row>
    <row r="125583" spans="1:7" x14ac:dyDescent="0.3">
      <c r="A125583" s="13" t="s">
        <v>581</v>
      </c>
      <c r="B125583" s="14" t="s">
        <v>1</v>
      </c>
      <c r="C125583" s="14" t="s">
        <v>252</v>
      </c>
      <c r="D125583" s="14" t="s">
        <v>122</v>
      </c>
      <c r="E125583" s="15">
        <v>45399</v>
      </c>
      <c r="F125583" s="14" t="s">
        <v>15</v>
      </c>
      <c r="G125583" s="16">
        <v>0</v>
      </c>
    </row>
    <row r="125584" spans="1:7" x14ac:dyDescent="0.3">
      <c r="A125584" s="13" t="s">
        <v>581</v>
      </c>
      <c r="B125584" s="14" t="s">
        <v>1</v>
      </c>
      <c r="C125584" s="14" t="s">
        <v>252</v>
      </c>
      <c r="D125584" s="14" t="s">
        <v>122</v>
      </c>
      <c r="E125584" s="15">
        <v>45400</v>
      </c>
      <c r="F125584" s="14" t="s">
        <v>15</v>
      </c>
      <c r="G125584" s="16">
        <v>0</v>
      </c>
    </row>
    <row r="125585" spans="1:7" x14ac:dyDescent="0.3">
      <c r="A125585" s="13" t="s">
        <v>581</v>
      </c>
      <c r="B125585" s="14" t="s">
        <v>1</v>
      </c>
      <c r="C125585" s="14" t="s">
        <v>252</v>
      </c>
      <c r="D125585" s="14" t="s">
        <v>122</v>
      </c>
      <c r="E125585" s="15">
        <v>45401</v>
      </c>
      <c r="F125585" s="14" t="s">
        <v>15</v>
      </c>
      <c r="G125585" s="16">
        <v>0</v>
      </c>
    </row>
    <row r="125586" spans="1:7" x14ac:dyDescent="0.3">
      <c r="A125586" s="13" t="s">
        <v>581</v>
      </c>
      <c r="B125586" s="14" t="s">
        <v>1</v>
      </c>
      <c r="C125586" s="14" t="s">
        <v>252</v>
      </c>
      <c r="D125586" s="14" t="s">
        <v>122</v>
      </c>
      <c r="E125586" s="15">
        <v>45402</v>
      </c>
      <c r="F125586" s="14" t="s">
        <v>15</v>
      </c>
      <c r="G125586" s="16">
        <v>0</v>
      </c>
    </row>
    <row r="125587" spans="1:7" x14ac:dyDescent="0.3">
      <c r="A125587" s="13" t="s">
        <v>581</v>
      </c>
      <c r="B125587" s="14" t="s">
        <v>1</v>
      </c>
      <c r="C125587" s="14" t="s">
        <v>252</v>
      </c>
      <c r="D125587" s="14" t="s">
        <v>122</v>
      </c>
      <c r="E125587" s="15">
        <v>45403</v>
      </c>
      <c r="F125587" s="14" t="s">
        <v>15</v>
      </c>
      <c r="G125587" s="16">
        <v>0</v>
      </c>
    </row>
    <row r="125588" spans="1:7" x14ac:dyDescent="0.3">
      <c r="A125588" s="13" t="s">
        <v>581</v>
      </c>
      <c r="B125588" s="14" t="s">
        <v>1</v>
      </c>
      <c r="C125588" s="14" t="s">
        <v>252</v>
      </c>
      <c r="D125588" s="14" t="s">
        <v>122</v>
      </c>
      <c r="E125588" s="15">
        <v>45404</v>
      </c>
      <c r="F125588" s="14" t="s">
        <v>15</v>
      </c>
      <c r="G125588" s="16">
        <v>0</v>
      </c>
    </row>
    <row r="125589" spans="1:7" x14ac:dyDescent="0.3">
      <c r="A125589" s="13" t="s">
        <v>581</v>
      </c>
      <c r="B125589" s="14" t="s">
        <v>1</v>
      </c>
      <c r="C125589" s="14" t="s">
        <v>252</v>
      </c>
      <c r="D125589" s="14" t="s">
        <v>122</v>
      </c>
      <c r="E125589" s="15">
        <v>45405</v>
      </c>
      <c r="F125589" s="14" t="s">
        <v>15</v>
      </c>
      <c r="G125589" s="16">
        <v>0</v>
      </c>
    </row>
    <row r="125590" spans="1:7" x14ac:dyDescent="0.3">
      <c r="A125590" s="13" t="s">
        <v>581</v>
      </c>
      <c r="B125590" s="14" t="s">
        <v>1</v>
      </c>
      <c r="C125590" s="14" t="s">
        <v>252</v>
      </c>
      <c r="D125590" s="14" t="s">
        <v>122</v>
      </c>
      <c r="E125590" s="15">
        <v>45406</v>
      </c>
      <c r="F125590" s="14" t="s">
        <v>15</v>
      </c>
      <c r="G125590" s="16">
        <v>0</v>
      </c>
    </row>
    <row r="125591" spans="1:7" x14ac:dyDescent="0.3">
      <c r="A125591" s="13" t="s">
        <v>581</v>
      </c>
      <c r="B125591" s="14" t="s">
        <v>1</v>
      </c>
      <c r="C125591" s="14" t="s">
        <v>252</v>
      </c>
      <c r="D125591" s="14" t="s">
        <v>122</v>
      </c>
      <c r="E125591" s="15">
        <v>45407</v>
      </c>
      <c r="F125591" s="14" t="s">
        <v>15</v>
      </c>
      <c r="G125591" s="16">
        <v>0</v>
      </c>
    </row>
    <row r="125592" spans="1:7" x14ac:dyDescent="0.3">
      <c r="A125592" s="13" t="s">
        <v>581</v>
      </c>
      <c r="B125592" s="14" t="s">
        <v>1</v>
      </c>
      <c r="C125592" s="14" t="s">
        <v>252</v>
      </c>
      <c r="D125592" s="14" t="s">
        <v>122</v>
      </c>
      <c r="E125592" s="15">
        <v>45408</v>
      </c>
      <c r="F125592" s="14" t="s">
        <v>15</v>
      </c>
      <c r="G125592" s="16">
        <v>0</v>
      </c>
    </row>
    <row r="125593" spans="1:7" x14ac:dyDescent="0.3">
      <c r="A125593" s="13" t="s">
        <v>581</v>
      </c>
      <c r="B125593" s="14" t="s">
        <v>1</v>
      </c>
      <c r="C125593" s="14" t="s">
        <v>252</v>
      </c>
      <c r="D125593" s="14" t="s">
        <v>122</v>
      </c>
      <c r="E125593" s="15">
        <v>45409</v>
      </c>
      <c r="F125593" s="14" t="s">
        <v>15</v>
      </c>
      <c r="G125593" s="16">
        <v>0</v>
      </c>
    </row>
    <row r="125594" spans="1:7" x14ac:dyDescent="0.3">
      <c r="A125594" s="13" t="s">
        <v>581</v>
      </c>
      <c r="B125594" s="14" t="s">
        <v>1</v>
      </c>
      <c r="C125594" s="14" t="s">
        <v>252</v>
      </c>
      <c r="D125594" s="14" t="s">
        <v>122</v>
      </c>
      <c r="E125594" s="15">
        <v>45410</v>
      </c>
      <c r="F125594" s="14" t="s">
        <v>15</v>
      </c>
      <c r="G125594" s="16">
        <v>0</v>
      </c>
    </row>
    <row r="125595" spans="1:7" x14ac:dyDescent="0.3">
      <c r="A125595" s="13" t="s">
        <v>581</v>
      </c>
      <c r="B125595" s="14" t="s">
        <v>1</v>
      </c>
      <c r="C125595" s="14" t="s">
        <v>252</v>
      </c>
      <c r="D125595" s="14" t="s">
        <v>122</v>
      </c>
      <c r="E125595" s="15">
        <v>45411</v>
      </c>
      <c r="F125595" s="14" t="s">
        <v>15</v>
      </c>
      <c r="G125595" s="16">
        <v>0</v>
      </c>
    </row>
    <row r="125596" spans="1:7" x14ac:dyDescent="0.3">
      <c r="A125596" s="13" t="s">
        <v>581</v>
      </c>
      <c r="B125596" s="14" t="s">
        <v>1</v>
      </c>
      <c r="C125596" s="14" t="s">
        <v>252</v>
      </c>
      <c r="D125596" s="14" t="s">
        <v>122</v>
      </c>
      <c r="E125596" s="15">
        <v>45412</v>
      </c>
      <c r="F125596" s="14" t="s">
        <v>15</v>
      </c>
      <c r="G125596" s="16">
        <v>0</v>
      </c>
    </row>
    <row r="125597" spans="1:7" x14ac:dyDescent="0.3">
      <c r="A125597" s="13" t="s">
        <v>581</v>
      </c>
      <c r="B125597" s="14" t="s">
        <v>1</v>
      </c>
      <c r="C125597" s="14" t="s">
        <v>252</v>
      </c>
      <c r="D125597" s="14" t="s">
        <v>122</v>
      </c>
      <c r="E125597" s="15">
        <v>45413</v>
      </c>
      <c r="F125597" s="14" t="s">
        <v>15</v>
      </c>
      <c r="G125597" s="16">
        <v>0</v>
      </c>
    </row>
    <row r="125598" spans="1:7" x14ac:dyDescent="0.3">
      <c r="A125598" s="13" t="s">
        <v>581</v>
      </c>
      <c r="B125598" s="14" t="s">
        <v>1</v>
      </c>
      <c r="C125598" s="14" t="s">
        <v>252</v>
      </c>
      <c r="D125598" s="14" t="s">
        <v>122</v>
      </c>
      <c r="E125598" s="15">
        <v>45414</v>
      </c>
      <c r="F125598" s="14" t="s">
        <v>15</v>
      </c>
      <c r="G125598" s="16">
        <v>0</v>
      </c>
    </row>
    <row r="125599" spans="1:7" x14ac:dyDescent="0.3">
      <c r="A125599" s="13" t="s">
        <v>581</v>
      </c>
      <c r="B125599" s="14" t="s">
        <v>1</v>
      </c>
      <c r="C125599" s="14" t="s">
        <v>252</v>
      </c>
      <c r="D125599" s="14" t="s">
        <v>122</v>
      </c>
      <c r="E125599" s="15">
        <v>45415</v>
      </c>
      <c r="F125599" s="14" t="s">
        <v>15</v>
      </c>
      <c r="G125599" s="16">
        <v>0</v>
      </c>
    </row>
    <row r="125600" spans="1:7" x14ac:dyDescent="0.3">
      <c r="A125600" s="13" t="s">
        <v>581</v>
      </c>
      <c r="B125600" s="14" t="s">
        <v>1</v>
      </c>
      <c r="C125600" s="14" t="s">
        <v>252</v>
      </c>
      <c r="D125600" s="14" t="s">
        <v>122</v>
      </c>
      <c r="E125600" s="15">
        <v>45416</v>
      </c>
      <c r="F125600" s="14" t="s">
        <v>15</v>
      </c>
      <c r="G125600" s="16">
        <v>0</v>
      </c>
    </row>
    <row r="125601" spans="1:7" x14ac:dyDescent="0.3">
      <c r="A125601" s="13" t="s">
        <v>581</v>
      </c>
      <c r="B125601" s="14" t="s">
        <v>1</v>
      </c>
      <c r="C125601" s="14" t="s">
        <v>252</v>
      </c>
      <c r="D125601" s="14" t="s">
        <v>122</v>
      </c>
      <c r="E125601" s="15">
        <v>45417</v>
      </c>
      <c r="F125601" s="14" t="s">
        <v>15</v>
      </c>
      <c r="G125601" s="16">
        <v>0</v>
      </c>
    </row>
    <row r="125602" spans="1:7" x14ac:dyDescent="0.3">
      <c r="A125602" s="13" t="s">
        <v>581</v>
      </c>
      <c r="B125602" s="14" t="s">
        <v>1</v>
      </c>
      <c r="C125602" s="14" t="s">
        <v>252</v>
      </c>
      <c r="D125602" s="14" t="s">
        <v>122</v>
      </c>
      <c r="E125602" s="15">
        <v>45418</v>
      </c>
      <c r="F125602" s="14" t="s">
        <v>15</v>
      </c>
      <c r="G125602" s="16">
        <v>0</v>
      </c>
    </row>
    <row r="125603" spans="1:7" x14ac:dyDescent="0.3">
      <c r="A125603" s="13" t="s">
        <v>581</v>
      </c>
      <c r="B125603" s="14" t="s">
        <v>1</v>
      </c>
      <c r="C125603" s="14" t="s">
        <v>252</v>
      </c>
      <c r="D125603" s="14" t="s">
        <v>122</v>
      </c>
      <c r="E125603" s="15">
        <v>45419</v>
      </c>
      <c r="F125603" s="14" t="s">
        <v>15</v>
      </c>
      <c r="G125603" s="16">
        <v>0</v>
      </c>
    </row>
    <row r="125604" spans="1:7" x14ac:dyDescent="0.3">
      <c r="A125604" s="13" t="s">
        <v>581</v>
      </c>
      <c r="B125604" s="14" t="s">
        <v>1</v>
      </c>
      <c r="C125604" s="14" t="s">
        <v>252</v>
      </c>
      <c r="D125604" s="14" t="s">
        <v>122</v>
      </c>
      <c r="E125604" s="15">
        <v>45420</v>
      </c>
      <c r="F125604" s="14" t="s">
        <v>15</v>
      </c>
      <c r="G125604" s="16">
        <v>0</v>
      </c>
    </row>
    <row r="125605" spans="1:7" x14ac:dyDescent="0.3">
      <c r="A125605" s="13" t="s">
        <v>581</v>
      </c>
      <c r="B125605" s="14" t="s">
        <v>1</v>
      </c>
      <c r="C125605" s="14" t="s">
        <v>252</v>
      </c>
      <c r="D125605" s="14" t="s">
        <v>122</v>
      </c>
      <c r="E125605" s="15">
        <v>45421</v>
      </c>
      <c r="F125605" s="14" t="s">
        <v>15</v>
      </c>
      <c r="G125605" s="16">
        <v>0</v>
      </c>
    </row>
    <row r="125606" spans="1:7" x14ac:dyDescent="0.3">
      <c r="A125606" s="13" t="s">
        <v>581</v>
      </c>
      <c r="B125606" s="14" t="s">
        <v>1</v>
      </c>
      <c r="C125606" s="14" t="s">
        <v>252</v>
      </c>
      <c r="D125606" s="14" t="s">
        <v>122</v>
      </c>
      <c r="E125606" s="15">
        <v>45422</v>
      </c>
      <c r="F125606" s="14" t="s">
        <v>15</v>
      </c>
      <c r="G125606" s="16">
        <v>0</v>
      </c>
    </row>
    <row r="125607" spans="1:7" x14ac:dyDescent="0.3">
      <c r="A125607" s="13" t="s">
        <v>581</v>
      </c>
      <c r="B125607" s="14" t="s">
        <v>1</v>
      </c>
      <c r="C125607" s="14" t="s">
        <v>252</v>
      </c>
      <c r="D125607" s="14" t="s">
        <v>122</v>
      </c>
      <c r="E125607" s="15">
        <v>45423</v>
      </c>
      <c r="F125607" s="14" t="s">
        <v>15</v>
      </c>
      <c r="G125607" s="16">
        <v>0</v>
      </c>
    </row>
    <row r="125608" spans="1:7" x14ac:dyDescent="0.3">
      <c r="A125608" s="13" t="s">
        <v>581</v>
      </c>
      <c r="B125608" s="14" t="s">
        <v>1</v>
      </c>
      <c r="C125608" s="14" t="s">
        <v>252</v>
      </c>
      <c r="D125608" s="14" t="s">
        <v>122</v>
      </c>
      <c r="E125608" s="15">
        <v>45424</v>
      </c>
      <c r="F125608" s="14" t="s">
        <v>15</v>
      </c>
      <c r="G125608" s="16">
        <v>0</v>
      </c>
    </row>
    <row r="125609" spans="1:7" x14ac:dyDescent="0.3">
      <c r="A125609" s="13" t="s">
        <v>581</v>
      </c>
      <c r="B125609" s="14" t="s">
        <v>1</v>
      </c>
      <c r="C125609" s="14" t="s">
        <v>252</v>
      </c>
      <c r="D125609" s="14" t="s">
        <v>122</v>
      </c>
      <c r="E125609" s="15">
        <v>45425</v>
      </c>
      <c r="F125609" s="14" t="s">
        <v>15</v>
      </c>
      <c r="G125609" s="16">
        <v>0</v>
      </c>
    </row>
    <row r="125610" spans="1:7" x14ac:dyDescent="0.3">
      <c r="A125610" s="13" t="s">
        <v>581</v>
      </c>
      <c r="B125610" s="14" t="s">
        <v>1</v>
      </c>
      <c r="C125610" s="14" t="s">
        <v>252</v>
      </c>
      <c r="D125610" s="14" t="s">
        <v>122</v>
      </c>
      <c r="E125610" s="15">
        <v>45426</v>
      </c>
      <c r="F125610" s="14" t="s">
        <v>15</v>
      </c>
      <c r="G125610" s="16">
        <v>0</v>
      </c>
    </row>
    <row r="125611" spans="1:7" x14ac:dyDescent="0.3">
      <c r="A125611" s="13" t="s">
        <v>581</v>
      </c>
      <c r="B125611" s="14" t="s">
        <v>1</v>
      </c>
      <c r="C125611" s="14" t="s">
        <v>252</v>
      </c>
      <c r="D125611" s="14" t="s">
        <v>122</v>
      </c>
      <c r="E125611" s="15">
        <v>45427</v>
      </c>
      <c r="F125611" s="14" t="s">
        <v>15</v>
      </c>
      <c r="G125611" s="16">
        <v>0</v>
      </c>
    </row>
    <row r="125612" spans="1:7" x14ac:dyDescent="0.3">
      <c r="A125612" s="13" t="s">
        <v>581</v>
      </c>
      <c r="B125612" s="14" t="s">
        <v>1</v>
      </c>
      <c r="C125612" s="14" t="s">
        <v>252</v>
      </c>
      <c r="D125612" s="14" t="s">
        <v>122</v>
      </c>
      <c r="E125612" s="15">
        <v>45428</v>
      </c>
      <c r="F125612" s="14" t="s">
        <v>15</v>
      </c>
      <c r="G125612" s="16">
        <v>0</v>
      </c>
    </row>
    <row r="125613" spans="1:7" x14ac:dyDescent="0.3">
      <c r="A125613" s="13" t="s">
        <v>581</v>
      </c>
      <c r="B125613" s="14" t="s">
        <v>1</v>
      </c>
      <c r="C125613" s="14" t="s">
        <v>252</v>
      </c>
      <c r="D125613" s="14" t="s">
        <v>122</v>
      </c>
      <c r="E125613" s="15">
        <v>45429</v>
      </c>
      <c r="F125613" s="14" t="s">
        <v>15</v>
      </c>
      <c r="G125613" s="16">
        <v>0</v>
      </c>
    </row>
    <row r="125614" spans="1:7" x14ac:dyDescent="0.3">
      <c r="A125614" s="13" t="s">
        <v>581</v>
      </c>
      <c r="B125614" s="14" t="s">
        <v>1</v>
      </c>
      <c r="C125614" s="14" t="s">
        <v>252</v>
      </c>
      <c r="D125614" s="14" t="s">
        <v>122</v>
      </c>
      <c r="E125614" s="15">
        <v>45430</v>
      </c>
      <c r="F125614" s="14" t="s">
        <v>15</v>
      </c>
      <c r="G125614" s="16">
        <v>0</v>
      </c>
    </row>
    <row r="125615" spans="1:7" x14ac:dyDescent="0.3">
      <c r="A125615" s="13" t="s">
        <v>581</v>
      </c>
      <c r="B125615" s="14" t="s">
        <v>1</v>
      </c>
      <c r="C125615" s="14" t="s">
        <v>252</v>
      </c>
      <c r="D125615" s="14" t="s">
        <v>122</v>
      </c>
      <c r="E125615" s="15">
        <v>45431</v>
      </c>
      <c r="F125615" s="14" t="s">
        <v>15</v>
      </c>
      <c r="G125615" s="16">
        <v>0</v>
      </c>
    </row>
    <row r="125616" spans="1:7" x14ac:dyDescent="0.3">
      <c r="A125616" s="13" t="s">
        <v>581</v>
      </c>
      <c r="B125616" s="14" t="s">
        <v>1</v>
      </c>
      <c r="C125616" s="14" t="s">
        <v>252</v>
      </c>
      <c r="D125616" s="14" t="s">
        <v>122</v>
      </c>
      <c r="E125616" s="15">
        <v>45432</v>
      </c>
      <c r="F125616" s="14" t="s">
        <v>15</v>
      </c>
      <c r="G125616" s="16">
        <v>0</v>
      </c>
    </row>
    <row r="125617" spans="1:7" x14ac:dyDescent="0.3">
      <c r="A125617" s="13" t="s">
        <v>581</v>
      </c>
      <c r="B125617" s="14" t="s">
        <v>1</v>
      </c>
      <c r="C125617" s="14" t="s">
        <v>252</v>
      </c>
      <c r="D125617" s="14" t="s">
        <v>122</v>
      </c>
      <c r="E125617" s="15">
        <v>45433</v>
      </c>
      <c r="F125617" s="14" t="s">
        <v>15</v>
      </c>
      <c r="G125617" s="16">
        <v>0</v>
      </c>
    </row>
    <row r="125618" spans="1:7" x14ac:dyDescent="0.3">
      <c r="A125618" s="13" t="s">
        <v>581</v>
      </c>
      <c r="B125618" s="14" t="s">
        <v>1</v>
      </c>
      <c r="C125618" s="14" t="s">
        <v>252</v>
      </c>
      <c r="D125618" s="14" t="s">
        <v>122</v>
      </c>
      <c r="E125618" s="15">
        <v>45434</v>
      </c>
      <c r="F125618" s="14" t="s">
        <v>15</v>
      </c>
      <c r="G125618" s="16">
        <v>0</v>
      </c>
    </row>
    <row r="125619" spans="1:7" x14ac:dyDescent="0.3">
      <c r="A125619" s="13" t="s">
        <v>581</v>
      </c>
      <c r="B125619" s="14" t="s">
        <v>1</v>
      </c>
      <c r="C125619" s="14" t="s">
        <v>252</v>
      </c>
      <c r="D125619" s="14" t="s">
        <v>122</v>
      </c>
      <c r="E125619" s="15">
        <v>45435</v>
      </c>
      <c r="F125619" s="14" t="s">
        <v>15</v>
      </c>
      <c r="G125619" s="16">
        <v>0</v>
      </c>
    </row>
    <row r="125620" spans="1:7" x14ac:dyDescent="0.3">
      <c r="A125620" s="13" t="s">
        <v>581</v>
      </c>
      <c r="B125620" s="14" t="s">
        <v>1</v>
      </c>
      <c r="C125620" s="14" t="s">
        <v>252</v>
      </c>
      <c r="D125620" s="14" t="s">
        <v>122</v>
      </c>
      <c r="E125620" s="15">
        <v>45436</v>
      </c>
      <c r="F125620" s="14" t="s">
        <v>15</v>
      </c>
      <c r="G125620" s="16">
        <v>0</v>
      </c>
    </row>
    <row r="125621" spans="1:7" x14ac:dyDescent="0.3">
      <c r="A125621" s="13" t="s">
        <v>581</v>
      </c>
      <c r="B125621" s="14" t="s">
        <v>1</v>
      </c>
      <c r="C125621" s="14" t="s">
        <v>252</v>
      </c>
      <c r="D125621" s="14" t="s">
        <v>122</v>
      </c>
      <c r="E125621" s="15">
        <v>45437</v>
      </c>
      <c r="F125621" s="14" t="s">
        <v>15</v>
      </c>
      <c r="G125621" s="16">
        <v>0</v>
      </c>
    </row>
    <row r="125622" spans="1:7" x14ac:dyDescent="0.3">
      <c r="A125622" s="13" t="s">
        <v>581</v>
      </c>
      <c r="B125622" s="14" t="s">
        <v>1</v>
      </c>
      <c r="C125622" s="14" t="s">
        <v>252</v>
      </c>
      <c r="D125622" s="14" t="s">
        <v>122</v>
      </c>
      <c r="E125622" s="15">
        <v>45438</v>
      </c>
      <c r="F125622" s="14" t="s">
        <v>15</v>
      </c>
      <c r="G125622" s="16">
        <v>0</v>
      </c>
    </row>
    <row r="125623" spans="1:7" x14ac:dyDescent="0.3">
      <c r="A125623" s="13" t="s">
        <v>581</v>
      </c>
      <c r="B125623" s="14" t="s">
        <v>1</v>
      </c>
      <c r="C125623" s="14" t="s">
        <v>252</v>
      </c>
      <c r="D125623" s="14" t="s">
        <v>122</v>
      </c>
      <c r="E125623" s="15">
        <v>45439</v>
      </c>
      <c r="F125623" s="14" t="s">
        <v>15</v>
      </c>
      <c r="G125623" s="16">
        <v>0</v>
      </c>
    </row>
    <row r="125624" spans="1:7" x14ac:dyDescent="0.3">
      <c r="A125624" s="13" t="s">
        <v>581</v>
      </c>
      <c r="B125624" s="14" t="s">
        <v>1</v>
      </c>
      <c r="C125624" s="14" t="s">
        <v>252</v>
      </c>
      <c r="D125624" s="14" t="s">
        <v>122</v>
      </c>
      <c r="E125624" s="15">
        <v>45440</v>
      </c>
      <c r="F125624" s="14" t="s">
        <v>15</v>
      </c>
      <c r="G125624" s="16">
        <v>0</v>
      </c>
    </row>
    <row r="125625" spans="1:7" x14ac:dyDescent="0.3">
      <c r="A125625" s="13" t="s">
        <v>581</v>
      </c>
      <c r="B125625" s="14" t="s">
        <v>1</v>
      </c>
      <c r="C125625" s="14" t="s">
        <v>252</v>
      </c>
      <c r="D125625" s="14" t="s">
        <v>122</v>
      </c>
      <c r="E125625" s="15">
        <v>45441</v>
      </c>
      <c r="F125625" s="14" t="s">
        <v>15</v>
      </c>
      <c r="G125625" s="16">
        <v>0</v>
      </c>
    </row>
    <row r="125626" spans="1:7" x14ac:dyDescent="0.3">
      <c r="A125626" s="13" t="s">
        <v>581</v>
      </c>
      <c r="B125626" s="14" t="s">
        <v>1</v>
      </c>
      <c r="C125626" s="14" t="s">
        <v>252</v>
      </c>
      <c r="D125626" s="14" t="s">
        <v>122</v>
      </c>
      <c r="E125626" s="15">
        <v>45442</v>
      </c>
      <c r="F125626" s="14" t="s">
        <v>15</v>
      </c>
      <c r="G125626" s="16">
        <v>0</v>
      </c>
    </row>
    <row r="125627" spans="1:7" x14ac:dyDescent="0.3">
      <c r="A125627" s="13" t="s">
        <v>581</v>
      </c>
      <c r="B125627" s="14" t="s">
        <v>1</v>
      </c>
      <c r="C125627" s="14" t="s">
        <v>252</v>
      </c>
      <c r="D125627" s="14" t="s">
        <v>122</v>
      </c>
      <c r="E125627" s="15">
        <v>45443</v>
      </c>
      <c r="F125627" s="14" t="s">
        <v>15</v>
      </c>
      <c r="G125627" s="16">
        <v>0</v>
      </c>
    </row>
    <row r="125628" spans="1:7" x14ac:dyDescent="0.3">
      <c r="A125628" s="13" t="s">
        <v>581</v>
      </c>
      <c r="B125628" s="14" t="s">
        <v>1</v>
      </c>
      <c r="C125628" s="14" t="s">
        <v>252</v>
      </c>
      <c r="D125628" s="14" t="s">
        <v>122</v>
      </c>
      <c r="E125628" s="15">
        <v>45444</v>
      </c>
      <c r="F125628" s="14" t="s">
        <v>15</v>
      </c>
      <c r="G125628" s="16">
        <v>0</v>
      </c>
    </row>
    <row r="125629" spans="1:7" x14ac:dyDescent="0.3">
      <c r="A125629" s="13" t="s">
        <v>581</v>
      </c>
      <c r="B125629" s="14" t="s">
        <v>1</v>
      </c>
      <c r="C125629" s="14" t="s">
        <v>252</v>
      </c>
      <c r="D125629" s="14" t="s">
        <v>122</v>
      </c>
      <c r="E125629" s="15">
        <v>45445</v>
      </c>
      <c r="F125629" s="14" t="s">
        <v>15</v>
      </c>
      <c r="G125629" s="16">
        <v>0</v>
      </c>
    </row>
    <row r="125630" spans="1:7" x14ac:dyDescent="0.3">
      <c r="A125630" s="13" t="s">
        <v>581</v>
      </c>
      <c r="B125630" s="14" t="s">
        <v>1</v>
      </c>
      <c r="C125630" s="14" t="s">
        <v>252</v>
      </c>
      <c r="D125630" s="14" t="s">
        <v>122</v>
      </c>
      <c r="E125630" s="15">
        <v>45446</v>
      </c>
      <c r="F125630" s="14" t="s">
        <v>15</v>
      </c>
      <c r="G125630" s="16">
        <v>0</v>
      </c>
    </row>
    <row r="125631" spans="1:7" x14ac:dyDescent="0.3">
      <c r="A125631" s="13" t="s">
        <v>581</v>
      </c>
      <c r="B125631" s="14" t="s">
        <v>1</v>
      </c>
      <c r="C125631" s="14" t="s">
        <v>252</v>
      </c>
      <c r="D125631" s="14" t="s">
        <v>122</v>
      </c>
      <c r="E125631" s="15">
        <v>45447</v>
      </c>
      <c r="F125631" s="14" t="s">
        <v>15</v>
      </c>
      <c r="G125631" s="16">
        <v>0</v>
      </c>
    </row>
    <row r="125632" spans="1:7" x14ac:dyDescent="0.3">
      <c r="A125632" s="13" t="s">
        <v>581</v>
      </c>
      <c r="B125632" s="14" t="s">
        <v>1</v>
      </c>
      <c r="C125632" s="14" t="s">
        <v>252</v>
      </c>
      <c r="D125632" s="14" t="s">
        <v>122</v>
      </c>
      <c r="E125632" s="15">
        <v>45448</v>
      </c>
      <c r="F125632" s="14" t="s">
        <v>15</v>
      </c>
      <c r="G125632" s="16">
        <v>0</v>
      </c>
    </row>
    <row r="125633" spans="1:7" x14ac:dyDescent="0.3">
      <c r="A125633" s="13" t="s">
        <v>581</v>
      </c>
      <c r="B125633" s="14" t="s">
        <v>1</v>
      </c>
      <c r="C125633" s="14" t="s">
        <v>252</v>
      </c>
      <c r="D125633" s="14" t="s">
        <v>122</v>
      </c>
      <c r="E125633" s="15">
        <v>45449</v>
      </c>
      <c r="F125633" s="14" t="s">
        <v>15</v>
      </c>
      <c r="G125633" s="16">
        <v>0</v>
      </c>
    </row>
    <row r="125634" spans="1:7" x14ac:dyDescent="0.3">
      <c r="A125634" s="13" t="s">
        <v>581</v>
      </c>
      <c r="B125634" s="14" t="s">
        <v>1</v>
      </c>
      <c r="C125634" s="14" t="s">
        <v>252</v>
      </c>
      <c r="D125634" s="14" t="s">
        <v>122</v>
      </c>
      <c r="E125634" s="15">
        <v>45450</v>
      </c>
      <c r="F125634" s="14" t="s">
        <v>15</v>
      </c>
      <c r="G125634" s="16">
        <v>0</v>
      </c>
    </row>
    <row r="125635" spans="1:7" x14ac:dyDescent="0.3">
      <c r="A125635" s="13" t="s">
        <v>581</v>
      </c>
      <c r="B125635" s="14" t="s">
        <v>1</v>
      </c>
      <c r="C125635" s="14" t="s">
        <v>252</v>
      </c>
      <c r="D125635" s="14" t="s">
        <v>122</v>
      </c>
      <c r="E125635" s="15">
        <v>45451</v>
      </c>
      <c r="F125635" s="14" t="s">
        <v>15</v>
      </c>
      <c r="G125635" s="16">
        <v>0</v>
      </c>
    </row>
    <row r="125636" spans="1:7" x14ac:dyDescent="0.3">
      <c r="A125636" s="13" t="s">
        <v>581</v>
      </c>
      <c r="B125636" s="14" t="s">
        <v>1</v>
      </c>
      <c r="C125636" s="14" t="s">
        <v>252</v>
      </c>
      <c r="D125636" s="14" t="s">
        <v>122</v>
      </c>
      <c r="E125636" s="15">
        <v>45452</v>
      </c>
      <c r="F125636" s="14" t="s">
        <v>15</v>
      </c>
      <c r="G125636" s="16">
        <v>0</v>
      </c>
    </row>
    <row r="125637" spans="1:7" x14ac:dyDescent="0.3">
      <c r="A125637" s="13" t="s">
        <v>581</v>
      </c>
      <c r="B125637" s="14" t="s">
        <v>1</v>
      </c>
      <c r="C125637" s="14" t="s">
        <v>252</v>
      </c>
      <c r="D125637" s="14" t="s">
        <v>122</v>
      </c>
      <c r="E125637" s="15">
        <v>45453</v>
      </c>
      <c r="F125637" s="14" t="s">
        <v>15</v>
      </c>
      <c r="G125637" s="16">
        <v>0</v>
      </c>
    </row>
    <row r="125638" spans="1:7" x14ac:dyDescent="0.3">
      <c r="A125638" s="13" t="s">
        <v>581</v>
      </c>
      <c r="B125638" s="14" t="s">
        <v>1</v>
      </c>
      <c r="C125638" s="14" t="s">
        <v>252</v>
      </c>
      <c r="D125638" s="14" t="s">
        <v>122</v>
      </c>
      <c r="E125638" s="15">
        <v>45454</v>
      </c>
      <c r="F125638" s="14" t="s">
        <v>15</v>
      </c>
      <c r="G125638" s="16">
        <v>0</v>
      </c>
    </row>
    <row r="125639" spans="1:7" x14ac:dyDescent="0.3">
      <c r="A125639" s="13" t="s">
        <v>581</v>
      </c>
      <c r="B125639" s="14" t="s">
        <v>1</v>
      </c>
      <c r="C125639" s="14" t="s">
        <v>252</v>
      </c>
      <c r="D125639" s="14" t="s">
        <v>122</v>
      </c>
      <c r="E125639" s="15">
        <v>45455</v>
      </c>
      <c r="F125639" s="14" t="s">
        <v>15</v>
      </c>
      <c r="G125639" s="16">
        <v>0</v>
      </c>
    </row>
    <row r="125640" spans="1:7" x14ac:dyDescent="0.3">
      <c r="A125640" s="13" t="s">
        <v>581</v>
      </c>
      <c r="B125640" s="14" t="s">
        <v>1</v>
      </c>
      <c r="C125640" s="14" t="s">
        <v>252</v>
      </c>
      <c r="D125640" s="14" t="s">
        <v>122</v>
      </c>
      <c r="E125640" s="15">
        <v>45456</v>
      </c>
      <c r="F125640" s="14" t="s">
        <v>15</v>
      </c>
      <c r="G125640" s="16">
        <v>0</v>
      </c>
    </row>
    <row r="125641" spans="1:7" x14ac:dyDescent="0.3">
      <c r="A125641" s="13" t="s">
        <v>581</v>
      </c>
      <c r="B125641" s="14" t="s">
        <v>1</v>
      </c>
      <c r="C125641" s="14" t="s">
        <v>252</v>
      </c>
      <c r="D125641" s="14" t="s">
        <v>122</v>
      </c>
      <c r="E125641" s="15">
        <v>45457</v>
      </c>
      <c r="F125641" s="14" t="s">
        <v>15</v>
      </c>
      <c r="G125641" s="16">
        <v>0</v>
      </c>
    </row>
    <row r="125642" spans="1:7" x14ac:dyDescent="0.3">
      <c r="A125642" s="13" t="s">
        <v>581</v>
      </c>
      <c r="B125642" s="14" t="s">
        <v>1</v>
      </c>
      <c r="C125642" s="14" t="s">
        <v>252</v>
      </c>
      <c r="D125642" s="14" t="s">
        <v>122</v>
      </c>
      <c r="E125642" s="15">
        <v>45458</v>
      </c>
      <c r="F125642" s="14" t="s">
        <v>15</v>
      </c>
      <c r="G125642" s="16">
        <v>0</v>
      </c>
    </row>
    <row r="125643" spans="1:7" x14ac:dyDescent="0.3">
      <c r="A125643" s="13" t="s">
        <v>581</v>
      </c>
      <c r="B125643" s="14" t="s">
        <v>1</v>
      </c>
      <c r="C125643" s="14" t="s">
        <v>252</v>
      </c>
      <c r="D125643" s="14" t="s">
        <v>122</v>
      </c>
      <c r="E125643" s="15">
        <v>45459</v>
      </c>
      <c r="F125643" s="14" t="s">
        <v>15</v>
      </c>
      <c r="G125643" s="16">
        <v>0</v>
      </c>
    </row>
    <row r="125644" spans="1:7" x14ac:dyDescent="0.3">
      <c r="A125644" s="13" t="s">
        <v>581</v>
      </c>
      <c r="B125644" s="14" t="s">
        <v>1</v>
      </c>
      <c r="C125644" s="14" t="s">
        <v>252</v>
      </c>
      <c r="D125644" s="14" t="s">
        <v>122</v>
      </c>
      <c r="E125644" s="15">
        <v>45460</v>
      </c>
      <c r="F125644" s="14" t="s">
        <v>15</v>
      </c>
      <c r="G125644" s="16">
        <v>0</v>
      </c>
    </row>
    <row r="125645" spans="1:7" x14ac:dyDescent="0.3">
      <c r="A125645" s="13" t="s">
        <v>581</v>
      </c>
      <c r="B125645" s="14" t="s">
        <v>1</v>
      </c>
      <c r="C125645" s="14" t="s">
        <v>252</v>
      </c>
      <c r="D125645" s="14" t="s">
        <v>122</v>
      </c>
      <c r="E125645" s="15">
        <v>45461</v>
      </c>
      <c r="F125645" s="14" t="s">
        <v>15</v>
      </c>
      <c r="G125645" s="16">
        <v>0</v>
      </c>
    </row>
    <row r="125646" spans="1:7" x14ac:dyDescent="0.3">
      <c r="A125646" s="13" t="s">
        <v>581</v>
      </c>
      <c r="B125646" s="14" t="s">
        <v>1</v>
      </c>
      <c r="C125646" s="14" t="s">
        <v>252</v>
      </c>
      <c r="D125646" s="14" t="s">
        <v>122</v>
      </c>
      <c r="E125646" s="15">
        <v>45462</v>
      </c>
      <c r="F125646" s="14" t="s">
        <v>15</v>
      </c>
      <c r="G125646" s="16">
        <v>0</v>
      </c>
    </row>
    <row r="125647" spans="1:7" x14ac:dyDescent="0.3">
      <c r="A125647" s="13" t="s">
        <v>581</v>
      </c>
      <c r="B125647" s="14" t="s">
        <v>1</v>
      </c>
      <c r="C125647" s="14" t="s">
        <v>252</v>
      </c>
      <c r="D125647" s="14" t="s">
        <v>122</v>
      </c>
      <c r="E125647" s="15">
        <v>45463</v>
      </c>
      <c r="F125647" s="14" t="s">
        <v>15</v>
      </c>
      <c r="G125647" s="16">
        <v>0</v>
      </c>
    </row>
    <row r="125648" spans="1:7" x14ac:dyDescent="0.3">
      <c r="A125648" s="13" t="s">
        <v>581</v>
      </c>
      <c r="B125648" s="14" t="s">
        <v>1</v>
      </c>
      <c r="C125648" s="14" t="s">
        <v>252</v>
      </c>
      <c r="D125648" s="14" t="s">
        <v>122</v>
      </c>
      <c r="E125648" s="15">
        <v>45464</v>
      </c>
      <c r="F125648" s="14" t="s">
        <v>15</v>
      </c>
      <c r="G125648" s="16">
        <v>0</v>
      </c>
    </row>
    <row r="125649" spans="1:7" x14ac:dyDescent="0.3">
      <c r="A125649" s="13" t="s">
        <v>581</v>
      </c>
      <c r="B125649" s="14" t="s">
        <v>1</v>
      </c>
      <c r="C125649" s="14" t="s">
        <v>252</v>
      </c>
      <c r="D125649" s="14" t="s">
        <v>122</v>
      </c>
      <c r="E125649" s="15">
        <v>45465</v>
      </c>
      <c r="F125649" s="14" t="s">
        <v>15</v>
      </c>
      <c r="G125649" s="16">
        <v>0</v>
      </c>
    </row>
    <row r="125650" spans="1:7" x14ac:dyDescent="0.3">
      <c r="A125650" s="13" t="s">
        <v>581</v>
      </c>
      <c r="B125650" s="14" t="s">
        <v>1</v>
      </c>
      <c r="C125650" s="14" t="s">
        <v>252</v>
      </c>
      <c r="D125650" s="14" t="s">
        <v>122</v>
      </c>
      <c r="E125650" s="15">
        <v>45466</v>
      </c>
      <c r="F125650" s="14" t="s">
        <v>15</v>
      </c>
      <c r="G125650" s="16">
        <v>0</v>
      </c>
    </row>
    <row r="125651" spans="1:7" x14ac:dyDescent="0.3">
      <c r="A125651" s="13" t="s">
        <v>581</v>
      </c>
      <c r="B125651" s="14" t="s">
        <v>1</v>
      </c>
      <c r="C125651" s="14" t="s">
        <v>252</v>
      </c>
      <c r="D125651" s="14" t="s">
        <v>122</v>
      </c>
      <c r="E125651" s="15">
        <v>45467</v>
      </c>
      <c r="F125651" s="14" t="s">
        <v>15</v>
      </c>
      <c r="G125651" s="16">
        <v>0</v>
      </c>
    </row>
    <row r="125652" spans="1:7" x14ac:dyDescent="0.3">
      <c r="A125652" s="13" t="s">
        <v>581</v>
      </c>
      <c r="B125652" s="14" t="s">
        <v>1</v>
      </c>
      <c r="C125652" s="14" t="s">
        <v>252</v>
      </c>
      <c r="D125652" s="14" t="s">
        <v>122</v>
      </c>
      <c r="E125652" s="15">
        <v>45468</v>
      </c>
      <c r="F125652" s="14" t="s">
        <v>15</v>
      </c>
      <c r="G125652" s="16">
        <v>0</v>
      </c>
    </row>
    <row r="125653" spans="1:7" x14ac:dyDescent="0.3">
      <c r="A125653" s="13" t="s">
        <v>581</v>
      </c>
      <c r="B125653" s="14" t="s">
        <v>1</v>
      </c>
      <c r="C125653" s="14" t="s">
        <v>252</v>
      </c>
      <c r="D125653" s="14" t="s">
        <v>122</v>
      </c>
      <c r="E125653" s="15">
        <v>45469</v>
      </c>
      <c r="F125653" s="14" t="s">
        <v>15</v>
      </c>
      <c r="G125653" s="16">
        <v>0</v>
      </c>
    </row>
    <row r="125654" spans="1:7" x14ac:dyDescent="0.3">
      <c r="A125654" s="13" t="s">
        <v>581</v>
      </c>
      <c r="B125654" s="14" t="s">
        <v>1</v>
      </c>
      <c r="C125654" s="14" t="s">
        <v>252</v>
      </c>
      <c r="D125654" s="14" t="s">
        <v>122</v>
      </c>
      <c r="E125654" s="15">
        <v>45470</v>
      </c>
      <c r="F125654" s="14" t="s">
        <v>15</v>
      </c>
      <c r="G125654" s="16">
        <v>0</v>
      </c>
    </row>
    <row r="125655" spans="1:7" x14ac:dyDescent="0.3">
      <c r="A125655" s="13" t="s">
        <v>581</v>
      </c>
      <c r="B125655" s="14" t="s">
        <v>1</v>
      </c>
      <c r="C125655" s="14" t="s">
        <v>252</v>
      </c>
      <c r="D125655" s="14" t="s">
        <v>122</v>
      </c>
      <c r="E125655" s="15">
        <v>45471</v>
      </c>
      <c r="F125655" s="14" t="s">
        <v>15</v>
      </c>
      <c r="G125655" s="16">
        <v>0</v>
      </c>
    </row>
    <row r="125656" spans="1:7" x14ac:dyDescent="0.3">
      <c r="A125656" s="13" t="s">
        <v>581</v>
      </c>
      <c r="B125656" s="14" t="s">
        <v>1</v>
      </c>
      <c r="C125656" s="14" t="s">
        <v>252</v>
      </c>
      <c r="D125656" s="14" t="s">
        <v>122</v>
      </c>
      <c r="E125656" s="15">
        <v>45472</v>
      </c>
      <c r="F125656" s="14" t="s">
        <v>15</v>
      </c>
      <c r="G125656" s="16">
        <v>0</v>
      </c>
    </row>
    <row r="125657" spans="1:7" x14ac:dyDescent="0.3">
      <c r="A125657" s="13" t="s">
        <v>581</v>
      </c>
      <c r="B125657" s="14" t="s">
        <v>1</v>
      </c>
      <c r="C125657" s="14" t="s">
        <v>252</v>
      </c>
      <c r="D125657" s="14" t="s">
        <v>122</v>
      </c>
      <c r="E125657" s="15">
        <v>45473</v>
      </c>
      <c r="F125657" s="14" t="s">
        <v>15</v>
      </c>
      <c r="G125657" s="16">
        <v>0</v>
      </c>
    </row>
    <row r="125658" spans="1:7" x14ac:dyDescent="0.3">
      <c r="A125658" s="13" t="s">
        <v>581</v>
      </c>
      <c r="B125658" s="14" t="s">
        <v>1</v>
      </c>
      <c r="C125658" s="14" t="s">
        <v>252</v>
      </c>
      <c r="D125658" s="14" t="s">
        <v>122</v>
      </c>
      <c r="E125658" s="15">
        <v>45474</v>
      </c>
      <c r="F125658" s="14" t="s">
        <v>15</v>
      </c>
      <c r="G125658" s="16">
        <v>0</v>
      </c>
    </row>
    <row r="125659" spans="1:7" x14ac:dyDescent="0.3">
      <c r="A125659" s="13" t="s">
        <v>581</v>
      </c>
      <c r="B125659" s="14" t="s">
        <v>1</v>
      </c>
      <c r="C125659" s="14" t="s">
        <v>252</v>
      </c>
      <c r="D125659" s="14" t="s">
        <v>122</v>
      </c>
      <c r="E125659" s="15">
        <v>45475</v>
      </c>
      <c r="F125659" s="14" t="s">
        <v>15</v>
      </c>
      <c r="G125659" s="16">
        <v>0</v>
      </c>
    </row>
    <row r="125660" spans="1:7" x14ac:dyDescent="0.3">
      <c r="A125660" s="13" t="s">
        <v>581</v>
      </c>
      <c r="B125660" s="14" t="s">
        <v>1</v>
      </c>
      <c r="C125660" s="14" t="s">
        <v>252</v>
      </c>
      <c r="D125660" s="14" t="s">
        <v>122</v>
      </c>
      <c r="E125660" s="15">
        <v>45476</v>
      </c>
      <c r="F125660" s="14" t="s">
        <v>15</v>
      </c>
      <c r="G125660" s="16">
        <v>0</v>
      </c>
    </row>
    <row r="125661" spans="1:7" x14ac:dyDescent="0.3">
      <c r="A125661" s="13" t="s">
        <v>581</v>
      </c>
      <c r="B125661" s="14" t="s">
        <v>1</v>
      </c>
      <c r="C125661" s="14" t="s">
        <v>252</v>
      </c>
      <c r="D125661" s="14" t="s">
        <v>122</v>
      </c>
      <c r="E125661" s="15">
        <v>45477</v>
      </c>
      <c r="F125661" s="14" t="s">
        <v>15</v>
      </c>
      <c r="G125661" s="16">
        <v>0</v>
      </c>
    </row>
    <row r="125662" spans="1:7" x14ac:dyDescent="0.3">
      <c r="A125662" s="13" t="s">
        <v>581</v>
      </c>
      <c r="B125662" s="14" t="s">
        <v>1</v>
      </c>
      <c r="C125662" s="14" t="s">
        <v>252</v>
      </c>
      <c r="D125662" s="14" t="s">
        <v>122</v>
      </c>
      <c r="E125662" s="15">
        <v>45478</v>
      </c>
      <c r="F125662" s="14" t="s">
        <v>15</v>
      </c>
      <c r="G125662" s="16">
        <v>0</v>
      </c>
    </row>
    <row r="125663" spans="1:7" x14ac:dyDescent="0.3">
      <c r="A125663" s="13" t="s">
        <v>581</v>
      </c>
      <c r="B125663" s="14" t="s">
        <v>1</v>
      </c>
      <c r="C125663" s="14" t="s">
        <v>252</v>
      </c>
      <c r="D125663" s="14" t="s">
        <v>122</v>
      </c>
      <c r="E125663" s="15">
        <v>45479</v>
      </c>
      <c r="F125663" s="14" t="s">
        <v>15</v>
      </c>
      <c r="G125663" s="16">
        <v>0</v>
      </c>
    </row>
    <row r="125664" spans="1:7" x14ac:dyDescent="0.3">
      <c r="A125664" s="13" t="s">
        <v>581</v>
      </c>
      <c r="B125664" s="14" t="s">
        <v>1</v>
      </c>
      <c r="C125664" s="14" t="s">
        <v>252</v>
      </c>
      <c r="D125664" s="14" t="s">
        <v>122</v>
      </c>
      <c r="E125664" s="15">
        <v>45480</v>
      </c>
      <c r="F125664" s="14" t="s">
        <v>15</v>
      </c>
      <c r="G125664" s="16">
        <v>0</v>
      </c>
    </row>
    <row r="125665" spans="1:7" x14ac:dyDescent="0.3">
      <c r="A125665" s="13" t="s">
        <v>581</v>
      </c>
      <c r="B125665" s="14" t="s">
        <v>1</v>
      </c>
      <c r="C125665" s="14" t="s">
        <v>252</v>
      </c>
      <c r="D125665" s="14" t="s">
        <v>122</v>
      </c>
      <c r="E125665" s="15">
        <v>45481</v>
      </c>
      <c r="F125665" s="14" t="s">
        <v>15</v>
      </c>
      <c r="G125665" s="16">
        <v>0</v>
      </c>
    </row>
    <row r="125666" spans="1:7" x14ac:dyDescent="0.3">
      <c r="A125666" s="13" t="s">
        <v>581</v>
      </c>
      <c r="B125666" s="14" t="s">
        <v>1</v>
      </c>
      <c r="C125666" s="14" t="s">
        <v>252</v>
      </c>
      <c r="D125666" s="14" t="s">
        <v>122</v>
      </c>
      <c r="E125666" s="15">
        <v>45482</v>
      </c>
      <c r="F125666" s="14" t="s">
        <v>15</v>
      </c>
      <c r="G125666" s="16">
        <v>0</v>
      </c>
    </row>
    <row r="125667" spans="1:7" x14ac:dyDescent="0.3">
      <c r="A125667" s="13" t="s">
        <v>581</v>
      </c>
      <c r="B125667" s="14" t="s">
        <v>1</v>
      </c>
      <c r="C125667" s="14" t="s">
        <v>252</v>
      </c>
      <c r="D125667" s="14" t="s">
        <v>122</v>
      </c>
      <c r="E125667" s="15">
        <v>45483</v>
      </c>
      <c r="F125667" s="14" t="s">
        <v>15</v>
      </c>
      <c r="G125667" s="16">
        <v>0</v>
      </c>
    </row>
    <row r="125668" spans="1:7" x14ac:dyDescent="0.3">
      <c r="A125668" s="13" t="s">
        <v>581</v>
      </c>
      <c r="B125668" s="14" t="s">
        <v>1</v>
      </c>
      <c r="C125668" s="14" t="s">
        <v>252</v>
      </c>
      <c r="D125668" s="14" t="s">
        <v>122</v>
      </c>
      <c r="E125668" s="15">
        <v>45484</v>
      </c>
      <c r="F125668" s="14" t="s">
        <v>15</v>
      </c>
      <c r="G125668" s="16">
        <v>0</v>
      </c>
    </row>
    <row r="125669" spans="1:7" x14ac:dyDescent="0.3">
      <c r="A125669" s="13" t="s">
        <v>581</v>
      </c>
      <c r="B125669" s="14" t="s">
        <v>1</v>
      </c>
      <c r="C125669" s="14" t="s">
        <v>252</v>
      </c>
      <c r="D125669" s="14" t="s">
        <v>122</v>
      </c>
      <c r="E125669" s="15">
        <v>45485</v>
      </c>
      <c r="F125669" s="14" t="s">
        <v>15</v>
      </c>
      <c r="G125669" s="16">
        <v>0</v>
      </c>
    </row>
    <row r="125670" spans="1:7" x14ac:dyDescent="0.3">
      <c r="A125670" s="13" t="s">
        <v>581</v>
      </c>
      <c r="B125670" s="14" t="s">
        <v>1</v>
      </c>
      <c r="C125670" s="14" t="s">
        <v>252</v>
      </c>
      <c r="D125670" s="14" t="s">
        <v>122</v>
      </c>
      <c r="E125670" s="15">
        <v>45486</v>
      </c>
      <c r="F125670" s="14" t="s">
        <v>15</v>
      </c>
      <c r="G125670" s="16">
        <v>0</v>
      </c>
    </row>
    <row r="125671" spans="1:7" x14ac:dyDescent="0.3">
      <c r="A125671" s="13" t="s">
        <v>581</v>
      </c>
      <c r="B125671" s="14" t="s">
        <v>1</v>
      </c>
      <c r="C125671" s="14" t="s">
        <v>252</v>
      </c>
      <c r="D125671" s="14" t="s">
        <v>122</v>
      </c>
      <c r="E125671" s="15">
        <v>45487</v>
      </c>
      <c r="F125671" s="14" t="s">
        <v>15</v>
      </c>
      <c r="G125671" s="16">
        <v>0</v>
      </c>
    </row>
    <row r="125672" spans="1:7" x14ac:dyDescent="0.3">
      <c r="A125672" s="13" t="s">
        <v>581</v>
      </c>
      <c r="B125672" s="14" t="s">
        <v>1</v>
      </c>
      <c r="C125672" s="14" t="s">
        <v>252</v>
      </c>
      <c r="D125672" s="14" t="s">
        <v>122</v>
      </c>
      <c r="E125672" s="15">
        <v>45488</v>
      </c>
      <c r="F125672" s="14" t="s">
        <v>15</v>
      </c>
      <c r="G125672" s="16">
        <v>0</v>
      </c>
    </row>
    <row r="125673" spans="1:7" x14ac:dyDescent="0.3">
      <c r="A125673" s="13" t="s">
        <v>581</v>
      </c>
      <c r="B125673" s="14" t="s">
        <v>1</v>
      </c>
      <c r="C125673" s="14" t="s">
        <v>252</v>
      </c>
      <c r="D125673" s="14" t="s">
        <v>122</v>
      </c>
      <c r="E125673" s="15">
        <v>45489</v>
      </c>
      <c r="F125673" s="14" t="s">
        <v>15</v>
      </c>
      <c r="G125673" s="16">
        <v>0</v>
      </c>
    </row>
    <row r="125674" spans="1:7" x14ac:dyDescent="0.3">
      <c r="A125674" s="13" t="s">
        <v>581</v>
      </c>
      <c r="B125674" s="14" t="s">
        <v>1</v>
      </c>
      <c r="C125674" s="14" t="s">
        <v>252</v>
      </c>
      <c r="D125674" s="14" t="s">
        <v>122</v>
      </c>
      <c r="E125674" s="15">
        <v>45490</v>
      </c>
      <c r="F125674" s="14" t="s">
        <v>15</v>
      </c>
      <c r="G125674" s="16">
        <v>0</v>
      </c>
    </row>
    <row r="125675" spans="1:7" x14ac:dyDescent="0.3">
      <c r="A125675" s="13" t="s">
        <v>581</v>
      </c>
      <c r="B125675" s="14" t="s">
        <v>1</v>
      </c>
      <c r="C125675" s="14" t="s">
        <v>252</v>
      </c>
      <c r="D125675" s="14" t="s">
        <v>122</v>
      </c>
      <c r="E125675" s="15">
        <v>45491</v>
      </c>
      <c r="F125675" s="14" t="s">
        <v>15</v>
      </c>
      <c r="G125675" s="16">
        <v>0</v>
      </c>
    </row>
    <row r="125676" spans="1:7" x14ac:dyDescent="0.3">
      <c r="A125676" s="13" t="s">
        <v>581</v>
      </c>
      <c r="B125676" s="14" t="s">
        <v>1</v>
      </c>
      <c r="C125676" s="14" t="s">
        <v>252</v>
      </c>
      <c r="D125676" s="14" t="s">
        <v>122</v>
      </c>
      <c r="E125676" s="15">
        <v>45492</v>
      </c>
      <c r="F125676" s="14" t="s">
        <v>15</v>
      </c>
      <c r="G125676" s="16">
        <v>0</v>
      </c>
    </row>
    <row r="125677" spans="1:7" x14ac:dyDescent="0.3">
      <c r="A125677" s="13" t="s">
        <v>581</v>
      </c>
      <c r="B125677" s="14" t="s">
        <v>1</v>
      </c>
      <c r="C125677" s="14" t="s">
        <v>252</v>
      </c>
      <c r="D125677" s="14" t="s">
        <v>122</v>
      </c>
      <c r="E125677" s="15">
        <v>45493</v>
      </c>
      <c r="F125677" s="14" t="s">
        <v>15</v>
      </c>
      <c r="G125677" s="16">
        <v>0</v>
      </c>
    </row>
    <row r="125678" spans="1:7" x14ac:dyDescent="0.3">
      <c r="A125678" s="13" t="s">
        <v>581</v>
      </c>
      <c r="B125678" s="14" t="s">
        <v>1</v>
      </c>
      <c r="C125678" s="14" t="s">
        <v>252</v>
      </c>
      <c r="D125678" s="14" t="s">
        <v>122</v>
      </c>
      <c r="E125678" s="15">
        <v>45494</v>
      </c>
      <c r="F125678" s="14" t="s">
        <v>15</v>
      </c>
      <c r="G125678" s="16">
        <v>0</v>
      </c>
    </row>
    <row r="125679" spans="1:7" x14ac:dyDescent="0.3">
      <c r="A125679" s="13" t="s">
        <v>581</v>
      </c>
      <c r="B125679" s="14" t="s">
        <v>1</v>
      </c>
      <c r="C125679" s="14" t="s">
        <v>252</v>
      </c>
      <c r="D125679" s="14" t="s">
        <v>122</v>
      </c>
      <c r="E125679" s="15">
        <v>45495</v>
      </c>
      <c r="F125679" s="14" t="s">
        <v>15</v>
      </c>
      <c r="G125679" s="16">
        <v>0</v>
      </c>
    </row>
    <row r="125680" spans="1:7" x14ac:dyDescent="0.3">
      <c r="A125680" s="13" t="s">
        <v>581</v>
      </c>
      <c r="B125680" s="14" t="s">
        <v>1</v>
      </c>
      <c r="C125680" s="14" t="s">
        <v>252</v>
      </c>
      <c r="D125680" s="14" t="s">
        <v>122</v>
      </c>
      <c r="E125680" s="15">
        <v>45496</v>
      </c>
      <c r="F125680" s="14" t="s">
        <v>15</v>
      </c>
      <c r="G125680" s="16">
        <v>0</v>
      </c>
    </row>
    <row r="125681" spans="1:7" x14ac:dyDescent="0.3">
      <c r="A125681" s="13" t="s">
        <v>581</v>
      </c>
      <c r="B125681" s="14" t="s">
        <v>1</v>
      </c>
      <c r="C125681" s="14" t="s">
        <v>252</v>
      </c>
      <c r="D125681" s="14" t="s">
        <v>122</v>
      </c>
      <c r="E125681" s="15">
        <v>45497</v>
      </c>
      <c r="F125681" s="14" t="s">
        <v>15</v>
      </c>
      <c r="G125681" s="16">
        <v>0</v>
      </c>
    </row>
    <row r="125682" spans="1:7" x14ac:dyDescent="0.3">
      <c r="A125682" s="13" t="s">
        <v>581</v>
      </c>
      <c r="B125682" s="14" t="s">
        <v>1</v>
      </c>
      <c r="C125682" s="14" t="s">
        <v>252</v>
      </c>
      <c r="D125682" s="14" t="s">
        <v>122</v>
      </c>
      <c r="E125682" s="15">
        <v>45498</v>
      </c>
      <c r="F125682" s="14" t="s">
        <v>15</v>
      </c>
      <c r="G125682" s="16">
        <v>0</v>
      </c>
    </row>
    <row r="125683" spans="1:7" x14ac:dyDescent="0.3">
      <c r="A125683" s="13" t="s">
        <v>581</v>
      </c>
      <c r="B125683" s="14" t="s">
        <v>1</v>
      </c>
      <c r="C125683" s="14" t="s">
        <v>252</v>
      </c>
      <c r="D125683" s="14" t="s">
        <v>122</v>
      </c>
      <c r="E125683" s="15">
        <v>45499</v>
      </c>
      <c r="F125683" s="14" t="s">
        <v>15</v>
      </c>
      <c r="G125683" s="16">
        <v>0</v>
      </c>
    </row>
    <row r="125684" spans="1:7" x14ac:dyDescent="0.3">
      <c r="A125684" s="13" t="s">
        <v>581</v>
      </c>
      <c r="B125684" s="14" t="s">
        <v>1</v>
      </c>
      <c r="C125684" s="14" t="s">
        <v>252</v>
      </c>
      <c r="D125684" s="14" t="s">
        <v>122</v>
      </c>
      <c r="E125684" s="15">
        <v>45500</v>
      </c>
      <c r="F125684" s="14" t="s">
        <v>15</v>
      </c>
      <c r="G125684" s="16">
        <v>0</v>
      </c>
    </row>
    <row r="125685" spans="1:7" x14ac:dyDescent="0.3">
      <c r="A125685" s="13" t="s">
        <v>581</v>
      </c>
      <c r="B125685" s="14" t="s">
        <v>1</v>
      </c>
      <c r="C125685" s="14" t="s">
        <v>252</v>
      </c>
      <c r="D125685" s="14" t="s">
        <v>122</v>
      </c>
      <c r="E125685" s="15">
        <v>45501</v>
      </c>
      <c r="F125685" s="14" t="s">
        <v>15</v>
      </c>
      <c r="G125685" s="16">
        <v>0</v>
      </c>
    </row>
    <row r="125686" spans="1:7" x14ac:dyDescent="0.3">
      <c r="A125686" s="13" t="s">
        <v>581</v>
      </c>
      <c r="B125686" s="14" t="s">
        <v>1</v>
      </c>
      <c r="C125686" s="14" t="s">
        <v>252</v>
      </c>
      <c r="D125686" s="14" t="s">
        <v>122</v>
      </c>
      <c r="E125686" s="15">
        <v>45502</v>
      </c>
      <c r="F125686" s="14" t="s">
        <v>15</v>
      </c>
      <c r="G125686" s="16">
        <v>0</v>
      </c>
    </row>
    <row r="125687" spans="1:7" x14ac:dyDescent="0.3">
      <c r="A125687" s="13" t="s">
        <v>581</v>
      </c>
      <c r="B125687" s="14" t="s">
        <v>1</v>
      </c>
      <c r="C125687" s="14" t="s">
        <v>252</v>
      </c>
      <c r="D125687" s="14" t="s">
        <v>122</v>
      </c>
      <c r="E125687" s="15">
        <v>45503</v>
      </c>
      <c r="F125687" s="14" t="s">
        <v>15</v>
      </c>
      <c r="G125687" s="16">
        <v>0</v>
      </c>
    </row>
    <row r="125688" spans="1:7" x14ac:dyDescent="0.3">
      <c r="A125688" s="13" t="s">
        <v>581</v>
      </c>
      <c r="B125688" s="14" t="s">
        <v>1</v>
      </c>
      <c r="C125688" s="14" t="s">
        <v>252</v>
      </c>
      <c r="D125688" s="14" t="s">
        <v>122</v>
      </c>
      <c r="E125688" s="15">
        <v>45504</v>
      </c>
      <c r="F125688" s="14" t="s">
        <v>15</v>
      </c>
      <c r="G125688" s="16">
        <v>0</v>
      </c>
    </row>
    <row r="125689" spans="1:7" x14ac:dyDescent="0.3">
      <c r="A125689" s="13" t="s">
        <v>581</v>
      </c>
      <c r="B125689" s="14" t="s">
        <v>1</v>
      </c>
      <c r="C125689" s="14" t="s">
        <v>252</v>
      </c>
      <c r="D125689" s="14" t="s">
        <v>122</v>
      </c>
      <c r="E125689" s="15">
        <v>45505</v>
      </c>
      <c r="F125689" s="14" t="s">
        <v>15</v>
      </c>
      <c r="G125689" s="16">
        <v>0</v>
      </c>
    </row>
    <row r="125690" spans="1:7" x14ac:dyDescent="0.3">
      <c r="A125690" s="13" t="s">
        <v>581</v>
      </c>
      <c r="B125690" s="14" t="s">
        <v>1</v>
      </c>
      <c r="C125690" s="14" t="s">
        <v>252</v>
      </c>
      <c r="D125690" s="14" t="s">
        <v>122</v>
      </c>
      <c r="E125690" s="15">
        <v>45506</v>
      </c>
      <c r="F125690" s="14" t="s">
        <v>15</v>
      </c>
      <c r="G125690" s="16">
        <v>0</v>
      </c>
    </row>
    <row r="125691" spans="1:7" x14ac:dyDescent="0.3">
      <c r="A125691" s="13" t="s">
        <v>581</v>
      </c>
      <c r="B125691" s="14" t="s">
        <v>1</v>
      </c>
      <c r="C125691" s="14" t="s">
        <v>252</v>
      </c>
      <c r="D125691" s="14" t="s">
        <v>122</v>
      </c>
      <c r="E125691" s="15">
        <v>45507</v>
      </c>
      <c r="F125691" s="14" t="s">
        <v>15</v>
      </c>
      <c r="G125691" s="16">
        <v>0</v>
      </c>
    </row>
    <row r="125692" spans="1:7" x14ac:dyDescent="0.3">
      <c r="A125692" s="13" t="s">
        <v>581</v>
      </c>
      <c r="B125692" s="14" t="s">
        <v>1</v>
      </c>
      <c r="C125692" s="14" t="s">
        <v>252</v>
      </c>
      <c r="D125692" s="14" t="s">
        <v>122</v>
      </c>
      <c r="E125692" s="15">
        <v>45508</v>
      </c>
      <c r="F125692" s="14" t="s">
        <v>15</v>
      </c>
      <c r="G125692" s="16">
        <v>0</v>
      </c>
    </row>
    <row r="125693" spans="1:7" x14ac:dyDescent="0.3">
      <c r="A125693" s="13" t="s">
        <v>581</v>
      </c>
      <c r="B125693" s="14" t="s">
        <v>1</v>
      </c>
      <c r="C125693" s="14" t="s">
        <v>252</v>
      </c>
      <c r="D125693" s="14" t="s">
        <v>122</v>
      </c>
      <c r="E125693" s="15">
        <v>45509</v>
      </c>
      <c r="F125693" s="14" t="s">
        <v>15</v>
      </c>
      <c r="G125693" s="16">
        <v>0</v>
      </c>
    </row>
    <row r="125694" spans="1:7" x14ac:dyDescent="0.3">
      <c r="A125694" s="13" t="s">
        <v>581</v>
      </c>
      <c r="B125694" s="14" t="s">
        <v>1</v>
      </c>
      <c r="C125694" s="14" t="s">
        <v>252</v>
      </c>
      <c r="D125694" s="14" t="s">
        <v>122</v>
      </c>
      <c r="E125694" s="15">
        <v>45510</v>
      </c>
      <c r="F125694" s="14" t="s">
        <v>15</v>
      </c>
      <c r="G125694" s="16">
        <v>0</v>
      </c>
    </row>
    <row r="125695" spans="1:7" x14ac:dyDescent="0.3">
      <c r="A125695" s="13" t="s">
        <v>581</v>
      </c>
      <c r="B125695" s="14" t="s">
        <v>1</v>
      </c>
      <c r="C125695" s="14" t="s">
        <v>252</v>
      </c>
      <c r="D125695" s="14" t="s">
        <v>122</v>
      </c>
      <c r="E125695" s="15">
        <v>45511</v>
      </c>
      <c r="F125695" s="14" t="s">
        <v>15</v>
      </c>
      <c r="G125695" s="16">
        <v>0</v>
      </c>
    </row>
    <row r="125696" spans="1:7" x14ac:dyDescent="0.3">
      <c r="A125696" s="13" t="s">
        <v>581</v>
      </c>
      <c r="B125696" s="14" t="s">
        <v>1</v>
      </c>
      <c r="C125696" s="14" t="s">
        <v>252</v>
      </c>
      <c r="D125696" s="14" t="s">
        <v>122</v>
      </c>
      <c r="E125696" s="15">
        <v>45512</v>
      </c>
      <c r="F125696" s="14" t="s">
        <v>15</v>
      </c>
      <c r="G125696" s="16">
        <v>0</v>
      </c>
    </row>
    <row r="125697" spans="1:7" x14ac:dyDescent="0.3">
      <c r="A125697" s="13" t="s">
        <v>581</v>
      </c>
      <c r="B125697" s="14" t="s">
        <v>1</v>
      </c>
      <c r="C125697" s="14" t="s">
        <v>252</v>
      </c>
      <c r="D125697" s="14" t="s">
        <v>122</v>
      </c>
      <c r="E125697" s="15">
        <v>45513</v>
      </c>
      <c r="F125697" s="14" t="s">
        <v>15</v>
      </c>
      <c r="G125697" s="16">
        <v>0</v>
      </c>
    </row>
    <row r="125698" spans="1:7" x14ac:dyDescent="0.3">
      <c r="A125698" s="13" t="s">
        <v>581</v>
      </c>
      <c r="B125698" s="14" t="s">
        <v>1</v>
      </c>
      <c r="C125698" s="14" t="s">
        <v>252</v>
      </c>
      <c r="D125698" s="14" t="s">
        <v>122</v>
      </c>
      <c r="E125698" s="15">
        <v>45514</v>
      </c>
      <c r="F125698" s="14" t="s">
        <v>15</v>
      </c>
      <c r="G125698" s="16">
        <v>0</v>
      </c>
    </row>
    <row r="125699" spans="1:7" x14ac:dyDescent="0.3">
      <c r="A125699" s="13" t="s">
        <v>581</v>
      </c>
      <c r="B125699" s="14" t="s">
        <v>1</v>
      </c>
      <c r="C125699" s="14" t="s">
        <v>252</v>
      </c>
      <c r="D125699" s="14" t="s">
        <v>122</v>
      </c>
      <c r="E125699" s="15">
        <v>45515</v>
      </c>
      <c r="F125699" s="14" t="s">
        <v>15</v>
      </c>
      <c r="G125699" s="16">
        <v>0</v>
      </c>
    </row>
    <row r="125700" spans="1:7" x14ac:dyDescent="0.3">
      <c r="A125700" s="13" t="s">
        <v>581</v>
      </c>
      <c r="B125700" s="14" t="s">
        <v>1</v>
      </c>
      <c r="C125700" s="14" t="s">
        <v>252</v>
      </c>
      <c r="D125700" s="14" t="s">
        <v>122</v>
      </c>
      <c r="E125700" s="15">
        <v>45516</v>
      </c>
      <c r="F125700" s="14" t="s">
        <v>15</v>
      </c>
      <c r="G125700" s="16">
        <v>0</v>
      </c>
    </row>
    <row r="125701" spans="1:7" x14ac:dyDescent="0.3">
      <c r="A125701" s="13" t="s">
        <v>581</v>
      </c>
      <c r="B125701" s="14" t="s">
        <v>1</v>
      </c>
      <c r="C125701" s="14" t="s">
        <v>252</v>
      </c>
      <c r="D125701" s="14" t="s">
        <v>122</v>
      </c>
      <c r="E125701" s="15">
        <v>45517</v>
      </c>
      <c r="F125701" s="14" t="s">
        <v>15</v>
      </c>
      <c r="G125701" s="16">
        <v>0</v>
      </c>
    </row>
    <row r="125702" spans="1:7" x14ac:dyDescent="0.3">
      <c r="A125702" s="13" t="s">
        <v>581</v>
      </c>
      <c r="B125702" s="14" t="s">
        <v>1</v>
      </c>
      <c r="C125702" s="14" t="s">
        <v>252</v>
      </c>
      <c r="D125702" s="14" t="s">
        <v>122</v>
      </c>
      <c r="E125702" s="15">
        <v>45518</v>
      </c>
      <c r="F125702" s="14" t="s">
        <v>15</v>
      </c>
      <c r="G125702" s="16">
        <v>0</v>
      </c>
    </row>
    <row r="125703" spans="1:7" x14ac:dyDescent="0.3">
      <c r="A125703" s="13" t="s">
        <v>581</v>
      </c>
      <c r="B125703" s="14" t="s">
        <v>1</v>
      </c>
      <c r="C125703" s="14" t="s">
        <v>252</v>
      </c>
      <c r="D125703" s="14" t="s">
        <v>122</v>
      </c>
      <c r="E125703" s="15">
        <v>45519</v>
      </c>
      <c r="F125703" s="14" t="s">
        <v>15</v>
      </c>
      <c r="G125703" s="16">
        <v>0</v>
      </c>
    </row>
    <row r="125704" spans="1:7" x14ac:dyDescent="0.3">
      <c r="A125704" s="13" t="s">
        <v>581</v>
      </c>
      <c r="B125704" s="14" t="s">
        <v>1</v>
      </c>
      <c r="C125704" s="14" t="s">
        <v>252</v>
      </c>
      <c r="D125704" s="14" t="s">
        <v>122</v>
      </c>
      <c r="E125704" s="15">
        <v>45520</v>
      </c>
      <c r="F125704" s="14" t="s">
        <v>15</v>
      </c>
      <c r="G125704" s="16">
        <v>0</v>
      </c>
    </row>
    <row r="125705" spans="1:7" x14ac:dyDescent="0.3">
      <c r="A125705" s="13" t="s">
        <v>581</v>
      </c>
      <c r="B125705" s="14" t="s">
        <v>1</v>
      </c>
      <c r="C125705" s="14" t="s">
        <v>252</v>
      </c>
      <c r="D125705" s="14" t="s">
        <v>122</v>
      </c>
      <c r="E125705" s="15">
        <v>45521</v>
      </c>
      <c r="F125705" s="14" t="s">
        <v>15</v>
      </c>
      <c r="G125705" s="16">
        <v>0</v>
      </c>
    </row>
    <row r="125706" spans="1:7" x14ac:dyDescent="0.3">
      <c r="A125706" s="13" t="s">
        <v>581</v>
      </c>
      <c r="B125706" s="14" t="s">
        <v>1</v>
      </c>
      <c r="C125706" s="14" t="s">
        <v>252</v>
      </c>
      <c r="D125706" s="14" t="s">
        <v>122</v>
      </c>
      <c r="E125706" s="15">
        <v>45522</v>
      </c>
      <c r="F125706" s="14" t="s">
        <v>15</v>
      </c>
      <c r="G125706" s="16">
        <v>0</v>
      </c>
    </row>
    <row r="125707" spans="1:7" x14ac:dyDescent="0.3">
      <c r="A125707" s="13" t="s">
        <v>581</v>
      </c>
      <c r="B125707" s="14" t="s">
        <v>1</v>
      </c>
      <c r="C125707" s="14" t="s">
        <v>252</v>
      </c>
      <c r="D125707" s="14" t="s">
        <v>122</v>
      </c>
      <c r="E125707" s="15">
        <v>45523</v>
      </c>
      <c r="F125707" s="14" t="s">
        <v>15</v>
      </c>
      <c r="G125707" s="16">
        <v>0</v>
      </c>
    </row>
    <row r="125708" spans="1:7" x14ac:dyDescent="0.3">
      <c r="A125708" s="13" t="s">
        <v>581</v>
      </c>
      <c r="B125708" s="14" t="s">
        <v>1</v>
      </c>
      <c r="C125708" s="14" t="s">
        <v>252</v>
      </c>
      <c r="D125708" s="14" t="s">
        <v>122</v>
      </c>
      <c r="E125708" s="15">
        <v>45524</v>
      </c>
      <c r="F125708" s="14" t="s">
        <v>15</v>
      </c>
      <c r="G125708" s="16">
        <v>0</v>
      </c>
    </row>
    <row r="125709" spans="1:7" x14ac:dyDescent="0.3">
      <c r="A125709" s="13" t="s">
        <v>581</v>
      </c>
      <c r="B125709" s="14" t="s">
        <v>1</v>
      </c>
      <c r="C125709" s="14" t="s">
        <v>252</v>
      </c>
      <c r="D125709" s="14" t="s">
        <v>122</v>
      </c>
      <c r="E125709" s="15">
        <v>45525</v>
      </c>
      <c r="F125709" s="14" t="s">
        <v>15</v>
      </c>
      <c r="G125709" s="16">
        <v>0</v>
      </c>
    </row>
    <row r="125710" spans="1:7" x14ac:dyDescent="0.3">
      <c r="A125710" s="13" t="s">
        <v>581</v>
      </c>
      <c r="B125710" s="14" t="s">
        <v>1</v>
      </c>
      <c r="C125710" s="14" t="s">
        <v>252</v>
      </c>
      <c r="D125710" s="14" t="s">
        <v>122</v>
      </c>
      <c r="E125710" s="15">
        <v>45526</v>
      </c>
      <c r="F125710" s="14" t="s">
        <v>15</v>
      </c>
      <c r="G125710" s="16">
        <v>0</v>
      </c>
    </row>
    <row r="125711" spans="1:7" x14ac:dyDescent="0.3">
      <c r="A125711" s="13" t="s">
        <v>581</v>
      </c>
      <c r="B125711" s="14" t="s">
        <v>1</v>
      </c>
      <c r="C125711" s="14" t="s">
        <v>252</v>
      </c>
      <c r="D125711" s="14" t="s">
        <v>122</v>
      </c>
      <c r="E125711" s="15">
        <v>45527</v>
      </c>
      <c r="F125711" s="14" t="s">
        <v>15</v>
      </c>
      <c r="G125711" s="16">
        <v>0</v>
      </c>
    </row>
    <row r="125712" spans="1:7" x14ac:dyDescent="0.3">
      <c r="A125712" s="13" t="s">
        <v>581</v>
      </c>
      <c r="B125712" s="14" t="s">
        <v>1</v>
      </c>
      <c r="C125712" s="14" t="s">
        <v>252</v>
      </c>
      <c r="D125712" s="14" t="s">
        <v>122</v>
      </c>
      <c r="E125712" s="15">
        <v>45528</v>
      </c>
      <c r="F125712" s="14" t="s">
        <v>15</v>
      </c>
      <c r="G125712" s="16">
        <v>0</v>
      </c>
    </row>
    <row r="125713" spans="1:7" x14ac:dyDescent="0.3">
      <c r="A125713" s="13" t="s">
        <v>581</v>
      </c>
      <c r="B125713" s="14" t="s">
        <v>1</v>
      </c>
      <c r="C125713" s="14" t="s">
        <v>252</v>
      </c>
      <c r="D125713" s="14" t="s">
        <v>122</v>
      </c>
      <c r="E125713" s="15">
        <v>45529</v>
      </c>
      <c r="F125713" s="14" t="s">
        <v>15</v>
      </c>
      <c r="G125713" s="16">
        <v>0</v>
      </c>
    </row>
    <row r="125714" spans="1:7" x14ac:dyDescent="0.3">
      <c r="A125714" s="13" t="s">
        <v>581</v>
      </c>
      <c r="B125714" s="14" t="s">
        <v>1</v>
      </c>
      <c r="C125714" s="14" t="s">
        <v>252</v>
      </c>
      <c r="D125714" s="14" t="s">
        <v>122</v>
      </c>
      <c r="E125714" s="15">
        <v>45530</v>
      </c>
      <c r="F125714" s="14" t="s">
        <v>15</v>
      </c>
      <c r="G125714" s="16">
        <v>0</v>
      </c>
    </row>
    <row r="125715" spans="1:7" x14ac:dyDescent="0.3">
      <c r="A125715" s="13" t="s">
        <v>581</v>
      </c>
      <c r="B125715" s="14" t="s">
        <v>1</v>
      </c>
      <c r="C125715" s="14" t="s">
        <v>252</v>
      </c>
      <c r="D125715" s="14" t="s">
        <v>122</v>
      </c>
      <c r="E125715" s="15">
        <v>45531</v>
      </c>
      <c r="F125715" s="14" t="s">
        <v>15</v>
      </c>
      <c r="G125715" s="16">
        <v>0</v>
      </c>
    </row>
    <row r="125716" spans="1:7" x14ac:dyDescent="0.3">
      <c r="A125716" s="13" t="s">
        <v>581</v>
      </c>
      <c r="B125716" s="14" t="s">
        <v>1</v>
      </c>
      <c r="C125716" s="14" t="s">
        <v>252</v>
      </c>
      <c r="D125716" s="14" t="s">
        <v>122</v>
      </c>
      <c r="E125716" s="15">
        <v>45532</v>
      </c>
      <c r="F125716" s="14" t="s">
        <v>15</v>
      </c>
      <c r="G125716" s="16">
        <v>0</v>
      </c>
    </row>
    <row r="125717" spans="1:7" x14ac:dyDescent="0.3">
      <c r="A125717" s="13" t="s">
        <v>581</v>
      </c>
      <c r="B125717" s="14" t="s">
        <v>1</v>
      </c>
      <c r="C125717" s="14" t="s">
        <v>252</v>
      </c>
      <c r="D125717" s="14" t="s">
        <v>122</v>
      </c>
      <c r="E125717" s="15">
        <v>45533</v>
      </c>
      <c r="F125717" s="14" t="s">
        <v>15</v>
      </c>
      <c r="G125717" s="16">
        <v>0</v>
      </c>
    </row>
    <row r="125718" spans="1:7" x14ac:dyDescent="0.3">
      <c r="A125718" s="13" t="s">
        <v>581</v>
      </c>
      <c r="B125718" s="14" t="s">
        <v>1</v>
      </c>
      <c r="C125718" s="14" t="s">
        <v>252</v>
      </c>
      <c r="D125718" s="14" t="s">
        <v>122</v>
      </c>
      <c r="E125718" s="15">
        <v>45534</v>
      </c>
      <c r="F125718" s="14" t="s">
        <v>15</v>
      </c>
      <c r="G125718" s="16">
        <v>0</v>
      </c>
    </row>
    <row r="125719" spans="1:7" x14ac:dyDescent="0.3">
      <c r="A125719" s="13" t="s">
        <v>581</v>
      </c>
      <c r="B125719" s="14" t="s">
        <v>1</v>
      </c>
      <c r="C125719" s="14" t="s">
        <v>252</v>
      </c>
      <c r="D125719" s="14" t="s">
        <v>122</v>
      </c>
      <c r="E125719" s="15">
        <v>45535</v>
      </c>
      <c r="F125719" s="14" t="s">
        <v>15</v>
      </c>
      <c r="G125719" s="16">
        <v>0</v>
      </c>
    </row>
    <row r="125720" spans="1:7" x14ac:dyDescent="0.3">
      <c r="A125720" s="13" t="s">
        <v>581</v>
      </c>
      <c r="B125720" s="14" t="s">
        <v>1</v>
      </c>
      <c r="C125720" s="14" t="s">
        <v>252</v>
      </c>
      <c r="D125720" s="14" t="s">
        <v>122</v>
      </c>
      <c r="E125720" s="15">
        <v>45536</v>
      </c>
      <c r="F125720" s="14" t="s">
        <v>15</v>
      </c>
      <c r="G125720" s="16">
        <v>0</v>
      </c>
    </row>
    <row r="125721" spans="1:7" x14ac:dyDescent="0.3">
      <c r="A125721" s="13" t="s">
        <v>581</v>
      </c>
      <c r="B125721" s="14" t="s">
        <v>1</v>
      </c>
      <c r="C125721" s="14" t="s">
        <v>252</v>
      </c>
      <c r="D125721" s="14" t="s">
        <v>122</v>
      </c>
      <c r="E125721" s="15">
        <v>45537</v>
      </c>
      <c r="F125721" s="14" t="s">
        <v>15</v>
      </c>
      <c r="G125721" s="16">
        <v>0</v>
      </c>
    </row>
    <row r="125722" spans="1:7" x14ac:dyDescent="0.3">
      <c r="A125722" s="13" t="s">
        <v>581</v>
      </c>
      <c r="B125722" s="14" t="s">
        <v>1</v>
      </c>
      <c r="C125722" s="14" t="s">
        <v>252</v>
      </c>
      <c r="D125722" s="14" t="s">
        <v>122</v>
      </c>
      <c r="E125722" s="15">
        <v>45538</v>
      </c>
      <c r="F125722" s="14" t="s">
        <v>15</v>
      </c>
      <c r="G125722" s="16">
        <v>0</v>
      </c>
    </row>
    <row r="125723" spans="1:7" x14ac:dyDescent="0.3">
      <c r="A125723" s="13" t="s">
        <v>581</v>
      </c>
      <c r="B125723" s="14" t="s">
        <v>1</v>
      </c>
      <c r="C125723" s="14" t="s">
        <v>252</v>
      </c>
      <c r="D125723" s="14" t="s">
        <v>122</v>
      </c>
      <c r="E125723" s="15">
        <v>45539</v>
      </c>
      <c r="F125723" s="14" t="s">
        <v>15</v>
      </c>
      <c r="G125723" s="16">
        <v>0</v>
      </c>
    </row>
    <row r="125724" spans="1:7" x14ac:dyDescent="0.3">
      <c r="A125724" s="13" t="s">
        <v>581</v>
      </c>
      <c r="B125724" s="14" t="s">
        <v>1</v>
      </c>
      <c r="C125724" s="14" t="s">
        <v>252</v>
      </c>
      <c r="D125724" s="14" t="s">
        <v>122</v>
      </c>
      <c r="E125724" s="15">
        <v>45540</v>
      </c>
      <c r="F125724" s="14" t="s">
        <v>15</v>
      </c>
      <c r="G125724" s="16">
        <v>0</v>
      </c>
    </row>
    <row r="125725" spans="1:7" x14ac:dyDescent="0.3">
      <c r="A125725" s="13" t="s">
        <v>581</v>
      </c>
      <c r="B125725" s="14" t="s">
        <v>1</v>
      </c>
      <c r="C125725" s="14" t="s">
        <v>252</v>
      </c>
      <c r="D125725" s="14" t="s">
        <v>122</v>
      </c>
      <c r="E125725" s="15">
        <v>45541</v>
      </c>
      <c r="F125725" s="14" t="s">
        <v>15</v>
      </c>
      <c r="G125725" s="16">
        <v>0</v>
      </c>
    </row>
    <row r="125726" spans="1:7" x14ac:dyDescent="0.3">
      <c r="A125726" s="13" t="s">
        <v>581</v>
      </c>
      <c r="B125726" s="14" t="s">
        <v>1</v>
      </c>
      <c r="C125726" s="14" t="s">
        <v>252</v>
      </c>
      <c r="D125726" s="14" t="s">
        <v>122</v>
      </c>
      <c r="E125726" s="15">
        <v>45542</v>
      </c>
      <c r="F125726" s="14" t="s">
        <v>15</v>
      </c>
      <c r="G125726" s="16">
        <v>0</v>
      </c>
    </row>
    <row r="125727" spans="1:7" x14ac:dyDescent="0.3">
      <c r="A125727" s="13" t="s">
        <v>581</v>
      </c>
      <c r="B125727" s="14" t="s">
        <v>1</v>
      </c>
      <c r="C125727" s="14" t="s">
        <v>252</v>
      </c>
      <c r="D125727" s="14" t="s">
        <v>122</v>
      </c>
      <c r="E125727" s="15">
        <v>45543</v>
      </c>
      <c r="F125727" s="14" t="s">
        <v>15</v>
      </c>
      <c r="G125727" s="16">
        <v>0</v>
      </c>
    </row>
    <row r="125728" spans="1:7" x14ac:dyDescent="0.3">
      <c r="A125728" s="13" t="s">
        <v>581</v>
      </c>
      <c r="B125728" s="14" t="s">
        <v>1</v>
      </c>
      <c r="C125728" s="14" t="s">
        <v>252</v>
      </c>
      <c r="D125728" s="14" t="s">
        <v>122</v>
      </c>
      <c r="E125728" s="15">
        <v>45544</v>
      </c>
      <c r="F125728" s="14" t="s">
        <v>15</v>
      </c>
      <c r="G125728" s="16">
        <v>0</v>
      </c>
    </row>
    <row r="125729" spans="1:7" x14ac:dyDescent="0.3">
      <c r="A125729" s="13" t="s">
        <v>581</v>
      </c>
      <c r="B125729" s="14" t="s">
        <v>1</v>
      </c>
      <c r="C125729" s="14" t="s">
        <v>252</v>
      </c>
      <c r="D125729" s="14" t="s">
        <v>122</v>
      </c>
      <c r="E125729" s="15">
        <v>45545</v>
      </c>
      <c r="F125729" s="14" t="s">
        <v>15</v>
      </c>
      <c r="G125729" s="16">
        <v>0</v>
      </c>
    </row>
    <row r="125730" spans="1:7" x14ac:dyDescent="0.3">
      <c r="A125730" s="13" t="s">
        <v>581</v>
      </c>
      <c r="B125730" s="14" t="s">
        <v>1</v>
      </c>
      <c r="C125730" s="14" t="s">
        <v>252</v>
      </c>
      <c r="D125730" s="14" t="s">
        <v>122</v>
      </c>
      <c r="E125730" s="15">
        <v>45546</v>
      </c>
      <c r="F125730" s="14" t="s">
        <v>15</v>
      </c>
      <c r="G125730" s="16">
        <v>0</v>
      </c>
    </row>
    <row r="125731" spans="1:7" x14ac:dyDescent="0.3">
      <c r="A125731" s="13" t="s">
        <v>581</v>
      </c>
      <c r="B125731" s="14" t="s">
        <v>1</v>
      </c>
      <c r="C125731" s="14" t="s">
        <v>252</v>
      </c>
      <c r="D125731" s="14" t="s">
        <v>122</v>
      </c>
      <c r="E125731" s="15">
        <v>45547</v>
      </c>
      <c r="F125731" s="14" t="s">
        <v>15</v>
      </c>
      <c r="G125731" s="16">
        <v>0</v>
      </c>
    </row>
    <row r="125732" spans="1:7" x14ac:dyDescent="0.3">
      <c r="A125732" s="13" t="s">
        <v>581</v>
      </c>
      <c r="B125732" s="14" t="s">
        <v>1</v>
      </c>
      <c r="C125732" s="14" t="s">
        <v>252</v>
      </c>
      <c r="D125732" s="14" t="s">
        <v>122</v>
      </c>
      <c r="E125732" s="15">
        <v>45548</v>
      </c>
      <c r="F125732" s="14" t="s">
        <v>15</v>
      </c>
      <c r="G125732" s="16">
        <v>0</v>
      </c>
    </row>
    <row r="125733" spans="1:7" x14ac:dyDescent="0.3">
      <c r="A125733" s="13" t="s">
        <v>581</v>
      </c>
      <c r="B125733" s="14" t="s">
        <v>1</v>
      </c>
      <c r="C125733" s="14" t="s">
        <v>252</v>
      </c>
      <c r="D125733" s="14" t="s">
        <v>122</v>
      </c>
      <c r="E125733" s="15">
        <v>45549</v>
      </c>
      <c r="F125733" s="14" t="s">
        <v>15</v>
      </c>
      <c r="G125733" s="16">
        <v>0</v>
      </c>
    </row>
    <row r="125734" spans="1:7" x14ac:dyDescent="0.3">
      <c r="A125734" s="13" t="s">
        <v>581</v>
      </c>
      <c r="B125734" s="14" t="s">
        <v>1</v>
      </c>
      <c r="C125734" s="14" t="s">
        <v>252</v>
      </c>
      <c r="D125734" s="14" t="s">
        <v>122</v>
      </c>
      <c r="E125734" s="15">
        <v>45550</v>
      </c>
      <c r="F125734" s="14" t="s">
        <v>15</v>
      </c>
      <c r="G125734" s="16">
        <v>0</v>
      </c>
    </row>
    <row r="125735" spans="1:7" x14ac:dyDescent="0.3">
      <c r="A125735" s="13" t="s">
        <v>581</v>
      </c>
      <c r="B125735" s="14" t="s">
        <v>1</v>
      </c>
      <c r="C125735" s="14" t="s">
        <v>252</v>
      </c>
      <c r="D125735" s="14" t="s">
        <v>122</v>
      </c>
      <c r="E125735" s="15">
        <v>45551</v>
      </c>
      <c r="F125735" s="14" t="s">
        <v>15</v>
      </c>
      <c r="G125735" s="16">
        <v>0</v>
      </c>
    </row>
    <row r="125736" spans="1:7" x14ac:dyDescent="0.3">
      <c r="A125736" s="13" t="s">
        <v>581</v>
      </c>
      <c r="B125736" s="14" t="s">
        <v>1</v>
      </c>
      <c r="C125736" s="14" t="s">
        <v>252</v>
      </c>
      <c r="D125736" s="14" t="s">
        <v>122</v>
      </c>
      <c r="E125736" s="15">
        <v>45552</v>
      </c>
      <c r="F125736" s="14" t="s">
        <v>15</v>
      </c>
      <c r="G125736" s="16">
        <v>0</v>
      </c>
    </row>
    <row r="125737" spans="1:7" x14ac:dyDescent="0.3">
      <c r="A125737" s="13" t="s">
        <v>581</v>
      </c>
      <c r="B125737" s="14" t="s">
        <v>1</v>
      </c>
      <c r="C125737" s="14" t="s">
        <v>252</v>
      </c>
      <c r="D125737" s="14" t="s">
        <v>122</v>
      </c>
      <c r="E125737" s="15">
        <v>45553</v>
      </c>
      <c r="F125737" s="14" t="s">
        <v>15</v>
      </c>
      <c r="G125737" s="16">
        <v>0</v>
      </c>
    </row>
    <row r="125738" spans="1:7" x14ac:dyDescent="0.3">
      <c r="A125738" s="13" t="s">
        <v>581</v>
      </c>
      <c r="B125738" s="14" t="s">
        <v>1</v>
      </c>
      <c r="C125738" s="14" t="s">
        <v>252</v>
      </c>
      <c r="D125738" s="14" t="s">
        <v>122</v>
      </c>
      <c r="E125738" s="15">
        <v>45554</v>
      </c>
      <c r="F125738" s="14" t="s">
        <v>15</v>
      </c>
      <c r="G125738" s="16">
        <v>0</v>
      </c>
    </row>
    <row r="125739" spans="1:7" x14ac:dyDescent="0.3">
      <c r="A125739" s="13" t="s">
        <v>581</v>
      </c>
      <c r="B125739" s="14" t="s">
        <v>1</v>
      </c>
      <c r="C125739" s="14" t="s">
        <v>252</v>
      </c>
      <c r="D125739" s="14" t="s">
        <v>122</v>
      </c>
      <c r="E125739" s="15">
        <v>45555</v>
      </c>
      <c r="F125739" s="14" t="s">
        <v>15</v>
      </c>
      <c r="G125739" s="16">
        <v>0</v>
      </c>
    </row>
    <row r="125740" spans="1:7" x14ac:dyDescent="0.3">
      <c r="A125740" s="13" t="s">
        <v>581</v>
      </c>
      <c r="B125740" s="14" t="s">
        <v>1</v>
      </c>
      <c r="C125740" s="14" t="s">
        <v>252</v>
      </c>
      <c r="D125740" s="14" t="s">
        <v>122</v>
      </c>
      <c r="E125740" s="15">
        <v>45556</v>
      </c>
      <c r="F125740" s="14" t="s">
        <v>15</v>
      </c>
      <c r="G125740" s="16">
        <v>0</v>
      </c>
    </row>
    <row r="125741" spans="1:7" x14ac:dyDescent="0.3">
      <c r="A125741" s="13" t="s">
        <v>581</v>
      </c>
      <c r="B125741" s="14" t="s">
        <v>1</v>
      </c>
      <c r="C125741" s="14" t="s">
        <v>252</v>
      </c>
      <c r="D125741" s="14" t="s">
        <v>122</v>
      </c>
      <c r="E125741" s="15">
        <v>45557</v>
      </c>
      <c r="F125741" s="14" t="s">
        <v>15</v>
      </c>
      <c r="G125741" s="16">
        <v>0</v>
      </c>
    </row>
    <row r="125742" spans="1:7" x14ac:dyDescent="0.3">
      <c r="A125742" s="13" t="s">
        <v>581</v>
      </c>
      <c r="B125742" s="14" t="s">
        <v>1</v>
      </c>
      <c r="C125742" s="14" t="s">
        <v>252</v>
      </c>
      <c r="D125742" s="14" t="s">
        <v>122</v>
      </c>
      <c r="E125742" s="15">
        <v>45558</v>
      </c>
      <c r="F125742" s="14" t="s">
        <v>15</v>
      </c>
      <c r="G125742" s="16">
        <v>0</v>
      </c>
    </row>
    <row r="125743" spans="1:7" x14ac:dyDescent="0.3">
      <c r="A125743" s="13" t="s">
        <v>581</v>
      </c>
      <c r="B125743" s="14" t="s">
        <v>1</v>
      </c>
      <c r="C125743" s="14" t="s">
        <v>252</v>
      </c>
      <c r="D125743" s="14" t="s">
        <v>122</v>
      </c>
      <c r="E125743" s="15">
        <v>45559</v>
      </c>
      <c r="F125743" s="14" t="s">
        <v>15</v>
      </c>
      <c r="G125743" s="16">
        <v>0</v>
      </c>
    </row>
    <row r="125744" spans="1:7" x14ac:dyDescent="0.3">
      <c r="A125744" s="13" t="s">
        <v>581</v>
      </c>
      <c r="B125744" s="14" t="s">
        <v>1</v>
      </c>
      <c r="C125744" s="14" t="s">
        <v>252</v>
      </c>
      <c r="D125744" s="14" t="s">
        <v>122</v>
      </c>
      <c r="E125744" s="15">
        <v>45560</v>
      </c>
      <c r="F125744" s="14" t="s">
        <v>15</v>
      </c>
      <c r="G125744" s="16">
        <v>0</v>
      </c>
    </row>
    <row r="125745" spans="1:7" x14ac:dyDescent="0.3">
      <c r="A125745" s="13" t="s">
        <v>581</v>
      </c>
      <c r="B125745" s="14" t="s">
        <v>1</v>
      </c>
      <c r="C125745" s="14" t="s">
        <v>252</v>
      </c>
      <c r="D125745" s="14" t="s">
        <v>122</v>
      </c>
      <c r="E125745" s="15">
        <v>45561</v>
      </c>
      <c r="F125745" s="14" t="s">
        <v>15</v>
      </c>
      <c r="G125745" s="16">
        <v>0</v>
      </c>
    </row>
    <row r="125746" spans="1:7" x14ac:dyDescent="0.3">
      <c r="A125746" s="13" t="s">
        <v>581</v>
      </c>
      <c r="B125746" s="14" t="s">
        <v>1</v>
      </c>
      <c r="C125746" s="14" t="s">
        <v>252</v>
      </c>
      <c r="D125746" s="14" t="s">
        <v>122</v>
      </c>
      <c r="E125746" s="15">
        <v>45562</v>
      </c>
      <c r="F125746" s="14" t="s">
        <v>15</v>
      </c>
      <c r="G125746" s="16">
        <v>0</v>
      </c>
    </row>
    <row r="125747" spans="1:7" x14ac:dyDescent="0.3">
      <c r="A125747" s="13" t="s">
        <v>581</v>
      </c>
      <c r="B125747" s="14" t="s">
        <v>1</v>
      </c>
      <c r="C125747" s="14" t="s">
        <v>252</v>
      </c>
      <c r="D125747" s="14" t="s">
        <v>122</v>
      </c>
      <c r="E125747" s="15">
        <v>45563</v>
      </c>
      <c r="F125747" s="14" t="s">
        <v>15</v>
      </c>
      <c r="G125747" s="16">
        <v>0</v>
      </c>
    </row>
    <row r="125748" spans="1:7" x14ac:dyDescent="0.3">
      <c r="A125748" s="13" t="s">
        <v>581</v>
      </c>
      <c r="B125748" s="14" t="s">
        <v>1</v>
      </c>
      <c r="C125748" s="14" t="s">
        <v>252</v>
      </c>
      <c r="D125748" s="14" t="s">
        <v>122</v>
      </c>
      <c r="E125748" s="15">
        <v>45564</v>
      </c>
      <c r="F125748" s="14" t="s">
        <v>15</v>
      </c>
      <c r="G125748" s="16">
        <v>0</v>
      </c>
    </row>
    <row r="125749" spans="1:7" x14ac:dyDescent="0.3">
      <c r="A125749" s="13" t="s">
        <v>581</v>
      </c>
      <c r="B125749" s="14" t="s">
        <v>1</v>
      </c>
      <c r="C125749" s="14" t="s">
        <v>252</v>
      </c>
      <c r="D125749" s="14" t="s">
        <v>122</v>
      </c>
      <c r="E125749" s="15">
        <v>45565</v>
      </c>
      <c r="F125749" s="14" t="s">
        <v>15</v>
      </c>
      <c r="G125749" s="16">
        <v>0</v>
      </c>
    </row>
    <row r="125750" spans="1:7" x14ac:dyDescent="0.3">
      <c r="A125750" s="13" t="s">
        <v>581</v>
      </c>
      <c r="B125750" s="14" t="s">
        <v>1</v>
      </c>
      <c r="C125750" s="14" t="s">
        <v>252</v>
      </c>
      <c r="D125750" s="14" t="s">
        <v>122</v>
      </c>
      <c r="E125750" s="15">
        <v>45566</v>
      </c>
      <c r="F125750" s="14" t="s">
        <v>15</v>
      </c>
      <c r="G125750" s="16">
        <v>0</v>
      </c>
    </row>
    <row r="125751" spans="1:7" x14ac:dyDescent="0.3">
      <c r="A125751" s="13" t="s">
        <v>581</v>
      </c>
      <c r="B125751" s="14" t="s">
        <v>1</v>
      </c>
      <c r="C125751" s="14" t="s">
        <v>252</v>
      </c>
      <c r="D125751" s="14" t="s">
        <v>122</v>
      </c>
      <c r="E125751" s="15">
        <v>45567</v>
      </c>
      <c r="F125751" s="14" t="s">
        <v>15</v>
      </c>
      <c r="G125751" s="16">
        <v>0</v>
      </c>
    </row>
    <row r="125752" spans="1:7" x14ac:dyDescent="0.3">
      <c r="A125752" s="13" t="s">
        <v>581</v>
      </c>
      <c r="B125752" s="14" t="s">
        <v>1</v>
      </c>
      <c r="C125752" s="14" t="s">
        <v>252</v>
      </c>
      <c r="D125752" s="14" t="s">
        <v>122</v>
      </c>
      <c r="E125752" s="15">
        <v>45568</v>
      </c>
      <c r="F125752" s="14" t="s">
        <v>15</v>
      </c>
      <c r="G125752" s="16">
        <v>0</v>
      </c>
    </row>
    <row r="125753" spans="1:7" x14ac:dyDescent="0.3">
      <c r="A125753" s="13" t="s">
        <v>581</v>
      </c>
      <c r="B125753" s="14" t="s">
        <v>1</v>
      </c>
      <c r="C125753" s="14" t="s">
        <v>252</v>
      </c>
      <c r="D125753" s="14" t="s">
        <v>122</v>
      </c>
      <c r="E125753" s="15">
        <v>45569</v>
      </c>
      <c r="F125753" s="14" t="s">
        <v>15</v>
      </c>
      <c r="G125753" s="16">
        <v>0</v>
      </c>
    </row>
    <row r="125754" spans="1:7" x14ac:dyDescent="0.3">
      <c r="A125754" s="13" t="s">
        <v>581</v>
      </c>
      <c r="B125754" s="14" t="s">
        <v>1</v>
      </c>
      <c r="C125754" s="14" t="s">
        <v>252</v>
      </c>
      <c r="D125754" s="14" t="s">
        <v>122</v>
      </c>
      <c r="E125754" s="15">
        <v>45570</v>
      </c>
      <c r="F125754" s="14" t="s">
        <v>15</v>
      </c>
      <c r="G125754" s="16">
        <v>0</v>
      </c>
    </row>
    <row r="125755" spans="1:7" x14ac:dyDescent="0.3">
      <c r="A125755" s="13" t="s">
        <v>581</v>
      </c>
      <c r="B125755" s="14" t="s">
        <v>1</v>
      </c>
      <c r="C125755" s="14" t="s">
        <v>252</v>
      </c>
      <c r="D125755" s="14" t="s">
        <v>122</v>
      </c>
      <c r="E125755" s="15">
        <v>45571</v>
      </c>
      <c r="F125755" s="14" t="s">
        <v>15</v>
      </c>
      <c r="G125755" s="16">
        <v>0</v>
      </c>
    </row>
    <row r="125756" spans="1:7" x14ac:dyDescent="0.3">
      <c r="A125756" s="13" t="s">
        <v>581</v>
      </c>
      <c r="B125756" s="14" t="s">
        <v>1</v>
      </c>
      <c r="C125756" s="14" t="s">
        <v>252</v>
      </c>
      <c r="D125756" s="14" t="s">
        <v>122</v>
      </c>
      <c r="E125756" s="15">
        <v>45572</v>
      </c>
      <c r="F125756" s="14" t="s">
        <v>15</v>
      </c>
      <c r="G125756" s="16">
        <v>0</v>
      </c>
    </row>
    <row r="125757" spans="1:7" x14ac:dyDescent="0.3">
      <c r="A125757" s="13" t="s">
        <v>581</v>
      </c>
      <c r="B125757" s="14" t="s">
        <v>1</v>
      </c>
      <c r="C125757" s="14" t="s">
        <v>252</v>
      </c>
      <c r="D125757" s="14" t="s">
        <v>122</v>
      </c>
      <c r="E125757" s="15">
        <v>45573</v>
      </c>
      <c r="F125757" s="14" t="s">
        <v>15</v>
      </c>
      <c r="G125757" s="16">
        <v>0</v>
      </c>
    </row>
    <row r="125758" spans="1:7" x14ac:dyDescent="0.3">
      <c r="A125758" s="13" t="s">
        <v>581</v>
      </c>
      <c r="B125758" s="14" t="s">
        <v>1</v>
      </c>
      <c r="C125758" s="14" t="s">
        <v>252</v>
      </c>
      <c r="D125758" s="14" t="s">
        <v>122</v>
      </c>
      <c r="E125758" s="15">
        <v>45574</v>
      </c>
      <c r="F125758" s="14" t="s">
        <v>15</v>
      </c>
      <c r="G125758" s="16">
        <v>0</v>
      </c>
    </row>
    <row r="125759" spans="1:7" x14ac:dyDescent="0.3">
      <c r="A125759" s="13" t="s">
        <v>581</v>
      </c>
      <c r="B125759" s="14" t="s">
        <v>1</v>
      </c>
      <c r="C125759" s="14" t="s">
        <v>252</v>
      </c>
      <c r="D125759" s="14" t="s">
        <v>122</v>
      </c>
      <c r="E125759" s="15">
        <v>45575</v>
      </c>
      <c r="F125759" s="14" t="s">
        <v>15</v>
      </c>
      <c r="G125759" s="16">
        <v>0</v>
      </c>
    </row>
    <row r="125760" spans="1:7" x14ac:dyDescent="0.3">
      <c r="A125760" s="13" t="s">
        <v>581</v>
      </c>
      <c r="B125760" s="14" t="s">
        <v>1</v>
      </c>
      <c r="C125760" s="14" t="s">
        <v>252</v>
      </c>
      <c r="D125760" s="14" t="s">
        <v>122</v>
      </c>
      <c r="E125760" s="15">
        <v>45576</v>
      </c>
      <c r="F125760" s="14" t="s">
        <v>15</v>
      </c>
      <c r="G125760" s="16">
        <v>0</v>
      </c>
    </row>
    <row r="125761" spans="1:7" x14ac:dyDescent="0.3">
      <c r="A125761" s="13" t="s">
        <v>581</v>
      </c>
      <c r="B125761" s="14" t="s">
        <v>1</v>
      </c>
      <c r="C125761" s="14" t="s">
        <v>252</v>
      </c>
      <c r="D125761" s="14" t="s">
        <v>122</v>
      </c>
      <c r="E125761" s="15">
        <v>45577</v>
      </c>
      <c r="F125761" s="14" t="s">
        <v>15</v>
      </c>
      <c r="G125761" s="16">
        <v>0</v>
      </c>
    </row>
    <row r="125762" spans="1:7" x14ac:dyDescent="0.3">
      <c r="A125762" s="13" t="s">
        <v>581</v>
      </c>
      <c r="B125762" s="14" t="s">
        <v>1</v>
      </c>
      <c r="C125762" s="14" t="s">
        <v>252</v>
      </c>
      <c r="D125762" s="14" t="s">
        <v>122</v>
      </c>
      <c r="E125762" s="15">
        <v>45578</v>
      </c>
      <c r="F125762" s="14" t="s">
        <v>15</v>
      </c>
      <c r="G125762" s="16">
        <v>0</v>
      </c>
    </row>
    <row r="125763" spans="1:7" x14ac:dyDescent="0.3">
      <c r="A125763" s="13" t="s">
        <v>581</v>
      </c>
      <c r="B125763" s="14" t="s">
        <v>1</v>
      </c>
      <c r="C125763" s="14" t="s">
        <v>252</v>
      </c>
      <c r="D125763" s="14" t="s">
        <v>122</v>
      </c>
      <c r="E125763" s="15">
        <v>45579</v>
      </c>
      <c r="F125763" s="14" t="s">
        <v>15</v>
      </c>
      <c r="G125763" s="16">
        <v>0</v>
      </c>
    </row>
    <row r="125764" spans="1:7" x14ac:dyDescent="0.3">
      <c r="A125764" s="13" t="s">
        <v>581</v>
      </c>
      <c r="B125764" s="14" t="s">
        <v>1</v>
      </c>
      <c r="C125764" s="14" t="s">
        <v>252</v>
      </c>
      <c r="D125764" s="14" t="s">
        <v>122</v>
      </c>
      <c r="E125764" s="15">
        <v>45580</v>
      </c>
      <c r="F125764" s="14" t="s">
        <v>15</v>
      </c>
      <c r="G125764" s="16">
        <v>0</v>
      </c>
    </row>
    <row r="125765" spans="1:7" x14ac:dyDescent="0.3">
      <c r="A125765" s="13" t="s">
        <v>581</v>
      </c>
      <c r="B125765" s="14" t="s">
        <v>1</v>
      </c>
      <c r="C125765" s="14" t="s">
        <v>252</v>
      </c>
      <c r="D125765" s="14" t="s">
        <v>122</v>
      </c>
      <c r="E125765" s="15">
        <v>45581</v>
      </c>
      <c r="F125765" s="14" t="s">
        <v>15</v>
      </c>
      <c r="G125765" s="16">
        <v>0</v>
      </c>
    </row>
    <row r="125766" spans="1:7" x14ac:dyDescent="0.3">
      <c r="A125766" s="13" t="s">
        <v>581</v>
      </c>
      <c r="B125766" s="14" t="s">
        <v>1</v>
      </c>
      <c r="C125766" s="14" t="s">
        <v>252</v>
      </c>
      <c r="D125766" s="14" t="s">
        <v>122</v>
      </c>
      <c r="E125766" s="15">
        <v>45582</v>
      </c>
      <c r="F125766" s="14" t="s">
        <v>15</v>
      </c>
      <c r="G125766" s="16">
        <v>0</v>
      </c>
    </row>
    <row r="125767" spans="1:7" x14ac:dyDescent="0.3">
      <c r="A125767" s="13" t="s">
        <v>581</v>
      </c>
      <c r="B125767" s="14" t="s">
        <v>1</v>
      </c>
      <c r="C125767" s="14" t="s">
        <v>252</v>
      </c>
      <c r="D125767" s="14" t="s">
        <v>122</v>
      </c>
      <c r="E125767" s="15">
        <v>45583</v>
      </c>
      <c r="F125767" s="14" t="s">
        <v>15</v>
      </c>
      <c r="G125767" s="16">
        <v>0</v>
      </c>
    </row>
    <row r="125768" spans="1:7" x14ac:dyDescent="0.3">
      <c r="A125768" s="13" t="s">
        <v>581</v>
      </c>
      <c r="B125768" s="14" t="s">
        <v>1</v>
      </c>
      <c r="C125768" s="14" t="s">
        <v>252</v>
      </c>
      <c r="D125768" s="14" t="s">
        <v>122</v>
      </c>
      <c r="E125768" s="15">
        <v>45584</v>
      </c>
      <c r="F125768" s="14" t="s">
        <v>15</v>
      </c>
      <c r="G125768" s="16">
        <v>0</v>
      </c>
    </row>
    <row r="125769" spans="1:7" x14ac:dyDescent="0.3">
      <c r="A125769" s="13" t="s">
        <v>581</v>
      </c>
      <c r="B125769" s="14" t="s">
        <v>1</v>
      </c>
      <c r="C125769" s="14" t="s">
        <v>252</v>
      </c>
      <c r="D125769" s="14" t="s">
        <v>122</v>
      </c>
      <c r="E125769" s="15">
        <v>45585</v>
      </c>
      <c r="F125769" s="14" t="s">
        <v>15</v>
      </c>
      <c r="G125769" s="16">
        <v>0</v>
      </c>
    </row>
    <row r="125770" spans="1:7" x14ac:dyDescent="0.3">
      <c r="A125770" s="13" t="s">
        <v>581</v>
      </c>
      <c r="B125770" s="14" t="s">
        <v>1</v>
      </c>
      <c r="C125770" s="14" t="s">
        <v>252</v>
      </c>
      <c r="D125770" s="14" t="s">
        <v>122</v>
      </c>
      <c r="E125770" s="15">
        <v>45586</v>
      </c>
      <c r="F125770" s="14" t="s">
        <v>15</v>
      </c>
      <c r="G125770" s="16">
        <v>0</v>
      </c>
    </row>
    <row r="125771" spans="1:7" x14ac:dyDescent="0.3">
      <c r="A125771" s="13" t="s">
        <v>581</v>
      </c>
      <c r="B125771" s="14" t="s">
        <v>1</v>
      </c>
      <c r="C125771" s="14" t="s">
        <v>252</v>
      </c>
      <c r="D125771" s="14" t="s">
        <v>122</v>
      </c>
      <c r="E125771" s="15">
        <v>45587</v>
      </c>
      <c r="F125771" s="14" t="s">
        <v>15</v>
      </c>
      <c r="G125771" s="16">
        <v>0</v>
      </c>
    </row>
    <row r="125772" spans="1:7" x14ac:dyDescent="0.3">
      <c r="A125772" s="13" t="s">
        <v>581</v>
      </c>
      <c r="B125772" s="14" t="s">
        <v>1</v>
      </c>
      <c r="C125772" s="14" t="s">
        <v>252</v>
      </c>
      <c r="D125772" s="14" t="s">
        <v>122</v>
      </c>
      <c r="E125772" s="15">
        <v>45588</v>
      </c>
      <c r="F125772" s="14" t="s">
        <v>15</v>
      </c>
      <c r="G125772" s="16">
        <v>0</v>
      </c>
    </row>
    <row r="125773" spans="1:7" x14ac:dyDescent="0.3">
      <c r="A125773" s="13" t="s">
        <v>581</v>
      </c>
      <c r="B125773" s="14" t="s">
        <v>1</v>
      </c>
      <c r="C125773" s="14" t="s">
        <v>252</v>
      </c>
      <c r="D125773" s="14" t="s">
        <v>122</v>
      </c>
      <c r="E125773" s="15">
        <v>45589</v>
      </c>
      <c r="F125773" s="14" t="s">
        <v>15</v>
      </c>
      <c r="G125773" s="16">
        <v>0</v>
      </c>
    </row>
    <row r="125774" spans="1:7" x14ac:dyDescent="0.3">
      <c r="A125774" s="13" t="s">
        <v>581</v>
      </c>
      <c r="B125774" s="14" t="s">
        <v>1</v>
      </c>
      <c r="C125774" s="14" t="s">
        <v>252</v>
      </c>
      <c r="D125774" s="14" t="s">
        <v>122</v>
      </c>
      <c r="E125774" s="15">
        <v>45590</v>
      </c>
      <c r="F125774" s="14" t="s">
        <v>15</v>
      </c>
      <c r="G125774" s="16">
        <v>0</v>
      </c>
    </row>
    <row r="125775" spans="1:7" x14ac:dyDescent="0.3">
      <c r="A125775" s="13" t="s">
        <v>581</v>
      </c>
      <c r="B125775" s="14" t="s">
        <v>1</v>
      </c>
      <c r="C125775" s="14" t="s">
        <v>252</v>
      </c>
      <c r="D125775" s="14" t="s">
        <v>122</v>
      </c>
      <c r="E125775" s="15">
        <v>45591</v>
      </c>
      <c r="F125775" s="14" t="s">
        <v>15</v>
      </c>
      <c r="G125775" s="16">
        <v>0</v>
      </c>
    </row>
    <row r="125776" spans="1:7" x14ac:dyDescent="0.3">
      <c r="A125776" s="13" t="s">
        <v>581</v>
      </c>
      <c r="B125776" s="14" t="s">
        <v>1</v>
      </c>
      <c r="C125776" s="14" t="s">
        <v>252</v>
      </c>
      <c r="D125776" s="14" t="s">
        <v>122</v>
      </c>
      <c r="E125776" s="15">
        <v>45592</v>
      </c>
      <c r="F125776" s="14" t="s">
        <v>15</v>
      </c>
      <c r="G125776" s="16">
        <v>0</v>
      </c>
    </row>
    <row r="125777" spans="1:7" x14ac:dyDescent="0.3">
      <c r="A125777" s="13" t="s">
        <v>581</v>
      </c>
      <c r="B125777" s="14" t="s">
        <v>1</v>
      </c>
      <c r="C125777" s="14" t="s">
        <v>252</v>
      </c>
      <c r="D125777" s="14" t="s">
        <v>122</v>
      </c>
      <c r="E125777" s="15">
        <v>45593</v>
      </c>
      <c r="F125777" s="14" t="s">
        <v>15</v>
      </c>
      <c r="G125777" s="16">
        <v>0</v>
      </c>
    </row>
    <row r="125778" spans="1:7" x14ac:dyDescent="0.3">
      <c r="A125778" s="13" t="s">
        <v>581</v>
      </c>
      <c r="B125778" s="14" t="s">
        <v>1</v>
      </c>
      <c r="C125778" s="14" t="s">
        <v>252</v>
      </c>
      <c r="D125778" s="14" t="s">
        <v>122</v>
      </c>
      <c r="E125778" s="15">
        <v>45594</v>
      </c>
      <c r="F125778" s="14" t="s">
        <v>15</v>
      </c>
      <c r="G125778" s="16">
        <v>0</v>
      </c>
    </row>
    <row r="125779" spans="1:7" x14ac:dyDescent="0.3">
      <c r="A125779" s="13" t="s">
        <v>581</v>
      </c>
      <c r="B125779" s="14" t="s">
        <v>1</v>
      </c>
      <c r="C125779" s="14" t="s">
        <v>252</v>
      </c>
      <c r="D125779" s="14" t="s">
        <v>122</v>
      </c>
      <c r="E125779" s="15">
        <v>45595</v>
      </c>
      <c r="F125779" s="14" t="s">
        <v>15</v>
      </c>
      <c r="G125779" s="16">
        <v>0</v>
      </c>
    </row>
    <row r="125780" spans="1:7" x14ac:dyDescent="0.3">
      <c r="A125780" s="13" t="s">
        <v>581</v>
      </c>
      <c r="B125780" s="14" t="s">
        <v>1</v>
      </c>
      <c r="C125780" s="14" t="s">
        <v>252</v>
      </c>
      <c r="D125780" s="14" t="s">
        <v>122</v>
      </c>
      <c r="E125780" s="15">
        <v>45596</v>
      </c>
      <c r="F125780" s="14" t="s">
        <v>15</v>
      </c>
      <c r="G125780" s="16">
        <v>0</v>
      </c>
    </row>
    <row r="125781" spans="1:7" x14ac:dyDescent="0.3">
      <c r="A125781" s="13" t="s">
        <v>581</v>
      </c>
      <c r="B125781" s="14" t="s">
        <v>1</v>
      </c>
      <c r="C125781" s="14" t="s">
        <v>252</v>
      </c>
      <c r="D125781" s="14" t="s">
        <v>122</v>
      </c>
      <c r="E125781" s="15">
        <v>45597</v>
      </c>
      <c r="F125781" s="14" t="s">
        <v>15</v>
      </c>
      <c r="G125781" s="16">
        <v>0</v>
      </c>
    </row>
    <row r="125782" spans="1:7" x14ac:dyDescent="0.3">
      <c r="A125782" s="13" t="s">
        <v>581</v>
      </c>
      <c r="B125782" s="14" t="s">
        <v>1</v>
      </c>
      <c r="C125782" s="14" t="s">
        <v>252</v>
      </c>
      <c r="D125782" s="14" t="s">
        <v>122</v>
      </c>
      <c r="E125782" s="15">
        <v>45598</v>
      </c>
      <c r="F125782" s="14" t="s">
        <v>15</v>
      </c>
      <c r="G125782" s="16">
        <v>0</v>
      </c>
    </row>
    <row r="125783" spans="1:7" x14ac:dyDescent="0.3">
      <c r="A125783" s="13" t="s">
        <v>581</v>
      </c>
      <c r="B125783" s="14" t="s">
        <v>1</v>
      </c>
      <c r="C125783" s="14" t="s">
        <v>252</v>
      </c>
      <c r="D125783" s="14" t="s">
        <v>122</v>
      </c>
      <c r="E125783" s="15">
        <v>45599</v>
      </c>
      <c r="F125783" s="14" t="s">
        <v>15</v>
      </c>
      <c r="G125783" s="16">
        <v>0</v>
      </c>
    </row>
    <row r="125784" spans="1:7" x14ac:dyDescent="0.3">
      <c r="A125784" s="13" t="s">
        <v>581</v>
      </c>
      <c r="B125784" s="14" t="s">
        <v>1</v>
      </c>
      <c r="C125784" s="14" t="s">
        <v>252</v>
      </c>
      <c r="D125784" s="14" t="s">
        <v>122</v>
      </c>
      <c r="E125784" s="15">
        <v>45600</v>
      </c>
      <c r="F125784" s="14" t="s">
        <v>15</v>
      </c>
      <c r="G125784" s="16">
        <v>0</v>
      </c>
    </row>
    <row r="125785" spans="1:7" x14ac:dyDescent="0.3">
      <c r="A125785" s="13" t="s">
        <v>581</v>
      </c>
      <c r="B125785" s="14" t="s">
        <v>1</v>
      </c>
      <c r="C125785" s="14" t="s">
        <v>252</v>
      </c>
      <c r="D125785" s="14" t="s">
        <v>122</v>
      </c>
      <c r="E125785" s="15">
        <v>45601</v>
      </c>
      <c r="F125785" s="14" t="s">
        <v>15</v>
      </c>
      <c r="G125785" s="16">
        <v>0</v>
      </c>
    </row>
    <row r="125786" spans="1:7" x14ac:dyDescent="0.3">
      <c r="A125786" s="13" t="s">
        <v>581</v>
      </c>
      <c r="B125786" s="14" t="s">
        <v>1</v>
      </c>
      <c r="C125786" s="14" t="s">
        <v>252</v>
      </c>
      <c r="D125786" s="14" t="s">
        <v>122</v>
      </c>
      <c r="E125786" s="15">
        <v>45602</v>
      </c>
      <c r="F125786" s="14" t="s">
        <v>15</v>
      </c>
      <c r="G125786" s="16">
        <v>0</v>
      </c>
    </row>
    <row r="125787" spans="1:7" x14ac:dyDescent="0.3">
      <c r="A125787" s="13" t="s">
        <v>581</v>
      </c>
      <c r="B125787" s="14" t="s">
        <v>1</v>
      </c>
      <c r="C125787" s="14" t="s">
        <v>252</v>
      </c>
      <c r="D125787" s="14" t="s">
        <v>122</v>
      </c>
      <c r="E125787" s="15">
        <v>45603</v>
      </c>
      <c r="F125787" s="14" t="s">
        <v>15</v>
      </c>
      <c r="G125787" s="16">
        <v>0</v>
      </c>
    </row>
    <row r="125788" spans="1:7" x14ac:dyDescent="0.3">
      <c r="A125788" s="13" t="s">
        <v>581</v>
      </c>
      <c r="B125788" s="14" t="s">
        <v>1</v>
      </c>
      <c r="C125788" s="14" t="s">
        <v>252</v>
      </c>
      <c r="D125788" s="14" t="s">
        <v>122</v>
      </c>
      <c r="E125788" s="15">
        <v>45604</v>
      </c>
      <c r="F125788" s="14" t="s">
        <v>15</v>
      </c>
      <c r="G125788" s="16">
        <v>0</v>
      </c>
    </row>
    <row r="125789" spans="1:7" x14ac:dyDescent="0.3">
      <c r="A125789" s="13" t="s">
        <v>581</v>
      </c>
      <c r="B125789" s="14" t="s">
        <v>1</v>
      </c>
      <c r="C125789" s="14" t="s">
        <v>252</v>
      </c>
      <c r="D125789" s="14" t="s">
        <v>122</v>
      </c>
      <c r="E125789" s="15">
        <v>45605</v>
      </c>
      <c r="F125789" s="14" t="s">
        <v>15</v>
      </c>
      <c r="G125789" s="16">
        <v>0</v>
      </c>
    </row>
    <row r="125790" spans="1:7" x14ac:dyDescent="0.3">
      <c r="A125790" s="13" t="s">
        <v>581</v>
      </c>
      <c r="B125790" s="14" t="s">
        <v>1</v>
      </c>
      <c r="C125790" s="14" t="s">
        <v>252</v>
      </c>
      <c r="D125790" s="14" t="s">
        <v>122</v>
      </c>
      <c r="E125790" s="15">
        <v>45606</v>
      </c>
      <c r="F125790" s="14" t="s">
        <v>15</v>
      </c>
      <c r="G125790" s="16">
        <v>0</v>
      </c>
    </row>
    <row r="125791" spans="1:7" x14ac:dyDescent="0.3">
      <c r="A125791" s="13" t="s">
        <v>581</v>
      </c>
      <c r="B125791" s="14" t="s">
        <v>1</v>
      </c>
      <c r="C125791" s="14" t="s">
        <v>252</v>
      </c>
      <c r="D125791" s="14" t="s">
        <v>122</v>
      </c>
      <c r="E125791" s="15">
        <v>45607</v>
      </c>
      <c r="F125791" s="14" t="s">
        <v>15</v>
      </c>
      <c r="G125791" s="16">
        <v>0</v>
      </c>
    </row>
    <row r="125792" spans="1:7" x14ac:dyDescent="0.3">
      <c r="A125792" s="13" t="s">
        <v>581</v>
      </c>
      <c r="B125792" s="14" t="s">
        <v>1</v>
      </c>
      <c r="C125792" s="14" t="s">
        <v>252</v>
      </c>
      <c r="D125792" s="14" t="s">
        <v>122</v>
      </c>
      <c r="E125792" s="15">
        <v>45608</v>
      </c>
      <c r="F125792" s="14" t="s">
        <v>15</v>
      </c>
      <c r="G125792" s="16">
        <v>0</v>
      </c>
    </row>
    <row r="125793" spans="1:7" x14ac:dyDescent="0.3">
      <c r="A125793" s="13" t="s">
        <v>581</v>
      </c>
      <c r="B125793" s="14" t="s">
        <v>1</v>
      </c>
      <c r="C125793" s="14" t="s">
        <v>252</v>
      </c>
      <c r="D125793" s="14" t="s">
        <v>122</v>
      </c>
      <c r="E125793" s="15">
        <v>45609</v>
      </c>
      <c r="F125793" s="14" t="s">
        <v>15</v>
      </c>
      <c r="G125793" s="16">
        <v>0</v>
      </c>
    </row>
    <row r="125794" spans="1:7" x14ac:dyDescent="0.3">
      <c r="A125794" s="13" t="s">
        <v>581</v>
      </c>
      <c r="B125794" s="14" t="s">
        <v>1</v>
      </c>
      <c r="C125794" s="14" t="s">
        <v>252</v>
      </c>
      <c r="D125794" s="14" t="s">
        <v>122</v>
      </c>
      <c r="E125794" s="15">
        <v>45610</v>
      </c>
      <c r="F125794" s="14" t="s">
        <v>15</v>
      </c>
      <c r="G125794" s="16">
        <v>0</v>
      </c>
    </row>
    <row r="125795" spans="1:7" x14ac:dyDescent="0.3">
      <c r="A125795" s="13" t="s">
        <v>581</v>
      </c>
      <c r="B125795" s="14" t="s">
        <v>1</v>
      </c>
      <c r="C125795" s="14" t="s">
        <v>252</v>
      </c>
      <c r="D125795" s="14" t="s">
        <v>122</v>
      </c>
      <c r="E125795" s="15">
        <v>45611</v>
      </c>
      <c r="F125795" s="14" t="s">
        <v>15</v>
      </c>
      <c r="G125795" s="16">
        <v>0</v>
      </c>
    </row>
    <row r="125796" spans="1:7" x14ac:dyDescent="0.3">
      <c r="A125796" s="13" t="s">
        <v>581</v>
      </c>
      <c r="B125796" s="14" t="s">
        <v>1</v>
      </c>
      <c r="C125796" s="14" t="s">
        <v>252</v>
      </c>
      <c r="D125796" s="14" t="s">
        <v>122</v>
      </c>
      <c r="E125796" s="15">
        <v>45612</v>
      </c>
      <c r="F125796" s="14" t="s">
        <v>15</v>
      </c>
      <c r="G125796" s="16">
        <v>0</v>
      </c>
    </row>
    <row r="125797" spans="1:7" x14ac:dyDescent="0.3">
      <c r="A125797" s="13" t="s">
        <v>581</v>
      </c>
      <c r="B125797" s="14" t="s">
        <v>1</v>
      </c>
      <c r="C125797" s="14" t="s">
        <v>252</v>
      </c>
      <c r="D125797" s="14" t="s">
        <v>122</v>
      </c>
      <c r="E125797" s="15">
        <v>45613</v>
      </c>
      <c r="F125797" s="14" t="s">
        <v>15</v>
      </c>
      <c r="G125797" s="16">
        <v>0</v>
      </c>
    </row>
    <row r="125798" spans="1:7" x14ac:dyDescent="0.3">
      <c r="A125798" s="13" t="s">
        <v>581</v>
      </c>
      <c r="B125798" s="14" t="s">
        <v>1</v>
      </c>
      <c r="C125798" s="14" t="s">
        <v>252</v>
      </c>
      <c r="D125798" s="14" t="s">
        <v>122</v>
      </c>
      <c r="E125798" s="15">
        <v>45614</v>
      </c>
      <c r="F125798" s="14" t="s">
        <v>15</v>
      </c>
      <c r="G125798" s="16">
        <v>0</v>
      </c>
    </row>
    <row r="125799" spans="1:7" x14ac:dyDescent="0.3">
      <c r="A125799" s="13" t="s">
        <v>581</v>
      </c>
      <c r="B125799" s="14" t="s">
        <v>1</v>
      </c>
      <c r="C125799" s="14" t="s">
        <v>252</v>
      </c>
      <c r="D125799" s="14" t="s">
        <v>122</v>
      </c>
      <c r="E125799" s="15">
        <v>45615</v>
      </c>
      <c r="F125799" s="14" t="s">
        <v>15</v>
      </c>
      <c r="G125799" s="16">
        <v>0</v>
      </c>
    </row>
    <row r="125800" spans="1:7" x14ac:dyDescent="0.3">
      <c r="A125800" s="13" t="s">
        <v>581</v>
      </c>
      <c r="B125800" s="14" t="s">
        <v>1</v>
      </c>
      <c r="C125800" s="14" t="s">
        <v>252</v>
      </c>
      <c r="D125800" s="14" t="s">
        <v>122</v>
      </c>
      <c r="E125800" s="15">
        <v>45616</v>
      </c>
      <c r="F125800" s="14" t="s">
        <v>15</v>
      </c>
      <c r="G125800" s="16">
        <v>0</v>
      </c>
    </row>
    <row r="125801" spans="1:7" x14ac:dyDescent="0.3">
      <c r="A125801" s="13" t="s">
        <v>581</v>
      </c>
      <c r="B125801" s="14" t="s">
        <v>1</v>
      </c>
      <c r="C125801" s="14" t="s">
        <v>252</v>
      </c>
      <c r="D125801" s="14" t="s">
        <v>122</v>
      </c>
      <c r="E125801" s="15">
        <v>45617</v>
      </c>
      <c r="F125801" s="14" t="s">
        <v>15</v>
      </c>
      <c r="G125801" s="16">
        <v>0</v>
      </c>
    </row>
    <row r="125802" spans="1:7" x14ac:dyDescent="0.3">
      <c r="A125802" s="13" t="s">
        <v>581</v>
      </c>
      <c r="B125802" s="14" t="s">
        <v>1</v>
      </c>
      <c r="C125802" s="14" t="s">
        <v>252</v>
      </c>
      <c r="D125802" s="14" t="s">
        <v>122</v>
      </c>
      <c r="E125802" s="15">
        <v>45618</v>
      </c>
      <c r="F125802" s="14" t="s">
        <v>15</v>
      </c>
      <c r="G125802" s="16">
        <v>0</v>
      </c>
    </row>
    <row r="125803" spans="1:7" x14ac:dyDescent="0.3">
      <c r="A125803" s="13" t="s">
        <v>581</v>
      </c>
      <c r="B125803" s="14" t="s">
        <v>1</v>
      </c>
      <c r="C125803" s="14" t="s">
        <v>252</v>
      </c>
      <c r="D125803" s="14" t="s">
        <v>122</v>
      </c>
      <c r="E125803" s="15">
        <v>45619</v>
      </c>
      <c r="F125803" s="14" t="s">
        <v>15</v>
      </c>
      <c r="G125803" s="16">
        <v>0</v>
      </c>
    </row>
    <row r="125804" spans="1:7" x14ac:dyDescent="0.3">
      <c r="A125804" s="13" t="s">
        <v>581</v>
      </c>
      <c r="B125804" s="14" t="s">
        <v>1</v>
      </c>
      <c r="C125804" s="14" t="s">
        <v>252</v>
      </c>
      <c r="D125804" s="14" t="s">
        <v>122</v>
      </c>
      <c r="E125804" s="15">
        <v>45620</v>
      </c>
      <c r="F125804" s="14" t="s">
        <v>15</v>
      </c>
      <c r="G125804" s="16">
        <v>0</v>
      </c>
    </row>
    <row r="125805" spans="1:7" x14ac:dyDescent="0.3">
      <c r="A125805" s="13" t="s">
        <v>581</v>
      </c>
      <c r="B125805" s="14" t="s">
        <v>1</v>
      </c>
      <c r="C125805" s="14" t="s">
        <v>252</v>
      </c>
      <c r="D125805" s="14" t="s">
        <v>122</v>
      </c>
      <c r="E125805" s="15">
        <v>45621</v>
      </c>
      <c r="F125805" s="14" t="s">
        <v>15</v>
      </c>
      <c r="G125805" s="16">
        <v>0</v>
      </c>
    </row>
    <row r="125806" spans="1:7" x14ac:dyDescent="0.3">
      <c r="A125806" s="13" t="s">
        <v>581</v>
      </c>
      <c r="B125806" s="14" t="s">
        <v>1</v>
      </c>
      <c r="C125806" s="14" t="s">
        <v>252</v>
      </c>
      <c r="D125806" s="14" t="s">
        <v>122</v>
      </c>
      <c r="E125806" s="15">
        <v>45622</v>
      </c>
      <c r="F125806" s="14" t="s">
        <v>15</v>
      </c>
      <c r="G125806" s="16">
        <v>0</v>
      </c>
    </row>
    <row r="125807" spans="1:7" x14ac:dyDescent="0.3">
      <c r="A125807" s="13" t="s">
        <v>581</v>
      </c>
      <c r="B125807" s="14" t="s">
        <v>1</v>
      </c>
      <c r="C125807" s="14" t="s">
        <v>252</v>
      </c>
      <c r="D125807" s="14" t="s">
        <v>122</v>
      </c>
      <c r="E125807" s="15">
        <v>45623</v>
      </c>
      <c r="F125807" s="14" t="s">
        <v>15</v>
      </c>
      <c r="G125807" s="16">
        <v>0</v>
      </c>
    </row>
    <row r="125808" spans="1:7" x14ac:dyDescent="0.3">
      <c r="A125808" s="13" t="s">
        <v>581</v>
      </c>
      <c r="B125808" s="14" t="s">
        <v>1</v>
      </c>
      <c r="C125808" s="14" t="s">
        <v>252</v>
      </c>
      <c r="D125808" s="14" t="s">
        <v>122</v>
      </c>
      <c r="E125808" s="15">
        <v>45624</v>
      </c>
      <c r="F125808" s="14" t="s">
        <v>15</v>
      </c>
      <c r="G125808" s="16">
        <v>0</v>
      </c>
    </row>
    <row r="125809" spans="1:7" x14ac:dyDescent="0.3">
      <c r="A125809" s="13" t="s">
        <v>581</v>
      </c>
      <c r="B125809" s="14" t="s">
        <v>1</v>
      </c>
      <c r="C125809" s="14" t="s">
        <v>252</v>
      </c>
      <c r="D125809" s="14" t="s">
        <v>122</v>
      </c>
      <c r="E125809" s="15">
        <v>45625</v>
      </c>
      <c r="F125809" s="14" t="s">
        <v>15</v>
      </c>
      <c r="G125809" s="16">
        <v>0</v>
      </c>
    </row>
    <row r="125810" spans="1:7" x14ac:dyDescent="0.3">
      <c r="A125810" s="13" t="s">
        <v>581</v>
      </c>
      <c r="B125810" s="14" t="s">
        <v>1</v>
      </c>
      <c r="C125810" s="14" t="s">
        <v>252</v>
      </c>
      <c r="D125810" s="14" t="s">
        <v>122</v>
      </c>
      <c r="E125810" s="15">
        <v>45626</v>
      </c>
      <c r="F125810" s="14" t="s">
        <v>15</v>
      </c>
      <c r="G125810" s="16">
        <v>0</v>
      </c>
    </row>
    <row r="125811" spans="1:7" x14ac:dyDescent="0.3">
      <c r="A125811" s="13" t="s">
        <v>581</v>
      </c>
      <c r="B125811" s="14" t="s">
        <v>1</v>
      </c>
      <c r="C125811" s="14" t="s">
        <v>252</v>
      </c>
      <c r="D125811" s="14" t="s">
        <v>122</v>
      </c>
      <c r="E125811" s="15">
        <v>45627</v>
      </c>
      <c r="F125811" s="14" t="s">
        <v>15</v>
      </c>
      <c r="G125811" s="16">
        <v>0</v>
      </c>
    </row>
    <row r="125812" spans="1:7" x14ac:dyDescent="0.3">
      <c r="A125812" s="13" t="s">
        <v>581</v>
      </c>
      <c r="B125812" s="14" t="s">
        <v>1</v>
      </c>
      <c r="C125812" s="14" t="s">
        <v>252</v>
      </c>
      <c r="D125812" s="14" t="s">
        <v>122</v>
      </c>
      <c r="E125812" s="15">
        <v>45628</v>
      </c>
      <c r="F125812" s="14" t="s">
        <v>15</v>
      </c>
      <c r="G125812" s="16">
        <v>0</v>
      </c>
    </row>
    <row r="125813" spans="1:7" x14ac:dyDescent="0.3">
      <c r="A125813" s="13" t="s">
        <v>581</v>
      </c>
      <c r="B125813" s="14" t="s">
        <v>1</v>
      </c>
      <c r="C125813" s="14" t="s">
        <v>252</v>
      </c>
      <c r="D125813" s="14" t="s">
        <v>122</v>
      </c>
      <c r="E125813" s="15">
        <v>45629</v>
      </c>
      <c r="F125813" s="14" t="s">
        <v>15</v>
      </c>
      <c r="G125813" s="16">
        <v>0</v>
      </c>
    </row>
    <row r="125814" spans="1:7" x14ac:dyDescent="0.3">
      <c r="A125814" s="13" t="s">
        <v>581</v>
      </c>
      <c r="B125814" s="14" t="s">
        <v>1</v>
      </c>
      <c r="C125814" s="14" t="s">
        <v>252</v>
      </c>
      <c r="D125814" s="14" t="s">
        <v>122</v>
      </c>
      <c r="E125814" s="15">
        <v>45630</v>
      </c>
      <c r="F125814" s="14" t="s">
        <v>15</v>
      </c>
      <c r="G125814" s="16">
        <v>0</v>
      </c>
    </row>
    <row r="125815" spans="1:7" x14ac:dyDescent="0.3">
      <c r="A125815" s="13" t="s">
        <v>581</v>
      </c>
      <c r="B125815" s="14" t="s">
        <v>1</v>
      </c>
      <c r="C125815" s="14" t="s">
        <v>252</v>
      </c>
      <c r="D125815" s="14" t="s">
        <v>122</v>
      </c>
      <c r="E125815" s="15">
        <v>45631</v>
      </c>
      <c r="F125815" s="14" t="s">
        <v>15</v>
      </c>
      <c r="G125815" s="16">
        <v>0</v>
      </c>
    </row>
    <row r="125816" spans="1:7" x14ac:dyDescent="0.3">
      <c r="A125816" s="13" t="s">
        <v>581</v>
      </c>
      <c r="B125816" s="14" t="s">
        <v>1</v>
      </c>
      <c r="C125816" s="14" t="s">
        <v>252</v>
      </c>
      <c r="D125816" s="14" t="s">
        <v>122</v>
      </c>
      <c r="E125816" s="15">
        <v>45632</v>
      </c>
      <c r="F125816" s="14" t="s">
        <v>15</v>
      </c>
      <c r="G125816" s="16">
        <v>0</v>
      </c>
    </row>
    <row r="125817" spans="1:7" x14ac:dyDescent="0.3">
      <c r="A125817" s="13" t="s">
        <v>581</v>
      </c>
      <c r="B125817" s="14" t="s">
        <v>1</v>
      </c>
      <c r="C125817" s="14" t="s">
        <v>252</v>
      </c>
      <c r="D125817" s="14" t="s">
        <v>122</v>
      </c>
      <c r="E125817" s="15">
        <v>45633</v>
      </c>
      <c r="F125817" s="14" t="s">
        <v>15</v>
      </c>
      <c r="G125817" s="16">
        <v>0</v>
      </c>
    </row>
    <row r="125818" spans="1:7" x14ac:dyDescent="0.3">
      <c r="A125818" s="13" t="s">
        <v>581</v>
      </c>
      <c r="B125818" s="14" t="s">
        <v>1</v>
      </c>
      <c r="C125818" s="14" t="s">
        <v>252</v>
      </c>
      <c r="D125818" s="14" t="s">
        <v>122</v>
      </c>
      <c r="E125818" s="15">
        <v>45634</v>
      </c>
      <c r="F125818" s="14" t="s">
        <v>15</v>
      </c>
      <c r="G125818" s="16">
        <v>0</v>
      </c>
    </row>
    <row r="125819" spans="1:7" x14ac:dyDescent="0.3">
      <c r="A125819" s="13" t="s">
        <v>581</v>
      </c>
      <c r="B125819" s="14" t="s">
        <v>1</v>
      </c>
      <c r="C125819" s="14" t="s">
        <v>252</v>
      </c>
      <c r="D125819" s="14" t="s">
        <v>122</v>
      </c>
      <c r="E125819" s="15">
        <v>45635</v>
      </c>
      <c r="F125819" s="14" t="s">
        <v>15</v>
      </c>
      <c r="G125819" s="16">
        <v>0</v>
      </c>
    </row>
    <row r="125820" spans="1:7" x14ac:dyDescent="0.3">
      <c r="A125820" s="13" t="s">
        <v>581</v>
      </c>
      <c r="B125820" s="14" t="s">
        <v>1</v>
      </c>
      <c r="C125820" s="14" t="s">
        <v>252</v>
      </c>
      <c r="D125820" s="14" t="s">
        <v>122</v>
      </c>
      <c r="E125820" s="15">
        <v>45636</v>
      </c>
      <c r="F125820" s="14" t="s">
        <v>15</v>
      </c>
      <c r="G125820" s="16">
        <v>0</v>
      </c>
    </row>
    <row r="125821" spans="1:7" x14ac:dyDescent="0.3">
      <c r="A125821" s="13" t="s">
        <v>581</v>
      </c>
      <c r="B125821" s="14" t="s">
        <v>1</v>
      </c>
      <c r="C125821" s="14" t="s">
        <v>252</v>
      </c>
      <c r="D125821" s="14" t="s">
        <v>122</v>
      </c>
      <c r="E125821" s="15">
        <v>45637</v>
      </c>
      <c r="F125821" s="14" t="s">
        <v>15</v>
      </c>
      <c r="G125821" s="16">
        <v>0</v>
      </c>
    </row>
    <row r="125822" spans="1:7" x14ac:dyDescent="0.3">
      <c r="A125822" s="13" t="s">
        <v>581</v>
      </c>
      <c r="B125822" s="14" t="s">
        <v>1</v>
      </c>
      <c r="C125822" s="14" t="s">
        <v>252</v>
      </c>
      <c r="D125822" s="14" t="s">
        <v>122</v>
      </c>
      <c r="E125822" s="15">
        <v>45638</v>
      </c>
      <c r="F125822" s="14" t="s">
        <v>15</v>
      </c>
      <c r="G125822" s="16">
        <v>0</v>
      </c>
    </row>
    <row r="125823" spans="1:7" x14ac:dyDescent="0.3">
      <c r="A125823" s="13" t="s">
        <v>581</v>
      </c>
      <c r="B125823" s="14" t="s">
        <v>1</v>
      </c>
      <c r="C125823" s="14" t="s">
        <v>252</v>
      </c>
      <c r="D125823" s="14" t="s">
        <v>122</v>
      </c>
      <c r="E125823" s="15">
        <v>45639</v>
      </c>
      <c r="F125823" s="14" t="s">
        <v>15</v>
      </c>
      <c r="G125823" s="16">
        <v>0</v>
      </c>
    </row>
    <row r="125824" spans="1:7" x14ac:dyDescent="0.3">
      <c r="A125824" s="13" t="s">
        <v>581</v>
      </c>
      <c r="B125824" s="14" t="s">
        <v>1</v>
      </c>
      <c r="C125824" s="14" t="s">
        <v>252</v>
      </c>
      <c r="D125824" s="14" t="s">
        <v>122</v>
      </c>
      <c r="E125824" s="15">
        <v>45640</v>
      </c>
      <c r="F125824" s="14" t="s">
        <v>15</v>
      </c>
      <c r="G125824" s="16">
        <v>0</v>
      </c>
    </row>
    <row r="125825" spans="1:7" x14ac:dyDescent="0.3">
      <c r="A125825" s="13" t="s">
        <v>581</v>
      </c>
      <c r="B125825" s="14" t="s">
        <v>1</v>
      </c>
      <c r="C125825" s="14" t="s">
        <v>252</v>
      </c>
      <c r="D125825" s="14" t="s">
        <v>122</v>
      </c>
      <c r="E125825" s="15">
        <v>45641</v>
      </c>
      <c r="F125825" s="14" t="s">
        <v>15</v>
      </c>
      <c r="G125825" s="16">
        <v>0</v>
      </c>
    </row>
    <row r="125826" spans="1:7" x14ac:dyDescent="0.3">
      <c r="A125826" s="13" t="s">
        <v>581</v>
      </c>
      <c r="B125826" s="14" t="s">
        <v>1</v>
      </c>
      <c r="C125826" s="14" t="s">
        <v>252</v>
      </c>
      <c r="D125826" s="14" t="s">
        <v>122</v>
      </c>
      <c r="E125826" s="15">
        <v>45642</v>
      </c>
      <c r="F125826" s="14" t="s">
        <v>15</v>
      </c>
      <c r="G125826" s="16">
        <v>0</v>
      </c>
    </row>
    <row r="125827" spans="1:7" x14ac:dyDescent="0.3">
      <c r="A125827" s="13" t="s">
        <v>581</v>
      </c>
      <c r="B125827" s="14" t="s">
        <v>1</v>
      </c>
      <c r="C125827" s="14" t="s">
        <v>252</v>
      </c>
      <c r="D125827" s="14" t="s">
        <v>122</v>
      </c>
      <c r="E125827" s="15">
        <v>45643</v>
      </c>
      <c r="F125827" s="14" t="s">
        <v>15</v>
      </c>
      <c r="G125827" s="16">
        <v>0</v>
      </c>
    </row>
    <row r="125828" spans="1:7" x14ac:dyDescent="0.3">
      <c r="A125828" s="13" t="s">
        <v>581</v>
      </c>
      <c r="B125828" s="14" t="s">
        <v>1</v>
      </c>
      <c r="C125828" s="14" t="s">
        <v>252</v>
      </c>
      <c r="D125828" s="14" t="s">
        <v>122</v>
      </c>
      <c r="E125828" s="15">
        <v>45644</v>
      </c>
      <c r="F125828" s="14" t="s">
        <v>15</v>
      </c>
      <c r="G125828" s="16">
        <v>0</v>
      </c>
    </row>
    <row r="125829" spans="1:7" x14ac:dyDescent="0.3">
      <c r="A125829" s="13" t="s">
        <v>581</v>
      </c>
      <c r="B125829" s="14" t="s">
        <v>1</v>
      </c>
      <c r="C125829" s="14" t="s">
        <v>252</v>
      </c>
      <c r="D125829" s="14" t="s">
        <v>122</v>
      </c>
      <c r="E125829" s="15">
        <v>45645</v>
      </c>
      <c r="F125829" s="14" t="s">
        <v>15</v>
      </c>
      <c r="G125829" s="16">
        <v>0</v>
      </c>
    </row>
    <row r="125830" spans="1:7" x14ac:dyDescent="0.3">
      <c r="A125830" s="13" t="s">
        <v>581</v>
      </c>
      <c r="B125830" s="14" t="s">
        <v>1</v>
      </c>
      <c r="C125830" s="14" t="s">
        <v>252</v>
      </c>
      <c r="D125830" s="14" t="s">
        <v>122</v>
      </c>
      <c r="E125830" s="15">
        <v>45646</v>
      </c>
      <c r="F125830" s="14" t="s">
        <v>15</v>
      </c>
      <c r="G125830" s="16">
        <v>0</v>
      </c>
    </row>
    <row r="125831" spans="1:7" x14ac:dyDescent="0.3">
      <c r="A125831" s="13" t="s">
        <v>581</v>
      </c>
      <c r="B125831" s="14" t="s">
        <v>1</v>
      </c>
      <c r="C125831" s="14" t="s">
        <v>252</v>
      </c>
      <c r="D125831" s="14" t="s">
        <v>122</v>
      </c>
      <c r="E125831" s="15">
        <v>45647</v>
      </c>
      <c r="F125831" s="14" t="s">
        <v>15</v>
      </c>
      <c r="G125831" s="16">
        <v>0</v>
      </c>
    </row>
    <row r="125832" spans="1:7" x14ac:dyDescent="0.3">
      <c r="A125832" s="13" t="s">
        <v>581</v>
      </c>
      <c r="B125832" s="14" t="s">
        <v>1</v>
      </c>
      <c r="C125832" s="14" t="s">
        <v>252</v>
      </c>
      <c r="D125832" s="14" t="s">
        <v>122</v>
      </c>
      <c r="E125832" s="15">
        <v>45648</v>
      </c>
      <c r="F125832" s="14" t="s">
        <v>15</v>
      </c>
      <c r="G125832" s="16">
        <v>0</v>
      </c>
    </row>
    <row r="125833" spans="1:7" x14ac:dyDescent="0.3">
      <c r="A125833" s="13" t="s">
        <v>581</v>
      </c>
      <c r="B125833" s="14" t="s">
        <v>1</v>
      </c>
      <c r="C125833" s="14" t="s">
        <v>252</v>
      </c>
      <c r="D125833" s="14" t="s">
        <v>122</v>
      </c>
      <c r="E125833" s="15">
        <v>45649</v>
      </c>
      <c r="F125833" s="14" t="s">
        <v>15</v>
      </c>
      <c r="G125833" s="16">
        <v>0</v>
      </c>
    </row>
    <row r="125834" spans="1:7" x14ac:dyDescent="0.3">
      <c r="A125834" s="13" t="s">
        <v>581</v>
      </c>
      <c r="B125834" s="14" t="s">
        <v>1</v>
      </c>
      <c r="C125834" s="14" t="s">
        <v>252</v>
      </c>
      <c r="D125834" s="14" t="s">
        <v>122</v>
      </c>
      <c r="E125834" s="15">
        <v>45650</v>
      </c>
      <c r="F125834" s="14" t="s">
        <v>15</v>
      </c>
      <c r="G125834" s="16">
        <v>0</v>
      </c>
    </row>
    <row r="125835" spans="1:7" x14ac:dyDescent="0.3">
      <c r="A125835" s="13" t="s">
        <v>581</v>
      </c>
      <c r="B125835" s="14" t="s">
        <v>1</v>
      </c>
      <c r="C125835" s="14" t="s">
        <v>252</v>
      </c>
      <c r="D125835" s="14" t="s">
        <v>122</v>
      </c>
      <c r="E125835" s="15">
        <v>45651</v>
      </c>
      <c r="F125835" s="14" t="s">
        <v>15</v>
      </c>
      <c r="G125835" s="16">
        <v>0</v>
      </c>
    </row>
    <row r="125836" spans="1:7" x14ac:dyDescent="0.3">
      <c r="A125836" s="13" t="s">
        <v>581</v>
      </c>
      <c r="B125836" s="14" t="s">
        <v>1</v>
      </c>
      <c r="C125836" s="14" t="s">
        <v>252</v>
      </c>
      <c r="D125836" s="14" t="s">
        <v>122</v>
      </c>
      <c r="E125836" s="15">
        <v>45652</v>
      </c>
      <c r="F125836" s="14" t="s">
        <v>15</v>
      </c>
      <c r="G125836" s="16">
        <v>0</v>
      </c>
    </row>
    <row r="125837" spans="1:7" x14ac:dyDescent="0.3">
      <c r="A125837" s="13" t="s">
        <v>581</v>
      </c>
      <c r="B125837" s="14" t="s">
        <v>1</v>
      </c>
      <c r="C125837" s="14" t="s">
        <v>252</v>
      </c>
      <c r="D125837" s="14" t="s">
        <v>122</v>
      </c>
      <c r="E125837" s="15">
        <v>45653</v>
      </c>
      <c r="F125837" s="14" t="s">
        <v>15</v>
      </c>
      <c r="G125837" s="16">
        <v>0</v>
      </c>
    </row>
    <row r="125838" spans="1:7" x14ac:dyDescent="0.3">
      <c r="A125838" s="13" t="s">
        <v>581</v>
      </c>
      <c r="B125838" s="14" t="s">
        <v>1</v>
      </c>
      <c r="C125838" s="14" t="s">
        <v>252</v>
      </c>
      <c r="D125838" s="14" t="s">
        <v>122</v>
      </c>
      <c r="E125838" s="15">
        <v>45654</v>
      </c>
      <c r="F125838" s="14" t="s">
        <v>15</v>
      </c>
      <c r="G125838" s="16">
        <v>0</v>
      </c>
    </row>
    <row r="125839" spans="1:7" x14ac:dyDescent="0.3">
      <c r="A125839" s="13" t="s">
        <v>581</v>
      </c>
      <c r="B125839" s="14" t="s">
        <v>1</v>
      </c>
      <c r="C125839" s="14" t="s">
        <v>252</v>
      </c>
      <c r="D125839" s="14" t="s">
        <v>122</v>
      </c>
      <c r="E125839" s="15">
        <v>45655</v>
      </c>
      <c r="F125839" s="14" t="s">
        <v>15</v>
      </c>
      <c r="G125839" s="16">
        <v>0</v>
      </c>
    </row>
    <row r="125840" spans="1:7" x14ac:dyDescent="0.3">
      <c r="A125840" s="13" t="s">
        <v>581</v>
      </c>
      <c r="B125840" s="14" t="s">
        <v>1</v>
      </c>
      <c r="C125840" s="14" t="s">
        <v>252</v>
      </c>
      <c r="D125840" s="14" t="s">
        <v>122</v>
      </c>
      <c r="E125840" s="15">
        <v>45656</v>
      </c>
      <c r="F125840" s="14" t="s">
        <v>15</v>
      </c>
      <c r="G125840" s="16">
        <v>0</v>
      </c>
    </row>
    <row r="125841" spans="1:7" x14ac:dyDescent="0.3">
      <c r="A125841" s="13" t="s">
        <v>581</v>
      </c>
      <c r="B125841" s="14" t="s">
        <v>1</v>
      </c>
      <c r="C125841" s="14" t="s">
        <v>252</v>
      </c>
      <c r="D125841" s="14" t="s">
        <v>122</v>
      </c>
      <c r="E125841" s="15">
        <v>45657</v>
      </c>
      <c r="F125841" s="14" t="s">
        <v>15</v>
      </c>
      <c r="G125841" s="16">
        <v>0</v>
      </c>
    </row>
    <row r="125842" spans="1:7" x14ac:dyDescent="0.3">
      <c r="A125842" s="13" t="s">
        <v>581</v>
      </c>
      <c r="B125842" s="14" t="s">
        <v>1</v>
      </c>
      <c r="C125842" s="14" t="s">
        <v>252</v>
      </c>
      <c r="D125842" s="14" t="s">
        <v>122</v>
      </c>
      <c r="E125842" s="15">
        <v>45658</v>
      </c>
      <c r="F125842" s="14" t="s">
        <v>15</v>
      </c>
      <c r="G125842" s="16">
        <v>0</v>
      </c>
    </row>
    <row r="125843" spans="1:7" x14ac:dyDescent="0.3">
      <c r="A125843" s="13" t="s">
        <v>581</v>
      </c>
      <c r="B125843" s="14" t="s">
        <v>1</v>
      </c>
      <c r="C125843" s="14" t="s">
        <v>252</v>
      </c>
      <c r="D125843" s="14" t="s">
        <v>122</v>
      </c>
      <c r="E125843" s="15">
        <v>45659</v>
      </c>
      <c r="F125843" s="14" t="s">
        <v>15</v>
      </c>
      <c r="G125843" s="16">
        <v>0</v>
      </c>
    </row>
    <row r="125844" spans="1:7" x14ac:dyDescent="0.3">
      <c r="A125844" s="13" t="s">
        <v>581</v>
      </c>
      <c r="B125844" s="14" t="s">
        <v>1</v>
      </c>
      <c r="C125844" s="14" t="s">
        <v>252</v>
      </c>
      <c r="D125844" s="14" t="s">
        <v>122</v>
      </c>
      <c r="E125844" s="15">
        <v>45660</v>
      </c>
      <c r="F125844" s="14" t="s">
        <v>15</v>
      </c>
      <c r="G125844" s="16">
        <v>0</v>
      </c>
    </row>
    <row r="125845" spans="1:7" x14ac:dyDescent="0.3">
      <c r="A125845" s="13" t="s">
        <v>581</v>
      </c>
      <c r="B125845" s="14" t="s">
        <v>1</v>
      </c>
      <c r="C125845" s="14" t="s">
        <v>252</v>
      </c>
      <c r="D125845" s="14" t="s">
        <v>122</v>
      </c>
      <c r="E125845" s="15">
        <v>45661</v>
      </c>
      <c r="F125845" s="14" t="s">
        <v>15</v>
      </c>
      <c r="G125845" s="16">
        <v>0</v>
      </c>
    </row>
    <row r="125846" spans="1:7" x14ac:dyDescent="0.3">
      <c r="A125846" s="13" t="s">
        <v>581</v>
      </c>
      <c r="B125846" s="14" t="s">
        <v>1</v>
      </c>
      <c r="C125846" s="14" t="s">
        <v>252</v>
      </c>
      <c r="D125846" s="14" t="s">
        <v>122</v>
      </c>
      <c r="E125846" s="15">
        <v>45662</v>
      </c>
      <c r="F125846" s="14" t="s">
        <v>15</v>
      </c>
      <c r="G125846" s="16">
        <v>0</v>
      </c>
    </row>
    <row r="125847" spans="1:7" x14ac:dyDescent="0.3">
      <c r="A125847" s="13" t="s">
        <v>581</v>
      </c>
      <c r="B125847" s="14" t="s">
        <v>1</v>
      </c>
      <c r="C125847" s="14" t="s">
        <v>252</v>
      </c>
      <c r="D125847" s="14" t="s">
        <v>122</v>
      </c>
      <c r="E125847" s="15">
        <v>45663</v>
      </c>
      <c r="F125847" s="14" t="s">
        <v>15</v>
      </c>
      <c r="G125847" s="16">
        <v>0</v>
      </c>
    </row>
    <row r="125848" spans="1:7" x14ac:dyDescent="0.3">
      <c r="A125848" s="13" t="s">
        <v>581</v>
      </c>
      <c r="B125848" s="14" t="s">
        <v>1</v>
      </c>
      <c r="C125848" s="14" t="s">
        <v>252</v>
      </c>
      <c r="D125848" s="14" t="s">
        <v>122</v>
      </c>
      <c r="E125848" s="15">
        <v>45664</v>
      </c>
      <c r="F125848" s="14" t="s">
        <v>15</v>
      </c>
      <c r="G125848" s="16">
        <v>0</v>
      </c>
    </row>
    <row r="125849" spans="1:7" x14ac:dyDescent="0.3">
      <c r="A125849" s="13" t="s">
        <v>581</v>
      </c>
      <c r="B125849" s="14" t="s">
        <v>1</v>
      </c>
      <c r="C125849" s="14" t="s">
        <v>252</v>
      </c>
      <c r="D125849" s="14" t="s">
        <v>122</v>
      </c>
      <c r="E125849" s="15">
        <v>45665</v>
      </c>
      <c r="F125849" s="14" t="s">
        <v>15</v>
      </c>
      <c r="G125849" s="16">
        <v>0</v>
      </c>
    </row>
    <row r="125850" spans="1:7" x14ac:dyDescent="0.3">
      <c r="A125850" s="13" t="s">
        <v>581</v>
      </c>
      <c r="B125850" s="14" t="s">
        <v>1</v>
      </c>
      <c r="C125850" s="14" t="s">
        <v>252</v>
      </c>
      <c r="D125850" s="14" t="s">
        <v>122</v>
      </c>
      <c r="E125850" s="15">
        <v>45666</v>
      </c>
      <c r="F125850" s="14" t="s">
        <v>15</v>
      </c>
      <c r="G125850" s="16">
        <v>0</v>
      </c>
    </row>
    <row r="125851" spans="1:7" x14ac:dyDescent="0.3">
      <c r="A125851" s="13" t="s">
        <v>581</v>
      </c>
      <c r="B125851" s="14" t="s">
        <v>1</v>
      </c>
      <c r="C125851" s="14" t="s">
        <v>252</v>
      </c>
      <c r="D125851" s="14" t="s">
        <v>122</v>
      </c>
      <c r="E125851" s="15">
        <v>45667</v>
      </c>
      <c r="F125851" s="14" t="s">
        <v>15</v>
      </c>
      <c r="G125851" s="16">
        <v>0</v>
      </c>
    </row>
    <row r="125852" spans="1:7" x14ac:dyDescent="0.3">
      <c r="A125852" s="13" t="s">
        <v>581</v>
      </c>
      <c r="B125852" s="14" t="s">
        <v>1</v>
      </c>
      <c r="C125852" s="14" t="s">
        <v>252</v>
      </c>
      <c r="D125852" s="14" t="s">
        <v>122</v>
      </c>
      <c r="E125852" s="15">
        <v>45668</v>
      </c>
      <c r="F125852" s="14" t="s">
        <v>15</v>
      </c>
      <c r="G125852" s="16">
        <v>0</v>
      </c>
    </row>
    <row r="125853" spans="1:7" x14ac:dyDescent="0.3">
      <c r="A125853" s="13" t="s">
        <v>581</v>
      </c>
      <c r="B125853" s="14" t="s">
        <v>1</v>
      </c>
      <c r="C125853" s="14" t="s">
        <v>252</v>
      </c>
      <c r="D125853" s="14" t="s">
        <v>122</v>
      </c>
      <c r="E125853" s="15">
        <v>45669</v>
      </c>
      <c r="F125853" s="14" t="s">
        <v>15</v>
      </c>
      <c r="G125853" s="16">
        <v>0</v>
      </c>
    </row>
    <row r="125854" spans="1:7" x14ac:dyDescent="0.3">
      <c r="A125854" s="13" t="s">
        <v>581</v>
      </c>
      <c r="B125854" s="14" t="s">
        <v>1</v>
      </c>
      <c r="C125854" s="14" t="s">
        <v>252</v>
      </c>
      <c r="D125854" s="14" t="s">
        <v>122</v>
      </c>
      <c r="E125854" s="15">
        <v>45670</v>
      </c>
      <c r="F125854" s="14" t="s">
        <v>15</v>
      </c>
      <c r="G125854" s="16">
        <v>0</v>
      </c>
    </row>
    <row r="125855" spans="1:7" x14ac:dyDescent="0.3">
      <c r="A125855" s="13" t="s">
        <v>581</v>
      </c>
      <c r="B125855" s="14" t="s">
        <v>1</v>
      </c>
      <c r="C125855" s="14" t="s">
        <v>252</v>
      </c>
      <c r="D125855" s="14" t="s">
        <v>122</v>
      </c>
      <c r="E125855" s="15">
        <v>45671</v>
      </c>
      <c r="F125855" s="14" t="s">
        <v>15</v>
      </c>
      <c r="G125855" s="16">
        <v>0</v>
      </c>
    </row>
    <row r="125856" spans="1:7" x14ac:dyDescent="0.3">
      <c r="A125856" s="13" t="s">
        <v>581</v>
      </c>
      <c r="B125856" s="14" t="s">
        <v>1</v>
      </c>
      <c r="C125856" s="14" t="s">
        <v>252</v>
      </c>
      <c r="D125856" s="14" t="s">
        <v>122</v>
      </c>
      <c r="E125856" s="15">
        <v>45672</v>
      </c>
      <c r="F125856" s="14" t="s">
        <v>15</v>
      </c>
      <c r="G125856" s="16">
        <v>0</v>
      </c>
    </row>
    <row r="125857" spans="1:7" x14ac:dyDescent="0.3">
      <c r="A125857" s="13" t="s">
        <v>581</v>
      </c>
      <c r="B125857" s="14" t="s">
        <v>1</v>
      </c>
      <c r="C125857" s="14" t="s">
        <v>252</v>
      </c>
      <c r="D125857" s="14" t="s">
        <v>122</v>
      </c>
      <c r="E125857" s="15">
        <v>45673</v>
      </c>
      <c r="F125857" s="14" t="s">
        <v>15</v>
      </c>
      <c r="G125857" s="16">
        <v>0</v>
      </c>
    </row>
    <row r="125858" spans="1:7" x14ac:dyDescent="0.3">
      <c r="A125858" s="13" t="s">
        <v>581</v>
      </c>
      <c r="B125858" s="14" t="s">
        <v>1</v>
      </c>
      <c r="C125858" s="14" t="s">
        <v>252</v>
      </c>
      <c r="D125858" s="14" t="s">
        <v>122</v>
      </c>
      <c r="E125858" s="15">
        <v>45674</v>
      </c>
      <c r="F125858" s="14" t="s">
        <v>15</v>
      </c>
      <c r="G125858" s="16">
        <v>0</v>
      </c>
    </row>
    <row r="125859" spans="1:7" x14ac:dyDescent="0.3">
      <c r="A125859" s="13" t="s">
        <v>581</v>
      </c>
      <c r="B125859" s="14" t="s">
        <v>1</v>
      </c>
      <c r="C125859" s="14" t="s">
        <v>252</v>
      </c>
      <c r="D125859" s="14" t="s">
        <v>122</v>
      </c>
      <c r="E125859" s="15">
        <v>45675</v>
      </c>
      <c r="F125859" s="14" t="s">
        <v>15</v>
      </c>
      <c r="G125859" s="16">
        <v>0</v>
      </c>
    </row>
    <row r="125860" spans="1:7" x14ac:dyDescent="0.3">
      <c r="A125860" s="13" t="s">
        <v>581</v>
      </c>
      <c r="B125860" s="14" t="s">
        <v>1</v>
      </c>
      <c r="C125860" s="14" t="s">
        <v>252</v>
      </c>
      <c r="D125860" s="14" t="s">
        <v>122</v>
      </c>
      <c r="E125860" s="15">
        <v>45676</v>
      </c>
      <c r="F125860" s="14" t="s">
        <v>15</v>
      </c>
      <c r="G125860" s="16">
        <v>0</v>
      </c>
    </row>
    <row r="125861" spans="1:7" x14ac:dyDescent="0.3">
      <c r="A125861" s="13" t="s">
        <v>581</v>
      </c>
      <c r="B125861" s="14" t="s">
        <v>1</v>
      </c>
      <c r="C125861" s="14" t="s">
        <v>252</v>
      </c>
      <c r="D125861" s="14" t="s">
        <v>122</v>
      </c>
      <c r="E125861" s="15">
        <v>45677</v>
      </c>
      <c r="F125861" s="14" t="s">
        <v>15</v>
      </c>
      <c r="G125861" s="16">
        <v>0</v>
      </c>
    </row>
    <row r="125862" spans="1:7" x14ac:dyDescent="0.3">
      <c r="A125862" s="13" t="s">
        <v>581</v>
      </c>
      <c r="B125862" s="14" t="s">
        <v>1</v>
      </c>
      <c r="C125862" s="14" t="s">
        <v>252</v>
      </c>
      <c r="D125862" s="14" t="s">
        <v>122</v>
      </c>
      <c r="E125862" s="15">
        <v>45678</v>
      </c>
      <c r="F125862" s="14" t="s">
        <v>15</v>
      </c>
      <c r="G125862" s="16">
        <v>0</v>
      </c>
    </row>
    <row r="125863" spans="1:7" x14ac:dyDescent="0.3">
      <c r="A125863" s="13" t="s">
        <v>581</v>
      </c>
      <c r="B125863" s="14" t="s">
        <v>1</v>
      </c>
      <c r="C125863" s="14" t="s">
        <v>252</v>
      </c>
      <c r="D125863" s="14" t="s">
        <v>122</v>
      </c>
      <c r="E125863" s="15">
        <v>45679</v>
      </c>
      <c r="F125863" s="14" t="s">
        <v>15</v>
      </c>
      <c r="G125863" s="16">
        <v>0</v>
      </c>
    </row>
    <row r="125864" spans="1:7" x14ac:dyDescent="0.3">
      <c r="A125864" s="13" t="s">
        <v>581</v>
      </c>
      <c r="B125864" s="14" t="s">
        <v>1</v>
      </c>
      <c r="C125864" s="14" t="s">
        <v>252</v>
      </c>
      <c r="D125864" s="14" t="s">
        <v>122</v>
      </c>
      <c r="E125864" s="15">
        <v>45680</v>
      </c>
      <c r="F125864" s="14" t="s">
        <v>15</v>
      </c>
      <c r="G125864" s="16">
        <v>0</v>
      </c>
    </row>
    <row r="125865" spans="1:7" x14ac:dyDescent="0.3">
      <c r="A125865" s="13" t="s">
        <v>581</v>
      </c>
      <c r="B125865" s="14" t="s">
        <v>1</v>
      </c>
      <c r="C125865" s="14" t="s">
        <v>252</v>
      </c>
      <c r="D125865" s="14" t="s">
        <v>122</v>
      </c>
      <c r="E125865" s="15">
        <v>45681</v>
      </c>
      <c r="F125865" s="14" t="s">
        <v>15</v>
      </c>
      <c r="G125865" s="16">
        <v>0</v>
      </c>
    </row>
    <row r="125866" spans="1:7" x14ac:dyDescent="0.3">
      <c r="A125866" s="13" t="s">
        <v>581</v>
      </c>
      <c r="B125866" s="14" t="s">
        <v>1</v>
      </c>
      <c r="C125866" s="14" t="s">
        <v>252</v>
      </c>
      <c r="D125866" s="14" t="s">
        <v>122</v>
      </c>
      <c r="E125866" s="15">
        <v>45682</v>
      </c>
      <c r="F125866" s="14" t="s">
        <v>15</v>
      </c>
      <c r="G125866" s="16">
        <v>0</v>
      </c>
    </row>
    <row r="125867" spans="1:7" x14ac:dyDescent="0.3">
      <c r="A125867" s="13" t="s">
        <v>581</v>
      </c>
      <c r="B125867" s="14" t="s">
        <v>1</v>
      </c>
      <c r="C125867" s="14" t="s">
        <v>252</v>
      </c>
      <c r="D125867" s="14" t="s">
        <v>122</v>
      </c>
      <c r="E125867" s="15">
        <v>45683</v>
      </c>
      <c r="F125867" s="14" t="s">
        <v>15</v>
      </c>
      <c r="G125867" s="16">
        <v>0</v>
      </c>
    </row>
    <row r="125868" spans="1:7" x14ac:dyDescent="0.3">
      <c r="A125868" s="13" t="s">
        <v>581</v>
      </c>
      <c r="B125868" s="14" t="s">
        <v>1</v>
      </c>
      <c r="C125868" s="14" t="s">
        <v>252</v>
      </c>
      <c r="D125868" s="14" t="s">
        <v>122</v>
      </c>
      <c r="E125868" s="15">
        <v>45684</v>
      </c>
      <c r="F125868" s="14" t="s">
        <v>15</v>
      </c>
      <c r="G125868" s="16">
        <v>0</v>
      </c>
    </row>
    <row r="125869" spans="1:7" x14ac:dyDescent="0.3">
      <c r="A125869" s="13" t="s">
        <v>581</v>
      </c>
      <c r="B125869" s="14" t="s">
        <v>1</v>
      </c>
      <c r="C125869" s="14" t="s">
        <v>252</v>
      </c>
      <c r="D125869" s="14" t="s">
        <v>122</v>
      </c>
      <c r="E125869" s="15">
        <v>45685</v>
      </c>
      <c r="F125869" s="14" t="s">
        <v>15</v>
      </c>
      <c r="G125869" s="16">
        <v>0</v>
      </c>
    </row>
    <row r="125870" spans="1:7" x14ac:dyDescent="0.3">
      <c r="A125870" s="13" t="s">
        <v>581</v>
      </c>
      <c r="B125870" s="14" t="s">
        <v>1</v>
      </c>
      <c r="C125870" s="14" t="s">
        <v>252</v>
      </c>
      <c r="D125870" s="14" t="s">
        <v>122</v>
      </c>
      <c r="E125870" s="15">
        <v>45686</v>
      </c>
      <c r="F125870" s="14" t="s">
        <v>15</v>
      </c>
      <c r="G125870" s="16">
        <v>0</v>
      </c>
    </row>
    <row r="125871" spans="1:7" x14ac:dyDescent="0.3">
      <c r="A125871" s="13" t="s">
        <v>581</v>
      </c>
      <c r="B125871" s="14" t="s">
        <v>1</v>
      </c>
      <c r="C125871" s="14" t="s">
        <v>252</v>
      </c>
      <c r="D125871" s="14" t="s">
        <v>122</v>
      </c>
      <c r="E125871" s="15">
        <v>45687</v>
      </c>
      <c r="F125871" s="14" t="s">
        <v>15</v>
      </c>
      <c r="G125871" s="16">
        <v>0</v>
      </c>
    </row>
    <row r="125872" spans="1:7" x14ac:dyDescent="0.3">
      <c r="A125872" s="13" t="s">
        <v>581</v>
      </c>
      <c r="B125872" s="14" t="s">
        <v>1</v>
      </c>
      <c r="C125872" s="14" t="s">
        <v>252</v>
      </c>
      <c r="D125872" s="14" t="s">
        <v>122</v>
      </c>
      <c r="E125872" s="15">
        <v>45688</v>
      </c>
      <c r="F125872" s="14" t="s">
        <v>15</v>
      </c>
      <c r="G125872" s="16">
        <v>0</v>
      </c>
    </row>
    <row r="125873" spans="1:7" x14ac:dyDescent="0.3">
      <c r="A125873" s="13" t="s">
        <v>581</v>
      </c>
      <c r="B125873" s="14" t="s">
        <v>1</v>
      </c>
      <c r="C125873" s="14" t="s">
        <v>252</v>
      </c>
      <c r="D125873" s="14" t="s">
        <v>122</v>
      </c>
      <c r="E125873" s="15">
        <v>45689</v>
      </c>
      <c r="F125873" s="14" t="s">
        <v>15</v>
      </c>
      <c r="G125873" s="16">
        <v>0</v>
      </c>
    </row>
    <row r="125874" spans="1:7" x14ac:dyDescent="0.3">
      <c r="A125874" s="13" t="s">
        <v>581</v>
      </c>
      <c r="B125874" s="14" t="s">
        <v>1</v>
      </c>
      <c r="C125874" s="14" t="s">
        <v>252</v>
      </c>
      <c r="D125874" s="14" t="s">
        <v>122</v>
      </c>
      <c r="E125874" s="15">
        <v>45690</v>
      </c>
      <c r="F125874" s="14" t="s">
        <v>15</v>
      </c>
      <c r="G125874" s="16">
        <v>0</v>
      </c>
    </row>
    <row r="125875" spans="1:7" x14ac:dyDescent="0.3">
      <c r="A125875" s="13" t="s">
        <v>581</v>
      </c>
      <c r="B125875" s="14" t="s">
        <v>1</v>
      </c>
      <c r="C125875" s="14" t="s">
        <v>252</v>
      </c>
      <c r="D125875" s="14" t="s">
        <v>122</v>
      </c>
      <c r="E125875" s="15">
        <v>45691</v>
      </c>
      <c r="F125875" s="14" t="s">
        <v>15</v>
      </c>
      <c r="G125875" s="16">
        <v>0</v>
      </c>
    </row>
    <row r="125876" spans="1:7" x14ac:dyDescent="0.3">
      <c r="A125876" s="13" t="s">
        <v>581</v>
      </c>
      <c r="B125876" s="14" t="s">
        <v>1</v>
      </c>
      <c r="C125876" s="14" t="s">
        <v>252</v>
      </c>
      <c r="D125876" s="14" t="s">
        <v>122</v>
      </c>
      <c r="E125876" s="15">
        <v>45692</v>
      </c>
      <c r="F125876" s="14" t="s">
        <v>15</v>
      </c>
      <c r="G125876" s="16">
        <v>0</v>
      </c>
    </row>
    <row r="125877" spans="1:7" x14ac:dyDescent="0.3">
      <c r="A125877" s="13" t="s">
        <v>581</v>
      </c>
      <c r="B125877" s="14" t="s">
        <v>1</v>
      </c>
      <c r="C125877" s="14" t="s">
        <v>252</v>
      </c>
      <c r="D125877" s="14" t="s">
        <v>122</v>
      </c>
      <c r="E125877" s="15">
        <v>45693</v>
      </c>
      <c r="F125877" s="14" t="s">
        <v>15</v>
      </c>
      <c r="G125877" s="16">
        <v>0</v>
      </c>
    </row>
    <row r="125878" spans="1:7" x14ac:dyDescent="0.3">
      <c r="A125878" s="13" t="s">
        <v>581</v>
      </c>
      <c r="B125878" s="14" t="s">
        <v>1</v>
      </c>
      <c r="C125878" s="14" t="s">
        <v>252</v>
      </c>
      <c r="D125878" s="14" t="s">
        <v>122</v>
      </c>
      <c r="E125878" s="15">
        <v>45694</v>
      </c>
      <c r="F125878" s="14" t="s">
        <v>15</v>
      </c>
      <c r="G125878" s="16">
        <v>0</v>
      </c>
    </row>
    <row r="125879" spans="1:7" x14ac:dyDescent="0.3">
      <c r="A125879" s="13" t="s">
        <v>581</v>
      </c>
      <c r="B125879" s="14" t="s">
        <v>1</v>
      </c>
      <c r="C125879" s="14" t="s">
        <v>252</v>
      </c>
      <c r="D125879" s="14" t="s">
        <v>122</v>
      </c>
      <c r="E125879" s="15">
        <v>45695</v>
      </c>
      <c r="F125879" s="14" t="s">
        <v>15</v>
      </c>
      <c r="G125879" s="16">
        <v>0</v>
      </c>
    </row>
    <row r="125880" spans="1:7" x14ac:dyDescent="0.3">
      <c r="A125880" s="13" t="s">
        <v>581</v>
      </c>
      <c r="B125880" s="14" t="s">
        <v>1</v>
      </c>
      <c r="C125880" s="14" t="s">
        <v>252</v>
      </c>
      <c r="D125880" s="14" t="s">
        <v>122</v>
      </c>
      <c r="E125880" s="15">
        <v>45696</v>
      </c>
      <c r="F125880" s="14" t="s">
        <v>15</v>
      </c>
      <c r="G125880" s="16">
        <v>0</v>
      </c>
    </row>
    <row r="125881" spans="1:7" x14ac:dyDescent="0.3">
      <c r="A125881" s="13" t="s">
        <v>581</v>
      </c>
      <c r="B125881" s="14" t="s">
        <v>1</v>
      </c>
      <c r="C125881" s="14" t="s">
        <v>252</v>
      </c>
      <c r="D125881" s="14" t="s">
        <v>122</v>
      </c>
      <c r="E125881" s="15">
        <v>45697</v>
      </c>
      <c r="F125881" s="14" t="s">
        <v>15</v>
      </c>
      <c r="G125881" s="16">
        <v>0</v>
      </c>
    </row>
    <row r="125882" spans="1:7" x14ac:dyDescent="0.3">
      <c r="A125882" s="13" t="s">
        <v>581</v>
      </c>
      <c r="B125882" s="14" t="s">
        <v>1</v>
      </c>
      <c r="C125882" s="14" t="s">
        <v>252</v>
      </c>
      <c r="D125882" s="14" t="s">
        <v>122</v>
      </c>
      <c r="E125882" s="15">
        <v>45698</v>
      </c>
      <c r="F125882" s="14" t="s">
        <v>15</v>
      </c>
      <c r="G125882" s="16">
        <v>0</v>
      </c>
    </row>
    <row r="125883" spans="1:7" x14ac:dyDescent="0.3">
      <c r="A125883" s="13" t="s">
        <v>581</v>
      </c>
      <c r="B125883" s="14" t="s">
        <v>1</v>
      </c>
      <c r="C125883" s="14" t="s">
        <v>252</v>
      </c>
      <c r="D125883" s="14" t="s">
        <v>122</v>
      </c>
      <c r="E125883" s="15">
        <v>45699</v>
      </c>
      <c r="F125883" s="14" t="s">
        <v>15</v>
      </c>
      <c r="G125883" s="16">
        <v>0</v>
      </c>
    </row>
    <row r="125884" spans="1:7" x14ac:dyDescent="0.3">
      <c r="A125884" s="13" t="s">
        <v>581</v>
      </c>
      <c r="B125884" s="14" t="s">
        <v>1</v>
      </c>
      <c r="C125884" s="14" t="s">
        <v>252</v>
      </c>
      <c r="D125884" s="14" t="s">
        <v>122</v>
      </c>
      <c r="E125884" s="15">
        <v>45700</v>
      </c>
      <c r="F125884" s="14" t="s">
        <v>15</v>
      </c>
      <c r="G125884" s="16">
        <v>0</v>
      </c>
    </row>
    <row r="125885" spans="1:7" x14ac:dyDescent="0.3">
      <c r="A125885" s="13" t="s">
        <v>581</v>
      </c>
      <c r="B125885" s="14" t="s">
        <v>1</v>
      </c>
      <c r="C125885" s="14" t="s">
        <v>252</v>
      </c>
      <c r="D125885" s="14" t="s">
        <v>122</v>
      </c>
      <c r="E125885" s="15">
        <v>45701</v>
      </c>
      <c r="F125885" s="14" t="s">
        <v>15</v>
      </c>
      <c r="G125885" s="16">
        <v>0</v>
      </c>
    </row>
    <row r="125886" spans="1:7" x14ac:dyDescent="0.3">
      <c r="A125886" s="13" t="s">
        <v>581</v>
      </c>
      <c r="B125886" s="14" t="s">
        <v>1</v>
      </c>
      <c r="C125886" s="14" t="s">
        <v>252</v>
      </c>
      <c r="D125886" s="14" t="s">
        <v>122</v>
      </c>
      <c r="E125886" s="15">
        <v>45702</v>
      </c>
      <c r="F125886" s="14" t="s">
        <v>15</v>
      </c>
      <c r="G125886" s="16">
        <v>0</v>
      </c>
    </row>
    <row r="125887" spans="1:7" x14ac:dyDescent="0.3">
      <c r="A125887" s="13" t="s">
        <v>581</v>
      </c>
      <c r="B125887" s="14" t="s">
        <v>1</v>
      </c>
      <c r="C125887" s="14" t="s">
        <v>252</v>
      </c>
      <c r="D125887" s="14" t="s">
        <v>122</v>
      </c>
      <c r="E125887" s="15">
        <v>45703</v>
      </c>
      <c r="F125887" s="14" t="s">
        <v>15</v>
      </c>
      <c r="G125887" s="16">
        <v>0</v>
      </c>
    </row>
    <row r="125888" spans="1:7" x14ac:dyDescent="0.3">
      <c r="A125888" s="13" t="s">
        <v>581</v>
      </c>
      <c r="B125888" s="14" t="s">
        <v>1</v>
      </c>
      <c r="C125888" s="14" t="s">
        <v>252</v>
      </c>
      <c r="D125888" s="14" t="s">
        <v>122</v>
      </c>
      <c r="E125888" s="15">
        <v>45704</v>
      </c>
      <c r="F125888" s="14" t="s">
        <v>15</v>
      </c>
      <c r="G125888" s="16">
        <v>0</v>
      </c>
    </row>
    <row r="125889" spans="1:7" x14ac:dyDescent="0.3">
      <c r="A125889" s="13" t="s">
        <v>581</v>
      </c>
      <c r="B125889" s="14" t="s">
        <v>1</v>
      </c>
      <c r="C125889" s="14" t="s">
        <v>252</v>
      </c>
      <c r="D125889" s="14" t="s">
        <v>122</v>
      </c>
      <c r="E125889" s="15">
        <v>45705</v>
      </c>
      <c r="F125889" s="14" t="s">
        <v>15</v>
      </c>
      <c r="G125889" s="16">
        <v>0</v>
      </c>
    </row>
    <row r="125890" spans="1:7" x14ac:dyDescent="0.3">
      <c r="A125890" s="13" t="s">
        <v>581</v>
      </c>
      <c r="B125890" s="14" t="s">
        <v>1</v>
      </c>
      <c r="C125890" s="14" t="s">
        <v>252</v>
      </c>
      <c r="D125890" s="14" t="s">
        <v>122</v>
      </c>
      <c r="E125890" s="15">
        <v>45706</v>
      </c>
      <c r="F125890" s="14" t="s">
        <v>15</v>
      </c>
      <c r="G125890" s="16">
        <v>0</v>
      </c>
    </row>
    <row r="125891" spans="1:7" x14ac:dyDescent="0.3">
      <c r="A125891" s="13" t="s">
        <v>581</v>
      </c>
      <c r="B125891" s="14" t="s">
        <v>1</v>
      </c>
      <c r="C125891" s="14" t="s">
        <v>252</v>
      </c>
      <c r="D125891" s="14" t="s">
        <v>122</v>
      </c>
      <c r="E125891" s="15">
        <v>45707</v>
      </c>
      <c r="F125891" s="14" t="s">
        <v>15</v>
      </c>
      <c r="G125891" s="16">
        <v>0</v>
      </c>
    </row>
    <row r="125892" spans="1:7" x14ac:dyDescent="0.3">
      <c r="A125892" s="13" t="s">
        <v>581</v>
      </c>
      <c r="B125892" s="14" t="s">
        <v>1</v>
      </c>
      <c r="C125892" s="14" t="s">
        <v>252</v>
      </c>
      <c r="D125892" s="14" t="s">
        <v>122</v>
      </c>
      <c r="E125892" s="15">
        <v>45708</v>
      </c>
      <c r="F125892" s="14" t="s">
        <v>15</v>
      </c>
      <c r="G125892" s="16">
        <v>0</v>
      </c>
    </row>
    <row r="125893" spans="1:7" x14ac:dyDescent="0.3">
      <c r="A125893" s="13" t="s">
        <v>581</v>
      </c>
      <c r="B125893" s="14" t="s">
        <v>1</v>
      </c>
      <c r="C125893" s="14" t="s">
        <v>252</v>
      </c>
      <c r="D125893" s="14" t="s">
        <v>122</v>
      </c>
      <c r="E125893" s="15">
        <v>45709</v>
      </c>
      <c r="F125893" s="14" t="s">
        <v>15</v>
      </c>
      <c r="G125893" s="16">
        <v>0</v>
      </c>
    </row>
    <row r="125894" spans="1:7" x14ac:dyDescent="0.3">
      <c r="A125894" s="13" t="s">
        <v>581</v>
      </c>
      <c r="B125894" s="14" t="s">
        <v>1</v>
      </c>
      <c r="C125894" s="14" t="s">
        <v>252</v>
      </c>
      <c r="D125894" s="14" t="s">
        <v>122</v>
      </c>
      <c r="E125894" s="15">
        <v>45710</v>
      </c>
      <c r="F125894" s="14" t="s">
        <v>15</v>
      </c>
      <c r="G125894" s="16">
        <v>0</v>
      </c>
    </row>
    <row r="125895" spans="1:7" x14ac:dyDescent="0.3">
      <c r="A125895" s="13" t="s">
        <v>581</v>
      </c>
      <c r="B125895" s="14" t="s">
        <v>1</v>
      </c>
      <c r="C125895" s="14" t="s">
        <v>252</v>
      </c>
      <c r="D125895" s="14" t="s">
        <v>122</v>
      </c>
      <c r="E125895" s="15">
        <v>45711</v>
      </c>
      <c r="F125895" s="14" t="s">
        <v>15</v>
      </c>
      <c r="G125895" s="16">
        <v>0</v>
      </c>
    </row>
    <row r="125896" spans="1:7" x14ac:dyDescent="0.3">
      <c r="A125896" s="13" t="s">
        <v>581</v>
      </c>
      <c r="B125896" s="14" t="s">
        <v>1</v>
      </c>
      <c r="C125896" s="14" t="s">
        <v>252</v>
      </c>
      <c r="D125896" s="14" t="s">
        <v>122</v>
      </c>
      <c r="E125896" s="15">
        <v>45712</v>
      </c>
      <c r="F125896" s="14" t="s">
        <v>15</v>
      </c>
      <c r="G125896" s="16">
        <v>0</v>
      </c>
    </row>
    <row r="125897" spans="1:7" x14ac:dyDescent="0.3">
      <c r="A125897" s="13" t="s">
        <v>581</v>
      </c>
      <c r="B125897" s="14" t="s">
        <v>1</v>
      </c>
      <c r="C125897" s="14" t="s">
        <v>252</v>
      </c>
      <c r="D125897" s="14" t="s">
        <v>122</v>
      </c>
      <c r="E125897" s="15">
        <v>45713</v>
      </c>
      <c r="F125897" s="14" t="s">
        <v>15</v>
      </c>
      <c r="G125897" s="16">
        <v>0</v>
      </c>
    </row>
    <row r="125898" spans="1:7" x14ac:dyDescent="0.3">
      <c r="A125898" s="13" t="s">
        <v>581</v>
      </c>
      <c r="B125898" s="14" t="s">
        <v>1</v>
      </c>
      <c r="C125898" s="14" t="s">
        <v>252</v>
      </c>
      <c r="D125898" s="14" t="s">
        <v>122</v>
      </c>
      <c r="E125898" s="15">
        <v>45714</v>
      </c>
      <c r="F125898" s="14" t="s">
        <v>15</v>
      </c>
      <c r="G125898" s="16">
        <v>0</v>
      </c>
    </row>
    <row r="125899" spans="1:7" x14ac:dyDescent="0.3">
      <c r="A125899" s="13" t="s">
        <v>581</v>
      </c>
      <c r="B125899" s="14" t="s">
        <v>1</v>
      </c>
      <c r="C125899" s="14" t="s">
        <v>252</v>
      </c>
      <c r="D125899" s="14" t="s">
        <v>122</v>
      </c>
      <c r="E125899" s="15">
        <v>45715</v>
      </c>
      <c r="F125899" s="14" t="s">
        <v>15</v>
      </c>
      <c r="G125899" s="16">
        <v>0</v>
      </c>
    </row>
    <row r="125900" spans="1:7" x14ac:dyDescent="0.3">
      <c r="A125900" s="13" t="s">
        <v>581</v>
      </c>
      <c r="B125900" s="14" t="s">
        <v>1</v>
      </c>
      <c r="C125900" s="14" t="s">
        <v>252</v>
      </c>
      <c r="D125900" s="14" t="s">
        <v>122</v>
      </c>
      <c r="E125900" s="15">
        <v>45716</v>
      </c>
      <c r="F125900" s="14" t="s">
        <v>15</v>
      </c>
      <c r="G125900" s="16">
        <v>0</v>
      </c>
    </row>
    <row r="125901" spans="1:7" x14ac:dyDescent="0.3">
      <c r="A125901" s="13" t="s">
        <v>581</v>
      </c>
      <c r="B125901" s="14" t="s">
        <v>1</v>
      </c>
      <c r="C125901" s="14" t="s">
        <v>252</v>
      </c>
      <c r="D125901" s="14" t="s">
        <v>122</v>
      </c>
      <c r="E125901" s="15">
        <v>45717</v>
      </c>
      <c r="F125901" s="14" t="s">
        <v>15</v>
      </c>
      <c r="G125901" s="16">
        <v>0</v>
      </c>
    </row>
    <row r="125902" spans="1:7" x14ac:dyDescent="0.3">
      <c r="A125902" s="13" t="s">
        <v>581</v>
      </c>
      <c r="B125902" s="14" t="s">
        <v>1</v>
      </c>
      <c r="C125902" s="14" t="s">
        <v>252</v>
      </c>
      <c r="D125902" s="14" t="s">
        <v>122</v>
      </c>
      <c r="E125902" s="15">
        <v>45718</v>
      </c>
      <c r="F125902" s="14" t="s">
        <v>15</v>
      </c>
      <c r="G125902" s="16">
        <v>0</v>
      </c>
    </row>
    <row r="125903" spans="1:7" x14ac:dyDescent="0.3">
      <c r="A125903" s="13" t="s">
        <v>581</v>
      </c>
      <c r="B125903" s="14" t="s">
        <v>1</v>
      </c>
      <c r="C125903" s="14" t="s">
        <v>252</v>
      </c>
      <c r="D125903" s="14" t="s">
        <v>122</v>
      </c>
      <c r="E125903" s="15">
        <v>45719</v>
      </c>
      <c r="F125903" s="14" t="s">
        <v>15</v>
      </c>
      <c r="G125903" s="16">
        <v>0</v>
      </c>
    </row>
    <row r="125904" spans="1:7" x14ac:dyDescent="0.3">
      <c r="A125904" s="13" t="s">
        <v>581</v>
      </c>
      <c r="B125904" s="14" t="s">
        <v>1</v>
      </c>
      <c r="C125904" s="14" t="s">
        <v>252</v>
      </c>
      <c r="D125904" s="14" t="s">
        <v>122</v>
      </c>
      <c r="E125904" s="15">
        <v>45720</v>
      </c>
      <c r="F125904" s="14" t="s">
        <v>15</v>
      </c>
      <c r="G125904" s="16">
        <v>0</v>
      </c>
    </row>
    <row r="125905" spans="1:7" x14ac:dyDescent="0.3">
      <c r="A125905" s="13" t="s">
        <v>581</v>
      </c>
      <c r="B125905" s="14" t="s">
        <v>1</v>
      </c>
      <c r="C125905" s="14" t="s">
        <v>252</v>
      </c>
      <c r="D125905" s="14" t="s">
        <v>122</v>
      </c>
      <c r="E125905" s="15">
        <v>45721</v>
      </c>
      <c r="F125905" s="14" t="s">
        <v>15</v>
      </c>
      <c r="G125905" s="16">
        <v>0</v>
      </c>
    </row>
    <row r="125906" spans="1:7" x14ac:dyDescent="0.3">
      <c r="A125906" s="13" t="s">
        <v>581</v>
      </c>
      <c r="B125906" s="14" t="s">
        <v>1</v>
      </c>
      <c r="C125906" s="14" t="s">
        <v>252</v>
      </c>
      <c r="D125906" s="14" t="s">
        <v>122</v>
      </c>
      <c r="E125906" s="15">
        <v>45722</v>
      </c>
      <c r="F125906" s="14" t="s">
        <v>15</v>
      </c>
      <c r="G125906" s="16">
        <v>0</v>
      </c>
    </row>
    <row r="125907" spans="1:7" x14ac:dyDescent="0.3">
      <c r="A125907" s="13" t="s">
        <v>581</v>
      </c>
      <c r="B125907" s="14" t="s">
        <v>1</v>
      </c>
      <c r="C125907" s="14" t="s">
        <v>252</v>
      </c>
      <c r="D125907" s="14" t="s">
        <v>122</v>
      </c>
      <c r="E125907" s="15">
        <v>45723</v>
      </c>
      <c r="F125907" s="14" t="s">
        <v>15</v>
      </c>
      <c r="G125907" s="16">
        <v>0</v>
      </c>
    </row>
    <row r="125908" spans="1:7" x14ac:dyDescent="0.3">
      <c r="A125908" s="13" t="s">
        <v>581</v>
      </c>
      <c r="B125908" s="14" t="s">
        <v>1</v>
      </c>
      <c r="C125908" s="14" t="s">
        <v>252</v>
      </c>
      <c r="D125908" s="14" t="s">
        <v>122</v>
      </c>
      <c r="E125908" s="15">
        <v>45724</v>
      </c>
      <c r="F125908" s="14" t="s">
        <v>15</v>
      </c>
      <c r="G125908" s="16">
        <v>0</v>
      </c>
    </row>
    <row r="125909" spans="1:7" x14ac:dyDescent="0.3">
      <c r="A125909" s="13" t="s">
        <v>581</v>
      </c>
      <c r="B125909" s="14" t="s">
        <v>1</v>
      </c>
      <c r="C125909" s="14" t="s">
        <v>252</v>
      </c>
      <c r="D125909" s="14" t="s">
        <v>122</v>
      </c>
      <c r="E125909" s="15">
        <v>45725</v>
      </c>
      <c r="F125909" s="14" t="s">
        <v>15</v>
      </c>
      <c r="G125909" s="16">
        <v>0</v>
      </c>
    </row>
    <row r="125910" spans="1:7" x14ac:dyDescent="0.3">
      <c r="A125910" s="13" t="s">
        <v>581</v>
      </c>
      <c r="B125910" s="14" t="s">
        <v>1</v>
      </c>
      <c r="C125910" s="14" t="s">
        <v>252</v>
      </c>
      <c r="D125910" s="14" t="s">
        <v>122</v>
      </c>
      <c r="E125910" s="15">
        <v>45726</v>
      </c>
      <c r="F125910" s="14" t="s">
        <v>15</v>
      </c>
      <c r="G125910" s="16">
        <v>0</v>
      </c>
    </row>
    <row r="125911" spans="1:7" x14ac:dyDescent="0.3">
      <c r="A125911" s="13" t="s">
        <v>581</v>
      </c>
      <c r="B125911" s="14" t="s">
        <v>1</v>
      </c>
      <c r="C125911" s="14" t="s">
        <v>252</v>
      </c>
      <c r="D125911" s="14" t="s">
        <v>122</v>
      </c>
      <c r="E125911" s="15">
        <v>45727</v>
      </c>
      <c r="F125911" s="14" t="s">
        <v>15</v>
      </c>
      <c r="G125911" s="16">
        <v>0</v>
      </c>
    </row>
    <row r="125912" spans="1:7" x14ac:dyDescent="0.3">
      <c r="A125912" s="13" t="s">
        <v>581</v>
      </c>
      <c r="B125912" s="14" t="s">
        <v>1</v>
      </c>
      <c r="C125912" s="14" t="s">
        <v>252</v>
      </c>
      <c r="D125912" s="14" t="s">
        <v>122</v>
      </c>
      <c r="E125912" s="15">
        <v>45728</v>
      </c>
      <c r="F125912" s="14" t="s">
        <v>15</v>
      </c>
      <c r="G125912" s="16">
        <v>0</v>
      </c>
    </row>
    <row r="125913" spans="1:7" x14ac:dyDescent="0.3">
      <c r="A125913" s="13" t="s">
        <v>581</v>
      </c>
      <c r="B125913" s="14" t="s">
        <v>1</v>
      </c>
      <c r="C125913" s="14" t="s">
        <v>252</v>
      </c>
      <c r="D125913" s="14" t="s">
        <v>122</v>
      </c>
      <c r="E125913" s="15">
        <v>45729</v>
      </c>
      <c r="F125913" s="14" t="s">
        <v>15</v>
      </c>
      <c r="G125913" s="16">
        <v>0</v>
      </c>
    </row>
    <row r="125914" spans="1:7" x14ac:dyDescent="0.3">
      <c r="A125914" s="13" t="s">
        <v>581</v>
      </c>
      <c r="B125914" s="14" t="s">
        <v>1</v>
      </c>
      <c r="C125914" s="14" t="s">
        <v>252</v>
      </c>
      <c r="D125914" s="14" t="s">
        <v>122</v>
      </c>
      <c r="E125914" s="15">
        <v>45730</v>
      </c>
      <c r="F125914" s="14" t="s">
        <v>15</v>
      </c>
      <c r="G125914" s="16">
        <v>0</v>
      </c>
    </row>
    <row r="125915" spans="1:7" x14ac:dyDescent="0.3">
      <c r="A125915" s="13" t="s">
        <v>581</v>
      </c>
      <c r="B125915" s="14" t="s">
        <v>1</v>
      </c>
      <c r="C125915" s="14" t="s">
        <v>252</v>
      </c>
      <c r="D125915" s="14" t="s">
        <v>122</v>
      </c>
      <c r="E125915" s="15">
        <v>45731</v>
      </c>
      <c r="F125915" s="14" t="s">
        <v>15</v>
      </c>
      <c r="G125915" s="16">
        <v>0</v>
      </c>
    </row>
    <row r="125916" spans="1:7" x14ac:dyDescent="0.3">
      <c r="A125916" s="13" t="s">
        <v>581</v>
      </c>
      <c r="B125916" s="14" t="s">
        <v>1</v>
      </c>
      <c r="C125916" s="14" t="s">
        <v>252</v>
      </c>
      <c r="D125916" s="14" t="s">
        <v>122</v>
      </c>
      <c r="E125916" s="15">
        <v>45732</v>
      </c>
      <c r="F125916" s="14" t="s">
        <v>15</v>
      </c>
      <c r="G125916" s="16">
        <v>0</v>
      </c>
    </row>
    <row r="125917" spans="1:7" x14ac:dyDescent="0.3">
      <c r="A125917" s="13" t="s">
        <v>581</v>
      </c>
      <c r="B125917" s="14" t="s">
        <v>1</v>
      </c>
      <c r="C125917" s="14" t="s">
        <v>252</v>
      </c>
      <c r="D125917" s="14" t="s">
        <v>122</v>
      </c>
      <c r="E125917" s="15">
        <v>45733</v>
      </c>
      <c r="F125917" s="14" t="s">
        <v>15</v>
      </c>
      <c r="G125917" s="16">
        <v>0</v>
      </c>
    </row>
    <row r="125918" spans="1:7" x14ac:dyDescent="0.3">
      <c r="A125918" s="13" t="s">
        <v>581</v>
      </c>
      <c r="B125918" s="14" t="s">
        <v>1</v>
      </c>
      <c r="C125918" s="14" t="s">
        <v>252</v>
      </c>
      <c r="D125918" s="14" t="s">
        <v>122</v>
      </c>
      <c r="E125918" s="15">
        <v>45734</v>
      </c>
      <c r="F125918" s="14" t="s">
        <v>15</v>
      </c>
      <c r="G125918" s="16">
        <v>0</v>
      </c>
    </row>
    <row r="125919" spans="1:7" x14ac:dyDescent="0.3">
      <c r="A125919" s="13" t="s">
        <v>581</v>
      </c>
      <c r="B125919" s="14" t="s">
        <v>1</v>
      </c>
      <c r="C125919" s="14" t="s">
        <v>252</v>
      </c>
      <c r="D125919" s="14" t="s">
        <v>122</v>
      </c>
      <c r="E125919" s="15">
        <v>45735</v>
      </c>
      <c r="F125919" s="14" t="s">
        <v>15</v>
      </c>
      <c r="G125919" s="16">
        <v>0</v>
      </c>
    </row>
    <row r="125920" spans="1:7" x14ac:dyDescent="0.3">
      <c r="A125920" s="13" t="s">
        <v>581</v>
      </c>
      <c r="B125920" s="14" t="s">
        <v>1</v>
      </c>
      <c r="C125920" s="14" t="s">
        <v>252</v>
      </c>
      <c r="D125920" s="14" t="s">
        <v>122</v>
      </c>
      <c r="E125920" s="15">
        <v>45736</v>
      </c>
      <c r="F125920" s="14" t="s">
        <v>15</v>
      </c>
      <c r="G125920" s="16">
        <v>0</v>
      </c>
    </row>
    <row r="125921" spans="1:7" x14ac:dyDescent="0.3">
      <c r="A125921" s="13" t="s">
        <v>581</v>
      </c>
      <c r="B125921" s="14" t="s">
        <v>1</v>
      </c>
      <c r="C125921" s="14" t="s">
        <v>252</v>
      </c>
      <c r="D125921" s="14" t="s">
        <v>122</v>
      </c>
      <c r="E125921" s="15">
        <v>45737</v>
      </c>
      <c r="F125921" s="14" t="s">
        <v>15</v>
      </c>
      <c r="G125921" s="16">
        <v>0</v>
      </c>
    </row>
    <row r="125922" spans="1:7" x14ac:dyDescent="0.3">
      <c r="A125922" s="13" t="s">
        <v>581</v>
      </c>
      <c r="B125922" s="14" t="s">
        <v>1</v>
      </c>
      <c r="C125922" s="14" t="s">
        <v>252</v>
      </c>
      <c r="D125922" s="14" t="s">
        <v>122</v>
      </c>
      <c r="E125922" s="15">
        <v>45738</v>
      </c>
      <c r="F125922" s="14" t="s">
        <v>15</v>
      </c>
      <c r="G125922" s="16">
        <v>0</v>
      </c>
    </row>
    <row r="125923" spans="1:7" x14ac:dyDescent="0.3">
      <c r="A125923" s="13" t="s">
        <v>581</v>
      </c>
      <c r="B125923" s="14" t="s">
        <v>1</v>
      </c>
      <c r="C125923" s="14" t="s">
        <v>252</v>
      </c>
      <c r="D125923" s="14" t="s">
        <v>122</v>
      </c>
      <c r="E125923" s="15">
        <v>45739</v>
      </c>
      <c r="F125923" s="14" t="s">
        <v>15</v>
      </c>
      <c r="G125923" s="16">
        <v>0</v>
      </c>
    </row>
    <row r="125924" spans="1:7" x14ac:dyDescent="0.3">
      <c r="A125924" s="13" t="s">
        <v>581</v>
      </c>
      <c r="B125924" s="14" t="s">
        <v>1</v>
      </c>
      <c r="C125924" s="14" t="s">
        <v>252</v>
      </c>
      <c r="D125924" s="14" t="s">
        <v>122</v>
      </c>
      <c r="E125924" s="15">
        <v>45740</v>
      </c>
      <c r="F125924" s="14" t="s">
        <v>15</v>
      </c>
      <c r="G125924" s="16">
        <v>0</v>
      </c>
    </row>
    <row r="125925" spans="1:7" x14ac:dyDescent="0.3">
      <c r="A125925" s="13" t="s">
        <v>581</v>
      </c>
      <c r="B125925" s="14" t="s">
        <v>1</v>
      </c>
      <c r="C125925" s="14" t="s">
        <v>252</v>
      </c>
      <c r="D125925" s="14" t="s">
        <v>122</v>
      </c>
      <c r="E125925" s="15">
        <v>45741</v>
      </c>
      <c r="F125925" s="14" t="s">
        <v>15</v>
      </c>
      <c r="G125925" s="16">
        <v>0</v>
      </c>
    </row>
    <row r="125926" spans="1:7" x14ac:dyDescent="0.3">
      <c r="A125926" s="13" t="s">
        <v>581</v>
      </c>
      <c r="B125926" s="14" t="s">
        <v>1</v>
      </c>
      <c r="C125926" s="14" t="s">
        <v>252</v>
      </c>
      <c r="D125926" s="14" t="s">
        <v>122</v>
      </c>
      <c r="E125926" s="15">
        <v>45742</v>
      </c>
      <c r="F125926" s="14" t="s">
        <v>15</v>
      </c>
      <c r="G125926" s="16">
        <v>0</v>
      </c>
    </row>
    <row r="125927" spans="1:7" x14ac:dyDescent="0.3">
      <c r="A125927" s="13" t="s">
        <v>581</v>
      </c>
      <c r="B125927" s="14" t="s">
        <v>1</v>
      </c>
      <c r="C125927" s="14" t="s">
        <v>252</v>
      </c>
      <c r="D125927" s="14" t="s">
        <v>122</v>
      </c>
      <c r="E125927" s="15">
        <v>45743</v>
      </c>
      <c r="F125927" s="14" t="s">
        <v>15</v>
      </c>
      <c r="G125927" s="16">
        <v>0</v>
      </c>
    </row>
    <row r="125928" spans="1:7" x14ac:dyDescent="0.3">
      <c r="A125928" s="13" t="s">
        <v>581</v>
      </c>
      <c r="B125928" s="14" t="s">
        <v>1</v>
      </c>
      <c r="C125928" s="14" t="s">
        <v>252</v>
      </c>
      <c r="D125928" s="14" t="s">
        <v>122</v>
      </c>
      <c r="E125928" s="15">
        <v>45744</v>
      </c>
      <c r="F125928" s="14" t="s">
        <v>15</v>
      </c>
      <c r="G125928" s="16">
        <v>0</v>
      </c>
    </row>
    <row r="125929" spans="1:7" x14ac:dyDescent="0.3">
      <c r="A125929" s="13" t="s">
        <v>581</v>
      </c>
      <c r="B125929" s="14" t="s">
        <v>1</v>
      </c>
      <c r="C125929" s="14" t="s">
        <v>252</v>
      </c>
      <c r="D125929" s="14" t="s">
        <v>122</v>
      </c>
      <c r="E125929" s="15">
        <v>45745</v>
      </c>
      <c r="F125929" s="14" t="s">
        <v>15</v>
      </c>
      <c r="G125929" s="16">
        <v>0</v>
      </c>
    </row>
    <row r="125930" spans="1:7" x14ac:dyDescent="0.3">
      <c r="A125930" s="13" t="s">
        <v>581</v>
      </c>
      <c r="B125930" s="14" t="s">
        <v>1</v>
      </c>
      <c r="C125930" s="14" t="s">
        <v>252</v>
      </c>
      <c r="D125930" s="14" t="s">
        <v>122</v>
      </c>
      <c r="E125930" s="15">
        <v>45746</v>
      </c>
      <c r="F125930" s="14" t="s">
        <v>15</v>
      </c>
      <c r="G125930" s="16">
        <v>0</v>
      </c>
    </row>
    <row r="125931" spans="1:7" x14ac:dyDescent="0.3">
      <c r="A125931" s="13" t="s">
        <v>581</v>
      </c>
      <c r="B125931" s="14" t="s">
        <v>1</v>
      </c>
      <c r="C125931" s="14" t="s">
        <v>252</v>
      </c>
      <c r="D125931" s="14" t="s">
        <v>122</v>
      </c>
      <c r="E125931" s="15">
        <v>45747</v>
      </c>
      <c r="F125931" s="14" t="s">
        <v>15</v>
      </c>
      <c r="G125931" s="16">
        <v>0</v>
      </c>
    </row>
    <row r="125932" spans="1:7" x14ac:dyDescent="0.3">
      <c r="A125932" s="13" t="s">
        <v>582</v>
      </c>
      <c r="B125932" s="14" t="s">
        <v>1</v>
      </c>
      <c r="C125932" s="14" t="s">
        <v>252</v>
      </c>
      <c r="D125932" s="14" t="s">
        <v>193</v>
      </c>
      <c r="E125932" s="15">
        <v>45383</v>
      </c>
      <c r="F125932" s="14" t="s">
        <v>15</v>
      </c>
      <c r="G125932" s="16">
        <v>0</v>
      </c>
    </row>
    <row r="125933" spans="1:7" x14ac:dyDescent="0.3">
      <c r="A125933" s="13" t="s">
        <v>582</v>
      </c>
      <c r="B125933" s="14" t="s">
        <v>1</v>
      </c>
      <c r="C125933" s="14" t="s">
        <v>252</v>
      </c>
      <c r="D125933" s="14" t="s">
        <v>193</v>
      </c>
      <c r="E125933" s="15">
        <v>45384</v>
      </c>
      <c r="F125933" s="14" t="s">
        <v>15</v>
      </c>
      <c r="G125933" s="16">
        <v>0</v>
      </c>
    </row>
    <row r="125934" spans="1:7" x14ac:dyDescent="0.3">
      <c r="A125934" s="13" t="s">
        <v>582</v>
      </c>
      <c r="B125934" s="14" t="s">
        <v>1</v>
      </c>
      <c r="C125934" s="14" t="s">
        <v>252</v>
      </c>
      <c r="D125934" s="14" t="s">
        <v>193</v>
      </c>
      <c r="E125934" s="15">
        <v>45385</v>
      </c>
      <c r="F125934" s="14" t="s">
        <v>15</v>
      </c>
      <c r="G125934" s="16">
        <v>0</v>
      </c>
    </row>
    <row r="125935" spans="1:7" x14ac:dyDescent="0.3">
      <c r="A125935" s="13" t="s">
        <v>582</v>
      </c>
      <c r="B125935" s="14" t="s">
        <v>1</v>
      </c>
      <c r="C125935" s="14" t="s">
        <v>252</v>
      </c>
      <c r="D125935" s="14" t="s">
        <v>193</v>
      </c>
      <c r="E125935" s="15">
        <v>45386</v>
      </c>
      <c r="F125935" s="14" t="s">
        <v>15</v>
      </c>
      <c r="G125935" s="16">
        <v>0</v>
      </c>
    </row>
    <row r="125936" spans="1:7" x14ac:dyDescent="0.3">
      <c r="A125936" s="13" t="s">
        <v>582</v>
      </c>
      <c r="B125936" s="14" t="s">
        <v>1</v>
      </c>
      <c r="C125936" s="14" t="s">
        <v>252</v>
      </c>
      <c r="D125936" s="14" t="s">
        <v>193</v>
      </c>
      <c r="E125936" s="15">
        <v>45387</v>
      </c>
      <c r="F125936" s="14" t="s">
        <v>15</v>
      </c>
      <c r="G125936" s="16">
        <v>0</v>
      </c>
    </row>
    <row r="125937" spans="1:7" x14ac:dyDescent="0.3">
      <c r="A125937" s="13" t="s">
        <v>582</v>
      </c>
      <c r="B125937" s="14" t="s">
        <v>1</v>
      </c>
      <c r="C125937" s="14" t="s">
        <v>252</v>
      </c>
      <c r="D125937" s="14" t="s">
        <v>193</v>
      </c>
      <c r="E125937" s="15">
        <v>45388</v>
      </c>
      <c r="F125937" s="14" t="s">
        <v>15</v>
      </c>
      <c r="G125937" s="16">
        <v>0</v>
      </c>
    </row>
    <row r="125938" spans="1:7" x14ac:dyDescent="0.3">
      <c r="A125938" s="13" t="s">
        <v>582</v>
      </c>
      <c r="B125938" s="14" t="s">
        <v>1</v>
      </c>
      <c r="C125938" s="14" t="s">
        <v>252</v>
      </c>
      <c r="D125938" s="14" t="s">
        <v>193</v>
      </c>
      <c r="E125938" s="15">
        <v>45389</v>
      </c>
      <c r="F125938" s="14" t="s">
        <v>15</v>
      </c>
      <c r="G125938" s="16">
        <v>0</v>
      </c>
    </row>
    <row r="125939" spans="1:7" x14ac:dyDescent="0.3">
      <c r="A125939" s="13" t="s">
        <v>582</v>
      </c>
      <c r="B125939" s="14" t="s">
        <v>1</v>
      </c>
      <c r="C125939" s="14" t="s">
        <v>252</v>
      </c>
      <c r="D125939" s="14" t="s">
        <v>193</v>
      </c>
      <c r="E125939" s="15">
        <v>45390</v>
      </c>
      <c r="F125939" s="14" t="s">
        <v>15</v>
      </c>
      <c r="G125939" s="16">
        <v>0</v>
      </c>
    </row>
    <row r="125940" spans="1:7" x14ac:dyDescent="0.3">
      <c r="A125940" s="13" t="s">
        <v>582</v>
      </c>
      <c r="B125940" s="14" t="s">
        <v>1</v>
      </c>
      <c r="C125940" s="14" t="s">
        <v>252</v>
      </c>
      <c r="D125940" s="14" t="s">
        <v>193</v>
      </c>
      <c r="E125940" s="15">
        <v>45391</v>
      </c>
      <c r="F125940" s="14" t="s">
        <v>15</v>
      </c>
      <c r="G125940" s="16">
        <v>0</v>
      </c>
    </row>
    <row r="125941" spans="1:7" x14ac:dyDescent="0.3">
      <c r="A125941" s="13" t="s">
        <v>582</v>
      </c>
      <c r="B125941" s="14" t="s">
        <v>1</v>
      </c>
      <c r="C125941" s="14" t="s">
        <v>252</v>
      </c>
      <c r="D125941" s="14" t="s">
        <v>193</v>
      </c>
      <c r="E125941" s="15">
        <v>45392</v>
      </c>
      <c r="F125941" s="14" t="s">
        <v>15</v>
      </c>
      <c r="G125941" s="16">
        <v>0</v>
      </c>
    </row>
    <row r="125942" spans="1:7" x14ac:dyDescent="0.3">
      <c r="A125942" s="13" t="s">
        <v>582</v>
      </c>
      <c r="B125942" s="14" t="s">
        <v>1</v>
      </c>
      <c r="C125942" s="14" t="s">
        <v>252</v>
      </c>
      <c r="D125942" s="14" t="s">
        <v>193</v>
      </c>
      <c r="E125942" s="15">
        <v>45393</v>
      </c>
      <c r="F125942" s="14" t="s">
        <v>15</v>
      </c>
      <c r="G125942" s="16">
        <v>0</v>
      </c>
    </row>
    <row r="125943" spans="1:7" x14ac:dyDescent="0.3">
      <c r="A125943" s="13" t="s">
        <v>582</v>
      </c>
      <c r="B125943" s="14" t="s">
        <v>1</v>
      </c>
      <c r="C125943" s="14" t="s">
        <v>252</v>
      </c>
      <c r="D125943" s="14" t="s">
        <v>193</v>
      </c>
      <c r="E125943" s="15">
        <v>45394</v>
      </c>
      <c r="F125943" s="14" t="s">
        <v>15</v>
      </c>
      <c r="G125943" s="16">
        <v>0</v>
      </c>
    </row>
    <row r="125944" spans="1:7" x14ac:dyDescent="0.3">
      <c r="A125944" s="13" t="s">
        <v>582</v>
      </c>
      <c r="B125944" s="14" t="s">
        <v>1</v>
      </c>
      <c r="C125944" s="14" t="s">
        <v>252</v>
      </c>
      <c r="D125944" s="14" t="s">
        <v>193</v>
      </c>
      <c r="E125944" s="15">
        <v>45395</v>
      </c>
      <c r="F125944" s="14" t="s">
        <v>15</v>
      </c>
      <c r="G125944" s="16">
        <v>0</v>
      </c>
    </row>
    <row r="125945" spans="1:7" x14ac:dyDescent="0.3">
      <c r="A125945" s="13" t="s">
        <v>582</v>
      </c>
      <c r="B125945" s="14" t="s">
        <v>1</v>
      </c>
      <c r="C125945" s="14" t="s">
        <v>252</v>
      </c>
      <c r="D125945" s="14" t="s">
        <v>193</v>
      </c>
      <c r="E125945" s="15">
        <v>45396</v>
      </c>
      <c r="F125945" s="14" t="s">
        <v>15</v>
      </c>
      <c r="G125945" s="16">
        <v>0</v>
      </c>
    </row>
    <row r="125946" spans="1:7" x14ac:dyDescent="0.3">
      <c r="A125946" s="13" t="s">
        <v>582</v>
      </c>
      <c r="B125946" s="14" t="s">
        <v>1</v>
      </c>
      <c r="C125946" s="14" t="s">
        <v>252</v>
      </c>
      <c r="D125946" s="14" t="s">
        <v>193</v>
      </c>
      <c r="E125946" s="15">
        <v>45397</v>
      </c>
      <c r="F125946" s="14" t="s">
        <v>15</v>
      </c>
      <c r="G125946" s="16">
        <v>0</v>
      </c>
    </row>
    <row r="125947" spans="1:7" x14ac:dyDescent="0.3">
      <c r="A125947" s="13" t="s">
        <v>582</v>
      </c>
      <c r="B125947" s="14" t="s">
        <v>1</v>
      </c>
      <c r="C125947" s="14" t="s">
        <v>252</v>
      </c>
      <c r="D125947" s="14" t="s">
        <v>193</v>
      </c>
      <c r="E125947" s="15">
        <v>45398</v>
      </c>
      <c r="F125947" s="14" t="s">
        <v>15</v>
      </c>
      <c r="G125947" s="16">
        <v>0</v>
      </c>
    </row>
    <row r="125948" spans="1:7" x14ac:dyDescent="0.3">
      <c r="A125948" s="13" t="s">
        <v>582</v>
      </c>
      <c r="B125948" s="14" t="s">
        <v>1</v>
      </c>
      <c r="C125948" s="14" t="s">
        <v>252</v>
      </c>
      <c r="D125948" s="14" t="s">
        <v>193</v>
      </c>
      <c r="E125948" s="15">
        <v>45399</v>
      </c>
      <c r="F125948" s="14" t="s">
        <v>15</v>
      </c>
      <c r="G125948" s="16">
        <v>0</v>
      </c>
    </row>
    <row r="125949" spans="1:7" x14ac:dyDescent="0.3">
      <c r="A125949" s="13" t="s">
        <v>582</v>
      </c>
      <c r="B125949" s="14" t="s">
        <v>1</v>
      </c>
      <c r="C125949" s="14" t="s">
        <v>252</v>
      </c>
      <c r="D125949" s="14" t="s">
        <v>193</v>
      </c>
      <c r="E125949" s="15">
        <v>45400</v>
      </c>
      <c r="F125949" s="14" t="s">
        <v>15</v>
      </c>
      <c r="G125949" s="16">
        <v>0</v>
      </c>
    </row>
    <row r="125950" spans="1:7" x14ac:dyDescent="0.3">
      <c r="A125950" s="13" t="s">
        <v>582</v>
      </c>
      <c r="B125950" s="14" t="s">
        <v>1</v>
      </c>
      <c r="C125950" s="14" t="s">
        <v>252</v>
      </c>
      <c r="D125950" s="14" t="s">
        <v>193</v>
      </c>
      <c r="E125950" s="15">
        <v>45401</v>
      </c>
      <c r="F125950" s="14" t="s">
        <v>15</v>
      </c>
      <c r="G125950" s="16">
        <v>0</v>
      </c>
    </row>
    <row r="125951" spans="1:7" x14ac:dyDescent="0.3">
      <c r="A125951" s="13" t="s">
        <v>582</v>
      </c>
      <c r="B125951" s="14" t="s">
        <v>1</v>
      </c>
      <c r="C125951" s="14" t="s">
        <v>252</v>
      </c>
      <c r="D125951" s="14" t="s">
        <v>193</v>
      </c>
      <c r="E125951" s="15">
        <v>45402</v>
      </c>
      <c r="F125951" s="14" t="s">
        <v>15</v>
      </c>
      <c r="G125951" s="16">
        <v>0</v>
      </c>
    </row>
    <row r="125952" spans="1:7" x14ac:dyDescent="0.3">
      <c r="A125952" s="13" t="s">
        <v>582</v>
      </c>
      <c r="B125952" s="14" t="s">
        <v>1</v>
      </c>
      <c r="C125952" s="14" t="s">
        <v>252</v>
      </c>
      <c r="D125952" s="14" t="s">
        <v>193</v>
      </c>
      <c r="E125952" s="15">
        <v>45403</v>
      </c>
      <c r="F125952" s="14" t="s">
        <v>15</v>
      </c>
      <c r="G125952" s="16">
        <v>0</v>
      </c>
    </row>
    <row r="125953" spans="1:7" x14ac:dyDescent="0.3">
      <c r="A125953" s="13" t="s">
        <v>582</v>
      </c>
      <c r="B125953" s="14" t="s">
        <v>1</v>
      </c>
      <c r="C125953" s="14" t="s">
        <v>252</v>
      </c>
      <c r="D125953" s="14" t="s">
        <v>193</v>
      </c>
      <c r="E125953" s="15">
        <v>45404</v>
      </c>
      <c r="F125953" s="14" t="s">
        <v>15</v>
      </c>
      <c r="G125953" s="16">
        <v>0</v>
      </c>
    </row>
    <row r="125954" spans="1:7" x14ac:dyDescent="0.3">
      <c r="A125954" s="13" t="s">
        <v>582</v>
      </c>
      <c r="B125954" s="14" t="s">
        <v>1</v>
      </c>
      <c r="C125954" s="14" t="s">
        <v>252</v>
      </c>
      <c r="D125954" s="14" t="s">
        <v>193</v>
      </c>
      <c r="E125954" s="15">
        <v>45405</v>
      </c>
      <c r="F125954" s="14" t="s">
        <v>15</v>
      </c>
      <c r="G125954" s="16">
        <v>0</v>
      </c>
    </row>
    <row r="125955" spans="1:7" x14ac:dyDescent="0.3">
      <c r="A125955" s="13" t="s">
        <v>582</v>
      </c>
      <c r="B125955" s="14" t="s">
        <v>1</v>
      </c>
      <c r="C125955" s="14" t="s">
        <v>252</v>
      </c>
      <c r="D125955" s="14" t="s">
        <v>193</v>
      </c>
      <c r="E125955" s="15">
        <v>45406</v>
      </c>
      <c r="F125955" s="14" t="s">
        <v>15</v>
      </c>
      <c r="G125955" s="16">
        <v>0</v>
      </c>
    </row>
    <row r="125956" spans="1:7" x14ac:dyDescent="0.3">
      <c r="A125956" s="13" t="s">
        <v>582</v>
      </c>
      <c r="B125956" s="14" t="s">
        <v>1</v>
      </c>
      <c r="C125956" s="14" t="s">
        <v>252</v>
      </c>
      <c r="D125956" s="14" t="s">
        <v>193</v>
      </c>
      <c r="E125956" s="15">
        <v>45407</v>
      </c>
      <c r="F125956" s="14" t="s">
        <v>15</v>
      </c>
      <c r="G125956" s="16">
        <v>0</v>
      </c>
    </row>
    <row r="125957" spans="1:7" x14ac:dyDescent="0.3">
      <c r="A125957" s="13" t="s">
        <v>582</v>
      </c>
      <c r="B125957" s="14" t="s">
        <v>1</v>
      </c>
      <c r="C125957" s="14" t="s">
        <v>252</v>
      </c>
      <c r="D125957" s="14" t="s">
        <v>193</v>
      </c>
      <c r="E125957" s="15">
        <v>45408</v>
      </c>
      <c r="F125957" s="14" t="s">
        <v>15</v>
      </c>
      <c r="G125957" s="16">
        <v>0</v>
      </c>
    </row>
    <row r="125958" spans="1:7" x14ac:dyDescent="0.3">
      <c r="A125958" s="13" t="s">
        <v>582</v>
      </c>
      <c r="B125958" s="14" t="s">
        <v>1</v>
      </c>
      <c r="C125958" s="14" t="s">
        <v>252</v>
      </c>
      <c r="D125958" s="14" t="s">
        <v>193</v>
      </c>
      <c r="E125958" s="15">
        <v>45409</v>
      </c>
      <c r="F125958" s="14" t="s">
        <v>15</v>
      </c>
      <c r="G125958" s="16">
        <v>0</v>
      </c>
    </row>
    <row r="125959" spans="1:7" x14ac:dyDescent="0.3">
      <c r="A125959" s="13" t="s">
        <v>582</v>
      </c>
      <c r="B125959" s="14" t="s">
        <v>1</v>
      </c>
      <c r="C125959" s="14" t="s">
        <v>252</v>
      </c>
      <c r="D125959" s="14" t="s">
        <v>193</v>
      </c>
      <c r="E125959" s="15">
        <v>45410</v>
      </c>
      <c r="F125959" s="14" t="s">
        <v>15</v>
      </c>
      <c r="G125959" s="16">
        <v>0</v>
      </c>
    </row>
    <row r="125960" spans="1:7" x14ac:dyDescent="0.3">
      <c r="A125960" s="13" t="s">
        <v>582</v>
      </c>
      <c r="B125960" s="14" t="s">
        <v>1</v>
      </c>
      <c r="C125960" s="14" t="s">
        <v>252</v>
      </c>
      <c r="D125960" s="14" t="s">
        <v>193</v>
      </c>
      <c r="E125960" s="15">
        <v>45411</v>
      </c>
      <c r="F125960" s="14" t="s">
        <v>15</v>
      </c>
      <c r="G125960" s="16">
        <v>0</v>
      </c>
    </row>
    <row r="125961" spans="1:7" x14ac:dyDescent="0.3">
      <c r="A125961" s="13" t="s">
        <v>582</v>
      </c>
      <c r="B125961" s="14" t="s">
        <v>1</v>
      </c>
      <c r="C125961" s="14" t="s">
        <v>252</v>
      </c>
      <c r="D125961" s="14" t="s">
        <v>193</v>
      </c>
      <c r="E125961" s="15">
        <v>45412</v>
      </c>
      <c r="F125961" s="14" t="s">
        <v>15</v>
      </c>
      <c r="G125961" s="16">
        <v>0</v>
      </c>
    </row>
    <row r="125962" spans="1:7" x14ac:dyDescent="0.3">
      <c r="A125962" s="13" t="s">
        <v>582</v>
      </c>
      <c r="B125962" s="14" t="s">
        <v>1</v>
      </c>
      <c r="C125962" s="14" t="s">
        <v>252</v>
      </c>
      <c r="D125962" s="14" t="s">
        <v>193</v>
      </c>
      <c r="E125962" s="15">
        <v>45413</v>
      </c>
      <c r="F125962" s="14" t="s">
        <v>15</v>
      </c>
      <c r="G125962" s="16">
        <v>0</v>
      </c>
    </row>
    <row r="125963" spans="1:7" x14ac:dyDescent="0.3">
      <c r="A125963" s="13" t="s">
        <v>582</v>
      </c>
      <c r="B125963" s="14" t="s">
        <v>1</v>
      </c>
      <c r="C125963" s="14" t="s">
        <v>252</v>
      </c>
      <c r="D125963" s="14" t="s">
        <v>193</v>
      </c>
      <c r="E125963" s="15">
        <v>45414</v>
      </c>
      <c r="F125963" s="14" t="s">
        <v>15</v>
      </c>
      <c r="G125963" s="16">
        <v>0</v>
      </c>
    </row>
    <row r="125964" spans="1:7" x14ac:dyDescent="0.3">
      <c r="A125964" s="13" t="s">
        <v>582</v>
      </c>
      <c r="B125964" s="14" t="s">
        <v>1</v>
      </c>
      <c r="C125964" s="14" t="s">
        <v>252</v>
      </c>
      <c r="D125964" s="14" t="s">
        <v>193</v>
      </c>
      <c r="E125964" s="15">
        <v>45415</v>
      </c>
      <c r="F125964" s="14" t="s">
        <v>15</v>
      </c>
      <c r="G125964" s="16">
        <v>0</v>
      </c>
    </row>
    <row r="125965" spans="1:7" x14ac:dyDescent="0.3">
      <c r="A125965" s="13" t="s">
        <v>582</v>
      </c>
      <c r="B125965" s="14" t="s">
        <v>1</v>
      </c>
      <c r="C125965" s="14" t="s">
        <v>252</v>
      </c>
      <c r="D125965" s="14" t="s">
        <v>193</v>
      </c>
      <c r="E125965" s="15">
        <v>45416</v>
      </c>
      <c r="F125965" s="14" t="s">
        <v>15</v>
      </c>
      <c r="G125965" s="16">
        <v>0</v>
      </c>
    </row>
    <row r="125966" spans="1:7" x14ac:dyDescent="0.3">
      <c r="A125966" s="13" t="s">
        <v>582</v>
      </c>
      <c r="B125966" s="14" t="s">
        <v>1</v>
      </c>
      <c r="C125966" s="14" t="s">
        <v>252</v>
      </c>
      <c r="D125966" s="14" t="s">
        <v>193</v>
      </c>
      <c r="E125966" s="15">
        <v>45417</v>
      </c>
      <c r="F125966" s="14" t="s">
        <v>15</v>
      </c>
      <c r="G125966" s="16">
        <v>0</v>
      </c>
    </row>
    <row r="125967" spans="1:7" x14ac:dyDescent="0.3">
      <c r="A125967" s="13" t="s">
        <v>582</v>
      </c>
      <c r="B125967" s="14" t="s">
        <v>1</v>
      </c>
      <c r="C125967" s="14" t="s">
        <v>252</v>
      </c>
      <c r="D125967" s="14" t="s">
        <v>193</v>
      </c>
      <c r="E125967" s="15">
        <v>45418</v>
      </c>
      <c r="F125967" s="14" t="s">
        <v>15</v>
      </c>
      <c r="G125967" s="16">
        <v>0</v>
      </c>
    </row>
    <row r="125968" spans="1:7" x14ac:dyDescent="0.3">
      <c r="A125968" s="13" t="s">
        <v>582</v>
      </c>
      <c r="B125968" s="14" t="s">
        <v>1</v>
      </c>
      <c r="C125968" s="14" t="s">
        <v>252</v>
      </c>
      <c r="D125968" s="14" t="s">
        <v>193</v>
      </c>
      <c r="E125968" s="15">
        <v>45419</v>
      </c>
      <c r="F125968" s="14" t="s">
        <v>15</v>
      </c>
      <c r="G125968" s="16">
        <v>0</v>
      </c>
    </row>
    <row r="125969" spans="1:7" x14ac:dyDescent="0.3">
      <c r="A125969" s="13" t="s">
        <v>582</v>
      </c>
      <c r="B125969" s="14" t="s">
        <v>1</v>
      </c>
      <c r="C125969" s="14" t="s">
        <v>252</v>
      </c>
      <c r="D125969" s="14" t="s">
        <v>193</v>
      </c>
      <c r="E125969" s="15">
        <v>45420</v>
      </c>
      <c r="F125969" s="14" t="s">
        <v>15</v>
      </c>
      <c r="G125969" s="16">
        <v>0</v>
      </c>
    </row>
    <row r="125970" spans="1:7" x14ac:dyDescent="0.3">
      <c r="A125970" s="13" t="s">
        <v>582</v>
      </c>
      <c r="B125970" s="14" t="s">
        <v>1</v>
      </c>
      <c r="C125970" s="14" t="s">
        <v>252</v>
      </c>
      <c r="D125970" s="14" t="s">
        <v>193</v>
      </c>
      <c r="E125970" s="15">
        <v>45421</v>
      </c>
      <c r="F125970" s="14" t="s">
        <v>15</v>
      </c>
      <c r="G125970" s="16">
        <v>0</v>
      </c>
    </row>
    <row r="125971" spans="1:7" x14ac:dyDescent="0.3">
      <c r="A125971" s="13" t="s">
        <v>582</v>
      </c>
      <c r="B125971" s="14" t="s">
        <v>1</v>
      </c>
      <c r="C125971" s="14" t="s">
        <v>252</v>
      </c>
      <c r="D125971" s="14" t="s">
        <v>193</v>
      </c>
      <c r="E125971" s="15">
        <v>45422</v>
      </c>
      <c r="F125971" s="14" t="s">
        <v>15</v>
      </c>
      <c r="G125971" s="16">
        <v>0</v>
      </c>
    </row>
    <row r="125972" spans="1:7" x14ac:dyDescent="0.3">
      <c r="A125972" s="13" t="s">
        <v>582</v>
      </c>
      <c r="B125972" s="14" t="s">
        <v>1</v>
      </c>
      <c r="C125972" s="14" t="s">
        <v>252</v>
      </c>
      <c r="D125972" s="14" t="s">
        <v>193</v>
      </c>
      <c r="E125972" s="15">
        <v>45423</v>
      </c>
      <c r="F125972" s="14" t="s">
        <v>15</v>
      </c>
      <c r="G125972" s="16">
        <v>0</v>
      </c>
    </row>
    <row r="125973" spans="1:7" x14ac:dyDescent="0.3">
      <c r="A125973" s="13" t="s">
        <v>582</v>
      </c>
      <c r="B125973" s="14" t="s">
        <v>1</v>
      </c>
      <c r="C125973" s="14" t="s">
        <v>252</v>
      </c>
      <c r="D125973" s="14" t="s">
        <v>193</v>
      </c>
      <c r="E125973" s="15">
        <v>45424</v>
      </c>
      <c r="F125973" s="14" t="s">
        <v>15</v>
      </c>
      <c r="G125973" s="16">
        <v>0</v>
      </c>
    </row>
    <row r="125974" spans="1:7" x14ac:dyDescent="0.3">
      <c r="A125974" s="13" t="s">
        <v>582</v>
      </c>
      <c r="B125974" s="14" t="s">
        <v>1</v>
      </c>
      <c r="C125974" s="14" t="s">
        <v>252</v>
      </c>
      <c r="D125974" s="14" t="s">
        <v>193</v>
      </c>
      <c r="E125974" s="15">
        <v>45425</v>
      </c>
      <c r="F125974" s="14" t="s">
        <v>15</v>
      </c>
      <c r="G125974" s="16">
        <v>0</v>
      </c>
    </row>
    <row r="125975" spans="1:7" x14ac:dyDescent="0.3">
      <c r="A125975" s="13" t="s">
        <v>582</v>
      </c>
      <c r="B125975" s="14" t="s">
        <v>1</v>
      </c>
      <c r="C125975" s="14" t="s">
        <v>252</v>
      </c>
      <c r="D125975" s="14" t="s">
        <v>193</v>
      </c>
      <c r="E125975" s="15">
        <v>45426</v>
      </c>
      <c r="F125975" s="14" t="s">
        <v>15</v>
      </c>
      <c r="G125975" s="16">
        <v>0</v>
      </c>
    </row>
    <row r="125976" spans="1:7" x14ac:dyDescent="0.3">
      <c r="A125976" s="13" t="s">
        <v>582</v>
      </c>
      <c r="B125976" s="14" t="s">
        <v>1</v>
      </c>
      <c r="C125976" s="14" t="s">
        <v>252</v>
      </c>
      <c r="D125976" s="14" t="s">
        <v>193</v>
      </c>
      <c r="E125976" s="15">
        <v>45427</v>
      </c>
      <c r="F125976" s="14" t="s">
        <v>15</v>
      </c>
      <c r="G125976" s="16">
        <v>0</v>
      </c>
    </row>
    <row r="125977" spans="1:7" x14ac:dyDescent="0.3">
      <c r="A125977" s="13" t="s">
        <v>582</v>
      </c>
      <c r="B125977" s="14" t="s">
        <v>1</v>
      </c>
      <c r="C125977" s="14" t="s">
        <v>252</v>
      </c>
      <c r="D125977" s="14" t="s">
        <v>193</v>
      </c>
      <c r="E125977" s="15">
        <v>45428</v>
      </c>
      <c r="F125977" s="14" t="s">
        <v>15</v>
      </c>
      <c r="G125977" s="16">
        <v>0</v>
      </c>
    </row>
    <row r="125978" spans="1:7" x14ac:dyDescent="0.3">
      <c r="A125978" s="13" t="s">
        <v>582</v>
      </c>
      <c r="B125978" s="14" t="s">
        <v>1</v>
      </c>
      <c r="C125978" s="14" t="s">
        <v>252</v>
      </c>
      <c r="D125978" s="14" t="s">
        <v>193</v>
      </c>
      <c r="E125978" s="15">
        <v>45429</v>
      </c>
      <c r="F125978" s="14" t="s">
        <v>15</v>
      </c>
      <c r="G125978" s="16">
        <v>0</v>
      </c>
    </row>
    <row r="125979" spans="1:7" x14ac:dyDescent="0.3">
      <c r="A125979" s="13" t="s">
        <v>582</v>
      </c>
      <c r="B125979" s="14" t="s">
        <v>1</v>
      </c>
      <c r="C125979" s="14" t="s">
        <v>252</v>
      </c>
      <c r="D125979" s="14" t="s">
        <v>193</v>
      </c>
      <c r="E125979" s="15">
        <v>45430</v>
      </c>
      <c r="F125979" s="14" t="s">
        <v>15</v>
      </c>
      <c r="G125979" s="16">
        <v>0</v>
      </c>
    </row>
    <row r="125980" spans="1:7" x14ac:dyDescent="0.3">
      <c r="A125980" s="13" t="s">
        <v>582</v>
      </c>
      <c r="B125980" s="14" t="s">
        <v>1</v>
      </c>
      <c r="C125980" s="14" t="s">
        <v>252</v>
      </c>
      <c r="D125980" s="14" t="s">
        <v>193</v>
      </c>
      <c r="E125980" s="15">
        <v>45431</v>
      </c>
      <c r="F125980" s="14" t="s">
        <v>15</v>
      </c>
      <c r="G125980" s="16">
        <v>0</v>
      </c>
    </row>
    <row r="125981" spans="1:7" x14ac:dyDescent="0.3">
      <c r="A125981" s="13" t="s">
        <v>582</v>
      </c>
      <c r="B125981" s="14" t="s">
        <v>1</v>
      </c>
      <c r="C125981" s="14" t="s">
        <v>252</v>
      </c>
      <c r="D125981" s="14" t="s">
        <v>193</v>
      </c>
      <c r="E125981" s="15">
        <v>45432</v>
      </c>
      <c r="F125981" s="14" t="s">
        <v>15</v>
      </c>
      <c r="G125981" s="16">
        <v>0</v>
      </c>
    </row>
    <row r="125982" spans="1:7" x14ac:dyDescent="0.3">
      <c r="A125982" s="13" t="s">
        <v>582</v>
      </c>
      <c r="B125982" s="14" t="s">
        <v>1</v>
      </c>
      <c r="C125982" s="14" t="s">
        <v>252</v>
      </c>
      <c r="D125982" s="14" t="s">
        <v>193</v>
      </c>
      <c r="E125982" s="15">
        <v>45433</v>
      </c>
      <c r="F125982" s="14" t="s">
        <v>15</v>
      </c>
      <c r="G125982" s="16">
        <v>0</v>
      </c>
    </row>
    <row r="125983" spans="1:7" x14ac:dyDescent="0.3">
      <c r="A125983" s="13" t="s">
        <v>582</v>
      </c>
      <c r="B125983" s="14" t="s">
        <v>1</v>
      </c>
      <c r="C125983" s="14" t="s">
        <v>252</v>
      </c>
      <c r="D125983" s="14" t="s">
        <v>193</v>
      </c>
      <c r="E125983" s="15">
        <v>45434</v>
      </c>
      <c r="F125983" s="14" t="s">
        <v>15</v>
      </c>
      <c r="G125983" s="16">
        <v>0</v>
      </c>
    </row>
    <row r="125984" spans="1:7" x14ac:dyDescent="0.3">
      <c r="A125984" s="13" t="s">
        <v>582</v>
      </c>
      <c r="B125984" s="14" t="s">
        <v>1</v>
      </c>
      <c r="C125984" s="14" t="s">
        <v>252</v>
      </c>
      <c r="D125984" s="14" t="s">
        <v>193</v>
      </c>
      <c r="E125984" s="15">
        <v>45435</v>
      </c>
      <c r="F125984" s="14" t="s">
        <v>15</v>
      </c>
      <c r="G125984" s="16">
        <v>0</v>
      </c>
    </row>
    <row r="125985" spans="1:7" x14ac:dyDescent="0.3">
      <c r="A125985" s="13" t="s">
        <v>582</v>
      </c>
      <c r="B125985" s="14" t="s">
        <v>1</v>
      </c>
      <c r="C125985" s="14" t="s">
        <v>252</v>
      </c>
      <c r="D125985" s="14" t="s">
        <v>193</v>
      </c>
      <c r="E125985" s="15">
        <v>45436</v>
      </c>
      <c r="F125985" s="14" t="s">
        <v>15</v>
      </c>
      <c r="G125985" s="16">
        <v>0</v>
      </c>
    </row>
    <row r="125986" spans="1:7" x14ac:dyDescent="0.3">
      <c r="A125986" s="13" t="s">
        <v>582</v>
      </c>
      <c r="B125986" s="14" t="s">
        <v>1</v>
      </c>
      <c r="C125986" s="14" t="s">
        <v>252</v>
      </c>
      <c r="D125986" s="14" t="s">
        <v>193</v>
      </c>
      <c r="E125986" s="15">
        <v>45437</v>
      </c>
      <c r="F125986" s="14" t="s">
        <v>15</v>
      </c>
      <c r="G125986" s="16">
        <v>0</v>
      </c>
    </row>
    <row r="125987" spans="1:7" x14ac:dyDescent="0.3">
      <c r="A125987" s="13" t="s">
        <v>582</v>
      </c>
      <c r="B125987" s="14" t="s">
        <v>1</v>
      </c>
      <c r="C125987" s="14" t="s">
        <v>252</v>
      </c>
      <c r="D125987" s="14" t="s">
        <v>193</v>
      </c>
      <c r="E125987" s="15">
        <v>45438</v>
      </c>
      <c r="F125987" s="14" t="s">
        <v>15</v>
      </c>
      <c r="G125987" s="16">
        <v>0</v>
      </c>
    </row>
    <row r="125988" spans="1:7" x14ac:dyDescent="0.3">
      <c r="A125988" s="13" t="s">
        <v>582</v>
      </c>
      <c r="B125988" s="14" t="s">
        <v>1</v>
      </c>
      <c r="C125988" s="14" t="s">
        <v>252</v>
      </c>
      <c r="D125988" s="14" t="s">
        <v>193</v>
      </c>
      <c r="E125988" s="15">
        <v>45439</v>
      </c>
      <c r="F125988" s="14" t="s">
        <v>15</v>
      </c>
      <c r="G125988" s="16">
        <v>0</v>
      </c>
    </row>
    <row r="125989" spans="1:7" x14ac:dyDescent="0.3">
      <c r="A125989" s="13" t="s">
        <v>582</v>
      </c>
      <c r="B125989" s="14" t="s">
        <v>1</v>
      </c>
      <c r="C125989" s="14" t="s">
        <v>252</v>
      </c>
      <c r="D125989" s="14" t="s">
        <v>193</v>
      </c>
      <c r="E125989" s="15">
        <v>45440</v>
      </c>
      <c r="F125989" s="14" t="s">
        <v>15</v>
      </c>
      <c r="G125989" s="16">
        <v>0</v>
      </c>
    </row>
    <row r="125990" spans="1:7" x14ac:dyDescent="0.3">
      <c r="A125990" s="13" t="s">
        <v>582</v>
      </c>
      <c r="B125990" s="14" t="s">
        <v>1</v>
      </c>
      <c r="C125990" s="14" t="s">
        <v>252</v>
      </c>
      <c r="D125990" s="14" t="s">
        <v>193</v>
      </c>
      <c r="E125990" s="15">
        <v>45441</v>
      </c>
      <c r="F125990" s="14" t="s">
        <v>15</v>
      </c>
      <c r="G125990" s="16">
        <v>0</v>
      </c>
    </row>
    <row r="125991" spans="1:7" x14ac:dyDescent="0.3">
      <c r="A125991" s="13" t="s">
        <v>582</v>
      </c>
      <c r="B125991" s="14" t="s">
        <v>1</v>
      </c>
      <c r="C125991" s="14" t="s">
        <v>252</v>
      </c>
      <c r="D125991" s="14" t="s">
        <v>193</v>
      </c>
      <c r="E125991" s="15">
        <v>45442</v>
      </c>
      <c r="F125991" s="14" t="s">
        <v>15</v>
      </c>
      <c r="G125991" s="16">
        <v>0</v>
      </c>
    </row>
    <row r="125992" spans="1:7" x14ac:dyDescent="0.3">
      <c r="A125992" s="13" t="s">
        <v>582</v>
      </c>
      <c r="B125992" s="14" t="s">
        <v>1</v>
      </c>
      <c r="C125992" s="14" t="s">
        <v>252</v>
      </c>
      <c r="D125992" s="14" t="s">
        <v>193</v>
      </c>
      <c r="E125992" s="15">
        <v>45443</v>
      </c>
      <c r="F125992" s="14" t="s">
        <v>15</v>
      </c>
      <c r="G125992" s="16">
        <v>0</v>
      </c>
    </row>
    <row r="125993" spans="1:7" x14ac:dyDescent="0.3">
      <c r="A125993" s="13" t="s">
        <v>582</v>
      </c>
      <c r="B125993" s="14" t="s">
        <v>1</v>
      </c>
      <c r="C125993" s="14" t="s">
        <v>252</v>
      </c>
      <c r="D125993" s="14" t="s">
        <v>193</v>
      </c>
      <c r="E125993" s="15">
        <v>45444</v>
      </c>
      <c r="F125993" s="14" t="s">
        <v>15</v>
      </c>
      <c r="G125993" s="16">
        <v>0</v>
      </c>
    </row>
    <row r="125994" spans="1:7" x14ac:dyDescent="0.3">
      <c r="A125994" s="13" t="s">
        <v>582</v>
      </c>
      <c r="B125994" s="14" t="s">
        <v>1</v>
      </c>
      <c r="C125994" s="14" t="s">
        <v>252</v>
      </c>
      <c r="D125994" s="14" t="s">
        <v>193</v>
      </c>
      <c r="E125994" s="15">
        <v>45445</v>
      </c>
      <c r="F125994" s="14" t="s">
        <v>15</v>
      </c>
      <c r="G125994" s="16">
        <v>0</v>
      </c>
    </row>
    <row r="125995" spans="1:7" x14ac:dyDescent="0.3">
      <c r="A125995" s="13" t="s">
        <v>582</v>
      </c>
      <c r="B125995" s="14" t="s">
        <v>1</v>
      </c>
      <c r="C125995" s="14" t="s">
        <v>252</v>
      </c>
      <c r="D125995" s="14" t="s">
        <v>193</v>
      </c>
      <c r="E125995" s="15">
        <v>45446</v>
      </c>
      <c r="F125995" s="14" t="s">
        <v>15</v>
      </c>
      <c r="G125995" s="16">
        <v>0</v>
      </c>
    </row>
    <row r="125996" spans="1:7" x14ac:dyDescent="0.3">
      <c r="A125996" s="13" t="s">
        <v>582</v>
      </c>
      <c r="B125996" s="14" t="s">
        <v>1</v>
      </c>
      <c r="C125996" s="14" t="s">
        <v>252</v>
      </c>
      <c r="D125996" s="14" t="s">
        <v>193</v>
      </c>
      <c r="E125996" s="15">
        <v>45447</v>
      </c>
      <c r="F125996" s="14" t="s">
        <v>15</v>
      </c>
      <c r="G125996" s="16">
        <v>0</v>
      </c>
    </row>
    <row r="125997" spans="1:7" x14ac:dyDescent="0.3">
      <c r="A125997" s="13" t="s">
        <v>582</v>
      </c>
      <c r="B125997" s="14" t="s">
        <v>1</v>
      </c>
      <c r="C125997" s="14" t="s">
        <v>252</v>
      </c>
      <c r="D125997" s="14" t="s">
        <v>193</v>
      </c>
      <c r="E125997" s="15">
        <v>45448</v>
      </c>
      <c r="F125997" s="14" t="s">
        <v>15</v>
      </c>
      <c r="G125997" s="16">
        <v>0</v>
      </c>
    </row>
    <row r="125998" spans="1:7" x14ac:dyDescent="0.3">
      <c r="A125998" s="13" t="s">
        <v>582</v>
      </c>
      <c r="B125998" s="14" t="s">
        <v>1</v>
      </c>
      <c r="C125998" s="14" t="s">
        <v>252</v>
      </c>
      <c r="D125998" s="14" t="s">
        <v>193</v>
      </c>
      <c r="E125998" s="15">
        <v>45449</v>
      </c>
      <c r="F125998" s="14" t="s">
        <v>15</v>
      </c>
      <c r="G125998" s="16">
        <v>0</v>
      </c>
    </row>
    <row r="125999" spans="1:7" x14ac:dyDescent="0.3">
      <c r="A125999" s="13" t="s">
        <v>582</v>
      </c>
      <c r="B125999" s="14" t="s">
        <v>1</v>
      </c>
      <c r="C125999" s="14" t="s">
        <v>252</v>
      </c>
      <c r="D125999" s="14" t="s">
        <v>193</v>
      </c>
      <c r="E125999" s="15">
        <v>45450</v>
      </c>
      <c r="F125999" s="14" t="s">
        <v>15</v>
      </c>
      <c r="G125999" s="16">
        <v>0</v>
      </c>
    </row>
    <row r="126000" spans="1:7" x14ac:dyDescent="0.3">
      <c r="A126000" s="13" t="s">
        <v>582</v>
      </c>
      <c r="B126000" s="14" t="s">
        <v>1</v>
      </c>
      <c r="C126000" s="14" t="s">
        <v>252</v>
      </c>
      <c r="D126000" s="14" t="s">
        <v>193</v>
      </c>
      <c r="E126000" s="15">
        <v>45451</v>
      </c>
      <c r="F126000" s="14" t="s">
        <v>15</v>
      </c>
      <c r="G126000" s="16">
        <v>0</v>
      </c>
    </row>
    <row r="126001" spans="1:7" x14ac:dyDescent="0.3">
      <c r="A126001" s="13" t="s">
        <v>582</v>
      </c>
      <c r="B126001" s="14" t="s">
        <v>1</v>
      </c>
      <c r="C126001" s="14" t="s">
        <v>252</v>
      </c>
      <c r="D126001" s="14" t="s">
        <v>193</v>
      </c>
      <c r="E126001" s="15">
        <v>45452</v>
      </c>
      <c r="F126001" s="14" t="s">
        <v>15</v>
      </c>
      <c r="G126001" s="16">
        <v>0</v>
      </c>
    </row>
    <row r="126002" spans="1:7" x14ac:dyDescent="0.3">
      <c r="A126002" s="13" t="s">
        <v>582</v>
      </c>
      <c r="B126002" s="14" t="s">
        <v>1</v>
      </c>
      <c r="C126002" s="14" t="s">
        <v>252</v>
      </c>
      <c r="D126002" s="14" t="s">
        <v>193</v>
      </c>
      <c r="E126002" s="15">
        <v>45453</v>
      </c>
      <c r="F126002" s="14" t="s">
        <v>15</v>
      </c>
      <c r="G126002" s="16">
        <v>0</v>
      </c>
    </row>
    <row r="126003" spans="1:7" x14ac:dyDescent="0.3">
      <c r="A126003" s="13" t="s">
        <v>582</v>
      </c>
      <c r="B126003" s="14" t="s">
        <v>1</v>
      </c>
      <c r="C126003" s="14" t="s">
        <v>252</v>
      </c>
      <c r="D126003" s="14" t="s">
        <v>193</v>
      </c>
      <c r="E126003" s="15">
        <v>45454</v>
      </c>
      <c r="F126003" s="14" t="s">
        <v>15</v>
      </c>
      <c r="G126003" s="16">
        <v>0</v>
      </c>
    </row>
    <row r="126004" spans="1:7" x14ac:dyDescent="0.3">
      <c r="A126004" s="13" t="s">
        <v>582</v>
      </c>
      <c r="B126004" s="14" t="s">
        <v>1</v>
      </c>
      <c r="C126004" s="14" t="s">
        <v>252</v>
      </c>
      <c r="D126004" s="14" t="s">
        <v>193</v>
      </c>
      <c r="E126004" s="15">
        <v>45455</v>
      </c>
      <c r="F126004" s="14" t="s">
        <v>15</v>
      </c>
      <c r="G126004" s="16">
        <v>0</v>
      </c>
    </row>
    <row r="126005" spans="1:7" x14ac:dyDescent="0.3">
      <c r="A126005" s="13" t="s">
        <v>582</v>
      </c>
      <c r="B126005" s="14" t="s">
        <v>1</v>
      </c>
      <c r="C126005" s="14" t="s">
        <v>252</v>
      </c>
      <c r="D126005" s="14" t="s">
        <v>193</v>
      </c>
      <c r="E126005" s="15">
        <v>45456</v>
      </c>
      <c r="F126005" s="14" t="s">
        <v>15</v>
      </c>
      <c r="G126005" s="16">
        <v>0</v>
      </c>
    </row>
    <row r="126006" spans="1:7" x14ac:dyDescent="0.3">
      <c r="A126006" s="13" t="s">
        <v>582</v>
      </c>
      <c r="B126006" s="14" t="s">
        <v>1</v>
      </c>
      <c r="C126006" s="14" t="s">
        <v>252</v>
      </c>
      <c r="D126006" s="14" t="s">
        <v>193</v>
      </c>
      <c r="E126006" s="15">
        <v>45457</v>
      </c>
      <c r="F126006" s="14" t="s">
        <v>15</v>
      </c>
      <c r="G126006" s="16">
        <v>0</v>
      </c>
    </row>
    <row r="126007" spans="1:7" x14ac:dyDescent="0.3">
      <c r="A126007" s="13" t="s">
        <v>582</v>
      </c>
      <c r="B126007" s="14" t="s">
        <v>1</v>
      </c>
      <c r="C126007" s="14" t="s">
        <v>252</v>
      </c>
      <c r="D126007" s="14" t="s">
        <v>193</v>
      </c>
      <c r="E126007" s="15">
        <v>45458</v>
      </c>
      <c r="F126007" s="14" t="s">
        <v>15</v>
      </c>
      <c r="G126007" s="16">
        <v>0</v>
      </c>
    </row>
    <row r="126008" spans="1:7" x14ac:dyDescent="0.3">
      <c r="A126008" s="13" t="s">
        <v>582</v>
      </c>
      <c r="B126008" s="14" t="s">
        <v>1</v>
      </c>
      <c r="C126008" s="14" t="s">
        <v>252</v>
      </c>
      <c r="D126008" s="14" t="s">
        <v>193</v>
      </c>
      <c r="E126008" s="15">
        <v>45459</v>
      </c>
      <c r="F126008" s="14" t="s">
        <v>15</v>
      </c>
      <c r="G126008" s="16">
        <v>0</v>
      </c>
    </row>
    <row r="126009" spans="1:7" x14ac:dyDescent="0.3">
      <c r="A126009" s="13" t="s">
        <v>582</v>
      </c>
      <c r="B126009" s="14" t="s">
        <v>1</v>
      </c>
      <c r="C126009" s="14" t="s">
        <v>252</v>
      </c>
      <c r="D126009" s="14" t="s">
        <v>193</v>
      </c>
      <c r="E126009" s="15">
        <v>45460</v>
      </c>
      <c r="F126009" s="14" t="s">
        <v>15</v>
      </c>
      <c r="G126009" s="16">
        <v>0</v>
      </c>
    </row>
    <row r="126010" spans="1:7" x14ac:dyDescent="0.3">
      <c r="A126010" s="13" t="s">
        <v>582</v>
      </c>
      <c r="B126010" s="14" t="s">
        <v>1</v>
      </c>
      <c r="C126010" s="14" t="s">
        <v>252</v>
      </c>
      <c r="D126010" s="14" t="s">
        <v>193</v>
      </c>
      <c r="E126010" s="15">
        <v>45461</v>
      </c>
      <c r="F126010" s="14" t="s">
        <v>15</v>
      </c>
      <c r="G126010" s="16">
        <v>0</v>
      </c>
    </row>
    <row r="126011" spans="1:7" x14ac:dyDescent="0.3">
      <c r="A126011" s="13" t="s">
        <v>582</v>
      </c>
      <c r="B126011" s="14" t="s">
        <v>1</v>
      </c>
      <c r="C126011" s="14" t="s">
        <v>252</v>
      </c>
      <c r="D126011" s="14" t="s">
        <v>193</v>
      </c>
      <c r="E126011" s="15">
        <v>45462</v>
      </c>
      <c r="F126011" s="14" t="s">
        <v>15</v>
      </c>
      <c r="G126011" s="16">
        <v>0</v>
      </c>
    </row>
    <row r="126012" spans="1:7" x14ac:dyDescent="0.3">
      <c r="A126012" s="13" t="s">
        <v>582</v>
      </c>
      <c r="B126012" s="14" t="s">
        <v>1</v>
      </c>
      <c r="C126012" s="14" t="s">
        <v>252</v>
      </c>
      <c r="D126012" s="14" t="s">
        <v>193</v>
      </c>
      <c r="E126012" s="15">
        <v>45463</v>
      </c>
      <c r="F126012" s="14" t="s">
        <v>15</v>
      </c>
      <c r="G126012" s="16">
        <v>0</v>
      </c>
    </row>
    <row r="126013" spans="1:7" x14ac:dyDescent="0.3">
      <c r="A126013" s="13" t="s">
        <v>582</v>
      </c>
      <c r="B126013" s="14" t="s">
        <v>1</v>
      </c>
      <c r="C126013" s="14" t="s">
        <v>252</v>
      </c>
      <c r="D126013" s="14" t="s">
        <v>193</v>
      </c>
      <c r="E126013" s="15">
        <v>45464</v>
      </c>
      <c r="F126013" s="14" t="s">
        <v>15</v>
      </c>
      <c r="G126013" s="16">
        <v>0</v>
      </c>
    </row>
    <row r="126014" spans="1:7" x14ac:dyDescent="0.3">
      <c r="A126014" s="13" t="s">
        <v>582</v>
      </c>
      <c r="B126014" s="14" t="s">
        <v>1</v>
      </c>
      <c r="C126014" s="14" t="s">
        <v>252</v>
      </c>
      <c r="D126014" s="14" t="s">
        <v>193</v>
      </c>
      <c r="E126014" s="15">
        <v>45465</v>
      </c>
      <c r="F126014" s="14" t="s">
        <v>15</v>
      </c>
      <c r="G126014" s="16">
        <v>0</v>
      </c>
    </row>
    <row r="126015" spans="1:7" x14ac:dyDescent="0.3">
      <c r="A126015" s="13" t="s">
        <v>582</v>
      </c>
      <c r="B126015" s="14" t="s">
        <v>1</v>
      </c>
      <c r="C126015" s="14" t="s">
        <v>252</v>
      </c>
      <c r="D126015" s="14" t="s">
        <v>193</v>
      </c>
      <c r="E126015" s="15">
        <v>45466</v>
      </c>
      <c r="F126015" s="14" t="s">
        <v>15</v>
      </c>
      <c r="G126015" s="16">
        <v>0</v>
      </c>
    </row>
    <row r="126016" spans="1:7" x14ac:dyDescent="0.3">
      <c r="A126016" s="13" t="s">
        <v>582</v>
      </c>
      <c r="B126016" s="14" t="s">
        <v>1</v>
      </c>
      <c r="C126016" s="14" t="s">
        <v>252</v>
      </c>
      <c r="D126016" s="14" t="s">
        <v>193</v>
      </c>
      <c r="E126016" s="15">
        <v>45467</v>
      </c>
      <c r="F126016" s="14" t="s">
        <v>15</v>
      </c>
      <c r="G126016" s="16">
        <v>0</v>
      </c>
    </row>
    <row r="126017" spans="1:7" x14ac:dyDescent="0.3">
      <c r="A126017" s="13" t="s">
        <v>582</v>
      </c>
      <c r="B126017" s="14" t="s">
        <v>1</v>
      </c>
      <c r="C126017" s="14" t="s">
        <v>252</v>
      </c>
      <c r="D126017" s="14" t="s">
        <v>193</v>
      </c>
      <c r="E126017" s="15">
        <v>45468</v>
      </c>
      <c r="F126017" s="14" t="s">
        <v>15</v>
      </c>
      <c r="G126017" s="16">
        <v>0</v>
      </c>
    </row>
    <row r="126018" spans="1:7" x14ac:dyDescent="0.3">
      <c r="A126018" s="13" t="s">
        <v>582</v>
      </c>
      <c r="B126018" s="14" t="s">
        <v>1</v>
      </c>
      <c r="C126018" s="14" t="s">
        <v>252</v>
      </c>
      <c r="D126018" s="14" t="s">
        <v>193</v>
      </c>
      <c r="E126018" s="15">
        <v>45469</v>
      </c>
      <c r="F126018" s="14" t="s">
        <v>15</v>
      </c>
      <c r="G126018" s="16">
        <v>0</v>
      </c>
    </row>
    <row r="126019" spans="1:7" x14ac:dyDescent="0.3">
      <c r="A126019" s="13" t="s">
        <v>582</v>
      </c>
      <c r="B126019" s="14" t="s">
        <v>1</v>
      </c>
      <c r="C126019" s="14" t="s">
        <v>252</v>
      </c>
      <c r="D126019" s="14" t="s">
        <v>193</v>
      </c>
      <c r="E126019" s="15">
        <v>45470</v>
      </c>
      <c r="F126019" s="14" t="s">
        <v>15</v>
      </c>
      <c r="G126019" s="16">
        <v>0</v>
      </c>
    </row>
    <row r="126020" spans="1:7" x14ac:dyDescent="0.3">
      <c r="A126020" s="13" t="s">
        <v>582</v>
      </c>
      <c r="B126020" s="14" t="s">
        <v>1</v>
      </c>
      <c r="C126020" s="14" t="s">
        <v>252</v>
      </c>
      <c r="D126020" s="14" t="s">
        <v>193</v>
      </c>
      <c r="E126020" s="15">
        <v>45471</v>
      </c>
      <c r="F126020" s="14" t="s">
        <v>15</v>
      </c>
      <c r="G126020" s="16">
        <v>0</v>
      </c>
    </row>
    <row r="126021" spans="1:7" x14ac:dyDescent="0.3">
      <c r="A126021" s="13" t="s">
        <v>582</v>
      </c>
      <c r="B126021" s="14" t="s">
        <v>1</v>
      </c>
      <c r="C126021" s="14" t="s">
        <v>252</v>
      </c>
      <c r="D126021" s="14" t="s">
        <v>193</v>
      </c>
      <c r="E126021" s="15">
        <v>45472</v>
      </c>
      <c r="F126021" s="14" t="s">
        <v>15</v>
      </c>
      <c r="G126021" s="16">
        <v>0</v>
      </c>
    </row>
    <row r="126022" spans="1:7" x14ac:dyDescent="0.3">
      <c r="A126022" s="13" t="s">
        <v>582</v>
      </c>
      <c r="B126022" s="14" t="s">
        <v>1</v>
      </c>
      <c r="C126022" s="14" t="s">
        <v>252</v>
      </c>
      <c r="D126022" s="14" t="s">
        <v>193</v>
      </c>
      <c r="E126022" s="15">
        <v>45473</v>
      </c>
      <c r="F126022" s="14" t="s">
        <v>15</v>
      </c>
      <c r="G126022" s="16">
        <v>0</v>
      </c>
    </row>
    <row r="126023" spans="1:7" x14ac:dyDescent="0.3">
      <c r="A126023" s="13" t="s">
        <v>582</v>
      </c>
      <c r="B126023" s="14" t="s">
        <v>1</v>
      </c>
      <c r="C126023" s="14" t="s">
        <v>252</v>
      </c>
      <c r="D126023" s="14" t="s">
        <v>193</v>
      </c>
      <c r="E126023" s="15">
        <v>45474</v>
      </c>
      <c r="F126023" s="14" t="s">
        <v>15</v>
      </c>
      <c r="G126023" s="16">
        <v>0</v>
      </c>
    </row>
    <row r="126024" spans="1:7" x14ac:dyDescent="0.3">
      <c r="A126024" s="13" t="s">
        <v>582</v>
      </c>
      <c r="B126024" s="14" t="s">
        <v>1</v>
      </c>
      <c r="C126024" s="14" t="s">
        <v>252</v>
      </c>
      <c r="D126024" s="14" t="s">
        <v>193</v>
      </c>
      <c r="E126024" s="15">
        <v>45475</v>
      </c>
      <c r="F126024" s="14" t="s">
        <v>15</v>
      </c>
      <c r="G126024" s="16">
        <v>0</v>
      </c>
    </row>
    <row r="126025" spans="1:7" x14ac:dyDescent="0.3">
      <c r="A126025" s="13" t="s">
        <v>582</v>
      </c>
      <c r="B126025" s="14" t="s">
        <v>1</v>
      </c>
      <c r="C126025" s="14" t="s">
        <v>252</v>
      </c>
      <c r="D126025" s="14" t="s">
        <v>193</v>
      </c>
      <c r="E126025" s="15">
        <v>45476</v>
      </c>
      <c r="F126025" s="14" t="s">
        <v>15</v>
      </c>
      <c r="G126025" s="16">
        <v>0</v>
      </c>
    </row>
    <row r="126026" spans="1:7" x14ac:dyDescent="0.3">
      <c r="A126026" s="13" t="s">
        <v>582</v>
      </c>
      <c r="B126026" s="14" t="s">
        <v>1</v>
      </c>
      <c r="C126026" s="14" t="s">
        <v>252</v>
      </c>
      <c r="D126026" s="14" t="s">
        <v>193</v>
      </c>
      <c r="E126026" s="15">
        <v>45477</v>
      </c>
      <c r="F126026" s="14" t="s">
        <v>15</v>
      </c>
      <c r="G126026" s="16">
        <v>0</v>
      </c>
    </row>
    <row r="126027" spans="1:7" x14ac:dyDescent="0.3">
      <c r="A126027" s="13" t="s">
        <v>582</v>
      </c>
      <c r="B126027" s="14" t="s">
        <v>1</v>
      </c>
      <c r="C126027" s="14" t="s">
        <v>252</v>
      </c>
      <c r="D126027" s="14" t="s">
        <v>193</v>
      </c>
      <c r="E126027" s="15">
        <v>45478</v>
      </c>
      <c r="F126027" s="14" t="s">
        <v>15</v>
      </c>
      <c r="G126027" s="16">
        <v>0</v>
      </c>
    </row>
    <row r="126028" spans="1:7" x14ac:dyDescent="0.3">
      <c r="A126028" s="13" t="s">
        <v>582</v>
      </c>
      <c r="B126028" s="14" t="s">
        <v>1</v>
      </c>
      <c r="C126028" s="14" t="s">
        <v>252</v>
      </c>
      <c r="D126028" s="14" t="s">
        <v>193</v>
      </c>
      <c r="E126028" s="15">
        <v>45479</v>
      </c>
      <c r="F126028" s="14" t="s">
        <v>15</v>
      </c>
      <c r="G126028" s="16">
        <v>0</v>
      </c>
    </row>
    <row r="126029" spans="1:7" x14ac:dyDescent="0.3">
      <c r="A126029" s="13" t="s">
        <v>582</v>
      </c>
      <c r="B126029" s="14" t="s">
        <v>1</v>
      </c>
      <c r="C126029" s="14" t="s">
        <v>252</v>
      </c>
      <c r="D126029" s="14" t="s">
        <v>193</v>
      </c>
      <c r="E126029" s="15">
        <v>45480</v>
      </c>
      <c r="F126029" s="14" t="s">
        <v>15</v>
      </c>
      <c r="G126029" s="16">
        <v>0</v>
      </c>
    </row>
    <row r="126030" spans="1:7" x14ac:dyDescent="0.3">
      <c r="A126030" s="13" t="s">
        <v>582</v>
      </c>
      <c r="B126030" s="14" t="s">
        <v>1</v>
      </c>
      <c r="C126030" s="14" t="s">
        <v>252</v>
      </c>
      <c r="D126030" s="14" t="s">
        <v>193</v>
      </c>
      <c r="E126030" s="15">
        <v>45481</v>
      </c>
      <c r="F126030" s="14" t="s">
        <v>15</v>
      </c>
      <c r="G126030" s="16">
        <v>0</v>
      </c>
    </row>
    <row r="126031" spans="1:7" x14ac:dyDescent="0.3">
      <c r="A126031" s="13" t="s">
        <v>582</v>
      </c>
      <c r="B126031" s="14" t="s">
        <v>1</v>
      </c>
      <c r="C126031" s="14" t="s">
        <v>252</v>
      </c>
      <c r="D126031" s="14" t="s">
        <v>193</v>
      </c>
      <c r="E126031" s="15">
        <v>45482</v>
      </c>
      <c r="F126031" s="14" t="s">
        <v>15</v>
      </c>
      <c r="G126031" s="16">
        <v>0</v>
      </c>
    </row>
    <row r="126032" spans="1:7" x14ac:dyDescent="0.3">
      <c r="A126032" s="13" t="s">
        <v>582</v>
      </c>
      <c r="B126032" s="14" t="s">
        <v>1</v>
      </c>
      <c r="C126032" s="14" t="s">
        <v>252</v>
      </c>
      <c r="D126032" s="14" t="s">
        <v>193</v>
      </c>
      <c r="E126032" s="15">
        <v>45483</v>
      </c>
      <c r="F126032" s="14" t="s">
        <v>15</v>
      </c>
      <c r="G126032" s="16">
        <v>0</v>
      </c>
    </row>
    <row r="126033" spans="1:7" x14ac:dyDescent="0.3">
      <c r="A126033" s="13" t="s">
        <v>582</v>
      </c>
      <c r="B126033" s="14" t="s">
        <v>1</v>
      </c>
      <c r="C126033" s="14" t="s">
        <v>252</v>
      </c>
      <c r="D126033" s="14" t="s">
        <v>193</v>
      </c>
      <c r="E126033" s="15">
        <v>45484</v>
      </c>
      <c r="F126033" s="14" t="s">
        <v>15</v>
      </c>
      <c r="G126033" s="16">
        <v>0</v>
      </c>
    </row>
    <row r="126034" spans="1:7" x14ac:dyDescent="0.3">
      <c r="A126034" s="13" t="s">
        <v>582</v>
      </c>
      <c r="B126034" s="14" t="s">
        <v>1</v>
      </c>
      <c r="C126034" s="14" t="s">
        <v>252</v>
      </c>
      <c r="D126034" s="14" t="s">
        <v>193</v>
      </c>
      <c r="E126034" s="15">
        <v>45485</v>
      </c>
      <c r="F126034" s="14" t="s">
        <v>15</v>
      </c>
      <c r="G126034" s="16">
        <v>0</v>
      </c>
    </row>
    <row r="126035" spans="1:7" x14ac:dyDescent="0.3">
      <c r="A126035" s="13" t="s">
        <v>582</v>
      </c>
      <c r="B126035" s="14" t="s">
        <v>1</v>
      </c>
      <c r="C126035" s="14" t="s">
        <v>252</v>
      </c>
      <c r="D126035" s="14" t="s">
        <v>193</v>
      </c>
      <c r="E126035" s="15">
        <v>45486</v>
      </c>
      <c r="F126035" s="14" t="s">
        <v>15</v>
      </c>
      <c r="G126035" s="16">
        <v>0</v>
      </c>
    </row>
    <row r="126036" spans="1:7" x14ac:dyDescent="0.3">
      <c r="A126036" s="13" t="s">
        <v>582</v>
      </c>
      <c r="B126036" s="14" t="s">
        <v>1</v>
      </c>
      <c r="C126036" s="14" t="s">
        <v>252</v>
      </c>
      <c r="D126036" s="14" t="s">
        <v>193</v>
      </c>
      <c r="E126036" s="15">
        <v>45487</v>
      </c>
      <c r="F126036" s="14" t="s">
        <v>15</v>
      </c>
      <c r="G126036" s="16">
        <v>0</v>
      </c>
    </row>
    <row r="126037" spans="1:7" x14ac:dyDescent="0.3">
      <c r="A126037" s="13" t="s">
        <v>582</v>
      </c>
      <c r="B126037" s="14" t="s">
        <v>1</v>
      </c>
      <c r="C126037" s="14" t="s">
        <v>252</v>
      </c>
      <c r="D126037" s="14" t="s">
        <v>193</v>
      </c>
      <c r="E126037" s="15">
        <v>45488</v>
      </c>
      <c r="F126037" s="14" t="s">
        <v>15</v>
      </c>
      <c r="G126037" s="16">
        <v>0</v>
      </c>
    </row>
    <row r="126038" spans="1:7" x14ac:dyDescent="0.3">
      <c r="A126038" s="13" t="s">
        <v>582</v>
      </c>
      <c r="B126038" s="14" t="s">
        <v>1</v>
      </c>
      <c r="C126038" s="14" t="s">
        <v>252</v>
      </c>
      <c r="D126038" s="14" t="s">
        <v>193</v>
      </c>
      <c r="E126038" s="15">
        <v>45489</v>
      </c>
      <c r="F126038" s="14" t="s">
        <v>15</v>
      </c>
      <c r="G126038" s="16">
        <v>0</v>
      </c>
    </row>
    <row r="126039" spans="1:7" x14ac:dyDescent="0.3">
      <c r="A126039" s="13" t="s">
        <v>582</v>
      </c>
      <c r="B126039" s="14" t="s">
        <v>1</v>
      </c>
      <c r="C126039" s="14" t="s">
        <v>252</v>
      </c>
      <c r="D126039" s="14" t="s">
        <v>193</v>
      </c>
      <c r="E126039" s="15">
        <v>45490</v>
      </c>
      <c r="F126039" s="14" t="s">
        <v>15</v>
      </c>
      <c r="G126039" s="16">
        <v>0</v>
      </c>
    </row>
    <row r="126040" spans="1:7" x14ac:dyDescent="0.3">
      <c r="A126040" s="13" t="s">
        <v>582</v>
      </c>
      <c r="B126040" s="14" t="s">
        <v>1</v>
      </c>
      <c r="C126040" s="14" t="s">
        <v>252</v>
      </c>
      <c r="D126040" s="14" t="s">
        <v>193</v>
      </c>
      <c r="E126040" s="15">
        <v>45491</v>
      </c>
      <c r="F126040" s="14" t="s">
        <v>15</v>
      </c>
      <c r="G126040" s="16">
        <v>0</v>
      </c>
    </row>
    <row r="126041" spans="1:7" x14ac:dyDescent="0.3">
      <c r="A126041" s="13" t="s">
        <v>582</v>
      </c>
      <c r="B126041" s="14" t="s">
        <v>1</v>
      </c>
      <c r="C126041" s="14" t="s">
        <v>252</v>
      </c>
      <c r="D126041" s="14" t="s">
        <v>193</v>
      </c>
      <c r="E126041" s="15">
        <v>45492</v>
      </c>
      <c r="F126041" s="14" t="s">
        <v>15</v>
      </c>
      <c r="G126041" s="16">
        <v>0</v>
      </c>
    </row>
    <row r="126042" spans="1:7" x14ac:dyDescent="0.3">
      <c r="A126042" s="13" t="s">
        <v>582</v>
      </c>
      <c r="B126042" s="14" t="s">
        <v>1</v>
      </c>
      <c r="C126042" s="14" t="s">
        <v>252</v>
      </c>
      <c r="D126042" s="14" t="s">
        <v>193</v>
      </c>
      <c r="E126042" s="15">
        <v>45493</v>
      </c>
      <c r="F126042" s="14" t="s">
        <v>15</v>
      </c>
      <c r="G126042" s="16">
        <v>0</v>
      </c>
    </row>
    <row r="126043" spans="1:7" x14ac:dyDescent="0.3">
      <c r="A126043" s="13" t="s">
        <v>582</v>
      </c>
      <c r="B126043" s="14" t="s">
        <v>1</v>
      </c>
      <c r="C126043" s="14" t="s">
        <v>252</v>
      </c>
      <c r="D126043" s="14" t="s">
        <v>193</v>
      </c>
      <c r="E126043" s="15">
        <v>45494</v>
      </c>
      <c r="F126043" s="14" t="s">
        <v>15</v>
      </c>
      <c r="G126043" s="16">
        <v>0</v>
      </c>
    </row>
    <row r="126044" spans="1:7" x14ac:dyDescent="0.3">
      <c r="A126044" s="13" t="s">
        <v>582</v>
      </c>
      <c r="B126044" s="14" t="s">
        <v>1</v>
      </c>
      <c r="C126044" s="14" t="s">
        <v>252</v>
      </c>
      <c r="D126044" s="14" t="s">
        <v>193</v>
      </c>
      <c r="E126044" s="15">
        <v>45495</v>
      </c>
      <c r="F126044" s="14" t="s">
        <v>15</v>
      </c>
      <c r="G126044" s="16">
        <v>0</v>
      </c>
    </row>
    <row r="126045" spans="1:7" x14ac:dyDescent="0.3">
      <c r="A126045" s="13" t="s">
        <v>582</v>
      </c>
      <c r="B126045" s="14" t="s">
        <v>1</v>
      </c>
      <c r="C126045" s="14" t="s">
        <v>252</v>
      </c>
      <c r="D126045" s="14" t="s">
        <v>193</v>
      </c>
      <c r="E126045" s="15">
        <v>45496</v>
      </c>
      <c r="F126045" s="14" t="s">
        <v>15</v>
      </c>
      <c r="G126045" s="16">
        <v>0</v>
      </c>
    </row>
    <row r="126046" spans="1:7" x14ac:dyDescent="0.3">
      <c r="A126046" s="13" t="s">
        <v>582</v>
      </c>
      <c r="B126046" s="14" t="s">
        <v>1</v>
      </c>
      <c r="C126046" s="14" t="s">
        <v>252</v>
      </c>
      <c r="D126046" s="14" t="s">
        <v>193</v>
      </c>
      <c r="E126046" s="15">
        <v>45497</v>
      </c>
      <c r="F126046" s="14" t="s">
        <v>15</v>
      </c>
      <c r="G126046" s="16">
        <v>0</v>
      </c>
    </row>
    <row r="126047" spans="1:7" x14ac:dyDescent="0.3">
      <c r="A126047" s="13" t="s">
        <v>582</v>
      </c>
      <c r="B126047" s="14" t="s">
        <v>1</v>
      </c>
      <c r="C126047" s="14" t="s">
        <v>252</v>
      </c>
      <c r="D126047" s="14" t="s">
        <v>193</v>
      </c>
      <c r="E126047" s="15">
        <v>45498</v>
      </c>
      <c r="F126047" s="14" t="s">
        <v>15</v>
      </c>
      <c r="G126047" s="16">
        <v>0</v>
      </c>
    </row>
    <row r="126048" spans="1:7" x14ac:dyDescent="0.3">
      <c r="A126048" s="13" t="s">
        <v>582</v>
      </c>
      <c r="B126048" s="14" t="s">
        <v>1</v>
      </c>
      <c r="C126048" s="14" t="s">
        <v>252</v>
      </c>
      <c r="D126048" s="14" t="s">
        <v>193</v>
      </c>
      <c r="E126048" s="15">
        <v>45499</v>
      </c>
      <c r="F126048" s="14" t="s">
        <v>15</v>
      </c>
      <c r="G126048" s="16">
        <v>0</v>
      </c>
    </row>
    <row r="126049" spans="1:7" x14ac:dyDescent="0.3">
      <c r="A126049" s="13" t="s">
        <v>582</v>
      </c>
      <c r="B126049" s="14" t="s">
        <v>1</v>
      </c>
      <c r="C126049" s="14" t="s">
        <v>252</v>
      </c>
      <c r="D126049" s="14" t="s">
        <v>193</v>
      </c>
      <c r="E126049" s="15">
        <v>45500</v>
      </c>
      <c r="F126049" s="14" t="s">
        <v>15</v>
      </c>
      <c r="G126049" s="16">
        <v>0</v>
      </c>
    </row>
    <row r="126050" spans="1:7" x14ac:dyDescent="0.3">
      <c r="A126050" s="13" t="s">
        <v>582</v>
      </c>
      <c r="B126050" s="14" t="s">
        <v>1</v>
      </c>
      <c r="C126050" s="14" t="s">
        <v>252</v>
      </c>
      <c r="D126050" s="14" t="s">
        <v>193</v>
      </c>
      <c r="E126050" s="15">
        <v>45501</v>
      </c>
      <c r="F126050" s="14" t="s">
        <v>15</v>
      </c>
      <c r="G126050" s="16">
        <v>0</v>
      </c>
    </row>
    <row r="126051" spans="1:7" x14ac:dyDescent="0.3">
      <c r="A126051" s="13" t="s">
        <v>582</v>
      </c>
      <c r="B126051" s="14" t="s">
        <v>1</v>
      </c>
      <c r="C126051" s="14" t="s">
        <v>252</v>
      </c>
      <c r="D126051" s="14" t="s">
        <v>193</v>
      </c>
      <c r="E126051" s="15">
        <v>45502</v>
      </c>
      <c r="F126051" s="14" t="s">
        <v>15</v>
      </c>
      <c r="G126051" s="16">
        <v>0</v>
      </c>
    </row>
    <row r="126052" spans="1:7" x14ac:dyDescent="0.3">
      <c r="A126052" s="13" t="s">
        <v>582</v>
      </c>
      <c r="B126052" s="14" t="s">
        <v>1</v>
      </c>
      <c r="C126052" s="14" t="s">
        <v>252</v>
      </c>
      <c r="D126052" s="14" t="s">
        <v>193</v>
      </c>
      <c r="E126052" s="15">
        <v>45503</v>
      </c>
      <c r="F126052" s="14" t="s">
        <v>15</v>
      </c>
      <c r="G126052" s="16">
        <v>0</v>
      </c>
    </row>
    <row r="126053" spans="1:7" x14ac:dyDescent="0.3">
      <c r="A126053" s="13" t="s">
        <v>582</v>
      </c>
      <c r="B126053" s="14" t="s">
        <v>1</v>
      </c>
      <c r="C126053" s="14" t="s">
        <v>252</v>
      </c>
      <c r="D126053" s="14" t="s">
        <v>193</v>
      </c>
      <c r="E126053" s="15">
        <v>45504</v>
      </c>
      <c r="F126053" s="14" t="s">
        <v>15</v>
      </c>
      <c r="G126053" s="16">
        <v>0</v>
      </c>
    </row>
    <row r="126054" spans="1:7" x14ac:dyDescent="0.3">
      <c r="A126054" s="13" t="s">
        <v>582</v>
      </c>
      <c r="B126054" s="14" t="s">
        <v>1</v>
      </c>
      <c r="C126054" s="14" t="s">
        <v>252</v>
      </c>
      <c r="D126054" s="14" t="s">
        <v>193</v>
      </c>
      <c r="E126054" s="15">
        <v>45505</v>
      </c>
      <c r="F126054" s="14" t="s">
        <v>15</v>
      </c>
      <c r="G126054" s="16">
        <v>0</v>
      </c>
    </row>
    <row r="126055" spans="1:7" x14ac:dyDescent="0.3">
      <c r="A126055" s="13" t="s">
        <v>582</v>
      </c>
      <c r="B126055" s="14" t="s">
        <v>1</v>
      </c>
      <c r="C126055" s="14" t="s">
        <v>252</v>
      </c>
      <c r="D126055" s="14" t="s">
        <v>193</v>
      </c>
      <c r="E126055" s="15">
        <v>45506</v>
      </c>
      <c r="F126055" s="14" t="s">
        <v>15</v>
      </c>
      <c r="G126055" s="16">
        <v>0</v>
      </c>
    </row>
    <row r="126056" spans="1:7" x14ac:dyDescent="0.3">
      <c r="A126056" s="13" t="s">
        <v>582</v>
      </c>
      <c r="B126056" s="14" t="s">
        <v>1</v>
      </c>
      <c r="C126056" s="14" t="s">
        <v>252</v>
      </c>
      <c r="D126056" s="14" t="s">
        <v>193</v>
      </c>
      <c r="E126056" s="15">
        <v>45507</v>
      </c>
      <c r="F126056" s="14" t="s">
        <v>15</v>
      </c>
      <c r="G126056" s="16">
        <v>0</v>
      </c>
    </row>
    <row r="126057" spans="1:7" x14ac:dyDescent="0.3">
      <c r="A126057" s="13" t="s">
        <v>582</v>
      </c>
      <c r="B126057" s="14" t="s">
        <v>1</v>
      </c>
      <c r="C126057" s="14" t="s">
        <v>252</v>
      </c>
      <c r="D126057" s="14" t="s">
        <v>193</v>
      </c>
      <c r="E126057" s="15">
        <v>45508</v>
      </c>
      <c r="F126057" s="14" t="s">
        <v>15</v>
      </c>
      <c r="G126057" s="16">
        <v>0</v>
      </c>
    </row>
    <row r="126058" spans="1:7" x14ac:dyDescent="0.3">
      <c r="A126058" s="13" t="s">
        <v>582</v>
      </c>
      <c r="B126058" s="14" t="s">
        <v>1</v>
      </c>
      <c r="C126058" s="14" t="s">
        <v>252</v>
      </c>
      <c r="D126058" s="14" t="s">
        <v>193</v>
      </c>
      <c r="E126058" s="15">
        <v>45509</v>
      </c>
      <c r="F126058" s="14" t="s">
        <v>15</v>
      </c>
      <c r="G126058" s="16">
        <v>0</v>
      </c>
    </row>
    <row r="126059" spans="1:7" x14ac:dyDescent="0.3">
      <c r="A126059" s="13" t="s">
        <v>582</v>
      </c>
      <c r="B126059" s="14" t="s">
        <v>1</v>
      </c>
      <c r="C126059" s="14" t="s">
        <v>252</v>
      </c>
      <c r="D126059" s="14" t="s">
        <v>193</v>
      </c>
      <c r="E126059" s="15">
        <v>45510</v>
      </c>
      <c r="F126059" s="14" t="s">
        <v>15</v>
      </c>
      <c r="G126059" s="16">
        <v>0</v>
      </c>
    </row>
    <row r="126060" spans="1:7" x14ac:dyDescent="0.3">
      <c r="A126060" s="13" t="s">
        <v>582</v>
      </c>
      <c r="B126060" s="14" t="s">
        <v>1</v>
      </c>
      <c r="C126060" s="14" t="s">
        <v>252</v>
      </c>
      <c r="D126060" s="14" t="s">
        <v>193</v>
      </c>
      <c r="E126060" s="15">
        <v>45511</v>
      </c>
      <c r="F126060" s="14" t="s">
        <v>15</v>
      </c>
      <c r="G126060" s="16">
        <v>0</v>
      </c>
    </row>
    <row r="126061" spans="1:7" x14ac:dyDescent="0.3">
      <c r="A126061" s="13" t="s">
        <v>582</v>
      </c>
      <c r="B126061" s="14" t="s">
        <v>1</v>
      </c>
      <c r="C126061" s="14" t="s">
        <v>252</v>
      </c>
      <c r="D126061" s="14" t="s">
        <v>193</v>
      </c>
      <c r="E126061" s="15">
        <v>45512</v>
      </c>
      <c r="F126061" s="14" t="s">
        <v>15</v>
      </c>
      <c r="G126061" s="16">
        <v>0</v>
      </c>
    </row>
    <row r="126062" spans="1:7" x14ac:dyDescent="0.3">
      <c r="A126062" s="13" t="s">
        <v>582</v>
      </c>
      <c r="B126062" s="14" t="s">
        <v>1</v>
      </c>
      <c r="C126062" s="14" t="s">
        <v>252</v>
      </c>
      <c r="D126062" s="14" t="s">
        <v>193</v>
      </c>
      <c r="E126062" s="15">
        <v>45513</v>
      </c>
      <c r="F126062" s="14" t="s">
        <v>15</v>
      </c>
      <c r="G126062" s="16">
        <v>0</v>
      </c>
    </row>
    <row r="126063" spans="1:7" x14ac:dyDescent="0.3">
      <c r="A126063" s="13" t="s">
        <v>582</v>
      </c>
      <c r="B126063" s="14" t="s">
        <v>1</v>
      </c>
      <c r="C126063" s="14" t="s">
        <v>252</v>
      </c>
      <c r="D126063" s="14" t="s">
        <v>193</v>
      </c>
      <c r="E126063" s="15">
        <v>45514</v>
      </c>
      <c r="F126063" s="14" t="s">
        <v>15</v>
      </c>
      <c r="G126063" s="16">
        <v>0</v>
      </c>
    </row>
    <row r="126064" spans="1:7" x14ac:dyDescent="0.3">
      <c r="A126064" s="13" t="s">
        <v>582</v>
      </c>
      <c r="B126064" s="14" t="s">
        <v>1</v>
      </c>
      <c r="C126064" s="14" t="s">
        <v>252</v>
      </c>
      <c r="D126064" s="14" t="s">
        <v>193</v>
      </c>
      <c r="E126064" s="15">
        <v>45515</v>
      </c>
      <c r="F126064" s="14" t="s">
        <v>15</v>
      </c>
      <c r="G126064" s="16">
        <v>0</v>
      </c>
    </row>
    <row r="126065" spans="1:7" x14ac:dyDescent="0.3">
      <c r="A126065" s="13" t="s">
        <v>582</v>
      </c>
      <c r="B126065" s="14" t="s">
        <v>1</v>
      </c>
      <c r="C126065" s="14" t="s">
        <v>252</v>
      </c>
      <c r="D126065" s="14" t="s">
        <v>193</v>
      </c>
      <c r="E126065" s="15">
        <v>45516</v>
      </c>
      <c r="F126065" s="14" t="s">
        <v>15</v>
      </c>
      <c r="G126065" s="16">
        <v>0</v>
      </c>
    </row>
    <row r="126066" spans="1:7" x14ac:dyDescent="0.3">
      <c r="A126066" s="13" t="s">
        <v>582</v>
      </c>
      <c r="B126066" s="14" t="s">
        <v>1</v>
      </c>
      <c r="C126066" s="14" t="s">
        <v>252</v>
      </c>
      <c r="D126066" s="14" t="s">
        <v>193</v>
      </c>
      <c r="E126066" s="15">
        <v>45517</v>
      </c>
      <c r="F126066" s="14" t="s">
        <v>15</v>
      </c>
      <c r="G126066" s="16">
        <v>0</v>
      </c>
    </row>
    <row r="126067" spans="1:7" x14ac:dyDescent="0.3">
      <c r="A126067" s="13" t="s">
        <v>582</v>
      </c>
      <c r="B126067" s="14" t="s">
        <v>1</v>
      </c>
      <c r="C126067" s="14" t="s">
        <v>252</v>
      </c>
      <c r="D126067" s="14" t="s">
        <v>193</v>
      </c>
      <c r="E126067" s="15">
        <v>45518</v>
      </c>
      <c r="F126067" s="14" t="s">
        <v>15</v>
      </c>
      <c r="G126067" s="16">
        <v>0</v>
      </c>
    </row>
    <row r="126068" spans="1:7" x14ac:dyDescent="0.3">
      <c r="A126068" s="13" t="s">
        <v>582</v>
      </c>
      <c r="B126068" s="14" t="s">
        <v>1</v>
      </c>
      <c r="C126068" s="14" t="s">
        <v>252</v>
      </c>
      <c r="D126068" s="14" t="s">
        <v>193</v>
      </c>
      <c r="E126068" s="15">
        <v>45519</v>
      </c>
      <c r="F126068" s="14" t="s">
        <v>15</v>
      </c>
      <c r="G126068" s="16">
        <v>0</v>
      </c>
    </row>
    <row r="126069" spans="1:7" x14ac:dyDescent="0.3">
      <c r="A126069" s="13" t="s">
        <v>582</v>
      </c>
      <c r="B126069" s="14" t="s">
        <v>1</v>
      </c>
      <c r="C126069" s="14" t="s">
        <v>252</v>
      </c>
      <c r="D126069" s="14" t="s">
        <v>193</v>
      </c>
      <c r="E126069" s="15">
        <v>45520</v>
      </c>
      <c r="F126069" s="14" t="s">
        <v>15</v>
      </c>
      <c r="G126069" s="16">
        <v>0</v>
      </c>
    </row>
    <row r="126070" spans="1:7" x14ac:dyDescent="0.3">
      <c r="A126070" s="13" t="s">
        <v>582</v>
      </c>
      <c r="B126070" s="14" t="s">
        <v>1</v>
      </c>
      <c r="C126070" s="14" t="s">
        <v>252</v>
      </c>
      <c r="D126070" s="14" t="s">
        <v>193</v>
      </c>
      <c r="E126070" s="15">
        <v>45521</v>
      </c>
      <c r="F126070" s="14" t="s">
        <v>15</v>
      </c>
      <c r="G126070" s="16">
        <v>0</v>
      </c>
    </row>
    <row r="126071" spans="1:7" x14ac:dyDescent="0.3">
      <c r="A126071" s="13" t="s">
        <v>582</v>
      </c>
      <c r="B126071" s="14" t="s">
        <v>1</v>
      </c>
      <c r="C126071" s="14" t="s">
        <v>252</v>
      </c>
      <c r="D126071" s="14" t="s">
        <v>193</v>
      </c>
      <c r="E126071" s="15">
        <v>45522</v>
      </c>
      <c r="F126071" s="14" t="s">
        <v>15</v>
      </c>
      <c r="G126071" s="16">
        <v>0</v>
      </c>
    </row>
    <row r="126072" spans="1:7" x14ac:dyDescent="0.3">
      <c r="A126072" s="13" t="s">
        <v>582</v>
      </c>
      <c r="B126072" s="14" t="s">
        <v>1</v>
      </c>
      <c r="C126072" s="14" t="s">
        <v>252</v>
      </c>
      <c r="D126072" s="14" t="s">
        <v>193</v>
      </c>
      <c r="E126072" s="15">
        <v>45523</v>
      </c>
      <c r="F126072" s="14" t="s">
        <v>15</v>
      </c>
      <c r="G126072" s="16">
        <v>0</v>
      </c>
    </row>
    <row r="126073" spans="1:7" x14ac:dyDescent="0.3">
      <c r="A126073" s="13" t="s">
        <v>582</v>
      </c>
      <c r="B126073" s="14" t="s">
        <v>1</v>
      </c>
      <c r="C126073" s="14" t="s">
        <v>252</v>
      </c>
      <c r="D126073" s="14" t="s">
        <v>193</v>
      </c>
      <c r="E126073" s="15">
        <v>45524</v>
      </c>
      <c r="F126073" s="14" t="s">
        <v>15</v>
      </c>
      <c r="G126073" s="16">
        <v>0</v>
      </c>
    </row>
    <row r="126074" spans="1:7" x14ac:dyDescent="0.3">
      <c r="A126074" s="13" t="s">
        <v>582</v>
      </c>
      <c r="B126074" s="14" t="s">
        <v>1</v>
      </c>
      <c r="C126074" s="14" t="s">
        <v>252</v>
      </c>
      <c r="D126074" s="14" t="s">
        <v>193</v>
      </c>
      <c r="E126074" s="15">
        <v>45525</v>
      </c>
      <c r="F126074" s="14" t="s">
        <v>15</v>
      </c>
      <c r="G126074" s="16">
        <v>0</v>
      </c>
    </row>
    <row r="126075" spans="1:7" x14ac:dyDescent="0.3">
      <c r="A126075" s="13" t="s">
        <v>582</v>
      </c>
      <c r="B126075" s="14" t="s">
        <v>1</v>
      </c>
      <c r="C126075" s="14" t="s">
        <v>252</v>
      </c>
      <c r="D126075" s="14" t="s">
        <v>193</v>
      </c>
      <c r="E126075" s="15">
        <v>45526</v>
      </c>
      <c r="F126075" s="14" t="s">
        <v>15</v>
      </c>
      <c r="G126075" s="16">
        <v>0</v>
      </c>
    </row>
    <row r="126076" spans="1:7" x14ac:dyDescent="0.3">
      <c r="A126076" s="13" t="s">
        <v>582</v>
      </c>
      <c r="B126076" s="14" t="s">
        <v>1</v>
      </c>
      <c r="C126076" s="14" t="s">
        <v>252</v>
      </c>
      <c r="D126076" s="14" t="s">
        <v>193</v>
      </c>
      <c r="E126076" s="15">
        <v>45527</v>
      </c>
      <c r="F126076" s="14" t="s">
        <v>15</v>
      </c>
      <c r="G126076" s="16">
        <v>0</v>
      </c>
    </row>
    <row r="126077" spans="1:7" x14ac:dyDescent="0.3">
      <c r="A126077" s="13" t="s">
        <v>582</v>
      </c>
      <c r="B126077" s="14" t="s">
        <v>1</v>
      </c>
      <c r="C126077" s="14" t="s">
        <v>252</v>
      </c>
      <c r="D126077" s="14" t="s">
        <v>193</v>
      </c>
      <c r="E126077" s="15">
        <v>45528</v>
      </c>
      <c r="F126077" s="14" t="s">
        <v>15</v>
      </c>
      <c r="G126077" s="16">
        <v>0</v>
      </c>
    </row>
    <row r="126078" spans="1:7" x14ac:dyDescent="0.3">
      <c r="A126078" s="13" t="s">
        <v>582</v>
      </c>
      <c r="B126078" s="14" t="s">
        <v>1</v>
      </c>
      <c r="C126078" s="14" t="s">
        <v>252</v>
      </c>
      <c r="D126078" s="14" t="s">
        <v>193</v>
      </c>
      <c r="E126078" s="15">
        <v>45529</v>
      </c>
      <c r="F126078" s="14" t="s">
        <v>15</v>
      </c>
      <c r="G126078" s="16">
        <v>0</v>
      </c>
    </row>
    <row r="126079" spans="1:7" x14ac:dyDescent="0.3">
      <c r="A126079" s="13" t="s">
        <v>582</v>
      </c>
      <c r="B126079" s="14" t="s">
        <v>1</v>
      </c>
      <c r="C126079" s="14" t="s">
        <v>252</v>
      </c>
      <c r="D126079" s="14" t="s">
        <v>193</v>
      </c>
      <c r="E126079" s="15">
        <v>45530</v>
      </c>
      <c r="F126079" s="14" t="s">
        <v>15</v>
      </c>
      <c r="G126079" s="16">
        <v>0</v>
      </c>
    </row>
    <row r="126080" spans="1:7" x14ac:dyDescent="0.3">
      <c r="A126080" s="13" t="s">
        <v>582</v>
      </c>
      <c r="B126080" s="14" t="s">
        <v>1</v>
      </c>
      <c r="C126080" s="14" t="s">
        <v>252</v>
      </c>
      <c r="D126080" s="14" t="s">
        <v>193</v>
      </c>
      <c r="E126080" s="15">
        <v>45531</v>
      </c>
      <c r="F126080" s="14" t="s">
        <v>15</v>
      </c>
      <c r="G126080" s="16">
        <v>0</v>
      </c>
    </row>
    <row r="126081" spans="1:7" x14ac:dyDescent="0.3">
      <c r="A126081" s="13" t="s">
        <v>582</v>
      </c>
      <c r="B126081" s="14" t="s">
        <v>1</v>
      </c>
      <c r="C126081" s="14" t="s">
        <v>252</v>
      </c>
      <c r="D126081" s="14" t="s">
        <v>193</v>
      </c>
      <c r="E126081" s="15">
        <v>45532</v>
      </c>
      <c r="F126081" s="14" t="s">
        <v>15</v>
      </c>
      <c r="G126081" s="16">
        <v>0</v>
      </c>
    </row>
    <row r="126082" spans="1:7" x14ac:dyDescent="0.3">
      <c r="A126082" s="13" t="s">
        <v>582</v>
      </c>
      <c r="B126082" s="14" t="s">
        <v>1</v>
      </c>
      <c r="C126082" s="14" t="s">
        <v>252</v>
      </c>
      <c r="D126082" s="14" t="s">
        <v>193</v>
      </c>
      <c r="E126082" s="15">
        <v>45533</v>
      </c>
      <c r="F126082" s="14" t="s">
        <v>15</v>
      </c>
      <c r="G126082" s="16">
        <v>0</v>
      </c>
    </row>
    <row r="126083" spans="1:7" x14ac:dyDescent="0.3">
      <c r="A126083" s="13" t="s">
        <v>582</v>
      </c>
      <c r="B126083" s="14" t="s">
        <v>1</v>
      </c>
      <c r="C126083" s="14" t="s">
        <v>252</v>
      </c>
      <c r="D126083" s="14" t="s">
        <v>193</v>
      </c>
      <c r="E126083" s="15">
        <v>45534</v>
      </c>
      <c r="F126083" s="14" t="s">
        <v>15</v>
      </c>
      <c r="G126083" s="16">
        <v>0</v>
      </c>
    </row>
    <row r="126084" spans="1:7" x14ac:dyDescent="0.3">
      <c r="A126084" s="13" t="s">
        <v>582</v>
      </c>
      <c r="B126084" s="14" t="s">
        <v>1</v>
      </c>
      <c r="C126084" s="14" t="s">
        <v>252</v>
      </c>
      <c r="D126084" s="14" t="s">
        <v>193</v>
      </c>
      <c r="E126084" s="15">
        <v>45535</v>
      </c>
      <c r="F126084" s="14" t="s">
        <v>15</v>
      </c>
      <c r="G126084" s="16">
        <v>0</v>
      </c>
    </row>
    <row r="126085" spans="1:7" x14ac:dyDescent="0.3">
      <c r="A126085" s="13" t="s">
        <v>582</v>
      </c>
      <c r="B126085" s="14" t="s">
        <v>1</v>
      </c>
      <c r="C126085" s="14" t="s">
        <v>252</v>
      </c>
      <c r="D126085" s="14" t="s">
        <v>193</v>
      </c>
      <c r="E126085" s="15">
        <v>45536</v>
      </c>
      <c r="F126085" s="14" t="s">
        <v>15</v>
      </c>
      <c r="G126085" s="16">
        <v>0</v>
      </c>
    </row>
    <row r="126086" spans="1:7" x14ac:dyDescent="0.3">
      <c r="A126086" s="13" t="s">
        <v>582</v>
      </c>
      <c r="B126086" s="14" t="s">
        <v>1</v>
      </c>
      <c r="C126086" s="14" t="s">
        <v>252</v>
      </c>
      <c r="D126086" s="14" t="s">
        <v>193</v>
      </c>
      <c r="E126086" s="15">
        <v>45537</v>
      </c>
      <c r="F126086" s="14" t="s">
        <v>15</v>
      </c>
      <c r="G126086" s="16">
        <v>0</v>
      </c>
    </row>
    <row r="126087" spans="1:7" x14ac:dyDescent="0.3">
      <c r="A126087" s="13" t="s">
        <v>582</v>
      </c>
      <c r="B126087" s="14" t="s">
        <v>1</v>
      </c>
      <c r="C126087" s="14" t="s">
        <v>252</v>
      </c>
      <c r="D126087" s="14" t="s">
        <v>193</v>
      </c>
      <c r="E126087" s="15">
        <v>45538</v>
      </c>
      <c r="F126087" s="14" t="s">
        <v>15</v>
      </c>
      <c r="G126087" s="16">
        <v>0</v>
      </c>
    </row>
    <row r="126088" spans="1:7" x14ac:dyDescent="0.3">
      <c r="A126088" s="13" t="s">
        <v>582</v>
      </c>
      <c r="B126088" s="14" t="s">
        <v>1</v>
      </c>
      <c r="C126088" s="14" t="s">
        <v>252</v>
      </c>
      <c r="D126088" s="14" t="s">
        <v>193</v>
      </c>
      <c r="E126088" s="15">
        <v>45539</v>
      </c>
      <c r="F126088" s="14" t="s">
        <v>15</v>
      </c>
      <c r="G126088" s="16">
        <v>0</v>
      </c>
    </row>
    <row r="126089" spans="1:7" x14ac:dyDescent="0.3">
      <c r="A126089" s="13" t="s">
        <v>582</v>
      </c>
      <c r="B126089" s="14" t="s">
        <v>1</v>
      </c>
      <c r="C126089" s="14" t="s">
        <v>252</v>
      </c>
      <c r="D126089" s="14" t="s">
        <v>193</v>
      </c>
      <c r="E126089" s="15">
        <v>45540</v>
      </c>
      <c r="F126089" s="14" t="s">
        <v>15</v>
      </c>
      <c r="G126089" s="16">
        <v>0</v>
      </c>
    </row>
    <row r="126090" spans="1:7" x14ac:dyDescent="0.3">
      <c r="A126090" s="13" t="s">
        <v>582</v>
      </c>
      <c r="B126090" s="14" t="s">
        <v>1</v>
      </c>
      <c r="C126090" s="14" t="s">
        <v>252</v>
      </c>
      <c r="D126090" s="14" t="s">
        <v>193</v>
      </c>
      <c r="E126090" s="15">
        <v>45541</v>
      </c>
      <c r="F126090" s="14" t="s">
        <v>15</v>
      </c>
      <c r="G126090" s="16">
        <v>0</v>
      </c>
    </row>
    <row r="126091" spans="1:7" x14ac:dyDescent="0.3">
      <c r="A126091" s="13" t="s">
        <v>582</v>
      </c>
      <c r="B126091" s="14" t="s">
        <v>1</v>
      </c>
      <c r="C126091" s="14" t="s">
        <v>252</v>
      </c>
      <c r="D126091" s="14" t="s">
        <v>193</v>
      </c>
      <c r="E126091" s="15">
        <v>45542</v>
      </c>
      <c r="F126091" s="14" t="s">
        <v>15</v>
      </c>
      <c r="G126091" s="16">
        <v>0</v>
      </c>
    </row>
    <row r="126092" spans="1:7" x14ac:dyDescent="0.3">
      <c r="A126092" s="13" t="s">
        <v>582</v>
      </c>
      <c r="B126092" s="14" t="s">
        <v>1</v>
      </c>
      <c r="C126092" s="14" t="s">
        <v>252</v>
      </c>
      <c r="D126092" s="14" t="s">
        <v>193</v>
      </c>
      <c r="E126092" s="15">
        <v>45543</v>
      </c>
      <c r="F126092" s="14" t="s">
        <v>15</v>
      </c>
      <c r="G126092" s="16">
        <v>0</v>
      </c>
    </row>
    <row r="126093" spans="1:7" x14ac:dyDescent="0.3">
      <c r="A126093" s="13" t="s">
        <v>582</v>
      </c>
      <c r="B126093" s="14" t="s">
        <v>1</v>
      </c>
      <c r="C126093" s="14" t="s">
        <v>252</v>
      </c>
      <c r="D126093" s="14" t="s">
        <v>193</v>
      </c>
      <c r="E126093" s="15">
        <v>45544</v>
      </c>
      <c r="F126093" s="14" t="s">
        <v>15</v>
      </c>
      <c r="G126093" s="16">
        <v>0</v>
      </c>
    </row>
    <row r="126094" spans="1:7" x14ac:dyDescent="0.3">
      <c r="A126094" s="13" t="s">
        <v>582</v>
      </c>
      <c r="B126094" s="14" t="s">
        <v>1</v>
      </c>
      <c r="C126094" s="14" t="s">
        <v>252</v>
      </c>
      <c r="D126094" s="14" t="s">
        <v>193</v>
      </c>
      <c r="E126094" s="15">
        <v>45545</v>
      </c>
      <c r="F126094" s="14" t="s">
        <v>15</v>
      </c>
      <c r="G126094" s="16">
        <v>0</v>
      </c>
    </row>
    <row r="126095" spans="1:7" x14ac:dyDescent="0.3">
      <c r="A126095" s="13" t="s">
        <v>582</v>
      </c>
      <c r="B126095" s="14" t="s">
        <v>1</v>
      </c>
      <c r="C126095" s="14" t="s">
        <v>252</v>
      </c>
      <c r="D126095" s="14" t="s">
        <v>193</v>
      </c>
      <c r="E126095" s="15">
        <v>45546</v>
      </c>
      <c r="F126095" s="14" t="s">
        <v>15</v>
      </c>
      <c r="G126095" s="16">
        <v>0</v>
      </c>
    </row>
    <row r="126096" spans="1:7" x14ac:dyDescent="0.3">
      <c r="A126096" s="13" t="s">
        <v>582</v>
      </c>
      <c r="B126096" s="14" t="s">
        <v>1</v>
      </c>
      <c r="C126096" s="14" t="s">
        <v>252</v>
      </c>
      <c r="D126096" s="14" t="s">
        <v>193</v>
      </c>
      <c r="E126096" s="15">
        <v>45547</v>
      </c>
      <c r="F126096" s="14" t="s">
        <v>15</v>
      </c>
      <c r="G126096" s="16">
        <v>0</v>
      </c>
    </row>
    <row r="126097" spans="1:7" x14ac:dyDescent="0.3">
      <c r="A126097" s="13" t="s">
        <v>582</v>
      </c>
      <c r="B126097" s="14" t="s">
        <v>1</v>
      </c>
      <c r="C126097" s="14" t="s">
        <v>252</v>
      </c>
      <c r="D126097" s="14" t="s">
        <v>193</v>
      </c>
      <c r="E126097" s="15">
        <v>45548</v>
      </c>
      <c r="F126097" s="14" t="s">
        <v>15</v>
      </c>
      <c r="G126097" s="16">
        <v>0</v>
      </c>
    </row>
    <row r="126098" spans="1:7" x14ac:dyDescent="0.3">
      <c r="A126098" s="13" t="s">
        <v>582</v>
      </c>
      <c r="B126098" s="14" t="s">
        <v>1</v>
      </c>
      <c r="C126098" s="14" t="s">
        <v>252</v>
      </c>
      <c r="D126098" s="14" t="s">
        <v>193</v>
      </c>
      <c r="E126098" s="15">
        <v>45549</v>
      </c>
      <c r="F126098" s="14" t="s">
        <v>15</v>
      </c>
      <c r="G126098" s="16">
        <v>0</v>
      </c>
    </row>
    <row r="126099" spans="1:7" x14ac:dyDescent="0.3">
      <c r="A126099" s="13" t="s">
        <v>582</v>
      </c>
      <c r="B126099" s="14" t="s">
        <v>1</v>
      </c>
      <c r="C126099" s="14" t="s">
        <v>252</v>
      </c>
      <c r="D126099" s="14" t="s">
        <v>193</v>
      </c>
      <c r="E126099" s="15">
        <v>45550</v>
      </c>
      <c r="F126099" s="14" t="s">
        <v>15</v>
      </c>
      <c r="G126099" s="16">
        <v>0</v>
      </c>
    </row>
    <row r="126100" spans="1:7" x14ac:dyDescent="0.3">
      <c r="A126100" s="13" t="s">
        <v>582</v>
      </c>
      <c r="B126100" s="14" t="s">
        <v>1</v>
      </c>
      <c r="C126100" s="14" t="s">
        <v>252</v>
      </c>
      <c r="D126100" s="14" t="s">
        <v>193</v>
      </c>
      <c r="E126100" s="15">
        <v>45551</v>
      </c>
      <c r="F126100" s="14" t="s">
        <v>15</v>
      </c>
      <c r="G126100" s="16">
        <v>0</v>
      </c>
    </row>
    <row r="126101" spans="1:7" x14ac:dyDescent="0.3">
      <c r="A126101" s="13" t="s">
        <v>582</v>
      </c>
      <c r="B126101" s="14" t="s">
        <v>1</v>
      </c>
      <c r="C126101" s="14" t="s">
        <v>252</v>
      </c>
      <c r="D126101" s="14" t="s">
        <v>193</v>
      </c>
      <c r="E126101" s="15">
        <v>45552</v>
      </c>
      <c r="F126101" s="14" t="s">
        <v>15</v>
      </c>
      <c r="G126101" s="16">
        <v>0</v>
      </c>
    </row>
    <row r="126102" spans="1:7" x14ac:dyDescent="0.3">
      <c r="A126102" s="13" t="s">
        <v>582</v>
      </c>
      <c r="B126102" s="14" t="s">
        <v>1</v>
      </c>
      <c r="C126102" s="14" t="s">
        <v>252</v>
      </c>
      <c r="D126102" s="14" t="s">
        <v>193</v>
      </c>
      <c r="E126102" s="15">
        <v>45553</v>
      </c>
      <c r="F126102" s="14" t="s">
        <v>15</v>
      </c>
      <c r="G126102" s="16">
        <v>0</v>
      </c>
    </row>
    <row r="126103" spans="1:7" x14ac:dyDescent="0.3">
      <c r="A126103" s="13" t="s">
        <v>582</v>
      </c>
      <c r="B126103" s="14" t="s">
        <v>1</v>
      </c>
      <c r="C126103" s="14" t="s">
        <v>252</v>
      </c>
      <c r="D126103" s="14" t="s">
        <v>193</v>
      </c>
      <c r="E126103" s="15">
        <v>45554</v>
      </c>
      <c r="F126103" s="14" t="s">
        <v>15</v>
      </c>
      <c r="G126103" s="16">
        <v>0</v>
      </c>
    </row>
    <row r="126104" spans="1:7" x14ac:dyDescent="0.3">
      <c r="A126104" s="13" t="s">
        <v>582</v>
      </c>
      <c r="B126104" s="14" t="s">
        <v>1</v>
      </c>
      <c r="C126104" s="14" t="s">
        <v>252</v>
      </c>
      <c r="D126104" s="14" t="s">
        <v>193</v>
      </c>
      <c r="E126104" s="15">
        <v>45555</v>
      </c>
      <c r="F126104" s="14" t="s">
        <v>15</v>
      </c>
      <c r="G126104" s="16">
        <v>0</v>
      </c>
    </row>
    <row r="126105" spans="1:7" x14ac:dyDescent="0.3">
      <c r="A126105" s="13" t="s">
        <v>582</v>
      </c>
      <c r="B126105" s="14" t="s">
        <v>1</v>
      </c>
      <c r="C126105" s="14" t="s">
        <v>252</v>
      </c>
      <c r="D126105" s="14" t="s">
        <v>193</v>
      </c>
      <c r="E126105" s="15">
        <v>45556</v>
      </c>
      <c r="F126105" s="14" t="s">
        <v>15</v>
      </c>
      <c r="G126105" s="16">
        <v>0</v>
      </c>
    </row>
    <row r="126106" spans="1:7" x14ac:dyDescent="0.3">
      <c r="A126106" s="13" t="s">
        <v>582</v>
      </c>
      <c r="B126106" s="14" t="s">
        <v>1</v>
      </c>
      <c r="C126106" s="14" t="s">
        <v>252</v>
      </c>
      <c r="D126106" s="14" t="s">
        <v>193</v>
      </c>
      <c r="E126106" s="15">
        <v>45557</v>
      </c>
      <c r="F126106" s="14" t="s">
        <v>15</v>
      </c>
      <c r="G126106" s="16">
        <v>0</v>
      </c>
    </row>
    <row r="126107" spans="1:7" x14ac:dyDescent="0.3">
      <c r="A126107" s="13" t="s">
        <v>582</v>
      </c>
      <c r="B126107" s="14" t="s">
        <v>1</v>
      </c>
      <c r="C126107" s="14" t="s">
        <v>252</v>
      </c>
      <c r="D126107" s="14" t="s">
        <v>193</v>
      </c>
      <c r="E126107" s="15">
        <v>45558</v>
      </c>
      <c r="F126107" s="14" t="s">
        <v>15</v>
      </c>
      <c r="G126107" s="16">
        <v>0</v>
      </c>
    </row>
    <row r="126108" spans="1:7" x14ac:dyDescent="0.3">
      <c r="A126108" s="13" t="s">
        <v>582</v>
      </c>
      <c r="B126108" s="14" t="s">
        <v>1</v>
      </c>
      <c r="C126108" s="14" t="s">
        <v>252</v>
      </c>
      <c r="D126108" s="14" t="s">
        <v>193</v>
      </c>
      <c r="E126108" s="15">
        <v>45559</v>
      </c>
      <c r="F126108" s="14" t="s">
        <v>15</v>
      </c>
      <c r="G126108" s="16">
        <v>0</v>
      </c>
    </row>
    <row r="126109" spans="1:7" x14ac:dyDescent="0.3">
      <c r="A126109" s="13" t="s">
        <v>582</v>
      </c>
      <c r="B126109" s="14" t="s">
        <v>1</v>
      </c>
      <c r="C126109" s="14" t="s">
        <v>252</v>
      </c>
      <c r="D126109" s="14" t="s">
        <v>193</v>
      </c>
      <c r="E126109" s="15">
        <v>45560</v>
      </c>
      <c r="F126109" s="14" t="s">
        <v>15</v>
      </c>
      <c r="G126109" s="16">
        <v>0</v>
      </c>
    </row>
    <row r="126110" spans="1:7" x14ac:dyDescent="0.3">
      <c r="A126110" s="13" t="s">
        <v>582</v>
      </c>
      <c r="B126110" s="14" t="s">
        <v>1</v>
      </c>
      <c r="C126110" s="14" t="s">
        <v>252</v>
      </c>
      <c r="D126110" s="14" t="s">
        <v>193</v>
      </c>
      <c r="E126110" s="15">
        <v>45561</v>
      </c>
      <c r="F126110" s="14" t="s">
        <v>15</v>
      </c>
      <c r="G126110" s="16">
        <v>0</v>
      </c>
    </row>
    <row r="126111" spans="1:7" x14ac:dyDescent="0.3">
      <c r="A126111" s="13" t="s">
        <v>582</v>
      </c>
      <c r="B126111" s="14" t="s">
        <v>1</v>
      </c>
      <c r="C126111" s="14" t="s">
        <v>252</v>
      </c>
      <c r="D126111" s="14" t="s">
        <v>193</v>
      </c>
      <c r="E126111" s="15">
        <v>45562</v>
      </c>
      <c r="F126111" s="14" t="s">
        <v>15</v>
      </c>
      <c r="G126111" s="16">
        <v>0</v>
      </c>
    </row>
    <row r="126112" spans="1:7" x14ac:dyDescent="0.3">
      <c r="A126112" s="13" t="s">
        <v>582</v>
      </c>
      <c r="B126112" s="14" t="s">
        <v>1</v>
      </c>
      <c r="C126112" s="14" t="s">
        <v>252</v>
      </c>
      <c r="D126112" s="14" t="s">
        <v>193</v>
      </c>
      <c r="E126112" s="15">
        <v>45563</v>
      </c>
      <c r="F126112" s="14" t="s">
        <v>15</v>
      </c>
      <c r="G126112" s="16">
        <v>0</v>
      </c>
    </row>
    <row r="126113" spans="1:7" x14ac:dyDescent="0.3">
      <c r="A126113" s="13" t="s">
        <v>582</v>
      </c>
      <c r="B126113" s="14" t="s">
        <v>1</v>
      </c>
      <c r="C126113" s="14" t="s">
        <v>252</v>
      </c>
      <c r="D126113" s="14" t="s">
        <v>193</v>
      </c>
      <c r="E126113" s="15">
        <v>45564</v>
      </c>
      <c r="F126113" s="14" t="s">
        <v>15</v>
      </c>
      <c r="G126113" s="16">
        <v>0</v>
      </c>
    </row>
    <row r="126114" spans="1:7" x14ac:dyDescent="0.3">
      <c r="A126114" s="13" t="s">
        <v>582</v>
      </c>
      <c r="B126114" s="14" t="s">
        <v>1</v>
      </c>
      <c r="C126114" s="14" t="s">
        <v>252</v>
      </c>
      <c r="D126114" s="14" t="s">
        <v>193</v>
      </c>
      <c r="E126114" s="15">
        <v>45565</v>
      </c>
      <c r="F126114" s="14" t="s">
        <v>15</v>
      </c>
      <c r="G126114" s="16">
        <v>0</v>
      </c>
    </row>
    <row r="126115" spans="1:7" x14ac:dyDescent="0.3">
      <c r="A126115" s="13" t="s">
        <v>582</v>
      </c>
      <c r="B126115" s="14" t="s">
        <v>1</v>
      </c>
      <c r="C126115" s="14" t="s">
        <v>252</v>
      </c>
      <c r="D126115" s="14" t="s">
        <v>193</v>
      </c>
      <c r="E126115" s="15">
        <v>45566</v>
      </c>
      <c r="F126115" s="14" t="s">
        <v>15</v>
      </c>
      <c r="G126115" s="16">
        <v>0</v>
      </c>
    </row>
    <row r="126116" spans="1:7" x14ac:dyDescent="0.3">
      <c r="A126116" s="13" t="s">
        <v>582</v>
      </c>
      <c r="B126116" s="14" t="s">
        <v>1</v>
      </c>
      <c r="C126116" s="14" t="s">
        <v>252</v>
      </c>
      <c r="D126116" s="14" t="s">
        <v>193</v>
      </c>
      <c r="E126116" s="15">
        <v>45567</v>
      </c>
      <c r="F126116" s="14" t="s">
        <v>15</v>
      </c>
      <c r="G126116" s="16">
        <v>0</v>
      </c>
    </row>
    <row r="126117" spans="1:7" x14ac:dyDescent="0.3">
      <c r="A126117" s="13" t="s">
        <v>582</v>
      </c>
      <c r="B126117" s="14" t="s">
        <v>1</v>
      </c>
      <c r="C126117" s="14" t="s">
        <v>252</v>
      </c>
      <c r="D126117" s="14" t="s">
        <v>193</v>
      </c>
      <c r="E126117" s="15">
        <v>45568</v>
      </c>
      <c r="F126117" s="14" t="s">
        <v>15</v>
      </c>
      <c r="G126117" s="16">
        <v>0</v>
      </c>
    </row>
    <row r="126118" spans="1:7" x14ac:dyDescent="0.3">
      <c r="A126118" s="13" t="s">
        <v>582</v>
      </c>
      <c r="B126118" s="14" t="s">
        <v>1</v>
      </c>
      <c r="C126118" s="14" t="s">
        <v>252</v>
      </c>
      <c r="D126118" s="14" t="s">
        <v>193</v>
      </c>
      <c r="E126118" s="15">
        <v>45569</v>
      </c>
      <c r="F126118" s="14" t="s">
        <v>15</v>
      </c>
      <c r="G126118" s="16">
        <v>0</v>
      </c>
    </row>
    <row r="126119" spans="1:7" x14ac:dyDescent="0.3">
      <c r="A126119" s="13" t="s">
        <v>582</v>
      </c>
      <c r="B126119" s="14" t="s">
        <v>1</v>
      </c>
      <c r="C126119" s="14" t="s">
        <v>252</v>
      </c>
      <c r="D126119" s="14" t="s">
        <v>193</v>
      </c>
      <c r="E126119" s="15">
        <v>45570</v>
      </c>
      <c r="F126119" s="14" t="s">
        <v>15</v>
      </c>
      <c r="G126119" s="16">
        <v>0</v>
      </c>
    </row>
    <row r="126120" spans="1:7" x14ac:dyDescent="0.3">
      <c r="A126120" s="13" t="s">
        <v>582</v>
      </c>
      <c r="B126120" s="14" t="s">
        <v>1</v>
      </c>
      <c r="C126120" s="14" t="s">
        <v>252</v>
      </c>
      <c r="D126120" s="14" t="s">
        <v>193</v>
      </c>
      <c r="E126120" s="15">
        <v>45571</v>
      </c>
      <c r="F126120" s="14" t="s">
        <v>15</v>
      </c>
      <c r="G126120" s="16">
        <v>0</v>
      </c>
    </row>
    <row r="126121" spans="1:7" x14ac:dyDescent="0.3">
      <c r="A126121" s="13" t="s">
        <v>582</v>
      </c>
      <c r="B126121" s="14" t="s">
        <v>1</v>
      </c>
      <c r="C126121" s="14" t="s">
        <v>252</v>
      </c>
      <c r="D126121" s="14" t="s">
        <v>193</v>
      </c>
      <c r="E126121" s="15">
        <v>45572</v>
      </c>
      <c r="F126121" s="14" t="s">
        <v>15</v>
      </c>
      <c r="G126121" s="16">
        <v>0</v>
      </c>
    </row>
    <row r="126122" spans="1:7" x14ac:dyDescent="0.3">
      <c r="A126122" s="13" t="s">
        <v>582</v>
      </c>
      <c r="B126122" s="14" t="s">
        <v>1</v>
      </c>
      <c r="C126122" s="14" t="s">
        <v>252</v>
      </c>
      <c r="D126122" s="14" t="s">
        <v>193</v>
      </c>
      <c r="E126122" s="15">
        <v>45573</v>
      </c>
      <c r="F126122" s="14" t="s">
        <v>15</v>
      </c>
      <c r="G126122" s="16">
        <v>0</v>
      </c>
    </row>
    <row r="126123" spans="1:7" x14ac:dyDescent="0.3">
      <c r="A126123" s="13" t="s">
        <v>582</v>
      </c>
      <c r="B126123" s="14" t="s">
        <v>1</v>
      </c>
      <c r="C126123" s="14" t="s">
        <v>252</v>
      </c>
      <c r="D126123" s="14" t="s">
        <v>193</v>
      </c>
      <c r="E126123" s="15">
        <v>45574</v>
      </c>
      <c r="F126123" s="14" t="s">
        <v>15</v>
      </c>
      <c r="G126123" s="16">
        <v>0</v>
      </c>
    </row>
    <row r="126124" spans="1:7" x14ac:dyDescent="0.3">
      <c r="A126124" s="13" t="s">
        <v>582</v>
      </c>
      <c r="B126124" s="14" t="s">
        <v>1</v>
      </c>
      <c r="C126124" s="14" t="s">
        <v>252</v>
      </c>
      <c r="D126124" s="14" t="s">
        <v>193</v>
      </c>
      <c r="E126124" s="15">
        <v>45575</v>
      </c>
      <c r="F126124" s="14" t="s">
        <v>15</v>
      </c>
      <c r="G126124" s="16">
        <v>0</v>
      </c>
    </row>
    <row r="126125" spans="1:7" x14ac:dyDescent="0.3">
      <c r="A126125" s="13" t="s">
        <v>582</v>
      </c>
      <c r="B126125" s="14" t="s">
        <v>1</v>
      </c>
      <c r="C126125" s="14" t="s">
        <v>252</v>
      </c>
      <c r="D126125" s="14" t="s">
        <v>193</v>
      </c>
      <c r="E126125" s="15">
        <v>45576</v>
      </c>
      <c r="F126125" s="14" t="s">
        <v>15</v>
      </c>
      <c r="G126125" s="16">
        <v>0</v>
      </c>
    </row>
    <row r="126126" spans="1:7" x14ac:dyDescent="0.3">
      <c r="A126126" s="13" t="s">
        <v>582</v>
      </c>
      <c r="B126126" s="14" t="s">
        <v>1</v>
      </c>
      <c r="C126126" s="14" t="s">
        <v>252</v>
      </c>
      <c r="D126126" s="14" t="s">
        <v>193</v>
      </c>
      <c r="E126126" s="15">
        <v>45577</v>
      </c>
      <c r="F126126" s="14" t="s">
        <v>15</v>
      </c>
      <c r="G126126" s="16">
        <v>0</v>
      </c>
    </row>
    <row r="126127" spans="1:7" x14ac:dyDescent="0.3">
      <c r="A126127" s="13" t="s">
        <v>582</v>
      </c>
      <c r="B126127" s="14" t="s">
        <v>1</v>
      </c>
      <c r="C126127" s="14" t="s">
        <v>252</v>
      </c>
      <c r="D126127" s="14" t="s">
        <v>193</v>
      </c>
      <c r="E126127" s="15">
        <v>45578</v>
      </c>
      <c r="F126127" s="14" t="s">
        <v>15</v>
      </c>
      <c r="G126127" s="16">
        <v>0</v>
      </c>
    </row>
    <row r="126128" spans="1:7" x14ac:dyDescent="0.3">
      <c r="A126128" s="13" t="s">
        <v>582</v>
      </c>
      <c r="B126128" s="14" t="s">
        <v>1</v>
      </c>
      <c r="C126128" s="14" t="s">
        <v>252</v>
      </c>
      <c r="D126128" s="14" t="s">
        <v>193</v>
      </c>
      <c r="E126128" s="15">
        <v>45579</v>
      </c>
      <c r="F126128" s="14" t="s">
        <v>15</v>
      </c>
      <c r="G126128" s="16">
        <v>0</v>
      </c>
    </row>
    <row r="126129" spans="1:7" x14ac:dyDescent="0.3">
      <c r="A126129" s="13" t="s">
        <v>582</v>
      </c>
      <c r="B126129" s="14" t="s">
        <v>1</v>
      </c>
      <c r="C126129" s="14" t="s">
        <v>252</v>
      </c>
      <c r="D126129" s="14" t="s">
        <v>193</v>
      </c>
      <c r="E126129" s="15">
        <v>45580</v>
      </c>
      <c r="F126129" s="14" t="s">
        <v>15</v>
      </c>
      <c r="G126129" s="16">
        <v>0</v>
      </c>
    </row>
    <row r="126130" spans="1:7" x14ac:dyDescent="0.3">
      <c r="A126130" s="13" t="s">
        <v>582</v>
      </c>
      <c r="B126130" s="14" t="s">
        <v>1</v>
      </c>
      <c r="C126130" s="14" t="s">
        <v>252</v>
      </c>
      <c r="D126130" s="14" t="s">
        <v>193</v>
      </c>
      <c r="E126130" s="15">
        <v>45581</v>
      </c>
      <c r="F126130" s="14" t="s">
        <v>15</v>
      </c>
      <c r="G126130" s="16">
        <v>0</v>
      </c>
    </row>
    <row r="126131" spans="1:7" x14ac:dyDescent="0.3">
      <c r="A126131" s="13" t="s">
        <v>582</v>
      </c>
      <c r="B126131" s="14" t="s">
        <v>1</v>
      </c>
      <c r="C126131" s="14" t="s">
        <v>252</v>
      </c>
      <c r="D126131" s="14" t="s">
        <v>193</v>
      </c>
      <c r="E126131" s="15">
        <v>45582</v>
      </c>
      <c r="F126131" s="14" t="s">
        <v>15</v>
      </c>
      <c r="G126131" s="16">
        <v>0</v>
      </c>
    </row>
    <row r="126132" spans="1:7" x14ac:dyDescent="0.3">
      <c r="A126132" s="13" t="s">
        <v>582</v>
      </c>
      <c r="B126132" s="14" t="s">
        <v>1</v>
      </c>
      <c r="C126132" s="14" t="s">
        <v>252</v>
      </c>
      <c r="D126132" s="14" t="s">
        <v>193</v>
      </c>
      <c r="E126132" s="15">
        <v>45583</v>
      </c>
      <c r="F126132" s="14" t="s">
        <v>15</v>
      </c>
      <c r="G126132" s="16">
        <v>0</v>
      </c>
    </row>
    <row r="126133" spans="1:7" x14ac:dyDescent="0.3">
      <c r="A126133" s="13" t="s">
        <v>582</v>
      </c>
      <c r="B126133" s="14" t="s">
        <v>1</v>
      </c>
      <c r="C126133" s="14" t="s">
        <v>252</v>
      </c>
      <c r="D126133" s="14" t="s">
        <v>193</v>
      </c>
      <c r="E126133" s="15">
        <v>45584</v>
      </c>
      <c r="F126133" s="14" t="s">
        <v>15</v>
      </c>
      <c r="G126133" s="16">
        <v>0</v>
      </c>
    </row>
    <row r="126134" spans="1:7" x14ac:dyDescent="0.3">
      <c r="A126134" s="13" t="s">
        <v>582</v>
      </c>
      <c r="B126134" s="14" t="s">
        <v>1</v>
      </c>
      <c r="C126134" s="14" t="s">
        <v>252</v>
      </c>
      <c r="D126134" s="14" t="s">
        <v>193</v>
      </c>
      <c r="E126134" s="15">
        <v>45585</v>
      </c>
      <c r="F126134" s="14" t="s">
        <v>15</v>
      </c>
      <c r="G126134" s="16">
        <v>0</v>
      </c>
    </row>
    <row r="126135" spans="1:7" x14ac:dyDescent="0.3">
      <c r="A126135" s="13" t="s">
        <v>582</v>
      </c>
      <c r="B126135" s="14" t="s">
        <v>1</v>
      </c>
      <c r="C126135" s="14" t="s">
        <v>252</v>
      </c>
      <c r="D126135" s="14" t="s">
        <v>193</v>
      </c>
      <c r="E126135" s="15">
        <v>45586</v>
      </c>
      <c r="F126135" s="14" t="s">
        <v>15</v>
      </c>
      <c r="G126135" s="16">
        <v>0</v>
      </c>
    </row>
    <row r="126136" spans="1:7" x14ac:dyDescent="0.3">
      <c r="A126136" s="13" t="s">
        <v>582</v>
      </c>
      <c r="B126136" s="14" t="s">
        <v>1</v>
      </c>
      <c r="C126136" s="14" t="s">
        <v>252</v>
      </c>
      <c r="D126136" s="14" t="s">
        <v>193</v>
      </c>
      <c r="E126136" s="15">
        <v>45587</v>
      </c>
      <c r="F126136" s="14" t="s">
        <v>15</v>
      </c>
      <c r="G126136" s="16">
        <v>0</v>
      </c>
    </row>
    <row r="126137" spans="1:7" x14ac:dyDescent="0.3">
      <c r="A126137" s="13" t="s">
        <v>582</v>
      </c>
      <c r="B126137" s="14" t="s">
        <v>1</v>
      </c>
      <c r="C126137" s="14" t="s">
        <v>252</v>
      </c>
      <c r="D126137" s="14" t="s">
        <v>193</v>
      </c>
      <c r="E126137" s="15">
        <v>45588</v>
      </c>
      <c r="F126137" s="14" t="s">
        <v>15</v>
      </c>
      <c r="G126137" s="16">
        <v>0</v>
      </c>
    </row>
    <row r="126138" spans="1:7" x14ac:dyDescent="0.3">
      <c r="A126138" s="13" t="s">
        <v>582</v>
      </c>
      <c r="B126138" s="14" t="s">
        <v>1</v>
      </c>
      <c r="C126138" s="14" t="s">
        <v>252</v>
      </c>
      <c r="D126138" s="14" t="s">
        <v>193</v>
      </c>
      <c r="E126138" s="15">
        <v>45589</v>
      </c>
      <c r="F126138" s="14" t="s">
        <v>15</v>
      </c>
      <c r="G126138" s="16">
        <v>0</v>
      </c>
    </row>
    <row r="126139" spans="1:7" x14ac:dyDescent="0.3">
      <c r="A126139" s="13" t="s">
        <v>582</v>
      </c>
      <c r="B126139" s="14" t="s">
        <v>1</v>
      </c>
      <c r="C126139" s="14" t="s">
        <v>252</v>
      </c>
      <c r="D126139" s="14" t="s">
        <v>193</v>
      </c>
      <c r="E126139" s="15">
        <v>45590</v>
      </c>
      <c r="F126139" s="14" t="s">
        <v>15</v>
      </c>
      <c r="G126139" s="16">
        <v>0</v>
      </c>
    </row>
    <row r="126140" spans="1:7" x14ac:dyDescent="0.3">
      <c r="A126140" s="13" t="s">
        <v>582</v>
      </c>
      <c r="B126140" s="14" t="s">
        <v>1</v>
      </c>
      <c r="C126140" s="14" t="s">
        <v>252</v>
      </c>
      <c r="D126140" s="14" t="s">
        <v>193</v>
      </c>
      <c r="E126140" s="15">
        <v>45591</v>
      </c>
      <c r="F126140" s="14" t="s">
        <v>15</v>
      </c>
      <c r="G126140" s="16">
        <v>0</v>
      </c>
    </row>
    <row r="126141" spans="1:7" x14ac:dyDescent="0.3">
      <c r="A126141" s="13" t="s">
        <v>582</v>
      </c>
      <c r="B126141" s="14" t="s">
        <v>1</v>
      </c>
      <c r="C126141" s="14" t="s">
        <v>252</v>
      </c>
      <c r="D126141" s="14" t="s">
        <v>193</v>
      </c>
      <c r="E126141" s="15">
        <v>45592</v>
      </c>
      <c r="F126141" s="14" t="s">
        <v>15</v>
      </c>
      <c r="G126141" s="16">
        <v>0</v>
      </c>
    </row>
    <row r="126142" spans="1:7" x14ac:dyDescent="0.3">
      <c r="A126142" s="13" t="s">
        <v>582</v>
      </c>
      <c r="B126142" s="14" t="s">
        <v>1</v>
      </c>
      <c r="C126142" s="14" t="s">
        <v>252</v>
      </c>
      <c r="D126142" s="14" t="s">
        <v>193</v>
      </c>
      <c r="E126142" s="15">
        <v>45593</v>
      </c>
      <c r="F126142" s="14" t="s">
        <v>15</v>
      </c>
      <c r="G126142" s="16">
        <v>0</v>
      </c>
    </row>
    <row r="126143" spans="1:7" x14ac:dyDescent="0.3">
      <c r="A126143" s="13" t="s">
        <v>582</v>
      </c>
      <c r="B126143" s="14" t="s">
        <v>1</v>
      </c>
      <c r="C126143" s="14" t="s">
        <v>252</v>
      </c>
      <c r="D126143" s="14" t="s">
        <v>193</v>
      </c>
      <c r="E126143" s="15">
        <v>45594</v>
      </c>
      <c r="F126143" s="14" t="s">
        <v>15</v>
      </c>
      <c r="G126143" s="16">
        <v>0</v>
      </c>
    </row>
    <row r="126144" spans="1:7" x14ac:dyDescent="0.3">
      <c r="A126144" s="13" t="s">
        <v>582</v>
      </c>
      <c r="B126144" s="14" t="s">
        <v>1</v>
      </c>
      <c r="C126144" s="14" t="s">
        <v>252</v>
      </c>
      <c r="D126144" s="14" t="s">
        <v>193</v>
      </c>
      <c r="E126144" s="15">
        <v>45595</v>
      </c>
      <c r="F126144" s="14" t="s">
        <v>15</v>
      </c>
      <c r="G126144" s="16">
        <v>0</v>
      </c>
    </row>
    <row r="126145" spans="1:7" x14ac:dyDescent="0.3">
      <c r="A126145" s="13" t="s">
        <v>582</v>
      </c>
      <c r="B126145" s="14" t="s">
        <v>1</v>
      </c>
      <c r="C126145" s="14" t="s">
        <v>252</v>
      </c>
      <c r="D126145" s="14" t="s">
        <v>193</v>
      </c>
      <c r="E126145" s="15">
        <v>45596</v>
      </c>
      <c r="F126145" s="14" t="s">
        <v>15</v>
      </c>
      <c r="G126145" s="16">
        <v>0</v>
      </c>
    </row>
    <row r="126146" spans="1:7" x14ac:dyDescent="0.3">
      <c r="A126146" s="13" t="s">
        <v>582</v>
      </c>
      <c r="B126146" s="14" t="s">
        <v>1</v>
      </c>
      <c r="C126146" s="14" t="s">
        <v>252</v>
      </c>
      <c r="D126146" s="14" t="s">
        <v>193</v>
      </c>
      <c r="E126146" s="15">
        <v>45597</v>
      </c>
      <c r="F126146" s="14" t="s">
        <v>15</v>
      </c>
      <c r="G126146" s="16">
        <v>0</v>
      </c>
    </row>
    <row r="126147" spans="1:7" x14ac:dyDescent="0.3">
      <c r="A126147" s="13" t="s">
        <v>582</v>
      </c>
      <c r="B126147" s="14" t="s">
        <v>1</v>
      </c>
      <c r="C126147" s="14" t="s">
        <v>252</v>
      </c>
      <c r="D126147" s="14" t="s">
        <v>193</v>
      </c>
      <c r="E126147" s="15">
        <v>45598</v>
      </c>
      <c r="F126147" s="14" t="s">
        <v>15</v>
      </c>
      <c r="G126147" s="16">
        <v>0</v>
      </c>
    </row>
    <row r="126148" spans="1:7" x14ac:dyDescent="0.3">
      <c r="A126148" s="13" t="s">
        <v>582</v>
      </c>
      <c r="B126148" s="14" t="s">
        <v>1</v>
      </c>
      <c r="C126148" s="14" t="s">
        <v>252</v>
      </c>
      <c r="D126148" s="14" t="s">
        <v>193</v>
      </c>
      <c r="E126148" s="15">
        <v>45599</v>
      </c>
      <c r="F126148" s="14" t="s">
        <v>15</v>
      </c>
      <c r="G126148" s="16">
        <v>0</v>
      </c>
    </row>
    <row r="126149" spans="1:7" x14ac:dyDescent="0.3">
      <c r="A126149" s="13" t="s">
        <v>582</v>
      </c>
      <c r="B126149" s="14" t="s">
        <v>1</v>
      </c>
      <c r="C126149" s="14" t="s">
        <v>252</v>
      </c>
      <c r="D126149" s="14" t="s">
        <v>193</v>
      </c>
      <c r="E126149" s="15">
        <v>45600</v>
      </c>
      <c r="F126149" s="14" t="s">
        <v>15</v>
      </c>
      <c r="G126149" s="16">
        <v>0</v>
      </c>
    </row>
    <row r="126150" spans="1:7" x14ac:dyDescent="0.3">
      <c r="A126150" s="13" t="s">
        <v>582</v>
      </c>
      <c r="B126150" s="14" t="s">
        <v>1</v>
      </c>
      <c r="C126150" s="14" t="s">
        <v>252</v>
      </c>
      <c r="D126150" s="14" t="s">
        <v>193</v>
      </c>
      <c r="E126150" s="15">
        <v>45601</v>
      </c>
      <c r="F126150" s="14" t="s">
        <v>15</v>
      </c>
      <c r="G126150" s="16">
        <v>0</v>
      </c>
    </row>
    <row r="126151" spans="1:7" x14ac:dyDescent="0.3">
      <c r="A126151" s="13" t="s">
        <v>582</v>
      </c>
      <c r="B126151" s="14" t="s">
        <v>1</v>
      </c>
      <c r="C126151" s="14" t="s">
        <v>252</v>
      </c>
      <c r="D126151" s="14" t="s">
        <v>193</v>
      </c>
      <c r="E126151" s="15">
        <v>45602</v>
      </c>
      <c r="F126151" s="14" t="s">
        <v>15</v>
      </c>
      <c r="G126151" s="16">
        <v>0</v>
      </c>
    </row>
    <row r="126152" spans="1:7" x14ac:dyDescent="0.3">
      <c r="A126152" s="13" t="s">
        <v>582</v>
      </c>
      <c r="B126152" s="14" t="s">
        <v>1</v>
      </c>
      <c r="C126152" s="14" t="s">
        <v>252</v>
      </c>
      <c r="D126152" s="14" t="s">
        <v>193</v>
      </c>
      <c r="E126152" s="15">
        <v>45603</v>
      </c>
      <c r="F126152" s="14" t="s">
        <v>15</v>
      </c>
      <c r="G126152" s="16">
        <v>0</v>
      </c>
    </row>
    <row r="126153" spans="1:7" x14ac:dyDescent="0.3">
      <c r="A126153" s="13" t="s">
        <v>582</v>
      </c>
      <c r="B126153" s="14" t="s">
        <v>1</v>
      </c>
      <c r="C126153" s="14" t="s">
        <v>252</v>
      </c>
      <c r="D126153" s="14" t="s">
        <v>193</v>
      </c>
      <c r="E126153" s="15">
        <v>45604</v>
      </c>
      <c r="F126153" s="14" t="s">
        <v>15</v>
      </c>
      <c r="G126153" s="16">
        <v>0</v>
      </c>
    </row>
    <row r="126154" spans="1:7" x14ac:dyDescent="0.3">
      <c r="A126154" s="13" t="s">
        <v>582</v>
      </c>
      <c r="B126154" s="14" t="s">
        <v>1</v>
      </c>
      <c r="C126154" s="14" t="s">
        <v>252</v>
      </c>
      <c r="D126154" s="14" t="s">
        <v>193</v>
      </c>
      <c r="E126154" s="15">
        <v>45605</v>
      </c>
      <c r="F126154" s="14" t="s">
        <v>15</v>
      </c>
      <c r="G126154" s="16">
        <v>0</v>
      </c>
    </row>
    <row r="126155" spans="1:7" x14ac:dyDescent="0.3">
      <c r="A126155" s="13" t="s">
        <v>582</v>
      </c>
      <c r="B126155" s="14" t="s">
        <v>1</v>
      </c>
      <c r="C126155" s="14" t="s">
        <v>252</v>
      </c>
      <c r="D126155" s="14" t="s">
        <v>193</v>
      </c>
      <c r="E126155" s="15">
        <v>45606</v>
      </c>
      <c r="F126155" s="14" t="s">
        <v>15</v>
      </c>
      <c r="G126155" s="16">
        <v>0</v>
      </c>
    </row>
    <row r="126156" spans="1:7" x14ac:dyDescent="0.3">
      <c r="A126156" s="13" t="s">
        <v>582</v>
      </c>
      <c r="B126156" s="14" t="s">
        <v>1</v>
      </c>
      <c r="C126156" s="14" t="s">
        <v>252</v>
      </c>
      <c r="D126156" s="14" t="s">
        <v>193</v>
      </c>
      <c r="E126156" s="15">
        <v>45607</v>
      </c>
      <c r="F126156" s="14" t="s">
        <v>15</v>
      </c>
      <c r="G126156" s="16">
        <v>0</v>
      </c>
    </row>
    <row r="126157" spans="1:7" x14ac:dyDescent="0.3">
      <c r="A126157" s="13" t="s">
        <v>582</v>
      </c>
      <c r="B126157" s="14" t="s">
        <v>1</v>
      </c>
      <c r="C126157" s="14" t="s">
        <v>252</v>
      </c>
      <c r="D126157" s="14" t="s">
        <v>193</v>
      </c>
      <c r="E126157" s="15">
        <v>45608</v>
      </c>
      <c r="F126157" s="14" t="s">
        <v>15</v>
      </c>
      <c r="G126157" s="16">
        <v>0</v>
      </c>
    </row>
    <row r="126158" spans="1:7" x14ac:dyDescent="0.3">
      <c r="A126158" s="13" t="s">
        <v>582</v>
      </c>
      <c r="B126158" s="14" t="s">
        <v>1</v>
      </c>
      <c r="C126158" s="14" t="s">
        <v>252</v>
      </c>
      <c r="D126158" s="14" t="s">
        <v>193</v>
      </c>
      <c r="E126158" s="15">
        <v>45609</v>
      </c>
      <c r="F126158" s="14" t="s">
        <v>15</v>
      </c>
      <c r="G126158" s="16">
        <v>0</v>
      </c>
    </row>
    <row r="126159" spans="1:7" x14ac:dyDescent="0.3">
      <c r="A126159" s="13" t="s">
        <v>582</v>
      </c>
      <c r="B126159" s="14" t="s">
        <v>1</v>
      </c>
      <c r="C126159" s="14" t="s">
        <v>252</v>
      </c>
      <c r="D126159" s="14" t="s">
        <v>193</v>
      </c>
      <c r="E126159" s="15">
        <v>45610</v>
      </c>
      <c r="F126159" s="14" t="s">
        <v>15</v>
      </c>
      <c r="G126159" s="16">
        <v>0</v>
      </c>
    </row>
    <row r="126160" spans="1:7" x14ac:dyDescent="0.3">
      <c r="A126160" s="13" t="s">
        <v>582</v>
      </c>
      <c r="B126160" s="14" t="s">
        <v>1</v>
      </c>
      <c r="C126160" s="14" t="s">
        <v>252</v>
      </c>
      <c r="D126160" s="14" t="s">
        <v>193</v>
      </c>
      <c r="E126160" s="15">
        <v>45611</v>
      </c>
      <c r="F126160" s="14" t="s">
        <v>15</v>
      </c>
      <c r="G126160" s="16">
        <v>0</v>
      </c>
    </row>
    <row r="126161" spans="1:7" x14ac:dyDescent="0.3">
      <c r="A126161" s="13" t="s">
        <v>582</v>
      </c>
      <c r="B126161" s="14" t="s">
        <v>1</v>
      </c>
      <c r="C126161" s="14" t="s">
        <v>252</v>
      </c>
      <c r="D126161" s="14" t="s">
        <v>193</v>
      </c>
      <c r="E126161" s="15">
        <v>45612</v>
      </c>
      <c r="F126161" s="14" t="s">
        <v>15</v>
      </c>
      <c r="G126161" s="16">
        <v>0</v>
      </c>
    </row>
    <row r="126162" spans="1:7" x14ac:dyDescent="0.3">
      <c r="A126162" s="13" t="s">
        <v>582</v>
      </c>
      <c r="B126162" s="14" t="s">
        <v>1</v>
      </c>
      <c r="C126162" s="14" t="s">
        <v>252</v>
      </c>
      <c r="D126162" s="14" t="s">
        <v>193</v>
      </c>
      <c r="E126162" s="15">
        <v>45613</v>
      </c>
      <c r="F126162" s="14" t="s">
        <v>15</v>
      </c>
      <c r="G126162" s="16">
        <v>0</v>
      </c>
    </row>
    <row r="126163" spans="1:7" x14ac:dyDescent="0.3">
      <c r="A126163" s="13" t="s">
        <v>582</v>
      </c>
      <c r="B126163" s="14" t="s">
        <v>1</v>
      </c>
      <c r="C126163" s="14" t="s">
        <v>252</v>
      </c>
      <c r="D126163" s="14" t="s">
        <v>193</v>
      </c>
      <c r="E126163" s="15">
        <v>45614</v>
      </c>
      <c r="F126163" s="14" t="s">
        <v>15</v>
      </c>
      <c r="G126163" s="16">
        <v>0</v>
      </c>
    </row>
    <row r="126164" spans="1:7" x14ac:dyDescent="0.3">
      <c r="A126164" s="13" t="s">
        <v>582</v>
      </c>
      <c r="B126164" s="14" t="s">
        <v>1</v>
      </c>
      <c r="C126164" s="14" t="s">
        <v>252</v>
      </c>
      <c r="D126164" s="14" t="s">
        <v>193</v>
      </c>
      <c r="E126164" s="15">
        <v>45615</v>
      </c>
      <c r="F126164" s="14" t="s">
        <v>15</v>
      </c>
      <c r="G126164" s="16">
        <v>0</v>
      </c>
    </row>
    <row r="126165" spans="1:7" x14ac:dyDescent="0.3">
      <c r="A126165" s="13" t="s">
        <v>582</v>
      </c>
      <c r="B126165" s="14" t="s">
        <v>1</v>
      </c>
      <c r="C126165" s="14" t="s">
        <v>252</v>
      </c>
      <c r="D126165" s="14" t="s">
        <v>193</v>
      </c>
      <c r="E126165" s="15">
        <v>45616</v>
      </c>
      <c r="F126165" s="14" t="s">
        <v>15</v>
      </c>
      <c r="G126165" s="16">
        <v>0</v>
      </c>
    </row>
    <row r="126166" spans="1:7" x14ac:dyDescent="0.3">
      <c r="A126166" s="13" t="s">
        <v>582</v>
      </c>
      <c r="B126166" s="14" t="s">
        <v>1</v>
      </c>
      <c r="C126166" s="14" t="s">
        <v>252</v>
      </c>
      <c r="D126166" s="14" t="s">
        <v>193</v>
      </c>
      <c r="E126166" s="15">
        <v>45617</v>
      </c>
      <c r="F126166" s="14" t="s">
        <v>15</v>
      </c>
      <c r="G126166" s="16">
        <v>0</v>
      </c>
    </row>
    <row r="126167" spans="1:7" x14ac:dyDescent="0.3">
      <c r="A126167" s="13" t="s">
        <v>582</v>
      </c>
      <c r="B126167" s="14" t="s">
        <v>1</v>
      </c>
      <c r="C126167" s="14" t="s">
        <v>252</v>
      </c>
      <c r="D126167" s="14" t="s">
        <v>193</v>
      </c>
      <c r="E126167" s="15">
        <v>45618</v>
      </c>
      <c r="F126167" s="14" t="s">
        <v>15</v>
      </c>
      <c r="G126167" s="16">
        <v>0</v>
      </c>
    </row>
    <row r="126168" spans="1:7" x14ac:dyDescent="0.3">
      <c r="A126168" s="13" t="s">
        <v>582</v>
      </c>
      <c r="B126168" s="14" t="s">
        <v>1</v>
      </c>
      <c r="C126168" s="14" t="s">
        <v>252</v>
      </c>
      <c r="D126168" s="14" t="s">
        <v>193</v>
      </c>
      <c r="E126168" s="15">
        <v>45619</v>
      </c>
      <c r="F126168" s="14" t="s">
        <v>15</v>
      </c>
      <c r="G126168" s="16">
        <v>0</v>
      </c>
    </row>
    <row r="126169" spans="1:7" x14ac:dyDescent="0.3">
      <c r="A126169" s="13" t="s">
        <v>582</v>
      </c>
      <c r="B126169" s="14" t="s">
        <v>1</v>
      </c>
      <c r="C126169" s="14" t="s">
        <v>252</v>
      </c>
      <c r="D126169" s="14" t="s">
        <v>193</v>
      </c>
      <c r="E126169" s="15">
        <v>45620</v>
      </c>
      <c r="F126169" s="14" t="s">
        <v>15</v>
      </c>
      <c r="G126169" s="16">
        <v>0</v>
      </c>
    </row>
    <row r="126170" spans="1:7" x14ac:dyDescent="0.3">
      <c r="A126170" s="13" t="s">
        <v>582</v>
      </c>
      <c r="B126170" s="14" t="s">
        <v>1</v>
      </c>
      <c r="C126170" s="14" t="s">
        <v>252</v>
      </c>
      <c r="D126170" s="14" t="s">
        <v>193</v>
      </c>
      <c r="E126170" s="15">
        <v>45621</v>
      </c>
      <c r="F126170" s="14" t="s">
        <v>15</v>
      </c>
      <c r="G126170" s="16">
        <v>0</v>
      </c>
    </row>
    <row r="126171" spans="1:7" x14ac:dyDescent="0.3">
      <c r="A126171" s="13" t="s">
        <v>582</v>
      </c>
      <c r="B126171" s="14" t="s">
        <v>1</v>
      </c>
      <c r="C126171" s="14" t="s">
        <v>252</v>
      </c>
      <c r="D126171" s="14" t="s">
        <v>193</v>
      </c>
      <c r="E126171" s="15">
        <v>45622</v>
      </c>
      <c r="F126171" s="14" t="s">
        <v>15</v>
      </c>
      <c r="G126171" s="16">
        <v>0</v>
      </c>
    </row>
    <row r="126172" spans="1:7" x14ac:dyDescent="0.3">
      <c r="A126172" s="13" t="s">
        <v>582</v>
      </c>
      <c r="B126172" s="14" t="s">
        <v>1</v>
      </c>
      <c r="C126172" s="14" t="s">
        <v>252</v>
      </c>
      <c r="D126172" s="14" t="s">
        <v>193</v>
      </c>
      <c r="E126172" s="15">
        <v>45623</v>
      </c>
      <c r="F126172" s="14" t="s">
        <v>15</v>
      </c>
      <c r="G126172" s="16">
        <v>0</v>
      </c>
    </row>
    <row r="126173" spans="1:7" x14ac:dyDescent="0.3">
      <c r="A126173" s="13" t="s">
        <v>582</v>
      </c>
      <c r="B126173" s="14" t="s">
        <v>1</v>
      </c>
      <c r="C126173" s="14" t="s">
        <v>252</v>
      </c>
      <c r="D126173" s="14" t="s">
        <v>193</v>
      </c>
      <c r="E126173" s="15">
        <v>45624</v>
      </c>
      <c r="F126173" s="14" t="s">
        <v>15</v>
      </c>
      <c r="G126173" s="16">
        <v>0</v>
      </c>
    </row>
    <row r="126174" spans="1:7" x14ac:dyDescent="0.3">
      <c r="A126174" s="13" t="s">
        <v>582</v>
      </c>
      <c r="B126174" s="14" t="s">
        <v>1</v>
      </c>
      <c r="C126174" s="14" t="s">
        <v>252</v>
      </c>
      <c r="D126174" s="14" t="s">
        <v>193</v>
      </c>
      <c r="E126174" s="15">
        <v>45625</v>
      </c>
      <c r="F126174" s="14" t="s">
        <v>15</v>
      </c>
      <c r="G126174" s="16">
        <v>0</v>
      </c>
    </row>
    <row r="126175" spans="1:7" x14ac:dyDescent="0.3">
      <c r="A126175" s="13" t="s">
        <v>582</v>
      </c>
      <c r="B126175" s="14" t="s">
        <v>1</v>
      </c>
      <c r="C126175" s="14" t="s">
        <v>252</v>
      </c>
      <c r="D126175" s="14" t="s">
        <v>193</v>
      </c>
      <c r="E126175" s="15">
        <v>45626</v>
      </c>
      <c r="F126175" s="14" t="s">
        <v>15</v>
      </c>
      <c r="G126175" s="16">
        <v>0</v>
      </c>
    </row>
    <row r="126176" spans="1:7" x14ac:dyDescent="0.3">
      <c r="A126176" s="13" t="s">
        <v>582</v>
      </c>
      <c r="B126176" s="14" t="s">
        <v>1</v>
      </c>
      <c r="C126176" s="14" t="s">
        <v>252</v>
      </c>
      <c r="D126176" s="14" t="s">
        <v>193</v>
      </c>
      <c r="E126176" s="15">
        <v>45627</v>
      </c>
      <c r="F126176" s="14" t="s">
        <v>15</v>
      </c>
      <c r="G126176" s="16">
        <v>0</v>
      </c>
    </row>
    <row r="126177" spans="1:7" x14ac:dyDescent="0.3">
      <c r="A126177" s="13" t="s">
        <v>582</v>
      </c>
      <c r="B126177" s="14" t="s">
        <v>1</v>
      </c>
      <c r="C126177" s="14" t="s">
        <v>252</v>
      </c>
      <c r="D126177" s="14" t="s">
        <v>193</v>
      </c>
      <c r="E126177" s="15">
        <v>45628</v>
      </c>
      <c r="F126177" s="14" t="s">
        <v>15</v>
      </c>
      <c r="G126177" s="16">
        <v>0</v>
      </c>
    </row>
    <row r="126178" spans="1:7" x14ac:dyDescent="0.3">
      <c r="A126178" s="13" t="s">
        <v>582</v>
      </c>
      <c r="B126178" s="14" t="s">
        <v>1</v>
      </c>
      <c r="C126178" s="14" t="s">
        <v>252</v>
      </c>
      <c r="D126178" s="14" t="s">
        <v>193</v>
      </c>
      <c r="E126178" s="15">
        <v>45629</v>
      </c>
      <c r="F126178" s="14" t="s">
        <v>15</v>
      </c>
      <c r="G126178" s="16">
        <v>0</v>
      </c>
    </row>
    <row r="126179" spans="1:7" x14ac:dyDescent="0.3">
      <c r="A126179" s="13" t="s">
        <v>582</v>
      </c>
      <c r="B126179" s="14" t="s">
        <v>1</v>
      </c>
      <c r="C126179" s="14" t="s">
        <v>252</v>
      </c>
      <c r="D126179" s="14" t="s">
        <v>193</v>
      </c>
      <c r="E126179" s="15">
        <v>45630</v>
      </c>
      <c r="F126179" s="14" t="s">
        <v>15</v>
      </c>
      <c r="G126179" s="16">
        <v>0</v>
      </c>
    </row>
    <row r="126180" spans="1:7" x14ac:dyDescent="0.3">
      <c r="A126180" s="13" t="s">
        <v>582</v>
      </c>
      <c r="B126180" s="14" t="s">
        <v>1</v>
      </c>
      <c r="C126180" s="14" t="s">
        <v>252</v>
      </c>
      <c r="D126180" s="14" t="s">
        <v>193</v>
      </c>
      <c r="E126180" s="15">
        <v>45631</v>
      </c>
      <c r="F126180" s="14" t="s">
        <v>15</v>
      </c>
      <c r="G126180" s="16">
        <v>0</v>
      </c>
    </row>
    <row r="126181" spans="1:7" x14ac:dyDescent="0.3">
      <c r="A126181" s="13" t="s">
        <v>582</v>
      </c>
      <c r="B126181" s="14" t="s">
        <v>1</v>
      </c>
      <c r="C126181" s="14" t="s">
        <v>252</v>
      </c>
      <c r="D126181" s="14" t="s">
        <v>193</v>
      </c>
      <c r="E126181" s="15">
        <v>45632</v>
      </c>
      <c r="F126181" s="14" t="s">
        <v>15</v>
      </c>
      <c r="G126181" s="16">
        <v>0</v>
      </c>
    </row>
    <row r="126182" spans="1:7" x14ac:dyDescent="0.3">
      <c r="A126182" s="13" t="s">
        <v>582</v>
      </c>
      <c r="B126182" s="14" t="s">
        <v>1</v>
      </c>
      <c r="C126182" s="14" t="s">
        <v>252</v>
      </c>
      <c r="D126182" s="14" t="s">
        <v>193</v>
      </c>
      <c r="E126182" s="15">
        <v>45633</v>
      </c>
      <c r="F126182" s="14" t="s">
        <v>15</v>
      </c>
      <c r="G126182" s="16">
        <v>0</v>
      </c>
    </row>
    <row r="126183" spans="1:7" x14ac:dyDescent="0.3">
      <c r="A126183" s="13" t="s">
        <v>582</v>
      </c>
      <c r="B126183" s="14" t="s">
        <v>1</v>
      </c>
      <c r="C126183" s="14" t="s">
        <v>252</v>
      </c>
      <c r="D126183" s="14" t="s">
        <v>193</v>
      </c>
      <c r="E126183" s="15">
        <v>45634</v>
      </c>
      <c r="F126183" s="14" t="s">
        <v>15</v>
      </c>
      <c r="G126183" s="16">
        <v>0</v>
      </c>
    </row>
    <row r="126184" spans="1:7" x14ac:dyDescent="0.3">
      <c r="A126184" s="13" t="s">
        <v>582</v>
      </c>
      <c r="B126184" s="14" t="s">
        <v>1</v>
      </c>
      <c r="C126184" s="14" t="s">
        <v>252</v>
      </c>
      <c r="D126184" s="14" t="s">
        <v>193</v>
      </c>
      <c r="E126184" s="15">
        <v>45635</v>
      </c>
      <c r="F126184" s="14" t="s">
        <v>15</v>
      </c>
      <c r="G126184" s="16">
        <v>0</v>
      </c>
    </row>
    <row r="126185" spans="1:7" x14ac:dyDescent="0.3">
      <c r="A126185" s="13" t="s">
        <v>582</v>
      </c>
      <c r="B126185" s="14" t="s">
        <v>1</v>
      </c>
      <c r="C126185" s="14" t="s">
        <v>252</v>
      </c>
      <c r="D126185" s="14" t="s">
        <v>193</v>
      </c>
      <c r="E126185" s="15">
        <v>45636</v>
      </c>
      <c r="F126185" s="14" t="s">
        <v>15</v>
      </c>
      <c r="G126185" s="16">
        <v>0</v>
      </c>
    </row>
    <row r="126186" spans="1:7" x14ac:dyDescent="0.3">
      <c r="A126186" s="13" t="s">
        <v>582</v>
      </c>
      <c r="B126186" s="14" t="s">
        <v>1</v>
      </c>
      <c r="C126186" s="14" t="s">
        <v>252</v>
      </c>
      <c r="D126186" s="14" t="s">
        <v>193</v>
      </c>
      <c r="E126186" s="15">
        <v>45637</v>
      </c>
      <c r="F126186" s="14" t="s">
        <v>15</v>
      </c>
      <c r="G126186" s="16">
        <v>0</v>
      </c>
    </row>
    <row r="126187" spans="1:7" x14ac:dyDescent="0.3">
      <c r="A126187" s="13" t="s">
        <v>582</v>
      </c>
      <c r="B126187" s="14" t="s">
        <v>1</v>
      </c>
      <c r="C126187" s="14" t="s">
        <v>252</v>
      </c>
      <c r="D126187" s="14" t="s">
        <v>193</v>
      </c>
      <c r="E126187" s="15">
        <v>45638</v>
      </c>
      <c r="F126187" s="14" t="s">
        <v>15</v>
      </c>
      <c r="G126187" s="16">
        <v>0</v>
      </c>
    </row>
    <row r="126188" spans="1:7" x14ac:dyDescent="0.3">
      <c r="A126188" s="13" t="s">
        <v>582</v>
      </c>
      <c r="B126188" s="14" t="s">
        <v>1</v>
      </c>
      <c r="C126188" s="14" t="s">
        <v>252</v>
      </c>
      <c r="D126188" s="14" t="s">
        <v>193</v>
      </c>
      <c r="E126188" s="15">
        <v>45639</v>
      </c>
      <c r="F126188" s="14" t="s">
        <v>15</v>
      </c>
      <c r="G126188" s="16">
        <v>0</v>
      </c>
    </row>
    <row r="126189" spans="1:7" x14ac:dyDescent="0.3">
      <c r="A126189" s="13" t="s">
        <v>582</v>
      </c>
      <c r="B126189" s="14" t="s">
        <v>1</v>
      </c>
      <c r="C126189" s="14" t="s">
        <v>252</v>
      </c>
      <c r="D126189" s="14" t="s">
        <v>193</v>
      </c>
      <c r="E126189" s="15">
        <v>45640</v>
      </c>
      <c r="F126189" s="14" t="s">
        <v>15</v>
      </c>
      <c r="G126189" s="16">
        <v>0</v>
      </c>
    </row>
    <row r="126190" spans="1:7" x14ac:dyDescent="0.3">
      <c r="A126190" s="13" t="s">
        <v>582</v>
      </c>
      <c r="B126190" s="14" t="s">
        <v>1</v>
      </c>
      <c r="C126190" s="14" t="s">
        <v>252</v>
      </c>
      <c r="D126190" s="14" t="s">
        <v>193</v>
      </c>
      <c r="E126190" s="15">
        <v>45641</v>
      </c>
      <c r="F126190" s="14" t="s">
        <v>15</v>
      </c>
      <c r="G126190" s="16">
        <v>0</v>
      </c>
    </row>
    <row r="126191" spans="1:7" x14ac:dyDescent="0.3">
      <c r="A126191" s="13" t="s">
        <v>582</v>
      </c>
      <c r="B126191" s="14" t="s">
        <v>1</v>
      </c>
      <c r="C126191" s="14" t="s">
        <v>252</v>
      </c>
      <c r="D126191" s="14" t="s">
        <v>193</v>
      </c>
      <c r="E126191" s="15">
        <v>45642</v>
      </c>
      <c r="F126191" s="14" t="s">
        <v>15</v>
      </c>
      <c r="G126191" s="16">
        <v>0</v>
      </c>
    </row>
    <row r="126192" spans="1:7" x14ac:dyDescent="0.3">
      <c r="A126192" s="13" t="s">
        <v>582</v>
      </c>
      <c r="B126192" s="14" t="s">
        <v>1</v>
      </c>
      <c r="C126192" s="14" t="s">
        <v>252</v>
      </c>
      <c r="D126192" s="14" t="s">
        <v>193</v>
      </c>
      <c r="E126192" s="15">
        <v>45643</v>
      </c>
      <c r="F126192" s="14" t="s">
        <v>15</v>
      </c>
      <c r="G126192" s="16">
        <v>0</v>
      </c>
    </row>
    <row r="126193" spans="1:7" x14ac:dyDescent="0.3">
      <c r="A126193" s="13" t="s">
        <v>582</v>
      </c>
      <c r="B126193" s="14" t="s">
        <v>1</v>
      </c>
      <c r="C126193" s="14" t="s">
        <v>252</v>
      </c>
      <c r="D126193" s="14" t="s">
        <v>193</v>
      </c>
      <c r="E126193" s="15">
        <v>45644</v>
      </c>
      <c r="F126193" s="14" t="s">
        <v>15</v>
      </c>
      <c r="G126193" s="16">
        <v>0</v>
      </c>
    </row>
    <row r="126194" spans="1:7" x14ac:dyDescent="0.3">
      <c r="A126194" s="13" t="s">
        <v>582</v>
      </c>
      <c r="B126194" s="14" t="s">
        <v>1</v>
      </c>
      <c r="C126194" s="14" t="s">
        <v>252</v>
      </c>
      <c r="D126194" s="14" t="s">
        <v>193</v>
      </c>
      <c r="E126194" s="15">
        <v>45645</v>
      </c>
      <c r="F126194" s="14" t="s">
        <v>15</v>
      </c>
      <c r="G126194" s="16">
        <v>0</v>
      </c>
    </row>
    <row r="126195" spans="1:7" x14ac:dyDescent="0.3">
      <c r="A126195" s="13" t="s">
        <v>582</v>
      </c>
      <c r="B126195" s="14" t="s">
        <v>1</v>
      </c>
      <c r="C126195" s="14" t="s">
        <v>252</v>
      </c>
      <c r="D126195" s="14" t="s">
        <v>193</v>
      </c>
      <c r="E126195" s="15">
        <v>45646</v>
      </c>
      <c r="F126195" s="14" t="s">
        <v>15</v>
      </c>
      <c r="G126195" s="16">
        <v>0</v>
      </c>
    </row>
    <row r="126196" spans="1:7" x14ac:dyDescent="0.3">
      <c r="A126196" s="13" t="s">
        <v>582</v>
      </c>
      <c r="B126196" s="14" t="s">
        <v>1</v>
      </c>
      <c r="C126196" s="14" t="s">
        <v>252</v>
      </c>
      <c r="D126196" s="14" t="s">
        <v>193</v>
      </c>
      <c r="E126196" s="15">
        <v>45647</v>
      </c>
      <c r="F126196" s="14" t="s">
        <v>15</v>
      </c>
      <c r="G126196" s="16">
        <v>0</v>
      </c>
    </row>
    <row r="126197" spans="1:7" x14ac:dyDescent="0.3">
      <c r="A126197" s="13" t="s">
        <v>582</v>
      </c>
      <c r="B126197" s="14" t="s">
        <v>1</v>
      </c>
      <c r="C126197" s="14" t="s">
        <v>252</v>
      </c>
      <c r="D126197" s="14" t="s">
        <v>193</v>
      </c>
      <c r="E126197" s="15">
        <v>45648</v>
      </c>
      <c r="F126197" s="14" t="s">
        <v>15</v>
      </c>
      <c r="G126197" s="16">
        <v>0</v>
      </c>
    </row>
    <row r="126198" spans="1:7" x14ac:dyDescent="0.3">
      <c r="A126198" s="13" t="s">
        <v>582</v>
      </c>
      <c r="B126198" s="14" t="s">
        <v>1</v>
      </c>
      <c r="C126198" s="14" t="s">
        <v>252</v>
      </c>
      <c r="D126198" s="14" t="s">
        <v>193</v>
      </c>
      <c r="E126198" s="15">
        <v>45649</v>
      </c>
      <c r="F126198" s="14" t="s">
        <v>15</v>
      </c>
      <c r="G126198" s="16">
        <v>0</v>
      </c>
    </row>
    <row r="126199" spans="1:7" x14ac:dyDescent="0.3">
      <c r="A126199" s="13" t="s">
        <v>582</v>
      </c>
      <c r="B126199" s="14" t="s">
        <v>1</v>
      </c>
      <c r="C126199" s="14" t="s">
        <v>252</v>
      </c>
      <c r="D126199" s="14" t="s">
        <v>193</v>
      </c>
      <c r="E126199" s="15">
        <v>45650</v>
      </c>
      <c r="F126199" s="14" t="s">
        <v>15</v>
      </c>
      <c r="G126199" s="16">
        <v>0</v>
      </c>
    </row>
    <row r="126200" spans="1:7" x14ac:dyDescent="0.3">
      <c r="A126200" s="13" t="s">
        <v>582</v>
      </c>
      <c r="B126200" s="14" t="s">
        <v>1</v>
      </c>
      <c r="C126200" s="14" t="s">
        <v>252</v>
      </c>
      <c r="D126200" s="14" t="s">
        <v>193</v>
      </c>
      <c r="E126200" s="15">
        <v>45651</v>
      </c>
      <c r="F126200" s="14" t="s">
        <v>15</v>
      </c>
      <c r="G126200" s="16">
        <v>0</v>
      </c>
    </row>
    <row r="126201" spans="1:7" x14ac:dyDescent="0.3">
      <c r="A126201" s="13" t="s">
        <v>582</v>
      </c>
      <c r="B126201" s="14" t="s">
        <v>1</v>
      </c>
      <c r="C126201" s="14" t="s">
        <v>252</v>
      </c>
      <c r="D126201" s="14" t="s">
        <v>193</v>
      </c>
      <c r="E126201" s="15">
        <v>45652</v>
      </c>
      <c r="F126201" s="14" t="s">
        <v>15</v>
      </c>
      <c r="G126201" s="16">
        <v>0</v>
      </c>
    </row>
    <row r="126202" spans="1:7" x14ac:dyDescent="0.3">
      <c r="A126202" s="13" t="s">
        <v>582</v>
      </c>
      <c r="B126202" s="14" t="s">
        <v>1</v>
      </c>
      <c r="C126202" s="14" t="s">
        <v>252</v>
      </c>
      <c r="D126202" s="14" t="s">
        <v>193</v>
      </c>
      <c r="E126202" s="15">
        <v>45653</v>
      </c>
      <c r="F126202" s="14" t="s">
        <v>15</v>
      </c>
      <c r="G126202" s="16">
        <v>0</v>
      </c>
    </row>
    <row r="126203" spans="1:7" x14ac:dyDescent="0.3">
      <c r="A126203" s="13" t="s">
        <v>582</v>
      </c>
      <c r="B126203" s="14" t="s">
        <v>1</v>
      </c>
      <c r="C126203" s="14" t="s">
        <v>252</v>
      </c>
      <c r="D126203" s="14" t="s">
        <v>193</v>
      </c>
      <c r="E126203" s="15">
        <v>45654</v>
      </c>
      <c r="F126203" s="14" t="s">
        <v>15</v>
      </c>
      <c r="G126203" s="16">
        <v>0</v>
      </c>
    </row>
    <row r="126204" spans="1:7" x14ac:dyDescent="0.3">
      <c r="A126204" s="13" t="s">
        <v>582</v>
      </c>
      <c r="B126204" s="14" t="s">
        <v>1</v>
      </c>
      <c r="C126204" s="14" t="s">
        <v>252</v>
      </c>
      <c r="D126204" s="14" t="s">
        <v>193</v>
      </c>
      <c r="E126204" s="15">
        <v>45655</v>
      </c>
      <c r="F126204" s="14" t="s">
        <v>15</v>
      </c>
      <c r="G126204" s="16">
        <v>0</v>
      </c>
    </row>
    <row r="126205" spans="1:7" x14ac:dyDescent="0.3">
      <c r="A126205" s="13" t="s">
        <v>582</v>
      </c>
      <c r="B126205" s="14" t="s">
        <v>1</v>
      </c>
      <c r="C126205" s="14" t="s">
        <v>252</v>
      </c>
      <c r="D126205" s="14" t="s">
        <v>193</v>
      </c>
      <c r="E126205" s="15">
        <v>45656</v>
      </c>
      <c r="F126205" s="14" t="s">
        <v>15</v>
      </c>
      <c r="G126205" s="16">
        <v>0</v>
      </c>
    </row>
    <row r="126206" spans="1:7" x14ac:dyDescent="0.3">
      <c r="A126206" s="13" t="s">
        <v>582</v>
      </c>
      <c r="B126206" s="14" t="s">
        <v>1</v>
      </c>
      <c r="C126206" s="14" t="s">
        <v>252</v>
      </c>
      <c r="D126206" s="14" t="s">
        <v>193</v>
      </c>
      <c r="E126206" s="15">
        <v>45657</v>
      </c>
      <c r="F126206" s="14" t="s">
        <v>15</v>
      </c>
      <c r="G126206" s="16">
        <v>0</v>
      </c>
    </row>
    <row r="126207" spans="1:7" x14ac:dyDescent="0.3">
      <c r="A126207" s="13" t="s">
        <v>582</v>
      </c>
      <c r="B126207" s="14" t="s">
        <v>1</v>
      </c>
      <c r="C126207" s="14" t="s">
        <v>252</v>
      </c>
      <c r="D126207" s="14" t="s">
        <v>193</v>
      </c>
      <c r="E126207" s="15">
        <v>45658</v>
      </c>
      <c r="F126207" s="14" t="s">
        <v>15</v>
      </c>
      <c r="G126207" s="16">
        <v>0</v>
      </c>
    </row>
    <row r="126208" spans="1:7" x14ac:dyDescent="0.3">
      <c r="A126208" s="13" t="s">
        <v>582</v>
      </c>
      <c r="B126208" s="14" t="s">
        <v>1</v>
      </c>
      <c r="C126208" s="14" t="s">
        <v>252</v>
      </c>
      <c r="D126208" s="14" t="s">
        <v>193</v>
      </c>
      <c r="E126208" s="15">
        <v>45659</v>
      </c>
      <c r="F126208" s="14" t="s">
        <v>15</v>
      </c>
      <c r="G126208" s="16">
        <v>0</v>
      </c>
    </row>
    <row r="126209" spans="1:7" x14ac:dyDescent="0.3">
      <c r="A126209" s="13" t="s">
        <v>582</v>
      </c>
      <c r="B126209" s="14" t="s">
        <v>1</v>
      </c>
      <c r="C126209" s="14" t="s">
        <v>252</v>
      </c>
      <c r="D126209" s="14" t="s">
        <v>193</v>
      </c>
      <c r="E126209" s="15">
        <v>45660</v>
      </c>
      <c r="F126209" s="14" t="s">
        <v>15</v>
      </c>
      <c r="G126209" s="16">
        <v>0</v>
      </c>
    </row>
    <row r="126210" spans="1:7" x14ac:dyDescent="0.3">
      <c r="A126210" s="13" t="s">
        <v>582</v>
      </c>
      <c r="B126210" s="14" t="s">
        <v>1</v>
      </c>
      <c r="C126210" s="14" t="s">
        <v>252</v>
      </c>
      <c r="D126210" s="14" t="s">
        <v>193</v>
      </c>
      <c r="E126210" s="15">
        <v>45661</v>
      </c>
      <c r="F126210" s="14" t="s">
        <v>15</v>
      </c>
      <c r="G126210" s="16">
        <v>0</v>
      </c>
    </row>
    <row r="126211" spans="1:7" x14ac:dyDescent="0.3">
      <c r="A126211" s="13" t="s">
        <v>582</v>
      </c>
      <c r="B126211" s="14" t="s">
        <v>1</v>
      </c>
      <c r="C126211" s="14" t="s">
        <v>252</v>
      </c>
      <c r="D126211" s="14" t="s">
        <v>193</v>
      </c>
      <c r="E126211" s="15">
        <v>45662</v>
      </c>
      <c r="F126211" s="14" t="s">
        <v>15</v>
      </c>
      <c r="G126211" s="16">
        <v>0</v>
      </c>
    </row>
    <row r="126212" spans="1:7" x14ac:dyDescent="0.3">
      <c r="A126212" s="13" t="s">
        <v>582</v>
      </c>
      <c r="B126212" s="14" t="s">
        <v>1</v>
      </c>
      <c r="C126212" s="14" t="s">
        <v>252</v>
      </c>
      <c r="D126212" s="14" t="s">
        <v>193</v>
      </c>
      <c r="E126212" s="15">
        <v>45663</v>
      </c>
      <c r="F126212" s="14" t="s">
        <v>15</v>
      </c>
      <c r="G126212" s="16">
        <v>0</v>
      </c>
    </row>
    <row r="126213" spans="1:7" x14ac:dyDescent="0.3">
      <c r="A126213" s="13" t="s">
        <v>582</v>
      </c>
      <c r="B126213" s="14" t="s">
        <v>1</v>
      </c>
      <c r="C126213" s="14" t="s">
        <v>252</v>
      </c>
      <c r="D126213" s="14" t="s">
        <v>193</v>
      </c>
      <c r="E126213" s="15">
        <v>45664</v>
      </c>
      <c r="F126213" s="14" t="s">
        <v>15</v>
      </c>
      <c r="G126213" s="16">
        <v>0</v>
      </c>
    </row>
    <row r="126214" spans="1:7" x14ac:dyDescent="0.3">
      <c r="A126214" s="13" t="s">
        <v>582</v>
      </c>
      <c r="B126214" s="14" t="s">
        <v>1</v>
      </c>
      <c r="C126214" s="14" t="s">
        <v>252</v>
      </c>
      <c r="D126214" s="14" t="s">
        <v>193</v>
      </c>
      <c r="E126214" s="15">
        <v>45665</v>
      </c>
      <c r="F126214" s="14" t="s">
        <v>15</v>
      </c>
      <c r="G126214" s="16">
        <v>0</v>
      </c>
    </row>
    <row r="126215" spans="1:7" x14ac:dyDescent="0.3">
      <c r="A126215" s="13" t="s">
        <v>582</v>
      </c>
      <c r="B126215" s="14" t="s">
        <v>1</v>
      </c>
      <c r="C126215" s="14" t="s">
        <v>252</v>
      </c>
      <c r="D126215" s="14" t="s">
        <v>193</v>
      </c>
      <c r="E126215" s="15">
        <v>45666</v>
      </c>
      <c r="F126215" s="14" t="s">
        <v>15</v>
      </c>
      <c r="G126215" s="16">
        <v>0</v>
      </c>
    </row>
    <row r="126216" spans="1:7" x14ac:dyDescent="0.3">
      <c r="A126216" s="13" t="s">
        <v>582</v>
      </c>
      <c r="B126216" s="14" t="s">
        <v>1</v>
      </c>
      <c r="C126216" s="14" t="s">
        <v>252</v>
      </c>
      <c r="D126216" s="14" t="s">
        <v>193</v>
      </c>
      <c r="E126216" s="15">
        <v>45667</v>
      </c>
      <c r="F126216" s="14" t="s">
        <v>15</v>
      </c>
      <c r="G126216" s="16">
        <v>0</v>
      </c>
    </row>
    <row r="126217" spans="1:7" x14ac:dyDescent="0.3">
      <c r="A126217" s="13" t="s">
        <v>582</v>
      </c>
      <c r="B126217" s="14" t="s">
        <v>1</v>
      </c>
      <c r="C126217" s="14" t="s">
        <v>252</v>
      </c>
      <c r="D126217" s="14" t="s">
        <v>193</v>
      </c>
      <c r="E126217" s="15">
        <v>45668</v>
      </c>
      <c r="F126217" s="14" t="s">
        <v>15</v>
      </c>
      <c r="G126217" s="16">
        <v>0</v>
      </c>
    </row>
    <row r="126218" spans="1:7" x14ac:dyDescent="0.3">
      <c r="A126218" s="13" t="s">
        <v>582</v>
      </c>
      <c r="B126218" s="14" t="s">
        <v>1</v>
      </c>
      <c r="C126218" s="14" t="s">
        <v>252</v>
      </c>
      <c r="D126218" s="14" t="s">
        <v>193</v>
      </c>
      <c r="E126218" s="15">
        <v>45669</v>
      </c>
      <c r="F126218" s="14" t="s">
        <v>15</v>
      </c>
      <c r="G126218" s="16">
        <v>0</v>
      </c>
    </row>
    <row r="126219" spans="1:7" x14ac:dyDescent="0.3">
      <c r="A126219" s="13" t="s">
        <v>582</v>
      </c>
      <c r="B126219" s="14" t="s">
        <v>1</v>
      </c>
      <c r="C126219" s="14" t="s">
        <v>252</v>
      </c>
      <c r="D126219" s="14" t="s">
        <v>193</v>
      </c>
      <c r="E126219" s="15">
        <v>45670</v>
      </c>
      <c r="F126219" s="14" t="s">
        <v>15</v>
      </c>
      <c r="G126219" s="16">
        <v>0</v>
      </c>
    </row>
    <row r="126220" spans="1:7" x14ac:dyDescent="0.3">
      <c r="A126220" s="13" t="s">
        <v>582</v>
      </c>
      <c r="B126220" s="14" t="s">
        <v>1</v>
      </c>
      <c r="C126220" s="14" t="s">
        <v>252</v>
      </c>
      <c r="D126220" s="14" t="s">
        <v>193</v>
      </c>
      <c r="E126220" s="15">
        <v>45671</v>
      </c>
      <c r="F126220" s="14" t="s">
        <v>15</v>
      </c>
      <c r="G126220" s="16">
        <v>0</v>
      </c>
    </row>
    <row r="126221" spans="1:7" x14ac:dyDescent="0.3">
      <c r="A126221" s="13" t="s">
        <v>582</v>
      </c>
      <c r="B126221" s="14" t="s">
        <v>1</v>
      </c>
      <c r="C126221" s="14" t="s">
        <v>252</v>
      </c>
      <c r="D126221" s="14" t="s">
        <v>193</v>
      </c>
      <c r="E126221" s="15">
        <v>45672</v>
      </c>
      <c r="F126221" s="14" t="s">
        <v>15</v>
      </c>
      <c r="G126221" s="16">
        <v>0</v>
      </c>
    </row>
    <row r="126222" spans="1:7" x14ac:dyDescent="0.3">
      <c r="A126222" s="13" t="s">
        <v>582</v>
      </c>
      <c r="B126222" s="14" t="s">
        <v>1</v>
      </c>
      <c r="C126222" s="14" t="s">
        <v>252</v>
      </c>
      <c r="D126222" s="14" t="s">
        <v>193</v>
      </c>
      <c r="E126222" s="15">
        <v>45673</v>
      </c>
      <c r="F126222" s="14" t="s">
        <v>15</v>
      </c>
      <c r="G126222" s="16">
        <v>0</v>
      </c>
    </row>
    <row r="126223" spans="1:7" x14ac:dyDescent="0.3">
      <c r="A126223" s="13" t="s">
        <v>582</v>
      </c>
      <c r="B126223" s="14" t="s">
        <v>1</v>
      </c>
      <c r="C126223" s="14" t="s">
        <v>252</v>
      </c>
      <c r="D126223" s="14" t="s">
        <v>193</v>
      </c>
      <c r="E126223" s="15">
        <v>45674</v>
      </c>
      <c r="F126223" s="14" t="s">
        <v>15</v>
      </c>
      <c r="G126223" s="16">
        <v>0</v>
      </c>
    </row>
    <row r="126224" spans="1:7" x14ac:dyDescent="0.3">
      <c r="A126224" s="13" t="s">
        <v>582</v>
      </c>
      <c r="B126224" s="14" t="s">
        <v>1</v>
      </c>
      <c r="C126224" s="14" t="s">
        <v>252</v>
      </c>
      <c r="D126224" s="14" t="s">
        <v>193</v>
      </c>
      <c r="E126224" s="15">
        <v>45675</v>
      </c>
      <c r="F126224" s="14" t="s">
        <v>15</v>
      </c>
      <c r="G126224" s="16">
        <v>0</v>
      </c>
    </row>
    <row r="126225" spans="1:7" x14ac:dyDescent="0.3">
      <c r="A126225" s="13" t="s">
        <v>582</v>
      </c>
      <c r="B126225" s="14" t="s">
        <v>1</v>
      </c>
      <c r="C126225" s="14" t="s">
        <v>252</v>
      </c>
      <c r="D126225" s="14" t="s">
        <v>193</v>
      </c>
      <c r="E126225" s="15">
        <v>45676</v>
      </c>
      <c r="F126225" s="14" t="s">
        <v>15</v>
      </c>
      <c r="G126225" s="16">
        <v>0</v>
      </c>
    </row>
    <row r="126226" spans="1:7" x14ac:dyDescent="0.3">
      <c r="A126226" s="13" t="s">
        <v>582</v>
      </c>
      <c r="B126226" s="14" t="s">
        <v>1</v>
      </c>
      <c r="C126226" s="14" t="s">
        <v>252</v>
      </c>
      <c r="D126226" s="14" t="s">
        <v>193</v>
      </c>
      <c r="E126226" s="15">
        <v>45677</v>
      </c>
      <c r="F126226" s="14" t="s">
        <v>15</v>
      </c>
      <c r="G126226" s="16">
        <v>0</v>
      </c>
    </row>
    <row r="126227" spans="1:7" x14ac:dyDescent="0.3">
      <c r="A126227" s="13" t="s">
        <v>582</v>
      </c>
      <c r="B126227" s="14" t="s">
        <v>1</v>
      </c>
      <c r="C126227" s="14" t="s">
        <v>252</v>
      </c>
      <c r="D126227" s="14" t="s">
        <v>193</v>
      </c>
      <c r="E126227" s="15">
        <v>45678</v>
      </c>
      <c r="F126227" s="14" t="s">
        <v>15</v>
      </c>
      <c r="G126227" s="16">
        <v>0</v>
      </c>
    </row>
    <row r="126228" spans="1:7" x14ac:dyDescent="0.3">
      <c r="A126228" s="13" t="s">
        <v>582</v>
      </c>
      <c r="B126228" s="14" t="s">
        <v>1</v>
      </c>
      <c r="C126228" s="14" t="s">
        <v>252</v>
      </c>
      <c r="D126228" s="14" t="s">
        <v>193</v>
      </c>
      <c r="E126228" s="15">
        <v>45679</v>
      </c>
      <c r="F126228" s="14" t="s">
        <v>15</v>
      </c>
      <c r="G126228" s="16">
        <v>0</v>
      </c>
    </row>
    <row r="126229" spans="1:7" x14ac:dyDescent="0.3">
      <c r="A126229" s="13" t="s">
        <v>582</v>
      </c>
      <c r="B126229" s="14" t="s">
        <v>1</v>
      </c>
      <c r="C126229" s="14" t="s">
        <v>252</v>
      </c>
      <c r="D126229" s="14" t="s">
        <v>193</v>
      </c>
      <c r="E126229" s="15">
        <v>45680</v>
      </c>
      <c r="F126229" s="14" t="s">
        <v>15</v>
      </c>
      <c r="G126229" s="16">
        <v>0</v>
      </c>
    </row>
    <row r="126230" spans="1:7" x14ac:dyDescent="0.3">
      <c r="A126230" s="13" t="s">
        <v>582</v>
      </c>
      <c r="B126230" s="14" t="s">
        <v>1</v>
      </c>
      <c r="C126230" s="14" t="s">
        <v>252</v>
      </c>
      <c r="D126230" s="14" t="s">
        <v>193</v>
      </c>
      <c r="E126230" s="15">
        <v>45681</v>
      </c>
      <c r="F126230" s="14" t="s">
        <v>15</v>
      </c>
      <c r="G126230" s="16">
        <v>0</v>
      </c>
    </row>
    <row r="126231" spans="1:7" x14ac:dyDescent="0.3">
      <c r="A126231" s="13" t="s">
        <v>582</v>
      </c>
      <c r="B126231" s="14" t="s">
        <v>1</v>
      </c>
      <c r="C126231" s="14" t="s">
        <v>252</v>
      </c>
      <c r="D126231" s="14" t="s">
        <v>193</v>
      </c>
      <c r="E126231" s="15">
        <v>45682</v>
      </c>
      <c r="F126231" s="14" t="s">
        <v>15</v>
      </c>
      <c r="G126231" s="16">
        <v>0</v>
      </c>
    </row>
    <row r="126232" spans="1:7" x14ac:dyDescent="0.3">
      <c r="A126232" s="13" t="s">
        <v>582</v>
      </c>
      <c r="B126232" s="14" t="s">
        <v>1</v>
      </c>
      <c r="C126232" s="14" t="s">
        <v>252</v>
      </c>
      <c r="D126232" s="14" t="s">
        <v>193</v>
      </c>
      <c r="E126232" s="15">
        <v>45683</v>
      </c>
      <c r="F126232" s="14" t="s">
        <v>15</v>
      </c>
      <c r="G126232" s="16">
        <v>0</v>
      </c>
    </row>
    <row r="126233" spans="1:7" x14ac:dyDescent="0.3">
      <c r="A126233" s="13" t="s">
        <v>582</v>
      </c>
      <c r="B126233" s="14" t="s">
        <v>1</v>
      </c>
      <c r="C126233" s="14" t="s">
        <v>252</v>
      </c>
      <c r="D126233" s="14" t="s">
        <v>193</v>
      </c>
      <c r="E126233" s="15">
        <v>45684</v>
      </c>
      <c r="F126233" s="14" t="s">
        <v>15</v>
      </c>
      <c r="G126233" s="16">
        <v>0</v>
      </c>
    </row>
    <row r="126234" spans="1:7" x14ac:dyDescent="0.3">
      <c r="A126234" s="13" t="s">
        <v>582</v>
      </c>
      <c r="B126234" s="14" t="s">
        <v>1</v>
      </c>
      <c r="C126234" s="14" t="s">
        <v>252</v>
      </c>
      <c r="D126234" s="14" t="s">
        <v>193</v>
      </c>
      <c r="E126234" s="15">
        <v>45685</v>
      </c>
      <c r="F126234" s="14" t="s">
        <v>15</v>
      </c>
      <c r="G126234" s="16">
        <v>0</v>
      </c>
    </row>
    <row r="126235" spans="1:7" x14ac:dyDescent="0.3">
      <c r="A126235" s="13" t="s">
        <v>582</v>
      </c>
      <c r="B126235" s="14" t="s">
        <v>1</v>
      </c>
      <c r="C126235" s="14" t="s">
        <v>252</v>
      </c>
      <c r="D126235" s="14" t="s">
        <v>193</v>
      </c>
      <c r="E126235" s="15">
        <v>45686</v>
      </c>
      <c r="F126235" s="14" t="s">
        <v>15</v>
      </c>
      <c r="G126235" s="16">
        <v>0</v>
      </c>
    </row>
    <row r="126236" spans="1:7" x14ac:dyDescent="0.3">
      <c r="A126236" s="13" t="s">
        <v>582</v>
      </c>
      <c r="B126236" s="14" t="s">
        <v>1</v>
      </c>
      <c r="C126236" s="14" t="s">
        <v>252</v>
      </c>
      <c r="D126236" s="14" t="s">
        <v>193</v>
      </c>
      <c r="E126236" s="15">
        <v>45687</v>
      </c>
      <c r="F126236" s="14" t="s">
        <v>15</v>
      </c>
      <c r="G126236" s="16">
        <v>0</v>
      </c>
    </row>
    <row r="126237" spans="1:7" x14ac:dyDescent="0.3">
      <c r="A126237" s="13" t="s">
        <v>582</v>
      </c>
      <c r="B126237" s="14" t="s">
        <v>1</v>
      </c>
      <c r="C126237" s="14" t="s">
        <v>252</v>
      </c>
      <c r="D126237" s="14" t="s">
        <v>193</v>
      </c>
      <c r="E126237" s="15">
        <v>45688</v>
      </c>
      <c r="F126237" s="14" t="s">
        <v>15</v>
      </c>
      <c r="G126237" s="16">
        <v>0</v>
      </c>
    </row>
    <row r="126238" spans="1:7" x14ac:dyDescent="0.3">
      <c r="A126238" s="13" t="s">
        <v>582</v>
      </c>
      <c r="B126238" s="14" t="s">
        <v>1</v>
      </c>
      <c r="C126238" s="14" t="s">
        <v>252</v>
      </c>
      <c r="D126238" s="14" t="s">
        <v>193</v>
      </c>
      <c r="E126238" s="15">
        <v>45689</v>
      </c>
      <c r="F126238" s="14" t="s">
        <v>15</v>
      </c>
      <c r="G126238" s="16">
        <v>0</v>
      </c>
    </row>
    <row r="126239" spans="1:7" x14ac:dyDescent="0.3">
      <c r="A126239" s="13" t="s">
        <v>582</v>
      </c>
      <c r="B126239" s="14" t="s">
        <v>1</v>
      </c>
      <c r="C126239" s="14" t="s">
        <v>252</v>
      </c>
      <c r="D126239" s="14" t="s">
        <v>193</v>
      </c>
      <c r="E126239" s="15">
        <v>45690</v>
      </c>
      <c r="F126239" s="14" t="s">
        <v>15</v>
      </c>
      <c r="G126239" s="16">
        <v>0</v>
      </c>
    </row>
    <row r="126240" spans="1:7" x14ac:dyDescent="0.3">
      <c r="A126240" s="13" t="s">
        <v>582</v>
      </c>
      <c r="B126240" s="14" t="s">
        <v>1</v>
      </c>
      <c r="C126240" s="14" t="s">
        <v>252</v>
      </c>
      <c r="D126240" s="14" t="s">
        <v>193</v>
      </c>
      <c r="E126240" s="15">
        <v>45691</v>
      </c>
      <c r="F126240" s="14" t="s">
        <v>15</v>
      </c>
      <c r="G126240" s="16">
        <v>0</v>
      </c>
    </row>
    <row r="126241" spans="1:7" x14ac:dyDescent="0.3">
      <c r="A126241" s="13" t="s">
        <v>582</v>
      </c>
      <c r="B126241" s="14" t="s">
        <v>1</v>
      </c>
      <c r="C126241" s="14" t="s">
        <v>252</v>
      </c>
      <c r="D126241" s="14" t="s">
        <v>193</v>
      </c>
      <c r="E126241" s="15">
        <v>45692</v>
      </c>
      <c r="F126241" s="14" t="s">
        <v>15</v>
      </c>
      <c r="G126241" s="16">
        <v>0</v>
      </c>
    </row>
    <row r="126242" spans="1:7" x14ac:dyDescent="0.3">
      <c r="A126242" s="13" t="s">
        <v>582</v>
      </c>
      <c r="B126242" s="14" t="s">
        <v>1</v>
      </c>
      <c r="C126242" s="14" t="s">
        <v>252</v>
      </c>
      <c r="D126242" s="14" t="s">
        <v>193</v>
      </c>
      <c r="E126242" s="15">
        <v>45693</v>
      </c>
      <c r="F126242" s="14" t="s">
        <v>15</v>
      </c>
      <c r="G126242" s="16">
        <v>0</v>
      </c>
    </row>
    <row r="126243" spans="1:7" x14ac:dyDescent="0.3">
      <c r="A126243" s="13" t="s">
        <v>582</v>
      </c>
      <c r="B126243" s="14" t="s">
        <v>1</v>
      </c>
      <c r="C126243" s="14" t="s">
        <v>252</v>
      </c>
      <c r="D126243" s="14" t="s">
        <v>193</v>
      </c>
      <c r="E126243" s="15">
        <v>45694</v>
      </c>
      <c r="F126243" s="14" t="s">
        <v>15</v>
      </c>
      <c r="G126243" s="16">
        <v>0</v>
      </c>
    </row>
    <row r="126244" spans="1:7" x14ac:dyDescent="0.3">
      <c r="A126244" s="13" t="s">
        <v>582</v>
      </c>
      <c r="B126244" s="14" t="s">
        <v>1</v>
      </c>
      <c r="C126244" s="14" t="s">
        <v>252</v>
      </c>
      <c r="D126244" s="14" t="s">
        <v>193</v>
      </c>
      <c r="E126244" s="15">
        <v>45695</v>
      </c>
      <c r="F126244" s="14" t="s">
        <v>15</v>
      </c>
      <c r="G126244" s="16">
        <v>0</v>
      </c>
    </row>
    <row r="126245" spans="1:7" x14ac:dyDescent="0.3">
      <c r="A126245" s="13" t="s">
        <v>582</v>
      </c>
      <c r="B126245" s="14" t="s">
        <v>1</v>
      </c>
      <c r="C126245" s="14" t="s">
        <v>252</v>
      </c>
      <c r="D126245" s="14" t="s">
        <v>193</v>
      </c>
      <c r="E126245" s="15">
        <v>45696</v>
      </c>
      <c r="F126245" s="14" t="s">
        <v>15</v>
      </c>
      <c r="G126245" s="16">
        <v>0</v>
      </c>
    </row>
    <row r="126246" spans="1:7" x14ac:dyDescent="0.3">
      <c r="A126246" s="13" t="s">
        <v>582</v>
      </c>
      <c r="B126246" s="14" t="s">
        <v>1</v>
      </c>
      <c r="C126246" s="14" t="s">
        <v>252</v>
      </c>
      <c r="D126246" s="14" t="s">
        <v>193</v>
      </c>
      <c r="E126246" s="15">
        <v>45697</v>
      </c>
      <c r="F126246" s="14" t="s">
        <v>15</v>
      </c>
      <c r="G126246" s="16">
        <v>0</v>
      </c>
    </row>
    <row r="126247" spans="1:7" x14ac:dyDescent="0.3">
      <c r="A126247" s="13" t="s">
        <v>582</v>
      </c>
      <c r="B126247" s="14" t="s">
        <v>1</v>
      </c>
      <c r="C126247" s="14" t="s">
        <v>252</v>
      </c>
      <c r="D126247" s="14" t="s">
        <v>193</v>
      </c>
      <c r="E126247" s="15">
        <v>45698</v>
      </c>
      <c r="F126247" s="14" t="s">
        <v>15</v>
      </c>
      <c r="G126247" s="16">
        <v>0</v>
      </c>
    </row>
    <row r="126248" spans="1:7" x14ac:dyDescent="0.3">
      <c r="A126248" s="13" t="s">
        <v>582</v>
      </c>
      <c r="B126248" s="14" t="s">
        <v>1</v>
      </c>
      <c r="C126248" s="14" t="s">
        <v>252</v>
      </c>
      <c r="D126248" s="14" t="s">
        <v>193</v>
      </c>
      <c r="E126248" s="15">
        <v>45699</v>
      </c>
      <c r="F126248" s="14" t="s">
        <v>15</v>
      </c>
      <c r="G126248" s="16">
        <v>0</v>
      </c>
    </row>
    <row r="126249" spans="1:7" x14ac:dyDescent="0.3">
      <c r="A126249" s="13" t="s">
        <v>582</v>
      </c>
      <c r="B126249" s="14" t="s">
        <v>1</v>
      </c>
      <c r="C126249" s="14" t="s">
        <v>252</v>
      </c>
      <c r="D126249" s="14" t="s">
        <v>193</v>
      </c>
      <c r="E126249" s="15">
        <v>45700</v>
      </c>
      <c r="F126249" s="14" t="s">
        <v>15</v>
      </c>
      <c r="G126249" s="16">
        <v>0</v>
      </c>
    </row>
    <row r="126250" spans="1:7" x14ac:dyDescent="0.3">
      <c r="A126250" s="13" t="s">
        <v>582</v>
      </c>
      <c r="B126250" s="14" t="s">
        <v>1</v>
      </c>
      <c r="C126250" s="14" t="s">
        <v>252</v>
      </c>
      <c r="D126250" s="14" t="s">
        <v>193</v>
      </c>
      <c r="E126250" s="15">
        <v>45701</v>
      </c>
      <c r="F126250" s="14" t="s">
        <v>15</v>
      </c>
      <c r="G126250" s="16">
        <v>0</v>
      </c>
    </row>
    <row r="126251" spans="1:7" x14ac:dyDescent="0.3">
      <c r="A126251" s="13" t="s">
        <v>582</v>
      </c>
      <c r="B126251" s="14" t="s">
        <v>1</v>
      </c>
      <c r="C126251" s="14" t="s">
        <v>252</v>
      </c>
      <c r="D126251" s="14" t="s">
        <v>193</v>
      </c>
      <c r="E126251" s="15">
        <v>45702</v>
      </c>
      <c r="F126251" s="14" t="s">
        <v>15</v>
      </c>
      <c r="G126251" s="16">
        <v>0</v>
      </c>
    </row>
    <row r="126252" spans="1:7" x14ac:dyDescent="0.3">
      <c r="A126252" s="13" t="s">
        <v>582</v>
      </c>
      <c r="B126252" s="14" t="s">
        <v>1</v>
      </c>
      <c r="C126252" s="14" t="s">
        <v>252</v>
      </c>
      <c r="D126252" s="14" t="s">
        <v>193</v>
      </c>
      <c r="E126252" s="15">
        <v>45703</v>
      </c>
      <c r="F126252" s="14" t="s">
        <v>15</v>
      </c>
      <c r="G126252" s="16">
        <v>0</v>
      </c>
    </row>
    <row r="126253" spans="1:7" x14ac:dyDescent="0.3">
      <c r="A126253" s="13" t="s">
        <v>582</v>
      </c>
      <c r="B126253" s="14" t="s">
        <v>1</v>
      </c>
      <c r="C126253" s="14" t="s">
        <v>252</v>
      </c>
      <c r="D126253" s="14" t="s">
        <v>193</v>
      </c>
      <c r="E126253" s="15">
        <v>45704</v>
      </c>
      <c r="F126253" s="14" t="s">
        <v>15</v>
      </c>
      <c r="G126253" s="16">
        <v>0</v>
      </c>
    </row>
    <row r="126254" spans="1:7" x14ac:dyDescent="0.3">
      <c r="A126254" s="13" t="s">
        <v>582</v>
      </c>
      <c r="B126254" s="14" t="s">
        <v>1</v>
      </c>
      <c r="C126254" s="14" t="s">
        <v>252</v>
      </c>
      <c r="D126254" s="14" t="s">
        <v>193</v>
      </c>
      <c r="E126254" s="15">
        <v>45705</v>
      </c>
      <c r="F126254" s="14" t="s">
        <v>15</v>
      </c>
      <c r="G126254" s="16">
        <v>0</v>
      </c>
    </row>
    <row r="126255" spans="1:7" x14ac:dyDescent="0.3">
      <c r="A126255" s="13" t="s">
        <v>582</v>
      </c>
      <c r="B126255" s="14" t="s">
        <v>1</v>
      </c>
      <c r="C126255" s="14" t="s">
        <v>252</v>
      </c>
      <c r="D126255" s="14" t="s">
        <v>193</v>
      </c>
      <c r="E126255" s="15">
        <v>45706</v>
      </c>
      <c r="F126255" s="14" t="s">
        <v>15</v>
      </c>
      <c r="G126255" s="16">
        <v>0</v>
      </c>
    </row>
    <row r="126256" spans="1:7" x14ac:dyDescent="0.3">
      <c r="A126256" s="13" t="s">
        <v>582</v>
      </c>
      <c r="B126256" s="14" t="s">
        <v>1</v>
      </c>
      <c r="C126256" s="14" t="s">
        <v>252</v>
      </c>
      <c r="D126256" s="14" t="s">
        <v>193</v>
      </c>
      <c r="E126256" s="15">
        <v>45707</v>
      </c>
      <c r="F126256" s="14" t="s">
        <v>15</v>
      </c>
      <c r="G126256" s="16">
        <v>0</v>
      </c>
    </row>
    <row r="126257" spans="1:7" x14ac:dyDescent="0.3">
      <c r="A126257" s="13" t="s">
        <v>582</v>
      </c>
      <c r="B126257" s="14" t="s">
        <v>1</v>
      </c>
      <c r="C126257" s="14" t="s">
        <v>252</v>
      </c>
      <c r="D126257" s="14" t="s">
        <v>193</v>
      </c>
      <c r="E126257" s="15">
        <v>45708</v>
      </c>
      <c r="F126257" s="14" t="s">
        <v>15</v>
      </c>
      <c r="G126257" s="16">
        <v>0</v>
      </c>
    </row>
    <row r="126258" spans="1:7" x14ac:dyDescent="0.3">
      <c r="A126258" s="13" t="s">
        <v>582</v>
      </c>
      <c r="B126258" s="14" t="s">
        <v>1</v>
      </c>
      <c r="C126258" s="14" t="s">
        <v>252</v>
      </c>
      <c r="D126258" s="14" t="s">
        <v>193</v>
      </c>
      <c r="E126258" s="15">
        <v>45709</v>
      </c>
      <c r="F126258" s="14" t="s">
        <v>15</v>
      </c>
      <c r="G126258" s="16">
        <v>0</v>
      </c>
    </row>
    <row r="126259" spans="1:7" x14ac:dyDescent="0.3">
      <c r="A126259" s="13" t="s">
        <v>582</v>
      </c>
      <c r="B126259" s="14" t="s">
        <v>1</v>
      </c>
      <c r="C126259" s="14" t="s">
        <v>252</v>
      </c>
      <c r="D126259" s="14" t="s">
        <v>193</v>
      </c>
      <c r="E126259" s="15">
        <v>45710</v>
      </c>
      <c r="F126259" s="14" t="s">
        <v>15</v>
      </c>
      <c r="G126259" s="16">
        <v>0</v>
      </c>
    </row>
    <row r="126260" spans="1:7" x14ac:dyDescent="0.3">
      <c r="A126260" s="13" t="s">
        <v>582</v>
      </c>
      <c r="B126260" s="14" t="s">
        <v>1</v>
      </c>
      <c r="C126260" s="14" t="s">
        <v>252</v>
      </c>
      <c r="D126260" s="14" t="s">
        <v>193</v>
      </c>
      <c r="E126260" s="15">
        <v>45711</v>
      </c>
      <c r="F126260" s="14" t="s">
        <v>15</v>
      </c>
      <c r="G126260" s="16">
        <v>0</v>
      </c>
    </row>
    <row r="126261" spans="1:7" x14ac:dyDescent="0.3">
      <c r="A126261" s="13" t="s">
        <v>582</v>
      </c>
      <c r="B126261" s="14" t="s">
        <v>1</v>
      </c>
      <c r="C126261" s="14" t="s">
        <v>252</v>
      </c>
      <c r="D126261" s="14" t="s">
        <v>193</v>
      </c>
      <c r="E126261" s="15">
        <v>45712</v>
      </c>
      <c r="F126261" s="14" t="s">
        <v>15</v>
      </c>
      <c r="G126261" s="16">
        <v>0</v>
      </c>
    </row>
    <row r="126262" spans="1:7" x14ac:dyDescent="0.3">
      <c r="A126262" s="13" t="s">
        <v>582</v>
      </c>
      <c r="B126262" s="14" t="s">
        <v>1</v>
      </c>
      <c r="C126262" s="14" t="s">
        <v>252</v>
      </c>
      <c r="D126262" s="14" t="s">
        <v>193</v>
      </c>
      <c r="E126262" s="15">
        <v>45713</v>
      </c>
      <c r="F126262" s="14" t="s">
        <v>15</v>
      </c>
      <c r="G126262" s="16">
        <v>0</v>
      </c>
    </row>
    <row r="126263" spans="1:7" x14ac:dyDescent="0.3">
      <c r="A126263" s="13" t="s">
        <v>582</v>
      </c>
      <c r="B126263" s="14" t="s">
        <v>1</v>
      </c>
      <c r="C126263" s="14" t="s">
        <v>252</v>
      </c>
      <c r="D126263" s="14" t="s">
        <v>193</v>
      </c>
      <c r="E126263" s="15">
        <v>45714</v>
      </c>
      <c r="F126263" s="14" t="s">
        <v>15</v>
      </c>
      <c r="G126263" s="16">
        <v>0</v>
      </c>
    </row>
    <row r="126264" spans="1:7" x14ac:dyDescent="0.3">
      <c r="A126264" s="13" t="s">
        <v>582</v>
      </c>
      <c r="B126264" s="14" t="s">
        <v>1</v>
      </c>
      <c r="C126264" s="14" t="s">
        <v>252</v>
      </c>
      <c r="D126264" s="14" t="s">
        <v>193</v>
      </c>
      <c r="E126264" s="15">
        <v>45715</v>
      </c>
      <c r="F126264" s="14" t="s">
        <v>15</v>
      </c>
      <c r="G126264" s="16">
        <v>0</v>
      </c>
    </row>
    <row r="126265" spans="1:7" x14ac:dyDescent="0.3">
      <c r="A126265" s="13" t="s">
        <v>582</v>
      </c>
      <c r="B126265" s="14" t="s">
        <v>1</v>
      </c>
      <c r="C126265" s="14" t="s">
        <v>252</v>
      </c>
      <c r="D126265" s="14" t="s">
        <v>193</v>
      </c>
      <c r="E126265" s="15">
        <v>45716</v>
      </c>
      <c r="F126265" s="14" t="s">
        <v>15</v>
      </c>
      <c r="G126265" s="16">
        <v>0</v>
      </c>
    </row>
    <row r="126266" spans="1:7" x14ac:dyDescent="0.3">
      <c r="A126266" s="13" t="s">
        <v>582</v>
      </c>
      <c r="B126266" s="14" t="s">
        <v>1</v>
      </c>
      <c r="C126266" s="14" t="s">
        <v>252</v>
      </c>
      <c r="D126266" s="14" t="s">
        <v>193</v>
      </c>
      <c r="E126266" s="15">
        <v>45717</v>
      </c>
      <c r="F126266" s="14" t="s">
        <v>15</v>
      </c>
      <c r="G126266" s="16">
        <v>0</v>
      </c>
    </row>
    <row r="126267" spans="1:7" x14ac:dyDescent="0.3">
      <c r="A126267" s="13" t="s">
        <v>582</v>
      </c>
      <c r="B126267" s="14" t="s">
        <v>1</v>
      </c>
      <c r="C126267" s="14" t="s">
        <v>252</v>
      </c>
      <c r="D126267" s="14" t="s">
        <v>193</v>
      </c>
      <c r="E126267" s="15">
        <v>45718</v>
      </c>
      <c r="F126267" s="14" t="s">
        <v>15</v>
      </c>
      <c r="G126267" s="16">
        <v>0</v>
      </c>
    </row>
    <row r="126268" spans="1:7" x14ac:dyDescent="0.3">
      <c r="A126268" s="13" t="s">
        <v>582</v>
      </c>
      <c r="B126268" s="14" t="s">
        <v>1</v>
      </c>
      <c r="C126268" s="14" t="s">
        <v>252</v>
      </c>
      <c r="D126268" s="14" t="s">
        <v>193</v>
      </c>
      <c r="E126268" s="15">
        <v>45719</v>
      </c>
      <c r="F126268" s="14" t="s">
        <v>15</v>
      </c>
      <c r="G126268" s="16">
        <v>0</v>
      </c>
    </row>
    <row r="126269" spans="1:7" x14ac:dyDescent="0.3">
      <c r="A126269" s="13" t="s">
        <v>582</v>
      </c>
      <c r="B126269" s="14" t="s">
        <v>1</v>
      </c>
      <c r="C126269" s="14" t="s">
        <v>252</v>
      </c>
      <c r="D126269" s="14" t="s">
        <v>193</v>
      </c>
      <c r="E126269" s="15">
        <v>45720</v>
      </c>
      <c r="F126269" s="14" t="s">
        <v>15</v>
      </c>
      <c r="G126269" s="16">
        <v>0</v>
      </c>
    </row>
    <row r="126270" spans="1:7" x14ac:dyDescent="0.3">
      <c r="A126270" s="13" t="s">
        <v>582</v>
      </c>
      <c r="B126270" s="14" t="s">
        <v>1</v>
      </c>
      <c r="C126270" s="14" t="s">
        <v>252</v>
      </c>
      <c r="D126270" s="14" t="s">
        <v>193</v>
      </c>
      <c r="E126270" s="15">
        <v>45721</v>
      </c>
      <c r="F126270" s="14" t="s">
        <v>15</v>
      </c>
      <c r="G126270" s="16">
        <v>0</v>
      </c>
    </row>
    <row r="126271" spans="1:7" x14ac:dyDescent="0.3">
      <c r="A126271" s="13" t="s">
        <v>582</v>
      </c>
      <c r="B126271" s="14" t="s">
        <v>1</v>
      </c>
      <c r="C126271" s="14" t="s">
        <v>252</v>
      </c>
      <c r="D126271" s="14" t="s">
        <v>193</v>
      </c>
      <c r="E126271" s="15">
        <v>45722</v>
      </c>
      <c r="F126271" s="14" t="s">
        <v>15</v>
      </c>
      <c r="G126271" s="16">
        <v>0</v>
      </c>
    </row>
    <row r="126272" spans="1:7" x14ac:dyDescent="0.3">
      <c r="A126272" s="13" t="s">
        <v>582</v>
      </c>
      <c r="B126272" s="14" t="s">
        <v>1</v>
      </c>
      <c r="C126272" s="14" t="s">
        <v>252</v>
      </c>
      <c r="D126272" s="14" t="s">
        <v>193</v>
      </c>
      <c r="E126272" s="15">
        <v>45723</v>
      </c>
      <c r="F126272" s="14" t="s">
        <v>15</v>
      </c>
      <c r="G126272" s="16">
        <v>0</v>
      </c>
    </row>
    <row r="126273" spans="1:7" x14ac:dyDescent="0.3">
      <c r="A126273" s="13" t="s">
        <v>582</v>
      </c>
      <c r="B126273" s="14" t="s">
        <v>1</v>
      </c>
      <c r="C126273" s="14" t="s">
        <v>252</v>
      </c>
      <c r="D126273" s="14" t="s">
        <v>193</v>
      </c>
      <c r="E126273" s="15">
        <v>45724</v>
      </c>
      <c r="F126273" s="14" t="s">
        <v>15</v>
      </c>
      <c r="G126273" s="16">
        <v>0</v>
      </c>
    </row>
    <row r="126274" spans="1:7" x14ac:dyDescent="0.3">
      <c r="A126274" s="13" t="s">
        <v>582</v>
      </c>
      <c r="B126274" s="14" t="s">
        <v>1</v>
      </c>
      <c r="C126274" s="14" t="s">
        <v>252</v>
      </c>
      <c r="D126274" s="14" t="s">
        <v>193</v>
      </c>
      <c r="E126274" s="15">
        <v>45725</v>
      </c>
      <c r="F126274" s="14" t="s">
        <v>15</v>
      </c>
      <c r="G126274" s="16">
        <v>0</v>
      </c>
    </row>
    <row r="126275" spans="1:7" x14ac:dyDescent="0.3">
      <c r="A126275" s="13" t="s">
        <v>582</v>
      </c>
      <c r="B126275" s="14" t="s">
        <v>1</v>
      </c>
      <c r="C126275" s="14" t="s">
        <v>252</v>
      </c>
      <c r="D126275" s="14" t="s">
        <v>193</v>
      </c>
      <c r="E126275" s="15">
        <v>45726</v>
      </c>
      <c r="F126275" s="14" t="s">
        <v>15</v>
      </c>
      <c r="G126275" s="16">
        <v>0</v>
      </c>
    </row>
    <row r="126276" spans="1:7" x14ac:dyDescent="0.3">
      <c r="A126276" s="13" t="s">
        <v>582</v>
      </c>
      <c r="B126276" s="14" t="s">
        <v>1</v>
      </c>
      <c r="C126276" s="14" t="s">
        <v>252</v>
      </c>
      <c r="D126276" s="14" t="s">
        <v>193</v>
      </c>
      <c r="E126276" s="15">
        <v>45727</v>
      </c>
      <c r="F126276" s="14" t="s">
        <v>15</v>
      </c>
      <c r="G126276" s="16">
        <v>0</v>
      </c>
    </row>
    <row r="126277" spans="1:7" x14ac:dyDescent="0.3">
      <c r="A126277" s="13" t="s">
        <v>582</v>
      </c>
      <c r="B126277" s="14" t="s">
        <v>1</v>
      </c>
      <c r="C126277" s="14" t="s">
        <v>252</v>
      </c>
      <c r="D126277" s="14" t="s">
        <v>193</v>
      </c>
      <c r="E126277" s="15">
        <v>45728</v>
      </c>
      <c r="F126277" s="14" t="s">
        <v>15</v>
      </c>
      <c r="G126277" s="16">
        <v>0</v>
      </c>
    </row>
    <row r="126278" spans="1:7" x14ac:dyDescent="0.3">
      <c r="A126278" s="13" t="s">
        <v>582</v>
      </c>
      <c r="B126278" s="14" t="s">
        <v>1</v>
      </c>
      <c r="C126278" s="14" t="s">
        <v>252</v>
      </c>
      <c r="D126278" s="14" t="s">
        <v>193</v>
      </c>
      <c r="E126278" s="15">
        <v>45729</v>
      </c>
      <c r="F126278" s="14" t="s">
        <v>15</v>
      </c>
      <c r="G126278" s="16">
        <v>0</v>
      </c>
    </row>
    <row r="126279" spans="1:7" x14ac:dyDescent="0.3">
      <c r="A126279" s="13" t="s">
        <v>582</v>
      </c>
      <c r="B126279" s="14" t="s">
        <v>1</v>
      </c>
      <c r="C126279" s="14" t="s">
        <v>252</v>
      </c>
      <c r="D126279" s="14" t="s">
        <v>193</v>
      </c>
      <c r="E126279" s="15">
        <v>45730</v>
      </c>
      <c r="F126279" s="14" t="s">
        <v>15</v>
      </c>
      <c r="G126279" s="16">
        <v>0</v>
      </c>
    </row>
    <row r="126280" spans="1:7" x14ac:dyDescent="0.3">
      <c r="A126280" s="13" t="s">
        <v>582</v>
      </c>
      <c r="B126280" s="14" t="s">
        <v>1</v>
      </c>
      <c r="C126280" s="14" t="s">
        <v>252</v>
      </c>
      <c r="D126280" s="14" t="s">
        <v>193</v>
      </c>
      <c r="E126280" s="15">
        <v>45731</v>
      </c>
      <c r="F126280" s="14" t="s">
        <v>15</v>
      </c>
      <c r="G126280" s="16">
        <v>0</v>
      </c>
    </row>
    <row r="126281" spans="1:7" x14ac:dyDescent="0.3">
      <c r="A126281" s="13" t="s">
        <v>582</v>
      </c>
      <c r="B126281" s="14" t="s">
        <v>1</v>
      </c>
      <c r="C126281" s="14" t="s">
        <v>252</v>
      </c>
      <c r="D126281" s="14" t="s">
        <v>193</v>
      </c>
      <c r="E126281" s="15">
        <v>45732</v>
      </c>
      <c r="F126281" s="14" t="s">
        <v>15</v>
      </c>
      <c r="G126281" s="16">
        <v>0</v>
      </c>
    </row>
    <row r="126282" spans="1:7" x14ac:dyDescent="0.3">
      <c r="A126282" s="13" t="s">
        <v>582</v>
      </c>
      <c r="B126282" s="14" t="s">
        <v>1</v>
      </c>
      <c r="C126282" s="14" t="s">
        <v>252</v>
      </c>
      <c r="D126282" s="14" t="s">
        <v>193</v>
      </c>
      <c r="E126282" s="15">
        <v>45733</v>
      </c>
      <c r="F126282" s="14" t="s">
        <v>15</v>
      </c>
      <c r="G126282" s="16">
        <v>0</v>
      </c>
    </row>
    <row r="126283" spans="1:7" x14ac:dyDescent="0.3">
      <c r="A126283" s="13" t="s">
        <v>582</v>
      </c>
      <c r="B126283" s="14" t="s">
        <v>1</v>
      </c>
      <c r="C126283" s="14" t="s">
        <v>252</v>
      </c>
      <c r="D126283" s="14" t="s">
        <v>193</v>
      </c>
      <c r="E126283" s="15">
        <v>45734</v>
      </c>
      <c r="F126283" s="14" t="s">
        <v>15</v>
      </c>
      <c r="G126283" s="16">
        <v>0</v>
      </c>
    </row>
    <row r="126284" spans="1:7" x14ac:dyDescent="0.3">
      <c r="A126284" s="13" t="s">
        <v>582</v>
      </c>
      <c r="B126284" s="14" t="s">
        <v>1</v>
      </c>
      <c r="C126284" s="14" t="s">
        <v>252</v>
      </c>
      <c r="D126284" s="14" t="s">
        <v>193</v>
      </c>
      <c r="E126284" s="15">
        <v>45735</v>
      </c>
      <c r="F126284" s="14" t="s">
        <v>15</v>
      </c>
      <c r="G126284" s="16">
        <v>0</v>
      </c>
    </row>
    <row r="126285" spans="1:7" x14ac:dyDescent="0.3">
      <c r="A126285" s="13" t="s">
        <v>582</v>
      </c>
      <c r="B126285" s="14" t="s">
        <v>1</v>
      </c>
      <c r="C126285" s="14" t="s">
        <v>252</v>
      </c>
      <c r="D126285" s="14" t="s">
        <v>193</v>
      </c>
      <c r="E126285" s="15">
        <v>45736</v>
      </c>
      <c r="F126285" s="14" t="s">
        <v>15</v>
      </c>
      <c r="G126285" s="16">
        <v>0</v>
      </c>
    </row>
    <row r="126286" spans="1:7" x14ac:dyDescent="0.3">
      <c r="A126286" s="13" t="s">
        <v>582</v>
      </c>
      <c r="B126286" s="14" t="s">
        <v>1</v>
      </c>
      <c r="C126286" s="14" t="s">
        <v>252</v>
      </c>
      <c r="D126286" s="14" t="s">
        <v>193</v>
      </c>
      <c r="E126286" s="15">
        <v>45737</v>
      </c>
      <c r="F126286" s="14" t="s">
        <v>15</v>
      </c>
      <c r="G126286" s="16">
        <v>0</v>
      </c>
    </row>
    <row r="126287" spans="1:7" x14ac:dyDescent="0.3">
      <c r="A126287" s="13" t="s">
        <v>582</v>
      </c>
      <c r="B126287" s="14" t="s">
        <v>1</v>
      </c>
      <c r="C126287" s="14" t="s">
        <v>252</v>
      </c>
      <c r="D126287" s="14" t="s">
        <v>193</v>
      </c>
      <c r="E126287" s="15">
        <v>45738</v>
      </c>
      <c r="F126287" s="14" t="s">
        <v>15</v>
      </c>
      <c r="G126287" s="16">
        <v>0</v>
      </c>
    </row>
    <row r="126288" spans="1:7" x14ac:dyDescent="0.3">
      <c r="A126288" s="13" t="s">
        <v>582</v>
      </c>
      <c r="B126288" s="14" t="s">
        <v>1</v>
      </c>
      <c r="C126288" s="14" t="s">
        <v>252</v>
      </c>
      <c r="D126288" s="14" t="s">
        <v>193</v>
      </c>
      <c r="E126288" s="15">
        <v>45739</v>
      </c>
      <c r="F126288" s="14" t="s">
        <v>15</v>
      </c>
      <c r="G126288" s="16">
        <v>0</v>
      </c>
    </row>
    <row r="126289" spans="1:7" x14ac:dyDescent="0.3">
      <c r="A126289" s="13" t="s">
        <v>582</v>
      </c>
      <c r="B126289" s="14" t="s">
        <v>1</v>
      </c>
      <c r="C126289" s="14" t="s">
        <v>252</v>
      </c>
      <c r="D126289" s="14" t="s">
        <v>193</v>
      </c>
      <c r="E126289" s="15">
        <v>45740</v>
      </c>
      <c r="F126289" s="14" t="s">
        <v>15</v>
      </c>
      <c r="G126289" s="16">
        <v>0</v>
      </c>
    </row>
    <row r="126290" spans="1:7" x14ac:dyDescent="0.3">
      <c r="A126290" s="13" t="s">
        <v>582</v>
      </c>
      <c r="B126290" s="14" t="s">
        <v>1</v>
      </c>
      <c r="C126290" s="14" t="s">
        <v>252</v>
      </c>
      <c r="D126290" s="14" t="s">
        <v>193</v>
      </c>
      <c r="E126290" s="15">
        <v>45741</v>
      </c>
      <c r="F126290" s="14" t="s">
        <v>15</v>
      </c>
      <c r="G126290" s="16">
        <v>0</v>
      </c>
    </row>
    <row r="126291" spans="1:7" x14ac:dyDescent="0.3">
      <c r="A126291" s="13" t="s">
        <v>582</v>
      </c>
      <c r="B126291" s="14" t="s">
        <v>1</v>
      </c>
      <c r="C126291" s="14" t="s">
        <v>252</v>
      </c>
      <c r="D126291" s="14" t="s">
        <v>193</v>
      </c>
      <c r="E126291" s="15">
        <v>45742</v>
      </c>
      <c r="F126291" s="14" t="s">
        <v>15</v>
      </c>
      <c r="G126291" s="16">
        <v>0</v>
      </c>
    </row>
    <row r="126292" spans="1:7" x14ac:dyDescent="0.3">
      <c r="A126292" s="13" t="s">
        <v>582</v>
      </c>
      <c r="B126292" s="14" t="s">
        <v>1</v>
      </c>
      <c r="C126292" s="14" t="s">
        <v>252</v>
      </c>
      <c r="D126292" s="14" t="s">
        <v>193</v>
      </c>
      <c r="E126292" s="15">
        <v>45743</v>
      </c>
      <c r="F126292" s="14" t="s">
        <v>15</v>
      </c>
      <c r="G126292" s="16">
        <v>0</v>
      </c>
    </row>
    <row r="126293" spans="1:7" x14ac:dyDescent="0.3">
      <c r="A126293" s="13" t="s">
        <v>582</v>
      </c>
      <c r="B126293" s="14" t="s">
        <v>1</v>
      </c>
      <c r="C126293" s="14" t="s">
        <v>252</v>
      </c>
      <c r="D126293" s="14" t="s">
        <v>193</v>
      </c>
      <c r="E126293" s="15">
        <v>45744</v>
      </c>
      <c r="F126293" s="14" t="s">
        <v>15</v>
      </c>
      <c r="G126293" s="16">
        <v>0</v>
      </c>
    </row>
    <row r="126294" spans="1:7" x14ac:dyDescent="0.3">
      <c r="A126294" s="13" t="s">
        <v>582</v>
      </c>
      <c r="B126294" s="14" t="s">
        <v>1</v>
      </c>
      <c r="C126294" s="14" t="s">
        <v>252</v>
      </c>
      <c r="D126294" s="14" t="s">
        <v>193</v>
      </c>
      <c r="E126294" s="15">
        <v>45745</v>
      </c>
      <c r="F126294" s="14" t="s">
        <v>15</v>
      </c>
      <c r="G126294" s="16">
        <v>0</v>
      </c>
    </row>
    <row r="126295" spans="1:7" x14ac:dyDescent="0.3">
      <c r="A126295" s="13" t="s">
        <v>582</v>
      </c>
      <c r="B126295" s="14" t="s">
        <v>1</v>
      </c>
      <c r="C126295" s="14" t="s">
        <v>252</v>
      </c>
      <c r="D126295" s="14" t="s">
        <v>193</v>
      </c>
      <c r="E126295" s="15">
        <v>45746</v>
      </c>
      <c r="F126295" s="14" t="s">
        <v>15</v>
      </c>
      <c r="G126295" s="16">
        <v>0</v>
      </c>
    </row>
    <row r="126296" spans="1:7" x14ac:dyDescent="0.3">
      <c r="A126296" s="13" t="s">
        <v>582</v>
      </c>
      <c r="B126296" s="14" t="s">
        <v>1</v>
      </c>
      <c r="C126296" s="14" t="s">
        <v>252</v>
      </c>
      <c r="D126296" s="14" t="s">
        <v>193</v>
      </c>
      <c r="E126296" s="15">
        <v>45747</v>
      </c>
      <c r="F126296" s="14" t="s">
        <v>15</v>
      </c>
      <c r="G126296" s="16">
        <v>0</v>
      </c>
    </row>
    <row r="126297" spans="1:7" x14ac:dyDescent="0.3">
      <c r="A126297" s="13" t="s">
        <v>583</v>
      </c>
      <c r="B126297" s="14" t="s">
        <v>1</v>
      </c>
      <c r="C126297" s="14" t="s">
        <v>252</v>
      </c>
      <c r="D126297" s="14" t="s">
        <v>18</v>
      </c>
      <c r="E126297" s="15">
        <v>45383</v>
      </c>
      <c r="F126297" s="14" t="s">
        <v>15</v>
      </c>
      <c r="G126297" s="16">
        <v>0</v>
      </c>
    </row>
    <row r="126298" spans="1:7" x14ac:dyDescent="0.3">
      <c r="A126298" s="13" t="s">
        <v>583</v>
      </c>
      <c r="B126298" s="14" t="s">
        <v>1</v>
      </c>
      <c r="C126298" s="14" t="s">
        <v>252</v>
      </c>
      <c r="D126298" s="14" t="s">
        <v>18</v>
      </c>
      <c r="E126298" s="15">
        <v>45384</v>
      </c>
      <c r="F126298" s="14" t="s">
        <v>15</v>
      </c>
      <c r="G126298" s="16">
        <v>0</v>
      </c>
    </row>
    <row r="126299" spans="1:7" x14ac:dyDescent="0.3">
      <c r="A126299" s="13" t="s">
        <v>583</v>
      </c>
      <c r="B126299" s="14" t="s">
        <v>1</v>
      </c>
      <c r="C126299" s="14" t="s">
        <v>252</v>
      </c>
      <c r="D126299" s="14" t="s">
        <v>18</v>
      </c>
      <c r="E126299" s="15">
        <v>45385</v>
      </c>
      <c r="F126299" s="14" t="s">
        <v>15</v>
      </c>
      <c r="G126299" s="16">
        <v>0</v>
      </c>
    </row>
    <row r="126300" spans="1:7" x14ac:dyDescent="0.3">
      <c r="A126300" s="13" t="s">
        <v>583</v>
      </c>
      <c r="B126300" s="14" t="s">
        <v>1</v>
      </c>
      <c r="C126300" s="14" t="s">
        <v>252</v>
      </c>
      <c r="D126300" s="14" t="s">
        <v>18</v>
      </c>
      <c r="E126300" s="15">
        <v>45386</v>
      </c>
      <c r="F126300" s="14" t="s">
        <v>15</v>
      </c>
      <c r="G126300" s="16">
        <v>0</v>
      </c>
    </row>
    <row r="126301" spans="1:7" x14ac:dyDescent="0.3">
      <c r="A126301" s="13" t="s">
        <v>583</v>
      </c>
      <c r="B126301" s="14" t="s">
        <v>1</v>
      </c>
      <c r="C126301" s="14" t="s">
        <v>252</v>
      </c>
      <c r="D126301" s="14" t="s">
        <v>18</v>
      </c>
      <c r="E126301" s="15">
        <v>45387</v>
      </c>
      <c r="F126301" s="14" t="s">
        <v>15</v>
      </c>
      <c r="G126301" s="16">
        <v>0</v>
      </c>
    </row>
    <row r="126302" spans="1:7" x14ac:dyDescent="0.3">
      <c r="A126302" s="13" t="s">
        <v>583</v>
      </c>
      <c r="B126302" s="14" t="s">
        <v>1</v>
      </c>
      <c r="C126302" s="14" t="s">
        <v>252</v>
      </c>
      <c r="D126302" s="14" t="s">
        <v>18</v>
      </c>
      <c r="E126302" s="15">
        <v>45388</v>
      </c>
      <c r="F126302" s="14" t="s">
        <v>15</v>
      </c>
      <c r="G126302" s="16">
        <v>0</v>
      </c>
    </row>
    <row r="126303" spans="1:7" x14ac:dyDescent="0.3">
      <c r="A126303" s="13" t="s">
        <v>583</v>
      </c>
      <c r="B126303" s="14" t="s">
        <v>1</v>
      </c>
      <c r="C126303" s="14" t="s">
        <v>252</v>
      </c>
      <c r="D126303" s="14" t="s">
        <v>18</v>
      </c>
      <c r="E126303" s="15">
        <v>45389</v>
      </c>
      <c r="F126303" s="14" t="s">
        <v>15</v>
      </c>
      <c r="G126303" s="16">
        <v>0</v>
      </c>
    </row>
    <row r="126304" spans="1:7" x14ac:dyDescent="0.3">
      <c r="A126304" s="13" t="s">
        <v>583</v>
      </c>
      <c r="B126304" s="14" t="s">
        <v>1</v>
      </c>
      <c r="C126304" s="14" t="s">
        <v>252</v>
      </c>
      <c r="D126304" s="14" t="s">
        <v>18</v>
      </c>
      <c r="E126304" s="15">
        <v>45390</v>
      </c>
      <c r="F126304" s="14" t="s">
        <v>15</v>
      </c>
      <c r="G126304" s="16">
        <v>0</v>
      </c>
    </row>
    <row r="126305" spans="1:7" x14ac:dyDescent="0.3">
      <c r="A126305" s="13" t="s">
        <v>583</v>
      </c>
      <c r="B126305" s="14" t="s">
        <v>1</v>
      </c>
      <c r="C126305" s="14" t="s">
        <v>252</v>
      </c>
      <c r="D126305" s="14" t="s">
        <v>18</v>
      </c>
      <c r="E126305" s="15">
        <v>45391</v>
      </c>
      <c r="F126305" s="14" t="s">
        <v>15</v>
      </c>
      <c r="G126305" s="16">
        <v>0</v>
      </c>
    </row>
    <row r="126306" spans="1:7" x14ac:dyDescent="0.3">
      <c r="A126306" s="13" t="s">
        <v>583</v>
      </c>
      <c r="B126306" s="14" t="s">
        <v>1</v>
      </c>
      <c r="C126306" s="14" t="s">
        <v>252</v>
      </c>
      <c r="D126306" s="14" t="s">
        <v>18</v>
      </c>
      <c r="E126306" s="15">
        <v>45392</v>
      </c>
      <c r="F126306" s="14" t="s">
        <v>15</v>
      </c>
      <c r="G126306" s="16">
        <v>0</v>
      </c>
    </row>
    <row r="126307" spans="1:7" x14ac:dyDescent="0.3">
      <c r="A126307" s="13" t="s">
        <v>583</v>
      </c>
      <c r="B126307" s="14" t="s">
        <v>1</v>
      </c>
      <c r="C126307" s="14" t="s">
        <v>252</v>
      </c>
      <c r="D126307" s="14" t="s">
        <v>18</v>
      </c>
      <c r="E126307" s="15">
        <v>45393</v>
      </c>
      <c r="F126307" s="14" t="s">
        <v>15</v>
      </c>
      <c r="G126307" s="16">
        <v>0</v>
      </c>
    </row>
    <row r="126308" spans="1:7" x14ac:dyDescent="0.3">
      <c r="A126308" s="13" t="s">
        <v>583</v>
      </c>
      <c r="B126308" s="14" t="s">
        <v>1</v>
      </c>
      <c r="C126308" s="14" t="s">
        <v>252</v>
      </c>
      <c r="D126308" s="14" t="s">
        <v>18</v>
      </c>
      <c r="E126308" s="15">
        <v>45394</v>
      </c>
      <c r="F126308" s="14" t="s">
        <v>15</v>
      </c>
      <c r="G126308" s="16">
        <v>0</v>
      </c>
    </row>
    <row r="126309" spans="1:7" x14ac:dyDescent="0.3">
      <c r="A126309" s="13" t="s">
        <v>583</v>
      </c>
      <c r="B126309" s="14" t="s">
        <v>1</v>
      </c>
      <c r="C126309" s="14" t="s">
        <v>252</v>
      </c>
      <c r="D126309" s="14" t="s">
        <v>18</v>
      </c>
      <c r="E126309" s="15">
        <v>45395</v>
      </c>
      <c r="F126309" s="14" t="s">
        <v>15</v>
      </c>
      <c r="G126309" s="16">
        <v>0</v>
      </c>
    </row>
    <row r="126310" spans="1:7" x14ac:dyDescent="0.3">
      <c r="A126310" s="13" t="s">
        <v>583</v>
      </c>
      <c r="B126310" s="14" t="s">
        <v>1</v>
      </c>
      <c r="C126310" s="14" t="s">
        <v>252</v>
      </c>
      <c r="D126310" s="14" t="s">
        <v>18</v>
      </c>
      <c r="E126310" s="15">
        <v>45396</v>
      </c>
      <c r="F126310" s="14" t="s">
        <v>15</v>
      </c>
      <c r="G126310" s="16">
        <v>0</v>
      </c>
    </row>
    <row r="126311" spans="1:7" x14ac:dyDescent="0.3">
      <c r="A126311" s="13" t="s">
        <v>583</v>
      </c>
      <c r="B126311" s="14" t="s">
        <v>1</v>
      </c>
      <c r="C126311" s="14" t="s">
        <v>252</v>
      </c>
      <c r="D126311" s="14" t="s">
        <v>18</v>
      </c>
      <c r="E126311" s="15">
        <v>45397</v>
      </c>
      <c r="F126311" s="14" t="s">
        <v>15</v>
      </c>
      <c r="G126311" s="16">
        <v>0</v>
      </c>
    </row>
    <row r="126312" spans="1:7" x14ac:dyDescent="0.3">
      <c r="A126312" s="13" t="s">
        <v>583</v>
      </c>
      <c r="B126312" s="14" t="s">
        <v>1</v>
      </c>
      <c r="C126312" s="14" t="s">
        <v>252</v>
      </c>
      <c r="D126312" s="14" t="s">
        <v>18</v>
      </c>
      <c r="E126312" s="15">
        <v>45398</v>
      </c>
      <c r="F126312" s="14" t="s">
        <v>15</v>
      </c>
      <c r="G126312" s="16">
        <v>0</v>
      </c>
    </row>
    <row r="126313" spans="1:7" x14ac:dyDescent="0.3">
      <c r="A126313" s="13" t="s">
        <v>583</v>
      </c>
      <c r="B126313" s="14" t="s">
        <v>1</v>
      </c>
      <c r="C126313" s="14" t="s">
        <v>252</v>
      </c>
      <c r="D126313" s="14" t="s">
        <v>18</v>
      </c>
      <c r="E126313" s="15">
        <v>45399</v>
      </c>
      <c r="F126313" s="14" t="s">
        <v>15</v>
      </c>
      <c r="G126313" s="16">
        <v>0</v>
      </c>
    </row>
    <row r="126314" spans="1:7" x14ac:dyDescent="0.3">
      <c r="A126314" s="13" t="s">
        <v>583</v>
      </c>
      <c r="B126314" s="14" t="s">
        <v>1</v>
      </c>
      <c r="C126314" s="14" t="s">
        <v>252</v>
      </c>
      <c r="D126314" s="14" t="s">
        <v>18</v>
      </c>
      <c r="E126314" s="15">
        <v>45400</v>
      </c>
      <c r="F126314" s="14" t="s">
        <v>15</v>
      </c>
      <c r="G126314" s="16">
        <v>0</v>
      </c>
    </row>
    <row r="126315" spans="1:7" x14ac:dyDescent="0.3">
      <c r="A126315" s="13" t="s">
        <v>583</v>
      </c>
      <c r="B126315" s="14" t="s">
        <v>1</v>
      </c>
      <c r="C126315" s="14" t="s">
        <v>252</v>
      </c>
      <c r="D126315" s="14" t="s">
        <v>18</v>
      </c>
      <c r="E126315" s="15">
        <v>45401</v>
      </c>
      <c r="F126315" s="14" t="s">
        <v>15</v>
      </c>
      <c r="G126315" s="16">
        <v>0</v>
      </c>
    </row>
    <row r="126316" spans="1:7" x14ac:dyDescent="0.3">
      <c r="A126316" s="13" t="s">
        <v>583</v>
      </c>
      <c r="B126316" s="14" t="s">
        <v>1</v>
      </c>
      <c r="C126316" s="14" t="s">
        <v>252</v>
      </c>
      <c r="D126316" s="14" t="s">
        <v>18</v>
      </c>
      <c r="E126316" s="15">
        <v>45402</v>
      </c>
      <c r="F126316" s="14" t="s">
        <v>15</v>
      </c>
      <c r="G126316" s="16">
        <v>0</v>
      </c>
    </row>
    <row r="126317" spans="1:7" x14ac:dyDescent="0.3">
      <c r="A126317" s="13" t="s">
        <v>583</v>
      </c>
      <c r="B126317" s="14" t="s">
        <v>1</v>
      </c>
      <c r="C126317" s="14" t="s">
        <v>252</v>
      </c>
      <c r="D126317" s="14" t="s">
        <v>18</v>
      </c>
      <c r="E126317" s="15">
        <v>45403</v>
      </c>
      <c r="F126317" s="14" t="s">
        <v>15</v>
      </c>
      <c r="G126317" s="16">
        <v>0</v>
      </c>
    </row>
    <row r="126318" spans="1:7" x14ac:dyDescent="0.3">
      <c r="A126318" s="13" t="s">
        <v>583</v>
      </c>
      <c r="B126318" s="14" t="s">
        <v>1</v>
      </c>
      <c r="C126318" s="14" t="s">
        <v>252</v>
      </c>
      <c r="D126318" s="14" t="s">
        <v>18</v>
      </c>
      <c r="E126318" s="15">
        <v>45404</v>
      </c>
      <c r="F126318" s="14" t="s">
        <v>15</v>
      </c>
      <c r="G126318" s="16">
        <v>0</v>
      </c>
    </row>
    <row r="126319" spans="1:7" x14ac:dyDescent="0.3">
      <c r="A126319" s="13" t="s">
        <v>583</v>
      </c>
      <c r="B126319" s="14" t="s">
        <v>1</v>
      </c>
      <c r="C126319" s="14" t="s">
        <v>252</v>
      </c>
      <c r="D126319" s="14" t="s">
        <v>18</v>
      </c>
      <c r="E126319" s="15">
        <v>45405</v>
      </c>
      <c r="F126319" s="14" t="s">
        <v>15</v>
      </c>
      <c r="G126319" s="16">
        <v>0</v>
      </c>
    </row>
    <row r="126320" spans="1:7" x14ac:dyDescent="0.3">
      <c r="A126320" s="13" t="s">
        <v>583</v>
      </c>
      <c r="B126320" s="14" t="s">
        <v>1</v>
      </c>
      <c r="C126320" s="14" t="s">
        <v>252</v>
      </c>
      <c r="D126320" s="14" t="s">
        <v>18</v>
      </c>
      <c r="E126320" s="15">
        <v>45406</v>
      </c>
      <c r="F126320" s="14" t="s">
        <v>15</v>
      </c>
      <c r="G126320" s="16">
        <v>0</v>
      </c>
    </row>
    <row r="126321" spans="1:7" x14ac:dyDescent="0.3">
      <c r="A126321" s="13" t="s">
        <v>583</v>
      </c>
      <c r="B126321" s="14" t="s">
        <v>1</v>
      </c>
      <c r="C126321" s="14" t="s">
        <v>252</v>
      </c>
      <c r="D126321" s="14" t="s">
        <v>18</v>
      </c>
      <c r="E126321" s="15">
        <v>45407</v>
      </c>
      <c r="F126321" s="14" t="s">
        <v>15</v>
      </c>
      <c r="G126321" s="16">
        <v>0</v>
      </c>
    </row>
    <row r="126322" spans="1:7" x14ac:dyDescent="0.3">
      <c r="A126322" s="13" t="s">
        <v>583</v>
      </c>
      <c r="B126322" s="14" t="s">
        <v>1</v>
      </c>
      <c r="C126322" s="14" t="s">
        <v>252</v>
      </c>
      <c r="D126322" s="14" t="s">
        <v>18</v>
      </c>
      <c r="E126322" s="15">
        <v>45408</v>
      </c>
      <c r="F126322" s="14" t="s">
        <v>15</v>
      </c>
      <c r="G126322" s="16">
        <v>0</v>
      </c>
    </row>
    <row r="126323" spans="1:7" x14ac:dyDescent="0.3">
      <c r="A126323" s="13" t="s">
        <v>583</v>
      </c>
      <c r="B126323" s="14" t="s">
        <v>1</v>
      </c>
      <c r="C126323" s="14" t="s">
        <v>252</v>
      </c>
      <c r="D126323" s="14" t="s">
        <v>18</v>
      </c>
      <c r="E126323" s="15">
        <v>45409</v>
      </c>
      <c r="F126323" s="14" t="s">
        <v>15</v>
      </c>
      <c r="G126323" s="16">
        <v>0</v>
      </c>
    </row>
    <row r="126324" spans="1:7" x14ac:dyDescent="0.3">
      <c r="A126324" s="13" t="s">
        <v>583</v>
      </c>
      <c r="B126324" s="14" t="s">
        <v>1</v>
      </c>
      <c r="C126324" s="14" t="s">
        <v>252</v>
      </c>
      <c r="D126324" s="14" t="s">
        <v>18</v>
      </c>
      <c r="E126324" s="15">
        <v>45410</v>
      </c>
      <c r="F126324" s="14" t="s">
        <v>15</v>
      </c>
      <c r="G126324" s="16">
        <v>0</v>
      </c>
    </row>
    <row r="126325" spans="1:7" x14ac:dyDescent="0.3">
      <c r="A126325" s="13" t="s">
        <v>583</v>
      </c>
      <c r="B126325" s="14" t="s">
        <v>1</v>
      </c>
      <c r="C126325" s="14" t="s">
        <v>252</v>
      </c>
      <c r="D126325" s="14" t="s">
        <v>18</v>
      </c>
      <c r="E126325" s="15">
        <v>45411</v>
      </c>
      <c r="F126325" s="14" t="s">
        <v>15</v>
      </c>
      <c r="G126325" s="16">
        <v>0</v>
      </c>
    </row>
    <row r="126326" spans="1:7" x14ac:dyDescent="0.3">
      <c r="A126326" s="13" t="s">
        <v>583</v>
      </c>
      <c r="B126326" s="14" t="s">
        <v>1</v>
      </c>
      <c r="C126326" s="14" t="s">
        <v>252</v>
      </c>
      <c r="D126326" s="14" t="s">
        <v>18</v>
      </c>
      <c r="E126326" s="15">
        <v>45412</v>
      </c>
      <c r="F126326" s="14" t="s">
        <v>15</v>
      </c>
      <c r="G126326" s="16">
        <v>0</v>
      </c>
    </row>
    <row r="126327" spans="1:7" x14ac:dyDescent="0.3">
      <c r="A126327" s="13" t="s">
        <v>583</v>
      </c>
      <c r="B126327" s="14" t="s">
        <v>1</v>
      </c>
      <c r="C126327" s="14" t="s">
        <v>252</v>
      </c>
      <c r="D126327" s="14" t="s">
        <v>18</v>
      </c>
      <c r="E126327" s="15">
        <v>45413</v>
      </c>
      <c r="F126327" s="14" t="s">
        <v>15</v>
      </c>
      <c r="G126327" s="16">
        <v>0</v>
      </c>
    </row>
    <row r="126328" spans="1:7" x14ac:dyDescent="0.3">
      <c r="A126328" s="13" t="s">
        <v>583</v>
      </c>
      <c r="B126328" s="14" t="s">
        <v>1</v>
      </c>
      <c r="C126328" s="14" t="s">
        <v>252</v>
      </c>
      <c r="D126328" s="14" t="s">
        <v>18</v>
      </c>
      <c r="E126328" s="15">
        <v>45414</v>
      </c>
      <c r="F126328" s="14" t="s">
        <v>15</v>
      </c>
      <c r="G126328" s="16">
        <v>0</v>
      </c>
    </row>
    <row r="126329" spans="1:7" x14ac:dyDescent="0.3">
      <c r="A126329" s="13" t="s">
        <v>583</v>
      </c>
      <c r="B126329" s="14" t="s">
        <v>1</v>
      </c>
      <c r="C126329" s="14" t="s">
        <v>252</v>
      </c>
      <c r="D126329" s="14" t="s">
        <v>18</v>
      </c>
      <c r="E126329" s="15">
        <v>45415</v>
      </c>
      <c r="F126329" s="14" t="s">
        <v>15</v>
      </c>
      <c r="G126329" s="16">
        <v>0</v>
      </c>
    </row>
    <row r="126330" spans="1:7" x14ac:dyDescent="0.3">
      <c r="A126330" s="13" t="s">
        <v>583</v>
      </c>
      <c r="B126330" s="14" t="s">
        <v>1</v>
      </c>
      <c r="C126330" s="14" t="s">
        <v>252</v>
      </c>
      <c r="D126330" s="14" t="s">
        <v>18</v>
      </c>
      <c r="E126330" s="15">
        <v>45416</v>
      </c>
      <c r="F126330" s="14" t="s">
        <v>15</v>
      </c>
      <c r="G126330" s="16">
        <v>0</v>
      </c>
    </row>
    <row r="126331" spans="1:7" x14ac:dyDescent="0.3">
      <c r="A126331" s="13" t="s">
        <v>583</v>
      </c>
      <c r="B126331" s="14" t="s">
        <v>1</v>
      </c>
      <c r="C126331" s="14" t="s">
        <v>252</v>
      </c>
      <c r="D126331" s="14" t="s">
        <v>18</v>
      </c>
      <c r="E126331" s="15">
        <v>45417</v>
      </c>
      <c r="F126331" s="14" t="s">
        <v>15</v>
      </c>
      <c r="G126331" s="16">
        <v>0</v>
      </c>
    </row>
    <row r="126332" spans="1:7" x14ac:dyDescent="0.3">
      <c r="A126332" s="13" t="s">
        <v>583</v>
      </c>
      <c r="B126332" s="14" t="s">
        <v>1</v>
      </c>
      <c r="C126332" s="14" t="s">
        <v>252</v>
      </c>
      <c r="D126332" s="14" t="s">
        <v>18</v>
      </c>
      <c r="E126332" s="15">
        <v>45418</v>
      </c>
      <c r="F126332" s="14" t="s">
        <v>15</v>
      </c>
      <c r="G126332" s="16">
        <v>0</v>
      </c>
    </row>
    <row r="126333" spans="1:7" x14ac:dyDescent="0.3">
      <c r="A126333" s="13" t="s">
        <v>583</v>
      </c>
      <c r="B126333" s="14" t="s">
        <v>1</v>
      </c>
      <c r="C126333" s="14" t="s">
        <v>252</v>
      </c>
      <c r="D126333" s="14" t="s">
        <v>18</v>
      </c>
      <c r="E126333" s="15">
        <v>45419</v>
      </c>
      <c r="F126333" s="14" t="s">
        <v>15</v>
      </c>
      <c r="G126333" s="16">
        <v>0</v>
      </c>
    </row>
    <row r="126334" spans="1:7" x14ac:dyDescent="0.3">
      <c r="A126334" s="13" t="s">
        <v>583</v>
      </c>
      <c r="B126334" s="14" t="s">
        <v>1</v>
      </c>
      <c r="C126334" s="14" t="s">
        <v>252</v>
      </c>
      <c r="D126334" s="14" t="s">
        <v>18</v>
      </c>
      <c r="E126334" s="15">
        <v>45420</v>
      </c>
      <c r="F126334" s="14" t="s">
        <v>15</v>
      </c>
      <c r="G126334" s="16">
        <v>0</v>
      </c>
    </row>
    <row r="126335" spans="1:7" x14ac:dyDescent="0.3">
      <c r="A126335" s="13" t="s">
        <v>583</v>
      </c>
      <c r="B126335" s="14" t="s">
        <v>1</v>
      </c>
      <c r="C126335" s="14" t="s">
        <v>252</v>
      </c>
      <c r="D126335" s="14" t="s">
        <v>18</v>
      </c>
      <c r="E126335" s="15">
        <v>45421</v>
      </c>
      <c r="F126335" s="14" t="s">
        <v>15</v>
      </c>
      <c r="G126335" s="16">
        <v>0</v>
      </c>
    </row>
    <row r="126336" spans="1:7" x14ac:dyDescent="0.3">
      <c r="A126336" s="13" t="s">
        <v>583</v>
      </c>
      <c r="B126336" s="14" t="s">
        <v>1</v>
      </c>
      <c r="C126336" s="14" t="s">
        <v>252</v>
      </c>
      <c r="D126336" s="14" t="s">
        <v>18</v>
      </c>
      <c r="E126336" s="15">
        <v>45422</v>
      </c>
      <c r="F126336" s="14" t="s">
        <v>15</v>
      </c>
      <c r="G126336" s="16">
        <v>0</v>
      </c>
    </row>
    <row r="126337" spans="1:7" x14ac:dyDescent="0.3">
      <c r="A126337" s="13" t="s">
        <v>583</v>
      </c>
      <c r="B126337" s="14" t="s">
        <v>1</v>
      </c>
      <c r="C126337" s="14" t="s">
        <v>252</v>
      </c>
      <c r="D126337" s="14" t="s">
        <v>18</v>
      </c>
      <c r="E126337" s="15">
        <v>45423</v>
      </c>
      <c r="F126337" s="14" t="s">
        <v>15</v>
      </c>
      <c r="G126337" s="16">
        <v>0</v>
      </c>
    </row>
    <row r="126338" spans="1:7" x14ac:dyDescent="0.3">
      <c r="A126338" s="13" t="s">
        <v>583</v>
      </c>
      <c r="B126338" s="14" t="s">
        <v>1</v>
      </c>
      <c r="C126338" s="14" t="s">
        <v>252</v>
      </c>
      <c r="D126338" s="14" t="s">
        <v>18</v>
      </c>
      <c r="E126338" s="15">
        <v>45424</v>
      </c>
      <c r="F126338" s="14" t="s">
        <v>15</v>
      </c>
      <c r="G126338" s="16">
        <v>0</v>
      </c>
    </row>
    <row r="126339" spans="1:7" x14ac:dyDescent="0.3">
      <c r="A126339" s="13" t="s">
        <v>583</v>
      </c>
      <c r="B126339" s="14" t="s">
        <v>1</v>
      </c>
      <c r="C126339" s="14" t="s">
        <v>252</v>
      </c>
      <c r="D126339" s="14" t="s">
        <v>18</v>
      </c>
      <c r="E126339" s="15">
        <v>45425</v>
      </c>
      <c r="F126339" s="14" t="s">
        <v>15</v>
      </c>
      <c r="G126339" s="16">
        <v>0</v>
      </c>
    </row>
    <row r="126340" spans="1:7" x14ac:dyDescent="0.3">
      <c r="A126340" s="13" t="s">
        <v>583</v>
      </c>
      <c r="B126340" s="14" t="s">
        <v>1</v>
      </c>
      <c r="C126340" s="14" t="s">
        <v>252</v>
      </c>
      <c r="D126340" s="14" t="s">
        <v>18</v>
      </c>
      <c r="E126340" s="15">
        <v>45426</v>
      </c>
      <c r="F126340" s="14" t="s">
        <v>15</v>
      </c>
      <c r="G126340" s="16">
        <v>0</v>
      </c>
    </row>
    <row r="126341" spans="1:7" x14ac:dyDescent="0.3">
      <c r="A126341" s="13" t="s">
        <v>583</v>
      </c>
      <c r="B126341" s="14" t="s">
        <v>1</v>
      </c>
      <c r="C126341" s="14" t="s">
        <v>252</v>
      </c>
      <c r="D126341" s="14" t="s">
        <v>18</v>
      </c>
      <c r="E126341" s="15">
        <v>45427</v>
      </c>
      <c r="F126341" s="14" t="s">
        <v>15</v>
      </c>
      <c r="G126341" s="16">
        <v>0</v>
      </c>
    </row>
    <row r="126342" spans="1:7" x14ac:dyDescent="0.3">
      <c r="A126342" s="13" t="s">
        <v>583</v>
      </c>
      <c r="B126342" s="14" t="s">
        <v>1</v>
      </c>
      <c r="C126342" s="14" t="s">
        <v>252</v>
      </c>
      <c r="D126342" s="14" t="s">
        <v>18</v>
      </c>
      <c r="E126342" s="15">
        <v>45428</v>
      </c>
      <c r="F126342" s="14" t="s">
        <v>15</v>
      </c>
      <c r="G126342" s="16">
        <v>0</v>
      </c>
    </row>
    <row r="126343" spans="1:7" x14ac:dyDescent="0.3">
      <c r="A126343" s="13" t="s">
        <v>583</v>
      </c>
      <c r="B126343" s="14" t="s">
        <v>1</v>
      </c>
      <c r="C126343" s="14" t="s">
        <v>252</v>
      </c>
      <c r="D126343" s="14" t="s">
        <v>18</v>
      </c>
      <c r="E126343" s="15">
        <v>45429</v>
      </c>
      <c r="F126343" s="14" t="s">
        <v>15</v>
      </c>
      <c r="G126343" s="16">
        <v>0</v>
      </c>
    </row>
    <row r="126344" spans="1:7" x14ac:dyDescent="0.3">
      <c r="A126344" s="13" t="s">
        <v>583</v>
      </c>
      <c r="B126344" s="14" t="s">
        <v>1</v>
      </c>
      <c r="C126344" s="14" t="s">
        <v>252</v>
      </c>
      <c r="D126344" s="14" t="s">
        <v>18</v>
      </c>
      <c r="E126344" s="15">
        <v>45430</v>
      </c>
      <c r="F126344" s="14" t="s">
        <v>15</v>
      </c>
      <c r="G126344" s="16">
        <v>0</v>
      </c>
    </row>
    <row r="126345" spans="1:7" x14ac:dyDescent="0.3">
      <c r="A126345" s="13" t="s">
        <v>583</v>
      </c>
      <c r="B126345" s="14" t="s">
        <v>1</v>
      </c>
      <c r="C126345" s="14" t="s">
        <v>252</v>
      </c>
      <c r="D126345" s="14" t="s">
        <v>18</v>
      </c>
      <c r="E126345" s="15">
        <v>45431</v>
      </c>
      <c r="F126345" s="14" t="s">
        <v>15</v>
      </c>
      <c r="G126345" s="16">
        <v>0</v>
      </c>
    </row>
    <row r="126346" spans="1:7" x14ac:dyDescent="0.3">
      <c r="A126346" s="13" t="s">
        <v>583</v>
      </c>
      <c r="B126346" s="14" t="s">
        <v>1</v>
      </c>
      <c r="C126346" s="14" t="s">
        <v>252</v>
      </c>
      <c r="D126346" s="14" t="s">
        <v>18</v>
      </c>
      <c r="E126346" s="15">
        <v>45432</v>
      </c>
      <c r="F126346" s="14" t="s">
        <v>15</v>
      </c>
      <c r="G126346" s="16">
        <v>0</v>
      </c>
    </row>
    <row r="126347" spans="1:7" x14ac:dyDescent="0.3">
      <c r="A126347" s="13" t="s">
        <v>583</v>
      </c>
      <c r="B126347" s="14" t="s">
        <v>1</v>
      </c>
      <c r="C126347" s="14" t="s">
        <v>252</v>
      </c>
      <c r="D126347" s="14" t="s">
        <v>18</v>
      </c>
      <c r="E126347" s="15">
        <v>45433</v>
      </c>
      <c r="F126347" s="14" t="s">
        <v>15</v>
      </c>
      <c r="G126347" s="16">
        <v>0</v>
      </c>
    </row>
    <row r="126348" spans="1:7" x14ac:dyDescent="0.3">
      <c r="A126348" s="13" t="s">
        <v>583</v>
      </c>
      <c r="B126348" s="14" t="s">
        <v>1</v>
      </c>
      <c r="C126348" s="14" t="s">
        <v>252</v>
      </c>
      <c r="D126348" s="14" t="s">
        <v>18</v>
      </c>
      <c r="E126348" s="15">
        <v>45434</v>
      </c>
      <c r="F126348" s="14" t="s">
        <v>15</v>
      </c>
      <c r="G126348" s="16">
        <v>0</v>
      </c>
    </row>
    <row r="126349" spans="1:7" x14ac:dyDescent="0.3">
      <c r="A126349" s="13" t="s">
        <v>583</v>
      </c>
      <c r="B126349" s="14" t="s">
        <v>1</v>
      </c>
      <c r="C126349" s="14" t="s">
        <v>252</v>
      </c>
      <c r="D126349" s="14" t="s">
        <v>18</v>
      </c>
      <c r="E126349" s="15">
        <v>45435</v>
      </c>
      <c r="F126349" s="14" t="s">
        <v>15</v>
      </c>
      <c r="G126349" s="16">
        <v>0</v>
      </c>
    </row>
    <row r="126350" spans="1:7" x14ac:dyDescent="0.3">
      <c r="A126350" s="13" t="s">
        <v>583</v>
      </c>
      <c r="B126350" s="14" t="s">
        <v>1</v>
      </c>
      <c r="C126350" s="14" t="s">
        <v>252</v>
      </c>
      <c r="D126350" s="14" t="s">
        <v>18</v>
      </c>
      <c r="E126350" s="15">
        <v>45436</v>
      </c>
      <c r="F126350" s="14" t="s">
        <v>15</v>
      </c>
      <c r="G126350" s="16">
        <v>0</v>
      </c>
    </row>
    <row r="126351" spans="1:7" x14ac:dyDescent="0.3">
      <c r="A126351" s="13" t="s">
        <v>583</v>
      </c>
      <c r="B126351" s="14" t="s">
        <v>1</v>
      </c>
      <c r="C126351" s="14" t="s">
        <v>252</v>
      </c>
      <c r="D126351" s="14" t="s">
        <v>18</v>
      </c>
      <c r="E126351" s="15">
        <v>45437</v>
      </c>
      <c r="F126351" s="14" t="s">
        <v>15</v>
      </c>
      <c r="G126351" s="16">
        <v>0</v>
      </c>
    </row>
    <row r="126352" spans="1:7" x14ac:dyDescent="0.3">
      <c r="A126352" s="13" t="s">
        <v>583</v>
      </c>
      <c r="B126352" s="14" t="s">
        <v>1</v>
      </c>
      <c r="C126352" s="14" t="s">
        <v>252</v>
      </c>
      <c r="D126352" s="14" t="s">
        <v>18</v>
      </c>
      <c r="E126352" s="15">
        <v>45438</v>
      </c>
      <c r="F126352" s="14" t="s">
        <v>15</v>
      </c>
      <c r="G126352" s="16">
        <v>0</v>
      </c>
    </row>
    <row r="126353" spans="1:7" x14ac:dyDescent="0.3">
      <c r="A126353" s="13" t="s">
        <v>583</v>
      </c>
      <c r="B126353" s="14" t="s">
        <v>1</v>
      </c>
      <c r="C126353" s="14" t="s">
        <v>252</v>
      </c>
      <c r="D126353" s="14" t="s">
        <v>18</v>
      </c>
      <c r="E126353" s="15">
        <v>45439</v>
      </c>
      <c r="F126353" s="14" t="s">
        <v>15</v>
      </c>
      <c r="G126353" s="16">
        <v>0</v>
      </c>
    </row>
    <row r="126354" spans="1:7" x14ac:dyDescent="0.3">
      <c r="A126354" s="13" t="s">
        <v>583</v>
      </c>
      <c r="B126354" s="14" t="s">
        <v>1</v>
      </c>
      <c r="C126354" s="14" t="s">
        <v>252</v>
      </c>
      <c r="D126354" s="14" t="s">
        <v>18</v>
      </c>
      <c r="E126354" s="15">
        <v>45440</v>
      </c>
      <c r="F126354" s="14" t="s">
        <v>15</v>
      </c>
      <c r="G126354" s="16">
        <v>0</v>
      </c>
    </row>
    <row r="126355" spans="1:7" x14ac:dyDescent="0.3">
      <c r="A126355" s="13" t="s">
        <v>583</v>
      </c>
      <c r="B126355" s="14" t="s">
        <v>1</v>
      </c>
      <c r="C126355" s="14" t="s">
        <v>252</v>
      </c>
      <c r="D126355" s="14" t="s">
        <v>18</v>
      </c>
      <c r="E126355" s="15">
        <v>45441</v>
      </c>
      <c r="F126355" s="14" t="s">
        <v>15</v>
      </c>
      <c r="G126355" s="16">
        <v>0</v>
      </c>
    </row>
    <row r="126356" spans="1:7" x14ac:dyDescent="0.3">
      <c r="A126356" s="13" t="s">
        <v>583</v>
      </c>
      <c r="B126356" s="14" t="s">
        <v>1</v>
      </c>
      <c r="C126356" s="14" t="s">
        <v>252</v>
      </c>
      <c r="D126356" s="14" t="s">
        <v>18</v>
      </c>
      <c r="E126356" s="15">
        <v>45442</v>
      </c>
      <c r="F126356" s="14" t="s">
        <v>15</v>
      </c>
      <c r="G126356" s="16">
        <v>0</v>
      </c>
    </row>
    <row r="126357" spans="1:7" x14ac:dyDescent="0.3">
      <c r="A126357" s="13" t="s">
        <v>583</v>
      </c>
      <c r="B126357" s="14" t="s">
        <v>1</v>
      </c>
      <c r="C126357" s="14" t="s">
        <v>252</v>
      </c>
      <c r="D126357" s="14" t="s">
        <v>18</v>
      </c>
      <c r="E126357" s="15">
        <v>45443</v>
      </c>
      <c r="F126357" s="14" t="s">
        <v>15</v>
      </c>
      <c r="G126357" s="16">
        <v>0</v>
      </c>
    </row>
    <row r="126358" spans="1:7" x14ac:dyDescent="0.3">
      <c r="A126358" s="13" t="s">
        <v>583</v>
      </c>
      <c r="B126358" s="14" t="s">
        <v>1</v>
      </c>
      <c r="C126358" s="14" t="s">
        <v>252</v>
      </c>
      <c r="D126358" s="14" t="s">
        <v>18</v>
      </c>
      <c r="E126358" s="15">
        <v>45444</v>
      </c>
      <c r="F126358" s="14" t="s">
        <v>15</v>
      </c>
      <c r="G126358" s="16">
        <v>0</v>
      </c>
    </row>
    <row r="126359" spans="1:7" x14ac:dyDescent="0.3">
      <c r="A126359" s="13" t="s">
        <v>583</v>
      </c>
      <c r="B126359" s="14" t="s">
        <v>1</v>
      </c>
      <c r="C126359" s="14" t="s">
        <v>252</v>
      </c>
      <c r="D126359" s="14" t="s">
        <v>18</v>
      </c>
      <c r="E126359" s="15">
        <v>45445</v>
      </c>
      <c r="F126359" s="14" t="s">
        <v>15</v>
      </c>
      <c r="G126359" s="16">
        <v>0</v>
      </c>
    </row>
    <row r="126360" spans="1:7" x14ac:dyDescent="0.3">
      <c r="A126360" s="13" t="s">
        <v>583</v>
      </c>
      <c r="B126360" s="14" t="s">
        <v>1</v>
      </c>
      <c r="C126360" s="14" t="s">
        <v>252</v>
      </c>
      <c r="D126360" s="14" t="s">
        <v>18</v>
      </c>
      <c r="E126360" s="15">
        <v>45446</v>
      </c>
      <c r="F126360" s="14" t="s">
        <v>15</v>
      </c>
      <c r="G126360" s="16">
        <v>0</v>
      </c>
    </row>
    <row r="126361" spans="1:7" x14ac:dyDescent="0.3">
      <c r="A126361" s="13" t="s">
        <v>583</v>
      </c>
      <c r="B126361" s="14" t="s">
        <v>1</v>
      </c>
      <c r="C126361" s="14" t="s">
        <v>252</v>
      </c>
      <c r="D126361" s="14" t="s">
        <v>18</v>
      </c>
      <c r="E126361" s="15">
        <v>45447</v>
      </c>
      <c r="F126361" s="14" t="s">
        <v>15</v>
      </c>
      <c r="G126361" s="16">
        <v>0</v>
      </c>
    </row>
    <row r="126362" spans="1:7" x14ac:dyDescent="0.3">
      <c r="A126362" s="13" t="s">
        <v>583</v>
      </c>
      <c r="B126362" s="14" t="s">
        <v>1</v>
      </c>
      <c r="C126362" s="14" t="s">
        <v>252</v>
      </c>
      <c r="D126362" s="14" t="s">
        <v>18</v>
      </c>
      <c r="E126362" s="15">
        <v>45448</v>
      </c>
      <c r="F126362" s="14" t="s">
        <v>15</v>
      </c>
      <c r="G126362" s="16">
        <v>0</v>
      </c>
    </row>
    <row r="126363" spans="1:7" x14ac:dyDescent="0.3">
      <c r="A126363" s="13" t="s">
        <v>583</v>
      </c>
      <c r="B126363" s="14" t="s">
        <v>1</v>
      </c>
      <c r="C126363" s="14" t="s">
        <v>252</v>
      </c>
      <c r="D126363" s="14" t="s">
        <v>18</v>
      </c>
      <c r="E126363" s="15">
        <v>45449</v>
      </c>
      <c r="F126363" s="14" t="s">
        <v>15</v>
      </c>
      <c r="G126363" s="16">
        <v>0</v>
      </c>
    </row>
    <row r="126364" spans="1:7" x14ac:dyDescent="0.3">
      <c r="A126364" s="13" t="s">
        <v>583</v>
      </c>
      <c r="B126364" s="14" t="s">
        <v>1</v>
      </c>
      <c r="C126364" s="14" t="s">
        <v>252</v>
      </c>
      <c r="D126364" s="14" t="s">
        <v>18</v>
      </c>
      <c r="E126364" s="15">
        <v>45450</v>
      </c>
      <c r="F126364" s="14" t="s">
        <v>15</v>
      </c>
      <c r="G126364" s="16">
        <v>0</v>
      </c>
    </row>
    <row r="126365" spans="1:7" x14ac:dyDescent="0.3">
      <c r="A126365" s="13" t="s">
        <v>583</v>
      </c>
      <c r="B126365" s="14" t="s">
        <v>1</v>
      </c>
      <c r="C126365" s="14" t="s">
        <v>252</v>
      </c>
      <c r="D126365" s="14" t="s">
        <v>18</v>
      </c>
      <c r="E126365" s="15">
        <v>45451</v>
      </c>
      <c r="F126365" s="14" t="s">
        <v>15</v>
      </c>
      <c r="G126365" s="16">
        <v>0</v>
      </c>
    </row>
    <row r="126366" spans="1:7" x14ac:dyDescent="0.3">
      <c r="A126366" s="13" t="s">
        <v>583</v>
      </c>
      <c r="B126366" s="14" t="s">
        <v>1</v>
      </c>
      <c r="C126366" s="14" t="s">
        <v>252</v>
      </c>
      <c r="D126366" s="14" t="s">
        <v>18</v>
      </c>
      <c r="E126366" s="15">
        <v>45452</v>
      </c>
      <c r="F126366" s="14" t="s">
        <v>15</v>
      </c>
      <c r="G126366" s="16">
        <v>0</v>
      </c>
    </row>
    <row r="126367" spans="1:7" x14ac:dyDescent="0.3">
      <c r="A126367" s="13" t="s">
        <v>583</v>
      </c>
      <c r="B126367" s="14" t="s">
        <v>1</v>
      </c>
      <c r="C126367" s="14" t="s">
        <v>252</v>
      </c>
      <c r="D126367" s="14" t="s">
        <v>18</v>
      </c>
      <c r="E126367" s="15">
        <v>45453</v>
      </c>
      <c r="F126367" s="14" t="s">
        <v>15</v>
      </c>
      <c r="G126367" s="16">
        <v>0</v>
      </c>
    </row>
    <row r="126368" spans="1:7" x14ac:dyDescent="0.3">
      <c r="A126368" s="13" t="s">
        <v>583</v>
      </c>
      <c r="B126368" s="14" t="s">
        <v>1</v>
      </c>
      <c r="C126368" s="14" t="s">
        <v>252</v>
      </c>
      <c r="D126368" s="14" t="s">
        <v>18</v>
      </c>
      <c r="E126368" s="15">
        <v>45454</v>
      </c>
      <c r="F126368" s="14" t="s">
        <v>15</v>
      </c>
      <c r="G126368" s="16">
        <v>0</v>
      </c>
    </row>
    <row r="126369" spans="1:7" x14ac:dyDescent="0.3">
      <c r="A126369" s="13" t="s">
        <v>583</v>
      </c>
      <c r="B126369" s="14" t="s">
        <v>1</v>
      </c>
      <c r="C126369" s="14" t="s">
        <v>252</v>
      </c>
      <c r="D126369" s="14" t="s">
        <v>18</v>
      </c>
      <c r="E126369" s="15">
        <v>45455</v>
      </c>
      <c r="F126369" s="14" t="s">
        <v>15</v>
      </c>
      <c r="G126369" s="16">
        <v>0</v>
      </c>
    </row>
    <row r="126370" spans="1:7" x14ac:dyDescent="0.3">
      <c r="A126370" s="13" t="s">
        <v>583</v>
      </c>
      <c r="B126370" s="14" t="s">
        <v>1</v>
      </c>
      <c r="C126370" s="14" t="s">
        <v>252</v>
      </c>
      <c r="D126370" s="14" t="s">
        <v>18</v>
      </c>
      <c r="E126370" s="15">
        <v>45456</v>
      </c>
      <c r="F126370" s="14" t="s">
        <v>15</v>
      </c>
      <c r="G126370" s="16">
        <v>0</v>
      </c>
    </row>
    <row r="126371" spans="1:7" x14ac:dyDescent="0.3">
      <c r="A126371" s="13" t="s">
        <v>583</v>
      </c>
      <c r="B126371" s="14" t="s">
        <v>1</v>
      </c>
      <c r="C126371" s="14" t="s">
        <v>252</v>
      </c>
      <c r="D126371" s="14" t="s">
        <v>18</v>
      </c>
      <c r="E126371" s="15">
        <v>45457</v>
      </c>
      <c r="F126371" s="14" t="s">
        <v>15</v>
      </c>
      <c r="G126371" s="16">
        <v>0</v>
      </c>
    </row>
    <row r="126372" spans="1:7" x14ac:dyDescent="0.3">
      <c r="A126372" s="13" t="s">
        <v>583</v>
      </c>
      <c r="B126372" s="14" t="s">
        <v>1</v>
      </c>
      <c r="C126372" s="14" t="s">
        <v>252</v>
      </c>
      <c r="D126372" s="14" t="s">
        <v>18</v>
      </c>
      <c r="E126372" s="15">
        <v>45458</v>
      </c>
      <c r="F126372" s="14" t="s">
        <v>15</v>
      </c>
      <c r="G126372" s="16">
        <v>0</v>
      </c>
    </row>
    <row r="126373" spans="1:7" x14ac:dyDescent="0.3">
      <c r="A126373" s="13" t="s">
        <v>583</v>
      </c>
      <c r="B126373" s="14" t="s">
        <v>1</v>
      </c>
      <c r="C126373" s="14" t="s">
        <v>252</v>
      </c>
      <c r="D126373" s="14" t="s">
        <v>18</v>
      </c>
      <c r="E126373" s="15">
        <v>45459</v>
      </c>
      <c r="F126373" s="14" t="s">
        <v>15</v>
      </c>
      <c r="G126373" s="16">
        <v>0</v>
      </c>
    </row>
    <row r="126374" spans="1:7" x14ac:dyDescent="0.3">
      <c r="A126374" s="13" t="s">
        <v>583</v>
      </c>
      <c r="B126374" s="14" t="s">
        <v>1</v>
      </c>
      <c r="C126374" s="14" t="s">
        <v>252</v>
      </c>
      <c r="D126374" s="14" t="s">
        <v>18</v>
      </c>
      <c r="E126374" s="15">
        <v>45460</v>
      </c>
      <c r="F126374" s="14" t="s">
        <v>15</v>
      </c>
      <c r="G126374" s="16">
        <v>0</v>
      </c>
    </row>
    <row r="126375" spans="1:7" x14ac:dyDescent="0.3">
      <c r="A126375" s="13" t="s">
        <v>583</v>
      </c>
      <c r="B126375" s="14" t="s">
        <v>1</v>
      </c>
      <c r="C126375" s="14" t="s">
        <v>252</v>
      </c>
      <c r="D126375" s="14" t="s">
        <v>18</v>
      </c>
      <c r="E126375" s="15">
        <v>45461</v>
      </c>
      <c r="F126375" s="14" t="s">
        <v>15</v>
      </c>
      <c r="G126375" s="16">
        <v>0</v>
      </c>
    </row>
    <row r="126376" spans="1:7" x14ac:dyDescent="0.3">
      <c r="A126376" s="13" t="s">
        <v>583</v>
      </c>
      <c r="B126376" s="14" t="s">
        <v>1</v>
      </c>
      <c r="C126376" s="14" t="s">
        <v>252</v>
      </c>
      <c r="D126376" s="14" t="s">
        <v>18</v>
      </c>
      <c r="E126376" s="15">
        <v>45462</v>
      </c>
      <c r="F126376" s="14" t="s">
        <v>15</v>
      </c>
      <c r="G126376" s="16">
        <v>0</v>
      </c>
    </row>
    <row r="126377" spans="1:7" x14ac:dyDescent="0.3">
      <c r="A126377" s="13" t="s">
        <v>583</v>
      </c>
      <c r="B126377" s="14" t="s">
        <v>1</v>
      </c>
      <c r="C126377" s="14" t="s">
        <v>252</v>
      </c>
      <c r="D126377" s="14" t="s">
        <v>18</v>
      </c>
      <c r="E126377" s="15">
        <v>45463</v>
      </c>
      <c r="F126377" s="14" t="s">
        <v>15</v>
      </c>
      <c r="G126377" s="16">
        <v>0</v>
      </c>
    </row>
    <row r="126378" spans="1:7" x14ac:dyDescent="0.3">
      <c r="A126378" s="13" t="s">
        <v>583</v>
      </c>
      <c r="B126378" s="14" t="s">
        <v>1</v>
      </c>
      <c r="C126378" s="14" t="s">
        <v>252</v>
      </c>
      <c r="D126378" s="14" t="s">
        <v>18</v>
      </c>
      <c r="E126378" s="15">
        <v>45464</v>
      </c>
      <c r="F126378" s="14" t="s">
        <v>15</v>
      </c>
      <c r="G126378" s="16">
        <v>0</v>
      </c>
    </row>
    <row r="126379" spans="1:7" x14ac:dyDescent="0.3">
      <c r="A126379" s="13" t="s">
        <v>583</v>
      </c>
      <c r="B126379" s="14" t="s">
        <v>1</v>
      </c>
      <c r="C126379" s="14" t="s">
        <v>252</v>
      </c>
      <c r="D126379" s="14" t="s">
        <v>18</v>
      </c>
      <c r="E126379" s="15">
        <v>45465</v>
      </c>
      <c r="F126379" s="14" t="s">
        <v>15</v>
      </c>
      <c r="G126379" s="16">
        <v>0</v>
      </c>
    </row>
    <row r="126380" spans="1:7" x14ac:dyDescent="0.3">
      <c r="A126380" s="13" t="s">
        <v>583</v>
      </c>
      <c r="B126380" s="14" t="s">
        <v>1</v>
      </c>
      <c r="C126380" s="14" t="s">
        <v>252</v>
      </c>
      <c r="D126380" s="14" t="s">
        <v>18</v>
      </c>
      <c r="E126380" s="15">
        <v>45466</v>
      </c>
      <c r="F126380" s="14" t="s">
        <v>15</v>
      </c>
      <c r="G126380" s="16">
        <v>0</v>
      </c>
    </row>
    <row r="126381" spans="1:7" x14ac:dyDescent="0.3">
      <c r="A126381" s="13" t="s">
        <v>583</v>
      </c>
      <c r="B126381" s="14" t="s">
        <v>1</v>
      </c>
      <c r="C126381" s="14" t="s">
        <v>252</v>
      </c>
      <c r="D126381" s="14" t="s">
        <v>18</v>
      </c>
      <c r="E126381" s="15">
        <v>45467</v>
      </c>
      <c r="F126381" s="14" t="s">
        <v>15</v>
      </c>
      <c r="G126381" s="16">
        <v>0</v>
      </c>
    </row>
    <row r="126382" spans="1:7" x14ac:dyDescent="0.3">
      <c r="A126382" s="13" t="s">
        <v>583</v>
      </c>
      <c r="B126382" s="14" t="s">
        <v>1</v>
      </c>
      <c r="C126382" s="14" t="s">
        <v>252</v>
      </c>
      <c r="D126382" s="14" t="s">
        <v>18</v>
      </c>
      <c r="E126382" s="15">
        <v>45468</v>
      </c>
      <c r="F126382" s="14" t="s">
        <v>15</v>
      </c>
      <c r="G126382" s="16">
        <v>0</v>
      </c>
    </row>
    <row r="126383" spans="1:7" x14ac:dyDescent="0.3">
      <c r="A126383" s="13" t="s">
        <v>583</v>
      </c>
      <c r="B126383" s="14" t="s">
        <v>1</v>
      </c>
      <c r="C126383" s="14" t="s">
        <v>252</v>
      </c>
      <c r="D126383" s="14" t="s">
        <v>18</v>
      </c>
      <c r="E126383" s="15">
        <v>45469</v>
      </c>
      <c r="F126383" s="14" t="s">
        <v>15</v>
      </c>
      <c r="G126383" s="16">
        <v>0</v>
      </c>
    </row>
    <row r="126384" spans="1:7" x14ac:dyDescent="0.3">
      <c r="A126384" s="13" t="s">
        <v>583</v>
      </c>
      <c r="B126384" s="14" t="s">
        <v>1</v>
      </c>
      <c r="C126384" s="14" t="s">
        <v>252</v>
      </c>
      <c r="D126384" s="14" t="s">
        <v>18</v>
      </c>
      <c r="E126384" s="15">
        <v>45470</v>
      </c>
      <c r="F126384" s="14" t="s">
        <v>15</v>
      </c>
      <c r="G126384" s="16">
        <v>0</v>
      </c>
    </row>
    <row r="126385" spans="1:7" x14ac:dyDescent="0.3">
      <c r="A126385" s="13" t="s">
        <v>583</v>
      </c>
      <c r="B126385" s="14" t="s">
        <v>1</v>
      </c>
      <c r="C126385" s="14" t="s">
        <v>252</v>
      </c>
      <c r="D126385" s="14" t="s">
        <v>18</v>
      </c>
      <c r="E126385" s="15">
        <v>45471</v>
      </c>
      <c r="F126385" s="14" t="s">
        <v>15</v>
      </c>
      <c r="G126385" s="16">
        <v>0</v>
      </c>
    </row>
    <row r="126386" spans="1:7" x14ac:dyDescent="0.3">
      <c r="A126386" s="13" t="s">
        <v>583</v>
      </c>
      <c r="B126386" s="14" t="s">
        <v>1</v>
      </c>
      <c r="C126386" s="14" t="s">
        <v>252</v>
      </c>
      <c r="D126386" s="14" t="s">
        <v>18</v>
      </c>
      <c r="E126386" s="15">
        <v>45472</v>
      </c>
      <c r="F126386" s="14" t="s">
        <v>15</v>
      </c>
      <c r="G126386" s="16">
        <v>0</v>
      </c>
    </row>
    <row r="126387" spans="1:7" x14ac:dyDescent="0.3">
      <c r="A126387" s="13" t="s">
        <v>583</v>
      </c>
      <c r="B126387" s="14" t="s">
        <v>1</v>
      </c>
      <c r="C126387" s="14" t="s">
        <v>252</v>
      </c>
      <c r="D126387" s="14" t="s">
        <v>18</v>
      </c>
      <c r="E126387" s="15">
        <v>45473</v>
      </c>
      <c r="F126387" s="14" t="s">
        <v>15</v>
      </c>
      <c r="G126387" s="16">
        <v>0</v>
      </c>
    </row>
    <row r="126388" spans="1:7" x14ac:dyDescent="0.3">
      <c r="A126388" s="13" t="s">
        <v>583</v>
      </c>
      <c r="B126388" s="14" t="s">
        <v>1</v>
      </c>
      <c r="C126388" s="14" t="s">
        <v>252</v>
      </c>
      <c r="D126388" s="14" t="s">
        <v>18</v>
      </c>
      <c r="E126388" s="15">
        <v>45474</v>
      </c>
      <c r="F126388" s="14" t="s">
        <v>15</v>
      </c>
      <c r="G126388" s="16">
        <v>0</v>
      </c>
    </row>
    <row r="126389" spans="1:7" x14ac:dyDescent="0.3">
      <c r="A126389" s="13" t="s">
        <v>583</v>
      </c>
      <c r="B126389" s="14" t="s">
        <v>1</v>
      </c>
      <c r="C126389" s="14" t="s">
        <v>252</v>
      </c>
      <c r="D126389" s="14" t="s">
        <v>18</v>
      </c>
      <c r="E126389" s="15">
        <v>45475</v>
      </c>
      <c r="F126389" s="14" t="s">
        <v>15</v>
      </c>
      <c r="G126389" s="16">
        <v>0</v>
      </c>
    </row>
    <row r="126390" spans="1:7" x14ac:dyDescent="0.3">
      <c r="A126390" s="13" t="s">
        <v>583</v>
      </c>
      <c r="B126390" s="14" t="s">
        <v>1</v>
      </c>
      <c r="C126390" s="14" t="s">
        <v>252</v>
      </c>
      <c r="D126390" s="14" t="s">
        <v>18</v>
      </c>
      <c r="E126390" s="15">
        <v>45476</v>
      </c>
      <c r="F126390" s="14" t="s">
        <v>15</v>
      </c>
      <c r="G126390" s="16">
        <v>0</v>
      </c>
    </row>
    <row r="126391" spans="1:7" x14ac:dyDescent="0.3">
      <c r="A126391" s="13" t="s">
        <v>583</v>
      </c>
      <c r="B126391" s="14" t="s">
        <v>1</v>
      </c>
      <c r="C126391" s="14" t="s">
        <v>252</v>
      </c>
      <c r="D126391" s="14" t="s">
        <v>18</v>
      </c>
      <c r="E126391" s="15">
        <v>45477</v>
      </c>
      <c r="F126391" s="14" t="s">
        <v>15</v>
      </c>
      <c r="G126391" s="16">
        <v>0</v>
      </c>
    </row>
    <row r="126392" spans="1:7" x14ac:dyDescent="0.3">
      <c r="A126392" s="13" t="s">
        <v>583</v>
      </c>
      <c r="B126392" s="14" t="s">
        <v>1</v>
      </c>
      <c r="C126392" s="14" t="s">
        <v>252</v>
      </c>
      <c r="D126392" s="14" t="s">
        <v>18</v>
      </c>
      <c r="E126392" s="15">
        <v>45478</v>
      </c>
      <c r="F126392" s="14" t="s">
        <v>15</v>
      </c>
      <c r="G126392" s="16">
        <v>0</v>
      </c>
    </row>
    <row r="126393" spans="1:7" x14ac:dyDescent="0.3">
      <c r="A126393" s="13" t="s">
        <v>583</v>
      </c>
      <c r="B126393" s="14" t="s">
        <v>1</v>
      </c>
      <c r="C126393" s="14" t="s">
        <v>252</v>
      </c>
      <c r="D126393" s="14" t="s">
        <v>18</v>
      </c>
      <c r="E126393" s="15">
        <v>45479</v>
      </c>
      <c r="F126393" s="14" t="s">
        <v>15</v>
      </c>
      <c r="G126393" s="16">
        <v>0</v>
      </c>
    </row>
    <row r="126394" spans="1:7" x14ac:dyDescent="0.3">
      <c r="A126394" s="13" t="s">
        <v>583</v>
      </c>
      <c r="B126394" s="14" t="s">
        <v>1</v>
      </c>
      <c r="C126394" s="14" t="s">
        <v>252</v>
      </c>
      <c r="D126394" s="14" t="s">
        <v>18</v>
      </c>
      <c r="E126394" s="15">
        <v>45480</v>
      </c>
      <c r="F126394" s="14" t="s">
        <v>15</v>
      </c>
      <c r="G126394" s="16">
        <v>0</v>
      </c>
    </row>
    <row r="126395" spans="1:7" x14ac:dyDescent="0.3">
      <c r="A126395" s="13" t="s">
        <v>583</v>
      </c>
      <c r="B126395" s="14" t="s">
        <v>1</v>
      </c>
      <c r="C126395" s="14" t="s">
        <v>252</v>
      </c>
      <c r="D126395" s="14" t="s">
        <v>18</v>
      </c>
      <c r="E126395" s="15">
        <v>45481</v>
      </c>
      <c r="F126395" s="14" t="s">
        <v>15</v>
      </c>
      <c r="G126395" s="16">
        <v>0</v>
      </c>
    </row>
    <row r="126396" spans="1:7" x14ac:dyDescent="0.3">
      <c r="A126396" s="13" t="s">
        <v>583</v>
      </c>
      <c r="B126396" s="14" t="s">
        <v>1</v>
      </c>
      <c r="C126396" s="14" t="s">
        <v>252</v>
      </c>
      <c r="D126396" s="14" t="s">
        <v>18</v>
      </c>
      <c r="E126396" s="15">
        <v>45482</v>
      </c>
      <c r="F126396" s="14" t="s">
        <v>15</v>
      </c>
      <c r="G126396" s="16">
        <v>0</v>
      </c>
    </row>
    <row r="126397" spans="1:7" x14ac:dyDescent="0.3">
      <c r="A126397" s="13" t="s">
        <v>583</v>
      </c>
      <c r="B126397" s="14" t="s">
        <v>1</v>
      </c>
      <c r="C126397" s="14" t="s">
        <v>252</v>
      </c>
      <c r="D126397" s="14" t="s">
        <v>18</v>
      </c>
      <c r="E126397" s="15">
        <v>45483</v>
      </c>
      <c r="F126397" s="14" t="s">
        <v>15</v>
      </c>
      <c r="G126397" s="16">
        <v>0</v>
      </c>
    </row>
    <row r="126398" spans="1:7" x14ac:dyDescent="0.3">
      <c r="A126398" s="13" t="s">
        <v>583</v>
      </c>
      <c r="B126398" s="14" t="s">
        <v>1</v>
      </c>
      <c r="C126398" s="14" t="s">
        <v>252</v>
      </c>
      <c r="D126398" s="14" t="s">
        <v>18</v>
      </c>
      <c r="E126398" s="15">
        <v>45484</v>
      </c>
      <c r="F126398" s="14" t="s">
        <v>15</v>
      </c>
      <c r="G126398" s="16">
        <v>0</v>
      </c>
    </row>
    <row r="126399" spans="1:7" x14ac:dyDescent="0.3">
      <c r="A126399" s="13" t="s">
        <v>583</v>
      </c>
      <c r="B126399" s="14" t="s">
        <v>1</v>
      </c>
      <c r="C126399" s="14" t="s">
        <v>252</v>
      </c>
      <c r="D126399" s="14" t="s">
        <v>18</v>
      </c>
      <c r="E126399" s="15">
        <v>45485</v>
      </c>
      <c r="F126399" s="14" t="s">
        <v>15</v>
      </c>
      <c r="G126399" s="16">
        <v>0</v>
      </c>
    </row>
    <row r="126400" spans="1:7" x14ac:dyDescent="0.3">
      <c r="A126400" s="13" t="s">
        <v>583</v>
      </c>
      <c r="B126400" s="14" t="s">
        <v>1</v>
      </c>
      <c r="C126400" s="14" t="s">
        <v>252</v>
      </c>
      <c r="D126400" s="14" t="s">
        <v>18</v>
      </c>
      <c r="E126400" s="15">
        <v>45486</v>
      </c>
      <c r="F126400" s="14" t="s">
        <v>15</v>
      </c>
      <c r="G126400" s="16">
        <v>0</v>
      </c>
    </row>
    <row r="126401" spans="1:7" x14ac:dyDescent="0.3">
      <c r="A126401" s="13" t="s">
        <v>583</v>
      </c>
      <c r="B126401" s="14" t="s">
        <v>1</v>
      </c>
      <c r="C126401" s="14" t="s">
        <v>252</v>
      </c>
      <c r="D126401" s="14" t="s">
        <v>18</v>
      </c>
      <c r="E126401" s="15">
        <v>45487</v>
      </c>
      <c r="F126401" s="14" t="s">
        <v>15</v>
      </c>
      <c r="G126401" s="16">
        <v>0</v>
      </c>
    </row>
    <row r="126402" spans="1:7" x14ac:dyDescent="0.3">
      <c r="A126402" s="13" t="s">
        <v>583</v>
      </c>
      <c r="B126402" s="14" t="s">
        <v>1</v>
      </c>
      <c r="C126402" s="14" t="s">
        <v>252</v>
      </c>
      <c r="D126402" s="14" t="s">
        <v>18</v>
      </c>
      <c r="E126402" s="15">
        <v>45488</v>
      </c>
      <c r="F126402" s="14" t="s">
        <v>15</v>
      </c>
      <c r="G126402" s="16">
        <v>0</v>
      </c>
    </row>
    <row r="126403" spans="1:7" x14ac:dyDescent="0.3">
      <c r="A126403" s="13" t="s">
        <v>583</v>
      </c>
      <c r="B126403" s="14" t="s">
        <v>1</v>
      </c>
      <c r="C126403" s="14" t="s">
        <v>252</v>
      </c>
      <c r="D126403" s="14" t="s">
        <v>18</v>
      </c>
      <c r="E126403" s="15">
        <v>45489</v>
      </c>
      <c r="F126403" s="14" t="s">
        <v>15</v>
      </c>
      <c r="G126403" s="16">
        <v>0</v>
      </c>
    </row>
    <row r="126404" spans="1:7" x14ac:dyDescent="0.3">
      <c r="A126404" s="13" t="s">
        <v>583</v>
      </c>
      <c r="B126404" s="14" t="s">
        <v>1</v>
      </c>
      <c r="C126404" s="14" t="s">
        <v>252</v>
      </c>
      <c r="D126404" s="14" t="s">
        <v>18</v>
      </c>
      <c r="E126404" s="15">
        <v>45490</v>
      </c>
      <c r="F126404" s="14" t="s">
        <v>15</v>
      </c>
      <c r="G126404" s="16">
        <v>0</v>
      </c>
    </row>
    <row r="126405" spans="1:7" x14ac:dyDescent="0.3">
      <c r="A126405" s="13" t="s">
        <v>583</v>
      </c>
      <c r="B126405" s="14" t="s">
        <v>1</v>
      </c>
      <c r="C126405" s="14" t="s">
        <v>252</v>
      </c>
      <c r="D126405" s="14" t="s">
        <v>18</v>
      </c>
      <c r="E126405" s="15">
        <v>45491</v>
      </c>
      <c r="F126405" s="14" t="s">
        <v>15</v>
      </c>
      <c r="G126405" s="16">
        <v>0</v>
      </c>
    </row>
    <row r="126406" spans="1:7" x14ac:dyDescent="0.3">
      <c r="A126406" s="13" t="s">
        <v>583</v>
      </c>
      <c r="B126406" s="14" t="s">
        <v>1</v>
      </c>
      <c r="C126406" s="14" t="s">
        <v>252</v>
      </c>
      <c r="D126406" s="14" t="s">
        <v>18</v>
      </c>
      <c r="E126406" s="15">
        <v>45492</v>
      </c>
      <c r="F126406" s="14" t="s">
        <v>15</v>
      </c>
      <c r="G126406" s="16">
        <v>0</v>
      </c>
    </row>
    <row r="126407" spans="1:7" x14ac:dyDescent="0.3">
      <c r="A126407" s="13" t="s">
        <v>583</v>
      </c>
      <c r="B126407" s="14" t="s">
        <v>1</v>
      </c>
      <c r="C126407" s="14" t="s">
        <v>252</v>
      </c>
      <c r="D126407" s="14" t="s">
        <v>18</v>
      </c>
      <c r="E126407" s="15">
        <v>45493</v>
      </c>
      <c r="F126407" s="14" t="s">
        <v>15</v>
      </c>
      <c r="G126407" s="16">
        <v>0</v>
      </c>
    </row>
    <row r="126408" spans="1:7" x14ac:dyDescent="0.3">
      <c r="A126408" s="13" t="s">
        <v>583</v>
      </c>
      <c r="B126408" s="14" t="s">
        <v>1</v>
      </c>
      <c r="C126408" s="14" t="s">
        <v>252</v>
      </c>
      <c r="D126408" s="14" t="s">
        <v>18</v>
      </c>
      <c r="E126408" s="15">
        <v>45494</v>
      </c>
      <c r="F126408" s="14" t="s">
        <v>15</v>
      </c>
      <c r="G126408" s="16">
        <v>0</v>
      </c>
    </row>
    <row r="126409" spans="1:7" x14ac:dyDescent="0.3">
      <c r="A126409" s="13" t="s">
        <v>583</v>
      </c>
      <c r="B126409" s="14" t="s">
        <v>1</v>
      </c>
      <c r="C126409" s="14" t="s">
        <v>252</v>
      </c>
      <c r="D126409" s="14" t="s">
        <v>18</v>
      </c>
      <c r="E126409" s="15">
        <v>45495</v>
      </c>
      <c r="F126409" s="14" t="s">
        <v>15</v>
      </c>
      <c r="G126409" s="16">
        <v>0</v>
      </c>
    </row>
    <row r="126410" spans="1:7" x14ac:dyDescent="0.3">
      <c r="A126410" s="13" t="s">
        <v>583</v>
      </c>
      <c r="B126410" s="14" t="s">
        <v>1</v>
      </c>
      <c r="C126410" s="14" t="s">
        <v>252</v>
      </c>
      <c r="D126410" s="14" t="s">
        <v>18</v>
      </c>
      <c r="E126410" s="15">
        <v>45496</v>
      </c>
      <c r="F126410" s="14" t="s">
        <v>15</v>
      </c>
      <c r="G126410" s="16">
        <v>0</v>
      </c>
    </row>
    <row r="126411" spans="1:7" x14ac:dyDescent="0.3">
      <c r="A126411" s="13" t="s">
        <v>583</v>
      </c>
      <c r="B126411" s="14" t="s">
        <v>1</v>
      </c>
      <c r="C126411" s="14" t="s">
        <v>252</v>
      </c>
      <c r="D126411" s="14" t="s">
        <v>18</v>
      </c>
      <c r="E126411" s="15">
        <v>45497</v>
      </c>
      <c r="F126411" s="14" t="s">
        <v>15</v>
      </c>
      <c r="G126411" s="16">
        <v>0</v>
      </c>
    </row>
    <row r="126412" spans="1:7" x14ac:dyDescent="0.3">
      <c r="A126412" s="13" t="s">
        <v>583</v>
      </c>
      <c r="B126412" s="14" t="s">
        <v>1</v>
      </c>
      <c r="C126412" s="14" t="s">
        <v>252</v>
      </c>
      <c r="D126412" s="14" t="s">
        <v>18</v>
      </c>
      <c r="E126412" s="15">
        <v>45498</v>
      </c>
      <c r="F126412" s="14" t="s">
        <v>15</v>
      </c>
      <c r="G126412" s="16">
        <v>0</v>
      </c>
    </row>
    <row r="126413" spans="1:7" x14ac:dyDescent="0.3">
      <c r="A126413" s="13" t="s">
        <v>583</v>
      </c>
      <c r="B126413" s="14" t="s">
        <v>1</v>
      </c>
      <c r="C126413" s="14" t="s">
        <v>252</v>
      </c>
      <c r="D126413" s="14" t="s">
        <v>18</v>
      </c>
      <c r="E126413" s="15">
        <v>45499</v>
      </c>
      <c r="F126413" s="14" t="s">
        <v>15</v>
      </c>
      <c r="G126413" s="16">
        <v>0</v>
      </c>
    </row>
    <row r="126414" spans="1:7" x14ac:dyDescent="0.3">
      <c r="A126414" s="13" t="s">
        <v>583</v>
      </c>
      <c r="B126414" s="14" t="s">
        <v>1</v>
      </c>
      <c r="C126414" s="14" t="s">
        <v>252</v>
      </c>
      <c r="D126414" s="14" t="s">
        <v>18</v>
      </c>
      <c r="E126414" s="15">
        <v>45500</v>
      </c>
      <c r="F126414" s="14" t="s">
        <v>15</v>
      </c>
      <c r="G126414" s="16">
        <v>0</v>
      </c>
    </row>
    <row r="126415" spans="1:7" x14ac:dyDescent="0.3">
      <c r="A126415" s="13" t="s">
        <v>583</v>
      </c>
      <c r="B126415" s="14" t="s">
        <v>1</v>
      </c>
      <c r="C126415" s="14" t="s">
        <v>252</v>
      </c>
      <c r="D126415" s="14" t="s">
        <v>18</v>
      </c>
      <c r="E126415" s="15">
        <v>45501</v>
      </c>
      <c r="F126415" s="14" t="s">
        <v>15</v>
      </c>
      <c r="G126415" s="16">
        <v>0</v>
      </c>
    </row>
    <row r="126416" spans="1:7" x14ac:dyDescent="0.3">
      <c r="A126416" s="13" t="s">
        <v>583</v>
      </c>
      <c r="B126416" s="14" t="s">
        <v>1</v>
      </c>
      <c r="C126416" s="14" t="s">
        <v>252</v>
      </c>
      <c r="D126416" s="14" t="s">
        <v>18</v>
      </c>
      <c r="E126416" s="15">
        <v>45502</v>
      </c>
      <c r="F126416" s="14" t="s">
        <v>15</v>
      </c>
      <c r="G126416" s="16">
        <v>0</v>
      </c>
    </row>
    <row r="126417" spans="1:7" x14ac:dyDescent="0.3">
      <c r="A126417" s="13" t="s">
        <v>583</v>
      </c>
      <c r="B126417" s="14" t="s">
        <v>1</v>
      </c>
      <c r="C126417" s="14" t="s">
        <v>252</v>
      </c>
      <c r="D126417" s="14" t="s">
        <v>18</v>
      </c>
      <c r="E126417" s="15">
        <v>45503</v>
      </c>
      <c r="F126417" s="14" t="s">
        <v>15</v>
      </c>
      <c r="G126417" s="16">
        <v>0</v>
      </c>
    </row>
    <row r="126418" spans="1:7" x14ac:dyDescent="0.3">
      <c r="A126418" s="13" t="s">
        <v>583</v>
      </c>
      <c r="B126418" s="14" t="s">
        <v>1</v>
      </c>
      <c r="C126418" s="14" t="s">
        <v>252</v>
      </c>
      <c r="D126418" s="14" t="s">
        <v>18</v>
      </c>
      <c r="E126418" s="15">
        <v>45504</v>
      </c>
      <c r="F126418" s="14" t="s">
        <v>15</v>
      </c>
      <c r="G126418" s="16">
        <v>0</v>
      </c>
    </row>
    <row r="126419" spans="1:7" x14ac:dyDescent="0.3">
      <c r="A126419" s="13" t="s">
        <v>583</v>
      </c>
      <c r="B126419" s="14" t="s">
        <v>1</v>
      </c>
      <c r="C126419" s="14" t="s">
        <v>252</v>
      </c>
      <c r="D126419" s="14" t="s">
        <v>18</v>
      </c>
      <c r="E126419" s="15">
        <v>45505</v>
      </c>
      <c r="F126419" s="14" t="s">
        <v>15</v>
      </c>
      <c r="G126419" s="16">
        <v>0</v>
      </c>
    </row>
    <row r="126420" spans="1:7" x14ac:dyDescent="0.3">
      <c r="A126420" s="13" t="s">
        <v>583</v>
      </c>
      <c r="B126420" s="14" t="s">
        <v>1</v>
      </c>
      <c r="C126420" s="14" t="s">
        <v>252</v>
      </c>
      <c r="D126420" s="14" t="s">
        <v>18</v>
      </c>
      <c r="E126420" s="15">
        <v>45506</v>
      </c>
      <c r="F126420" s="14" t="s">
        <v>15</v>
      </c>
      <c r="G126420" s="16">
        <v>0</v>
      </c>
    </row>
    <row r="126421" spans="1:7" x14ac:dyDescent="0.3">
      <c r="A126421" s="13" t="s">
        <v>583</v>
      </c>
      <c r="B126421" s="14" t="s">
        <v>1</v>
      </c>
      <c r="C126421" s="14" t="s">
        <v>252</v>
      </c>
      <c r="D126421" s="14" t="s">
        <v>18</v>
      </c>
      <c r="E126421" s="15">
        <v>45507</v>
      </c>
      <c r="F126421" s="14" t="s">
        <v>15</v>
      </c>
      <c r="G126421" s="16">
        <v>0</v>
      </c>
    </row>
    <row r="126422" spans="1:7" x14ac:dyDescent="0.3">
      <c r="A126422" s="13" t="s">
        <v>583</v>
      </c>
      <c r="B126422" s="14" t="s">
        <v>1</v>
      </c>
      <c r="C126422" s="14" t="s">
        <v>252</v>
      </c>
      <c r="D126422" s="14" t="s">
        <v>18</v>
      </c>
      <c r="E126422" s="15">
        <v>45508</v>
      </c>
      <c r="F126422" s="14" t="s">
        <v>15</v>
      </c>
      <c r="G126422" s="16">
        <v>0</v>
      </c>
    </row>
    <row r="126423" spans="1:7" x14ac:dyDescent="0.3">
      <c r="A126423" s="13" t="s">
        <v>583</v>
      </c>
      <c r="B126423" s="14" t="s">
        <v>1</v>
      </c>
      <c r="C126423" s="14" t="s">
        <v>252</v>
      </c>
      <c r="D126423" s="14" t="s">
        <v>18</v>
      </c>
      <c r="E126423" s="15">
        <v>45509</v>
      </c>
      <c r="F126423" s="14" t="s">
        <v>15</v>
      </c>
      <c r="G126423" s="16">
        <v>0</v>
      </c>
    </row>
    <row r="126424" spans="1:7" x14ac:dyDescent="0.3">
      <c r="A126424" s="13" t="s">
        <v>583</v>
      </c>
      <c r="B126424" s="14" t="s">
        <v>1</v>
      </c>
      <c r="C126424" s="14" t="s">
        <v>252</v>
      </c>
      <c r="D126424" s="14" t="s">
        <v>18</v>
      </c>
      <c r="E126424" s="15">
        <v>45510</v>
      </c>
      <c r="F126424" s="14" t="s">
        <v>15</v>
      </c>
      <c r="G126424" s="16">
        <v>0</v>
      </c>
    </row>
    <row r="126425" spans="1:7" x14ac:dyDescent="0.3">
      <c r="A126425" s="13" t="s">
        <v>583</v>
      </c>
      <c r="B126425" s="14" t="s">
        <v>1</v>
      </c>
      <c r="C126425" s="14" t="s">
        <v>252</v>
      </c>
      <c r="D126425" s="14" t="s">
        <v>18</v>
      </c>
      <c r="E126425" s="15">
        <v>45511</v>
      </c>
      <c r="F126425" s="14" t="s">
        <v>15</v>
      </c>
      <c r="G126425" s="16">
        <v>0</v>
      </c>
    </row>
    <row r="126426" spans="1:7" x14ac:dyDescent="0.3">
      <c r="A126426" s="13" t="s">
        <v>583</v>
      </c>
      <c r="B126426" s="14" t="s">
        <v>1</v>
      </c>
      <c r="C126426" s="14" t="s">
        <v>252</v>
      </c>
      <c r="D126426" s="14" t="s">
        <v>18</v>
      </c>
      <c r="E126426" s="15">
        <v>45512</v>
      </c>
      <c r="F126426" s="14" t="s">
        <v>15</v>
      </c>
      <c r="G126426" s="16">
        <v>0</v>
      </c>
    </row>
    <row r="126427" spans="1:7" x14ac:dyDescent="0.3">
      <c r="A126427" s="13" t="s">
        <v>583</v>
      </c>
      <c r="B126427" s="14" t="s">
        <v>1</v>
      </c>
      <c r="C126427" s="14" t="s">
        <v>252</v>
      </c>
      <c r="D126427" s="14" t="s">
        <v>18</v>
      </c>
      <c r="E126427" s="15">
        <v>45513</v>
      </c>
      <c r="F126427" s="14" t="s">
        <v>15</v>
      </c>
      <c r="G126427" s="16">
        <v>0</v>
      </c>
    </row>
    <row r="126428" spans="1:7" x14ac:dyDescent="0.3">
      <c r="A126428" s="13" t="s">
        <v>583</v>
      </c>
      <c r="B126428" s="14" t="s">
        <v>1</v>
      </c>
      <c r="C126428" s="14" t="s">
        <v>252</v>
      </c>
      <c r="D126428" s="14" t="s">
        <v>18</v>
      </c>
      <c r="E126428" s="15">
        <v>45514</v>
      </c>
      <c r="F126428" s="14" t="s">
        <v>15</v>
      </c>
      <c r="G126428" s="16">
        <v>0</v>
      </c>
    </row>
    <row r="126429" spans="1:7" x14ac:dyDescent="0.3">
      <c r="A126429" s="13" t="s">
        <v>583</v>
      </c>
      <c r="B126429" s="14" t="s">
        <v>1</v>
      </c>
      <c r="C126429" s="14" t="s">
        <v>252</v>
      </c>
      <c r="D126429" s="14" t="s">
        <v>18</v>
      </c>
      <c r="E126429" s="15">
        <v>45515</v>
      </c>
      <c r="F126429" s="14" t="s">
        <v>15</v>
      </c>
      <c r="G126429" s="16">
        <v>0</v>
      </c>
    </row>
    <row r="126430" spans="1:7" x14ac:dyDescent="0.3">
      <c r="A126430" s="13" t="s">
        <v>583</v>
      </c>
      <c r="B126430" s="14" t="s">
        <v>1</v>
      </c>
      <c r="C126430" s="14" t="s">
        <v>252</v>
      </c>
      <c r="D126430" s="14" t="s">
        <v>18</v>
      </c>
      <c r="E126430" s="15">
        <v>45516</v>
      </c>
      <c r="F126430" s="14" t="s">
        <v>15</v>
      </c>
      <c r="G126430" s="16">
        <v>0</v>
      </c>
    </row>
    <row r="126431" spans="1:7" x14ac:dyDescent="0.3">
      <c r="A126431" s="13" t="s">
        <v>583</v>
      </c>
      <c r="B126431" s="14" t="s">
        <v>1</v>
      </c>
      <c r="C126431" s="14" t="s">
        <v>252</v>
      </c>
      <c r="D126431" s="14" t="s">
        <v>18</v>
      </c>
      <c r="E126431" s="15">
        <v>45517</v>
      </c>
      <c r="F126431" s="14" t="s">
        <v>15</v>
      </c>
      <c r="G126431" s="16">
        <v>0</v>
      </c>
    </row>
    <row r="126432" spans="1:7" x14ac:dyDescent="0.3">
      <c r="A126432" s="13" t="s">
        <v>583</v>
      </c>
      <c r="B126432" s="14" t="s">
        <v>1</v>
      </c>
      <c r="C126432" s="14" t="s">
        <v>252</v>
      </c>
      <c r="D126432" s="14" t="s">
        <v>18</v>
      </c>
      <c r="E126432" s="15">
        <v>45518</v>
      </c>
      <c r="F126432" s="14" t="s">
        <v>15</v>
      </c>
      <c r="G126432" s="16">
        <v>0</v>
      </c>
    </row>
    <row r="126433" spans="1:7" x14ac:dyDescent="0.3">
      <c r="A126433" s="13" t="s">
        <v>583</v>
      </c>
      <c r="B126433" s="14" t="s">
        <v>1</v>
      </c>
      <c r="C126433" s="14" t="s">
        <v>252</v>
      </c>
      <c r="D126433" s="14" t="s">
        <v>18</v>
      </c>
      <c r="E126433" s="15">
        <v>45519</v>
      </c>
      <c r="F126433" s="14" t="s">
        <v>15</v>
      </c>
      <c r="G126433" s="16">
        <v>0</v>
      </c>
    </row>
    <row r="126434" spans="1:7" x14ac:dyDescent="0.3">
      <c r="A126434" s="13" t="s">
        <v>583</v>
      </c>
      <c r="B126434" s="14" t="s">
        <v>1</v>
      </c>
      <c r="C126434" s="14" t="s">
        <v>252</v>
      </c>
      <c r="D126434" s="14" t="s">
        <v>18</v>
      </c>
      <c r="E126434" s="15">
        <v>45520</v>
      </c>
      <c r="F126434" s="14" t="s">
        <v>15</v>
      </c>
      <c r="G126434" s="16">
        <v>0</v>
      </c>
    </row>
    <row r="126435" spans="1:7" x14ac:dyDescent="0.3">
      <c r="A126435" s="13" t="s">
        <v>583</v>
      </c>
      <c r="B126435" s="14" t="s">
        <v>1</v>
      </c>
      <c r="C126435" s="14" t="s">
        <v>252</v>
      </c>
      <c r="D126435" s="14" t="s">
        <v>18</v>
      </c>
      <c r="E126435" s="15">
        <v>45521</v>
      </c>
      <c r="F126435" s="14" t="s">
        <v>15</v>
      </c>
      <c r="G126435" s="16">
        <v>0</v>
      </c>
    </row>
    <row r="126436" spans="1:7" x14ac:dyDescent="0.3">
      <c r="A126436" s="13" t="s">
        <v>583</v>
      </c>
      <c r="B126436" s="14" t="s">
        <v>1</v>
      </c>
      <c r="C126436" s="14" t="s">
        <v>252</v>
      </c>
      <c r="D126436" s="14" t="s">
        <v>18</v>
      </c>
      <c r="E126436" s="15">
        <v>45522</v>
      </c>
      <c r="F126436" s="14" t="s">
        <v>15</v>
      </c>
      <c r="G126436" s="16">
        <v>0</v>
      </c>
    </row>
    <row r="126437" spans="1:7" x14ac:dyDescent="0.3">
      <c r="A126437" s="13" t="s">
        <v>583</v>
      </c>
      <c r="B126437" s="14" t="s">
        <v>1</v>
      </c>
      <c r="C126437" s="14" t="s">
        <v>252</v>
      </c>
      <c r="D126437" s="14" t="s">
        <v>18</v>
      </c>
      <c r="E126437" s="15">
        <v>45523</v>
      </c>
      <c r="F126437" s="14" t="s">
        <v>15</v>
      </c>
      <c r="G126437" s="16">
        <v>0</v>
      </c>
    </row>
    <row r="126438" spans="1:7" x14ac:dyDescent="0.3">
      <c r="A126438" s="13" t="s">
        <v>583</v>
      </c>
      <c r="B126438" s="14" t="s">
        <v>1</v>
      </c>
      <c r="C126438" s="14" t="s">
        <v>252</v>
      </c>
      <c r="D126438" s="14" t="s">
        <v>18</v>
      </c>
      <c r="E126438" s="15">
        <v>45524</v>
      </c>
      <c r="F126438" s="14" t="s">
        <v>15</v>
      </c>
      <c r="G126438" s="16">
        <v>0</v>
      </c>
    </row>
    <row r="126439" spans="1:7" x14ac:dyDescent="0.3">
      <c r="A126439" s="13" t="s">
        <v>583</v>
      </c>
      <c r="B126439" s="14" t="s">
        <v>1</v>
      </c>
      <c r="C126439" s="14" t="s">
        <v>252</v>
      </c>
      <c r="D126439" s="14" t="s">
        <v>18</v>
      </c>
      <c r="E126439" s="15">
        <v>45525</v>
      </c>
      <c r="F126439" s="14" t="s">
        <v>15</v>
      </c>
      <c r="G126439" s="16">
        <v>0</v>
      </c>
    </row>
    <row r="126440" spans="1:7" x14ac:dyDescent="0.3">
      <c r="A126440" s="13" t="s">
        <v>583</v>
      </c>
      <c r="B126440" s="14" t="s">
        <v>1</v>
      </c>
      <c r="C126440" s="14" t="s">
        <v>252</v>
      </c>
      <c r="D126440" s="14" t="s">
        <v>18</v>
      </c>
      <c r="E126440" s="15">
        <v>45526</v>
      </c>
      <c r="F126440" s="14" t="s">
        <v>15</v>
      </c>
      <c r="G126440" s="16">
        <v>0</v>
      </c>
    </row>
    <row r="126441" spans="1:7" x14ac:dyDescent="0.3">
      <c r="A126441" s="13" t="s">
        <v>583</v>
      </c>
      <c r="B126441" s="14" t="s">
        <v>1</v>
      </c>
      <c r="C126441" s="14" t="s">
        <v>252</v>
      </c>
      <c r="D126441" s="14" t="s">
        <v>18</v>
      </c>
      <c r="E126441" s="15">
        <v>45527</v>
      </c>
      <c r="F126441" s="14" t="s">
        <v>15</v>
      </c>
      <c r="G126441" s="16">
        <v>0</v>
      </c>
    </row>
    <row r="126442" spans="1:7" x14ac:dyDescent="0.3">
      <c r="A126442" s="13" t="s">
        <v>583</v>
      </c>
      <c r="B126442" s="14" t="s">
        <v>1</v>
      </c>
      <c r="C126442" s="14" t="s">
        <v>252</v>
      </c>
      <c r="D126442" s="14" t="s">
        <v>18</v>
      </c>
      <c r="E126442" s="15">
        <v>45528</v>
      </c>
      <c r="F126442" s="14" t="s">
        <v>15</v>
      </c>
      <c r="G126442" s="16">
        <v>0</v>
      </c>
    </row>
    <row r="126443" spans="1:7" x14ac:dyDescent="0.3">
      <c r="A126443" s="13" t="s">
        <v>583</v>
      </c>
      <c r="B126443" s="14" t="s">
        <v>1</v>
      </c>
      <c r="C126443" s="14" t="s">
        <v>252</v>
      </c>
      <c r="D126443" s="14" t="s">
        <v>18</v>
      </c>
      <c r="E126443" s="15">
        <v>45529</v>
      </c>
      <c r="F126443" s="14" t="s">
        <v>15</v>
      </c>
      <c r="G126443" s="16">
        <v>0</v>
      </c>
    </row>
    <row r="126444" spans="1:7" x14ac:dyDescent="0.3">
      <c r="A126444" s="13" t="s">
        <v>583</v>
      </c>
      <c r="B126444" s="14" t="s">
        <v>1</v>
      </c>
      <c r="C126444" s="14" t="s">
        <v>252</v>
      </c>
      <c r="D126444" s="14" t="s">
        <v>18</v>
      </c>
      <c r="E126444" s="15">
        <v>45530</v>
      </c>
      <c r="F126444" s="14" t="s">
        <v>15</v>
      </c>
      <c r="G126444" s="16">
        <v>0</v>
      </c>
    </row>
    <row r="126445" spans="1:7" x14ac:dyDescent="0.3">
      <c r="A126445" s="13" t="s">
        <v>583</v>
      </c>
      <c r="B126445" s="14" t="s">
        <v>1</v>
      </c>
      <c r="C126445" s="14" t="s">
        <v>252</v>
      </c>
      <c r="D126445" s="14" t="s">
        <v>18</v>
      </c>
      <c r="E126445" s="15">
        <v>45531</v>
      </c>
      <c r="F126445" s="14" t="s">
        <v>15</v>
      </c>
      <c r="G126445" s="16">
        <v>0</v>
      </c>
    </row>
    <row r="126446" spans="1:7" x14ac:dyDescent="0.3">
      <c r="A126446" s="13" t="s">
        <v>583</v>
      </c>
      <c r="B126446" s="14" t="s">
        <v>1</v>
      </c>
      <c r="C126446" s="14" t="s">
        <v>252</v>
      </c>
      <c r="D126446" s="14" t="s">
        <v>18</v>
      </c>
      <c r="E126446" s="15">
        <v>45532</v>
      </c>
      <c r="F126446" s="14" t="s">
        <v>15</v>
      </c>
      <c r="G126446" s="16">
        <v>0</v>
      </c>
    </row>
    <row r="126447" spans="1:7" x14ac:dyDescent="0.3">
      <c r="A126447" s="13" t="s">
        <v>583</v>
      </c>
      <c r="B126447" s="14" t="s">
        <v>1</v>
      </c>
      <c r="C126447" s="14" t="s">
        <v>252</v>
      </c>
      <c r="D126447" s="14" t="s">
        <v>18</v>
      </c>
      <c r="E126447" s="15">
        <v>45533</v>
      </c>
      <c r="F126447" s="14" t="s">
        <v>15</v>
      </c>
      <c r="G126447" s="16">
        <v>0</v>
      </c>
    </row>
    <row r="126448" spans="1:7" x14ac:dyDescent="0.3">
      <c r="A126448" s="13" t="s">
        <v>583</v>
      </c>
      <c r="B126448" s="14" t="s">
        <v>1</v>
      </c>
      <c r="C126448" s="14" t="s">
        <v>252</v>
      </c>
      <c r="D126448" s="14" t="s">
        <v>18</v>
      </c>
      <c r="E126448" s="15">
        <v>45534</v>
      </c>
      <c r="F126448" s="14" t="s">
        <v>15</v>
      </c>
      <c r="G126448" s="16">
        <v>0</v>
      </c>
    </row>
    <row r="126449" spans="1:7" x14ac:dyDescent="0.3">
      <c r="A126449" s="13" t="s">
        <v>583</v>
      </c>
      <c r="B126449" s="14" t="s">
        <v>1</v>
      </c>
      <c r="C126449" s="14" t="s">
        <v>252</v>
      </c>
      <c r="D126449" s="14" t="s">
        <v>18</v>
      </c>
      <c r="E126449" s="15">
        <v>45535</v>
      </c>
      <c r="F126449" s="14" t="s">
        <v>15</v>
      </c>
      <c r="G126449" s="16">
        <v>0</v>
      </c>
    </row>
    <row r="126450" spans="1:7" x14ac:dyDescent="0.3">
      <c r="A126450" s="13" t="s">
        <v>583</v>
      </c>
      <c r="B126450" s="14" t="s">
        <v>1</v>
      </c>
      <c r="C126450" s="14" t="s">
        <v>252</v>
      </c>
      <c r="D126450" s="14" t="s">
        <v>18</v>
      </c>
      <c r="E126450" s="15">
        <v>45536</v>
      </c>
      <c r="F126450" s="14" t="s">
        <v>15</v>
      </c>
      <c r="G126450" s="16">
        <v>0</v>
      </c>
    </row>
    <row r="126451" spans="1:7" x14ac:dyDescent="0.3">
      <c r="A126451" s="13" t="s">
        <v>583</v>
      </c>
      <c r="B126451" s="14" t="s">
        <v>1</v>
      </c>
      <c r="C126451" s="14" t="s">
        <v>252</v>
      </c>
      <c r="D126451" s="14" t="s">
        <v>18</v>
      </c>
      <c r="E126451" s="15">
        <v>45537</v>
      </c>
      <c r="F126451" s="14" t="s">
        <v>15</v>
      </c>
      <c r="G126451" s="16">
        <v>0</v>
      </c>
    </row>
    <row r="126452" spans="1:7" x14ac:dyDescent="0.3">
      <c r="A126452" s="13" t="s">
        <v>583</v>
      </c>
      <c r="B126452" s="14" t="s">
        <v>1</v>
      </c>
      <c r="C126452" s="14" t="s">
        <v>252</v>
      </c>
      <c r="D126452" s="14" t="s">
        <v>18</v>
      </c>
      <c r="E126452" s="15">
        <v>45538</v>
      </c>
      <c r="F126452" s="14" t="s">
        <v>15</v>
      </c>
      <c r="G126452" s="16">
        <v>0</v>
      </c>
    </row>
    <row r="126453" spans="1:7" x14ac:dyDescent="0.3">
      <c r="A126453" s="13" t="s">
        <v>583</v>
      </c>
      <c r="B126453" s="14" t="s">
        <v>1</v>
      </c>
      <c r="C126453" s="14" t="s">
        <v>252</v>
      </c>
      <c r="D126453" s="14" t="s">
        <v>18</v>
      </c>
      <c r="E126453" s="15">
        <v>45539</v>
      </c>
      <c r="F126453" s="14" t="s">
        <v>15</v>
      </c>
      <c r="G126453" s="16">
        <v>0</v>
      </c>
    </row>
    <row r="126454" spans="1:7" x14ac:dyDescent="0.3">
      <c r="A126454" s="13" t="s">
        <v>583</v>
      </c>
      <c r="B126454" s="14" t="s">
        <v>1</v>
      </c>
      <c r="C126454" s="14" t="s">
        <v>252</v>
      </c>
      <c r="D126454" s="14" t="s">
        <v>18</v>
      </c>
      <c r="E126454" s="15">
        <v>45540</v>
      </c>
      <c r="F126454" s="14" t="s">
        <v>15</v>
      </c>
      <c r="G126454" s="16">
        <v>0</v>
      </c>
    </row>
    <row r="126455" spans="1:7" x14ac:dyDescent="0.3">
      <c r="A126455" s="13" t="s">
        <v>583</v>
      </c>
      <c r="B126455" s="14" t="s">
        <v>1</v>
      </c>
      <c r="C126455" s="14" t="s">
        <v>252</v>
      </c>
      <c r="D126455" s="14" t="s">
        <v>18</v>
      </c>
      <c r="E126455" s="15">
        <v>45541</v>
      </c>
      <c r="F126455" s="14" t="s">
        <v>15</v>
      </c>
      <c r="G126455" s="16">
        <v>0</v>
      </c>
    </row>
    <row r="126456" spans="1:7" x14ac:dyDescent="0.3">
      <c r="A126456" s="13" t="s">
        <v>583</v>
      </c>
      <c r="B126456" s="14" t="s">
        <v>1</v>
      </c>
      <c r="C126456" s="14" t="s">
        <v>252</v>
      </c>
      <c r="D126456" s="14" t="s">
        <v>18</v>
      </c>
      <c r="E126456" s="15">
        <v>45542</v>
      </c>
      <c r="F126456" s="14" t="s">
        <v>15</v>
      </c>
      <c r="G126456" s="16">
        <v>0</v>
      </c>
    </row>
    <row r="126457" spans="1:7" x14ac:dyDescent="0.3">
      <c r="A126457" s="13" t="s">
        <v>583</v>
      </c>
      <c r="B126457" s="14" t="s">
        <v>1</v>
      </c>
      <c r="C126457" s="14" t="s">
        <v>252</v>
      </c>
      <c r="D126457" s="14" t="s">
        <v>18</v>
      </c>
      <c r="E126457" s="15">
        <v>45543</v>
      </c>
      <c r="F126457" s="14" t="s">
        <v>15</v>
      </c>
      <c r="G126457" s="16">
        <v>0</v>
      </c>
    </row>
    <row r="126458" spans="1:7" x14ac:dyDescent="0.3">
      <c r="A126458" s="13" t="s">
        <v>583</v>
      </c>
      <c r="B126458" s="14" t="s">
        <v>1</v>
      </c>
      <c r="C126458" s="14" t="s">
        <v>252</v>
      </c>
      <c r="D126458" s="14" t="s">
        <v>18</v>
      </c>
      <c r="E126458" s="15">
        <v>45544</v>
      </c>
      <c r="F126458" s="14" t="s">
        <v>15</v>
      </c>
      <c r="G126458" s="16">
        <v>0</v>
      </c>
    </row>
    <row r="126459" spans="1:7" x14ac:dyDescent="0.3">
      <c r="A126459" s="13" t="s">
        <v>583</v>
      </c>
      <c r="B126459" s="14" t="s">
        <v>1</v>
      </c>
      <c r="C126459" s="14" t="s">
        <v>252</v>
      </c>
      <c r="D126459" s="14" t="s">
        <v>18</v>
      </c>
      <c r="E126459" s="15">
        <v>45545</v>
      </c>
      <c r="F126459" s="14" t="s">
        <v>15</v>
      </c>
      <c r="G126459" s="16">
        <v>0</v>
      </c>
    </row>
    <row r="126460" spans="1:7" x14ac:dyDescent="0.3">
      <c r="A126460" s="13" t="s">
        <v>583</v>
      </c>
      <c r="B126460" s="14" t="s">
        <v>1</v>
      </c>
      <c r="C126460" s="14" t="s">
        <v>252</v>
      </c>
      <c r="D126460" s="14" t="s">
        <v>18</v>
      </c>
      <c r="E126460" s="15">
        <v>45546</v>
      </c>
      <c r="F126460" s="14" t="s">
        <v>15</v>
      </c>
      <c r="G126460" s="16">
        <v>0</v>
      </c>
    </row>
    <row r="126461" spans="1:7" x14ac:dyDescent="0.3">
      <c r="A126461" s="13" t="s">
        <v>583</v>
      </c>
      <c r="B126461" s="14" t="s">
        <v>1</v>
      </c>
      <c r="C126461" s="14" t="s">
        <v>252</v>
      </c>
      <c r="D126461" s="14" t="s">
        <v>18</v>
      </c>
      <c r="E126461" s="15">
        <v>45547</v>
      </c>
      <c r="F126461" s="14" t="s">
        <v>15</v>
      </c>
      <c r="G126461" s="16">
        <v>0</v>
      </c>
    </row>
    <row r="126462" spans="1:7" x14ac:dyDescent="0.3">
      <c r="A126462" s="13" t="s">
        <v>583</v>
      </c>
      <c r="B126462" s="14" t="s">
        <v>1</v>
      </c>
      <c r="C126462" s="14" t="s">
        <v>252</v>
      </c>
      <c r="D126462" s="14" t="s">
        <v>18</v>
      </c>
      <c r="E126462" s="15">
        <v>45548</v>
      </c>
      <c r="F126462" s="14" t="s">
        <v>15</v>
      </c>
      <c r="G126462" s="16">
        <v>0</v>
      </c>
    </row>
    <row r="126463" spans="1:7" x14ac:dyDescent="0.3">
      <c r="A126463" s="13" t="s">
        <v>583</v>
      </c>
      <c r="B126463" s="14" t="s">
        <v>1</v>
      </c>
      <c r="C126463" s="14" t="s">
        <v>252</v>
      </c>
      <c r="D126463" s="14" t="s">
        <v>18</v>
      </c>
      <c r="E126463" s="15">
        <v>45549</v>
      </c>
      <c r="F126463" s="14" t="s">
        <v>15</v>
      </c>
      <c r="G126463" s="16">
        <v>0</v>
      </c>
    </row>
    <row r="126464" spans="1:7" x14ac:dyDescent="0.3">
      <c r="A126464" s="13" t="s">
        <v>583</v>
      </c>
      <c r="B126464" s="14" t="s">
        <v>1</v>
      </c>
      <c r="C126464" s="14" t="s">
        <v>252</v>
      </c>
      <c r="D126464" s="14" t="s">
        <v>18</v>
      </c>
      <c r="E126464" s="15">
        <v>45550</v>
      </c>
      <c r="F126464" s="14" t="s">
        <v>15</v>
      </c>
      <c r="G126464" s="16">
        <v>0</v>
      </c>
    </row>
    <row r="126465" spans="1:7" x14ac:dyDescent="0.3">
      <c r="A126465" s="13" t="s">
        <v>583</v>
      </c>
      <c r="B126465" s="14" t="s">
        <v>1</v>
      </c>
      <c r="C126465" s="14" t="s">
        <v>252</v>
      </c>
      <c r="D126465" s="14" t="s">
        <v>18</v>
      </c>
      <c r="E126465" s="15">
        <v>45551</v>
      </c>
      <c r="F126465" s="14" t="s">
        <v>15</v>
      </c>
      <c r="G126465" s="16">
        <v>0</v>
      </c>
    </row>
    <row r="126466" spans="1:7" x14ac:dyDescent="0.3">
      <c r="A126466" s="13" t="s">
        <v>583</v>
      </c>
      <c r="B126466" s="14" t="s">
        <v>1</v>
      </c>
      <c r="C126466" s="14" t="s">
        <v>252</v>
      </c>
      <c r="D126466" s="14" t="s">
        <v>18</v>
      </c>
      <c r="E126466" s="15">
        <v>45552</v>
      </c>
      <c r="F126466" s="14" t="s">
        <v>15</v>
      </c>
      <c r="G126466" s="16">
        <v>0</v>
      </c>
    </row>
    <row r="126467" spans="1:7" x14ac:dyDescent="0.3">
      <c r="A126467" s="13" t="s">
        <v>583</v>
      </c>
      <c r="B126467" s="14" t="s">
        <v>1</v>
      </c>
      <c r="C126467" s="14" t="s">
        <v>252</v>
      </c>
      <c r="D126467" s="14" t="s">
        <v>18</v>
      </c>
      <c r="E126467" s="15">
        <v>45553</v>
      </c>
      <c r="F126467" s="14" t="s">
        <v>15</v>
      </c>
      <c r="G126467" s="16">
        <v>0</v>
      </c>
    </row>
    <row r="126468" spans="1:7" x14ac:dyDescent="0.3">
      <c r="A126468" s="13" t="s">
        <v>583</v>
      </c>
      <c r="B126468" s="14" t="s">
        <v>1</v>
      </c>
      <c r="C126468" s="14" t="s">
        <v>252</v>
      </c>
      <c r="D126468" s="14" t="s">
        <v>18</v>
      </c>
      <c r="E126468" s="15">
        <v>45554</v>
      </c>
      <c r="F126468" s="14" t="s">
        <v>15</v>
      </c>
      <c r="G126468" s="16">
        <v>0</v>
      </c>
    </row>
    <row r="126469" spans="1:7" x14ac:dyDescent="0.3">
      <c r="A126469" s="13" t="s">
        <v>583</v>
      </c>
      <c r="B126469" s="14" t="s">
        <v>1</v>
      </c>
      <c r="C126469" s="14" t="s">
        <v>252</v>
      </c>
      <c r="D126469" s="14" t="s">
        <v>18</v>
      </c>
      <c r="E126469" s="15">
        <v>45555</v>
      </c>
      <c r="F126469" s="14" t="s">
        <v>15</v>
      </c>
      <c r="G126469" s="16">
        <v>0</v>
      </c>
    </row>
    <row r="126470" spans="1:7" x14ac:dyDescent="0.3">
      <c r="A126470" s="13" t="s">
        <v>583</v>
      </c>
      <c r="B126470" s="14" t="s">
        <v>1</v>
      </c>
      <c r="C126470" s="14" t="s">
        <v>252</v>
      </c>
      <c r="D126470" s="14" t="s">
        <v>18</v>
      </c>
      <c r="E126470" s="15">
        <v>45556</v>
      </c>
      <c r="F126470" s="14" t="s">
        <v>15</v>
      </c>
      <c r="G126470" s="16">
        <v>0</v>
      </c>
    </row>
    <row r="126471" spans="1:7" x14ac:dyDescent="0.3">
      <c r="A126471" s="13" t="s">
        <v>583</v>
      </c>
      <c r="B126471" s="14" t="s">
        <v>1</v>
      </c>
      <c r="C126471" s="14" t="s">
        <v>252</v>
      </c>
      <c r="D126471" s="14" t="s">
        <v>18</v>
      </c>
      <c r="E126471" s="15">
        <v>45557</v>
      </c>
      <c r="F126471" s="14" t="s">
        <v>15</v>
      </c>
      <c r="G126471" s="16">
        <v>0</v>
      </c>
    </row>
    <row r="126472" spans="1:7" x14ac:dyDescent="0.3">
      <c r="A126472" s="13" t="s">
        <v>583</v>
      </c>
      <c r="B126472" s="14" t="s">
        <v>1</v>
      </c>
      <c r="C126472" s="14" t="s">
        <v>252</v>
      </c>
      <c r="D126472" s="14" t="s">
        <v>18</v>
      </c>
      <c r="E126472" s="15">
        <v>45558</v>
      </c>
      <c r="F126472" s="14" t="s">
        <v>15</v>
      </c>
      <c r="G126472" s="16">
        <v>0</v>
      </c>
    </row>
    <row r="126473" spans="1:7" x14ac:dyDescent="0.3">
      <c r="A126473" s="13" t="s">
        <v>583</v>
      </c>
      <c r="B126473" s="14" t="s">
        <v>1</v>
      </c>
      <c r="C126473" s="14" t="s">
        <v>252</v>
      </c>
      <c r="D126473" s="14" t="s">
        <v>18</v>
      </c>
      <c r="E126473" s="15">
        <v>45559</v>
      </c>
      <c r="F126473" s="14" t="s">
        <v>15</v>
      </c>
      <c r="G126473" s="16">
        <v>0</v>
      </c>
    </row>
    <row r="126474" spans="1:7" x14ac:dyDescent="0.3">
      <c r="A126474" s="13" t="s">
        <v>583</v>
      </c>
      <c r="B126474" s="14" t="s">
        <v>1</v>
      </c>
      <c r="C126474" s="14" t="s">
        <v>252</v>
      </c>
      <c r="D126474" s="14" t="s">
        <v>18</v>
      </c>
      <c r="E126474" s="15">
        <v>45560</v>
      </c>
      <c r="F126474" s="14" t="s">
        <v>15</v>
      </c>
      <c r="G126474" s="16">
        <v>0</v>
      </c>
    </row>
    <row r="126475" spans="1:7" x14ac:dyDescent="0.3">
      <c r="A126475" s="13" t="s">
        <v>583</v>
      </c>
      <c r="B126475" s="14" t="s">
        <v>1</v>
      </c>
      <c r="C126475" s="14" t="s">
        <v>252</v>
      </c>
      <c r="D126475" s="14" t="s">
        <v>18</v>
      </c>
      <c r="E126475" s="15">
        <v>45561</v>
      </c>
      <c r="F126475" s="14" t="s">
        <v>15</v>
      </c>
      <c r="G126475" s="16">
        <v>0</v>
      </c>
    </row>
    <row r="126476" spans="1:7" x14ac:dyDescent="0.3">
      <c r="A126476" s="13" t="s">
        <v>583</v>
      </c>
      <c r="B126476" s="14" t="s">
        <v>1</v>
      </c>
      <c r="C126476" s="14" t="s">
        <v>252</v>
      </c>
      <c r="D126476" s="14" t="s">
        <v>18</v>
      </c>
      <c r="E126476" s="15">
        <v>45562</v>
      </c>
      <c r="F126476" s="14" t="s">
        <v>15</v>
      </c>
      <c r="G126476" s="16">
        <v>0</v>
      </c>
    </row>
    <row r="126477" spans="1:7" x14ac:dyDescent="0.3">
      <c r="A126477" s="13" t="s">
        <v>583</v>
      </c>
      <c r="B126477" s="14" t="s">
        <v>1</v>
      </c>
      <c r="C126477" s="14" t="s">
        <v>252</v>
      </c>
      <c r="D126477" s="14" t="s">
        <v>18</v>
      </c>
      <c r="E126477" s="15">
        <v>45563</v>
      </c>
      <c r="F126477" s="14" t="s">
        <v>15</v>
      </c>
      <c r="G126477" s="16">
        <v>0</v>
      </c>
    </row>
    <row r="126478" spans="1:7" x14ac:dyDescent="0.3">
      <c r="A126478" s="13" t="s">
        <v>583</v>
      </c>
      <c r="B126478" s="14" t="s">
        <v>1</v>
      </c>
      <c r="C126478" s="14" t="s">
        <v>252</v>
      </c>
      <c r="D126478" s="14" t="s">
        <v>18</v>
      </c>
      <c r="E126478" s="15">
        <v>45564</v>
      </c>
      <c r="F126478" s="14" t="s">
        <v>15</v>
      </c>
      <c r="G126478" s="16">
        <v>0</v>
      </c>
    </row>
    <row r="126479" spans="1:7" x14ac:dyDescent="0.3">
      <c r="A126479" s="13" t="s">
        <v>583</v>
      </c>
      <c r="B126479" s="14" t="s">
        <v>1</v>
      </c>
      <c r="C126479" s="14" t="s">
        <v>252</v>
      </c>
      <c r="D126479" s="14" t="s">
        <v>18</v>
      </c>
      <c r="E126479" s="15">
        <v>45565</v>
      </c>
      <c r="F126479" s="14" t="s">
        <v>15</v>
      </c>
      <c r="G126479" s="16">
        <v>0</v>
      </c>
    </row>
    <row r="126480" spans="1:7" x14ac:dyDescent="0.3">
      <c r="A126480" s="13" t="s">
        <v>583</v>
      </c>
      <c r="B126480" s="14" t="s">
        <v>1</v>
      </c>
      <c r="C126480" s="14" t="s">
        <v>252</v>
      </c>
      <c r="D126480" s="14" t="s">
        <v>18</v>
      </c>
      <c r="E126480" s="15">
        <v>45566</v>
      </c>
      <c r="F126480" s="14" t="s">
        <v>15</v>
      </c>
      <c r="G126480" s="16">
        <v>0</v>
      </c>
    </row>
    <row r="126481" spans="1:7" x14ac:dyDescent="0.3">
      <c r="A126481" s="13" t="s">
        <v>583</v>
      </c>
      <c r="B126481" s="14" t="s">
        <v>1</v>
      </c>
      <c r="C126481" s="14" t="s">
        <v>252</v>
      </c>
      <c r="D126481" s="14" t="s">
        <v>18</v>
      </c>
      <c r="E126481" s="15">
        <v>45567</v>
      </c>
      <c r="F126481" s="14" t="s">
        <v>15</v>
      </c>
      <c r="G126481" s="16">
        <v>0</v>
      </c>
    </row>
    <row r="126482" spans="1:7" x14ac:dyDescent="0.3">
      <c r="A126482" s="13" t="s">
        <v>583</v>
      </c>
      <c r="B126482" s="14" t="s">
        <v>1</v>
      </c>
      <c r="C126482" s="14" t="s">
        <v>252</v>
      </c>
      <c r="D126482" s="14" t="s">
        <v>18</v>
      </c>
      <c r="E126482" s="15">
        <v>45568</v>
      </c>
      <c r="F126482" s="14" t="s">
        <v>15</v>
      </c>
      <c r="G126482" s="16">
        <v>0</v>
      </c>
    </row>
    <row r="126483" spans="1:7" x14ac:dyDescent="0.3">
      <c r="A126483" s="13" t="s">
        <v>583</v>
      </c>
      <c r="B126483" s="14" t="s">
        <v>1</v>
      </c>
      <c r="C126483" s="14" t="s">
        <v>252</v>
      </c>
      <c r="D126483" s="14" t="s">
        <v>18</v>
      </c>
      <c r="E126483" s="15">
        <v>45569</v>
      </c>
      <c r="F126483" s="14" t="s">
        <v>15</v>
      </c>
      <c r="G126483" s="16">
        <v>0</v>
      </c>
    </row>
    <row r="126484" spans="1:7" x14ac:dyDescent="0.3">
      <c r="A126484" s="13" t="s">
        <v>583</v>
      </c>
      <c r="B126484" s="14" t="s">
        <v>1</v>
      </c>
      <c r="C126484" s="14" t="s">
        <v>252</v>
      </c>
      <c r="D126484" s="14" t="s">
        <v>18</v>
      </c>
      <c r="E126484" s="15">
        <v>45570</v>
      </c>
      <c r="F126484" s="14" t="s">
        <v>15</v>
      </c>
      <c r="G126484" s="16">
        <v>0</v>
      </c>
    </row>
    <row r="126485" spans="1:7" x14ac:dyDescent="0.3">
      <c r="A126485" s="13" t="s">
        <v>583</v>
      </c>
      <c r="B126485" s="14" t="s">
        <v>1</v>
      </c>
      <c r="C126485" s="14" t="s">
        <v>252</v>
      </c>
      <c r="D126485" s="14" t="s">
        <v>18</v>
      </c>
      <c r="E126485" s="15">
        <v>45571</v>
      </c>
      <c r="F126485" s="14" t="s">
        <v>15</v>
      </c>
      <c r="G126485" s="16">
        <v>0</v>
      </c>
    </row>
    <row r="126486" spans="1:7" x14ac:dyDescent="0.3">
      <c r="A126486" s="13" t="s">
        <v>583</v>
      </c>
      <c r="B126486" s="14" t="s">
        <v>1</v>
      </c>
      <c r="C126486" s="14" t="s">
        <v>252</v>
      </c>
      <c r="D126486" s="14" t="s">
        <v>18</v>
      </c>
      <c r="E126486" s="15">
        <v>45572</v>
      </c>
      <c r="F126486" s="14" t="s">
        <v>15</v>
      </c>
      <c r="G126486" s="16">
        <v>0</v>
      </c>
    </row>
    <row r="126487" spans="1:7" x14ac:dyDescent="0.3">
      <c r="A126487" s="13" t="s">
        <v>583</v>
      </c>
      <c r="B126487" s="14" t="s">
        <v>1</v>
      </c>
      <c r="C126487" s="14" t="s">
        <v>252</v>
      </c>
      <c r="D126487" s="14" t="s">
        <v>18</v>
      </c>
      <c r="E126487" s="15">
        <v>45573</v>
      </c>
      <c r="F126487" s="14" t="s">
        <v>15</v>
      </c>
      <c r="G126487" s="16">
        <v>0</v>
      </c>
    </row>
    <row r="126488" spans="1:7" x14ac:dyDescent="0.3">
      <c r="A126488" s="13" t="s">
        <v>583</v>
      </c>
      <c r="B126488" s="14" t="s">
        <v>1</v>
      </c>
      <c r="C126488" s="14" t="s">
        <v>252</v>
      </c>
      <c r="D126488" s="14" t="s">
        <v>18</v>
      </c>
      <c r="E126488" s="15">
        <v>45574</v>
      </c>
      <c r="F126488" s="14" t="s">
        <v>15</v>
      </c>
      <c r="G126488" s="16">
        <v>0</v>
      </c>
    </row>
    <row r="126489" spans="1:7" x14ac:dyDescent="0.3">
      <c r="A126489" s="13" t="s">
        <v>583</v>
      </c>
      <c r="B126489" s="14" t="s">
        <v>1</v>
      </c>
      <c r="C126489" s="14" t="s">
        <v>252</v>
      </c>
      <c r="D126489" s="14" t="s">
        <v>18</v>
      </c>
      <c r="E126489" s="15">
        <v>45575</v>
      </c>
      <c r="F126489" s="14" t="s">
        <v>15</v>
      </c>
      <c r="G126489" s="16">
        <v>0</v>
      </c>
    </row>
    <row r="126490" spans="1:7" x14ac:dyDescent="0.3">
      <c r="A126490" s="13" t="s">
        <v>583</v>
      </c>
      <c r="B126490" s="14" t="s">
        <v>1</v>
      </c>
      <c r="C126490" s="14" t="s">
        <v>252</v>
      </c>
      <c r="D126490" s="14" t="s">
        <v>18</v>
      </c>
      <c r="E126490" s="15">
        <v>45576</v>
      </c>
      <c r="F126490" s="14" t="s">
        <v>15</v>
      </c>
      <c r="G126490" s="16">
        <v>0</v>
      </c>
    </row>
    <row r="126491" spans="1:7" x14ac:dyDescent="0.3">
      <c r="A126491" s="13" t="s">
        <v>583</v>
      </c>
      <c r="B126491" s="14" t="s">
        <v>1</v>
      </c>
      <c r="C126491" s="14" t="s">
        <v>252</v>
      </c>
      <c r="D126491" s="14" t="s">
        <v>18</v>
      </c>
      <c r="E126491" s="15">
        <v>45577</v>
      </c>
      <c r="F126491" s="14" t="s">
        <v>15</v>
      </c>
      <c r="G126491" s="16">
        <v>0</v>
      </c>
    </row>
    <row r="126492" spans="1:7" x14ac:dyDescent="0.3">
      <c r="A126492" s="13" t="s">
        <v>583</v>
      </c>
      <c r="B126492" s="14" t="s">
        <v>1</v>
      </c>
      <c r="C126492" s="14" t="s">
        <v>252</v>
      </c>
      <c r="D126492" s="14" t="s">
        <v>18</v>
      </c>
      <c r="E126492" s="15">
        <v>45578</v>
      </c>
      <c r="F126492" s="14" t="s">
        <v>15</v>
      </c>
      <c r="G126492" s="16">
        <v>0</v>
      </c>
    </row>
    <row r="126493" spans="1:7" x14ac:dyDescent="0.3">
      <c r="A126493" s="13" t="s">
        <v>583</v>
      </c>
      <c r="B126493" s="14" t="s">
        <v>1</v>
      </c>
      <c r="C126493" s="14" t="s">
        <v>252</v>
      </c>
      <c r="D126493" s="14" t="s">
        <v>18</v>
      </c>
      <c r="E126493" s="15">
        <v>45579</v>
      </c>
      <c r="F126493" s="14" t="s">
        <v>15</v>
      </c>
      <c r="G126493" s="16">
        <v>0</v>
      </c>
    </row>
    <row r="126494" spans="1:7" x14ac:dyDescent="0.3">
      <c r="A126494" s="13" t="s">
        <v>583</v>
      </c>
      <c r="B126494" s="14" t="s">
        <v>1</v>
      </c>
      <c r="C126494" s="14" t="s">
        <v>252</v>
      </c>
      <c r="D126494" s="14" t="s">
        <v>18</v>
      </c>
      <c r="E126494" s="15">
        <v>45580</v>
      </c>
      <c r="F126494" s="14" t="s">
        <v>15</v>
      </c>
      <c r="G126494" s="16">
        <v>0</v>
      </c>
    </row>
    <row r="126495" spans="1:7" x14ac:dyDescent="0.3">
      <c r="A126495" s="13" t="s">
        <v>583</v>
      </c>
      <c r="B126495" s="14" t="s">
        <v>1</v>
      </c>
      <c r="C126495" s="14" t="s">
        <v>252</v>
      </c>
      <c r="D126495" s="14" t="s">
        <v>18</v>
      </c>
      <c r="E126495" s="15">
        <v>45581</v>
      </c>
      <c r="F126495" s="14" t="s">
        <v>15</v>
      </c>
      <c r="G126495" s="16">
        <v>0</v>
      </c>
    </row>
    <row r="126496" spans="1:7" x14ac:dyDescent="0.3">
      <c r="A126496" s="13" t="s">
        <v>583</v>
      </c>
      <c r="B126496" s="14" t="s">
        <v>1</v>
      </c>
      <c r="C126496" s="14" t="s">
        <v>252</v>
      </c>
      <c r="D126496" s="14" t="s">
        <v>18</v>
      </c>
      <c r="E126496" s="15">
        <v>45582</v>
      </c>
      <c r="F126496" s="14" t="s">
        <v>15</v>
      </c>
      <c r="G126496" s="16">
        <v>0</v>
      </c>
    </row>
    <row r="126497" spans="1:7" x14ac:dyDescent="0.3">
      <c r="A126497" s="13" t="s">
        <v>583</v>
      </c>
      <c r="B126497" s="14" t="s">
        <v>1</v>
      </c>
      <c r="C126497" s="14" t="s">
        <v>252</v>
      </c>
      <c r="D126497" s="14" t="s">
        <v>18</v>
      </c>
      <c r="E126497" s="15">
        <v>45583</v>
      </c>
      <c r="F126497" s="14" t="s">
        <v>15</v>
      </c>
      <c r="G126497" s="16">
        <v>0</v>
      </c>
    </row>
    <row r="126498" spans="1:7" x14ac:dyDescent="0.3">
      <c r="A126498" s="13" t="s">
        <v>583</v>
      </c>
      <c r="B126498" s="14" t="s">
        <v>1</v>
      </c>
      <c r="C126498" s="14" t="s">
        <v>252</v>
      </c>
      <c r="D126498" s="14" t="s">
        <v>18</v>
      </c>
      <c r="E126498" s="15">
        <v>45584</v>
      </c>
      <c r="F126498" s="14" t="s">
        <v>15</v>
      </c>
      <c r="G126498" s="16">
        <v>0</v>
      </c>
    </row>
    <row r="126499" spans="1:7" x14ac:dyDescent="0.3">
      <c r="A126499" s="13" t="s">
        <v>583</v>
      </c>
      <c r="B126499" s="14" t="s">
        <v>1</v>
      </c>
      <c r="C126499" s="14" t="s">
        <v>252</v>
      </c>
      <c r="D126499" s="14" t="s">
        <v>18</v>
      </c>
      <c r="E126499" s="15">
        <v>45585</v>
      </c>
      <c r="F126499" s="14" t="s">
        <v>15</v>
      </c>
      <c r="G126499" s="16">
        <v>0</v>
      </c>
    </row>
    <row r="126500" spans="1:7" x14ac:dyDescent="0.3">
      <c r="A126500" s="13" t="s">
        <v>583</v>
      </c>
      <c r="B126500" s="14" t="s">
        <v>1</v>
      </c>
      <c r="C126500" s="14" t="s">
        <v>252</v>
      </c>
      <c r="D126500" s="14" t="s">
        <v>18</v>
      </c>
      <c r="E126500" s="15">
        <v>45586</v>
      </c>
      <c r="F126500" s="14" t="s">
        <v>15</v>
      </c>
      <c r="G126500" s="16">
        <v>0</v>
      </c>
    </row>
    <row r="126501" spans="1:7" x14ac:dyDescent="0.3">
      <c r="A126501" s="13" t="s">
        <v>583</v>
      </c>
      <c r="B126501" s="14" t="s">
        <v>1</v>
      </c>
      <c r="C126501" s="14" t="s">
        <v>252</v>
      </c>
      <c r="D126501" s="14" t="s">
        <v>18</v>
      </c>
      <c r="E126501" s="15">
        <v>45587</v>
      </c>
      <c r="F126501" s="14" t="s">
        <v>15</v>
      </c>
      <c r="G126501" s="16">
        <v>0</v>
      </c>
    </row>
    <row r="126502" spans="1:7" x14ac:dyDescent="0.3">
      <c r="A126502" s="13" t="s">
        <v>583</v>
      </c>
      <c r="B126502" s="14" t="s">
        <v>1</v>
      </c>
      <c r="C126502" s="14" t="s">
        <v>252</v>
      </c>
      <c r="D126502" s="14" t="s">
        <v>18</v>
      </c>
      <c r="E126502" s="15">
        <v>45588</v>
      </c>
      <c r="F126502" s="14" t="s">
        <v>15</v>
      </c>
      <c r="G126502" s="16">
        <v>0</v>
      </c>
    </row>
    <row r="126503" spans="1:7" x14ac:dyDescent="0.3">
      <c r="A126503" s="13" t="s">
        <v>583</v>
      </c>
      <c r="B126503" s="14" t="s">
        <v>1</v>
      </c>
      <c r="C126503" s="14" t="s">
        <v>252</v>
      </c>
      <c r="D126503" s="14" t="s">
        <v>18</v>
      </c>
      <c r="E126503" s="15">
        <v>45589</v>
      </c>
      <c r="F126503" s="14" t="s">
        <v>15</v>
      </c>
      <c r="G126503" s="16">
        <v>0</v>
      </c>
    </row>
    <row r="126504" spans="1:7" x14ac:dyDescent="0.3">
      <c r="A126504" s="13" t="s">
        <v>583</v>
      </c>
      <c r="B126504" s="14" t="s">
        <v>1</v>
      </c>
      <c r="C126504" s="14" t="s">
        <v>252</v>
      </c>
      <c r="D126504" s="14" t="s">
        <v>18</v>
      </c>
      <c r="E126504" s="15">
        <v>45590</v>
      </c>
      <c r="F126504" s="14" t="s">
        <v>15</v>
      </c>
      <c r="G126504" s="16">
        <v>0</v>
      </c>
    </row>
    <row r="126505" spans="1:7" x14ac:dyDescent="0.3">
      <c r="A126505" s="13" t="s">
        <v>583</v>
      </c>
      <c r="B126505" s="14" t="s">
        <v>1</v>
      </c>
      <c r="C126505" s="14" t="s">
        <v>252</v>
      </c>
      <c r="D126505" s="14" t="s">
        <v>18</v>
      </c>
      <c r="E126505" s="15">
        <v>45591</v>
      </c>
      <c r="F126505" s="14" t="s">
        <v>15</v>
      </c>
      <c r="G126505" s="16">
        <v>0</v>
      </c>
    </row>
    <row r="126506" spans="1:7" x14ac:dyDescent="0.3">
      <c r="A126506" s="13" t="s">
        <v>583</v>
      </c>
      <c r="B126506" s="14" t="s">
        <v>1</v>
      </c>
      <c r="C126506" s="14" t="s">
        <v>252</v>
      </c>
      <c r="D126506" s="14" t="s">
        <v>18</v>
      </c>
      <c r="E126506" s="15">
        <v>45592</v>
      </c>
      <c r="F126506" s="14" t="s">
        <v>15</v>
      </c>
      <c r="G126506" s="16">
        <v>0</v>
      </c>
    </row>
    <row r="126507" spans="1:7" x14ac:dyDescent="0.3">
      <c r="A126507" s="13" t="s">
        <v>583</v>
      </c>
      <c r="B126507" s="14" t="s">
        <v>1</v>
      </c>
      <c r="C126507" s="14" t="s">
        <v>252</v>
      </c>
      <c r="D126507" s="14" t="s">
        <v>18</v>
      </c>
      <c r="E126507" s="15">
        <v>45593</v>
      </c>
      <c r="F126507" s="14" t="s">
        <v>15</v>
      </c>
      <c r="G126507" s="16">
        <v>0</v>
      </c>
    </row>
    <row r="126508" spans="1:7" x14ac:dyDescent="0.3">
      <c r="A126508" s="13" t="s">
        <v>583</v>
      </c>
      <c r="B126508" s="14" t="s">
        <v>1</v>
      </c>
      <c r="C126508" s="14" t="s">
        <v>252</v>
      </c>
      <c r="D126508" s="14" t="s">
        <v>18</v>
      </c>
      <c r="E126508" s="15">
        <v>45594</v>
      </c>
      <c r="F126508" s="14" t="s">
        <v>15</v>
      </c>
      <c r="G126508" s="16">
        <v>0</v>
      </c>
    </row>
    <row r="126509" spans="1:7" x14ac:dyDescent="0.3">
      <c r="A126509" s="13" t="s">
        <v>583</v>
      </c>
      <c r="B126509" s="14" t="s">
        <v>1</v>
      </c>
      <c r="C126509" s="14" t="s">
        <v>252</v>
      </c>
      <c r="D126509" s="14" t="s">
        <v>18</v>
      </c>
      <c r="E126509" s="15">
        <v>45595</v>
      </c>
      <c r="F126509" s="14" t="s">
        <v>15</v>
      </c>
      <c r="G126509" s="16">
        <v>0</v>
      </c>
    </row>
    <row r="126510" spans="1:7" x14ac:dyDescent="0.3">
      <c r="A126510" s="13" t="s">
        <v>583</v>
      </c>
      <c r="B126510" s="14" t="s">
        <v>1</v>
      </c>
      <c r="C126510" s="14" t="s">
        <v>252</v>
      </c>
      <c r="D126510" s="14" t="s">
        <v>18</v>
      </c>
      <c r="E126510" s="15">
        <v>45596</v>
      </c>
      <c r="F126510" s="14" t="s">
        <v>15</v>
      </c>
      <c r="G126510" s="16">
        <v>0</v>
      </c>
    </row>
    <row r="126511" spans="1:7" x14ac:dyDescent="0.3">
      <c r="A126511" s="13" t="s">
        <v>583</v>
      </c>
      <c r="B126511" s="14" t="s">
        <v>1</v>
      </c>
      <c r="C126511" s="14" t="s">
        <v>252</v>
      </c>
      <c r="D126511" s="14" t="s">
        <v>18</v>
      </c>
      <c r="E126511" s="15">
        <v>45597</v>
      </c>
      <c r="F126511" s="14" t="s">
        <v>15</v>
      </c>
      <c r="G126511" s="16">
        <v>0</v>
      </c>
    </row>
    <row r="126512" spans="1:7" x14ac:dyDescent="0.3">
      <c r="A126512" s="13" t="s">
        <v>583</v>
      </c>
      <c r="B126512" s="14" t="s">
        <v>1</v>
      </c>
      <c r="C126512" s="14" t="s">
        <v>252</v>
      </c>
      <c r="D126512" s="14" t="s">
        <v>18</v>
      </c>
      <c r="E126512" s="15">
        <v>45598</v>
      </c>
      <c r="F126512" s="14" t="s">
        <v>15</v>
      </c>
      <c r="G126512" s="16">
        <v>0</v>
      </c>
    </row>
    <row r="126513" spans="1:7" x14ac:dyDescent="0.3">
      <c r="A126513" s="13" t="s">
        <v>583</v>
      </c>
      <c r="B126513" s="14" t="s">
        <v>1</v>
      </c>
      <c r="C126513" s="14" t="s">
        <v>252</v>
      </c>
      <c r="D126513" s="14" t="s">
        <v>18</v>
      </c>
      <c r="E126513" s="15">
        <v>45599</v>
      </c>
      <c r="F126513" s="14" t="s">
        <v>15</v>
      </c>
      <c r="G126513" s="16">
        <v>0</v>
      </c>
    </row>
    <row r="126514" spans="1:7" x14ac:dyDescent="0.3">
      <c r="A126514" s="13" t="s">
        <v>583</v>
      </c>
      <c r="B126514" s="14" t="s">
        <v>1</v>
      </c>
      <c r="C126514" s="14" t="s">
        <v>252</v>
      </c>
      <c r="D126514" s="14" t="s">
        <v>18</v>
      </c>
      <c r="E126514" s="15">
        <v>45600</v>
      </c>
      <c r="F126514" s="14" t="s">
        <v>15</v>
      </c>
      <c r="G126514" s="16">
        <v>0</v>
      </c>
    </row>
    <row r="126515" spans="1:7" x14ac:dyDescent="0.3">
      <c r="A126515" s="13" t="s">
        <v>583</v>
      </c>
      <c r="B126515" s="14" t="s">
        <v>1</v>
      </c>
      <c r="C126515" s="14" t="s">
        <v>252</v>
      </c>
      <c r="D126515" s="14" t="s">
        <v>18</v>
      </c>
      <c r="E126515" s="15">
        <v>45601</v>
      </c>
      <c r="F126515" s="14" t="s">
        <v>15</v>
      </c>
      <c r="G126515" s="16">
        <v>0</v>
      </c>
    </row>
    <row r="126516" spans="1:7" x14ac:dyDescent="0.3">
      <c r="A126516" s="13" t="s">
        <v>583</v>
      </c>
      <c r="B126516" s="14" t="s">
        <v>1</v>
      </c>
      <c r="C126516" s="14" t="s">
        <v>252</v>
      </c>
      <c r="D126516" s="14" t="s">
        <v>18</v>
      </c>
      <c r="E126516" s="15">
        <v>45602</v>
      </c>
      <c r="F126516" s="14" t="s">
        <v>15</v>
      </c>
      <c r="G126516" s="16">
        <v>0</v>
      </c>
    </row>
    <row r="126517" spans="1:7" x14ac:dyDescent="0.3">
      <c r="A126517" s="13" t="s">
        <v>583</v>
      </c>
      <c r="B126517" s="14" t="s">
        <v>1</v>
      </c>
      <c r="C126517" s="14" t="s">
        <v>252</v>
      </c>
      <c r="D126517" s="14" t="s">
        <v>18</v>
      </c>
      <c r="E126517" s="15">
        <v>45603</v>
      </c>
      <c r="F126517" s="14" t="s">
        <v>15</v>
      </c>
      <c r="G126517" s="16">
        <v>0</v>
      </c>
    </row>
    <row r="126518" spans="1:7" x14ac:dyDescent="0.3">
      <c r="A126518" s="13" t="s">
        <v>583</v>
      </c>
      <c r="B126518" s="14" t="s">
        <v>1</v>
      </c>
      <c r="C126518" s="14" t="s">
        <v>252</v>
      </c>
      <c r="D126518" s="14" t="s">
        <v>18</v>
      </c>
      <c r="E126518" s="15">
        <v>45604</v>
      </c>
      <c r="F126518" s="14" t="s">
        <v>15</v>
      </c>
      <c r="G126518" s="16">
        <v>0</v>
      </c>
    </row>
    <row r="126519" spans="1:7" x14ac:dyDescent="0.3">
      <c r="A126519" s="13" t="s">
        <v>583</v>
      </c>
      <c r="B126519" s="14" t="s">
        <v>1</v>
      </c>
      <c r="C126519" s="14" t="s">
        <v>252</v>
      </c>
      <c r="D126519" s="14" t="s">
        <v>18</v>
      </c>
      <c r="E126519" s="15">
        <v>45605</v>
      </c>
      <c r="F126519" s="14" t="s">
        <v>15</v>
      </c>
      <c r="G126519" s="16">
        <v>0</v>
      </c>
    </row>
    <row r="126520" spans="1:7" x14ac:dyDescent="0.3">
      <c r="A126520" s="13" t="s">
        <v>583</v>
      </c>
      <c r="B126520" s="14" t="s">
        <v>1</v>
      </c>
      <c r="C126520" s="14" t="s">
        <v>252</v>
      </c>
      <c r="D126520" s="14" t="s">
        <v>18</v>
      </c>
      <c r="E126520" s="15">
        <v>45606</v>
      </c>
      <c r="F126520" s="14" t="s">
        <v>15</v>
      </c>
      <c r="G126520" s="16">
        <v>0</v>
      </c>
    </row>
    <row r="126521" spans="1:7" x14ac:dyDescent="0.3">
      <c r="A126521" s="13" t="s">
        <v>583</v>
      </c>
      <c r="B126521" s="14" t="s">
        <v>1</v>
      </c>
      <c r="C126521" s="14" t="s">
        <v>252</v>
      </c>
      <c r="D126521" s="14" t="s">
        <v>18</v>
      </c>
      <c r="E126521" s="15">
        <v>45607</v>
      </c>
      <c r="F126521" s="14" t="s">
        <v>15</v>
      </c>
      <c r="G126521" s="16">
        <v>0</v>
      </c>
    </row>
    <row r="126522" spans="1:7" x14ac:dyDescent="0.3">
      <c r="A126522" s="13" t="s">
        <v>583</v>
      </c>
      <c r="B126522" s="14" t="s">
        <v>1</v>
      </c>
      <c r="C126522" s="14" t="s">
        <v>252</v>
      </c>
      <c r="D126522" s="14" t="s">
        <v>18</v>
      </c>
      <c r="E126522" s="15">
        <v>45608</v>
      </c>
      <c r="F126522" s="14" t="s">
        <v>15</v>
      </c>
      <c r="G126522" s="16">
        <v>0</v>
      </c>
    </row>
    <row r="126523" spans="1:7" x14ac:dyDescent="0.3">
      <c r="A126523" s="13" t="s">
        <v>583</v>
      </c>
      <c r="B126523" s="14" t="s">
        <v>1</v>
      </c>
      <c r="C126523" s="14" t="s">
        <v>252</v>
      </c>
      <c r="D126523" s="14" t="s">
        <v>18</v>
      </c>
      <c r="E126523" s="15">
        <v>45609</v>
      </c>
      <c r="F126523" s="14" t="s">
        <v>15</v>
      </c>
      <c r="G126523" s="16">
        <v>0</v>
      </c>
    </row>
    <row r="126524" spans="1:7" x14ac:dyDescent="0.3">
      <c r="A126524" s="13" t="s">
        <v>583</v>
      </c>
      <c r="B126524" s="14" t="s">
        <v>1</v>
      </c>
      <c r="C126524" s="14" t="s">
        <v>252</v>
      </c>
      <c r="D126524" s="14" t="s">
        <v>18</v>
      </c>
      <c r="E126524" s="15">
        <v>45610</v>
      </c>
      <c r="F126524" s="14" t="s">
        <v>15</v>
      </c>
      <c r="G126524" s="16">
        <v>0</v>
      </c>
    </row>
    <row r="126525" spans="1:7" x14ac:dyDescent="0.3">
      <c r="A126525" s="13" t="s">
        <v>583</v>
      </c>
      <c r="B126525" s="14" t="s">
        <v>1</v>
      </c>
      <c r="C126525" s="14" t="s">
        <v>252</v>
      </c>
      <c r="D126525" s="14" t="s">
        <v>18</v>
      </c>
      <c r="E126525" s="15">
        <v>45611</v>
      </c>
      <c r="F126525" s="14" t="s">
        <v>15</v>
      </c>
      <c r="G126525" s="16">
        <v>0</v>
      </c>
    </row>
    <row r="126526" spans="1:7" x14ac:dyDescent="0.3">
      <c r="A126526" s="13" t="s">
        <v>583</v>
      </c>
      <c r="B126526" s="14" t="s">
        <v>1</v>
      </c>
      <c r="C126526" s="14" t="s">
        <v>252</v>
      </c>
      <c r="D126526" s="14" t="s">
        <v>18</v>
      </c>
      <c r="E126526" s="15">
        <v>45612</v>
      </c>
      <c r="F126526" s="14" t="s">
        <v>15</v>
      </c>
      <c r="G126526" s="16">
        <v>0</v>
      </c>
    </row>
    <row r="126527" spans="1:7" x14ac:dyDescent="0.3">
      <c r="A126527" s="13" t="s">
        <v>583</v>
      </c>
      <c r="B126527" s="14" t="s">
        <v>1</v>
      </c>
      <c r="C126527" s="14" t="s">
        <v>252</v>
      </c>
      <c r="D126527" s="14" t="s">
        <v>18</v>
      </c>
      <c r="E126527" s="15">
        <v>45613</v>
      </c>
      <c r="F126527" s="14" t="s">
        <v>15</v>
      </c>
      <c r="G126527" s="16">
        <v>0</v>
      </c>
    </row>
    <row r="126528" spans="1:7" x14ac:dyDescent="0.3">
      <c r="A126528" s="13" t="s">
        <v>583</v>
      </c>
      <c r="B126528" s="14" t="s">
        <v>1</v>
      </c>
      <c r="C126528" s="14" t="s">
        <v>252</v>
      </c>
      <c r="D126528" s="14" t="s">
        <v>18</v>
      </c>
      <c r="E126528" s="15">
        <v>45614</v>
      </c>
      <c r="F126528" s="14" t="s">
        <v>15</v>
      </c>
      <c r="G126528" s="16">
        <v>0</v>
      </c>
    </row>
    <row r="126529" spans="1:7" x14ac:dyDescent="0.3">
      <c r="A126529" s="13" t="s">
        <v>583</v>
      </c>
      <c r="B126529" s="14" t="s">
        <v>1</v>
      </c>
      <c r="C126529" s="14" t="s">
        <v>252</v>
      </c>
      <c r="D126529" s="14" t="s">
        <v>18</v>
      </c>
      <c r="E126529" s="15">
        <v>45615</v>
      </c>
      <c r="F126529" s="14" t="s">
        <v>15</v>
      </c>
      <c r="G126529" s="16">
        <v>0</v>
      </c>
    </row>
    <row r="126530" spans="1:7" x14ac:dyDescent="0.3">
      <c r="A126530" s="13" t="s">
        <v>583</v>
      </c>
      <c r="B126530" s="14" t="s">
        <v>1</v>
      </c>
      <c r="C126530" s="14" t="s">
        <v>252</v>
      </c>
      <c r="D126530" s="14" t="s">
        <v>18</v>
      </c>
      <c r="E126530" s="15">
        <v>45616</v>
      </c>
      <c r="F126530" s="14" t="s">
        <v>15</v>
      </c>
      <c r="G126530" s="16">
        <v>0</v>
      </c>
    </row>
    <row r="126531" spans="1:7" x14ac:dyDescent="0.3">
      <c r="A126531" s="13" t="s">
        <v>583</v>
      </c>
      <c r="B126531" s="14" t="s">
        <v>1</v>
      </c>
      <c r="C126531" s="14" t="s">
        <v>252</v>
      </c>
      <c r="D126531" s="14" t="s">
        <v>18</v>
      </c>
      <c r="E126531" s="15">
        <v>45617</v>
      </c>
      <c r="F126531" s="14" t="s">
        <v>15</v>
      </c>
      <c r="G126531" s="16">
        <v>0</v>
      </c>
    </row>
    <row r="126532" spans="1:7" x14ac:dyDescent="0.3">
      <c r="A126532" s="13" t="s">
        <v>583</v>
      </c>
      <c r="B126532" s="14" t="s">
        <v>1</v>
      </c>
      <c r="C126532" s="14" t="s">
        <v>252</v>
      </c>
      <c r="D126532" s="14" t="s">
        <v>18</v>
      </c>
      <c r="E126532" s="15">
        <v>45618</v>
      </c>
      <c r="F126532" s="14" t="s">
        <v>15</v>
      </c>
      <c r="G126532" s="16">
        <v>0</v>
      </c>
    </row>
    <row r="126533" spans="1:7" x14ac:dyDescent="0.3">
      <c r="A126533" s="13" t="s">
        <v>583</v>
      </c>
      <c r="B126533" s="14" t="s">
        <v>1</v>
      </c>
      <c r="C126533" s="14" t="s">
        <v>252</v>
      </c>
      <c r="D126533" s="14" t="s">
        <v>18</v>
      </c>
      <c r="E126533" s="15">
        <v>45619</v>
      </c>
      <c r="F126533" s="14" t="s">
        <v>15</v>
      </c>
      <c r="G126533" s="16">
        <v>0</v>
      </c>
    </row>
    <row r="126534" spans="1:7" x14ac:dyDescent="0.3">
      <c r="A126534" s="13" t="s">
        <v>583</v>
      </c>
      <c r="B126534" s="14" t="s">
        <v>1</v>
      </c>
      <c r="C126534" s="14" t="s">
        <v>252</v>
      </c>
      <c r="D126534" s="14" t="s">
        <v>18</v>
      </c>
      <c r="E126534" s="15">
        <v>45620</v>
      </c>
      <c r="F126534" s="14" t="s">
        <v>15</v>
      </c>
      <c r="G126534" s="16">
        <v>0</v>
      </c>
    </row>
    <row r="126535" spans="1:7" x14ac:dyDescent="0.3">
      <c r="A126535" s="13" t="s">
        <v>583</v>
      </c>
      <c r="B126535" s="14" t="s">
        <v>1</v>
      </c>
      <c r="C126535" s="14" t="s">
        <v>252</v>
      </c>
      <c r="D126535" s="14" t="s">
        <v>18</v>
      </c>
      <c r="E126535" s="15">
        <v>45621</v>
      </c>
      <c r="F126535" s="14" t="s">
        <v>15</v>
      </c>
      <c r="G126535" s="16">
        <v>0</v>
      </c>
    </row>
    <row r="126536" spans="1:7" x14ac:dyDescent="0.3">
      <c r="A126536" s="13" t="s">
        <v>583</v>
      </c>
      <c r="B126536" s="14" t="s">
        <v>1</v>
      </c>
      <c r="C126536" s="14" t="s">
        <v>252</v>
      </c>
      <c r="D126536" s="14" t="s">
        <v>18</v>
      </c>
      <c r="E126536" s="15">
        <v>45622</v>
      </c>
      <c r="F126536" s="14" t="s">
        <v>15</v>
      </c>
      <c r="G126536" s="16">
        <v>0</v>
      </c>
    </row>
    <row r="126537" spans="1:7" x14ac:dyDescent="0.3">
      <c r="A126537" s="13" t="s">
        <v>583</v>
      </c>
      <c r="B126537" s="14" t="s">
        <v>1</v>
      </c>
      <c r="C126537" s="14" t="s">
        <v>252</v>
      </c>
      <c r="D126537" s="14" t="s">
        <v>18</v>
      </c>
      <c r="E126537" s="15">
        <v>45623</v>
      </c>
      <c r="F126537" s="14" t="s">
        <v>15</v>
      </c>
      <c r="G126537" s="16">
        <v>0</v>
      </c>
    </row>
    <row r="126538" spans="1:7" x14ac:dyDescent="0.3">
      <c r="A126538" s="13" t="s">
        <v>583</v>
      </c>
      <c r="B126538" s="14" t="s">
        <v>1</v>
      </c>
      <c r="C126538" s="14" t="s">
        <v>252</v>
      </c>
      <c r="D126538" s="14" t="s">
        <v>18</v>
      </c>
      <c r="E126538" s="15">
        <v>45624</v>
      </c>
      <c r="F126538" s="14" t="s">
        <v>15</v>
      </c>
      <c r="G126538" s="16">
        <v>0</v>
      </c>
    </row>
    <row r="126539" spans="1:7" x14ac:dyDescent="0.3">
      <c r="A126539" s="13" t="s">
        <v>583</v>
      </c>
      <c r="B126539" s="14" t="s">
        <v>1</v>
      </c>
      <c r="C126539" s="14" t="s">
        <v>252</v>
      </c>
      <c r="D126539" s="14" t="s">
        <v>18</v>
      </c>
      <c r="E126539" s="15">
        <v>45625</v>
      </c>
      <c r="F126539" s="14" t="s">
        <v>15</v>
      </c>
      <c r="G126539" s="16">
        <v>0</v>
      </c>
    </row>
    <row r="126540" spans="1:7" x14ac:dyDescent="0.3">
      <c r="A126540" s="13" t="s">
        <v>583</v>
      </c>
      <c r="B126540" s="14" t="s">
        <v>1</v>
      </c>
      <c r="C126540" s="14" t="s">
        <v>252</v>
      </c>
      <c r="D126540" s="14" t="s">
        <v>18</v>
      </c>
      <c r="E126540" s="15">
        <v>45626</v>
      </c>
      <c r="F126540" s="14" t="s">
        <v>15</v>
      </c>
      <c r="G126540" s="16">
        <v>0</v>
      </c>
    </row>
    <row r="126541" spans="1:7" x14ac:dyDescent="0.3">
      <c r="A126541" s="13" t="s">
        <v>583</v>
      </c>
      <c r="B126541" s="14" t="s">
        <v>1</v>
      </c>
      <c r="C126541" s="14" t="s">
        <v>252</v>
      </c>
      <c r="D126541" s="14" t="s">
        <v>18</v>
      </c>
      <c r="E126541" s="15">
        <v>45627</v>
      </c>
      <c r="F126541" s="14" t="s">
        <v>15</v>
      </c>
      <c r="G126541" s="16">
        <v>0</v>
      </c>
    </row>
    <row r="126542" spans="1:7" x14ac:dyDescent="0.3">
      <c r="A126542" s="13" t="s">
        <v>583</v>
      </c>
      <c r="B126542" s="14" t="s">
        <v>1</v>
      </c>
      <c r="C126542" s="14" t="s">
        <v>252</v>
      </c>
      <c r="D126542" s="14" t="s">
        <v>18</v>
      </c>
      <c r="E126542" s="15">
        <v>45628</v>
      </c>
      <c r="F126542" s="14" t="s">
        <v>15</v>
      </c>
      <c r="G126542" s="16">
        <v>0</v>
      </c>
    </row>
    <row r="126543" spans="1:7" x14ac:dyDescent="0.3">
      <c r="A126543" s="13" t="s">
        <v>583</v>
      </c>
      <c r="B126543" s="14" t="s">
        <v>1</v>
      </c>
      <c r="C126543" s="14" t="s">
        <v>252</v>
      </c>
      <c r="D126543" s="14" t="s">
        <v>18</v>
      </c>
      <c r="E126543" s="15">
        <v>45629</v>
      </c>
      <c r="F126543" s="14" t="s">
        <v>15</v>
      </c>
      <c r="G126543" s="16">
        <v>0</v>
      </c>
    </row>
    <row r="126544" spans="1:7" x14ac:dyDescent="0.3">
      <c r="A126544" s="13" t="s">
        <v>583</v>
      </c>
      <c r="B126544" s="14" t="s">
        <v>1</v>
      </c>
      <c r="C126544" s="14" t="s">
        <v>252</v>
      </c>
      <c r="D126544" s="14" t="s">
        <v>18</v>
      </c>
      <c r="E126544" s="15">
        <v>45630</v>
      </c>
      <c r="F126544" s="14" t="s">
        <v>15</v>
      </c>
      <c r="G126544" s="16">
        <v>0</v>
      </c>
    </row>
    <row r="126545" spans="1:7" x14ac:dyDescent="0.3">
      <c r="A126545" s="13" t="s">
        <v>583</v>
      </c>
      <c r="B126545" s="14" t="s">
        <v>1</v>
      </c>
      <c r="C126545" s="14" t="s">
        <v>252</v>
      </c>
      <c r="D126545" s="14" t="s">
        <v>18</v>
      </c>
      <c r="E126545" s="15">
        <v>45631</v>
      </c>
      <c r="F126545" s="14" t="s">
        <v>15</v>
      </c>
      <c r="G126545" s="16">
        <v>0</v>
      </c>
    </row>
    <row r="126546" spans="1:7" x14ac:dyDescent="0.3">
      <c r="A126546" s="13" t="s">
        <v>583</v>
      </c>
      <c r="B126546" s="14" t="s">
        <v>1</v>
      </c>
      <c r="C126546" s="14" t="s">
        <v>252</v>
      </c>
      <c r="D126546" s="14" t="s">
        <v>18</v>
      </c>
      <c r="E126546" s="15">
        <v>45632</v>
      </c>
      <c r="F126546" s="14" t="s">
        <v>15</v>
      </c>
      <c r="G126546" s="16">
        <v>0</v>
      </c>
    </row>
    <row r="126547" spans="1:7" x14ac:dyDescent="0.3">
      <c r="A126547" s="13" t="s">
        <v>583</v>
      </c>
      <c r="B126547" s="14" t="s">
        <v>1</v>
      </c>
      <c r="C126547" s="14" t="s">
        <v>252</v>
      </c>
      <c r="D126547" s="14" t="s">
        <v>18</v>
      </c>
      <c r="E126547" s="15">
        <v>45633</v>
      </c>
      <c r="F126547" s="14" t="s">
        <v>15</v>
      </c>
      <c r="G126547" s="16">
        <v>0</v>
      </c>
    </row>
    <row r="126548" spans="1:7" x14ac:dyDescent="0.3">
      <c r="A126548" s="13" t="s">
        <v>583</v>
      </c>
      <c r="B126548" s="14" t="s">
        <v>1</v>
      </c>
      <c r="C126548" s="14" t="s">
        <v>252</v>
      </c>
      <c r="D126548" s="14" t="s">
        <v>18</v>
      </c>
      <c r="E126548" s="15">
        <v>45634</v>
      </c>
      <c r="F126548" s="14" t="s">
        <v>15</v>
      </c>
      <c r="G126548" s="16">
        <v>0</v>
      </c>
    </row>
    <row r="126549" spans="1:7" x14ac:dyDescent="0.3">
      <c r="A126549" s="13" t="s">
        <v>583</v>
      </c>
      <c r="B126549" s="14" t="s">
        <v>1</v>
      </c>
      <c r="C126549" s="14" t="s">
        <v>252</v>
      </c>
      <c r="D126549" s="14" t="s">
        <v>18</v>
      </c>
      <c r="E126549" s="15">
        <v>45635</v>
      </c>
      <c r="F126549" s="14" t="s">
        <v>15</v>
      </c>
      <c r="G126549" s="16">
        <v>0</v>
      </c>
    </row>
    <row r="126550" spans="1:7" x14ac:dyDescent="0.3">
      <c r="A126550" s="13" t="s">
        <v>583</v>
      </c>
      <c r="B126550" s="14" t="s">
        <v>1</v>
      </c>
      <c r="C126550" s="14" t="s">
        <v>252</v>
      </c>
      <c r="D126550" s="14" t="s">
        <v>18</v>
      </c>
      <c r="E126550" s="15">
        <v>45636</v>
      </c>
      <c r="F126550" s="14" t="s">
        <v>15</v>
      </c>
      <c r="G126550" s="16">
        <v>0</v>
      </c>
    </row>
    <row r="126551" spans="1:7" x14ac:dyDescent="0.3">
      <c r="A126551" s="13" t="s">
        <v>583</v>
      </c>
      <c r="B126551" s="14" t="s">
        <v>1</v>
      </c>
      <c r="C126551" s="14" t="s">
        <v>252</v>
      </c>
      <c r="D126551" s="14" t="s">
        <v>18</v>
      </c>
      <c r="E126551" s="15">
        <v>45637</v>
      </c>
      <c r="F126551" s="14" t="s">
        <v>15</v>
      </c>
      <c r="G126551" s="16">
        <v>0</v>
      </c>
    </row>
    <row r="126552" spans="1:7" x14ac:dyDescent="0.3">
      <c r="A126552" s="13" t="s">
        <v>583</v>
      </c>
      <c r="B126552" s="14" t="s">
        <v>1</v>
      </c>
      <c r="C126552" s="14" t="s">
        <v>252</v>
      </c>
      <c r="D126552" s="14" t="s">
        <v>18</v>
      </c>
      <c r="E126552" s="15">
        <v>45638</v>
      </c>
      <c r="F126552" s="14" t="s">
        <v>15</v>
      </c>
      <c r="G126552" s="16">
        <v>0</v>
      </c>
    </row>
    <row r="126553" spans="1:7" x14ac:dyDescent="0.3">
      <c r="A126553" s="13" t="s">
        <v>583</v>
      </c>
      <c r="B126553" s="14" t="s">
        <v>1</v>
      </c>
      <c r="C126553" s="14" t="s">
        <v>252</v>
      </c>
      <c r="D126553" s="14" t="s">
        <v>18</v>
      </c>
      <c r="E126553" s="15">
        <v>45639</v>
      </c>
      <c r="F126553" s="14" t="s">
        <v>15</v>
      </c>
      <c r="G126553" s="16">
        <v>0</v>
      </c>
    </row>
    <row r="126554" spans="1:7" x14ac:dyDescent="0.3">
      <c r="A126554" s="13" t="s">
        <v>583</v>
      </c>
      <c r="B126554" s="14" t="s">
        <v>1</v>
      </c>
      <c r="C126554" s="14" t="s">
        <v>252</v>
      </c>
      <c r="D126554" s="14" t="s">
        <v>18</v>
      </c>
      <c r="E126554" s="15">
        <v>45640</v>
      </c>
      <c r="F126554" s="14" t="s">
        <v>15</v>
      </c>
      <c r="G126554" s="16">
        <v>0</v>
      </c>
    </row>
    <row r="126555" spans="1:7" x14ac:dyDescent="0.3">
      <c r="A126555" s="13" t="s">
        <v>583</v>
      </c>
      <c r="B126555" s="14" t="s">
        <v>1</v>
      </c>
      <c r="C126555" s="14" t="s">
        <v>252</v>
      </c>
      <c r="D126555" s="14" t="s">
        <v>18</v>
      </c>
      <c r="E126555" s="15">
        <v>45641</v>
      </c>
      <c r="F126555" s="14" t="s">
        <v>15</v>
      </c>
      <c r="G126555" s="16">
        <v>0</v>
      </c>
    </row>
    <row r="126556" spans="1:7" x14ac:dyDescent="0.3">
      <c r="A126556" s="13" t="s">
        <v>583</v>
      </c>
      <c r="B126556" s="14" t="s">
        <v>1</v>
      </c>
      <c r="C126556" s="14" t="s">
        <v>252</v>
      </c>
      <c r="D126556" s="14" t="s">
        <v>18</v>
      </c>
      <c r="E126556" s="15">
        <v>45642</v>
      </c>
      <c r="F126556" s="14" t="s">
        <v>15</v>
      </c>
      <c r="G126556" s="16">
        <v>0</v>
      </c>
    </row>
    <row r="126557" spans="1:7" x14ac:dyDescent="0.3">
      <c r="A126557" s="13" t="s">
        <v>583</v>
      </c>
      <c r="B126557" s="14" t="s">
        <v>1</v>
      </c>
      <c r="C126557" s="14" t="s">
        <v>252</v>
      </c>
      <c r="D126557" s="14" t="s">
        <v>18</v>
      </c>
      <c r="E126557" s="15">
        <v>45643</v>
      </c>
      <c r="F126557" s="14" t="s">
        <v>15</v>
      </c>
      <c r="G126557" s="16">
        <v>0</v>
      </c>
    </row>
    <row r="126558" spans="1:7" x14ac:dyDescent="0.3">
      <c r="A126558" s="13" t="s">
        <v>583</v>
      </c>
      <c r="B126558" s="14" t="s">
        <v>1</v>
      </c>
      <c r="C126558" s="14" t="s">
        <v>252</v>
      </c>
      <c r="D126558" s="14" t="s">
        <v>18</v>
      </c>
      <c r="E126558" s="15">
        <v>45644</v>
      </c>
      <c r="F126558" s="14" t="s">
        <v>15</v>
      </c>
      <c r="G126558" s="16">
        <v>0</v>
      </c>
    </row>
    <row r="126559" spans="1:7" x14ac:dyDescent="0.3">
      <c r="A126559" s="13" t="s">
        <v>583</v>
      </c>
      <c r="B126559" s="14" t="s">
        <v>1</v>
      </c>
      <c r="C126559" s="14" t="s">
        <v>252</v>
      </c>
      <c r="D126559" s="14" t="s">
        <v>18</v>
      </c>
      <c r="E126559" s="15">
        <v>45645</v>
      </c>
      <c r="F126559" s="14" t="s">
        <v>15</v>
      </c>
      <c r="G126559" s="16">
        <v>0</v>
      </c>
    </row>
    <row r="126560" spans="1:7" x14ac:dyDescent="0.3">
      <c r="A126560" s="13" t="s">
        <v>583</v>
      </c>
      <c r="B126560" s="14" t="s">
        <v>1</v>
      </c>
      <c r="C126560" s="14" t="s">
        <v>252</v>
      </c>
      <c r="D126560" s="14" t="s">
        <v>18</v>
      </c>
      <c r="E126560" s="15">
        <v>45646</v>
      </c>
      <c r="F126560" s="14" t="s">
        <v>15</v>
      </c>
      <c r="G126560" s="16">
        <v>0</v>
      </c>
    </row>
    <row r="126561" spans="1:7" x14ac:dyDescent="0.3">
      <c r="A126561" s="13" t="s">
        <v>583</v>
      </c>
      <c r="B126561" s="14" t="s">
        <v>1</v>
      </c>
      <c r="C126561" s="14" t="s">
        <v>252</v>
      </c>
      <c r="D126561" s="14" t="s">
        <v>18</v>
      </c>
      <c r="E126561" s="15">
        <v>45647</v>
      </c>
      <c r="F126561" s="14" t="s">
        <v>15</v>
      </c>
      <c r="G126561" s="16">
        <v>0</v>
      </c>
    </row>
    <row r="126562" spans="1:7" x14ac:dyDescent="0.3">
      <c r="A126562" s="13" t="s">
        <v>583</v>
      </c>
      <c r="B126562" s="14" t="s">
        <v>1</v>
      </c>
      <c r="C126562" s="14" t="s">
        <v>252</v>
      </c>
      <c r="D126562" s="14" t="s">
        <v>18</v>
      </c>
      <c r="E126562" s="15">
        <v>45648</v>
      </c>
      <c r="F126562" s="14" t="s">
        <v>15</v>
      </c>
      <c r="G126562" s="16">
        <v>0</v>
      </c>
    </row>
    <row r="126563" spans="1:7" x14ac:dyDescent="0.3">
      <c r="A126563" s="13" t="s">
        <v>583</v>
      </c>
      <c r="B126563" s="14" t="s">
        <v>1</v>
      </c>
      <c r="C126563" s="14" t="s">
        <v>252</v>
      </c>
      <c r="D126563" s="14" t="s">
        <v>18</v>
      </c>
      <c r="E126563" s="15">
        <v>45649</v>
      </c>
      <c r="F126563" s="14" t="s">
        <v>15</v>
      </c>
      <c r="G126563" s="16">
        <v>0</v>
      </c>
    </row>
    <row r="126564" spans="1:7" x14ac:dyDescent="0.3">
      <c r="A126564" s="13" t="s">
        <v>583</v>
      </c>
      <c r="B126564" s="14" t="s">
        <v>1</v>
      </c>
      <c r="C126564" s="14" t="s">
        <v>252</v>
      </c>
      <c r="D126564" s="14" t="s">
        <v>18</v>
      </c>
      <c r="E126564" s="15">
        <v>45650</v>
      </c>
      <c r="F126564" s="14" t="s">
        <v>15</v>
      </c>
      <c r="G126564" s="16">
        <v>0</v>
      </c>
    </row>
    <row r="126565" spans="1:7" x14ac:dyDescent="0.3">
      <c r="A126565" s="13" t="s">
        <v>583</v>
      </c>
      <c r="B126565" s="14" t="s">
        <v>1</v>
      </c>
      <c r="C126565" s="14" t="s">
        <v>252</v>
      </c>
      <c r="D126565" s="14" t="s">
        <v>18</v>
      </c>
      <c r="E126565" s="15">
        <v>45651</v>
      </c>
      <c r="F126565" s="14" t="s">
        <v>15</v>
      </c>
      <c r="G126565" s="16">
        <v>0</v>
      </c>
    </row>
    <row r="126566" spans="1:7" x14ac:dyDescent="0.3">
      <c r="A126566" s="13" t="s">
        <v>583</v>
      </c>
      <c r="B126566" s="14" t="s">
        <v>1</v>
      </c>
      <c r="C126566" s="14" t="s">
        <v>252</v>
      </c>
      <c r="D126566" s="14" t="s">
        <v>18</v>
      </c>
      <c r="E126566" s="15">
        <v>45652</v>
      </c>
      <c r="F126566" s="14" t="s">
        <v>15</v>
      </c>
      <c r="G126566" s="16">
        <v>0</v>
      </c>
    </row>
    <row r="126567" spans="1:7" x14ac:dyDescent="0.3">
      <c r="A126567" s="13" t="s">
        <v>583</v>
      </c>
      <c r="B126567" s="14" t="s">
        <v>1</v>
      </c>
      <c r="C126567" s="14" t="s">
        <v>252</v>
      </c>
      <c r="D126567" s="14" t="s">
        <v>18</v>
      </c>
      <c r="E126567" s="15">
        <v>45653</v>
      </c>
      <c r="F126567" s="14" t="s">
        <v>15</v>
      </c>
      <c r="G126567" s="16">
        <v>0</v>
      </c>
    </row>
    <row r="126568" spans="1:7" x14ac:dyDescent="0.3">
      <c r="A126568" s="13" t="s">
        <v>583</v>
      </c>
      <c r="B126568" s="14" t="s">
        <v>1</v>
      </c>
      <c r="C126568" s="14" t="s">
        <v>252</v>
      </c>
      <c r="D126568" s="14" t="s">
        <v>18</v>
      </c>
      <c r="E126568" s="15">
        <v>45654</v>
      </c>
      <c r="F126568" s="14" t="s">
        <v>15</v>
      </c>
      <c r="G126568" s="16">
        <v>0</v>
      </c>
    </row>
    <row r="126569" spans="1:7" x14ac:dyDescent="0.3">
      <c r="A126569" s="13" t="s">
        <v>583</v>
      </c>
      <c r="B126569" s="14" t="s">
        <v>1</v>
      </c>
      <c r="C126569" s="14" t="s">
        <v>252</v>
      </c>
      <c r="D126569" s="14" t="s">
        <v>18</v>
      </c>
      <c r="E126569" s="15">
        <v>45655</v>
      </c>
      <c r="F126569" s="14" t="s">
        <v>15</v>
      </c>
      <c r="G126569" s="16">
        <v>0</v>
      </c>
    </row>
    <row r="126570" spans="1:7" x14ac:dyDescent="0.3">
      <c r="A126570" s="13" t="s">
        <v>583</v>
      </c>
      <c r="B126570" s="14" t="s">
        <v>1</v>
      </c>
      <c r="C126570" s="14" t="s">
        <v>252</v>
      </c>
      <c r="D126570" s="14" t="s">
        <v>18</v>
      </c>
      <c r="E126570" s="15">
        <v>45656</v>
      </c>
      <c r="F126570" s="14" t="s">
        <v>15</v>
      </c>
      <c r="G126570" s="16">
        <v>0</v>
      </c>
    </row>
    <row r="126571" spans="1:7" x14ac:dyDescent="0.3">
      <c r="A126571" s="13" t="s">
        <v>583</v>
      </c>
      <c r="B126571" s="14" t="s">
        <v>1</v>
      </c>
      <c r="C126571" s="14" t="s">
        <v>252</v>
      </c>
      <c r="D126571" s="14" t="s">
        <v>18</v>
      </c>
      <c r="E126571" s="15">
        <v>45657</v>
      </c>
      <c r="F126571" s="14" t="s">
        <v>15</v>
      </c>
      <c r="G126571" s="16">
        <v>0</v>
      </c>
    </row>
    <row r="126572" spans="1:7" x14ac:dyDescent="0.3">
      <c r="A126572" s="13" t="s">
        <v>583</v>
      </c>
      <c r="B126572" s="14" t="s">
        <v>1</v>
      </c>
      <c r="C126572" s="14" t="s">
        <v>252</v>
      </c>
      <c r="D126572" s="14" t="s">
        <v>18</v>
      </c>
      <c r="E126572" s="15">
        <v>45658</v>
      </c>
      <c r="F126572" s="14" t="s">
        <v>15</v>
      </c>
      <c r="G126572" s="16">
        <v>0</v>
      </c>
    </row>
    <row r="126573" spans="1:7" x14ac:dyDescent="0.3">
      <c r="A126573" s="13" t="s">
        <v>583</v>
      </c>
      <c r="B126573" s="14" t="s">
        <v>1</v>
      </c>
      <c r="C126573" s="14" t="s">
        <v>252</v>
      </c>
      <c r="D126573" s="14" t="s">
        <v>18</v>
      </c>
      <c r="E126573" s="15">
        <v>45659</v>
      </c>
      <c r="F126573" s="14" t="s">
        <v>15</v>
      </c>
      <c r="G126573" s="16">
        <v>0</v>
      </c>
    </row>
    <row r="126574" spans="1:7" x14ac:dyDescent="0.3">
      <c r="A126574" s="13" t="s">
        <v>583</v>
      </c>
      <c r="B126574" s="14" t="s">
        <v>1</v>
      </c>
      <c r="C126574" s="14" t="s">
        <v>252</v>
      </c>
      <c r="D126574" s="14" t="s">
        <v>18</v>
      </c>
      <c r="E126574" s="15">
        <v>45660</v>
      </c>
      <c r="F126574" s="14" t="s">
        <v>15</v>
      </c>
      <c r="G126574" s="16">
        <v>0</v>
      </c>
    </row>
    <row r="126575" spans="1:7" x14ac:dyDescent="0.3">
      <c r="A126575" s="13" t="s">
        <v>583</v>
      </c>
      <c r="B126575" s="14" t="s">
        <v>1</v>
      </c>
      <c r="C126575" s="14" t="s">
        <v>252</v>
      </c>
      <c r="D126575" s="14" t="s">
        <v>18</v>
      </c>
      <c r="E126575" s="15">
        <v>45661</v>
      </c>
      <c r="F126575" s="14" t="s">
        <v>15</v>
      </c>
      <c r="G126575" s="16">
        <v>0</v>
      </c>
    </row>
    <row r="126576" spans="1:7" x14ac:dyDescent="0.3">
      <c r="A126576" s="13" t="s">
        <v>583</v>
      </c>
      <c r="B126576" s="14" t="s">
        <v>1</v>
      </c>
      <c r="C126576" s="14" t="s">
        <v>252</v>
      </c>
      <c r="D126576" s="14" t="s">
        <v>18</v>
      </c>
      <c r="E126576" s="15">
        <v>45662</v>
      </c>
      <c r="F126576" s="14" t="s">
        <v>15</v>
      </c>
      <c r="G126576" s="16">
        <v>0</v>
      </c>
    </row>
    <row r="126577" spans="1:7" x14ac:dyDescent="0.3">
      <c r="A126577" s="13" t="s">
        <v>583</v>
      </c>
      <c r="B126577" s="14" t="s">
        <v>1</v>
      </c>
      <c r="C126577" s="14" t="s">
        <v>252</v>
      </c>
      <c r="D126577" s="14" t="s">
        <v>18</v>
      </c>
      <c r="E126577" s="15">
        <v>45663</v>
      </c>
      <c r="F126577" s="14" t="s">
        <v>15</v>
      </c>
      <c r="G126577" s="16">
        <v>0</v>
      </c>
    </row>
    <row r="126578" spans="1:7" x14ac:dyDescent="0.3">
      <c r="A126578" s="13" t="s">
        <v>583</v>
      </c>
      <c r="B126578" s="14" t="s">
        <v>1</v>
      </c>
      <c r="C126578" s="14" t="s">
        <v>252</v>
      </c>
      <c r="D126578" s="14" t="s">
        <v>18</v>
      </c>
      <c r="E126578" s="15">
        <v>45664</v>
      </c>
      <c r="F126578" s="14" t="s">
        <v>15</v>
      </c>
      <c r="G126578" s="16">
        <v>0</v>
      </c>
    </row>
    <row r="126579" spans="1:7" x14ac:dyDescent="0.3">
      <c r="A126579" s="13" t="s">
        <v>583</v>
      </c>
      <c r="B126579" s="14" t="s">
        <v>1</v>
      </c>
      <c r="C126579" s="14" t="s">
        <v>252</v>
      </c>
      <c r="D126579" s="14" t="s">
        <v>18</v>
      </c>
      <c r="E126579" s="15">
        <v>45665</v>
      </c>
      <c r="F126579" s="14" t="s">
        <v>15</v>
      </c>
      <c r="G126579" s="16">
        <v>0</v>
      </c>
    </row>
    <row r="126580" spans="1:7" x14ac:dyDescent="0.3">
      <c r="A126580" s="13" t="s">
        <v>583</v>
      </c>
      <c r="B126580" s="14" t="s">
        <v>1</v>
      </c>
      <c r="C126580" s="14" t="s">
        <v>252</v>
      </c>
      <c r="D126580" s="14" t="s">
        <v>18</v>
      </c>
      <c r="E126580" s="15">
        <v>45666</v>
      </c>
      <c r="F126580" s="14" t="s">
        <v>15</v>
      </c>
      <c r="G126580" s="16">
        <v>0</v>
      </c>
    </row>
    <row r="126581" spans="1:7" x14ac:dyDescent="0.3">
      <c r="A126581" s="13" t="s">
        <v>583</v>
      </c>
      <c r="B126581" s="14" t="s">
        <v>1</v>
      </c>
      <c r="C126581" s="14" t="s">
        <v>252</v>
      </c>
      <c r="D126581" s="14" t="s">
        <v>18</v>
      </c>
      <c r="E126581" s="15">
        <v>45667</v>
      </c>
      <c r="F126581" s="14" t="s">
        <v>15</v>
      </c>
      <c r="G126581" s="16">
        <v>0</v>
      </c>
    </row>
    <row r="126582" spans="1:7" x14ac:dyDescent="0.3">
      <c r="A126582" s="13" t="s">
        <v>583</v>
      </c>
      <c r="B126582" s="14" t="s">
        <v>1</v>
      </c>
      <c r="C126582" s="14" t="s">
        <v>252</v>
      </c>
      <c r="D126582" s="14" t="s">
        <v>18</v>
      </c>
      <c r="E126582" s="15">
        <v>45668</v>
      </c>
      <c r="F126582" s="14" t="s">
        <v>15</v>
      </c>
      <c r="G126582" s="16">
        <v>0</v>
      </c>
    </row>
    <row r="126583" spans="1:7" x14ac:dyDescent="0.3">
      <c r="A126583" s="13" t="s">
        <v>583</v>
      </c>
      <c r="B126583" s="14" t="s">
        <v>1</v>
      </c>
      <c r="C126583" s="14" t="s">
        <v>252</v>
      </c>
      <c r="D126583" s="14" t="s">
        <v>18</v>
      </c>
      <c r="E126583" s="15">
        <v>45669</v>
      </c>
      <c r="F126583" s="14" t="s">
        <v>15</v>
      </c>
      <c r="G126583" s="16">
        <v>0</v>
      </c>
    </row>
    <row r="126584" spans="1:7" x14ac:dyDescent="0.3">
      <c r="A126584" s="13" t="s">
        <v>583</v>
      </c>
      <c r="B126584" s="14" t="s">
        <v>1</v>
      </c>
      <c r="C126584" s="14" t="s">
        <v>252</v>
      </c>
      <c r="D126584" s="14" t="s">
        <v>18</v>
      </c>
      <c r="E126584" s="15">
        <v>45670</v>
      </c>
      <c r="F126584" s="14" t="s">
        <v>15</v>
      </c>
      <c r="G126584" s="16">
        <v>0</v>
      </c>
    </row>
    <row r="126585" spans="1:7" x14ac:dyDescent="0.3">
      <c r="A126585" s="13" t="s">
        <v>583</v>
      </c>
      <c r="B126585" s="14" t="s">
        <v>1</v>
      </c>
      <c r="C126585" s="14" t="s">
        <v>252</v>
      </c>
      <c r="D126585" s="14" t="s">
        <v>18</v>
      </c>
      <c r="E126585" s="15">
        <v>45671</v>
      </c>
      <c r="F126585" s="14" t="s">
        <v>15</v>
      </c>
      <c r="G126585" s="16">
        <v>0</v>
      </c>
    </row>
    <row r="126586" spans="1:7" x14ac:dyDescent="0.3">
      <c r="A126586" s="13" t="s">
        <v>583</v>
      </c>
      <c r="B126586" s="14" t="s">
        <v>1</v>
      </c>
      <c r="C126586" s="14" t="s">
        <v>252</v>
      </c>
      <c r="D126586" s="14" t="s">
        <v>18</v>
      </c>
      <c r="E126586" s="15">
        <v>45672</v>
      </c>
      <c r="F126586" s="14" t="s">
        <v>15</v>
      </c>
      <c r="G126586" s="16">
        <v>0</v>
      </c>
    </row>
    <row r="126587" spans="1:7" x14ac:dyDescent="0.3">
      <c r="A126587" s="13" t="s">
        <v>583</v>
      </c>
      <c r="B126587" s="14" t="s">
        <v>1</v>
      </c>
      <c r="C126587" s="14" t="s">
        <v>252</v>
      </c>
      <c r="D126587" s="14" t="s">
        <v>18</v>
      </c>
      <c r="E126587" s="15">
        <v>45673</v>
      </c>
      <c r="F126587" s="14" t="s">
        <v>15</v>
      </c>
      <c r="G126587" s="16">
        <v>0</v>
      </c>
    </row>
    <row r="126588" spans="1:7" x14ac:dyDescent="0.3">
      <c r="A126588" s="13" t="s">
        <v>583</v>
      </c>
      <c r="B126588" s="14" t="s">
        <v>1</v>
      </c>
      <c r="C126588" s="14" t="s">
        <v>252</v>
      </c>
      <c r="D126588" s="14" t="s">
        <v>18</v>
      </c>
      <c r="E126588" s="15">
        <v>45674</v>
      </c>
      <c r="F126588" s="14" t="s">
        <v>15</v>
      </c>
      <c r="G126588" s="16">
        <v>0</v>
      </c>
    </row>
    <row r="126589" spans="1:7" x14ac:dyDescent="0.3">
      <c r="A126589" s="13" t="s">
        <v>583</v>
      </c>
      <c r="B126589" s="14" t="s">
        <v>1</v>
      </c>
      <c r="C126589" s="14" t="s">
        <v>252</v>
      </c>
      <c r="D126589" s="14" t="s">
        <v>18</v>
      </c>
      <c r="E126589" s="15">
        <v>45675</v>
      </c>
      <c r="F126589" s="14" t="s">
        <v>15</v>
      </c>
      <c r="G126589" s="16">
        <v>0</v>
      </c>
    </row>
    <row r="126590" spans="1:7" x14ac:dyDescent="0.3">
      <c r="A126590" s="13" t="s">
        <v>583</v>
      </c>
      <c r="B126590" s="14" t="s">
        <v>1</v>
      </c>
      <c r="C126590" s="14" t="s">
        <v>252</v>
      </c>
      <c r="D126590" s="14" t="s">
        <v>18</v>
      </c>
      <c r="E126590" s="15">
        <v>45676</v>
      </c>
      <c r="F126590" s="14" t="s">
        <v>15</v>
      </c>
      <c r="G126590" s="16">
        <v>0</v>
      </c>
    </row>
    <row r="126591" spans="1:7" x14ac:dyDescent="0.3">
      <c r="A126591" s="13" t="s">
        <v>583</v>
      </c>
      <c r="B126591" s="14" t="s">
        <v>1</v>
      </c>
      <c r="C126591" s="14" t="s">
        <v>252</v>
      </c>
      <c r="D126591" s="14" t="s">
        <v>18</v>
      </c>
      <c r="E126591" s="15">
        <v>45677</v>
      </c>
      <c r="F126591" s="14" t="s">
        <v>15</v>
      </c>
      <c r="G126591" s="16">
        <v>0</v>
      </c>
    </row>
    <row r="126592" spans="1:7" x14ac:dyDescent="0.3">
      <c r="A126592" s="13" t="s">
        <v>583</v>
      </c>
      <c r="B126592" s="14" t="s">
        <v>1</v>
      </c>
      <c r="C126592" s="14" t="s">
        <v>252</v>
      </c>
      <c r="D126592" s="14" t="s">
        <v>18</v>
      </c>
      <c r="E126592" s="15">
        <v>45678</v>
      </c>
      <c r="F126592" s="14" t="s">
        <v>15</v>
      </c>
      <c r="G126592" s="16">
        <v>0</v>
      </c>
    </row>
    <row r="126593" spans="1:7" x14ac:dyDescent="0.3">
      <c r="A126593" s="13" t="s">
        <v>583</v>
      </c>
      <c r="B126593" s="14" t="s">
        <v>1</v>
      </c>
      <c r="C126593" s="14" t="s">
        <v>252</v>
      </c>
      <c r="D126593" s="14" t="s">
        <v>18</v>
      </c>
      <c r="E126593" s="15">
        <v>45679</v>
      </c>
      <c r="F126593" s="14" t="s">
        <v>15</v>
      </c>
      <c r="G126593" s="16">
        <v>0</v>
      </c>
    </row>
    <row r="126594" spans="1:7" x14ac:dyDescent="0.3">
      <c r="A126594" s="13" t="s">
        <v>583</v>
      </c>
      <c r="B126594" s="14" t="s">
        <v>1</v>
      </c>
      <c r="C126594" s="14" t="s">
        <v>252</v>
      </c>
      <c r="D126594" s="14" t="s">
        <v>18</v>
      </c>
      <c r="E126594" s="15">
        <v>45680</v>
      </c>
      <c r="F126594" s="14" t="s">
        <v>15</v>
      </c>
      <c r="G126594" s="16">
        <v>0</v>
      </c>
    </row>
    <row r="126595" spans="1:7" x14ac:dyDescent="0.3">
      <c r="A126595" s="13" t="s">
        <v>583</v>
      </c>
      <c r="B126595" s="14" t="s">
        <v>1</v>
      </c>
      <c r="C126595" s="14" t="s">
        <v>252</v>
      </c>
      <c r="D126595" s="14" t="s">
        <v>18</v>
      </c>
      <c r="E126595" s="15">
        <v>45681</v>
      </c>
      <c r="F126595" s="14" t="s">
        <v>15</v>
      </c>
      <c r="G126595" s="16">
        <v>0</v>
      </c>
    </row>
    <row r="126596" spans="1:7" x14ac:dyDescent="0.3">
      <c r="A126596" s="13" t="s">
        <v>583</v>
      </c>
      <c r="B126596" s="14" t="s">
        <v>1</v>
      </c>
      <c r="C126596" s="14" t="s">
        <v>252</v>
      </c>
      <c r="D126596" s="14" t="s">
        <v>18</v>
      </c>
      <c r="E126596" s="15">
        <v>45682</v>
      </c>
      <c r="F126596" s="14" t="s">
        <v>15</v>
      </c>
      <c r="G126596" s="16">
        <v>0</v>
      </c>
    </row>
    <row r="126597" spans="1:7" x14ac:dyDescent="0.3">
      <c r="A126597" s="13" t="s">
        <v>583</v>
      </c>
      <c r="B126597" s="14" t="s">
        <v>1</v>
      </c>
      <c r="C126597" s="14" t="s">
        <v>252</v>
      </c>
      <c r="D126597" s="14" t="s">
        <v>18</v>
      </c>
      <c r="E126597" s="15">
        <v>45683</v>
      </c>
      <c r="F126597" s="14" t="s">
        <v>15</v>
      </c>
      <c r="G126597" s="16">
        <v>0</v>
      </c>
    </row>
    <row r="126598" spans="1:7" x14ac:dyDescent="0.3">
      <c r="A126598" s="13" t="s">
        <v>583</v>
      </c>
      <c r="B126598" s="14" t="s">
        <v>1</v>
      </c>
      <c r="C126598" s="14" t="s">
        <v>252</v>
      </c>
      <c r="D126598" s="14" t="s">
        <v>18</v>
      </c>
      <c r="E126598" s="15">
        <v>45684</v>
      </c>
      <c r="F126598" s="14" t="s">
        <v>15</v>
      </c>
      <c r="G126598" s="16">
        <v>0</v>
      </c>
    </row>
    <row r="126599" spans="1:7" x14ac:dyDescent="0.3">
      <c r="A126599" s="13" t="s">
        <v>583</v>
      </c>
      <c r="B126599" s="14" t="s">
        <v>1</v>
      </c>
      <c r="C126599" s="14" t="s">
        <v>252</v>
      </c>
      <c r="D126599" s="14" t="s">
        <v>18</v>
      </c>
      <c r="E126599" s="15">
        <v>45685</v>
      </c>
      <c r="F126599" s="14" t="s">
        <v>15</v>
      </c>
      <c r="G126599" s="16">
        <v>0</v>
      </c>
    </row>
    <row r="126600" spans="1:7" x14ac:dyDescent="0.3">
      <c r="A126600" s="13" t="s">
        <v>583</v>
      </c>
      <c r="B126600" s="14" t="s">
        <v>1</v>
      </c>
      <c r="C126600" s="14" t="s">
        <v>252</v>
      </c>
      <c r="D126600" s="14" t="s">
        <v>18</v>
      </c>
      <c r="E126600" s="15">
        <v>45686</v>
      </c>
      <c r="F126600" s="14" t="s">
        <v>15</v>
      </c>
      <c r="G126600" s="16">
        <v>0</v>
      </c>
    </row>
    <row r="126601" spans="1:7" x14ac:dyDescent="0.3">
      <c r="A126601" s="13" t="s">
        <v>583</v>
      </c>
      <c r="B126601" s="14" t="s">
        <v>1</v>
      </c>
      <c r="C126601" s="14" t="s">
        <v>252</v>
      </c>
      <c r="D126601" s="14" t="s">
        <v>18</v>
      </c>
      <c r="E126601" s="15">
        <v>45687</v>
      </c>
      <c r="F126601" s="14" t="s">
        <v>15</v>
      </c>
      <c r="G126601" s="16">
        <v>0</v>
      </c>
    </row>
    <row r="126602" spans="1:7" x14ac:dyDescent="0.3">
      <c r="A126602" s="13" t="s">
        <v>583</v>
      </c>
      <c r="B126602" s="14" t="s">
        <v>1</v>
      </c>
      <c r="C126602" s="14" t="s">
        <v>252</v>
      </c>
      <c r="D126602" s="14" t="s">
        <v>18</v>
      </c>
      <c r="E126602" s="15">
        <v>45688</v>
      </c>
      <c r="F126602" s="14" t="s">
        <v>15</v>
      </c>
      <c r="G126602" s="16">
        <v>0</v>
      </c>
    </row>
    <row r="126603" spans="1:7" x14ac:dyDescent="0.3">
      <c r="A126603" s="13" t="s">
        <v>583</v>
      </c>
      <c r="B126603" s="14" t="s">
        <v>1</v>
      </c>
      <c r="C126603" s="14" t="s">
        <v>252</v>
      </c>
      <c r="D126603" s="14" t="s">
        <v>18</v>
      </c>
      <c r="E126603" s="15">
        <v>45689</v>
      </c>
      <c r="F126603" s="14" t="s">
        <v>15</v>
      </c>
      <c r="G126603" s="16">
        <v>0</v>
      </c>
    </row>
    <row r="126604" spans="1:7" x14ac:dyDescent="0.3">
      <c r="A126604" s="13" t="s">
        <v>583</v>
      </c>
      <c r="B126604" s="14" t="s">
        <v>1</v>
      </c>
      <c r="C126604" s="14" t="s">
        <v>252</v>
      </c>
      <c r="D126604" s="14" t="s">
        <v>18</v>
      </c>
      <c r="E126604" s="15">
        <v>45690</v>
      </c>
      <c r="F126604" s="14" t="s">
        <v>15</v>
      </c>
      <c r="G126604" s="16">
        <v>0</v>
      </c>
    </row>
    <row r="126605" spans="1:7" x14ac:dyDescent="0.3">
      <c r="A126605" s="13" t="s">
        <v>583</v>
      </c>
      <c r="B126605" s="14" t="s">
        <v>1</v>
      </c>
      <c r="C126605" s="14" t="s">
        <v>252</v>
      </c>
      <c r="D126605" s="14" t="s">
        <v>18</v>
      </c>
      <c r="E126605" s="15">
        <v>45691</v>
      </c>
      <c r="F126605" s="14" t="s">
        <v>15</v>
      </c>
      <c r="G126605" s="16">
        <v>0</v>
      </c>
    </row>
    <row r="126606" spans="1:7" x14ac:dyDescent="0.3">
      <c r="A126606" s="13" t="s">
        <v>583</v>
      </c>
      <c r="B126606" s="14" t="s">
        <v>1</v>
      </c>
      <c r="C126606" s="14" t="s">
        <v>252</v>
      </c>
      <c r="D126606" s="14" t="s">
        <v>18</v>
      </c>
      <c r="E126606" s="15">
        <v>45692</v>
      </c>
      <c r="F126606" s="14" t="s">
        <v>15</v>
      </c>
      <c r="G126606" s="16">
        <v>0</v>
      </c>
    </row>
    <row r="126607" spans="1:7" x14ac:dyDescent="0.3">
      <c r="A126607" s="13" t="s">
        <v>583</v>
      </c>
      <c r="B126607" s="14" t="s">
        <v>1</v>
      </c>
      <c r="C126607" s="14" t="s">
        <v>252</v>
      </c>
      <c r="D126607" s="14" t="s">
        <v>18</v>
      </c>
      <c r="E126607" s="15">
        <v>45693</v>
      </c>
      <c r="F126607" s="14" t="s">
        <v>15</v>
      </c>
      <c r="G126607" s="16">
        <v>0</v>
      </c>
    </row>
    <row r="126608" spans="1:7" x14ac:dyDescent="0.3">
      <c r="A126608" s="13" t="s">
        <v>583</v>
      </c>
      <c r="B126608" s="14" t="s">
        <v>1</v>
      </c>
      <c r="C126608" s="14" t="s">
        <v>252</v>
      </c>
      <c r="D126608" s="14" t="s">
        <v>18</v>
      </c>
      <c r="E126608" s="15">
        <v>45694</v>
      </c>
      <c r="F126608" s="14" t="s">
        <v>15</v>
      </c>
      <c r="G126608" s="16">
        <v>0</v>
      </c>
    </row>
    <row r="126609" spans="1:7" x14ac:dyDescent="0.3">
      <c r="A126609" s="13" t="s">
        <v>583</v>
      </c>
      <c r="B126609" s="14" t="s">
        <v>1</v>
      </c>
      <c r="C126609" s="14" t="s">
        <v>252</v>
      </c>
      <c r="D126609" s="14" t="s">
        <v>18</v>
      </c>
      <c r="E126609" s="15">
        <v>45695</v>
      </c>
      <c r="F126609" s="14" t="s">
        <v>15</v>
      </c>
      <c r="G126609" s="16">
        <v>0</v>
      </c>
    </row>
    <row r="126610" spans="1:7" x14ac:dyDescent="0.3">
      <c r="A126610" s="13" t="s">
        <v>583</v>
      </c>
      <c r="B126610" s="14" t="s">
        <v>1</v>
      </c>
      <c r="C126610" s="14" t="s">
        <v>252</v>
      </c>
      <c r="D126610" s="14" t="s">
        <v>18</v>
      </c>
      <c r="E126610" s="15">
        <v>45696</v>
      </c>
      <c r="F126610" s="14" t="s">
        <v>15</v>
      </c>
      <c r="G126610" s="16">
        <v>0</v>
      </c>
    </row>
    <row r="126611" spans="1:7" x14ac:dyDescent="0.3">
      <c r="A126611" s="13" t="s">
        <v>583</v>
      </c>
      <c r="B126611" s="14" t="s">
        <v>1</v>
      </c>
      <c r="C126611" s="14" t="s">
        <v>252</v>
      </c>
      <c r="D126611" s="14" t="s">
        <v>18</v>
      </c>
      <c r="E126611" s="15">
        <v>45697</v>
      </c>
      <c r="F126611" s="14" t="s">
        <v>15</v>
      </c>
      <c r="G126611" s="16">
        <v>0</v>
      </c>
    </row>
    <row r="126612" spans="1:7" x14ac:dyDescent="0.3">
      <c r="A126612" s="13" t="s">
        <v>583</v>
      </c>
      <c r="B126612" s="14" t="s">
        <v>1</v>
      </c>
      <c r="C126612" s="14" t="s">
        <v>252</v>
      </c>
      <c r="D126612" s="14" t="s">
        <v>18</v>
      </c>
      <c r="E126612" s="15">
        <v>45698</v>
      </c>
      <c r="F126612" s="14" t="s">
        <v>15</v>
      </c>
      <c r="G126612" s="16">
        <v>0</v>
      </c>
    </row>
    <row r="126613" spans="1:7" x14ac:dyDescent="0.3">
      <c r="A126613" s="13" t="s">
        <v>583</v>
      </c>
      <c r="B126613" s="14" t="s">
        <v>1</v>
      </c>
      <c r="C126613" s="14" t="s">
        <v>252</v>
      </c>
      <c r="D126613" s="14" t="s">
        <v>18</v>
      </c>
      <c r="E126613" s="15">
        <v>45699</v>
      </c>
      <c r="F126613" s="14" t="s">
        <v>15</v>
      </c>
      <c r="G126613" s="16">
        <v>0</v>
      </c>
    </row>
    <row r="126614" spans="1:7" x14ac:dyDescent="0.3">
      <c r="A126614" s="13" t="s">
        <v>583</v>
      </c>
      <c r="B126614" s="14" t="s">
        <v>1</v>
      </c>
      <c r="C126614" s="14" t="s">
        <v>252</v>
      </c>
      <c r="D126614" s="14" t="s">
        <v>18</v>
      </c>
      <c r="E126614" s="15">
        <v>45700</v>
      </c>
      <c r="F126614" s="14" t="s">
        <v>15</v>
      </c>
      <c r="G126614" s="16">
        <v>0</v>
      </c>
    </row>
    <row r="126615" spans="1:7" x14ac:dyDescent="0.3">
      <c r="A126615" s="13" t="s">
        <v>583</v>
      </c>
      <c r="B126615" s="14" t="s">
        <v>1</v>
      </c>
      <c r="C126615" s="14" t="s">
        <v>252</v>
      </c>
      <c r="D126615" s="14" t="s">
        <v>18</v>
      </c>
      <c r="E126615" s="15">
        <v>45701</v>
      </c>
      <c r="F126615" s="14" t="s">
        <v>15</v>
      </c>
      <c r="G126615" s="16">
        <v>0</v>
      </c>
    </row>
    <row r="126616" spans="1:7" x14ac:dyDescent="0.3">
      <c r="A126616" s="13" t="s">
        <v>583</v>
      </c>
      <c r="B126616" s="14" t="s">
        <v>1</v>
      </c>
      <c r="C126616" s="14" t="s">
        <v>252</v>
      </c>
      <c r="D126616" s="14" t="s">
        <v>18</v>
      </c>
      <c r="E126616" s="15">
        <v>45702</v>
      </c>
      <c r="F126616" s="14" t="s">
        <v>15</v>
      </c>
      <c r="G126616" s="16">
        <v>0</v>
      </c>
    </row>
    <row r="126617" spans="1:7" x14ac:dyDescent="0.3">
      <c r="A126617" s="13" t="s">
        <v>583</v>
      </c>
      <c r="B126617" s="14" t="s">
        <v>1</v>
      </c>
      <c r="C126617" s="14" t="s">
        <v>252</v>
      </c>
      <c r="D126617" s="14" t="s">
        <v>18</v>
      </c>
      <c r="E126617" s="15">
        <v>45703</v>
      </c>
      <c r="F126617" s="14" t="s">
        <v>15</v>
      </c>
      <c r="G126617" s="16">
        <v>0</v>
      </c>
    </row>
    <row r="126618" spans="1:7" x14ac:dyDescent="0.3">
      <c r="A126618" s="13" t="s">
        <v>583</v>
      </c>
      <c r="B126618" s="14" t="s">
        <v>1</v>
      </c>
      <c r="C126618" s="14" t="s">
        <v>252</v>
      </c>
      <c r="D126618" s="14" t="s">
        <v>18</v>
      </c>
      <c r="E126618" s="15">
        <v>45704</v>
      </c>
      <c r="F126618" s="14" t="s">
        <v>15</v>
      </c>
      <c r="G126618" s="16">
        <v>0</v>
      </c>
    </row>
    <row r="126619" spans="1:7" x14ac:dyDescent="0.3">
      <c r="A126619" s="13" t="s">
        <v>583</v>
      </c>
      <c r="B126619" s="14" t="s">
        <v>1</v>
      </c>
      <c r="C126619" s="14" t="s">
        <v>252</v>
      </c>
      <c r="D126619" s="14" t="s">
        <v>18</v>
      </c>
      <c r="E126619" s="15">
        <v>45705</v>
      </c>
      <c r="F126619" s="14" t="s">
        <v>15</v>
      </c>
      <c r="G126619" s="16">
        <v>0</v>
      </c>
    </row>
    <row r="126620" spans="1:7" x14ac:dyDescent="0.3">
      <c r="A126620" s="13" t="s">
        <v>583</v>
      </c>
      <c r="B126620" s="14" t="s">
        <v>1</v>
      </c>
      <c r="C126620" s="14" t="s">
        <v>252</v>
      </c>
      <c r="D126620" s="14" t="s">
        <v>18</v>
      </c>
      <c r="E126620" s="15">
        <v>45706</v>
      </c>
      <c r="F126620" s="14" t="s">
        <v>15</v>
      </c>
      <c r="G126620" s="16">
        <v>0</v>
      </c>
    </row>
    <row r="126621" spans="1:7" x14ac:dyDescent="0.3">
      <c r="A126621" s="13" t="s">
        <v>583</v>
      </c>
      <c r="B126621" s="14" t="s">
        <v>1</v>
      </c>
      <c r="C126621" s="14" t="s">
        <v>252</v>
      </c>
      <c r="D126621" s="14" t="s">
        <v>18</v>
      </c>
      <c r="E126621" s="15">
        <v>45707</v>
      </c>
      <c r="F126621" s="14" t="s">
        <v>15</v>
      </c>
      <c r="G126621" s="16">
        <v>0</v>
      </c>
    </row>
    <row r="126622" spans="1:7" x14ac:dyDescent="0.3">
      <c r="A126622" s="13" t="s">
        <v>583</v>
      </c>
      <c r="B126622" s="14" t="s">
        <v>1</v>
      </c>
      <c r="C126622" s="14" t="s">
        <v>252</v>
      </c>
      <c r="D126622" s="14" t="s">
        <v>18</v>
      </c>
      <c r="E126622" s="15">
        <v>45708</v>
      </c>
      <c r="F126622" s="14" t="s">
        <v>15</v>
      </c>
      <c r="G126622" s="16">
        <v>0</v>
      </c>
    </row>
    <row r="126623" spans="1:7" x14ac:dyDescent="0.3">
      <c r="A126623" s="13" t="s">
        <v>583</v>
      </c>
      <c r="B126623" s="14" t="s">
        <v>1</v>
      </c>
      <c r="C126623" s="14" t="s">
        <v>252</v>
      </c>
      <c r="D126623" s="14" t="s">
        <v>18</v>
      </c>
      <c r="E126623" s="15">
        <v>45709</v>
      </c>
      <c r="F126623" s="14" t="s">
        <v>15</v>
      </c>
      <c r="G126623" s="16">
        <v>0</v>
      </c>
    </row>
    <row r="126624" spans="1:7" x14ac:dyDescent="0.3">
      <c r="A126624" s="13" t="s">
        <v>583</v>
      </c>
      <c r="B126624" s="14" t="s">
        <v>1</v>
      </c>
      <c r="C126624" s="14" t="s">
        <v>252</v>
      </c>
      <c r="D126624" s="14" t="s">
        <v>18</v>
      </c>
      <c r="E126624" s="15">
        <v>45710</v>
      </c>
      <c r="F126624" s="14" t="s">
        <v>15</v>
      </c>
      <c r="G126624" s="16">
        <v>0</v>
      </c>
    </row>
    <row r="126625" spans="1:7" x14ac:dyDescent="0.3">
      <c r="A126625" s="13" t="s">
        <v>583</v>
      </c>
      <c r="B126625" s="14" t="s">
        <v>1</v>
      </c>
      <c r="C126625" s="14" t="s">
        <v>252</v>
      </c>
      <c r="D126625" s="14" t="s">
        <v>18</v>
      </c>
      <c r="E126625" s="15">
        <v>45711</v>
      </c>
      <c r="F126625" s="14" t="s">
        <v>15</v>
      </c>
      <c r="G126625" s="16">
        <v>0</v>
      </c>
    </row>
    <row r="126626" spans="1:7" x14ac:dyDescent="0.3">
      <c r="A126626" s="13" t="s">
        <v>583</v>
      </c>
      <c r="B126626" s="14" t="s">
        <v>1</v>
      </c>
      <c r="C126626" s="14" t="s">
        <v>252</v>
      </c>
      <c r="D126626" s="14" t="s">
        <v>18</v>
      </c>
      <c r="E126626" s="15">
        <v>45712</v>
      </c>
      <c r="F126626" s="14" t="s">
        <v>15</v>
      </c>
      <c r="G126626" s="16">
        <v>0</v>
      </c>
    </row>
    <row r="126627" spans="1:7" x14ac:dyDescent="0.3">
      <c r="A126627" s="13" t="s">
        <v>583</v>
      </c>
      <c r="B126627" s="14" t="s">
        <v>1</v>
      </c>
      <c r="C126627" s="14" t="s">
        <v>252</v>
      </c>
      <c r="D126627" s="14" t="s">
        <v>18</v>
      </c>
      <c r="E126627" s="15">
        <v>45713</v>
      </c>
      <c r="F126627" s="14" t="s">
        <v>15</v>
      </c>
      <c r="G126627" s="16">
        <v>0</v>
      </c>
    </row>
    <row r="126628" spans="1:7" x14ac:dyDescent="0.3">
      <c r="A126628" s="13" t="s">
        <v>583</v>
      </c>
      <c r="B126628" s="14" t="s">
        <v>1</v>
      </c>
      <c r="C126628" s="14" t="s">
        <v>252</v>
      </c>
      <c r="D126628" s="14" t="s">
        <v>18</v>
      </c>
      <c r="E126628" s="15">
        <v>45714</v>
      </c>
      <c r="F126628" s="14" t="s">
        <v>15</v>
      </c>
      <c r="G126628" s="16">
        <v>0</v>
      </c>
    </row>
    <row r="126629" spans="1:7" x14ac:dyDescent="0.3">
      <c r="A126629" s="13" t="s">
        <v>583</v>
      </c>
      <c r="B126629" s="14" t="s">
        <v>1</v>
      </c>
      <c r="C126629" s="14" t="s">
        <v>252</v>
      </c>
      <c r="D126629" s="14" t="s">
        <v>18</v>
      </c>
      <c r="E126629" s="15">
        <v>45715</v>
      </c>
      <c r="F126629" s="14" t="s">
        <v>15</v>
      </c>
      <c r="G126629" s="16">
        <v>0</v>
      </c>
    </row>
    <row r="126630" spans="1:7" x14ac:dyDescent="0.3">
      <c r="A126630" s="13" t="s">
        <v>583</v>
      </c>
      <c r="B126630" s="14" t="s">
        <v>1</v>
      </c>
      <c r="C126630" s="14" t="s">
        <v>252</v>
      </c>
      <c r="D126630" s="14" t="s">
        <v>18</v>
      </c>
      <c r="E126630" s="15">
        <v>45716</v>
      </c>
      <c r="F126630" s="14" t="s">
        <v>15</v>
      </c>
      <c r="G126630" s="16">
        <v>0</v>
      </c>
    </row>
    <row r="126631" spans="1:7" x14ac:dyDescent="0.3">
      <c r="A126631" s="13" t="s">
        <v>583</v>
      </c>
      <c r="B126631" s="14" t="s">
        <v>1</v>
      </c>
      <c r="C126631" s="14" t="s">
        <v>252</v>
      </c>
      <c r="D126631" s="14" t="s">
        <v>18</v>
      </c>
      <c r="E126631" s="15">
        <v>45717</v>
      </c>
      <c r="F126631" s="14" t="s">
        <v>15</v>
      </c>
      <c r="G126631" s="16">
        <v>0</v>
      </c>
    </row>
    <row r="126632" spans="1:7" x14ac:dyDescent="0.3">
      <c r="A126632" s="13" t="s">
        <v>583</v>
      </c>
      <c r="B126632" s="14" t="s">
        <v>1</v>
      </c>
      <c r="C126632" s="14" t="s">
        <v>252</v>
      </c>
      <c r="D126632" s="14" t="s">
        <v>18</v>
      </c>
      <c r="E126632" s="15">
        <v>45718</v>
      </c>
      <c r="F126632" s="14" t="s">
        <v>15</v>
      </c>
      <c r="G126632" s="16">
        <v>0</v>
      </c>
    </row>
    <row r="126633" spans="1:7" x14ac:dyDescent="0.3">
      <c r="A126633" s="13" t="s">
        <v>583</v>
      </c>
      <c r="B126633" s="14" t="s">
        <v>1</v>
      </c>
      <c r="C126633" s="14" t="s">
        <v>252</v>
      </c>
      <c r="D126633" s="14" t="s">
        <v>18</v>
      </c>
      <c r="E126633" s="15">
        <v>45719</v>
      </c>
      <c r="F126633" s="14" t="s">
        <v>15</v>
      </c>
      <c r="G126633" s="16">
        <v>0</v>
      </c>
    </row>
    <row r="126634" spans="1:7" x14ac:dyDescent="0.3">
      <c r="A126634" s="13" t="s">
        <v>583</v>
      </c>
      <c r="B126634" s="14" t="s">
        <v>1</v>
      </c>
      <c r="C126634" s="14" t="s">
        <v>252</v>
      </c>
      <c r="D126634" s="14" t="s">
        <v>18</v>
      </c>
      <c r="E126634" s="15">
        <v>45720</v>
      </c>
      <c r="F126634" s="14" t="s">
        <v>15</v>
      </c>
      <c r="G126634" s="16">
        <v>0</v>
      </c>
    </row>
    <row r="126635" spans="1:7" x14ac:dyDescent="0.3">
      <c r="A126635" s="13" t="s">
        <v>583</v>
      </c>
      <c r="B126635" s="14" t="s">
        <v>1</v>
      </c>
      <c r="C126635" s="14" t="s">
        <v>252</v>
      </c>
      <c r="D126635" s="14" t="s">
        <v>18</v>
      </c>
      <c r="E126635" s="15">
        <v>45721</v>
      </c>
      <c r="F126635" s="14" t="s">
        <v>15</v>
      </c>
      <c r="G126635" s="16">
        <v>0</v>
      </c>
    </row>
    <row r="126636" spans="1:7" x14ac:dyDescent="0.3">
      <c r="A126636" s="13" t="s">
        <v>583</v>
      </c>
      <c r="B126636" s="14" t="s">
        <v>1</v>
      </c>
      <c r="C126636" s="14" t="s">
        <v>252</v>
      </c>
      <c r="D126636" s="14" t="s">
        <v>18</v>
      </c>
      <c r="E126636" s="15">
        <v>45722</v>
      </c>
      <c r="F126636" s="14" t="s">
        <v>15</v>
      </c>
      <c r="G126636" s="16">
        <v>0</v>
      </c>
    </row>
    <row r="126637" spans="1:7" x14ac:dyDescent="0.3">
      <c r="A126637" s="13" t="s">
        <v>583</v>
      </c>
      <c r="B126637" s="14" t="s">
        <v>1</v>
      </c>
      <c r="C126637" s="14" t="s">
        <v>252</v>
      </c>
      <c r="D126637" s="14" t="s">
        <v>18</v>
      </c>
      <c r="E126637" s="15">
        <v>45723</v>
      </c>
      <c r="F126637" s="14" t="s">
        <v>15</v>
      </c>
      <c r="G126637" s="16">
        <v>0</v>
      </c>
    </row>
    <row r="126638" spans="1:7" x14ac:dyDescent="0.3">
      <c r="A126638" s="13" t="s">
        <v>583</v>
      </c>
      <c r="B126638" s="14" t="s">
        <v>1</v>
      </c>
      <c r="C126638" s="14" t="s">
        <v>252</v>
      </c>
      <c r="D126638" s="14" t="s">
        <v>18</v>
      </c>
      <c r="E126638" s="15">
        <v>45724</v>
      </c>
      <c r="F126638" s="14" t="s">
        <v>15</v>
      </c>
      <c r="G126638" s="16">
        <v>0</v>
      </c>
    </row>
    <row r="126639" spans="1:7" x14ac:dyDescent="0.3">
      <c r="A126639" s="13" t="s">
        <v>583</v>
      </c>
      <c r="B126639" s="14" t="s">
        <v>1</v>
      </c>
      <c r="C126639" s="14" t="s">
        <v>252</v>
      </c>
      <c r="D126639" s="14" t="s">
        <v>18</v>
      </c>
      <c r="E126639" s="15">
        <v>45725</v>
      </c>
      <c r="F126639" s="14" t="s">
        <v>15</v>
      </c>
      <c r="G126639" s="16">
        <v>0</v>
      </c>
    </row>
    <row r="126640" spans="1:7" x14ac:dyDescent="0.3">
      <c r="A126640" s="13" t="s">
        <v>583</v>
      </c>
      <c r="B126640" s="14" t="s">
        <v>1</v>
      </c>
      <c r="C126640" s="14" t="s">
        <v>252</v>
      </c>
      <c r="D126640" s="14" t="s">
        <v>18</v>
      </c>
      <c r="E126640" s="15">
        <v>45726</v>
      </c>
      <c r="F126640" s="14" t="s">
        <v>15</v>
      </c>
      <c r="G126640" s="16">
        <v>0</v>
      </c>
    </row>
    <row r="126641" spans="1:7" x14ac:dyDescent="0.3">
      <c r="A126641" s="13" t="s">
        <v>583</v>
      </c>
      <c r="B126641" s="14" t="s">
        <v>1</v>
      </c>
      <c r="C126641" s="14" t="s">
        <v>252</v>
      </c>
      <c r="D126641" s="14" t="s">
        <v>18</v>
      </c>
      <c r="E126641" s="15">
        <v>45727</v>
      </c>
      <c r="F126641" s="14" t="s">
        <v>15</v>
      </c>
      <c r="G126641" s="16">
        <v>0</v>
      </c>
    </row>
    <row r="126642" spans="1:7" x14ac:dyDescent="0.3">
      <c r="A126642" s="13" t="s">
        <v>583</v>
      </c>
      <c r="B126642" s="14" t="s">
        <v>1</v>
      </c>
      <c r="C126642" s="14" t="s">
        <v>252</v>
      </c>
      <c r="D126642" s="14" t="s">
        <v>18</v>
      </c>
      <c r="E126642" s="15">
        <v>45728</v>
      </c>
      <c r="F126642" s="14" t="s">
        <v>15</v>
      </c>
      <c r="G126642" s="16">
        <v>0</v>
      </c>
    </row>
    <row r="126643" spans="1:7" x14ac:dyDescent="0.3">
      <c r="A126643" s="13" t="s">
        <v>583</v>
      </c>
      <c r="B126643" s="14" t="s">
        <v>1</v>
      </c>
      <c r="C126643" s="14" t="s">
        <v>252</v>
      </c>
      <c r="D126643" s="14" t="s">
        <v>18</v>
      </c>
      <c r="E126643" s="15">
        <v>45729</v>
      </c>
      <c r="F126643" s="14" t="s">
        <v>15</v>
      </c>
      <c r="G126643" s="16">
        <v>0</v>
      </c>
    </row>
    <row r="126644" spans="1:7" x14ac:dyDescent="0.3">
      <c r="A126644" s="13" t="s">
        <v>583</v>
      </c>
      <c r="B126644" s="14" t="s">
        <v>1</v>
      </c>
      <c r="C126644" s="14" t="s">
        <v>252</v>
      </c>
      <c r="D126644" s="14" t="s">
        <v>18</v>
      </c>
      <c r="E126644" s="15">
        <v>45730</v>
      </c>
      <c r="F126644" s="14" t="s">
        <v>15</v>
      </c>
      <c r="G126644" s="16">
        <v>0</v>
      </c>
    </row>
    <row r="126645" spans="1:7" x14ac:dyDescent="0.3">
      <c r="A126645" s="13" t="s">
        <v>583</v>
      </c>
      <c r="B126645" s="14" t="s">
        <v>1</v>
      </c>
      <c r="C126645" s="14" t="s">
        <v>252</v>
      </c>
      <c r="D126645" s="14" t="s">
        <v>18</v>
      </c>
      <c r="E126645" s="15">
        <v>45731</v>
      </c>
      <c r="F126645" s="14" t="s">
        <v>15</v>
      </c>
      <c r="G126645" s="16">
        <v>0</v>
      </c>
    </row>
    <row r="126646" spans="1:7" x14ac:dyDescent="0.3">
      <c r="A126646" s="13" t="s">
        <v>583</v>
      </c>
      <c r="B126646" s="14" t="s">
        <v>1</v>
      </c>
      <c r="C126646" s="14" t="s">
        <v>252</v>
      </c>
      <c r="D126646" s="14" t="s">
        <v>18</v>
      </c>
      <c r="E126646" s="15">
        <v>45732</v>
      </c>
      <c r="F126646" s="14" t="s">
        <v>15</v>
      </c>
      <c r="G126646" s="16">
        <v>0</v>
      </c>
    </row>
    <row r="126647" spans="1:7" x14ac:dyDescent="0.3">
      <c r="A126647" s="13" t="s">
        <v>583</v>
      </c>
      <c r="B126647" s="14" t="s">
        <v>1</v>
      </c>
      <c r="C126647" s="14" t="s">
        <v>252</v>
      </c>
      <c r="D126647" s="14" t="s">
        <v>18</v>
      </c>
      <c r="E126647" s="15">
        <v>45733</v>
      </c>
      <c r="F126647" s="14" t="s">
        <v>15</v>
      </c>
      <c r="G126647" s="16">
        <v>0</v>
      </c>
    </row>
    <row r="126648" spans="1:7" x14ac:dyDescent="0.3">
      <c r="A126648" s="13" t="s">
        <v>583</v>
      </c>
      <c r="B126648" s="14" t="s">
        <v>1</v>
      </c>
      <c r="C126648" s="14" t="s">
        <v>252</v>
      </c>
      <c r="D126648" s="14" t="s">
        <v>18</v>
      </c>
      <c r="E126648" s="15">
        <v>45734</v>
      </c>
      <c r="F126648" s="14" t="s">
        <v>15</v>
      </c>
      <c r="G126648" s="16">
        <v>0</v>
      </c>
    </row>
    <row r="126649" spans="1:7" x14ac:dyDescent="0.3">
      <c r="A126649" s="13" t="s">
        <v>583</v>
      </c>
      <c r="B126649" s="14" t="s">
        <v>1</v>
      </c>
      <c r="C126649" s="14" t="s">
        <v>252</v>
      </c>
      <c r="D126649" s="14" t="s">
        <v>18</v>
      </c>
      <c r="E126649" s="15">
        <v>45735</v>
      </c>
      <c r="F126649" s="14" t="s">
        <v>15</v>
      </c>
      <c r="G126649" s="16">
        <v>0</v>
      </c>
    </row>
    <row r="126650" spans="1:7" x14ac:dyDescent="0.3">
      <c r="A126650" s="13" t="s">
        <v>583</v>
      </c>
      <c r="B126650" s="14" t="s">
        <v>1</v>
      </c>
      <c r="C126650" s="14" t="s">
        <v>252</v>
      </c>
      <c r="D126650" s="14" t="s">
        <v>18</v>
      </c>
      <c r="E126650" s="15">
        <v>45736</v>
      </c>
      <c r="F126650" s="14" t="s">
        <v>15</v>
      </c>
      <c r="G126650" s="16">
        <v>0</v>
      </c>
    </row>
    <row r="126651" spans="1:7" x14ac:dyDescent="0.3">
      <c r="A126651" s="13" t="s">
        <v>583</v>
      </c>
      <c r="B126651" s="14" t="s">
        <v>1</v>
      </c>
      <c r="C126651" s="14" t="s">
        <v>252</v>
      </c>
      <c r="D126651" s="14" t="s">
        <v>18</v>
      </c>
      <c r="E126651" s="15">
        <v>45737</v>
      </c>
      <c r="F126651" s="14" t="s">
        <v>15</v>
      </c>
      <c r="G126651" s="16">
        <v>0</v>
      </c>
    </row>
    <row r="126652" spans="1:7" x14ac:dyDescent="0.3">
      <c r="A126652" s="13" t="s">
        <v>583</v>
      </c>
      <c r="B126652" s="14" t="s">
        <v>1</v>
      </c>
      <c r="C126652" s="14" t="s">
        <v>252</v>
      </c>
      <c r="D126652" s="14" t="s">
        <v>18</v>
      </c>
      <c r="E126652" s="15">
        <v>45738</v>
      </c>
      <c r="F126652" s="14" t="s">
        <v>15</v>
      </c>
      <c r="G126652" s="16">
        <v>0</v>
      </c>
    </row>
    <row r="126653" spans="1:7" x14ac:dyDescent="0.3">
      <c r="A126653" s="13" t="s">
        <v>583</v>
      </c>
      <c r="B126653" s="14" t="s">
        <v>1</v>
      </c>
      <c r="C126653" s="14" t="s">
        <v>252</v>
      </c>
      <c r="D126653" s="14" t="s">
        <v>18</v>
      </c>
      <c r="E126653" s="15">
        <v>45739</v>
      </c>
      <c r="F126653" s="14" t="s">
        <v>15</v>
      </c>
      <c r="G126653" s="16">
        <v>0</v>
      </c>
    </row>
    <row r="126654" spans="1:7" x14ac:dyDescent="0.3">
      <c r="A126654" s="13" t="s">
        <v>583</v>
      </c>
      <c r="B126654" s="14" t="s">
        <v>1</v>
      </c>
      <c r="C126654" s="14" t="s">
        <v>252</v>
      </c>
      <c r="D126654" s="14" t="s">
        <v>18</v>
      </c>
      <c r="E126654" s="15">
        <v>45740</v>
      </c>
      <c r="F126654" s="14" t="s">
        <v>15</v>
      </c>
      <c r="G126654" s="16">
        <v>0</v>
      </c>
    </row>
    <row r="126655" spans="1:7" x14ac:dyDescent="0.3">
      <c r="A126655" s="13" t="s">
        <v>583</v>
      </c>
      <c r="B126655" s="14" t="s">
        <v>1</v>
      </c>
      <c r="C126655" s="14" t="s">
        <v>252</v>
      </c>
      <c r="D126655" s="14" t="s">
        <v>18</v>
      </c>
      <c r="E126655" s="15">
        <v>45741</v>
      </c>
      <c r="F126655" s="14" t="s">
        <v>15</v>
      </c>
      <c r="G126655" s="16">
        <v>0</v>
      </c>
    </row>
    <row r="126656" spans="1:7" x14ac:dyDescent="0.3">
      <c r="A126656" s="13" t="s">
        <v>583</v>
      </c>
      <c r="B126656" s="14" t="s">
        <v>1</v>
      </c>
      <c r="C126656" s="14" t="s">
        <v>252</v>
      </c>
      <c r="D126656" s="14" t="s">
        <v>18</v>
      </c>
      <c r="E126656" s="15">
        <v>45742</v>
      </c>
      <c r="F126656" s="14" t="s">
        <v>15</v>
      </c>
      <c r="G126656" s="16">
        <v>0</v>
      </c>
    </row>
    <row r="126657" spans="1:7" x14ac:dyDescent="0.3">
      <c r="A126657" s="13" t="s">
        <v>583</v>
      </c>
      <c r="B126657" s="14" t="s">
        <v>1</v>
      </c>
      <c r="C126657" s="14" t="s">
        <v>252</v>
      </c>
      <c r="D126657" s="14" t="s">
        <v>18</v>
      </c>
      <c r="E126657" s="15">
        <v>45743</v>
      </c>
      <c r="F126657" s="14" t="s">
        <v>15</v>
      </c>
      <c r="G126657" s="16">
        <v>0</v>
      </c>
    </row>
    <row r="126658" spans="1:7" x14ac:dyDescent="0.3">
      <c r="A126658" s="13" t="s">
        <v>583</v>
      </c>
      <c r="B126658" s="14" t="s">
        <v>1</v>
      </c>
      <c r="C126658" s="14" t="s">
        <v>252</v>
      </c>
      <c r="D126658" s="14" t="s">
        <v>18</v>
      </c>
      <c r="E126658" s="15">
        <v>45744</v>
      </c>
      <c r="F126658" s="14" t="s">
        <v>15</v>
      </c>
      <c r="G126658" s="16">
        <v>0</v>
      </c>
    </row>
    <row r="126659" spans="1:7" x14ac:dyDescent="0.3">
      <c r="A126659" s="13" t="s">
        <v>583</v>
      </c>
      <c r="B126659" s="14" t="s">
        <v>1</v>
      </c>
      <c r="C126659" s="14" t="s">
        <v>252</v>
      </c>
      <c r="D126659" s="14" t="s">
        <v>18</v>
      </c>
      <c r="E126659" s="15">
        <v>45745</v>
      </c>
      <c r="F126659" s="14" t="s">
        <v>15</v>
      </c>
      <c r="G126659" s="16">
        <v>0</v>
      </c>
    </row>
    <row r="126660" spans="1:7" x14ac:dyDescent="0.3">
      <c r="A126660" s="13" t="s">
        <v>583</v>
      </c>
      <c r="B126660" s="14" t="s">
        <v>1</v>
      </c>
      <c r="C126660" s="14" t="s">
        <v>252</v>
      </c>
      <c r="D126660" s="14" t="s">
        <v>18</v>
      </c>
      <c r="E126660" s="15">
        <v>45746</v>
      </c>
      <c r="F126660" s="14" t="s">
        <v>15</v>
      </c>
      <c r="G126660" s="16">
        <v>0</v>
      </c>
    </row>
    <row r="126661" spans="1:7" x14ac:dyDescent="0.3">
      <c r="A126661" s="13" t="s">
        <v>583</v>
      </c>
      <c r="B126661" s="14" t="s">
        <v>1</v>
      </c>
      <c r="C126661" s="14" t="s">
        <v>252</v>
      </c>
      <c r="D126661" s="14" t="s">
        <v>18</v>
      </c>
      <c r="E126661" s="15">
        <v>45747</v>
      </c>
      <c r="F126661" s="14" t="s">
        <v>15</v>
      </c>
      <c r="G126661" s="16">
        <v>0</v>
      </c>
    </row>
    <row r="126662" spans="1:7" x14ac:dyDescent="0.3">
      <c r="A126662" s="13" t="s">
        <v>584</v>
      </c>
      <c r="B126662" s="14" t="s">
        <v>1</v>
      </c>
      <c r="C126662" s="14" t="s">
        <v>252</v>
      </c>
      <c r="D126662" s="14" t="s">
        <v>39</v>
      </c>
      <c r="E126662" s="15">
        <v>45383</v>
      </c>
      <c r="F126662" s="14" t="s">
        <v>15</v>
      </c>
      <c r="G126662" s="16">
        <v>0</v>
      </c>
    </row>
    <row r="126663" spans="1:7" x14ac:dyDescent="0.3">
      <c r="A126663" s="13" t="s">
        <v>584</v>
      </c>
      <c r="B126663" s="14" t="s">
        <v>1</v>
      </c>
      <c r="C126663" s="14" t="s">
        <v>252</v>
      </c>
      <c r="D126663" s="14" t="s">
        <v>39</v>
      </c>
      <c r="E126663" s="15">
        <v>45384</v>
      </c>
      <c r="F126663" s="14" t="s">
        <v>15</v>
      </c>
      <c r="G126663" s="16">
        <v>0</v>
      </c>
    </row>
    <row r="126664" spans="1:7" x14ac:dyDescent="0.3">
      <c r="A126664" s="13" t="s">
        <v>584</v>
      </c>
      <c r="B126664" s="14" t="s">
        <v>1</v>
      </c>
      <c r="C126664" s="14" t="s">
        <v>252</v>
      </c>
      <c r="D126664" s="14" t="s">
        <v>39</v>
      </c>
      <c r="E126664" s="15">
        <v>45385</v>
      </c>
      <c r="F126664" s="14" t="s">
        <v>15</v>
      </c>
      <c r="G126664" s="16">
        <v>0</v>
      </c>
    </row>
    <row r="126665" spans="1:7" x14ac:dyDescent="0.3">
      <c r="A126665" s="13" t="s">
        <v>584</v>
      </c>
      <c r="B126665" s="14" t="s">
        <v>1</v>
      </c>
      <c r="C126665" s="14" t="s">
        <v>252</v>
      </c>
      <c r="D126665" s="14" t="s">
        <v>39</v>
      </c>
      <c r="E126665" s="15">
        <v>45386</v>
      </c>
      <c r="F126665" s="14" t="s">
        <v>15</v>
      </c>
      <c r="G126665" s="16">
        <v>0</v>
      </c>
    </row>
    <row r="126666" spans="1:7" x14ac:dyDescent="0.3">
      <c r="A126666" s="13" t="s">
        <v>584</v>
      </c>
      <c r="B126666" s="14" t="s">
        <v>1</v>
      </c>
      <c r="C126666" s="14" t="s">
        <v>252</v>
      </c>
      <c r="D126666" s="14" t="s">
        <v>39</v>
      </c>
      <c r="E126666" s="15">
        <v>45387</v>
      </c>
      <c r="F126666" s="14" t="s">
        <v>15</v>
      </c>
      <c r="G126666" s="16">
        <v>0</v>
      </c>
    </row>
    <row r="126667" spans="1:7" x14ac:dyDescent="0.3">
      <c r="A126667" s="13" t="s">
        <v>584</v>
      </c>
      <c r="B126667" s="14" t="s">
        <v>1</v>
      </c>
      <c r="C126667" s="14" t="s">
        <v>252</v>
      </c>
      <c r="D126667" s="14" t="s">
        <v>39</v>
      </c>
      <c r="E126667" s="15">
        <v>45388</v>
      </c>
      <c r="F126667" s="14" t="s">
        <v>15</v>
      </c>
      <c r="G126667" s="16">
        <v>0</v>
      </c>
    </row>
    <row r="126668" spans="1:7" x14ac:dyDescent="0.3">
      <c r="A126668" s="13" t="s">
        <v>584</v>
      </c>
      <c r="B126668" s="14" t="s">
        <v>1</v>
      </c>
      <c r="C126668" s="14" t="s">
        <v>252</v>
      </c>
      <c r="D126668" s="14" t="s">
        <v>39</v>
      </c>
      <c r="E126668" s="15">
        <v>45389</v>
      </c>
      <c r="F126668" s="14" t="s">
        <v>15</v>
      </c>
      <c r="G126668" s="16">
        <v>0</v>
      </c>
    </row>
    <row r="126669" spans="1:7" x14ac:dyDescent="0.3">
      <c r="A126669" s="13" t="s">
        <v>584</v>
      </c>
      <c r="B126669" s="14" t="s">
        <v>1</v>
      </c>
      <c r="C126669" s="14" t="s">
        <v>252</v>
      </c>
      <c r="D126669" s="14" t="s">
        <v>39</v>
      </c>
      <c r="E126669" s="15">
        <v>45390</v>
      </c>
      <c r="F126669" s="14" t="s">
        <v>15</v>
      </c>
      <c r="G126669" s="16">
        <v>0</v>
      </c>
    </row>
    <row r="126670" spans="1:7" x14ac:dyDescent="0.3">
      <c r="A126670" s="13" t="s">
        <v>584</v>
      </c>
      <c r="B126670" s="14" t="s">
        <v>1</v>
      </c>
      <c r="C126670" s="14" t="s">
        <v>252</v>
      </c>
      <c r="D126670" s="14" t="s">
        <v>39</v>
      </c>
      <c r="E126670" s="15">
        <v>45391</v>
      </c>
      <c r="F126670" s="14" t="s">
        <v>15</v>
      </c>
      <c r="G126670" s="16">
        <v>0</v>
      </c>
    </row>
    <row r="126671" spans="1:7" x14ac:dyDescent="0.3">
      <c r="A126671" s="13" t="s">
        <v>584</v>
      </c>
      <c r="B126671" s="14" t="s">
        <v>1</v>
      </c>
      <c r="C126671" s="14" t="s">
        <v>252</v>
      </c>
      <c r="D126671" s="14" t="s">
        <v>39</v>
      </c>
      <c r="E126671" s="15">
        <v>45392</v>
      </c>
      <c r="F126671" s="14" t="s">
        <v>15</v>
      </c>
      <c r="G126671" s="16">
        <v>0</v>
      </c>
    </row>
    <row r="126672" spans="1:7" x14ac:dyDescent="0.3">
      <c r="A126672" s="13" t="s">
        <v>584</v>
      </c>
      <c r="B126672" s="14" t="s">
        <v>1</v>
      </c>
      <c r="C126672" s="14" t="s">
        <v>252</v>
      </c>
      <c r="D126672" s="14" t="s">
        <v>39</v>
      </c>
      <c r="E126672" s="15">
        <v>45393</v>
      </c>
      <c r="F126672" s="14" t="s">
        <v>15</v>
      </c>
      <c r="G126672" s="16">
        <v>0</v>
      </c>
    </row>
    <row r="126673" spans="1:7" x14ac:dyDescent="0.3">
      <c r="A126673" s="13" t="s">
        <v>584</v>
      </c>
      <c r="B126673" s="14" t="s">
        <v>1</v>
      </c>
      <c r="C126673" s="14" t="s">
        <v>252</v>
      </c>
      <c r="D126673" s="14" t="s">
        <v>39</v>
      </c>
      <c r="E126673" s="15">
        <v>45394</v>
      </c>
      <c r="F126673" s="14" t="s">
        <v>15</v>
      </c>
      <c r="G126673" s="16">
        <v>0</v>
      </c>
    </row>
    <row r="126674" spans="1:7" x14ac:dyDescent="0.3">
      <c r="A126674" s="13" t="s">
        <v>584</v>
      </c>
      <c r="B126674" s="14" t="s">
        <v>1</v>
      </c>
      <c r="C126674" s="14" t="s">
        <v>252</v>
      </c>
      <c r="D126674" s="14" t="s">
        <v>39</v>
      </c>
      <c r="E126674" s="15">
        <v>45395</v>
      </c>
      <c r="F126674" s="14" t="s">
        <v>15</v>
      </c>
      <c r="G126674" s="16">
        <v>0</v>
      </c>
    </row>
    <row r="126675" spans="1:7" x14ac:dyDescent="0.3">
      <c r="A126675" s="13" t="s">
        <v>584</v>
      </c>
      <c r="B126675" s="14" t="s">
        <v>1</v>
      </c>
      <c r="C126675" s="14" t="s">
        <v>252</v>
      </c>
      <c r="D126675" s="14" t="s">
        <v>39</v>
      </c>
      <c r="E126675" s="15">
        <v>45396</v>
      </c>
      <c r="F126675" s="14" t="s">
        <v>15</v>
      </c>
      <c r="G126675" s="16">
        <v>0</v>
      </c>
    </row>
    <row r="126676" spans="1:7" x14ac:dyDescent="0.3">
      <c r="A126676" s="13" t="s">
        <v>584</v>
      </c>
      <c r="B126676" s="14" t="s">
        <v>1</v>
      </c>
      <c r="C126676" s="14" t="s">
        <v>252</v>
      </c>
      <c r="D126676" s="14" t="s">
        <v>39</v>
      </c>
      <c r="E126676" s="15">
        <v>45397</v>
      </c>
      <c r="F126676" s="14" t="s">
        <v>15</v>
      </c>
      <c r="G126676" s="16">
        <v>0</v>
      </c>
    </row>
    <row r="126677" spans="1:7" x14ac:dyDescent="0.3">
      <c r="A126677" s="13" t="s">
        <v>584</v>
      </c>
      <c r="B126677" s="14" t="s">
        <v>1</v>
      </c>
      <c r="C126677" s="14" t="s">
        <v>252</v>
      </c>
      <c r="D126677" s="14" t="s">
        <v>39</v>
      </c>
      <c r="E126677" s="15">
        <v>45398</v>
      </c>
      <c r="F126677" s="14" t="s">
        <v>15</v>
      </c>
      <c r="G126677" s="16">
        <v>0</v>
      </c>
    </row>
    <row r="126678" spans="1:7" x14ac:dyDescent="0.3">
      <c r="A126678" s="13" t="s">
        <v>584</v>
      </c>
      <c r="B126678" s="14" t="s">
        <v>1</v>
      </c>
      <c r="C126678" s="14" t="s">
        <v>252</v>
      </c>
      <c r="D126678" s="14" t="s">
        <v>39</v>
      </c>
      <c r="E126678" s="15">
        <v>45399</v>
      </c>
      <c r="F126678" s="14" t="s">
        <v>15</v>
      </c>
      <c r="G126678" s="16">
        <v>0</v>
      </c>
    </row>
    <row r="126679" spans="1:7" x14ac:dyDescent="0.3">
      <c r="A126679" s="13" t="s">
        <v>584</v>
      </c>
      <c r="B126679" s="14" t="s">
        <v>1</v>
      </c>
      <c r="C126679" s="14" t="s">
        <v>252</v>
      </c>
      <c r="D126679" s="14" t="s">
        <v>39</v>
      </c>
      <c r="E126679" s="15">
        <v>45400</v>
      </c>
      <c r="F126679" s="14" t="s">
        <v>15</v>
      </c>
      <c r="G126679" s="16">
        <v>0</v>
      </c>
    </row>
    <row r="126680" spans="1:7" x14ac:dyDescent="0.3">
      <c r="A126680" s="13" t="s">
        <v>584</v>
      </c>
      <c r="B126680" s="14" t="s">
        <v>1</v>
      </c>
      <c r="C126680" s="14" t="s">
        <v>252</v>
      </c>
      <c r="D126680" s="14" t="s">
        <v>39</v>
      </c>
      <c r="E126680" s="15">
        <v>45401</v>
      </c>
      <c r="F126680" s="14" t="s">
        <v>15</v>
      </c>
      <c r="G126680" s="16">
        <v>0</v>
      </c>
    </row>
    <row r="126681" spans="1:7" x14ac:dyDescent="0.3">
      <c r="A126681" s="13" t="s">
        <v>584</v>
      </c>
      <c r="B126681" s="14" t="s">
        <v>1</v>
      </c>
      <c r="C126681" s="14" t="s">
        <v>252</v>
      </c>
      <c r="D126681" s="14" t="s">
        <v>39</v>
      </c>
      <c r="E126681" s="15">
        <v>45402</v>
      </c>
      <c r="F126681" s="14" t="s">
        <v>15</v>
      </c>
      <c r="G126681" s="16">
        <v>0</v>
      </c>
    </row>
    <row r="126682" spans="1:7" x14ac:dyDescent="0.3">
      <c r="A126682" s="13" t="s">
        <v>584</v>
      </c>
      <c r="B126682" s="14" t="s">
        <v>1</v>
      </c>
      <c r="C126682" s="14" t="s">
        <v>252</v>
      </c>
      <c r="D126682" s="14" t="s">
        <v>39</v>
      </c>
      <c r="E126682" s="15">
        <v>45403</v>
      </c>
      <c r="F126682" s="14" t="s">
        <v>15</v>
      </c>
      <c r="G126682" s="16">
        <v>0</v>
      </c>
    </row>
    <row r="126683" spans="1:7" x14ac:dyDescent="0.3">
      <c r="A126683" s="13" t="s">
        <v>584</v>
      </c>
      <c r="B126683" s="14" t="s">
        <v>1</v>
      </c>
      <c r="C126683" s="14" t="s">
        <v>252</v>
      </c>
      <c r="D126683" s="14" t="s">
        <v>39</v>
      </c>
      <c r="E126683" s="15">
        <v>45404</v>
      </c>
      <c r="F126683" s="14" t="s">
        <v>15</v>
      </c>
      <c r="G126683" s="16">
        <v>0</v>
      </c>
    </row>
    <row r="126684" spans="1:7" x14ac:dyDescent="0.3">
      <c r="A126684" s="13" t="s">
        <v>584</v>
      </c>
      <c r="B126684" s="14" t="s">
        <v>1</v>
      </c>
      <c r="C126684" s="14" t="s">
        <v>252</v>
      </c>
      <c r="D126684" s="14" t="s">
        <v>39</v>
      </c>
      <c r="E126684" s="15">
        <v>45405</v>
      </c>
      <c r="F126684" s="14" t="s">
        <v>15</v>
      </c>
      <c r="G126684" s="16">
        <v>0</v>
      </c>
    </row>
    <row r="126685" spans="1:7" x14ac:dyDescent="0.3">
      <c r="A126685" s="13" t="s">
        <v>584</v>
      </c>
      <c r="B126685" s="14" t="s">
        <v>1</v>
      </c>
      <c r="C126685" s="14" t="s">
        <v>252</v>
      </c>
      <c r="D126685" s="14" t="s">
        <v>39</v>
      </c>
      <c r="E126685" s="15">
        <v>45406</v>
      </c>
      <c r="F126685" s="14" t="s">
        <v>15</v>
      </c>
      <c r="G126685" s="16">
        <v>0</v>
      </c>
    </row>
    <row r="126686" spans="1:7" x14ac:dyDescent="0.3">
      <c r="A126686" s="13" t="s">
        <v>584</v>
      </c>
      <c r="B126686" s="14" t="s">
        <v>1</v>
      </c>
      <c r="C126686" s="14" t="s">
        <v>252</v>
      </c>
      <c r="D126686" s="14" t="s">
        <v>39</v>
      </c>
      <c r="E126686" s="15">
        <v>45407</v>
      </c>
      <c r="F126686" s="14" t="s">
        <v>15</v>
      </c>
      <c r="G126686" s="16">
        <v>0</v>
      </c>
    </row>
    <row r="126687" spans="1:7" x14ac:dyDescent="0.3">
      <c r="A126687" s="13" t="s">
        <v>584</v>
      </c>
      <c r="B126687" s="14" t="s">
        <v>1</v>
      </c>
      <c r="C126687" s="14" t="s">
        <v>252</v>
      </c>
      <c r="D126687" s="14" t="s">
        <v>39</v>
      </c>
      <c r="E126687" s="15">
        <v>45408</v>
      </c>
      <c r="F126687" s="14" t="s">
        <v>15</v>
      </c>
      <c r="G126687" s="16">
        <v>0</v>
      </c>
    </row>
    <row r="126688" spans="1:7" x14ac:dyDescent="0.3">
      <c r="A126688" s="13" t="s">
        <v>584</v>
      </c>
      <c r="B126688" s="14" t="s">
        <v>1</v>
      </c>
      <c r="C126688" s="14" t="s">
        <v>252</v>
      </c>
      <c r="D126688" s="14" t="s">
        <v>39</v>
      </c>
      <c r="E126688" s="15">
        <v>45409</v>
      </c>
      <c r="F126688" s="14" t="s">
        <v>15</v>
      </c>
      <c r="G126688" s="16">
        <v>0</v>
      </c>
    </row>
    <row r="126689" spans="1:7" x14ac:dyDescent="0.3">
      <c r="A126689" s="13" t="s">
        <v>584</v>
      </c>
      <c r="B126689" s="14" t="s">
        <v>1</v>
      </c>
      <c r="C126689" s="14" t="s">
        <v>252</v>
      </c>
      <c r="D126689" s="14" t="s">
        <v>39</v>
      </c>
      <c r="E126689" s="15">
        <v>45410</v>
      </c>
      <c r="F126689" s="14" t="s">
        <v>15</v>
      </c>
      <c r="G126689" s="16">
        <v>0</v>
      </c>
    </row>
    <row r="126690" spans="1:7" x14ac:dyDescent="0.3">
      <c r="A126690" s="13" t="s">
        <v>584</v>
      </c>
      <c r="B126690" s="14" t="s">
        <v>1</v>
      </c>
      <c r="C126690" s="14" t="s">
        <v>252</v>
      </c>
      <c r="D126690" s="14" t="s">
        <v>39</v>
      </c>
      <c r="E126690" s="15">
        <v>45411</v>
      </c>
      <c r="F126690" s="14" t="s">
        <v>15</v>
      </c>
      <c r="G126690" s="16">
        <v>0</v>
      </c>
    </row>
    <row r="126691" spans="1:7" x14ac:dyDescent="0.3">
      <c r="A126691" s="13" t="s">
        <v>584</v>
      </c>
      <c r="B126691" s="14" t="s">
        <v>1</v>
      </c>
      <c r="C126691" s="14" t="s">
        <v>252</v>
      </c>
      <c r="D126691" s="14" t="s">
        <v>39</v>
      </c>
      <c r="E126691" s="15">
        <v>45412</v>
      </c>
      <c r="F126691" s="14" t="s">
        <v>15</v>
      </c>
      <c r="G126691" s="16">
        <v>0</v>
      </c>
    </row>
    <row r="126692" spans="1:7" x14ac:dyDescent="0.3">
      <c r="A126692" s="13" t="s">
        <v>584</v>
      </c>
      <c r="B126692" s="14" t="s">
        <v>1</v>
      </c>
      <c r="C126692" s="14" t="s">
        <v>252</v>
      </c>
      <c r="D126692" s="14" t="s">
        <v>39</v>
      </c>
      <c r="E126692" s="15">
        <v>45413</v>
      </c>
      <c r="F126692" s="14" t="s">
        <v>15</v>
      </c>
      <c r="G126692" s="16">
        <v>0</v>
      </c>
    </row>
    <row r="126693" spans="1:7" x14ac:dyDescent="0.3">
      <c r="A126693" s="13" t="s">
        <v>584</v>
      </c>
      <c r="B126693" s="14" t="s">
        <v>1</v>
      </c>
      <c r="C126693" s="14" t="s">
        <v>252</v>
      </c>
      <c r="D126693" s="14" t="s">
        <v>39</v>
      </c>
      <c r="E126693" s="15">
        <v>45414</v>
      </c>
      <c r="F126693" s="14" t="s">
        <v>15</v>
      </c>
      <c r="G126693" s="16">
        <v>0</v>
      </c>
    </row>
    <row r="126694" spans="1:7" x14ac:dyDescent="0.3">
      <c r="A126694" s="13" t="s">
        <v>584</v>
      </c>
      <c r="B126694" s="14" t="s">
        <v>1</v>
      </c>
      <c r="C126694" s="14" t="s">
        <v>252</v>
      </c>
      <c r="D126694" s="14" t="s">
        <v>39</v>
      </c>
      <c r="E126694" s="15">
        <v>45415</v>
      </c>
      <c r="F126694" s="14" t="s">
        <v>15</v>
      </c>
      <c r="G126694" s="16">
        <v>0</v>
      </c>
    </row>
    <row r="126695" spans="1:7" x14ac:dyDescent="0.3">
      <c r="A126695" s="13" t="s">
        <v>584</v>
      </c>
      <c r="B126695" s="14" t="s">
        <v>1</v>
      </c>
      <c r="C126695" s="14" t="s">
        <v>252</v>
      </c>
      <c r="D126695" s="14" t="s">
        <v>39</v>
      </c>
      <c r="E126695" s="15">
        <v>45416</v>
      </c>
      <c r="F126695" s="14" t="s">
        <v>15</v>
      </c>
      <c r="G126695" s="16">
        <v>0</v>
      </c>
    </row>
    <row r="126696" spans="1:7" x14ac:dyDescent="0.3">
      <c r="A126696" s="13" t="s">
        <v>584</v>
      </c>
      <c r="B126696" s="14" t="s">
        <v>1</v>
      </c>
      <c r="C126696" s="14" t="s">
        <v>252</v>
      </c>
      <c r="D126696" s="14" t="s">
        <v>39</v>
      </c>
      <c r="E126696" s="15">
        <v>45417</v>
      </c>
      <c r="F126696" s="14" t="s">
        <v>15</v>
      </c>
      <c r="G126696" s="16">
        <v>0</v>
      </c>
    </row>
    <row r="126697" spans="1:7" x14ac:dyDescent="0.3">
      <c r="A126697" s="13" t="s">
        <v>584</v>
      </c>
      <c r="B126697" s="14" t="s">
        <v>1</v>
      </c>
      <c r="C126697" s="14" t="s">
        <v>252</v>
      </c>
      <c r="D126697" s="14" t="s">
        <v>39</v>
      </c>
      <c r="E126697" s="15">
        <v>45418</v>
      </c>
      <c r="F126697" s="14" t="s">
        <v>15</v>
      </c>
      <c r="G126697" s="16">
        <v>0</v>
      </c>
    </row>
    <row r="126698" spans="1:7" x14ac:dyDescent="0.3">
      <c r="A126698" s="13" t="s">
        <v>584</v>
      </c>
      <c r="B126698" s="14" t="s">
        <v>1</v>
      </c>
      <c r="C126698" s="14" t="s">
        <v>252</v>
      </c>
      <c r="D126698" s="14" t="s">
        <v>39</v>
      </c>
      <c r="E126698" s="15">
        <v>45419</v>
      </c>
      <c r="F126698" s="14" t="s">
        <v>15</v>
      </c>
      <c r="G126698" s="16">
        <v>0</v>
      </c>
    </row>
    <row r="126699" spans="1:7" x14ac:dyDescent="0.3">
      <c r="A126699" s="13" t="s">
        <v>584</v>
      </c>
      <c r="B126699" s="14" t="s">
        <v>1</v>
      </c>
      <c r="C126699" s="14" t="s">
        <v>252</v>
      </c>
      <c r="D126699" s="14" t="s">
        <v>39</v>
      </c>
      <c r="E126699" s="15">
        <v>45420</v>
      </c>
      <c r="F126699" s="14" t="s">
        <v>15</v>
      </c>
      <c r="G126699" s="16">
        <v>0</v>
      </c>
    </row>
    <row r="126700" spans="1:7" x14ac:dyDescent="0.3">
      <c r="A126700" s="13" t="s">
        <v>584</v>
      </c>
      <c r="B126700" s="14" t="s">
        <v>1</v>
      </c>
      <c r="C126700" s="14" t="s">
        <v>252</v>
      </c>
      <c r="D126700" s="14" t="s">
        <v>39</v>
      </c>
      <c r="E126700" s="15">
        <v>45421</v>
      </c>
      <c r="F126700" s="14" t="s">
        <v>15</v>
      </c>
      <c r="G126700" s="16">
        <v>0</v>
      </c>
    </row>
    <row r="126701" spans="1:7" x14ac:dyDescent="0.3">
      <c r="A126701" s="13" t="s">
        <v>584</v>
      </c>
      <c r="B126701" s="14" t="s">
        <v>1</v>
      </c>
      <c r="C126701" s="14" t="s">
        <v>252</v>
      </c>
      <c r="D126701" s="14" t="s">
        <v>39</v>
      </c>
      <c r="E126701" s="15">
        <v>45422</v>
      </c>
      <c r="F126701" s="14" t="s">
        <v>15</v>
      </c>
      <c r="G126701" s="16">
        <v>0</v>
      </c>
    </row>
    <row r="126702" spans="1:7" x14ac:dyDescent="0.3">
      <c r="A126702" s="13" t="s">
        <v>584</v>
      </c>
      <c r="B126702" s="14" t="s">
        <v>1</v>
      </c>
      <c r="C126702" s="14" t="s">
        <v>252</v>
      </c>
      <c r="D126702" s="14" t="s">
        <v>39</v>
      </c>
      <c r="E126702" s="15">
        <v>45423</v>
      </c>
      <c r="F126702" s="14" t="s">
        <v>15</v>
      </c>
      <c r="G126702" s="16">
        <v>0</v>
      </c>
    </row>
    <row r="126703" spans="1:7" x14ac:dyDescent="0.3">
      <c r="A126703" s="13" t="s">
        <v>584</v>
      </c>
      <c r="B126703" s="14" t="s">
        <v>1</v>
      </c>
      <c r="C126703" s="14" t="s">
        <v>252</v>
      </c>
      <c r="D126703" s="14" t="s">
        <v>39</v>
      </c>
      <c r="E126703" s="15">
        <v>45424</v>
      </c>
      <c r="F126703" s="14" t="s">
        <v>15</v>
      </c>
      <c r="G126703" s="16">
        <v>0</v>
      </c>
    </row>
    <row r="126704" spans="1:7" x14ac:dyDescent="0.3">
      <c r="A126704" s="13" t="s">
        <v>584</v>
      </c>
      <c r="B126704" s="14" t="s">
        <v>1</v>
      </c>
      <c r="C126704" s="14" t="s">
        <v>252</v>
      </c>
      <c r="D126704" s="14" t="s">
        <v>39</v>
      </c>
      <c r="E126704" s="15">
        <v>45425</v>
      </c>
      <c r="F126704" s="14" t="s">
        <v>15</v>
      </c>
      <c r="G126704" s="16">
        <v>0</v>
      </c>
    </row>
    <row r="126705" spans="1:7" x14ac:dyDescent="0.3">
      <c r="A126705" s="13" t="s">
        <v>584</v>
      </c>
      <c r="B126705" s="14" t="s">
        <v>1</v>
      </c>
      <c r="C126705" s="14" t="s">
        <v>252</v>
      </c>
      <c r="D126705" s="14" t="s">
        <v>39</v>
      </c>
      <c r="E126705" s="15">
        <v>45426</v>
      </c>
      <c r="F126705" s="14" t="s">
        <v>15</v>
      </c>
      <c r="G126705" s="16">
        <v>0</v>
      </c>
    </row>
    <row r="126706" spans="1:7" x14ac:dyDescent="0.3">
      <c r="A126706" s="13" t="s">
        <v>584</v>
      </c>
      <c r="B126706" s="14" t="s">
        <v>1</v>
      </c>
      <c r="C126706" s="14" t="s">
        <v>252</v>
      </c>
      <c r="D126706" s="14" t="s">
        <v>39</v>
      </c>
      <c r="E126706" s="15">
        <v>45427</v>
      </c>
      <c r="F126706" s="14" t="s">
        <v>15</v>
      </c>
      <c r="G126706" s="16">
        <v>0</v>
      </c>
    </row>
    <row r="126707" spans="1:7" x14ac:dyDescent="0.3">
      <c r="A126707" s="13" t="s">
        <v>584</v>
      </c>
      <c r="B126707" s="14" t="s">
        <v>1</v>
      </c>
      <c r="C126707" s="14" t="s">
        <v>252</v>
      </c>
      <c r="D126707" s="14" t="s">
        <v>39</v>
      </c>
      <c r="E126707" s="15">
        <v>45428</v>
      </c>
      <c r="F126707" s="14" t="s">
        <v>15</v>
      </c>
      <c r="G126707" s="16">
        <v>0</v>
      </c>
    </row>
    <row r="126708" spans="1:7" x14ac:dyDescent="0.3">
      <c r="A126708" s="13" t="s">
        <v>584</v>
      </c>
      <c r="B126708" s="14" t="s">
        <v>1</v>
      </c>
      <c r="C126708" s="14" t="s">
        <v>252</v>
      </c>
      <c r="D126708" s="14" t="s">
        <v>39</v>
      </c>
      <c r="E126708" s="15">
        <v>45429</v>
      </c>
      <c r="F126708" s="14" t="s">
        <v>15</v>
      </c>
      <c r="G126708" s="16">
        <v>0</v>
      </c>
    </row>
    <row r="126709" spans="1:7" x14ac:dyDescent="0.3">
      <c r="A126709" s="13" t="s">
        <v>584</v>
      </c>
      <c r="B126709" s="14" t="s">
        <v>1</v>
      </c>
      <c r="C126709" s="14" t="s">
        <v>252</v>
      </c>
      <c r="D126709" s="14" t="s">
        <v>39</v>
      </c>
      <c r="E126709" s="15">
        <v>45430</v>
      </c>
      <c r="F126709" s="14" t="s">
        <v>15</v>
      </c>
      <c r="G126709" s="16">
        <v>0</v>
      </c>
    </row>
    <row r="126710" spans="1:7" x14ac:dyDescent="0.3">
      <c r="A126710" s="13" t="s">
        <v>584</v>
      </c>
      <c r="B126710" s="14" t="s">
        <v>1</v>
      </c>
      <c r="C126710" s="14" t="s">
        <v>252</v>
      </c>
      <c r="D126710" s="14" t="s">
        <v>39</v>
      </c>
      <c r="E126710" s="15">
        <v>45431</v>
      </c>
      <c r="F126710" s="14" t="s">
        <v>15</v>
      </c>
      <c r="G126710" s="16">
        <v>0</v>
      </c>
    </row>
    <row r="126711" spans="1:7" x14ac:dyDescent="0.3">
      <c r="A126711" s="13" t="s">
        <v>584</v>
      </c>
      <c r="B126711" s="14" t="s">
        <v>1</v>
      </c>
      <c r="C126711" s="14" t="s">
        <v>252</v>
      </c>
      <c r="D126711" s="14" t="s">
        <v>39</v>
      </c>
      <c r="E126711" s="15">
        <v>45432</v>
      </c>
      <c r="F126711" s="14" t="s">
        <v>15</v>
      </c>
      <c r="G126711" s="16">
        <v>0</v>
      </c>
    </row>
    <row r="126712" spans="1:7" x14ac:dyDescent="0.3">
      <c r="A126712" s="13" t="s">
        <v>584</v>
      </c>
      <c r="B126712" s="14" t="s">
        <v>1</v>
      </c>
      <c r="C126712" s="14" t="s">
        <v>252</v>
      </c>
      <c r="D126712" s="14" t="s">
        <v>39</v>
      </c>
      <c r="E126712" s="15">
        <v>45433</v>
      </c>
      <c r="F126712" s="14" t="s">
        <v>15</v>
      </c>
      <c r="G126712" s="16">
        <v>0</v>
      </c>
    </row>
    <row r="126713" spans="1:7" x14ac:dyDescent="0.3">
      <c r="A126713" s="13" t="s">
        <v>584</v>
      </c>
      <c r="B126713" s="14" t="s">
        <v>1</v>
      </c>
      <c r="C126713" s="14" t="s">
        <v>252</v>
      </c>
      <c r="D126713" s="14" t="s">
        <v>39</v>
      </c>
      <c r="E126713" s="15">
        <v>45434</v>
      </c>
      <c r="F126713" s="14" t="s">
        <v>15</v>
      </c>
      <c r="G126713" s="16">
        <v>0</v>
      </c>
    </row>
    <row r="126714" spans="1:7" x14ac:dyDescent="0.3">
      <c r="A126714" s="13" t="s">
        <v>584</v>
      </c>
      <c r="B126714" s="14" t="s">
        <v>1</v>
      </c>
      <c r="C126714" s="14" t="s">
        <v>252</v>
      </c>
      <c r="D126714" s="14" t="s">
        <v>39</v>
      </c>
      <c r="E126714" s="15">
        <v>45435</v>
      </c>
      <c r="F126714" s="14" t="s">
        <v>15</v>
      </c>
      <c r="G126714" s="16">
        <v>0</v>
      </c>
    </row>
    <row r="126715" spans="1:7" x14ac:dyDescent="0.3">
      <c r="A126715" s="13" t="s">
        <v>584</v>
      </c>
      <c r="B126715" s="14" t="s">
        <v>1</v>
      </c>
      <c r="C126715" s="14" t="s">
        <v>252</v>
      </c>
      <c r="D126715" s="14" t="s">
        <v>39</v>
      </c>
      <c r="E126715" s="15">
        <v>45436</v>
      </c>
      <c r="F126715" s="14" t="s">
        <v>15</v>
      </c>
      <c r="G126715" s="16">
        <v>0</v>
      </c>
    </row>
    <row r="126716" spans="1:7" x14ac:dyDescent="0.3">
      <c r="A126716" s="13" t="s">
        <v>584</v>
      </c>
      <c r="B126716" s="14" t="s">
        <v>1</v>
      </c>
      <c r="C126716" s="14" t="s">
        <v>252</v>
      </c>
      <c r="D126716" s="14" t="s">
        <v>39</v>
      </c>
      <c r="E126716" s="15">
        <v>45437</v>
      </c>
      <c r="F126716" s="14" t="s">
        <v>15</v>
      </c>
      <c r="G126716" s="16">
        <v>0</v>
      </c>
    </row>
    <row r="126717" spans="1:7" x14ac:dyDescent="0.3">
      <c r="A126717" s="13" t="s">
        <v>584</v>
      </c>
      <c r="B126717" s="14" t="s">
        <v>1</v>
      </c>
      <c r="C126717" s="14" t="s">
        <v>252</v>
      </c>
      <c r="D126717" s="14" t="s">
        <v>39</v>
      </c>
      <c r="E126717" s="15">
        <v>45438</v>
      </c>
      <c r="F126717" s="14" t="s">
        <v>15</v>
      </c>
      <c r="G126717" s="16">
        <v>0</v>
      </c>
    </row>
    <row r="126718" spans="1:7" x14ac:dyDescent="0.3">
      <c r="A126718" s="13" t="s">
        <v>584</v>
      </c>
      <c r="B126718" s="14" t="s">
        <v>1</v>
      </c>
      <c r="C126718" s="14" t="s">
        <v>252</v>
      </c>
      <c r="D126718" s="14" t="s">
        <v>39</v>
      </c>
      <c r="E126718" s="15">
        <v>45439</v>
      </c>
      <c r="F126718" s="14" t="s">
        <v>15</v>
      </c>
      <c r="G126718" s="16">
        <v>0</v>
      </c>
    </row>
    <row r="126719" spans="1:7" x14ac:dyDescent="0.3">
      <c r="A126719" s="13" t="s">
        <v>584</v>
      </c>
      <c r="B126719" s="14" t="s">
        <v>1</v>
      </c>
      <c r="C126719" s="14" t="s">
        <v>252</v>
      </c>
      <c r="D126719" s="14" t="s">
        <v>39</v>
      </c>
      <c r="E126719" s="15">
        <v>45440</v>
      </c>
      <c r="F126719" s="14" t="s">
        <v>15</v>
      </c>
      <c r="G126719" s="16">
        <v>0</v>
      </c>
    </row>
    <row r="126720" spans="1:7" x14ac:dyDescent="0.3">
      <c r="A126720" s="13" t="s">
        <v>584</v>
      </c>
      <c r="B126720" s="14" t="s">
        <v>1</v>
      </c>
      <c r="C126720" s="14" t="s">
        <v>252</v>
      </c>
      <c r="D126720" s="14" t="s">
        <v>39</v>
      </c>
      <c r="E126720" s="15">
        <v>45441</v>
      </c>
      <c r="F126720" s="14" t="s">
        <v>15</v>
      </c>
      <c r="G126720" s="16">
        <v>0</v>
      </c>
    </row>
    <row r="126721" spans="1:7" x14ac:dyDescent="0.3">
      <c r="A126721" s="13" t="s">
        <v>584</v>
      </c>
      <c r="B126721" s="14" t="s">
        <v>1</v>
      </c>
      <c r="C126721" s="14" t="s">
        <v>252</v>
      </c>
      <c r="D126721" s="14" t="s">
        <v>39</v>
      </c>
      <c r="E126721" s="15">
        <v>45442</v>
      </c>
      <c r="F126721" s="14" t="s">
        <v>15</v>
      </c>
      <c r="G126721" s="16">
        <v>0</v>
      </c>
    </row>
    <row r="126722" spans="1:7" x14ac:dyDescent="0.3">
      <c r="A126722" s="13" t="s">
        <v>584</v>
      </c>
      <c r="B126722" s="14" t="s">
        <v>1</v>
      </c>
      <c r="C126722" s="14" t="s">
        <v>252</v>
      </c>
      <c r="D126722" s="14" t="s">
        <v>39</v>
      </c>
      <c r="E126722" s="15">
        <v>45443</v>
      </c>
      <c r="F126722" s="14" t="s">
        <v>15</v>
      </c>
      <c r="G126722" s="16">
        <v>0</v>
      </c>
    </row>
    <row r="126723" spans="1:7" x14ac:dyDescent="0.3">
      <c r="A126723" s="13" t="s">
        <v>584</v>
      </c>
      <c r="B126723" s="14" t="s">
        <v>1</v>
      </c>
      <c r="C126723" s="14" t="s">
        <v>252</v>
      </c>
      <c r="D126723" s="14" t="s">
        <v>39</v>
      </c>
      <c r="E126723" s="15">
        <v>45444</v>
      </c>
      <c r="F126723" s="14" t="s">
        <v>15</v>
      </c>
      <c r="G126723" s="16">
        <v>0</v>
      </c>
    </row>
    <row r="126724" spans="1:7" x14ac:dyDescent="0.3">
      <c r="A126724" s="13" t="s">
        <v>584</v>
      </c>
      <c r="B126724" s="14" t="s">
        <v>1</v>
      </c>
      <c r="C126724" s="14" t="s">
        <v>252</v>
      </c>
      <c r="D126724" s="14" t="s">
        <v>39</v>
      </c>
      <c r="E126724" s="15">
        <v>45445</v>
      </c>
      <c r="F126724" s="14" t="s">
        <v>15</v>
      </c>
      <c r="G126724" s="16">
        <v>0</v>
      </c>
    </row>
    <row r="126725" spans="1:7" x14ac:dyDescent="0.3">
      <c r="A126725" s="13" t="s">
        <v>584</v>
      </c>
      <c r="B126725" s="14" t="s">
        <v>1</v>
      </c>
      <c r="C126725" s="14" t="s">
        <v>252</v>
      </c>
      <c r="D126725" s="14" t="s">
        <v>39</v>
      </c>
      <c r="E126725" s="15">
        <v>45446</v>
      </c>
      <c r="F126725" s="14" t="s">
        <v>15</v>
      </c>
      <c r="G126725" s="16">
        <v>0</v>
      </c>
    </row>
    <row r="126726" spans="1:7" x14ac:dyDescent="0.3">
      <c r="A126726" s="13" t="s">
        <v>584</v>
      </c>
      <c r="B126726" s="14" t="s">
        <v>1</v>
      </c>
      <c r="C126726" s="14" t="s">
        <v>252</v>
      </c>
      <c r="D126726" s="14" t="s">
        <v>39</v>
      </c>
      <c r="E126726" s="15">
        <v>45447</v>
      </c>
      <c r="F126726" s="14" t="s">
        <v>15</v>
      </c>
      <c r="G126726" s="16">
        <v>0</v>
      </c>
    </row>
    <row r="126727" spans="1:7" x14ac:dyDescent="0.3">
      <c r="A126727" s="13" t="s">
        <v>584</v>
      </c>
      <c r="B126727" s="14" t="s">
        <v>1</v>
      </c>
      <c r="C126727" s="14" t="s">
        <v>252</v>
      </c>
      <c r="D126727" s="14" t="s">
        <v>39</v>
      </c>
      <c r="E126727" s="15">
        <v>45448</v>
      </c>
      <c r="F126727" s="14" t="s">
        <v>15</v>
      </c>
      <c r="G126727" s="16">
        <v>0</v>
      </c>
    </row>
    <row r="126728" spans="1:7" x14ac:dyDescent="0.3">
      <c r="A126728" s="13" t="s">
        <v>584</v>
      </c>
      <c r="B126728" s="14" t="s">
        <v>1</v>
      </c>
      <c r="C126728" s="14" t="s">
        <v>252</v>
      </c>
      <c r="D126728" s="14" t="s">
        <v>39</v>
      </c>
      <c r="E126728" s="15">
        <v>45449</v>
      </c>
      <c r="F126728" s="14" t="s">
        <v>15</v>
      </c>
      <c r="G126728" s="16">
        <v>0</v>
      </c>
    </row>
    <row r="126729" spans="1:7" x14ac:dyDescent="0.3">
      <c r="A126729" s="13" t="s">
        <v>584</v>
      </c>
      <c r="B126729" s="14" t="s">
        <v>1</v>
      </c>
      <c r="C126729" s="14" t="s">
        <v>252</v>
      </c>
      <c r="D126729" s="14" t="s">
        <v>39</v>
      </c>
      <c r="E126729" s="15">
        <v>45450</v>
      </c>
      <c r="F126729" s="14" t="s">
        <v>15</v>
      </c>
      <c r="G126729" s="16">
        <v>0</v>
      </c>
    </row>
    <row r="126730" spans="1:7" x14ac:dyDescent="0.3">
      <c r="A126730" s="13" t="s">
        <v>584</v>
      </c>
      <c r="B126730" s="14" t="s">
        <v>1</v>
      </c>
      <c r="C126730" s="14" t="s">
        <v>252</v>
      </c>
      <c r="D126730" s="14" t="s">
        <v>39</v>
      </c>
      <c r="E126730" s="15">
        <v>45451</v>
      </c>
      <c r="F126730" s="14" t="s">
        <v>15</v>
      </c>
      <c r="G126730" s="16">
        <v>0</v>
      </c>
    </row>
    <row r="126731" spans="1:7" x14ac:dyDescent="0.3">
      <c r="A126731" s="13" t="s">
        <v>584</v>
      </c>
      <c r="B126731" s="14" t="s">
        <v>1</v>
      </c>
      <c r="C126731" s="14" t="s">
        <v>252</v>
      </c>
      <c r="D126731" s="14" t="s">
        <v>39</v>
      </c>
      <c r="E126731" s="15">
        <v>45452</v>
      </c>
      <c r="F126731" s="14" t="s">
        <v>15</v>
      </c>
      <c r="G126731" s="16">
        <v>0</v>
      </c>
    </row>
    <row r="126732" spans="1:7" x14ac:dyDescent="0.3">
      <c r="A126732" s="13" t="s">
        <v>584</v>
      </c>
      <c r="B126732" s="14" t="s">
        <v>1</v>
      </c>
      <c r="C126732" s="14" t="s">
        <v>252</v>
      </c>
      <c r="D126732" s="14" t="s">
        <v>39</v>
      </c>
      <c r="E126732" s="15">
        <v>45453</v>
      </c>
      <c r="F126732" s="14" t="s">
        <v>15</v>
      </c>
      <c r="G126732" s="16">
        <v>0</v>
      </c>
    </row>
    <row r="126733" spans="1:7" x14ac:dyDescent="0.3">
      <c r="A126733" s="13" t="s">
        <v>584</v>
      </c>
      <c r="B126733" s="14" t="s">
        <v>1</v>
      </c>
      <c r="C126733" s="14" t="s">
        <v>252</v>
      </c>
      <c r="D126733" s="14" t="s">
        <v>39</v>
      </c>
      <c r="E126733" s="15">
        <v>45454</v>
      </c>
      <c r="F126733" s="14" t="s">
        <v>15</v>
      </c>
      <c r="G126733" s="16">
        <v>0</v>
      </c>
    </row>
    <row r="126734" spans="1:7" x14ac:dyDescent="0.3">
      <c r="A126734" s="13" t="s">
        <v>584</v>
      </c>
      <c r="B126734" s="14" t="s">
        <v>1</v>
      </c>
      <c r="C126734" s="14" t="s">
        <v>252</v>
      </c>
      <c r="D126734" s="14" t="s">
        <v>39</v>
      </c>
      <c r="E126734" s="15">
        <v>45455</v>
      </c>
      <c r="F126734" s="14" t="s">
        <v>15</v>
      </c>
      <c r="G126734" s="16">
        <v>0</v>
      </c>
    </row>
    <row r="126735" spans="1:7" x14ac:dyDescent="0.3">
      <c r="A126735" s="13" t="s">
        <v>584</v>
      </c>
      <c r="B126735" s="14" t="s">
        <v>1</v>
      </c>
      <c r="C126735" s="14" t="s">
        <v>252</v>
      </c>
      <c r="D126735" s="14" t="s">
        <v>39</v>
      </c>
      <c r="E126735" s="15">
        <v>45456</v>
      </c>
      <c r="F126735" s="14" t="s">
        <v>15</v>
      </c>
      <c r="G126735" s="16">
        <v>0</v>
      </c>
    </row>
    <row r="126736" spans="1:7" x14ac:dyDescent="0.3">
      <c r="A126736" s="13" t="s">
        <v>584</v>
      </c>
      <c r="B126736" s="14" t="s">
        <v>1</v>
      </c>
      <c r="C126736" s="14" t="s">
        <v>252</v>
      </c>
      <c r="D126736" s="14" t="s">
        <v>39</v>
      </c>
      <c r="E126736" s="15">
        <v>45457</v>
      </c>
      <c r="F126736" s="14" t="s">
        <v>15</v>
      </c>
      <c r="G126736" s="16">
        <v>0</v>
      </c>
    </row>
    <row r="126737" spans="1:7" x14ac:dyDescent="0.3">
      <c r="A126737" s="13" t="s">
        <v>584</v>
      </c>
      <c r="B126737" s="14" t="s">
        <v>1</v>
      </c>
      <c r="C126737" s="14" t="s">
        <v>252</v>
      </c>
      <c r="D126737" s="14" t="s">
        <v>39</v>
      </c>
      <c r="E126737" s="15">
        <v>45458</v>
      </c>
      <c r="F126737" s="14" t="s">
        <v>15</v>
      </c>
      <c r="G126737" s="16">
        <v>0</v>
      </c>
    </row>
    <row r="126738" spans="1:7" x14ac:dyDescent="0.3">
      <c r="A126738" s="13" t="s">
        <v>584</v>
      </c>
      <c r="B126738" s="14" t="s">
        <v>1</v>
      </c>
      <c r="C126738" s="14" t="s">
        <v>252</v>
      </c>
      <c r="D126738" s="14" t="s">
        <v>39</v>
      </c>
      <c r="E126738" s="15">
        <v>45459</v>
      </c>
      <c r="F126738" s="14" t="s">
        <v>15</v>
      </c>
      <c r="G126738" s="16">
        <v>0</v>
      </c>
    </row>
    <row r="126739" spans="1:7" x14ac:dyDescent="0.3">
      <c r="A126739" s="13" t="s">
        <v>584</v>
      </c>
      <c r="B126739" s="14" t="s">
        <v>1</v>
      </c>
      <c r="C126739" s="14" t="s">
        <v>252</v>
      </c>
      <c r="D126739" s="14" t="s">
        <v>39</v>
      </c>
      <c r="E126739" s="15">
        <v>45460</v>
      </c>
      <c r="F126739" s="14" t="s">
        <v>15</v>
      </c>
      <c r="G126739" s="16">
        <v>0</v>
      </c>
    </row>
    <row r="126740" spans="1:7" x14ac:dyDescent="0.3">
      <c r="A126740" s="13" t="s">
        <v>584</v>
      </c>
      <c r="B126740" s="14" t="s">
        <v>1</v>
      </c>
      <c r="C126740" s="14" t="s">
        <v>252</v>
      </c>
      <c r="D126740" s="14" t="s">
        <v>39</v>
      </c>
      <c r="E126740" s="15">
        <v>45461</v>
      </c>
      <c r="F126740" s="14" t="s">
        <v>15</v>
      </c>
      <c r="G126740" s="16">
        <v>0</v>
      </c>
    </row>
    <row r="126741" spans="1:7" x14ac:dyDescent="0.3">
      <c r="A126741" s="13" t="s">
        <v>584</v>
      </c>
      <c r="B126741" s="14" t="s">
        <v>1</v>
      </c>
      <c r="C126741" s="14" t="s">
        <v>252</v>
      </c>
      <c r="D126741" s="14" t="s">
        <v>39</v>
      </c>
      <c r="E126741" s="15">
        <v>45462</v>
      </c>
      <c r="F126741" s="14" t="s">
        <v>15</v>
      </c>
      <c r="G126741" s="16">
        <v>0</v>
      </c>
    </row>
    <row r="126742" spans="1:7" x14ac:dyDescent="0.3">
      <c r="A126742" s="13" t="s">
        <v>584</v>
      </c>
      <c r="B126742" s="14" t="s">
        <v>1</v>
      </c>
      <c r="C126742" s="14" t="s">
        <v>252</v>
      </c>
      <c r="D126742" s="14" t="s">
        <v>39</v>
      </c>
      <c r="E126742" s="15">
        <v>45463</v>
      </c>
      <c r="F126742" s="14" t="s">
        <v>15</v>
      </c>
      <c r="G126742" s="16">
        <v>0</v>
      </c>
    </row>
    <row r="126743" spans="1:7" x14ac:dyDescent="0.3">
      <c r="A126743" s="13" t="s">
        <v>584</v>
      </c>
      <c r="B126743" s="14" t="s">
        <v>1</v>
      </c>
      <c r="C126743" s="14" t="s">
        <v>252</v>
      </c>
      <c r="D126743" s="14" t="s">
        <v>39</v>
      </c>
      <c r="E126743" s="15">
        <v>45464</v>
      </c>
      <c r="F126743" s="14" t="s">
        <v>15</v>
      </c>
      <c r="G126743" s="16">
        <v>0</v>
      </c>
    </row>
    <row r="126744" spans="1:7" x14ac:dyDescent="0.3">
      <c r="A126744" s="13" t="s">
        <v>584</v>
      </c>
      <c r="B126744" s="14" t="s">
        <v>1</v>
      </c>
      <c r="C126744" s="14" t="s">
        <v>252</v>
      </c>
      <c r="D126744" s="14" t="s">
        <v>39</v>
      </c>
      <c r="E126744" s="15">
        <v>45465</v>
      </c>
      <c r="F126744" s="14" t="s">
        <v>15</v>
      </c>
      <c r="G126744" s="16">
        <v>0</v>
      </c>
    </row>
    <row r="126745" spans="1:7" x14ac:dyDescent="0.3">
      <c r="A126745" s="13" t="s">
        <v>584</v>
      </c>
      <c r="B126745" s="14" t="s">
        <v>1</v>
      </c>
      <c r="C126745" s="14" t="s">
        <v>252</v>
      </c>
      <c r="D126745" s="14" t="s">
        <v>39</v>
      </c>
      <c r="E126745" s="15">
        <v>45466</v>
      </c>
      <c r="F126745" s="14" t="s">
        <v>15</v>
      </c>
      <c r="G126745" s="16">
        <v>0</v>
      </c>
    </row>
    <row r="126746" spans="1:7" x14ac:dyDescent="0.3">
      <c r="A126746" s="13" t="s">
        <v>584</v>
      </c>
      <c r="B126746" s="14" t="s">
        <v>1</v>
      </c>
      <c r="C126746" s="14" t="s">
        <v>252</v>
      </c>
      <c r="D126746" s="14" t="s">
        <v>39</v>
      </c>
      <c r="E126746" s="15">
        <v>45467</v>
      </c>
      <c r="F126746" s="14" t="s">
        <v>15</v>
      </c>
      <c r="G126746" s="16">
        <v>0</v>
      </c>
    </row>
    <row r="126747" spans="1:7" x14ac:dyDescent="0.3">
      <c r="A126747" s="13" t="s">
        <v>584</v>
      </c>
      <c r="B126747" s="14" t="s">
        <v>1</v>
      </c>
      <c r="C126747" s="14" t="s">
        <v>252</v>
      </c>
      <c r="D126747" s="14" t="s">
        <v>39</v>
      </c>
      <c r="E126747" s="15">
        <v>45468</v>
      </c>
      <c r="F126747" s="14" t="s">
        <v>15</v>
      </c>
      <c r="G126747" s="16">
        <v>0</v>
      </c>
    </row>
    <row r="126748" spans="1:7" x14ac:dyDescent="0.3">
      <c r="A126748" s="13" t="s">
        <v>584</v>
      </c>
      <c r="B126748" s="14" t="s">
        <v>1</v>
      </c>
      <c r="C126748" s="14" t="s">
        <v>252</v>
      </c>
      <c r="D126748" s="14" t="s">
        <v>39</v>
      </c>
      <c r="E126748" s="15">
        <v>45469</v>
      </c>
      <c r="F126748" s="14" t="s">
        <v>15</v>
      </c>
      <c r="G126748" s="16">
        <v>0</v>
      </c>
    </row>
    <row r="126749" spans="1:7" x14ac:dyDescent="0.3">
      <c r="A126749" s="13" t="s">
        <v>584</v>
      </c>
      <c r="B126749" s="14" t="s">
        <v>1</v>
      </c>
      <c r="C126749" s="14" t="s">
        <v>252</v>
      </c>
      <c r="D126749" s="14" t="s">
        <v>39</v>
      </c>
      <c r="E126749" s="15">
        <v>45470</v>
      </c>
      <c r="F126749" s="14" t="s">
        <v>15</v>
      </c>
      <c r="G126749" s="16">
        <v>0</v>
      </c>
    </row>
    <row r="126750" spans="1:7" x14ac:dyDescent="0.3">
      <c r="A126750" s="13" t="s">
        <v>584</v>
      </c>
      <c r="B126750" s="14" t="s">
        <v>1</v>
      </c>
      <c r="C126750" s="14" t="s">
        <v>252</v>
      </c>
      <c r="D126750" s="14" t="s">
        <v>39</v>
      </c>
      <c r="E126750" s="15">
        <v>45471</v>
      </c>
      <c r="F126750" s="14" t="s">
        <v>15</v>
      </c>
      <c r="G126750" s="16">
        <v>0</v>
      </c>
    </row>
    <row r="126751" spans="1:7" x14ac:dyDescent="0.3">
      <c r="A126751" s="13" t="s">
        <v>584</v>
      </c>
      <c r="B126751" s="14" t="s">
        <v>1</v>
      </c>
      <c r="C126751" s="14" t="s">
        <v>252</v>
      </c>
      <c r="D126751" s="14" t="s">
        <v>39</v>
      </c>
      <c r="E126751" s="15">
        <v>45472</v>
      </c>
      <c r="F126751" s="14" t="s">
        <v>15</v>
      </c>
      <c r="G126751" s="16">
        <v>0</v>
      </c>
    </row>
    <row r="126752" spans="1:7" x14ac:dyDescent="0.3">
      <c r="A126752" s="13" t="s">
        <v>584</v>
      </c>
      <c r="B126752" s="14" t="s">
        <v>1</v>
      </c>
      <c r="C126752" s="14" t="s">
        <v>252</v>
      </c>
      <c r="D126752" s="14" t="s">
        <v>39</v>
      </c>
      <c r="E126752" s="15">
        <v>45473</v>
      </c>
      <c r="F126752" s="14" t="s">
        <v>15</v>
      </c>
      <c r="G126752" s="16">
        <v>0</v>
      </c>
    </row>
    <row r="126753" spans="1:7" x14ac:dyDescent="0.3">
      <c r="A126753" s="13" t="s">
        <v>584</v>
      </c>
      <c r="B126753" s="14" t="s">
        <v>1</v>
      </c>
      <c r="C126753" s="14" t="s">
        <v>252</v>
      </c>
      <c r="D126753" s="14" t="s">
        <v>39</v>
      </c>
      <c r="E126753" s="15">
        <v>45474</v>
      </c>
      <c r="F126753" s="14" t="s">
        <v>15</v>
      </c>
      <c r="G126753" s="16">
        <v>0</v>
      </c>
    </row>
    <row r="126754" spans="1:7" x14ac:dyDescent="0.3">
      <c r="A126754" s="13" t="s">
        <v>584</v>
      </c>
      <c r="B126754" s="14" t="s">
        <v>1</v>
      </c>
      <c r="C126754" s="14" t="s">
        <v>252</v>
      </c>
      <c r="D126754" s="14" t="s">
        <v>39</v>
      </c>
      <c r="E126754" s="15">
        <v>45475</v>
      </c>
      <c r="F126754" s="14" t="s">
        <v>15</v>
      </c>
      <c r="G126754" s="16">
        <v>0</v>
      </c>
    </row>
    <row r="126755" spans="1:7" x14ac:dyDescent="0.3">
      <c r="A126755" s="13" t="s">
        <v>584</v>
      </c>
      <c r="B126755" s="14" t="s">
        <v>1</v>
      </c>
      <c r="C126755" s="14" t="s">
        <v>252</v>
      </c>
      <c r="D126755" s="14" t="s">
        <v>39</v>
      </c>
      <c r="E126755" s="15">
        <v>45476</v>
      </c>
      <c r="F126755" s="14" t="s">
        <v>15</v>
      </c>
      <c r="G126755" s="16">
        <v>0</v>
      </c>
    </row>
    <row r="126756" spans="1:7" x14ac:dyDescent="0.3">
      <c r="A126756" s="13" t="s">
        <v>584</v>
      </c>
      <c r="B126756" s="14" t="s">
        <v>1</v>
      </c>
      <c r="C126756" s="14" t="s">
        <v>252</v>
      </c>
      <c r="D126756" s="14" t="s">
        <v>39</v>
      </c>
      <c r="E126756" s="15">
        <v>45477</v>
      </c>
      <c r="F126756" s="14" t="s">
        <v>15</v>
      </c>
      <c r="G126756" s="16">
        <v>0</v>
      </c>
    </row>
    <row r="126757" spans="1:7" x14ac:dyDescent="0.3">
      <c r="A126757" s="13" t="s">
        <v>584</v>
      </c>
      <c r="B126757" s="14" t="s">
        <v>1</v>
      </c>
      <c r="C126757" s="14" t="s">
        <v>252</v>
      </c>
      <c r="D126757" s="14" t="s">
        <v>39</v>
      </c>
      <c r="E126757" s="15">
        <v>45478</v>
      </c>
      <c r="F126757" s="14" t="s">
        <v>15</v>
      </c>
      <c r="G126757" s="16">
        <v>0</v>
      </c>
    </row>
    <row r="126758" spans="1:7" x14ac:dyDescent="0.3">
      <c r="A126758" s="13" t="s">
        <v>584</v>
      </c>
      <c r="B126758" s="14" t="s">
        <v>1</v>
      </c>
      <c r="C126758" s="14" t="s">
        <v>252</v>
      </c>
      <c r="D126758" s="14" t="s">
        <v>39</v>
      </c>
      <c r="E126758" s="15">
        <v>45479</v>
      </c>
      <c r="F126758" s="14" t="s">
        <v>15</v>
      </c>
      <c r="G126758" s="16">
        <v>0</v>
      </c>
    </row>
    <row r="126759" spans="1:7" x14ac:dyDescent="0.3">
      <c r="A126759" s="13" t="s">
        <v>584</v>
      </c>
      <c r="B126759" s="14" t="s">
        <v>1</v>
      </c>
      <c r="C126759" s="14" t="s">
        <v>252</v>
      </c>
      <c r="D126759" s="14" t="s">
        <v>39</v>
      </c>
      <c r="E126759" s="15">
        <v>45480</v>
      </c>
      <c r="F126759" s="14" t="s">
        <v>15</v>
      </c>
      <c r="G126759" s="16">
        <v>0</v>
      </c>
    </row>
    <row r="126760" spans="1:7" x14ac:dyDescent="0.3">
      <c r="A126760" s="13" t="s">
        <v>584</v>
      </c>
      <c r="B126760" s="14" t="s">
        <v>1</v>
      </c>
      <c r="C126760" s="14" t="s">
        <v>252</v>
      </c>
      <c r="D126760" s="14" t="s">
        <v>39</v>
      </c>
      <c r="E126760" s="15">
        <v>45481</v>
      </c>
      <c r="F126760" s="14" t="s">
        <v>15</v>
      </c>
      <c r="G126760" s="16">
        <v>0</v>
      </c>
    </row>
    <row r="126761" spans="1:7" x14ac:dyDescent="0.3">
      <c r="A126761" s="13" t="s">
        <v>584</v>
      </c>
      <c r="B126761" s="14" t="s">
        <v>1</v>
      </c>
      <c r="C126761" s="14" t="s">
        <v>252</v>
      </c>
      <c r="D126761" s="14" t="s">
        <v>39</v>
      </c>
      <c r="E126761" s="15">
        <v>45482</v>
      </c>
      <c r="F126761" s="14" t="s">
        <v>15</v>
      </c>
      <c r="G126761" s="16">
        <v>0</v>
      </c>
    </row>
    <row r="126762" spans="1:7" x14ac:dyDescent="0.3">
      <c r="A126762" s="13" t="s">
        <v>584</v>
      </c>
      <c r="B126762" s="14" t="s">
        <v>1</v>
      </c>
      <c r="C126762" s="14" t="s">
        <v>252</v>
      </c>
      <c r="D126762" s="14" t="s">
        <v>39</v>
      </c>
      <c r="E126762" s="15">
        <v>45483</v>
      </c>
      <c r="F126762" s="14" t="s">
        <v>15</v>
      </c>
      <c r="G126762" s="16">
        <v>0</v>
      </c>
    </row>
    <row r="126763" spans="1:7" x14ac:dyDescent="0.3">
      <c r="A126763" s="13" t="s">
        <v>584</v>
      </c>
      <c r="B126763" s="14" t="s">
        <v>1</v>
      </c>
      <c r="C126763" s="14" t="s">
        <v>252</v>
      </c>
      <c r="D126763" s="14" t="s">
        <v>39</v>
      </c>
      <c r="E126763" s="15">
        <v>45484</v>
      </c>
      <c r="F126763" s="14" t="s">
        <v>15</v>
      </c>
      <c r="G126763" s="16">
        <v>0</v>
      </c>
    </row>
    <row r="126764" spans="1:7" x14ac:dyDescent="0.3">
      <c r="A126764" s="13" t="s">
        <v>584</v>
      </c>
      <c r="B126764" s="14" t="s">
        <v>1</v>
      </c>
      <c r="C126764" s="14" t="s">
        <v>252</v>
      </c>
      <c r="D126764" s="14" t="s">
        <v>39</v>
      </c>
      <c r="E126764" s="15">
        <v>45485</v>
      </c>
      <c r="F126764" s="14" t="s">
        <v>15</v>
      </c>
      <c r="G126764" s="16">
        <v>0</v>
      </c>
    </row>
    <row r="126765" spans="1:7" x14ac:dyDescent="0.3">
      <c r="A126765" s="13" t="s">
        <v>584</v>
      </c>
      <c r="B126765" s="14" t="s">
        <v>1</v>
      </c>
      <c r="C126765" s="14" t="s">
        <v>252</v>
      </c>
      <c r="D126765" s="14" t="s">
        <v>39</v>
      </c>
      <c r="E126765" s="15">
        <v>45486</v>
      </c>
      <c r="F126765" s="14" t="s">
        <v>15</v>
      </c>
      <c r="G126765" s="16">
        <v>0</v>
      </c>
    </row>
    <row r="126766" spans="1:7" x14ac:dyDescent="0.3">
      <c r="A126766" s="13" t="s">
        <v>584</v>
      </c>
      <c r="B126766" s="14" t="s">
        <v>1</v>
      </c>
      <c r="C126766" s="14" t="s">
        <v>252</v>
      </c>
      <c r="D126766" s="14" t="s">
        <v>39</v>
      </c>
      <c r="E126766" s="15">
        <v>45487</v>
      </c>
      <c r="F126766" s="14" t="s">
        <v>15</v>
      </c>
      <c r="G126766" s="16">
        <v>0</v>
      </c>
    </row>
    <row r="126767" spans="1:7" x14ac:dyDescent="0.3">
      <c r="A126767" s="13" t="s">
        <v>584</v>
      </c>
      <c r="B126767" s="14" t="s">
        <v>1</v>
      </c>
      <c r="C126767" s="14" t="s">
        <v>252</v>
      </c>
      <c r="D126767" s="14" t="s">
        <v>39</v>
      </c>
      <c r="E126767" s="15">
        <v>45488</v>
      </c>
      <c r="F126767" s="14" t="s">
        <v>15</v>
      </c>
      <c r="G126767" s="16">
        <v>0</v>
      </c>
    </row>
    <row r="126768" spans="1:7" x14ac:dyDescent="0.3">
      <c r="A126768" s="13" t="s">
        <v>584</v>
      </c>
      <c r="B126768" s="14" t="s">
        <v>1</v>
      </c>
      <c r="C126768" s="14" t="s">
        <v>252</v>
      </c>
      <c r="D126768" s="14" t="s">
        <v>39</v>
      </c>
      <c r="E126768" s="15">
        <v>45489</v>
      </c>
      <c r="F126768" s="14" t="s">
        <v>15</v>
      </c>
      <c r="G126768" s="16">
        <v>0</v>
      </c>
    </row>
    <row r="126769" spans="1:7" x14ac:dyDescent="0.3">
      <c r="A126769" s="13" t="s">
        <v>584</v>
      </c>
      <c r="B126769" s="14" t="s">
        <v>1</v>
      </c>
      <c r="C126769" s="14" t="s">
        <v>252</v>
      </c>
      <c r="D126769" s="14" t="s">
        <v>39</v>
      </c>
      <c r="E126769" s="15">
        <v>45490</v>
      </c>
      <c r="F126769" s="14" t="s">
        <v>15</v>
      </c>
      <c r="G126769" s="16">
        <v>0</v>
      </c>
    </row>
    <row r="126770" spans="1:7" x14ac:dyDescent="0.3">
      <c r="A126770" s="13" t="s">
        <v>584</v>
      </c>
      <c r="B126770" s="14" t="s">
        <v>1</v>
      </c>
      <c r="C126770" s="14" t="s">
        <v>252</v>
      </c>
      <c r="D126770" s="14" t="s">
        <v>39</v>
      </c>
      <c r="E126770" s="15">
        <v>45491</v>
      </c>
      <c r="F126770" s="14" t="s">
        <v>15</v>
      </c>
      <c r="G126770" s="16">
        <v>0</v>
      </c>
    </row>
    <row r="126771" spans="1:7" x14ac:dyDescent="0.3">
      <c r="A126771" s="13" t="s">
        <v>584</v>
      </c>
      <c r="B126771" s="14" t="s">
        <v>1</v>
      </c>
      <c r="C126771" s="14" t="s">
        <v>252</v>
      </c>
      <c r="D126771" s="14" t="s">
        <v>39</v>
      </c>
      <c r="E126771" s="15">
        <v>45492</v>
      </c>
      <c r="F126771" s="14" t="s">
        <v>15</v>
      </c>
      <c r="G126771" s="16">
        <v>0</v>
      </c>
    </row>
    <row r="126772" spans="1:7" x14ac:dyDescent="0.3">
      <c r="A126772" s="13" t="s">
        <v>584</v>
      </c>
      <c r="B126772" s="14" t="s">
        <v>1</v>
      </c>
      <c r="C126772" s="14" t="s">
        <v>252</v>
      </c>
      <c r="D126772" s="14" t="s">
        <v>39</v>
      </c>
      <c r="E126772" s="15">
        <v>45493</v>
      </c>
      <c r="F126772" s="14" t="s">
        <v>15</v>
      </c>
      <c r="G126772" s="16">
        <v>0</v>
      </c>
    </row>
    <row r="126773" spans="1:7" x14ac:dyDescent="0.3">
      <c r="A126773" s="13" t="s">
        <v>584</v>
      </c>
      <c r="B126773" s="14" t="s">
        <v>1</v>
      </c>
      <c r="C126773" s="14" t="s">
        <v>252</v>
      </c>
      <c r="D126773" s="14" t="s">
        <v>39</v>
      </c>
      <c r="E126773" s="15">
        <v>45494</v>
      </c>
      <c r="F126773" s="14" t="s">
        <v>15</v>
      </c>
      <c r="G126773" s="16">
        <v>0</v>
      </c>
    </row>
    <row r="126774" spans="1:7" x14ac:dyDescent="0.3">
      <c r="A126774" s="13" t="s">
        <v>584</v>
      </c>
      <c r="B126774" s="14" t="s">
        <v>1</v>
      </c>
      <c r="C126774" s="14" t="s">
        <v>252</v>
      </c>
      <c r="D126774" s="14" t="s">
        <v>39</v>
      </c>
      <c r="E126774" s="15">
        <v>45495</v>
      </c>
      <c r="F126774" s="14" t="s">
        <v>15</v>
      </c>
      <c r="G126774" s="16">
        <v>0</v>
      </c>
    </row>
    <row r="126775" spans="1:7" x14ac:dyDescent="0.3">
      <c r="A126775" s="13" t="s">
        <v>584</v>
      </c>
      <c r="B126775" s="14" t="s">
        <v>1</v>
      </c>
      <c r="C126775" s="14" t="s">
        <v>252</v>
      </c>
      <c r="D126775" s="14" t="s">
        <v>39</v>
      </c>
      <c r="E126775" s="15">
        <v>45496</v>
      </c>
      <c r="F126775" s="14" t="s">
        <v>15</v>
      </c>
      <c r="G126775" s="16">
        <v>0</v>
      </c>
    </row>
    <row r="126776" spans="1:7" x14ac:dyDescent="0.3">
      <c r="A126776" s="13" t="s">
        <v>584</v>
      </c>
      <c r="B126776" s="14" t="s">
        <v>1</v>
      </c>
      <c r="C126776" s="14" t="s">
        <v>252</v>
      </c>
      <c r="D126776" s="14" t="s">
        <v>39</v>
      </c>
      <c r="E126776" s="15">
        <v>45497</v>
      </c>
      <c r="F126776" s="14" t="s">
        <v>15</v>
      </c>
      <c r="G126776" s="16">
        <v>0</v>
      </c>
    </row>
    <row r="126777" spans="1:7" x14ac:dyDescent="0.3">
      <c r="A126777" s="13" t="s">
        <v>584</v>
      </c>
      <c r="B126777" s="14" t="s">
        <v>1</v>
      </c>
      <c r="C126777" s="14" t="s">
        <v>252</v>
      </c>
      <c r="D126777" s="14" t="s">
        <v>39</v>
      </c>
      <c r="E126777" s="15">
        <v>45498</v>
      </c>
      <c r="F126777" s="14" t="s">
        <v>15</v>
      </c>
      <c r="G126777" s="16">
        <v>0</v>
      </c>
    </row>
    <row r="126778" spans="1:7" x14ac:dyDescent="0.3">
      <c r="A126778" s="13" t="s">
        <v>584</v>
      </c>
      <c r="B126778" s="14" t="s">
        <v>1</v>
      </c>
      <c r="C126778" s="14" t="s">
        <v>252</v>
      </c>
      <c r="D126778" s="14" t="s">
        <v>39</v>
      </c>
      <c r="E126778" s="15">
        <v>45499</v>
      </c>
      <c r="F126778" s="14" t="s">
        <v>15</v>
      </c>
      <c r="G126778" s="16">
        <v>0</v>
      </c>
    </row>
    <row r="126779" spans="1:7" x14ac:dyDescent="0.3">
      <c r="A126779" s="13" t="s">
        <v>584</v>
      </c>
      <c r="B126779" s="14" t="s">
        <v>1</v>
      </c>
      <c r="C126779" s="14" t="s">
        <v>252</v>
      </c>
      <c r="D126779" s="14" t="s">
        <v>39</v>
      </c>
      <c r="E126779" s="15">
        <v>45500</v>
      </c>
      <c r="F126779" s="14" t="s">
        <v>15</v>
      </c>
      <c r="G126779" s="16">
        <v>0</v>
      </c>
    </row>
    <row r="126780" spans="1:7" x14ac:dyDescent="0.3">
      <c r="A126780" s="13" t="s">
        <v>584</v>
      </c>
      <c r="B126780" s="14" t="s">
        <v>1</v>
      </c>
      <c r="C126780" s="14" t="s">
        <v>252</v>
      </c>
      <c r="D126780" s="14" t="s">
        <v>39</v>
      </c>
      <c r="E126780" s="15">
        <v>45501</v>
      </c>
      <c r="F126780" s="14" t="s">
        <v>15</v>
      </c>
      <c r="G126780" s="16">
        <v>0</v>
      </c>
    </row>
    <row r="126781" spans="1:7" x14ac:dyDescent="0.3">
      <c r="A126781" s="13" t="s">
        <v>584</v>
      </c>
      <c r="B126781" s="14" t="s">
        <v>1</v>
      </c>
      <c r="C126781" s="14" t="s">
        <v>252</v>
      </c>
      <c r="D126781" s="14" t="s">
        <v>39</v>
      </c>
      <c r="E126781" s="15">
        <v>45502</v>
      </c>
      <c r="F126781" s="14" t="s">
        <v>15</v>
      </c>
      <c r="G126781" s="16">
        <v>0</v>
      </c>
    </row>
    <row r="126782" spans="1:7" x14ac:dyDescent="0.3">
      <c r="A126782" s="13" t="s">
        <v>584</v>
      </c>
      <c r="B126782" s="14" t="s">
        <v>1</v>
      </c>
      <c r="C126782" s="14" t="s">
        <v>252</v>
      </c>
      <c r="D126782" s="14" t="s">
        <v>39</v>
      </c>
      <c r="E126782" s="15">
        <v>45503</v>
      </c>
      <c r="F126782" s="14" t="s">
        <v>15</v>
      </c>
      <c r="G126782" s="16">
        <v>0</v>
      </c>
    </row>
    <row r="126783" spans="1:7" x14ac:dyDescent="0.3">
      <c r="A126783" s="13" t="s">
        <v>584</v>
      </c>
      <c r="B126783" s="14" t="s">
        <v>1</v>
      </c>
      <c r="C126783" s="14" t="s">
        <v>252</v>
      </c>
      <c r="D126783" s="14" t="s">
        <v>39</v>
      </c>
      <c r="E126783" s="15">
        <v>45504</v>
      </c>
      <c r="F126783" s="14" t="s">
        <v>15</v>
      </c>
      <c r="G126783" s="16">
        <v>0</v>
      </c>
    </row>
    <row r="126784" spans="1:7" x14ac:dyDescent="0.3">
      <c r="A126784" s="13" t="s">
        <v>584</v>
      </c>
      <c r="B126784" s="14" t="s">
        <v>1</v>
      </c>
      <c r="C126784" s="14" t="s">
        <v>252</v>
      </c>
      <c r="D126784" s="14" t="s">
        <v>39</v>
      </c>
      <c r="E126784" s="15">
        <v>45505</v>
      </c>
      <c r="F126784" s="14" t="s">
        <v>15</v>
      </c>
      <c r="G126784" s="16">
        <v>0</v>
      </c>
    </row>
    <row r="126785" spans="1:7" x14ac:dyDescent="0.3">
      <c r="A126785" s="13" t="s">
        <v>584</v>
      </c>
      <c r="B126785" s="14" t="s">
        <v>1</v>
      </c>
      <c r="C126785" s="14" t="s">
        <v>252</v>
      </c>
      <c r="D126785" s="14" t="s">
        <v>39</v>
      </c>
      <c r="E126785" s="15">
        <v>45506</v>
      </c>
      <c r="F126785" s="14" t="s">
        <v>15</v>
      </c>
      <c r="G126785" s="16">
        <v>0</v>
      </c>
    </row>
    <row r="126786" spans="1:7" x14ac:dyDescent="0.3">
      <c r="A126786" s="13" t="s">
        <v>584</v>
      </c>
      <c r="B126786" s="14" t="s">
        <v>1</v>
      </c>
      <c r="C126786" s="14" t="s">
        <v>252</v>
      </c>
      <c r="D126786" s="14" t="s">
        <v>39</v>
      </c>
      <c r="E126786" s="15">
        <v>45507</v>
      </c>
      <c r="F126786" s="14" t="s">
        <v>15</v>
      </c>
      <c r="G126786" s="16">
        <v>0</v>
      </c>
    </row>
    <row r="126787" spans="1:7" x14ac:dyDescent="0.3">
      <c r="A126787" s="13" t="s">
        <v>584</v>
      </c>
      <c r="B126787" s="14" t="s">
        <v>1</v>
      </c>
      <c r="C126787" s="14" t="s">
        <v>252</v>
      </c>
      <c r="D126787" s="14" t="s">
        <v>39</v>
      </c>
      <c r="E126787" s="15">
        <v>45508</v>
      </c>
      <c r="F126787" s="14" t="s">
        <v>15</v>
      </c>
      <c r="G126787" s="16">
        <v>0</v>
      </c>
    </row>
    <row r="126788" spans="1:7" x14ac:dyDescent="0.3">
      <c r="A126788" s="13" t="s">
        <v>584</v>
      </c>
      <c r="B126788" s="14" t="s">
        <v>1</v>
      </c>
      <c r="C126788" s="14" t="s">
        <v>252</v>
      </c>
      <c r="D126788" s="14" t="s">
        <v>39</v>
      </c>
      <c r="E126788" s="15">
        <v>45509</v>
      </c>
      <c r="F126788" s="14" t="s">
        <v>15</v>
      </c>
      <c r="G126788" s="16">
        <v>0</v>
      </c>
    </row>
    <row r="126789" spans="1:7" x14ac:dyDescent="0.3">
      <c r="A126789" s="13" t="s">
        <v>584</v>
      </c>
      <c r="B126789" s="14" t="s">
        <v>1</v>
      </c>
      <c r="C126789" s="14" t="s">
        <v>252</v>
      </c>
      <c r="D126789" s="14" t="s">
        <v>39</v>
      </c>
      <c r="E126789" s="15">
        <v>45510</v>
      </c>
      <c r="F126789" s="14" t="s">
        <v>15</v>
      </c>
      <c r="G126789" s="16">
        <v>0</v>
      </c>
    </row>
    <row r="126790" spans="1:7" x14ac:dyDescent="0.3">
      <c r="A126790" s="13" t="s">
        <v>584</v>
      </c>
      <c r="B126790" s="14" t="s">
        <v>1</v>
      </c>
      <c r="C126790" s="14" t="s">
        <v>252</v>
      </c>
      <c r="D126790" s="14" t="s">
        <v>39</v>
      </c>
      <c r="E126790" s="15">
        <v>45511</v>
      </c>
      <c r="F126790" s="14" t="s">
        <v>15</v>
      </c>
      <c r="G126790" s="16">
        <v>0</v>
      </c>
    </row>
    <row r="126791" spans="1:7" x14ac:dyDescent="0.3">
      <c r="A126791" s="13" t="s">
        <v>584</v>
      </c>
      <c r="B126791" s="14" t="s">
        <v>1</v>
      </c>
      <c r="C126791" s="14" t="s">
        <v>252</v>
      </c>
      <c r="D126791" s="14" t="s">
        <v>39</v>
      </c>
      <c r="E126791" s="15">
        <v>45512</v>
      </c>
      <c r="F126791" s="14" t="s">
        <v>15</v>
      </c>
      <c r="G126791" s="16">
        <v>0</v>
      </c>
    </row>
    <row r="126792" spans="1:7" x14ac:dyDescent="0.3">
      <c r="A126792" s="13" t="s">
        <v>584</v>
      </c>
      <c r="B126792" s="14" t="s">
        <v>1</v>
      </c>
      <c r="C126792" s="14" t="s">
        <v>252</v>
      </c>
      <c r="D126792" s="14" t="s">
        <v>39</v>
      </c>
      <c r="E126792" s="15">
        <v>45513</v>
      </c>
      <c r="F126792" s="14" t="s">
        <v>15</v>
      </c>
      <c r="G126792" s="16">
        <v>0</v>
      </c>
    </row>
    <row r="126793" spans="1:7" x14ac:dyDescent="0.3">
      <c r="A126793" s="13" t="s">
        <v>584</v>
      </c>
      <c r="B126793" s="14" t="s">
        <v>1</v>
      </c>
      <c r="C126793" s="14" t="s">
        <v>252</v>
      </c>
      <c r="D126793" s="14" t="s">
        <v>39</v>
      </c>
      <c r="E126793" s="15">
        <v>45514</v>
      </c>
      <c r="F126793" s="14" t="s">
        <v>15</v>
      </c>
      <c r="G126793" s="16">
        <v>0</v>
      </c>
    </row>
    <row r="126794" spans="1:7" x14ac:dyDescent="0.3">
      <c r="A126794" s="13" t="s">
        <v>584</v>
      </c>
      <c r="B126794" s="14" t="s">
        <v>1</v>
      </c>
      <c r="C126794" s="14" t="s">
        <v>252</v>
      </c>
      <c r="D126794" s="14" t="s">
        <v>39</v>
      </c>
      <c r="E126794" s="15">
        <v>45515</v>
      </c>
      <c r="F126794" s="14" t="s">
        <v>15</v>
      </c>
      <c r="G126794" s="16">
        <v>0</v>
      </c>
    </row>
    <row r="126795" spans="1:7" x14ac:dyDescent="0.3">
      <c r="A126795" s="13" t="s">
        <v>584</v>
      </c>
      <c r="B126795" s="14" t="s">
        <v>1</v>
      </c>
      <c r="C126795" s="14" t="s">
        <v>252</v>
      </c>
      <c r="D126795" s="14" t="s">
        <v>39</v>
      </c>
      <c r="E126795" s="15">
        <v>45516</v>
      </c>
      <c r="F126795" s="14" t="s">
        <v>15</v>
      </c>
      <c r="G126795" s="16">
        <v>0</v>
      </c>
    </row>
    <row r="126796" spans="1:7" x14ac:dyDescent="0.3">
      <c r="A126796" s="13" t="s">
        <v>584</v>
      </c>
      <c r="B126796" s="14" t="s">
        <v>1</v>
      </c>
      <c r="C126796" s="14" t="s">
        <v>252</v>
      </c>
      <c r="D126796" s="14" t="s">
        <v>39</v>
      </c>
      <c r="E126796" s="15">
        <v>45517</v>
      </c>
      <c r="F126796" s="14" t="s">
        <v>15</v>
      </c>
      <c r="G126796" s="16">
        <v>0</v>
      </c>
    </row>
    <row r="126797" spans="1:7" x14ac:dyDescent="0.3">
      <c r="A126797" s="13" t="s">
        <v>584</v>
      </c>
      <c r="B126797" s="14" t="s">
        <v>1</v>
      </c>
      <c r="C126797" s="14" t="s">
        <v>252</v>
      </c>
      <c r="D126797" s="14" t="s">
        <v>39</v>
      </c>
      <c r="E126797" s="15">
        <v>45518</v>
      </c>
      <c r="F126797" s="14" t="s">
        <v>15</v>
      </c>
      <c r="G126797" s="16">
        <v>0</v>
      </c>
    </row>
    <row r="126798" spans="1:7" x14ac:dyDescent="0.3">
      <c r="A126798" s="13" t="s">
        <v>584</v>
      </c>
      <c r="B126798" s="14" t="s">
        <v>1</v>
      </c>
      <c r="C126798" s="14" t="s">
        <v>252</v>
      </c>
      <c r="D126798" s="14" t="s">
        <v>39</v>
      </c>
      <c r="E126798" s="15">
        <v>45519</v>
      </c>
      <c r="F126798" s="14" t="s">
        <v>15</v>
      </c>
      <c r="G126798" s="16">
        <v>0</v>
      </c>
    </row>
    <row r="126799" spans="1:7" x14ac:dyDescent="0.3">
      <c r="A126799" s="13" t="s">
        <v>584</v>
      </c>
      <c r="B126799" s="14" t="s">
        <v>1</v>
      </c>
      <c r="C126799" s="14" t="s">
        <v>252</v>
      </c>
      <c r="D126799" s="14" t="s">
        <v>39</v>
      </c>
      <c r="E126799" s="15">
        <v>45520</v>
      </c>
      <c r="F126799" s="14" t="s">
        <v>15</v>
      </c>
      <c r="G126799" s="16">
        <v>0</v>
      </c>
    </row>
    <row r="126800" spans="1:7" x14ac:dyDescent="0.3">
      <c r="A126800" s="13" t="s">
        <v>584</v>
      </c>
      <c r="B126800" s="14" t="s">
        <v>1</v>
      </c>
      <c r="C126800" s="14" t="s">
        <v>252</v>
      </c>
      <c r="D126800" s="14" t="s">
        <v>39</v>
      </c>
      <c r="E126800" s="15">
        <v>45521</v>
      </c>
      <c r="F126800" s="14" t="s">
        <v>15</v>
      </c>
      <c r="G126800" s="16">
        <v>0</v>
      </c>
    </row>
    <row r="126801" spans="1:7" x14ac:dyDescent="0.3">
      <c r="A126801" s="13" t="s">
        <v>584</v>
      </c>
      <c r="B126801" s="14" t="s">
        <v>1</v>
      </c>
      <c r="C126801" s="14" t="s">
        <v>252</v>
      </c>
      <c r="D126801" s="14" t="s">
        <v>39</v>
      </c>
      <c r="E126801" s="15">
        <v>45522</v>
      </c>
      <c r="F126801" s="14" t="s">
        <v>15</v>
      </c>
      <c r="G126801" s="16">
        <v>0</v>
      </c>
    </row>
    <row r="126802" spans="1:7" x14ac:dyDescent="0.3">
      <c r="A126802" s="13" t="s">
        <v>584</v>
      </c>
      <c r="B126802" s="14" t="s">
        <v>1</v>
      </c>
      <c r="C126802" s="14" t="s">
        <v>252</v>
      </c>
      <c r="D126802" s="14" t="s">
        <v>39</v>
      </c>
      <c r="E126802" s="15">
        <v>45523</v>
      </c>
      <c r="F126802" s="14" t="s">
        <v>15</v>
      </c>
      <c r="G126802" s="16">
        <v>0</v>
      </c>
    </row>
    <row r="126803" spans="1:7" x14ac:dyDescent="0.3">
      <c r="A126803" s="13" t="s">
        <v>584</v>
      </c>
      <c r="B126803" s="14" t="s">
        <v>1</v>
      </c>
      <c r="C126803" s="14" t="s">
        <v>252</v>
      </c>
      <c r="D126803" s="14" t="s">
        <v>39</v>
      </c>
      <c r="E126803" s="15">
        <v>45524</v>
      </c>
      <c r="F126803" s="14" t="s">
        <v>15</v>
      </c>
      <c r="G126803" s="16">
        <v>0</v>
      </c>
    </row>
    <row r="126804" spans="1:7" x14ac:dyDescent="0.3">
      <c r="A126804" s="13" t="s">
        <v>584</v>
      </c>
      <c r="B126804" s="14" t="s">
        <v>1</v>
      </c>
      <c r="C126804" s="14" t="s">
        <v>252</v>
      </c>
      <c r="D126804" s="14" t="s">
        <v>39</v>
      </c>
      <c r="E126804" s="15">
        <v>45525</v>
      </c>
      <c r="F126804" s="14" t="s">
        <v>15</v>
      </c>
      <c r="G126804" s="16">
        <v>0</v>
      </c>
    </row>
    <row r="126805" spans="1:7" x14ac:dyDescent="0.3">
      <c r="A126805" s="13" t="s">
        <v>584</v>
      </c>
      <c r="B126805" s="14" t="s">
        <v>1</v>
      </c>
      <c r="C126805" s="14" t="s">
        <v>252</v>
      </c>
      <c r="D126805" s="14" t="s">
        <v>39</v>
      </c>
      <c r="E126805" s="15">
        <v>45526</v>
      </c>
      <c r="F126805" s="14" t="s">
        <v>15</v>
      </c>
      <c r="G126805" s="16">
        <v>0</v>
      </c>
    </row>
    <row r="126806" spans="1:7" x14ac:dyDescent="0.3">
      <c r="A126806" s="13" t="s">
        <v>584</v>
      </c>
      <c r="B126806" s="14" t="s">
        <v>1</v>
      </c>
      <c r="C126806" s="14" t="s">
        <v>252</v>
      </c>
      <c r="D126806" s="14" t="s">
        <v>39</v>
      </c>
      <c r="E126806" s="15">
        <v>45527</v>
      </c>
      <c r="F126806" s="14" t="s">
        <v>15</v>
      </c>
      <c r="G126806" s="16">
        <v>0</v>
      </c>
    </row>
    <row r="126807" spans="1:7" x14ac:dyDescent="0.3">
      <c r="A126807" s="13" t="s">
        <v>584</v>
      </c>
      <c r="B126807" s="14" t="s">
        <v>1</v>
      </c>
      <c r="C126807" s="14" t="s">
        <v>252</v>
      </c>
      <c r="D126807" s="14" t="s">
        <v>39</v>
      </c>
      <c r="E126807" s="15">
        <v>45528</v>
      </c>
      <c r="F126807" s="14" t="s">
        <v>15</v>
      </c>
      <c r="G126807" s="16">
        <v>0</v>
      </c>
    </row>
    <row r="126808" spans="1:7" x14ac:dyDescent="0.3">
      <c r="A126808" s="13" t="s">
        <v>584</v>
      </c>
      <c r="B126808" s="14" t="s">
        <v>1</v>
      </c>
      <c r="C126808" s="14" t="s">
        <v>252</v>
      </c>
      <c r="D126808" s="14" t="s">
        <v>39</v>
      </c>
      <c r="E126808" s="15">
        <v>45529</v>
      </c>
      <c r="F126808" s="14" t="s">
        <v>15</v>
      </c>
      <c r="G126808" s="16">
        <v>0</v>
      </c>
    </row>
    <row r="126809" spans="1:7" x14ac:dyDescent="0.3">
      <c r="A126809" s="13" t="s">
        <v>584</v>
      </c>
      <c r="B126809" s="14" t="s">
        <v>1</v>
      </c>
      <c r="C126809" s="14" t="s">
        <v>252</v>
      </c>
      <c r="D126809" s="14" t="s">
        <v>39</v>
      </c>
      <c r="E126809" s="15">
        <v>45530</v>
      </c>
      <c r="F126809" s="14" t="s">
        <v>15</v>
      </c>
      <c r="G126809" s="16">
        <v>0</v>
      </c>
    </row>
    <row r="126810" spans="1:7" x14ac:dyDescent="0.3">
      <c r="A126810" s="13" t="s">
        <v>584</v>
      </c>
      <c r="B126810" s="14" t="s">
        <v>1</v>
      </c>
      <c r="C126810" s="14" t="s">
        <v>252</v>
      </c>
      <c r="D126810" s="14" t="s">
        <v>39</v>
      </c>
      <c r="E126810" s="15">
        <v>45531</v>
      </c>
      <c r="F126810" s="14" t="s">
        <v>15</v>
      </c>
      <c r="G126810" s="16">
        <v>0</v>
      </c>
    </row>
    <row r="126811" spans="1:7" x14ac:dyDescent="0.3">
      <c r="A126811" s="13" t="s">
        <v>584</v>
      </c>
      <c r="B126811" s="14" t="s">
        <v>1</v>
      </c>
      <c r="C126811" s="14" t="s">
        <v>252</v>
      </c>
      <c r="D126811" s="14" t="s">
        <v>39</v>
      </c>
      <c r="E126811" s="15">
        <v>45532</v>
      </c>
      <c r="F126811" s="14" t="s">
        <v>15</v>
      </c>
      <c r="G126811" s="16">
        <v>0</v>
      </c>
    </row>
    <row r="126812" spans="1:7" x14ac:dyDescent="0.3">
      <c r="A126812" s="13" t="s">
        <v>584</v>
      </c>
      <c r="B126812" s="14" t="s">
        <v>1</v>
      </c>
      <c r="C126812" s="14" t="s">
        <v>252</v>
      </c>
      <c r="D126812" s="14" t="s">
        <v>39</v>
      </c>
      <c r="E126812" s="15">
        <v>45533</v>
      </c>
      <c r="F126812" s="14" t="s">
        <v>15</v>
      </c>
      <c r="G126812" s="16">
        <v>0</v>
      </c>
    </row>
    <row r="126813" spans="1:7" x14ac:dyDescent="0.3">
      <c r="A126813" s="13" t="s">
        <v>584</v>
      </c>
      <c r="B126813" s="14" t="s">
        <v>1</v>
      </c>
      <c r="C126813" s="14" t="s">
        <v>252</v>
      </c>
      <c r="D126813" s="14" t="s">
        <v>39</v>
      </c>
      <c r="E126813" s="15">
        <v>45534</v>
      </c>
      <c r="F126813" s="14" t="s">
        <v>15</v>
      </c>
      <c r="G126813" s="16">
        <v>0</v>
      </c>
    </row>
    <row r="126814" spans="1:7" x14ac:dyDescent="0.3">
      <c r="A126814" s="13" t="s">
        <v>584</v>
      </c>
      <c r="B126814" s="14" t="s">
        <v>1</v>
      </c>
      <c r="C126814" s="14" t="s">
        <v>252</v>
      </c>
      <c r="D126814" s="14" t="s">
        <v>39</v>
      </c>
      <c r="E126814" s="15">
        <v>45535</v>
      </c>
      <c r="F126814" s="14" t="s">
        <v>15</v>
      </c>
      <c r="G126814" s="16">
        <v>0</v>
      </c>
    </row>
    <row r="126815" spans="1:7" x14ac:dyDescent="0.3">
      <c r="A126815" s="13" t="s">
        <v>584</v>
      </c>
      <c r="B126815" s="14" t="s">
        <v>1</v>
      </c>
      <c r="C126815" s="14" t="s">
        <v>252</v>
      </c>
      <c r="D126815" s="14" t="s">
        <v>39</v>
      </c>
      <c r="E126815" s="15">
        <v>45536</v>
      </c>
      <c r="F126815" s="14" t="s">
        <v>15</v>
      </c>
      <c r="G126815" s="16">
        <v>0</v>
      </c>
    </row>
    <row r="126816" spans="1:7" x14ac:dyDescent="0.3">
      <c r="A126816" s="13" t="s">
        <v>584</v>
      </c>
      <c r="B126816" s="14" t="s">
        <v>1</v>
      </c>
      <c r="C126816" s="14" t="s">
        <v>252</v>
      </c>
      <c r="D126816" s="14" t="s">
        <v>39</v>
      </c>
      <c r="E126816" s="15">
        <v>45537</v>
      </c>
      <c r="F126816" s="14" t="s">
        <v>15</v>
      </c>
      <c r="G126816" s="16">
        <v>0</v>
      </c>
    </row>
    <row r="126817" spans="1:7" x14ac:dyDescent="0.3">
      <c r="A126817" s="13" t="s">
        <v>584</v>
      </c>
      <c r="B126817" s="14" t="s">
        <v>1</v>
      </c>
      <c r="C126817" s="14" t="s">
        <v>252</v>
      </c>
      <c r="D126817" s="14" t="s">
        <v>39</v>
      </c>
      <c r="E126817" s="15">
        <v>45538</v>
      </c>
      <c r="F126817" s="14" t="s">
        <v>15</v>
      </c>
      <c r="G126817" s="16">
        <v>0</v>
      </c>
    </row>
    <row r="126818" spans="1:7" x14ac:dyDescent="0.3">
      <c r="A126818" s="13" t="s">
        <v>584</v>
      </c>
      <c r="B126818" s="14" t="s">
        <v>1</v>
      </c>
      <c r="C126818" s="14" t="s">
        <v>252</v>
      </c>
      <c r="D126818" s="14" t="s">
        <v>39</v>
      </c>
      <c r="E126818" s="15">
        <v>45539</v>
      </c>
      <c r="F126818" s="14" t="s">
        <v>15</v>
      </c>
      <c r="G126818" s="16">
        <v>0</v>
      </c>
    </row>
    <row r="126819" spans="1:7" x14ac:dyDescent="0.3">
      <c r="A126819" s="13" t="s">
        <v>584</v>
      </c>
      <c r="B126819" s="14" t="s">
        <v>1</v>
      </c>
      <c r="C126819" s="14" t="s">
        <v>252</v>
      </c>
      <c r="D126819" s="14" t="s">
        <v>39</v>
      </c>
      <c r="E126819" s="15">
        <v>45540</v>
      </c>
      <c r="F126819" s="14" t="s">
        <v>15</v>
      </c>
      <c r="G126819" s="16">
        <v>0</v>
      </c>
    </row>
    <row r="126820" spans="1:7" x14ac:dyDescent="0.3">
      <c r="A126820" s="13" t="s">
        <v>584</v>
      </c>
      <c r="B126820" s="14" t="s">
        <v>1</v>
      </c>
      <c r="C126820" s="14" t="s">
        <v>252</v>
      </c>
      <c r="D126820" s="14" t="s">
        <v>39</v>
      </c>
      <c r="E126820" s="15">
        <v>45541</v>
      </c>
      <c r="F126820" s="14" t="s">
        <v>15</v>
      </c>
      <c r="G126820" s="16">
        <v>0</v>
      </c>
    </row>
    <row r="126821" spans="1:7" x14ac:dyDescent="0.3">
      <c r="A126821" s="13" t="s">
        <v>584</v>
      </c>
      <c r="B126821" s="14" t="s">
        <v>1</v>
      </c>
      <c r="C126821" s="14" t="s">
        <v>252</v>
      </c>
      <c r="D126821" s="14" t="s">
        <v>39</v>
      </c>
      <c r="E126821" s="15">
        <v>45542</v>
      </c>
      <c r="F126821" s="14" t="s">
        <v>15</v>
      </c>
      <c r="G126821" s="16">
        <v>0</v>
      </c>
    </row>
    <row r="126822" spans="1:7" x14ac:dyDescent="0.3">
      <c r="A126822" s="13" t="s">
        <v>584</v>
      </c>
      <c r="B126822" s="14" t="s">
        <v>1</v>
      </c>
      <c r="C126822" s="14" t="s">
        <v>252</v>
      </c>
      <c r="D126822" s="14" t="s">
        <v>39</v>
      </c>
      <c r="E126822" s="15">
        <v>45543</v>
      </c>
      <c r="F126822" s="14" t="s">
        <v>15</v>
      </c>
      <c r="G126822" s="16">
        <v>0</v>
      </c>
    </row>
    <row r="126823" spans="1:7" x14ac:dyDescent="0.3">
      <c r="A126823" s="13" t="s">
        <v>584</v>
      </c>
      <c r="B126823" s="14" t="s">
        <v>1</v>
      </c>
      <c r="C126823" s="14" t="s">
        <v>252</v>
      </c>
      <c r="D126823" s="14" t="s">
        <v>39</v>
      </c>
      <c r="E126823" s="15">
        <v>45544</v>
      </c>
      <c r="F126823" s="14" t="s">
        <v>15</v>
      </c>
      <c r="G126823" s="16">
        <v>0</v>
      </c>
    </row>
    <row r="126824" spans="1:7" x14ac:dyDescent="0.3">
      <c r="A126824" s="13" t="s">
        <v>584</v>
      </c>
      <c r="B126824" s="14" t="s">
        <v>1</v>
      </c>
      <c r="C126824" s="14" t="s">
        <v>252</v>
      </c>
      <c r="D126824" s="14" t="s">
        <v>39</v>
      </c>
      <c r="E126824" s="15">
        <v>45545</v>
      </c>
      <c r="F126824" s="14" t="s">
        <v>15</v>
      </c>
      <c r="G126824" s="16">
        <v>0</v>
      </c>
    </row>
    <row r="126825" spans="1:7" x14ac:dyDescent="0.3">
      <c r="A126825" s="13" t="s">
        <v>584</v>
      </c>
      <c r="B126825" s="14" t="s">
        <v>1</v>
      </c>
      <c r="C126825" s="14" t="s">
        <v>252</v>
      </c>
      <c r="D126825" s="14" t="s">
        <v>39</v>
      </c>
      <c r="E126825" s="15">
        <v>45546</v>
      </c>
      <c r="F126825" s="14" t="s">
        <v>15</v>
      </c>
      <c r="G126825" s="16">
        <v>0</v>
      </c>
    </row>
    <row r="126826" spans="1:7" x14ac:dyDescent="0.3">
      <c r="A126826" s="13" t="s">
        <v>584</v>
      </c>
      <c r="B126826" s="14" t="s">
        <v>1</v>
      </c>
      <c r="C126826" s="14" t="s">
        <v>252</v>
      </c>
      <c r="D126826" s="14" t="s">
        <v>39</v>
      </c>
      <c r="E126826" s="15">
        <v>45547</v>
      </c>
      <c r="F126826" s="14" t="s">
        <v>15</v>
      </c>
      <c r="G126826" s="16">
        <v>0</v>
      </c>
    </row>
    <row r="126827" spans="1:7" x14ac:dyDescent="0.3">
      <c r="A126827" s="13" t="s">
        <v>584</v>
      </c>
      <c r="B126827" s="14" t="s">
        <v>1</v>
      </c>
      <c r="C126827" s="14" t="s">
        <v>252</v>
      </c>
      <c r="D126827" s="14" t="s">
        <v>39</v>
      </c>
      <c r="E126827" s="15">
        <v>45548</v>
      </c>
      <c r="F126827" s="14" t="s">
        <v>15</v>
      </c>
      <c r="G126827" s="16">
        <v>0</v>
      </c>
    </row>
    <row r="126828" spans="1:7" x14ac:dyDescent="0.3">
      <c r="A126828" s="13" t="s">
        <v>584</v>
      </c>
      <c r="B126828" s="14" t="s">
        <v>1</v>
      </c>
      <c r="C126828" s="14" t="s">
        <v>252</v>
      </c>
      <c r="D126828" s="14" t="s">
        <v>39</v>
      </c>
      <c r="E126828" s="15">
        <v>45549</v>
      </c>
      <c r="F126828" s="14" t="s">
        <v>15</v>
      </c>
      <c r="G126828" s="16">
        <v>0</v>
      </c>
    </row>
    <row r="126829" spans="1:7" x14ac:dyDescent="0.3">
      <c r="A126829" s="13" t="s">
        <v>584</v>
      </c>
      <c r="B126829" s="14" t="s">
        <v>1</v>
      </c>
      <c r="C126829" s="14" t="s">
        <v>252</v>
      </c>
      <c r="D126829" s="14" t="s">
        <v>39</v>
      </c>
      <c r="E126829" s="15">
        <v>45550</v>
      </c>
      <c r="F126829" s="14" t="s">
        <v>15</v>
      </c>
      <c r="G126829" s="16">
        <v>0</v>
      </c>
    </row>
    <row r="126830" spans="1:7" x14ac:dyDescent="0.3">
      <c r="A126830" s="13" t="s">
        <v>584</v>
      </c>
      <c r="B126830" s="14" t="s">
        <v>1</v>
      </c>
      <c r="C126830" s="14" t="s">
        <v>252</v>
      </c>
      <c r="D126830" s="14" t="s">
        <v>39</v>
      </c>
      <c r="E126830" s="15">
        <v>45551</v>
      </c>
      <c r="F126830" s="14" t="s">
        <v>15</v>
      </c>
      <c r="G126830" s="16">
        <v>0</v>
      </c>
    </row>
    <row r="126831" spans="1:7" x14ac:dyDescent="0.3">
      <c r="A126831" s="13" t="s">
        <v>584</v>
      </c>
      <c r="B126831" s="14" t="s">
        <v>1</v>
      </c>
      <c r="C126831" s="14" t="s">
        <v>252</v>
      </c>
      <c r="D126831" s="14" t="s">
        <v>39</v>
      </c>
      <c r="E126831" s="15">
        <v>45552</v>
      </c>
      <c r="F126831" s="14" t="s">
        <v>15</v>
      </c>
      <c r="G126831" s="16">
        <v>0</v>
      </c>
    </row>
    <row r="126832" spans="1:7" x14ac:dyDescent="0.3">
      <c r="A126832" s="13" t="s">
        <v>584</v>
      </c>
      <c r="B126832" s="14" t="s">
        <v>1</v>
      </c>
      <c r="C126832" s="14" t="s">
        <v>252</v>
      </c>
      <c r="D126832" s="14" t="s">
        <v>39</v>
      </c>
      <c r="E126832" s="15">
        <v>45553</v>
      </c>
      <c r="F126832" s="14" t="s">
        <v>15</v>
      </c>
      <c r="G126832" s="16">
        <v>0</v>
      </c>
    </row>
    <row r="126833" spans="1:7" x14ac:dyDescent="0.3">
      <c r="A126833" s="13" t="s">
        <v>584</v>
      </c>
      <c r="B126833" s="14" t="s">
        <v>1</v>
      </c>
      <c r="C126833" s="14" t="s">
        <v>252</v>
      </c>
      <c r="D126833" s="14" t="s">
        <v>39</v>
      </c>
      <c r="E126833" s="15">
        <v>45554</v>
      </c>
      <c r="F126833" s="14" t="s">
        <v>15</v>
      </c>
      <c r="G126833" s="16">
        <v>0</v>
      </c>
    </row>
    <row r="126834" spans="1:7" x14ac:dyDescent="0.3">
      <c r="A126834" s="13" t="s">
        <v>584</v>
      </c>
      <c r="B126834" s="14" t="s">
        <v>1</v>
      </c>
      <c r="C126834" s="14" t="s">
        <v>252</v>
      </c>
      <c r="D126834" s="14" t="s">
        <v>39</v>
      </c>
      <c r="E126834" s="15">
        <v>45555</v>
      </c>
      <c r="F126834" s="14" t="s">
        <v>15</v>
      </c>
      <c r="G126834" s="16">
        <v>0</v>
      </c>
    </row>
    <row r="126835" spans="1:7" x14ac:dyDescent="0.3">
      <c r="A126835" s="13" t="s">
        <v>584</v>
      </c>
      <c r="B126835" s="14" t="s">
        <v>1</v>
      </c>
      <c r="C126835" s="14" t="s">
        <v>252</v>
      </c>
      <c r="D126835" s="14" t="s">
        <v>39</v>
      </c>
      <c r="E126835" s="15">
        <v>45556</v>
      </c>
      <c r="F126835" s="14" t="s">
        <v>15</v>
      </c>
      <c r="G126835" s="16">
        <v>0</v>
      </c>
    </row>
    <row r="126836" spans="1:7" x14ac:dyDescent="0.3">
      <c r="A126836" s="13" t="s">
        <v>584</v>
      </c>
      <c r="B126836" s="14" t="s">
        <v>1</v>
      </c>
      <c r="C126836" s="14" t="s">
        <v>252</v>
      </c>
      <c r="D126836" s="14" t="s">
        <v>39</v>
      </c>
      <c r="E126836" s="15">
        <v>45557</v>
      </c>
      <c r="F126836" s="14" t="s">
        <v>15</v>
      </c>
      <c r="G126836" s="16">
        <v>0</v>
      </c>
    </row>
    <row r="126837" spans="1:7" x14ac:dyDescent="0.3">
      <c r="A126837" s="13" t="s">
        <v>584</v>
      </c>
      <c r="B126837" s="14" t="s">
        <v>1</v>
      </c>
      <c r="C126837" s="14" t="s">
        <v>252</v>
      </c>
      <c r="D126837" s="14" t="s">
        <v>39</v>
      </c>
      <c r="E126837" s="15">
        <v>45558</v>
      </c>
      <c r="F126837" s="14" t="s">
        <v>15</v>
      </c>
      <c r="G126837" s="16">
        <v>0</v>
      </c>
    </row>
    <row r="126838" spans="1:7" x14ac:dyDescent="0.3">
      <c r="A126838" s="13" t="s">
        <v>584</v>
      </c>
      <c r="B126838" s="14" t="s">
        <v>1</v>
      </c>
      <c r="C126838" s="14" t="s">
        <v>252</v>
      </c>
      <c r="D126838" s="14" t="s">
        <v>39</v>
      </c>
      <c r="E126838" s="15">
        <v>45559</v>
      </c>
      <c r="F126838" s="14" t="s">
        <v>15</v>
      </c>
      <c r="G126838" s="16">
        <v>0</v>
      </c>
    </row>
    <row r="126839" spans="1:7" x14ac:dyDescent="0.3">
      <c r="A126839" s="13" t="s">
        <v>584</v>
      </c>
      <c r="B126839" s="14" t="s">
        <v>1</v>
      </c>
      <c r="C126839" s="14" t="s">
        <v>252</v>
      </c>
      <c r="D126839" s="14" t="s">
        <v>39</v>
      </c>
      <c r="E126839" s="15">
        <v>45560</v>
      </c>
      <c r="F126839" s="14" t="s">
        <v>15</v>
      </c>
      <c r="G126839" s="16">
        <v>0</v>
      </c>
    </row>
    <row r="126840" spans="1:7" x14ac:dyDescent="0.3">
      <c r="A126840" s="13" t="s">
        <v>584</v>
      </c>
      <c r="B126840" s="14" t="s">
        <v>1</v>
      </c>
      <c r="C126840" s="14" t="s">
        <v>252</v>
      </c>
      <c r="D126840" s="14" t="s">
        <v>39</v>
      </c>
      <c r="E126840" s="15">
        <v>45561</v>
      </c>
      <c r="F126840" s="14" t="s">
        <v>15</v>
      </c>
      <c r="G126840" s="16">
        <v>0</v>
      </c>
    </row>
    <row r="126841" spans="1:7" x14ac:dyDescent="0.3">
      <c r="A126841" s="13" t="s">
        <v>584</v>
      </c>
      <c r="B126841" s="14" t="s">
        <v>1</v>
      </c>
      <c r="C126841" s="14" t="s">
        <v>252</v>
      </c>
      <c r="D126841" s="14" t="s">
        <v>39</v>
      </c>
      <c r="E126841" s="15">
        <v>45562</v>
      </c>
      <c r="F126841" s="14" t="s">
        <v>15</v>
      </c>
      <c r="G126841" s="16">
        <v>0</v>
      </c>
    </row>
    <row r="126842" spans="1:7" x14ac:dyDescent="0.3">
      <c r="A126842" s="13" t="s">
        <v>584</v>
      </c>
      <c r="B126842" s="14" t="s">
        <v>1</v>
      </c>
      <c r="C126842" s="14" t="s">
        <v>252</v>
      </c>
      <c r="D126842" s="14" t="s">
        <v>39</v>
      </c>
      <c r="E126842" s="15">
        <v>45563</v>
      </c>
      <c r="F126842" s="14" t="s">
        <v>15</v>
      </c>
      <c r="G126842" s="16">
        <v>0</v>
      </c>
    </row>
    <row r="126843" spans="1:7" x14ac:dyDescent="0.3">
      <c r="A126843" s="13" t="s">
        <v>584</v>
      </c>
      <c r="B126843" s="14" t="s">
        <v>1</v>
      </c>
      <c r="C126843" s="14" t="s">
        <v>252</v>
      </c>
      <c r="D126843" s="14" t="s">
        <v>39</v>
      </c>
      <c r="E126843" s="15">
        <v>45564</v>
      </c>
      <c r="F126843" s="14" t="s">
        <v>15</v>
      </c>
      <c r="G126843" s="16">
        <v>0</v>
      </c>
    </row>
    <row r="126844" spans="1:7" x14ac:dyDescent="0.3">
      <c r="A126844" s="13" t="s">
        <v>584</v>
      </c>
      <c r="B126844" s="14" t="s">
        <v>1</v>
      </c>
      <c r="C126844" s="14" t="s">
        <v>252</v>
      </c>
      <c r="D126844" s="14" t="s">
        <v>39</v>
      </c>
      <c r="E126844" s="15">
        <v>45565</v>
      </c>
      <c r="F126844" s="14" t="s">
        <v>15</v>
      </c>
      <c r="G126844" s="16">
        <v>0</v>
      </c>
    </row>
    <row r="126845" spans="1:7" x14ac:dyDescent="0.3">
      <c r="A126845" s="13" t="s">
        <v>584</v>
      </c>
      <c r="B126845" s="14" t="s">
        <v>1</v>
      </c>
      <c r="C126845" s="14" t="s">
        <v>252</v>
      </c>
      <c r="D126845" s="14" t="s">
        <v>39</v>
      </c>
      <c r="E126845" s="15">
        <v>45566</v>
      </c>
      <c r="F126845" s="14" t="s">
        <v>15</v>
      </c>
      <c r="G126845" s="16">
        <v>0</v>
      </c>
    </row>
    <row r="126846" spans="1:7" x14ac:dyDescent="0.3">
      <c r="A126846" s="13" t="s">
        <v>584</v>
      </c>
      <c r="B126846" s="14" t="s">
        <v>1</v>
      </c>
      <c r="C126846" s="14" t="s">
        <v>252</v>
      </c>
      <c r="D126846" s="14" t="s">
        <v>39</v>
      </c>
      <c r="E126846" s="15">
        <v>45567</v>
      </c>
      <c r="F126846" s="14" t="s">
        <v>15</v>
      </c>
      <c r="G126846" s="16">
        <v>0</v>
      </c>
    </row>
    <row r="126847" spans="1:7" x14ac:dyDescent="0.3">
      <c r="A126847" s="13" t="s">
        <v>584</v>
      </c>
      <c r="B126847" s="14" t="s">
        <v>1</v>
      </c>
      <c r="C126847" s="14" t="s">
        <v>252</v>
      </c>
      <c r="D126847" s="14" t="s">
        <v>39</v>
      </c>
      <c r="E126847" s="15">
        <v>45568</v>
      </c>
      <c r="F126847" s="14" t="s">
        <v>15</v>
      </c>
      <c r="G126847" s="16">
        <v>0</v>
      </c>
    </row>
    <row r="126848" spans="1:7" x14ac:dyDescent="0.3">
      <c r="A126848" s="13" t="s">
        <v>584</v>
      </c>
      <c r="B126848" s="14" t="s">
        <v>1</v>
      </c>
      <c r="C126848" s="14" t="s">
        <v>252</v>
      </c>
      <c r="D126848" s="14" t="s">
        <v>39</v>
      </c>
      <c r="E126848" s="15">
        <v>45569</v>
      </c>
      <c r="F126848" s="14" t="s">
        <v>15</v>
      </c>
      <c r="G126848" s="16">
        <v>0</v>
      </c>
    </row>
    <row r="126849" spans="1:7" x14ac:dyDescent="0.3">
      <c r="A126849" s="13" t="s">
        <v>584</v>
      </c>
      <c r="B126849" s="14" t="s">
        <v>1</v>
      </c>
      <c r="C126849" s="14" t="s">
        <v>252</v>
      </c>
      <c r="D126849" s="14" t="s">
        <v>39</v>
      </c>
      <c r="E126849" s="15">
        <v>45570</v>
      </c>
      <c r="F126849" s="14" t="s">
        <v>15</v>
      </c>
      <c r="G126849" s="16">
        <v>0</v>
      </c>
    </row>
    <row r="126850" spans="1:7" x14ac:dyDescent="0.3">
      <c r="A126850" s="13" t="s">
        <v>584</v>
      </c>
      <c r="B126850" s="14" t="s">
        <v>1</v>
      </c>
      <c r="C126850" s="14" t="s">
        <v>252</v>
      </c>
      <c r="D126850" s="14" t="s">
        <v>39</v>
      </c>
      <c r="E126850" s="15">
        <v>45571</v>
      </c>
      <c r="F126850" s="14" t="s">
        <v>15</v>
      </c>
      <c r="G126850" s="16">
        <v>0</v>
      </c>
    </row>
    <row r="126851" spans="1:7" x14ac:dyDescent="0.3">
      <c r="A126851" s="13" t="s">
        <v>584</v>
      </c>
      <c r="B126851" s="14" t="s">
        <v>1</v>
      </c>
      <c r="C126851" s="14" t="s">
        <v>252</v>
      </c>
      <c r="D126851" s="14" t="s">
        <v>39</v>
      </c>
      <c r="E126851" s="15">
        <v>45572</v>
      </c>
      <c r="F126851" s="14" t="s">
        <v>15</v>
      </c>
      <c r="G126851" s="16">
        <v>0</v>
      </c>
    </row>
    <row r="126852" spans="1:7" x14ac:dyDescent="0.3">
      <c r="A126852" s="13" t="s">
        <v>584</v>
      </c>
      <c r="B126852" s="14" t="s">
        <v>1</v>
      </c>
      <c r="C126852" s="14" t="s">
        <v>252</v>
      </c>
      <c r="D126852" s="14" t="s">
        <v>39</v>
      </c>
      <c r="E126852" s="15">
        <v>45573</v>
      </c>
      <c r="F126852" s="14" t="s">
        <v>15</v>
      </c>
      <c r="G126852" s="16">
        <v>0</v>
      </c>
    </row>
    <row r="126853" spans="1:7" x14ac:dyDescent="0.3">
      <c r="A126853" s="13" t="s">
        <v>584</v>
      </c>
      <c r="B126853" s="14" t="s">
        <v>1</v>
      </c>
      <c r="C126853" s="14" t="s">
        <v>252</v>
      </c>
      <c r="D126853" s="14" t="s">
        <v>39</v>
      </c>
      <c r="E126853" s="15">
        <v>45574</v>
      </c>
      <c r="F126853" s="14" t="s">
        <v>15</v>
      </c>
      <c r="G126853" s="16">
        <v>0</v>
      </c>
    </row>
    <row r="126854" spans="1:7" x14ac:dyDescent="0.3">
      <c r="A126854" s="13" t="s">
        <v>584</v>
      </c>
      <c r="B126854" s="14" t="s">
        <v>1</v>
      </c>
      <c r="C126854" s="14" t="s">
        <v>252</v>
      </c>
      <c r="D126854" s="14" t="s">
        <v>39</v>
      </c>
      <c r="E126854" s="15">
        <v>45575</v>
      </c>
      <c r="F126854" s="14" t="s">
        <v>15</v>
      </c>
      <c r="G126854" s="16">
        <v>0</v>
      </c>
    </row>
    <row r="126855" spans="1:7" x14ac:dyDescent="0.3">
      <c r="A126855" s="13" t="s">
        <v>584</v>
      </c>
      <c r="B126855" s="14" t="s">
        <v>1</v>
      </c>
      <c r="C126855" s="14" t="s">
        <v>252</v>
      </c>
      <c r="D126855" s="14" t="s">
        <v>39</v>
      </c>
      <c r="E126855" s="15">
        <v>45576</v>
      </c>
      <c r="F126855" s="14" t="s">
        <v>15</v>
      </c>
      <c r="G126855" s="16">
        <v>0</v>
      </c>
    </row>
    <row r="126856" spans="1:7" x14ac:dyDescent="0.3">
      <c r="A126856" s="13" t="s">
        <v>584</v>
      </c>
      <c r="B126856" s="14" t="s">
        <v>1</v>
      </c>
      <c r="C126856" s="14" t="s">
        <v>252</v>
      </c>
      <c r="D126856" s="14" t="s">
        <v>39</v>
      </c>
      <c r="E126856" s="15">
        <v>45577</v>
      </c>
      <c r="F126856" s="14" t="s">
        <v>15</v>
      </c>
      <c r="G126856" s="16">
        <v>0</v>
      </c>
    </row>
    <row r="126857" spans="1:7" x14ac:dyDescent="0.3">
      <c r="A126857" s="13" t="s">
        <v>584</v>
      </c>
      <c r="B126857" s="14" t="s">
        <v>1</v>
      </c>
      <c r="C126857" s="14" t="s">
        <v>252</v>
      </c>
      <c r="D126857" s="14" t="s">
        <v>39</v>
      </c>
      <c r="E126857" s="15">
        <v>45578</v>
      </c>
      <c r="F126857" s="14" t="s">
        <v>15</v>
      </c>
      <c r="G126857" s="16">
        <v>0</v>
      </c>
    </row>
    <row r="126858" spans="1:7" x14ac:dyDescent="0.3">
      <c r="A126858" s="13" t="s">
        <v>584</v>
      </c>
      <c r="B126858" s="14" t="s">
        <v>1</v>
      </c>
      <c r="C126858" s="14" t="s">
        <v>252</v>
      </c>
      <c r="D126858" s="14" t="s">
        <v>39</v>
      </c>
      <c r="E126858" s="15">
        <v>45579</v>
      </c>
      <c r="F126858" s="14" t="s">
        <v>15</v>
      </c>
      <c r="G126858" s="16">
        <v>0</v>
      </c>
    </row>
    <row r="126859" spans="1:7" x14ac:dyDescent="0.3">
      <c r="A126859" s="13" t="s">
        <v>584</v>
      </c>
      <c r="B126859" s="14" t="s">
        <v>1</v>
      </c>
      <c r="C126859" s="14" t="s">
        <v>252</v>
      </c>
      <c r="D126859" s="14" t="s">
        <v>39</v>
      </c>
      <c r="E126859" s="15">
        <v>45580</v>
      </c>
      <c r="F126859" s="14" t="s">
        <v>15</v>
      </c>
      <c r="G126859" s="16">
        <v>0</v>
      </c>
    </row>
    <row r="126860" spans="1:7" x14ac:dyDescent="0.3">
      <c r="A126860" s="13" t="s">
        <v>584</v>
      </c>
      <c r="B126860" s="14" t="s">
        <v>1</v>
      </c>
      <c r="C126860" s="14" t="s">
        <v>252</v>
      </c>
      <c r="D126860" s="14" t="s">
        <v>39</v>
      </c>
      <c r="E126860" s="15">
        <v>45581</v>
      </c>
      <c r="F126860" s="14" t="s">
        <v>15</v>
      </c>
      <c r="G126860" s="16">
        <v>0</v>
      </c>
    </row>
    <row r="126861" spans="1:7" x14ac:dyDescent="0.3">
      <c r="A126861" s="13" t="s">
        <v>584</v>
      </c>
      <c r="B126861" s="14" t="s">
        <v>1</v>
      </c>
      <c r="C126861" s="14" t="s">
        <v>252</v>
      </c>
      <c r="D126861" s="14" t="s">
        <v>39</v>
      </c>
      <c r="E126861" s="15">
        <v>45582</v>
      </c>
      <c r="F126861" s="14" t="s">
        <v>15</v>
      </c>
      <c r="G126861" s="16">
        <v>0</v>
      </c>
    </row>
    <row r="126862" spans="1:7" x14ac:dyDescent="0.3">
      <c r="A126862" s="13" t="s">
        <v>584</v>
      </c>
      <c r="B126862" s="14" t="s">
        <v>1</v>
      </c>
      <c r="C126862" s="14" t="s">
        <v>252</v>
      </c>
      <c r="D126862" s="14" t="s">
        <v>39</v>
      </c>
      <c r="E126862" s="15">
        <v>45583</v>
      </c>
      <c r="F126862" s="14" t="s">
        <v>15</v>
      </c>
      <c r="G126862" s="16">
        <v>0</v>
      </c>
    </row>
    <row r="126863" spans="1:7" x14ac:dyDescent="0.3">
      <c r="A126863" s="13" t="s">
        <v>584</v>
      </c>
      <c r="B126863" s="14" t="s">
        <v>1</v>
      </c>
      <c r="C126863" s="14" t="s">
        <v>252</v>
      </c>
      <c r="D126863" s="14" t="s">
        <v>39</v>
      </c>
      <c r="E126863" s="15">
        <v>45584</v>
      </c>
      <c r="F126863" s="14" t="s">
        <v>15</v>
      </c>
      <c r="G126863" s="16">
        <v>0</v>
      </c>
    </row>
    <row r="126864" spans="1:7" x14ac:dyDescent="0.3">
      <c r="A126864" s="13" t="s">
        <v>584</v>
      </c>
      <c r="B126864" s="14" t="s">
        <v>1</v>
      </c>
      <c r="C126864" s="14" t="s">
        <v>252</v>
      </c>
      <c r="D126864" s="14" t="s">
        <v>39</v>
      </c>
      <c r="E126864" s="15">
        <v>45585</v>
      </c>
      <c r="F126864" s="14" t="s">
        <v>15</v>
      </c>
      <c r="G126864" s="16">
        <v>0</v>
      </c>
    </row>
    <row r="126865" spans="1:7" x14ac:dyDescent="0.3">
      <c r="A126865" s="13" t="s">
        <v>584</v>
      </c>
      <c r="B126865" s="14" t="s">
        <v>1</v>
      </c>
      <c r="C126865" s="14" t="s">
        <v>252</v>
      </c>
      <c r="D126865" s="14" t="s">
        <v>39</v>
      </c>
      <c r="E126865" s="15">
        <v>45586</v>
      </c>
      <c r="F126865" s="14" t="s">
        <v>15</v>
      </c>
      <c r="G126865" s="16">
        <v>0</v>
      </c>
    </row>
    <row r="126866" spans="1:7" x14ac:dyDescent="0.3">
      <c r="A126866" s="13" t="s">
        <v>584</v>
      </c>
      <c r="B126866" s="14" t="s">
        <v>1</v>
      </c>
      <c r="C126866" s="14" t="s">
        <v>252</v>
      </c>
      <c r="D126866" s="14" t="s">
        <v>39</v>
      </c>
      <c r="E126866" s="15">
        <v>45587</v>
      </c>
      <c r="F126866" s="14" t="s">
        <v>15</v>
      </c>
      <c r="G126866" s="16">
        <v>0</v>
      </c>
    </row>
    <row r="126867" spans="1:7" x14ac:dyDescent="0.3">
      <c r="A126867" s="13" t="s">
        <v>584</v>
      </c>
      <c r="B126867" s="14" t="s">
        <v>1</v>
      </c>
      <c r="C126867" s="14" t="s">
        <v>252</v>
      </c>
      <c r="D126867" s="14" t="s">
        <v>39</v>
      </c>
      <c r="E126867" s="15">
        <v>45588</v>
      </c>
      <c r="F126867" s="14" t="s">
        <v>15</v>
      </c>
      <c r="G126867" s="16">
        <v>0</v>
      </c>
    </row>
    <row r="126868" spans="1:7" x14ac:dyDescent="0.3">
      <c r="A126868" s="13" t="s">
        <v>584</v>
      </c>
      <c r="B126868" s="14" t="s">
        <v>1</v>
      </c>
      <c r="C126868" s="14" t="s">
        <v>252</v>
      </c>
      <c r="D126868" s="14" t="s">
        <v>39</v>
      </c>
      <c r="E126868" s="15">
        <v>45589</v>
      </c>
      <c r="F126868" s="14" t="s">
        <v>15</v>
      </c>
      <c r="G126868" s="16">
        <v>0</v>
      </c>
    </row>
    <row r="126869" spans="1:7" x14ac:dyDescent="0.3">
      <c r="A126869" s="13" t="s">
        <v>584</v>
      </c>
      <c r="B126869" s="14" t="s">
        <v>1</v>
      </c>
      <c r="C126869" s="14" t="s">
        <v>252</v>
      </c>
      <c r="D126869" s="14" t="s">
        <v>39</v>
      </c>
      <c r="E126869" s="15">
        <v>45590</v>
      </c>
      <c r="F126869" s="14" t="s">
        <v>15</v>
      </c>
      <c r="G126869" s="16">
        <v>0</v>
      </c>
    </row>
    <row r="126870" spans="1:7" x14ac:dyDescent="0.3">
      <c r="A126870" s="13" t="s">
        <v>584</v>
      </c>
      <c r="B126870" s="14" t="s">
        <v>1</v>
      </c>
      <c r="C126870" s="14" t="s">
        <v>252</v>
      </c>
      <c r="D126870" s="14" t="s">
        <v>39</v>
      </c>
      <c r="E126870" s="15">
        <v>45591</v>
      </c>
      <c r="F126870" s="14" t="s">
        <v>15</v>
      </c>
      <c r="G126870" s="16">
        <v>0</v>
      </c>
    </row>
    <row r="126871" spans="1:7" x14ac:dyDescent="0.3">
      <c r="A126871" s="13" t="s">
        <v>584</v>
      </c>
      <c r="B126871" s="14" t="s">
        <v>1</v>
      </c>
      <c r="C126871" s="14" t="s">
        <v>252</v>
      </c>
      <c r="D126871" s="14" t="s">
        <v>39</v>
      </c>
      <c r="E126871" s="15">
        <v>45592</v>
      </c>
      <c r="F126871" s="14" t="s">
        <v>15</v>
      </c>
      <c r="G126871" s="16">
        <v>0</v>
      </c>
    </row>
    <row r="126872" spans="1:7" x14ac:dyDescent="0.3">
      <c r="A126872" s="13" t="s">
        <v>584</v>
      </c>
      <c r="B126872" s="14" t="s">
        <v>1</v>
      </c>
      <c r="C126872" s="14" t="s">
        <v>252</v>
      </c>
      <c r="D126872" s="14" t="s">
        <v>39</v>
      </c>
      <c r="E126872" s="15">
        <v>45593</v>
      </c>
      <c r="F126872" s="14" t="s">
        <v>15</v>
      </c>
      <c r="G126872" s="16">
        <v>0</v>
      </c>
    </row>
    <row r="126873" spans="1:7" x14ac:dyDescent="0.3">
      <c r="A126873" s="13" t="s">
        <v>584</v>
      </c>
      <c r="B126873" s="14" t="s">
        <v>1</v>
      </c>
      <c r="C126873" s="14" t="s">
        <v>252</v>
      </c>
      <c r="D126873" s="14" t="s">
        <v>39</v>
      </c>
      <c r="E126873" s="15">
        <v>45594</v>
      </c>
      <c r="F126873" s="14" t="s">
        <v>15</v>
      </c>
      <c r="G126873" s="16">
        <v>0</v>
      </c>
    </row>
    <row r="126874" spans="1:7" x14ac:dyDescent="0.3">
      <c r="A126874" s="13" t="s">
        <v>584</v>
      </c>
      <c r="B126874" s="14" t="s">
        <v>1</v>
      </c>
      <c r="C126874" s="14" t="s">
        <v>252</v>
      </c>
      <c r="D126874" s="14" t="s">
        <v>39</v>
      </c>
      <c r="E126874" s="15">
        <v>45595</v>
      </c>
      <c r="F126874" s="14" t="s">
        <v>15</v>
      </c>
      <c r="G126874" s="16">
        <v>0</v>
      </c>
    </row>
    <row r="126875" spans="1:7" x14ac:dyDescent="0.3">
      <c r="A126875" s="13" t="s">
        <v>584</v>
      </c>
      <c r="B126875" s="14" t="s">
        <v>1</v>
      </c>
      <c r="C126875" s="14" t="s">
        <v>252</v>
      </c>
      <c r="D126875" s="14" t="s">
        <v>39</v>
      </c>
      <c r="E126875" s="15">
        <v>45596</v>
      </c>
      <c r="F126875" s="14" t="s">
        <v>15</v>
      </c>
      <c r="G126875" s="16">
        <v>0</v>
      </c>
    </row>
    <row r="126876" spans="1:7" x14ac:dyDescent="0.3">
      <c r="A126876" s="13" t="s">
        <v>584</v>
      </c>
      <c r="B126876" s="14" t="s">
        <v>1</v>
      </c>
      <c r="C126876" s="14" t="s">
        <v>252</v>
      </c>
      <c r="D126876" s="14" t="s">
        <v>39</v>
      </c>
      <c r="E126876" s="15">
        <v>45597</v>
      </c>
      <c r="F126876" s="14" t="s">
        <v>15</v>
      </c>
      <c r="G126876" s="16">
        <v>0</v>
      </c>
    </row>
    <row r="126877" spans="1:7" x14ac:dyDescent="0.3">
      <c r="A126877" s="13" t="s">
        <v>584</v>
      </c>
      <c r="B126877" s="14" t="s">
        <v>1</v>
      </c>
      <c r="C126877" s="14" t="s">
        <v>252</v>
      </c>
      <c r="D126877" s="14" t="s">
        <v>39</v>
      </c>
      <c r="E126877" s="15">
        <v>45598</v>
      </c>
      <c r="F126877" s="14" t="s">
        <v>15</v>
      </c>
      <c r="G126877" s="16">
        <v>0</v>
      </c>
    </row>
    <row r="126878" spans="1:7" x14ac:dyDescent="0.3">
      <c r="A126878" s="13" t="s">
        <v>584</v>
      </c>
      <c r="B126878" s="14" t="s">
        <v>1</v>
      </c>
      <c r="C126878" s="14" t="s">
        <v>252</v>
      </c>
      <c r="D126878" s="14" t="s">
        <v>39</v>
      </c>
      <c r="E126878" s="15">
        <v>45599</v>
      </c>
      <c r="F126878" s="14" t="s">
        <v>15</v>
      </c>
      <c r="G126878" s="16">
        <v>0</v>
      </c>
    </row>
    <row r="126879" spans="1:7" x14ac:dyDescent="0.3">
      <c r="A126879" s="13" t="s">
        <v>584</v>
      </c>
      <c r="B126879" s="14" t="s">
        <v>1</v>
      </c>
      <c r="C126879" s="14" t="s">
        <v>252</v>
      </c>
      <c r="D126879" s="14" t="s">
        <v>39</v>
      </c>
      <c r="E126879" s="15">
        <v>45600</v>
      </c>
      <c r="F126879" s="14" t="s">
        <v>15</v>
      </c>
      <c r="G126879" s="16">
        <v>0</v>
      </c>
    </row>
    <row r="126880" spans="1:7" x14ac:dyDescent="0.3">
      <c r="A126880" s="13" t="s">
        <v>584</v>
      </c>
      <c r="B126880" s="14" t="s">
        <v>1</v>
      </c>
      <c r="C126880" s="14" t="s">
        <v>252</v>
      </c>
      <c r="D126880" s="14" t="s">
        <v>39</v>
      </c>
      <c r="E126880" s="15">
        <v>45601</v>
      </c>
      <c r="F126880" s="14" t="s">
        <v>15</v>
      </c>
      <c r="G126880" s="16">
        <v>0</v>
      </c>
    </row>
    <row r="126881" spans="1:7" x14ac:dyDescent="0.3">
      <c r="A126881" s="13" t="s">
        <v>584</v>
      </c>
      <c r="B126881" s="14" t="s">
        <v>1</v>
      </c>
      <c r="C126881" s="14" t="s">
        <v>252</v>
      </c>
      <c r="D126881" s="14" t="s">
        <v>39</v>
      </c>
      <c r="E126881" s="15">
        <v>45602</v>
      </c>
      <c r="F126881" s="14" t="s">
        <v>15</v>
      </c>
      <c r="G126881" s="16">
        <v>0</v>
      </c>
    </row>
    <row r="126882" spans="1:7" x14ac:dyDescent="0.3">
      <c r="A126882" s="13" t="s">
        <v>584</v>
      </c>
      <c r="B126882" s="14" t="s">
        <v>1</v>
      </c>
      <c r="C126882" s="14" t="s">
        <v>252</v>
      </c>
      <c r="D126882" s="14" t="s">
        <v>39</v>
      </c>
      <c r="E126882" s="15">
        <v>45603</v>
      </c>
      <c r="F126882" s="14" t="s">
        <v>15</v>
      </c>
      <c r="G126882" s="16">
        <v>0</v>
      </c>
    </row>
    <row r="126883" spans="1:7" x14ac:dyDescent="0.3">
      <c r="A126883" s="13" t="s">
        <v>584</v>
      </c>
      <c r="B126883" s="14" t="s">
        <v>1</v>
      </c>
      <c r="C126883" s="14" t="s">
        <v>252</v>
      </c>
      <c r="D126883" s="14" t="s">
        <v>39</v>
      </c>
      <c r="E126883" s="15">
        <v>45604</v>
      </c>
      <c r="F126883" s="14" t="s">
        <v>15</v>
      </c>
      <c r="G126883" s="16">
        <v>0</v>
      </c>
    </row>
    <row r="126884" spans="1:7" x14ac:dyDescent="0.3">
      <c r="A126884" s="13" t="s">
        <v>584</v>
      </c>
      <c r="B126884" s="14" t="s">
        <v>1</v>
      </c>
      <c r="C126884" s="14" t="s">
        <v>252</v>
      </c>
      <c r="D126884" s="14" t="s">
        <v>39</v>
      </c>
      <c r="E126884" s="15">
        <v>45605</v>
      </c>
      <c r="F126884" s="14" t="s">
        <v>15</v>
      </c>
      <c r="G126884" s="16">
        <v>0</v>
      </c>
    </row>
    <row r="126885" spans="1:7" x14ac:dyDescent="0.3">
      <c r="A126885" s="13" t="s">
        <v>584</v>
      </c>
      <c r="B126885" s="14" t="s">
        <v>1</v>
      </c>
      <c r="C126885" s="14" t="s">
        <v>252</v>
      </c>
      <c r="D126885" s="14" t="s">
        <v>39</v>
      </c>
      <c r="E126885" s="15">
        <v>45606</v>
      </c>
      <c r="F126885" s="14" t="s">
        <v>15</v>
      </c>
      <c r="G126885" s="16">
        <v>0</v>
      </c>
    </row>
    <row r="126886" spans="1:7" x14ac:dyDescent="0.3">
      <c r="A126886" s="13" t="s">
        <v>584</v>
      </c>
      <c r="B126886" s="14" t="s">
        <v>1</v>
      </c>
      <c r="C126886" s="14" t="s">
        <v>252</v>
      </c>
      <c r="D126886" s="14" t="s">
        <v>39</v>
      </c>
      <c r="E126886" s="15">
        <v>45607</v>
      </c>
      <c r="F126886" s="14" t="s">
        <v>15</v>
      </c>
      <c r="G126886" s="16">
        <v>0</v>
      </c>
    </row>
    <row r="126887" spans="1:7" x14ac:dyDescent="0.3">
      <c r="A126887" s="13" t="s">
        <v>584</v>
      </c>
      <c r="B126887" s="14" t="s">
        <v>1</v>
      </c>
      <c r="C126887" s="14" t="s">
        <v>252</v>
      </c>
      <c r="D126887" s="14" t="s">
        <v>39</v>
      </c>
      <c r="E126887" s="15">
        <v>45608</v>
      </c>
      <c r="F126887" s="14" t="s">
        <v>15</v>
      </c>
      <c r="G126887" s="16">
        <v>0</v>
      </c>
    </row>
    <row r="126888" spans="1:7" x14ac:dyDescent="0.3">
      <c r="A126888" s="13" t="s">
        <v>584</v>
      </c>
      <c r="B126888" s="14" t="s">
        <v>1</v>
      </c>
      <c r="C126888" s="14" t="s">
        <v>252</v>
      </c>
      <c r="D126888" s="14" t="s">
        <v>39</v>
      </c>
      <c r="E126888" s="15">
        <v>45609</v>
      </c>
      <c r="F126888" s="14" t="s">
        <v>15</v>
      </c>
      <c r="G126888" s="16">
        <v>0</v>
      </c>
    </row>
    <row r="126889" spans="1:7" x14ac:dyDescent="0.3">
      <c r="A126889" s="13" t="s">
        <v>584</v>
      </c>
      <c r="B126889" s="14" t="s">
        <v>1</v>
      </c>
      <c r="C126889" s="14" t="s">
        <v>252</v>
      </c>
      <c r="D126889" s="14" t="s">
        <v>39</v>
      </c>
      <c r="E126889" s="15">
        <v>45610</v>
      </c>
      <c r="F126889" s="14" t="s">
        <v>15</v>
      </c>
      <c r="G126889" s="16">
        <v>0</v>
      </c>
    </row>
    <row r="126890" spans="1:7" x14ac:dyDescent="0.3">
      <c r="A126890" s="13" t="s">
        <v>584</v>
      </c>
      <c r="B126890" s="14" t="s">
        <v>1</v>
      </c>
      <c r="C126890" s="14" t="s">
        <v>252</v>
      </c>
      <c r="D126890" s="14" t="s">
        <v>39</v>
      </c>
      <c r="E126890" s="15">
        <v>45611</v>
      </c>
      <c r="F126890" s="14" t="s">
        <v>15</v>
      </c>
      <c r="G126890" s="16">
        <v>0</v>
      </c>
    </row>
    <row r="126891" spans="1:7" x14ac:dyDescent="0.3">
      <c r="A126891" s="13" t="s">
        <v>584</v>
      </c>
      <c r="B126891" s="14" t="s">
        <v>1</v>
      </c>
      <c r="C126891" s="14" t="s">
        <v>252</v>
      </c>
      <c r="D126891" s="14" t="s">
        <v>39</v>
      </c>
      <c r="E126891" s="15">
        <v>45612</v>
      </c>
      <c r="F126891" s="14" t="s">
        <v>15</v>
      </c>
      <c r="G126891" s="16">
        <v>0</v>
      </c>
    </row>
    <row r="126892" spans="1:7" x14ac:dyDescent="0.3">
      <c r="A126892" s="13" t="s">
        <v>584</v>
      </c>
      <c r="B126892" s="14" t="s">
        <v>1</v>
      </c>
      <c r="C126892" s="14" t="s">
        <v>252</v>
      </c>
      <c r="D126892" s="14" t="s">
        <v>39</v>
      </c>
      <c r="E126892" s="15">
        <v>45613</v>
      </c>
      <c r="F126892" s="14" t="s">
        <v>15</v>
      </c>
      <c r="G126892" s="16">
        <v>0</v>
      </c>
    </row>
    <row r="126893" spans="1:7" x14ac:dyDescent="0.3">
      <c r="A126893" s="13" t="s">
        <v>584</v>
      </c>
      <c r="B126893" s="14" t="s">
        <v>1</v>
      </c>
      <c r="C126893" s="14" t="s">
        <v>252</v>
      </c>
      <c r="D126893" s="14" t="s">
        <v>39</v>
      </c>
      <c r="E126893" s="15">
        <v>45614</v>
      </c>
      <c r="F126893" s="14" t="s">
        <v>15</v>
      </c>
      <c r="G126893" s="16">
        <v>0</v>
      </c>
    </row>
    <row r="126894" spans="1:7" x14ac:dyDescent="0.3">
      <c r="A126894" s="13" t="s">
        <v>584</v>
      </c>
      <c r="B126894" s="14" t="s">
        <v>1</v>
      </c>
      <c r="C126894" s="14" t="s">
        <v>252</v>
      </c>
      <c r="D126894" s="14" t="s">
        <v>39</v>
      </c>
      <c r="E126894" s="15">
        <v>45615</v>
      </c>
      <c r="F126894" s="14" t="s">
        <v>15</v>
      </c>
      <c r="G126894" s="16">
        <v>0</v>
      </c>
    </row>
    <row r="126895" spans="1:7" x14ac:dyDescent="0.3">
      <c r="A126895" s="13" t="s">
        <v>584</v>
      </c>
      <c r="B126895" s="14" t="s">
        <v>1</v>
      </c>
      <c r="C126895" s="14" t="s">
        <v>252</v>
      </c>
      <c r="D126895" s="14" t="s">
        <v>39</v>
      </c>
      <c r="E126895" s="15">
        <v>45616</v>
      </c>
      <c r="F126895" s="14" t="s">
        <v>15</v>
      </c>
      <c r="G126895" s="16">
        <v>0</v>
      </c>
    </row>
    <row r="126896" spans="1:7" x14ac:dyDescent="0.3">
      <c r="A126896" s="13" t="s">
        <v>584</v>
      </c>
      <c r="B126896" s="14" t="s">
        <v>1</v>
      </c>
      <c r="C126896" s="14" t="s">
        <v>252</v>
      </c>
      <c r="D126896" s="14" t="s">
        <v>39</v>
      </c>
      <c r="E126896" s="15">
        <v>45617</v>
      </c>
      <c r="F126896" s="14" t="s">
        <v>15</v>
      </c>
      <c r="G126896" s="16">
        <v>0</v>
      </c>
    </row>
    <row r="126897" spans="1:7" x14ac:dyDescent="0.3">
      <c r="A126897" s="13" t="s">
        <v>584</v>
      </c>
      <c r="B126897" s="14" t="s">
        <v>1</v>
      </c>
      <c r="C126897" s="14" t="s">
        <v>252</v>
      </c>
      <c r="D126897" s="14" t="s">
        <v>39</v>
      </c>
      <c r="E126897" s="15">
        <v>45618</v>
      </c>
      <c r="F126897" s="14" t="s">
        <v>15</v>
      </c>
      <c r="G126897" s="16">
        <v>0</v>
      </c>
    </row>
    <row r="126898" spans="1:7" x14ac:dyDescent="0.3">
      <c r="A126898" s="13" t="s">
        <v>584</v>
      </c>
      <c r="B126898" s="14" t="s">
        <v>1</v>
      </c>
      <c r="C126898" s="14" t="s">
        <v>252</v>
      </c>
      <c r="D126898" s="14" t="s">
        <v>39</v>
      </c>
      <c r="E126898" s="15">
        <v>45619</v>
      </c>
      <c r="F126898" s="14" t="s">
        <v>15</v>
      </c>
      <c r="G126898" s="16">
        <v>0</v>
      </c>
    </row>
    <row r="126899" spans="1:7" x14ac:dyDescent="0.3">
      <c r="A126899" s="13" t="s">
        <v>584</v>
      </c>
      <c r="B126899" s="14" t="s">
        <v>1</v>
      </c>
      <c r="C126899" s="14" t="s">
        <v>252</v>
      </c>
      <c r="D126899" s="14" t="s">
        <v>39</v>
      </c>
      <c r="E126899" s="15">
        <v>45620</v>
      </c>
      <c r="F126899" s="14" t="s">
        <v>15</v>
      </c>
      <c r="G126899" s="16">
        <v>0</v>
      </c>
    </row>
    <row r="126900" spans="1:7" x14ac:dyDescent="0.3">
      <c r="A126900" s="13" t="s">
        <v>584</v>
      </c>
      <c r="B126900" s="14" t="s">
        <v>1</v>
      </c>
      <c r="C126900" s="14" t="s">
        <v>252</v>
      </c>
      <c r="D126900" s="14" t="s">
        <v>39</v>
      </c>
      <c r="E126900" s="15">
        <v>45621</v>
      </c>
      <c r="F126900" s="14" t="s">
        <v>15</v>
      </c>
      <c r="G126900" s="16">
        <v>0</v>
      </c>
    </row>
    <row r="126901" spans="1:7" x14ac:dyDescent="0.3">
      <c r="A126901" s="13" t="s">
        <v>584</v>
      </c>
      <c r="B126901" s="14" t="s">
        <v>1</v>
      </c>
      <c r="C126901" s="14" t="s">
        <v>252</v>
      </c>
      <c r="D126901" s="14" t="s">
        <v>39</v>
      </c>
      <c r="E126901" s="15">
        <v>45622</v>
      </c>
      <c r="F126901" s="14" t="s">
        <v>15</v>
      </c>
      <c r="G126901" s="16">
        <v>0</v>
      </c>
    </row>
    <row r="126902" spans="1:7" x14ac:dyDescent="0.3">
      <c r="A126902" s="13" t="s">
        <v>584</v>
      </c>
      <c r="B126902" s="14" t="s">
        <v>1</v>
      </c>
      <c r="C126902" s="14" t="s">
        <v>252</v>
      </c>
      <c r="D126902" s="14" t="s">
        <v>39</v>
      </c>
      <c r="E126902" s="15">
        <v>45623</v>
      </c>
      <c r="F126902" s="14" t="s">
        <v>15</v>
      </c>
      <c r="G126902" s="16">
        <v>0</v>
      </c>
    </row>
    <row r="126903" spans="1:7" x14ac:dyDescent="0.3">
      <c r="A126903" s="13" t="s">
        <v>584</v>
      </c>
      <c r="B126903" s="14" t="s">
        <v>1</v>
      </c>
      <c r="C126903" s="14" t="s">
        <v>252</v>
      </c>
      <c r="D126903" s="14" t="s">
        <v>39</v>
      </c>
      <c r="E126903" s="15">
        <v>45624</v>
      </c>
      <c r="F126903" s="14" t="s">
        <v>15</v>
      </c>
      <c r="G126903" s="16">
        <v>0</v>
      </c>
    </row>
    <row r="126904" spans="1:7" x14ac:dyDescent="0.3">
      <c r="A126904" s="13" t="s">
        <v>584</v>
      </c>
      <c r="B126904" s="14" t="s">
        <v>1</v>
      </c>
      <c r="C126904" s="14" t="s">
        <v>252</v>
      </c>
      <c r="D126904" s="14" t="s">
        <v>39</v>
      </c>
      <c r="E126904" s="15">
        <v>45625</v>
      </c>
      <c r="F126904" s="14" t="s">
        <v>15</v>
      </c>
      <c r="G126904" s="16">
        <v>0</v>
      </c>
    </row>
    <row r="126905" spans="1:7" x14ac:dyDescent="0.3">
      <c r="A126905" s="13" t="s">
        <v>584</v>
      </c>
      <c r="B126905" s="14" t="s">
        <v>1</v>
      </c>
      <c r="C126905" s="14" t="s">
        <v>252</v>
      </c>
      <c r="D126905" s="14" t="s">
        <v>39</v>
      </c>
      <c r="E126905" s="15">
        <v>45626</v>
      </c>
      <c r="F126905" s="14" t="s">
        <v>15</v>
      </c>
      <c r="G126905" s="16">
        <v>0</v>
      </c>
    </row>
    <row r="126906" spans="1:7" x14ac:dyDescent="0.3">
      <c r="A126906" s="13" t="s">
        <v>584</v>
      </c>
      <c r="B126906" s="14" t="s">
        <v>1</v>
      </c>
      <c r="C126906" s="14" t="s">
        <v>252</v>
      </c>
      <c r="D126906" s="14" t="s">
        <v>39</v>
      </c>
      <c r="E126906" s="15">
        <v>45627</v>
      </c>
      <c r="F126906" s="14" t="s">
        <v>15</v>
      </c>
      <c r="G126906" s="16">
        <v>0</v>
      </c>
    </row>
    <row r="126907" spans="1:7" x14ac:dyDescent="0.3">
      <c r="A126907" s="13" t="s">
        <v>584</v>
      </c>
      <c r="B126907" s="14" t="s">
        <v>1</v>
      </c>
      <c r="C126907" s="14" t="s">
        <v>252</v>
      </c>
      <c r="D126907" s="14" t="s">
        <v>39</v>
      </c>
      <c r="E126907" s="15">
        <v>45628</v>
      </c>
      <c r="F126907" s="14" t="s">
        <v>15</v>
      </c>
      <c r="G126907" s="16">
        <v>0</v>
      </c>
    </row>
    <row r="126908" spans="1:7" x14ac:dyDescent="0.3">
      <c r="A126908" s="13" t="s">
        <v>584</v>
      </c>
      <c r="B126908" s="14" t="s">
        <v>1</v>
      </c>
      <c r="C126908" s="14" t="s">
        <v>252</v>
      </c>
      <c r="D126908" s="14" t="s">
        <v>39</v>
      </c>
      <c r="E126908" s="15">
        <v>45629</v>
      </c>
      <c r="F126908" s="14" t="s">
        <v>15</v>
      </c>
      <c r="G126908" s="16">
        <v>0</v>
      </c>
    </row>
    <row r="126909" spans="1:7" x14ac:dyDescent="0.3">
      <c r="A126909" s="13" t="s">
        <v>584</v>
      </c>
      <c r="B126909" s="14" t="s">
        <v>1</v>
      </c>
      <c r="C126909" s="14" t="s">
        <v>252</v>
      </c>
      <c r="D126909" s="14" t="s">
        <v>39</v>
      </c>
      <c r="E126909" s="15">
        <v>45630</v>
      </c>
      <c r="F126909" s="14" t="s">
        <v>15</v>
      </c>
      <c r="G126909" s="16">
        <v>0</v>
      </c>
    </row>
    <row r="126910" spans="1:7" x14ac:dyDescent="0.3">
      <c r="A126910" s="13" t="s">
        <v>584</v>
      </c>
      <c r="B126910" s="14" t="s">
        <v>1</v>
      </c>
      <c r="C126910" s="14" t="s">
        <v>252</v>
      </c>
      <c r="D126910" s="14" t="s">
        <v>39</v>
      </c>
      <c r="E126910" s="15">
        <v>45631</v>
      </c>
      <c r="F126910" s="14" t="s">
        <v>15</v>
      </c>
      <c r="G126910" s="16">
        <v>0</v>
      </c>
    </row>
    <row r="126911" spans="1:7" x14ac:dyDescent="0.3">
      <c r="A126911" s="13" t="s">
        <v>584</v>
      </c>
      <c r="B126911" s="14" t="s">
        <v>1</v>
      </c>
      <c r="C126911" s="14" t="s">
        <v>252</v>
      </c>
      <c r="D126911" s="14" t="s">
        <v>39</v>
      </c>
      <c r="E126911" s="15">
        <v>45632</v>
      </c>
      <c r="F126911" s="14" t="s">
        <v>15</v>
      </c>
      <c r="G126911" s="16">
        <v>0</v>
      </c>
    </row>
    <row r="126912" spans="1:7" x14ac:dyDescent="0.3">
      <c r="A126912" s="13" t="s">
        <v>584</v>
      </c>
      <c r="B126912" s="14" t="s">
        <v>1</v>
      </c>
      <c r="C126912" s="14" t="s">
        <v>252</v>
      </c>
      <c r="D126912" s="14" t="s">
        <v>39</v>
      </c>
      <c r="E126912" s="15">
        <v>45633</v>
      </c>
      <c r="F126912" s="14" t="s">
        <v>15</v>
      </c>
      <c r="G126912" s="16">
        <v>0</v>
      </c>
    </row>
    <row r="126913" spans="1:7" x14ac:dyDescent="0.3">
      <c r="A126913" s="13" t="s">
        <v>584</v>
      </c>
      <c r="B126913" s="14" t="s">
        <v>1</v>
      </c>
      <c r="C126913" s="14" t="s">
        <v>252</v>
      </c>
      <c r="D126913" s="14" t="s">
        <v>39</v>
      </c>
      <c r="E126913" s="15">
        <v>45634</v>
      </c>
      <c r="F126913" s="14" t="s">
        <v>15</v>
      </c>
      <c r="G126913" s="16">
        <v>0</v>
      </c>
    </row>
    <row r="126914" spans="1:7" x14ac:dyDescent="0.3">
      <c r="A126914" s="13" t="s">
        <v>584</v>
      </c>
      <c r="B126914" s="14" t="s">
        <v>1</v>
      </c>
      <c r="C126914" s="14" t="s">
        <v>252</v>
      </c>
      <c r="D126914" s="14" t="s">
        <v>39</v>
      </c>
      <c r="E126914" s="15">
        <v>45635</v>
      </c>
      <c r="F126914" s="14" t="s">
        <v>15</v>
      </c>
      <c r="G126914" s="16">
        <v>0</v>
      </c>
    </row>
    <row r="126915" spans="1:7" x14ac:dyDescent="0.3">
      <c r="A126915" s="13" t="s">
        <v>584</v>
      </c>
      <c r="B126915" s="14" t="s">
        <v>1</v>
      </c>
      <c r="C126915" s="14" t="s">
        <v>252</v>
      </c>
      <c r="D126915" s="14" t="s">
        <v>39</v>
      </c>
      <c r="E126915" s="15">
        <v>45636</v>
      </c>
      <c r="F126915" s="14" t="s">
        <v>15</v>
      </c>
      <c r="G126915" s="16">
        <v>0</v>
      </c>
    </row>
    <row r="126916" spans="1:7" x14ac:dyDescent="0.3">
      <c r="A126916" s="13" t="s">
        <v>584</v>
      </c>
      <c r="B126916" s="14" t="s">
        <v>1</v>
      </c>
      <c r="C126916" s="14" t="s">
        <v>252</v>
      </c>
      <c r="D126916" s="14" t="s">
        <v>39</v>
      </c>
      <c r="E126916" s="15">
        <v>45637</v>
      </c>
      <c r="F126916" s="14" t="s">
        <v>15</v>
      </c>
      <c r="G126916" s="16">
        <v>0</v>
      </c>
    </row>
    <row r="126917" spans="1:7" x14ac:dyDescent="0.3">
      <c r="A126917" s="13" t="s">
        <v>584</v>
      </c>
      <c r="B126917" s="14" t="s">
        <v>1</v>
      </c>
      <c r="C126917" s="14" t="s">
        <v>252</v>
      </c>
      <c r="D126917" s="14" t="s">
        <v>39</v>
      </c>
      <c r="E126917" s="15">
        <v>45638</v>
      </c>
      <c r="F126917" s="14" t="s">
        <v>15</v>
      </c>
      <c r="G126917" s="16">
        <v>0</v>
      </c>
    </row>
    <row r="126918" spans="1:7" x14ac:dyDescent="0.3">
      <c r="A126918" s="13" t="s">
        <v>584</v>
      </c>
      <c r="B126918" s="14" t="s">
        <v>1</v>
      </c>
      <c r="C126918" s="14" t="s">
        <v>252</v>
      </c>
      <c r="D126918" s="14" t="s">
        <v>39</v>
      </c>
      <c r="E126918" s="15">
        <v>45639</v>
      </c>
      <c r="F126918" s="14" t="s">
        <v>15</v>
      </c>
      <c r="G126918" s="16">
        <v>0</v>
      </c>
    </row>
    <row r="126919" spans="1:7" x14ac:dyDescent="0.3">
      <c r="A126919" s="13" t="s">
        <v>584</v>
      </c>
      <c r="B126919" s="14" t="s">
        <v>1</v>
      </c>
      <c r="C126919" s="14" t="s">
        <v>252</v>
      </c>
      <c r="D126919" s="14" t="s">
        <v>39</v>
      </c>
      <c r="E126919" s="15">
        <v>45640</v>
      </c>
      <c r="F126919" s="14" t="s">
        <v>15</v>
      </c>
      <c r="G126919" s="16">
        <v>0</v>
      </c>
    </row>
    <row r="126920" spans="1:7" x14ac:dyDescent="0.3">
      <c r="A126920" s="13" t="s">
        <v>584</v>
      </c>
      <c r="B126920" s="14" t="s">
        <v>1</v>
      </c>
      <c r="C126920" s="14" t="s">
        <v>252</v>
      </c>
      <c r="D126920" s="14" t="s">
        <v>39</v>
      </c>
      <c r="E126920" s="15">
        <v>45641</v>
      </c>
      <c r="F126920" s="14" t="s">
        <v>15</v>
      </c>
      <c r="G126920" s="16">
        <v>0</v>
      </c>
    </row>
    <row r="126921" spans="1:7" x14ac:dyDescent="0.3">
      <c r="A126921" s="13" t="s">
        <v>584</v>
      </c>
      <c r="B126921" s="14" t="s">
        <v>1</v>
      </c>
      <c r="C126921" s="14" t="s">
        <v>252</v>
      </c>
      <c r="D126921" s="14" t="s">
        <v>39</v>
      </c>
      <c r="E126921" s="15">
        <v>45642</v>
      </c>
      <c r="F126921" s="14" t="s">
        <v>15</v>
      </c>
      <c r="G126921" s="16">
        <v>0</v>
      </c>
    </row>
    <row r="126922" spans="1:7" x14ac:dyDescent="0.3">
      <c r="A126922" s="13" t="s">
        <v>584</v>
      </c>
      <c r="B126922" s="14" t="s">
        <v>1</v>
      </c>
      <c r="C126922" s="14" t="s">
        <v>252</v>
      </c>
      <c r="D126922" s="14" t="s">
        <v>39</v>
      </c>
      <c r="E126922" s="15">
        <v>45643</v>
      </c>
      <c r="F126922" s="14" t="s">
        <v>15</v>
      </c>
      <c r="G126922" s="16">
        <v>0</v>
      </c>
    </row>
    <row r="126923" spans="1:7" x14ac:dyDescent="0.3">
      <c r="A126923" s="13" t="s">
        <v>584</v>
      </c>
      <c r="B126923" s="14" t="s">
        <v>1</v>
      </c>
      <c r="C126923" s="14" t="s">
        <v>252</v>
      </c>
      <c r="D126923" s="14" t="s">
        <v>39</v>
      </c>
      <c r="E126923" s="15">
        <v>45644</v>
      </c>
      <c r="F126923" s="14" t="s">
        <v>15</v>
      </c>
      <c r="G126923" s="16">
        <v>0</v>
      </c>
    </row>
    <row r="126924" spans="1:7" x14ac:dyDescent="0.3">
      <c r="A126924" s="13" t="s">
        <v>584</v>
      </c>
      <c r="B126924" s="14" t="s">
        <v>1</v>
      </c>
      <c r="C126924" s="14" t="s">
        <v>252</v>
      </c>
      <c r="D126924" s="14" t="s">
        <v>39</v>
      </c>
      <c r="E126924" s="15">
        <v>45645</v>
      </c>
      <c r="F126924" s="14" t="s">
        <v>15</v>
      </c>
      <c r="G126924" s="16">
        <v>0</v>
      </c>
    </row>
    <row r="126925" spans="1:7" x14ac:dyDescent="0.3">
      <c r="A126925" s="13" t="s">
        <v>584</v>
      </c>
      <c r="B126925" s="14" t="s">
        <v>1</v>
      </c>
      <c r="C126925" s="14" t="s">
        <v>252</v>
      </c>
      <c r="D126925" s="14" t="s">
        <v>39</v>
      </c>
      <c r="E126925" s="15">
        <v>45646</v>
      </c>
      <c r="F126925" s="14" t="s">
        <v>15</v>
      </c>
      <c r="G126925" s="16">
        <v>0</v>
      </c>
    </row>
    <row r="126926" spans="1:7" x14ac:dyDescent="0.3">
      <c r="A126926" s="13" t="s">
        <v>584</v>
      </c>
      <c r="B126926" s="14" t="s">
        <v>1</v>
      </c>
      <c r="C126926" s="14" t="s">
        <v>252</v>
      </c>
      <c r="D126926" s="14" t="s">
        <v>39</v>
      </c>
      <c r="E126926" s="15">
        <v>45647</v>
      </c>
      <c r="F126926" s="14" t="s">
        <v>15</v>
      </c>
      <c r="G126926" s="16">
        <v>0</v>
      </c>
    </row>
    <row r="126927" spans="1:7" x14ac:dyDescent="0.3">
      <c r="A126927" s="13" t="s">
        <v>584</v>
      </c>
      <c r="B126927" s="14" t="s">
        <v>1</v>
      </c>
      <c r="C126927" s="14" t="s">
        <v>252</v>
      </c>
      <c r="D126927" s="14" t="s">
        <v>39</v>
      </c>
      <c r="E126927" s="15">
        <v>45648</v>
      </c>
      <c r="F126927" s="14" t="s">
        <v>15</v>
      </c>
      <c r="G126927" s="16">
        <v>0</v>
      </c>
    </row>
    <row r="126928" spans="1:7" x14ac:dyDescent="0.3">
      <c r="A126928" s="13" t="s">
        <v>584</v>
      </c>
      <c r="B126928" s="14" t="s">
        <v>1</v>
      </c>
      <c r="C126928" s="14" t="s">
        <v>252</v>
      </c>
      <c r="D126928" s="14" t="s">
        <v>39</v>
      </c>
      <c r="E126928" s="15">
        <v>45649</v>
      </c>
      <c r="F126928" s="14" t="s">
        <v>15</v>
      </c>
      <c r="G126928" s="16">
        <v>0</v>
      </c>
    </row>
    <row r="126929" spans="1:7" x14ac:dyDescent="0.3">
      <c r="A126929" s="13" t="s">
        <v>584</v>
      </c>
      <c r="B126929" s="14" t="s">
        <v>1</v>
      </c>
      <c r="C126929" s="14" t="s">
        <v>252</v>
      </c>
      <c r="D126929" s="14" t="s">
        <v>39</v>
      </c>
      <c r="E126929" s="15">
        <v>45650</v>
      </c>
      <c r="F126929" s="14" t="s">
        <v>15</v>
      </c>
      <c r="G126929" s="16">
        <v>0</v>
      </c>
    </row>
    <row r="126930" spans="1:7" x14ac:dyDescent="0.3">
      <c r="A126930" s="13" t="s">
        <v>584</v>
      </c>
      <c r="B126930" s="14" t="s">
        <v>1</v>
      </c>
      <c r="C126930" s="14" t="s">
        <v>252</v>
      </c>
      <c r="D126930" s="14" t="s">
        <v>39</v>
      </c>
      <c r="E126930" s="15">
        <v>45651</v>
      </c>
      <c r="F126930" s="14" t="s">
        <v>15</v>
      </c>
      <c r="G126930" s="16">
        <v>0</v>
      </c>
    </row>
    <row r="126931" spans="1:7" x14ac:dyDescent="0.3">
      <c r="A126931" s="13" t="s">
        <v>584</v>
      </c>
      <c r="B126931" s="14" t="s">
        <v>1</v>
      </c>
      <c r="C126931" s="14" t="s">
        <v>252</v>
      </c>
      <c r="D126931" s="14" t="s">
        <v>39</v>
      </c>
      <c r="E126931" s="15">
        <v>45652</v>
      </c>
      <c r="F126931" s="14" t="s">
        <v>15</v>
      </c>
      <c r="G126931" s="16">
        <v>0</v>
      </c>
    </row>
    <row r="126932" spans="1:7" x14ac:dyDescent="0.3">
      <c r="A126932" s="13" t="s">
        <v>584</v>
      </c>
      <c r="B126932" s="14" t="s">
        <v>1</v>
      </c>
      <c r="C126932" s="14" t="s">
        <v>252</v>
      </c>
      <c r="D126932" s="14" t="s">
        <v>39</v>
      </c>
      <c r="E126932" s="15">
        <v>45653</v>
      </c>
      <c r="F126932" s="14" t="s">
        <v>15</v>
      </c>
      <c r="G126932" s="16">
        <v>0</v>
      </c>
    </row>
    <row r="126933" spans="1:7" x14ac:dyDescent="0.3">
      <c r="A126933" s="13" t="s">
        <v>584</v>
      </c>
      <c r="B126933" s="14" t="s">
        <v>1</v>
      </c>
      <c r="C126933" s="14" t="s">
        <v>252</v>
      </c>
      <c r="D126933" s="14" t="s">
        <v>39</v>
      </c>
      <c r="E126933" s="15">
        <v>45654</v>
      </c>
      <c r="F126933" s="14" t="s">
        <v>15</v>
      </c>
      <c r="G126933" s="16">
        <v>0</v>
      </c>
    </row>
    <row r="126934" spans="1:7" x14ac:dyDescent="0.3">
      <c r="A126934" s="13" t="s">
        <v>584</v>
      </c>
      <c r="B126934" s="14" t="s">
        <v>1</v>
      </c>
      <c r="C126934" s="14" t="s">
        <v>252</v>
      </c>
      <c r="D126934" s="14" t="s">
        <v>39</v>
      </c>
      <c r="E126934" s="15">
        <v>45655</v>
      </c>
      <c r="F126934" s="14" t="s">
        <v>15</v>
      </c>
      <c r="G126934" s="16">
        <v>0</v>
      </c>
    </row>
    <row r="126935" spans="1:7" x14ac:dyDescent="0.3">
      <c r="A126935" s="13" t="s">
        <v>584</v>
      </c>
      <c r="B126935" s="14" t="s">
        <v>1</v>
      </c>
      <c r="C126935" s="14" t="s">
        <v>252</v>
      </c>
      <c r="D126935" s="14" t="s">
        <v>39</v>
      </c>
      <c r="E126935" s="15">
        <v>45656</v>
      </c>
      <c r="F126935" s="14" t="s">
        <v>15</v>
      </c>
      <c r="G126935" s="16">
        <v>0</v>
      </c>
    </row>
    <row r="126936" spans="1:7" x14ac:dyDescent="0.3">
      <c r="A126936" s="13" t="s">
        <v>584</v>
      </c>
      <c r="B126936" s="14" t="s">
        <v>1</v>
      </c>
      <c r="C126936" s="14" t="s">
        <v>252</v>
      </c>
      <c r="D126936" s="14" t="s">
        <v>39</v>
      </c>
      <c r="E126936" s="15">
        <v>45657</v>
      </c>
      <c r="F126936" s="14" t="s">
        <v>15</v>
      </c>
      <c r="G126936" s="16">
        <v>0</v>
      </c>
    </row>
    <row r="126937" spans="1:7" x14ac:dyDescent="0.3">
      <c r="A126937" s="13" t="s">
        <v>584</v>
      </c>
      <c r="B126937" s="14" t="s">
        <v>1</v>
      </c>
      <c r="C126937" s="14" t="s">
        <v>252</v>
      </c>
      <c r="D126937" s="14" t="s">
        <v>39</v>
      </c>
      <c r="E126937" s="15">
        <v>45658</v>
      </c>
      <c r="F126937" s="14" t="s">
        <v>15</v>
      </c>
      <c r="G126937" s="16">
        <v>0</v>
      </c>
    </row>
    <row r="126938" spans="1:7" x14ac:dyDescent="0.3">
      <c r="A126938" s="13" t="s">
        <v>584</v>
      </c>
      <c r="B126938" s="14" t="s">
        <v>1</v>
      </c>
      <c r="C126938" s="14" t="s">
        <v>252</v>
      </c>
      <c r="D126938" s="14" t="s">
        <v>39</v>
      </c>
      <c r="E126938" s="15">
        <v>45659</v>
      </c>
      <c r="F126938" s="14" t="s">
        <v>15</v>
      </c>
      <c r="G126938" s="16">
        <v>0</v>
      </c>
    </row>
    <row r="126939" spans="1:7" x14ac:dyDescent="0.3">
      <c r="A126939" s="13" t="s">
        <v>584</v>
      </c>
      <c r="B126939" s="14" t="s">
        <v>1</v>
      </c>
      <c r="C126939" s="14" t="s">
        <v>252</v>
      </c>
      <c r="D126939" s="14" t="s">
        <v>39</v>
      </c>
      <c r="E126939" s="15">
        <v>45660</v>
      </c>
      <c r="F126939" s="14" t="s">
        <v>15</v>
      </c>
      <c r="G126939" s="16">
        <v>0</v>
      </c>
    </row>
    <row r="126940" spans="1:7" x14ac:dyDescent="0.3">
      <c r="A126940" s="13" t="s">
        <v>584</v>
      </c>
      <c r="B126940" s="14" t="s">
        <v>1</v>
      </c>
      <c r="C126940" s="14" t="s">
        <v>252</v>
      </c>
      <c r="D126940" s="14" t="s">
        <v>39</v>
      </c>
      <c r="E126940" s="15">
        <v>45661</v>
      </c>
      <c r="F126940" s="14" t="s">
        <v>15</v>
      </c>
      <c r="G126940" s="16">
        <v>0</v>
      </c>
    </row>
    <row r="126941" spans="1:7" x14ac:dyDescent="0.3">
      <c r="A126941" s="13" t="s">
        <v>584</v>
      </c>
      <c r="B126941" s="14" t="s">
        <v>1</v>
      </c>
      <c r="C126941" s="14" t="s">
        <v>252</v>
      </c>
      <c r="D126941" s="14" t="s">
        <v>39</v>
      </c>
      <c r="E126941" s="15">
        <v>45662</v>
      </c>
      <c r="F126941" s="14" t="s">
        <v>15</v>
      </c>
      <c r="G126941" s="16">
        <v>0</v>
      </c>
    </row>
    <row r="126942" spans="1:7" x14ac:dyDescent="0.3">
      <c r="A126942" s="13" t="s">
        <v>584</v>
      </c>
      <c r="B126942" s="14" t="s">
        <v>1</v>
      </c>
      <c r="C126942" s="14" t="s">
        <v>252</v>
      </c>
      <c r="D126942" s="14" t="s">
        <v>39</v>
      </c>
      <c r="E126942" s="15">
        <v>45663</v>
      </c>
      <c r="F126942" s="14" t="s">
        <v>15</v>
      </c>
      <c r="G126942" s="16">
        <v>0</v>
      </c>
    </row>
    <row r="126943" spans="1:7" x14ac:dyDescent="0.3">
      <c r="A126943" s="13" t="s">
        <v>584</v>
      </c>
      <c r="B126943" s="14" t="s">
        <v>1</v>
      </c>
      <c r="C126943" s="14" t="s">
        <v>252</v>
      </c>
      <c r="D126943" s="14" t="s">
        <v>39</v>
      </c>
      <c r="E126943" s="15">
        <v>45664</v>
      </c>
      <c r="F126943" s="14" t="s">
        <v>15</v>
      </c>
      <c r="G126943" s="16">
        <v>0</v>
      </c>
    </row>
    <row r="126944" spans="1:7" x14ac:dyDescent="0.3">
      <c r="A126944" s="13" t="s">
        <v>584</v>
      </c>
      <c r="B126944" s="14" t="s">
        <v>1</v>
      </c>
      <c r="C126944" s="14" t="s">
        <v>252</v>
      </c>
      <c r="D126944" s="14" t="s">
        <v>39</v>
      </c>
      <c r="E126944" s="15">
        <v>45665</v>
      </c>
      <c r="F126944" s="14" t="s">
        <v>15</v>
      </c>
      <c r="G126944" s="16">
        <v>0</v>
      </c>
    </row>
    <row r="126945" spans="1:7" x14ac:dyDescent="0.3">
      <c r="A126945" s="13" t="s">
        <v>584</v>
      </c>
      <c r="B126945" s="14" t="s">
        <v>1</v>
      </c>
      <c r="C126945" s="14" t="s">
        <v>252</v>
      </c>
      <c r="D126945" s="14" t="s">
        <v>39</v>
      </c>
      <c r="E126945" s="15">
        <v>45666</v>
      </c>
      <c r="F126945" s="14" t="s">
        <v>15</v>
      </c>
      <c r="G126945" s="16">
        <v>0</v>
      </c>
    </row>
    <row r="126946" spans="1:7" x14ac:dyDescent="0.3">
      <c r="A126946" s="13" t="s">
        <v>584</v>
      </c>
      <c r="B126946" s="14" t="s">
        <v>1</v>
      </c>
      <c r="C126946" s="14" t="s">
        <v>252</v>
      </c>
      <c r="D126946" s="14" t="s">
        <v>39</v>
      </c>
      <c r="E126946" s="15">
        <v>45667</v>
      </c>
      <c r="F126946" s="14" t="s">
        <v>15</v>
      </c>
      <c r="G126946" s="16">
        <v>0</v>
      </c>
    </row>
    <row r="126947" spans="1:7" x14ac:dyDescent="0.3">
      <c r="A126947" s="13" t="s">
        <v>584</v>
      </c>
      <c r="B126947" s="14" t="s">
        <v>1</v>
      </c>
      <c r="C126947" s="14" t="s">
        <v>252</v>
      </c>
      <c r="D126947" s="14" t="s">
        <v>39</v>
      </c>
      <c r="E126947" s="15">
        <v>45668</v>
      </c>
      <c r="F126947" s="14" t="s">
        <v>15</v>
      </c>
      <c r="G126947" s="16">
        <v>0</v>
      </c>
    </row>
    <row r="126948" spans="1:7" x14ac:dyDescent="0.3">
      <c r="A126948" s="13" t="s">
        <v>584</v>
      </c>
      <c r="B126948" s="14" t="s">
        <v>1</v>
      </c>
      <c r="C126948" s="14" t="s">
        <v>252</v>
      </c>
      <c r="D126948" s="14" t="s">
        <v>39</v>
      </c>
      <c r="E126948" s="15">
        <v>45669</v>
      </c>
      <c r="F126948" s="14" t="s">
        <v>15</v>
      </c>
      <c r="G126948" s="16">
        <v>0</v>
      </c>
    </row>
    <row r="126949" spans="1:7" x14ac:dyDescent="0.3">
      <c r="A126949" s="13" t="s">
        <v>584</v>
      </c>
      <c r="B126949" s="14" t="s">
        <v>1</v>
      </c>
      <c r="C126949" s="14" t="s">
        <v>252</v>
      </c>
      <c r="D126949" s="14" t="s">
        <v>39</v>
      </c>
      <c r="E126949" s="15">
        <v>45670</v>
      </c>
      <c r="F126949" s="14" t="s">
        <v>15</v>
      </c>
      <c r="G126949" s="16">
        <v>0</v>
      </c>
    </row>
    <row r="126950" spans="1:7" x14ac:dyDescent="0.3">
      <c r="A126950" s="13" t="s">
        <v>584</v>
      </c>
      <c r="B126950" s="14" t="s">
        <v>1</v>
      </c>
      <c r="C126950" s="14" t="s">
        <v>252</v>
      </c>
      <c r="D126950" s="14" t="s">
        <v>39</v>
      </c>
      <c r="E126950" s="15">
        <v>45671</v>
      </c>
      <c r="F126950" s="14" t="s">
        <v>15</v>
      </c>
      <c r="G126950" s="16">
        <v>0</v>
      </c>
    </row>
    <row r="126951" spans="1:7" x14ac:dyDescent="0.3">
      <c r="A126951" s="13" t="s">
        <v>584</v>
      </c>
      <c r="B126951" s="14" t="s">
        <v>1</v>
      </c>
      <c r="C126951" s="14" t="s">
        <v>252</v>
      </c>
      <c r="D126951" s="14" t="s">
        <v>39</v>
      </c>
      <c r="E126951" s="15">
        <v>45672</v>
      </c>
      <c r="F126951" s="14" t="s">
        <v>15</v>
      </c>
      <c r="G126951" s="16">
        <v>0</v>
      </c>
    </row>
    <row r="126952" spans="1:7" x14ac:dyDescent="0.3">
      <c r="A126952" s="13" t="s">
        <v>584</v>
      </c>
      <c r="B126952" s="14" t="s">
        <v>1</v>
      </c>
      <c r="C126952" s="14" t="s">
        <v>252</v>
      </c>
      <c r="D126952" s="14" t="s">
        <v>39</v>
      </c>
      <c r="E126952" s="15">
        <v>45673</v>
      </c>
      <c r="F126952" s="14" t="s">
        <v>15</v>
      </c>
      <c r="G126952" s="16">
        <v>0</v>
      </c>
    </row>
    <row r="126953" spans="1:7" x14ac:dyDescent="0.3">
      <c r="A126953" s="13" t="s">
        <v>584</v>
      </c>
      <c r="B126953" s="14" t="s">
        <v>1</v>
      </c>
      <c r="C126953" s="14" t="s">
        <v>252</v>
      </c>
      <c r="D126953" s="14" t="s">
        <v>39</v>
      </c>
      <c r="E126953" s="15">
        <v>45674</v>
      </c>
      <c r="F126953" s="14" t="s">
        <v>15</v>
      </c>
      <c r="G126953" s="16">
        <v>0</v>
      </c>
    </row>
    <row r="126954" spans="1:7" x14ac:dyDescent="0.3">
      <c r="A126954" s="13" t="s">
        <v>584</v>
      </c>
      <c r="B126954" s="14" t="s">
        <v>1</v>
      </c>
      <c r="C126954" s="14" t="s">
        <v>252</v>
      </c>
      <c r="D126954" s="14" t="s">
        <v>39</v>
      </c>
      <c r="E126954" s="15">
        <v>45675</v>
      </c>
      <c r="F126954" s="14" t="s">
        <v>15</v>
      </c>
      <c r="G126954" s="16">
        <v>0</v>
      </c>
    </row>
    <row r="126955" spans="1:7" x14ac:dyDescent="0.3">
      <c r="A126955" s="13" t="s">
        <v>584</v>
      </c>
      <c r="B126955" s="14" t="s">
        <v>1</v>
      </c>
      <c r="C126955" s="14" t="s">
        <v>252</v>
      </c>
      <c r="D126955" s="14" t="s">
        <v>39</v>
      </c>
      <c r="E126955" s="15">
        <v>45676</v>
      </c>
      <c r="F126955" s="14" t="s">
        <v>15</v>
      </c>
      <c r="G126955" s="16">
        <v>0</v>
      </c>
    </row>
    <row r="126956" spans="1:7" x14ac:dyDescent="0.3">
      <c r="A126956" s="13" t="s">
        <v>584</v>
      </c>
      <c r="B126956" s="14" t="s">
        <v>1</v>
      </c>
      <c r="C126956" s="14" t="s">
        <v>252</v>
      </c>
      <c r="D126956" s="14" t="s">
        <v>39</v>
      </c>
      <c r="E126956" s="15">
        <v>45677</v>
      </c>
      <c r="F126956" s="14" t="s">
        <v>15</v>
      </c>
      <c r="G126956" s="16">
        <v>0</v>
      </c>
    </row>
    <row r="126957" spans="1:7" x14ac:dyDescent="0.3">
      <c r="A126957" s="13" t="s">
        <v>584</v>
      </c>
      <c r="B126957" s="14" t="s">
        <v>1</v>
      </c>
      <c r="C126957" s="14" t="s">
        <v>252</v>
      </c>
      <c r="D126957" s="14" t="s">
        <v>39</v>
      </c>
      <c r="E126957" s="15">
        <v>45678</v>
      </c>
      <c r="F126957" s="14" t="s">
        <v>15</v>
      </c>
      <c r="G126957" s="16">
        <v>0</v>
      </c>
    </row>
    <row r="126958" spans="1:7" x14ac:dyDescent="0.3">
      <c r="A126958" s="13" t="s">
        <v>584</v>
      </c>
      <c r="B126958" s="14" t="s">
        <v>1</v>
      </c>
      <c r="C126958" s="14" t="s">
        <v>252</v>
      </c>
      <c r="D126958" s="14" t="s">
        <v>39</v>
      </c>
      <c r="E126958" s="15">
        <v>45679</v>
      </c>
      <c r="F126958" s="14" t="s">
        <v>15</v>
      </c>
      <c r="G126958" s="16">
        <v>0</v>
      </c>
    </row>
    <row r="126959" spans="1:7" x14ac:dyDescent="0.3">
      <c r="A126959" s="13" t="s">
        <v>584</v>
      </c>
      <c r="B126959" s="14" t="s">
        <v>1</v>
      </c>
      <c r="C126959" s="14" t="s">
        <v>252</v>
      </c>
      <c r="D126959" s="14" t="s">
        <v>39</v>
      </c>
      <c r="E126959" s="15">
        <v>45680</v>
      </c>
      <c r="F126959" s="14" t="s">
        <v>15</v>
      </c>
      <c r="G126959" s="16">
        <v>0</v>
      </c>
    </row>
    <row r="126960" spans="1:7" x14ac:dyDescent="0.3">
      <c r="A126960" s="13" t="s">
        <v>584</v>
      </c>
      <c r="B126960" s="14" t="s">
        <v>1</v>
      </c>
      <c r="C126960" s="14" t="s">
        <v>252</v>
      </c>
      <c r="D126960" s="14" t="s">
        <v>39</v>
      </c>
      <c r="E126960" s="15">
        <v>45681</v>
      </c>
      <c r="F126960" s="14" t="s">
        <v>15</v>
      </c>
      <c r="G126960" s="16">
        <v>0</v>
      </c>
    </row>
    <row r="126961" spans="1:7" x14ac:dyDescent="0.3">
      <c r="A126961" s="13" t="s">
        <v>584</v>
      </c>
      <c r="B126961" s="14" t="s">
        <v>1</v>
      </c>
      <c r="C126961" s="14" t="s">
        <v>252</v>
      </c>
      <c r="D126961" s="14" t="s">
        <v>39</v>
      </c>
      <c r="E126961" s="15">
        <v>45682</v>
      </c>
      <c r="F126961" s="14" t="s">
        <v>15</v>
      </c>
      <c r="G126961" s="16">
        <v>0</v>
      </c>
    </row>
    <row r="126962" spans="1:7" x14ac:dyDescent="0.3">
      <c r="A126962" s="13" t="s">
        <v>584</v>
      </c>
      <c r="B126962" s="14" t="s">
        <v>1</v>
      </c>
      <c r="C126962" s="14" t="s">
        <v>252</v>
      </c>
      <c r="D126962" s="14" t="s">
        <v>39</v>
      </c>
      <c r="E126962" s="15">
        <v>45683</v>
      </c>
      <c r="F126962" s="14" t="s">
        <v>15</v>
      </c>
      <c r="G126962" s="16">
        <v>0</v>
      </c>
    </row>
    <row r="126963" spans="1:7" x14ac:dyDescent="0.3">
      <c r="A126963" s="13" t="s">
        <v>584</v>
      </c>
      <c r="B126963" s="14" t="s">
        <v>1</v>
      </c>
      <c r="C126963" s="14" t="s">
        <v>252</v>
      </c>
      <c r="D126963" s="14" t="s">
        <v>39</v>
      </c>
      <c r="E126963" s="15">
        <v>45684</v>
      </c>
      <c r="F126963" s="14" t="s">
        <v>15</v>
      </c>
      <c r="G126963" s="16">
        <v>0</v>
      </c>
    </row>
    <row r="126964" spans="1:7" x14ac:dyDescent="0.3">
      <c r="A126964" s="13" t="s">
        <v>584</v>
      </c>
      <c r="B126964" s="14" t="s">
        <v>1</v>
      </c>
      <c r="C126964" s="14" t="s">
        <v>252</v>
      </c>
      <c r="D126964" s="14" t="s">
        <v>39</v>
      </c>
      <c r="E126964" s="15">
        <v>45685</v>
      </c>
      <c r="F126964" s="14" t="s">
        <v>15</v>
      </c>
      <c r="G126964" s="16">
        <v>0</v>
      </c>
    </row>
    <row r="126965" spans="1:7" x14ac:dyDescent="0.3">
      <c r="A126965" s="13" t="s">
        <v>584</v>
      </c>
      <c r="B126965" s="14" t="s">
        <v>1</v>
      </c>
      <c r="C126965" s="14" t="s">
        <v>252</v>
      </c>
      <c r="D126965" s="14" t="s">
        <v>39</v>
      </c>
      <c r="E126965" s="15">
        <v>45686</v>
      </c>
      <c r="F126965" s="14" t="s">
        <v>15</v>
      </c>
      <c r="G126965" s="16">
        <v>0</v>
      </c>
    </row>
    <row r="126966" spans="1:7" x14ac:dyDescent="0.3">
      <c r="A126966" s="13" t="s">
        <v>584</v>
      </c>
      <c r="B126966" s="14" t="s">
        <v>1</v>
      </c>
      <c r="C126966" s="14" t="s">
        <v>252</v>
      </c>
      <c r="D126966" s="14" t="s">
        <v>39</v>
      </c>
      <c r="E126966" s="15">
        <v>45687</v>
      </c>
      <c r="F126966" s="14" t="s">
        <v>15</v>
      </c>
      <c r="G126966" s="16">
        <v>0</v>
      </c>
    </row>
    <row r="126967" spans="1:7" x14ac:dyDescent="0.3">
      <c r="A126967" s="13" t="s">
        <v>584</v>
      </c>
      <c r="B126967" s="14" t="s">
        <v>1</v>
      </c>
      <c r="C126967" s="14" t="s">
        <v>252</v>
      </c>
      <c r="D126967" s="14" t="s">
        <v>39</v>
      </c>
      <c r="E126967" s="15">
        <v>45688</v>
      </c>
      <c r="F126967" s="14" t="s">
        <v>15</v>
      </c>
      <c r="G126967" s="16">
        <v>0</v>
      </c>
    </row>
    <row r="126968" spans="1:7" x14ac:dyDescent="0.3">
      <c r="A126968" s="13" t="s">
        <v>584</v>
      </c>
      <c r="B126968" s="14" t="s">
        <v>1</v>
      </c>
      <c r="C126968" s="14" t="s">
        <v>252</v>
      </c>
      <c r="D126968" s="14" t="s">
        <v>39</v>
      </c>
      <c r="E126968" s="15">
        <v>45689</v>
      </c>
      <c r="F126968" s="14" t="s">
        <v>15</v>
      </c>
      <c r="G126968" s="16">
        <v>0</v>
      </c>
    </row>
    <row r="126969" spans="1:7" x14ac:dyDescent="0.3">
      <c r="A126969" s="13" t="s">
        <v>584</v>
      </c>
      <c r="B126969" s="14" t="s">
        <v>1</v>
      </c>
      <c r="C126969" s="14" t="s">
        <v>252</v>
      </c>
      <c r="D126969" s="14" t="s">
        <v>39</v>
      </c>
      <c r="E126969" s="15">
        <v>45690</v>
      </c>
      <c r="F126969" s="14" t="s">
        <v>15</v>
      </c>
      <c r="G126969" s="16">
        <v>0</v>
      </c>
    </row>
    <row r="126970" spans="1:7" x14ac:dyDescent="0.3">
      <c r="A126970" s="13" t="s">
        <v>584</v>
      </c>
      <c r="B126970" s="14" t="s">
        <v>1</v>
      </c>
      <c r="C126970" s="14" t="s">
        <v>252</v>
      </c>
      <c r="D126970" s="14" t="s">
        <v>39</v>
      </c>
      <c r="E126970" s="15">
        <v>45691</v>
      </c>
      <c r="F126970" s="14" t="s">
        <v>15</v>
      </c>
      <c r="G126970" s="16">
        <v>0</v>
      </c>
    </row>
    <row r="126971" spans="1:7" x14ac:dyDescent="0.3">
      <c r="A126971" s="13" t="s">
        <v>584</v>
      </c>
      <c r="B126971" s="14" t="s">
        <v>1</v>
      </c>
      <c r="C126971" s="14" t="s">
        <v>252</v>
      </c>
      <c r="D126971" s="14" t="s">
        <v>39</v>
      </c>
      <c r="E126971" s="15">
        <v>45692</v>
      </c>
      <c r="F126971" s="14" t="s">
        <v>15</v>
      </c>
      <c r="G126971" s="16">
        <v>0</v>
      </c>
    </row>
    <row r="126972" spans="1:7" x14ac:dyDescent="0.3">
      <c r="A126972" s="13" t="s">
        <v>584</v>
      </c>
      <c r="B126972" s="14" t="s">
        <v>1</v>
      </c>
      <c r="C126972" s="14" t="s">
        <v>252</v>
      </c>
      <c r="D126972" s="14" t="s">
        <v>39</v>
      </c>
      <c r="E126972" s="15">
        <v>45693</v>
      </c>
      <c r="F126972" s="14" t="s">
        <v>15</v>
      </c>
      <c r="G126972" s="16">
        <v>0</v>
      </c>
    </row>
    <row r="126973" spans="1:7" x14ac:dyDescent="0.3">
      <c r="A126973" s="13" t="s">
        <v>584</v>
      </c>
      <c r="B126973" s="14" t="s">
        <v>1</v>
      </c>
      <c r="C126973" s="14" t="s">
        <v>252</v>
      </c>
      <c r="D126973" s="14" t="s">
        <v>39</v>
      </c>
      <c r="E126973" s="15">
        <v>45694</v>
      </c>
      <c r="F126973" s="14" t="s">
        <v>15</v>
      </c>
      <c r="G126973" s="16">
        <v>0</v>
      </c>
    </row>
    <row r="126974" spans="1:7" x14ac:dyDescent="0.3">
      <c r="A126974" s="13" t="s">
        <v>584</v>
      </c>
      <c r="B126974" s="14" t="s">
        <v>1</v>
      </c>
      <c r="C126974" s="14" t="s">
        <v>252</v>
      </c>
      <c r="D126974" s="14" t="s">
        <v>39</v>
      </c>
      <c r="E126974" s="15">
        <v>45695</v>
      </c>
      <c r="F126974" s="14" t="s">
        <v>15</v>
      </c>
      <c r="G126974" s="16">
        <v>0</v>
      </c>
    </row>
    <row r="126975" spans="1:7" x14ac:dyDescent="0.3">
      <c r="A126975" s="13" t="s">
        <v>584</v>
      </c>
      <c r="B126975" s="14" t="s">
        <v>1</v>
      </c>
      <c r="C126975" s="14" t="s">
        <v>252</v>
      </c>
      <c r="D126975" s="14" t="s">
        <v>39</v>
      </c>
      <c r="E126975" s="15">
        <v>45696</v>
      </c>
      <c r="F126975" s="14" t="s">
        <v>15</v>
      </c>
      <c r="G126975" s="16">
        <v>0</v>
      </c>
    </row>
    <row r="126976" spans="1:7" x14ac:dyDescent="0.3">
      <c r="A126976" s="13" t="s">
        <v>584</v>
      </c>
      <c r="B126976" s="14" t="s">
        <v>1</v>
      </c>
      <c r="C126976" s="14" t="s">
        <v>252</v>
      </c>
      <c r="D126976" s="14" t="s">
        <v>39</v>
      </c>
      <c r="E126976" s="15">
        <v>45697</v>
      </c>
      <c r="F126976" s="14" t="s">
        <v>15</v>
      </c>
      <c r="G126976" s="16">
        <v>0</v>
      </c>
    </row>
    <row r="126977" spans="1:7" x14ac:dyDescent="0.3">
      <c r="A126977" s="13" t="s">
        <v>584</v>
      </c>
      <c r="B126977" s="14" t="s">
        <v>1</v>
      </c>
      <c r="C126977" s="14" t="s">
        <v>252</v>
      </c>
      <c r="D126977" s="14" t="s">
        <v>39</v>
      </c>
      <c r="E126977" s="15">
        <v>45698</v>
      </c>
      <c r="F126977" s="14" t="s">
        <v>15</v>
      </c>
      <c r="G126977" s="16">
        <v>0</v>
      </c>
    </row>
    <row r="126978" spans="1:7" x14ac:dyDescent="0.3">
      <c r="A126978" s="13" t="s">
        <v>584</v>
      </c>
      <c r="B126978" s="14" t="s">
        <v>1</v>
      </c>
      <c r="C126978" s="14" t="s">
        <v>252</v>
      </c>
      <c r="D126978" s="14" t="s">
        <v>39</v>
      </c>
      <c r="E126978" s="15">
        <v>45699</v>
      </c>
      <c r="F126978" s="14" t="s">
        <v>15</v>
      </c>
      <c r="G126978" s="16">
        <v>0</v>
      </c>
    </row>
    <row r="126979" spans="1:7" x14ac:dyDescent="0.3">
      <c r="A126979" s="13" t="s">
        <v>584</v>
      </c>
      <c r="B126979" s="14" t="s">
        <v>1</v>
      </c>
      <c r="C126979" s="14" t="s">
        <v>252</v>
      </c>
      <c r="D126979" s="14" t="s">
        <v>39</v>
      </c>
      <c r="E126979" s="15">
        <v>45700</v>
      </c>
      <c r="F126979" s="14" t="s">
        <v>15</v>
      </c>
      <c r="G126979" s="16">
        <v>0</v>
      </c>
    </row>
    <row r="126980" spans="1:7" x14ac:dyDescent="0.3">
      <c r="A126980" s="13" t="s">
        <v>584</v>
      </c>
      <c r="B126980" s="14" t="s">
        <v>1</v>
      </c>
      <c r="C126980" s="14" t="s">
        <v>252</v>
      </c>
      <c r="D126980" s="14" t="s">
        <v>39</v>
      </c>
      <c r="E126980" s="15">
        <v>45701</v>
      </c>
      <c r="F126980" s="14" t="s">
        <v>15</v>
      </c>
      <c r="G126980" s="16">
        <v>0</v>
      </c>
    </row>
    <row r="126981" spans="1:7" x14ac:dyDescent="0.3">
      <c r="A126981" s="13" t="s">
        <v>584</v>
      </c>
      <c r="B126981" s="14" t="s">
        <v>1</v>
      </c>
      <c r="C126981" s="14" t="s">
        <v>252</v>
      </c>
      <c r="D126981" s="14" t="s">
        <v>39</v>
      </c>
      <c r="E126981" s="15">
        <v>45702</v>
      </c>
      <c r="F126981" s="14" t="s">
        <v>15</v>
      </c>
      <c r="G126981" s="16">
        <v>0</v>
      </c>
    </row>
    <row r="126982" spans="1:7" x14ac:dyDescent="0.3">
      <c r="A126982" s="13" t="s">
        <v>584</v>
      </c>
      <c r="B126982" s="14" t="s">
        <v>1</v>
      </c>
      <c r="C126982" s="14" t="s">
        <v>252</v>
      </c>
      <c r="D126982" s="14" t="s">
        <v>39</v>
      </c>
      <c r="E126982" s="15">
        <v>45703</v>
      </c>
      <c r="F126982" s="14" t="s">
        <v>15</v>
      </c>
      <c r="G126982" s="16">
        <v>0</v>
      </c>
    </row>
    <row r="126983" spans="1:7" x14ac:dyDescent="0.3">
      <c r="A126983" s="13" t="s">
        <v>584</v>
      </c>
      <c r="B126983" s="14" t="s">
        <v>1</v>
      </c>
      <c r="C126983" s="14" t="s">
        <v>252</v>
      </c>
      <c r="D126983" s="14" t="s">
        <v>39</v>
      </c>
      <c r="E126983" s="15">
        <v>45704</v>
      </c>
      <c r="F126983" s="14" t="s">
        <v>15</v>
      </c>
      <c r="G126983" s="16">
        <v>0</v>
      </c>
    </row>
    <row r="126984" spans="1:7" x14ac:dyDescent="0.3">
      <c r="A126984" s="13" t="s">
        <v>584</v>
      </c>
      <c r="B126984" s="14" t="s">
        <v>1</v>
      </c>
      <c r="C126984" s="14" t="s">
        <v>252</v>
      </c>
      <c r="D126984" s="14" t="s">
        <v>39</v>
      </c>
      <c r="E126984" s="15">
        <v>45705</v>
      </c>
      <c r="F126984" s="14" t="s">
        <v>15</v>
      </c>
      <c r="G126984" s="16">
        <v>0</v>
      </c>
    </row>
    <row r="126985" spans="1:7" x14ac:dyDescent="0.3">
      <c r="A126985" s="13" t="s">
        <v>584</v>
      </c>
      <c r="B126985" s="14" t="s">
        <v>1</v>
      </c>
      <c r="C126985" s="14" t="s">
        <v>252</v>
      </c>
      <c r="D126985" s="14" t="s">
        <v>39</v>
      </c>
      <c r="E126985" s="15">
        <v>45706</v>
      </c>
      <c r="F126985" s="14" t="s">
        <v>15</v>
      </c>
      <c r="G126985" s="16">
        <v>0</v>
      </c>
    </row>
    <row r="126986" spans="1:7" x14ac:dyDescent="0.3">
      <c r="A126986" s="13" t="s">
        <v>584</v>
      </c>
      <c r="B126986" s="14" t="s">
        <v>1</v>
      </c>
      <c r="C126986" s="14" t="s">
        <v>252</v>
      </c>
      <c r="D126986" s="14" t="s">
        <v>39</v>
      </c>
      <c r="E126986" s="15">
        <v>45707</v>
      </c>
      <c r="F126986" s="14" t="s">
        <v>15</v>
      </c>
      <c r="G126986" s="16">
        <v>0</v>
      </c>
    </row>
    <row r="126987" spans="1:7" x14ac:dyDescent="0.3">
      <c r="A126987" s="13" t="s">
        <v>584</v>
      </c>
      <c r="B126987" s="14" t="s">
        <v>1</v>
      </c>
      <c r="C126987" s="14" t="s">
        <v>252</v>
      </c>
      <c r="D126987" s="14" t="s">
        <v>39</v>
      </c>
      <c r="E126987" s="15">
        <v>45708</v>
      </c>
      <c r="F126987" s="14" t="s">
        <v>15</v>
      </c>
      <c r="G126987" s="16">
        <v>0</v>
      </c>
    </row>
    <row r="126988" spans="1:7" x14ac:dyDescent="0.3">
      <c r="A126988" s="13" t="s">
        <v>584</v>
      </c>
      <c r="B126988" s="14" t="s">
        <v>1</v>
      </c>
      <c r="C126988" s="14" t="s">
        <v>252</v>
      </c>
      <c r="D126988" s="14" t="s">
        <v>39</v>
      </c>
      <c r="E126988" s="15">
        <v>45709</v>
      </c>
      <c r="F126988" s="14" t="s">
        <v>15</v>
      </c>
      <c r="G126988" s="16">
        <v>0</v>
      </c>
    </row>
    <row r="126989" spans="1:7" x14ac:dyDescent="0.3">
      <c r="A126989" s="13" t="s">
        <v>584</v>
      </c>
      <c r="B126989" s="14" t="s">
        <v>1</v>
      </c>
      <c r="C126989" s="14" t="s">
        <v>252</v>
      </c>
      <c r="D126989" s="14" t="s">
        <v>39</v>
      </c>
      <c r="E126989" s="15">
        <v>45710</v>
      </c>
      <c r="F126989" s="14" t="s">
        <v>15</v>
      </c>
      <c r="G126989" s="16">
        <v>0</v>
      </c>
    </row>
    <row r="126990" spans="1:7" x14ac:dyDescent="0.3">
      <c r="A126990" s="13" t="s">
        <v>584</v>
      </c>
      <c r="B126990" s="14" t="s">
        <v>1</v>
      </c>
      <c r="C126990" s="14" t="s">
        <v>252</v>
      </c>
      <c r="D126990" s="14" t="s">
        <v>39</v>
      </c>
      <c r="E126990" s="15">
        <v>45711</v>
      </c>
      <c r="F126990" s="14" t="s">
        <v>15</v>
      </c>
      <c r="G126990" s="16">
        <v>0</v>
      </c>
    </row>
    <row r="126991" spans="1:7" x14ac:dyDescent="0.3">
      <c r="A126991" s="13" t="s">
        <v>584</v>
      </c>
      <c r="B126991" s="14" t="s">
        <v>1</v>
      </c>
      <c r="C126991" s="14" t="s">
        <v>252</v>
      </c>
      <c r="D126991" s="14" t="s">
        <v>39</v>
      </c>
      <c r="E126991" s="15">
        <v>45712</v>
      </c>
      <c r="F126991" s="14" t="s">
        <v>15</v>
      </c>
      <c r="G126991" s="16">
        <v>0</v>
      </c>
    </row>
    <row r="126992" spans="1:7" x14ac:dyDescent="0.3">
      <c r="A126992" s="13" t="s">
        <v>584</v>
      </c>
      <c r="B126992" s="14" t="s">
        <v>1</v>
      </c>
      <c r="C126992" s="14" t="s">
        <v>252</v>
      </c>
      <c r="D126992" s="14" t="s">
        <v>39</v>
      </c>
      <c r="E126992" s="15">
        <v>45713</v>
      </c>
      <c r="F126992" s="14" t="s">
        <v>15</v>
      </c>
      <c r="G126992" s="16">
        <v>0</v>
      </c>
    </row>
    <row r="126993" spans="1:7" x14ac:dyDescent="0.3">
      <c r="A126993" s="13" t="s">
        <v>584</v>
      </c>
      <c r="B126993" s="14" t="s">
        <v>1</v>
      </c>
      <c r="C126993" s="14" t="s">
        <v>252</v>
      </c>
      <c r="D126993" s="14" t="s">
        <v>39</v>
      </c>
      <c r="E126993" s="15">
        <v>45714</v>
      </c>
      <c r="F126993" s="14" t="s">
        <v>15</v>
      </c>
      <c r="G126993" s="16">
        <v>0</v>
      </c>
    </row>
    <row r="126994" spans="1:7" x14ac:dyDescent="0.3">
      <c r="A126994" s="13" t="s">
        <v>584</v>
      </c>
      <c r="B126994" s="14" t="s">
        <v>1</v>
      </c>
      <c r="C126994" s="14" t="s">
        <v>252</v>
      </c>
      <c r="D126994" s="14" t="s">
        <v>39</v>
      </c>
      <c r="E126994" s="15">
        <v>45715</v>
      </c>
      <c r="F126994" s="14" t="s">
        <v>15</v>
      </c>
      <c r="G126994" s="16">
        <v>0</v>
      </c>
    </row>
    <row r="126995" spans="1:7" x14ac:dyDescent="0.3">
      <c r="A126995" s="13" t="s">
        <v>584</v>
      </c>
      <c r="B126995" s="14" t="s">
        <v>1</v>
      </c>
      <c r="C126995" s="14" t="s">
        <v>252</v>
      </c>
      <c r="D126995" s="14" t="s">
        <v>39</v>
      </c>
      <c r="E126995" s="15">
        <v>45716</v>
      </c>
      <c r="F126995" s="14" t="s">
        <v>15</v>
      </c>
      <c r="G126995" s="16">
        <v>0</v>
      </c>
    </row>
    <row r="126996" spans="1:7" x14ac:dyDescent="0.3">
      <c r="A126996" s="13" t="s">
        <v>584</v>
      </c>
      <c r="B126996" s="14" t="s">
        <v>1</v>
      </c>
      <c r="C126996" s="14" t="s">
        <v>252</v>
      </c>
      <c r="D126996" s="14" t="s">
        <v>39</v>
      </c>
      <c r="E126996" s="15">
        <v>45717</v>
      </c>
      <c r="F126996" s="14" t="s">
        <v>15</v>
      </c>
      <c r="G126996" s="16">
        <v>0</v>
      </c>
    </row>
    <row r="126997" spans="1:7" x14ac:dyDescent="0.3">
      <c r="A126997" s="13" t="s">
        <v>584</v>
      </c>
      <c r="B126997" s="14" t="s">
        <v>1</v>
      </c>
      <c r="C126997" s="14" t="s">
        <v>252</v>
      </c>
      <c r="D126997" s="14" t="s">
        <v>39</v>
      </c>
      <c r="E126997" s="15">
        <v>45718</v>
      </c>
      <c r="F126997" s="14" t="s">
        <v>15</v>
      </c>
      <c r="G126997" s="16">
        <v>0</v>
      </c>
    </row>
    <row r="126998" spans="1:7" x14ac:dyDescent="0.3">
      <c r="A126998" s="13" t="s">
        <v>584</v>
      </c>
      <c r="B126998" s="14" t="s">
        <v>1</v>
      </c>
      <c r="C126998" s="14" t="s">
        <v>252</v>
      </c>
      <c r="D126998" s="14" t="s">
        <v>39</v>
      </c>
      <c r="E126998" s="15">
        <v>45719</v>
      </c>
      <c r="F126998" s="14" t="s">
        <v>15</v>
      </c>
      <c r="G126998" s="16">
        <v>0</v>
      </c>
    </row>
    <row r="126999" spans="1:7" x14ac:dyDescent="0.3">
      <c r="A126999" s="13" t="s">
        <v>584</v>
      </c>
      <c r="B126999" s="14" t="s">
        <v>1</v>
      </c>
      <c r="C126999" s="14" t="s">
        <v>252</v>
      </c>
      <c r="D126999" s="14" t="s">
        <v>39</v>
      </c>
      <c r="E126999" s="15">
        <v>45720</v>
      </c>
      <c r="F126999" s="14" t="s">
        <v>15</v>
      </c>
      <c r="G126999" s="16">
        <v>0</v>
      </c>
    </row>
    <row r="127000" spans="1:7" x14ac:dyDescent="0.3">
      <c r="A127000" s="13" t="s">
        <v>584</v>
      </c>
      <c r="B127000" s="14" t="s">
        <v>1</v>
      </c>
      <c r="C127000" s="14" t="s">
        <v>252</v>
      </c>
      <c r="D127000" s="14" t="s">
        <v>39</v>
      </c>
      <c r="E127000" s="15">
        <v>45721</v>
      </c>
      <c r="F127000" s="14" t="s">
        <v>15</v>
      </c>
      <c r="G127000" s="16">
        <v>0</v>
      </c>
    </row>
    <row r="127001" spans="1:7" x14ac:dyDescent="0.3">
      <c r="A127001" s="13" t="s">
        <v>584</v>
      </c>
      <c r="B127001" s="14" t="s">
        <v>1</v>
      </c>
      <c r="C127001" s="14" t="s">
        <v>252</v>
      </c>
      <c r="D127001" s="14" t="s">
        <v>39</v>
      </c>
      <c r="E127001" s="15">
        <v>45722</v>
      </c>
      <c r="F127001" s="14" t="s">
        <v>15</v>
      </c>
      <c r="G127001" s="16">
        <v>0</v>
      </c>
    </row>
    <row r="127002" spans="1:7" x14ac:dyDescent="0.3">
      <c r="A127002" s="13" t="s">
        <v>584</v>
      </c>
      <c r="B127002" s="14" t="s">
        <v>1</v>
      </c>
      <c r="C127002" s="14" t="s">
        <v>252</v>
      </c>
      <c r="D127002" s="14" t="s">
        <v>39</v>
      </c>
      <c r="E127002" s="15">
        <v>45723</v>
      </c>
      <c r="F127002" s="14" t="s">
        <v>15</v>
      </c>
      <c r="G127002" s="16">
        <v>0</v>
      </c>
    </row>
    <row r="127003" spans="1:7" x14ac:dyDescent="0.3">
      <c r="A127003" s="13" t="s">
        <v>584</v>
      </c>
      <c r="B127003" s="14" t="s">
        <v>1</v>
      </c>
      <c r="C127003" s="14" t="s">
        <v>252</v>
      </c>
      <c r="D127003" s="14" t="s">
        <v>39</v>
      </c>
      <c r="E127003" s="15">
        <v>45724</v>
      </c>
      <c r="F127003" s="14" t="s">
        <v>15</v>
      </c>
      <c r="G127003" s="16">
        <v>0</v>
      </c>
    </row>
    <row r="127004" spans="1:7" x14ac:dyDescent="0.3">
      <c r="A127004" s="13" t="s">
        <v>584</v>
      </c>
      <c r="B127004" s="14" t="s">
        <v>1</v>
      </c>
      <c r="C127004" s="14" t="s">
        <v>252</v>
      </c>
      <c r="D127004" s="14" t="s">
        <v>39</v>
      </c>
      <c r="E127004" s="15">
        <v>45725</v>
      </c>
      <c r="F127004" s="14" t="s">
        <v>15</v>
      </c>
      <c r="G127004" s="16">
        <v>0</v>
      </c>
    </row>
    <row r="127005" spans="1:7" x14ac:dyDescent="0.3">
      <c r="A127005" s="13" t="s">
        <v>584</v>
      </c>
      <c r="B127005" s="14" t="s">
        <v>1</v>
      </c>
      <c r="C127005" s="14" t="s">
        <v>252</v>
      </c>
      <c r="D127005" s="14" t="s">
        <v>39</v>
      </c>
      <c r="E127005" s="15">
        <v>45726</v>
      </c>
      <c r="F127005" s="14" t="s">
        <v>15</v>
      </c>
      <c r="G127005" s="16">
        <v>0</v>
      </c>
    </row>
    <row r="127006" spans="1:7" x14ac:dyDescent="0.3">
      <c r="A127006" s="13" t="s">
        <v>584</v>
      </c>
      <c r="B127006" s="14" t="s">
        <v>1</v>
      </c>
      <c r="C127006" s="14" t="s">
        <v>252</v>
      </c>
      <c r="D127006" s="14" t="s">
        <v>39</v>
      </c>
      <c r="E127006" s="15">
        <v>45727</v>
      </c>
      <c r="F127006" s="14" t="s">
        <v>15</v>
      </c>
      <c r="G127006" s="16">
        <v>0</v>
      </c>
    </row>
    <row r="127007" spans="1:7" x14ac:dyDescent="0.3">
      <c r="A127007" s="13" t="s">
        <v>584</v>
      </c>
      <c r="B127007" s="14" t="s">
        <v>1</v>
      </c>
      <c r="C127007" s="14" t="s">
        <v>252</v>
      </c>
      <c r="D127007" s="14" t="s">
        <v>39</v>
      </c>
      <c r="E127007" s="15">
        <v>45728</v>
      </c>
      <c r="F127007" s="14" t="s">
        <v>15</v>
      </c>
      <c r="G127007" s="16">
        <v>0</v>
      </c>
    </row>
    <row r="127008" spans="1:7" x14ac:dyDescent="0.3">
      <c r="A127008" s="13" t="s">
        <v>584</v>
      </c>
      <c r="B127008" s="14" t="s">
        <v>1</v>
      </c>
      <c r="C127008" s="14" t="s">
        <v>252</v>
      </c>
      <c r="D127008" s="14" t="s">
        <v>39</v>
      </c>
      <c r="E127008" s="15">
        <v>45729</v>
      </c>
      <c r="F127008" s="14" t="s">
        <v>15</v>
      </c>
      <c r="G127008" s="16">
        <v>0</v>
      </c>
    </row>
    <row r="127009" spans="1:7" x14ac:dyDescent="0.3">
      <c r="A127009" s="13" t="s">
        <v>584</v>
      </c>
      <c r="B127009" s="14" t="s">
        <v>1</v>
      </c>
      <c r="C127009" s="14" t="s">
        <v>252</v>
      </c>
      <c r="D127009" s="14" t="s">
        <v>39</v>
      </c>
      <c r="E127009" s="15">
        <v>45730</v>
      </c>
      <c r="F127009" s="14" t="s">
        <v>15</v>
      </c>
      <c r="G127009" s="16">
        <v>0</v>
      </c>
    </row>
    <row r="127010" spans="1:7" x14ac:dyDescent="0.3">
      <c r="A127010" s="13" t="s">
        <v>584</v>
      </c>
      <c r="B127010" s="14" t="s">
        <v>1</v>
      </c>
      <c r="C127010" s="14" t="s">
        <v>252</v>
      </c>
      <c r="D127010" s="14" t="s">
        <v>39</v>
      </c>
      <c r="E127010" s="15">
        <v>45731</v>
      </c>
      <c r="F127010" s="14" t="s">
        <v>15</v>
      </c>
      <c r="G127010" s="16">
        <v>0</v>
      </c>
    </row>
    <row r="127011" spans="1:7" x14ac:dyDescent="0.3">
      <c r="A127011" s="13" t="s">
        <v>584</v>
      </c>
      <c r="B127011" s="14" t="s">
        <v>1</v>
      </c>
      <c r="C127011" s="14" t="s">
        <v>252</v>
      </c>
      <c r="D127011" s="14" t="s">
        <v>39</v>
      </c>
      <c r="E127011" s="15">
        <v>45732</v>
      </c>
      <c r="F127011" s="14" t="s">
        <v>15</v>
      </c>
      <c r="G127011" s="16">
        <v>0</v>
      </c>
    </row>
    <row r="127012" spans="1:7" x14ac:dyDescent="0.3">
      <c r="A127012" s="13" t="s">
        <v>584</v>
      </c>
      <c r="B127012" s="14" t="s">
        <v>1</v>
      </c>
      <c r="C127012" s="14" t="s">
        <v>252</v>
      </c>
      <c r="D127012" s="14" t="s">
        <v>39</v>
      </c>
      <c r="E127012" s="15">
        <v>45733</v>
      </c>
      <c r="F127012" s="14" t="s">
        <v>15</v>
      </c>
      <c r="G127012" s="16">
        <v>0</v>
      </c>
    </row>
    <row r="127013" spans="1:7" x14ac:dyDescent="0.3">
      <c r="A127013" s="13" t="s">
        <v>584</v>
      </c>
      <c r="B127013" s="14" t="s">
        <v>1</v>
      </c>
      <c r="C127013" s="14" t="s">
        <v>252</v>
      </c>
      <c r="D127013" s="14" t="s">
        <v>39</v>
      </c>
      <c r="E127013" s="15">
        <v>45734</v>
      </c>
      <c r="F127013" s="14" t="s">
        <v>15</v>
      </c>
      <c r="G127013" s="16">
        <v>0</v>
      </c>
    </row>
    <row r="127014" spans="1:7" x14ac:dyDescent="0.3">
      <c r="A127014" s="13" t="s">
        <v>584</v>
      </c>
      <c r="B127014" s="14" t="s">
        <v>1</v>
      </c>
      <c r="C127014" s="14" t="s">
        <v>252</v>
      </c>
      <c r="D127014" s="14" t="s">
        <v>39</v>
      </c>
      <c r="E127014" s="15">
        <v>45735</v>
      </c>
      <c r="F127014" s="14" t="s">
        <v>15</v>
      </c>
      <c r="G127014" s="16">
        <v>0</v>
      </c>
    </row>
    <row r="127015" spans="1:7" x14ac:dyDescent="0.3">
      <c r="A127015" s="13" t="s">
        <v>584</v>
      </c>
      <c r="B127015" s="14" t="s">
        <v>1</v>
      </c>
      <c r="C127015" s="14" t="s">
        <v>252</v>
      </c>
      <c r="D127015" s="14" t="s">
        <v>39</v>
      </c>
      <c r="E127015" s="15">
        <v>45736</v>
      </c>
      <c r="F127015" s="14" t="s">
        <v>15</v>
      </c>
      <c r="G127015" s="16">
        <v>0</v>
      </c>
    </row>
    <row r="127016" spans="1:7" x14ac:dyDescent="0.3">
      <c r="A127016" s="13" t="s">
        <v>584</v>
      </c>
      <c r="B127016" s="14" t="s">
        <v>1</v>
      </c>
      <c r="C127016" s="14" t="s">
        <v>252</v>
      </c>
      <c r="D127016" s="14" t="s">
        <v>39</v>
      </c>
      <c r="E127016" s="15">
        <v>45737</v>
      </c>
      <c r="F127016" s="14" t="s">
        <v>15</v>
      </c>
      <c r="G127016" s="16">
        <v>0</v>
      </c>
    </row>
    <row r="127017" spans="1:7" x14ac:dyDescent="0.3">
      <c r="A127017" s="13" t="s">
        <v>584</v>
      </c>
      <c r="B127017" s="14" t="s">
        <v>1</v>
      </c>
      <c r="C127017" s="14" t="s">
        <v>252</v>
      </c>
      <c r="D127017" s="14" t="s">
        <v>39</v>
      </c>
      <c r="E127017" s="15">
        <v>45738</v>
      </c>
      <c r="F127017" s="14" t="s">
        <v>15</v>
      </c>
      <c r="G127017" s="16">
        <v>0</v>
      </c>
    </row>
    <row r="127018" spans="1:7" x14ac:dyDescent="0.3">
      <c r="A127018" s="13" t="s">
        <v>584</v>
      </c>
      <c r="B127018" s="14" t="s">
        <v>1</v>
      </c>
      <c r="C127018" s="14" t="s">
        <v>252</v>
      </c>
      <c r="D127018" s="14" t="s">
        <v>39</v>
      </c>
      <c r="E127018" s="15">
        <v>45739</v>
      </c>
      <c r="F127018" s="14" t="s">
        <v>15</v>
      </c>
      <c r="G127018" s="16">
        <v>0</v>
      </c>
    </row>
    <row r="127019" spans="1:7" x14ac:dyDescent="0.3">
      <c r="A127019" s="13" t="s">
        <v>584</v>
      </c>
      <c r="B127019" s="14" t="s">
        <v>1</v>
      </c>
      <c r="C127019" s="14" t="s">
        <v>252</v>
      </c>
      <c r="D127019" s="14" t="s">
        <v>39</v>
      </c>
      <c r="E127019" s="15">
        <v>45740</v>
      </c>
      <c r="F127019" s="14" t="s">
        <v>15</v>
      </c>
      <c r="G127019" s="16">
        <v>0</v>
      </c>
    </row>
    <row r="127020" spans="1:7" x14ac:dyDescent="0.3">
      <c r="A127020" s="13" t="s">
        <v>584</v>
      </c>
      <c r="B127020" s="14" t="s">
        <v>1</v>
      </c>
      <c r="C127020" s="14" t="s">
        <v>252</v>
      </c>
      <c r="D127020" s="14" t="s">
        <v>39</v>
      </c>
      <c r="E127020" s="15">
        <v>45741</v>
      </c>
      <c r="F127020" s="14" t="s">
        <v>15</v>
      </c>
      <c r="G127020" s="16">
        <v>0</v>
      </c>
    </row>
    <row r="127021" spans="1:7" x14ac:dyDescent="0.3">
      <c r="A127021" s="13" t="s">
        <v>584</v>
      </c>
      <c r="B127021" s="14" t="s">
        <v>1</v>
      </c>
      <c r="C127021" s="14" t="s">
        <v>252</v>
      </c>
      <c r="D127021" s="14" t="s">
        <v>39</v>
      </c>
      <c r="E127021" s="15">
        <v>45742</v>
      </c>
      <c r="F127021" s="14" t="s">
        <v>15</v>
      </c>
      <c r="G127021" s="16">
        <v>0</v>
      </c>
    </row>
    <row r="127022" spans="1:7" x14ac:dyDescent="0.3">
      <c r="A127022" s="13" t="s">
        <v>584</v>
      </c>
      <c r="B127022" s="14" t="s">
        <v>1</v>
      </c>
      <c r="C127022" s="14" t="s">
        <v>252</v>
      </c>
      <c r="D127022" s="14" t="s">
        <v>39</v>
      </c>
      <c r="E127022" s="15">
        <v>45743</v>
      </c>
      <c r="F127022" s="14" t="s">
        <v>15</v>
      </c>
      <c r="G127022" s="16">
        <v>0</v>
      </c>
    </row>
    <row r="127023" spans="1:7" x14ac:dyDescent="0.3">
      <c r="A127023" s="13" t="s">
        <v>584</v>
      </c>
      <c r="B127023" s="14" t="s">
        <v>1</v>
      </c>
      <c r="C127023" s="14" t="s">
        <v>252</v>
      </c>
      <c r="D127023" s="14" t="s">
        <v>39</v>
      </c>
      <c r="E127023" s="15">
        <v>45744</v>
      </c>
      <c r="F127023" s="14" t="s">
        <v>15</v>
      </c>
      <c r="G127023" s="16">
        <v>0</v>
      </c>
    </row>
    <row r="127024" spans="1:7" x14ac:dyDescent="0.3">
      <c r="A127024" s="13" t="s">
        <v>584</v>
      </c>
      <c r="B127024" s="14" t="s">
        <v>1</v>
      </c>
      <c r="C127024" s="14" t="s">
        <v>252</v>
      </c>
      <c r="D127024" s="14" t="s">
        <v>39</v>
      </c>
      <c r="E127024" s="15">
        <v>45745</v>
      </c>
      <c r="F127024" s="14" t="s">
        <v>15</v>
      </c>
      <c r="G127024" s="16">
        <v>0</v>
      </c>
    </row>
    <row r="127025" spans="1:7" x14ac:dyDescent="0.3">
      <c r="A127025" s="13" t="s">
        <v>584</v>
      </c>
      <c r="B127025" s="14" t="s">
        <v>1</v>
      </c>
      <c r="C127025" s="14" t="s">
        <v>252</v>
      </c>
      <c r="D127025" s="14" t="s">
        <v>39</v>
      </c>
      <c r="E127025" s="15">
        <v>45746</v>
      </c>
      <c r="F127025" s="14" t="s">
        <v>15</v>
      </c>
      <c r="G127025" s="16">
        <v>0</v>
      </c>
    </row>
    <row r="127026" spans="1:7" x14ac:dyDescent="0.3">
      <c r="A127026" s="13" t="s">
        <v>584</v>
      </c>
      <c r="B127026" s="14" t="s">
        <v>1</v>
      </c>
      <c r="C127026" s="14" t="s">
        <v>252</v>
      </c>
      <c r="D127026" s="14" t="s">
        <v>39</v>
      </c>
      <c r="E127026" s="15">
        <v>45747</v>
      </c>
      <c r="F127026" s="14" t="s">
        <v>15</v>
      </c>
      <c r="G127026" s="16">
        <v>0</v>
      </c>
    </row>
    <row r="127027" spans="1:7" x14ac:dyDescent="0.3">
      <c r="A127027" s="13" t="s">
        <v>585</v>
      </c>
      <c r="B127027" s="14" t="s">
        <v>1</v>
      </c>
      <c r="C127027" s="14" t="s">
        <v>546</v>
      </c>
      <c r="D127027" s="14" t="s">
        <v>31</v>
      </c>
      <c r="E127027" s="15">
        <v>45383</v>
      </c>
      <c r="F127027" s="14" t="s">
        <v>15</v>
      </c>
      <c r="G127027" s="16">
        <v>0</v>
      </c>
    </row>
    <row r="127028" spans="1:7" x14ac:dyDescent="0.3">
      <c r="A127028" s="13" t="s">
        <v>585</v>
      </c>
      <c r="B127028" s="14" t="s">
        <v>1</v>
      </c>
      <c r="C127028" s="14" t="s">
        <v>546</v>
      </c>
      <c r="D127028" s="14" t="s">
        <v>31</v>
      </c>
      <c r="E127028" s="15">
        <v>45384</v>
      </c>
      <c r="F127028" s="14" t="s">
        <v>15</v>
      </c>
      <c r="G127028" s="16">
        <v>0</v>
      </c>
    </row>
    <row r="127029" spans="1:7" x14ac:dyDescent="0.3">
      <c r="A127029" s="13" t="s">
        <v>585</v>
      </c>
      <c r="B127029" s="14" t="s">
        <v>1</v>
      </c>
      <c r="C127029" s="14" t="s">
        <v>546</v>
      </c>
      <c r="D127029" s="14" t="s">
        <v>31</v>
      </c>
      <c r="E127029" s="15">
        <v>45385</v>
      </c>
      <c r="F127029" s="14" t="s">
        <v>15</v>
      </c>
      <c r="G127029" s="16">
        <v>0</v>
      </c>
    </row>
    <row r="127030" spans="1:7" x14ac:dyDescent="0.3">
      <c r="A127030" s="13" t="s">
        <v>585</v>
      </c>
      <c r="B127030" s="14" t="s">
        <v>1</v>
      </c>
      <c r="C127030" s="14" t="s">
        <v>546</v>
      </c>
      <c r="D127030" s="14" t="s">
        <v>31</v>
      </c>
      <c r="E127030" s="15">
        <v>45386</v>
      </c>
      <c r="F127030" s="14" t="s">
        <v>15</v>
      </c>
      <c r="G127030" s="16">
        <v>0</v>
      </c>
    </row>
    <row r="127031" spans="1:7" x14ac:dyDescent="0.3">
      <c r="A127031" s="13" t="s">
        <v>585</v>
      </c>
      <c r="B127031" s="14" t="s">
        <v>1</v>
      </c>
      <c r="C127031" s="14" t="s">
        <v>546</v>
      </c>
      <c r="D127031" s="14" t="s">
        <v>31</v>
      </c>
      <c r="E127031" s="15">
        <v>45387</v>
      </c>
      <c r="F127031" s="14" t="s">
        <v>15</v>
      </c>
      <c r="G127031" s="16">
        <v>0</v>
      </c>
    </row>
    <row r="127032" spans="1:7" x14ac:dyDescent="0.3">
      <c r="A127032" s="13" t="s">
        <v>585</v>
      </c>
      <c r="B127032" s="14" t="s">
        <v>1</v>
      </c>
      <c r="C127032" s="14" t="s">
        <v>546</v>
      </c>
      <c r="D127032" s="14" t="s">
        <v>31</v>
      </c>
      <c r="E127032" s="15">
        <v>45388</v>
      </c>
      <c r="F127032" s="14" t="s">
        <v>15</v>
      </c>
      <c r="G127032" s="16">
        <v>0</v>
      </c>
    </row>
    <row r="127033" spans="1:7" x14ac:dyDescent="0.3">
      <c r="A127033" s="13" t="s">
        <v>585</v>
      </c>
      <c r="B127033" s="14" t="s">
        <v>1</v>
      </c>
      <c r="C127033" s="14" t="s">
        <v>546</v>
      </c>
      <c r="D127033" s="14" t="s">
        <v>31</v>
      </c>
      <c r="E127033" s="15">
        <v>45389</v>
      </c>
      <c r="F127033" s="14" t="s">
        <v>15</v>
      </c>
      <c r="G127033" s="16">
        <v>0</v>
      </c>
    </row>
    <row r="127034" spans="1:7" x14ac:dyDescent="0.3">
      <c r="A127034" s="13" t="s">
        <v>585</v>
      </c>
      <c r="B127034" s="14" t="s">
        <v>1</v>
      </c>
      <c r="C127034" s="14" t="s">
        <v>546</v>
      </c>
      <c r="D127034" s="14" t="s">
        <v>31</v>
      </c>
      <c r="E127034" s="15">
        <v>45390</v>
      </c>
      <c r="F127034" s="14" t="s">
        <v>15</v>
      </c>
      <c r="G127034" s="16">
        <v>0</v>
      </c>
    </row>
    <row r="127035" spans="1:7" x14ac:dyDescent="0.3">
      <c r="A127035" s="13" t="s">
        <v>585</v>
      </c>
      <c r="B127035" s="14" t="s">
        <v>1</v>
      </c>
      <c r="C127035" s="14" t="s">
        <v>546</v>
      </c>
      <c r="D127035" s="14" t="s">
        <v>31</v>
      </c>
      <c r="E127035" s="15">
        <v>45391</v>
      </c>
      <c r="F127035" s="14" t="s">
        <v>15</v>
      </c>
      <c r="G127035" s="16">
        <v>7.8532838386339444E-3</v>
      </c>
    </row>
    <row r="127036" spans="1:7" x14ac:dyDescent="0.3">
      <c r="A127036" s="13" t="s">
        <v>585</v>
      </c>
      <c r="B127036" s="14" t="s">
        <v>1</v>
      </c>
      <c r="C127036" s="14" t="s">
        <v>546</v>
      </c>
      <c r="D127036" s="14" t="s">
        <v>31</v>
      </c>
      <c r="E127036" s="15">
        <v>45392</v>
      </c>
      <c r="F127036" s="14" t="s">
        <v>15</v>
      </c>
      <c r="G127036" s="16">
        <v>6.4399429021555358E-3</v>
      </c>
    </row>
    <row r="127037" spans="1:7" x14ac:dyDescent="0.3">
      <c r="A127037" s="13" t="s">
        <v>585</v>
      </c>
      <c r="B127037" s="14" t="s">
        <v>1</v>
      </c>
      <c r="C127037" s="14" t="s">
        <v>546</v>
      </c>
      <c r="D127037" s="14" t="s">
        <v>31</v>
      </c>
      <c r="E127037" s="15">
        <v>45393</v>
      </c>
      <c r="F127037" s="14" t="s">
        <v>15</v>
      </c>
      <c r="G127037" s="16">
        <v>5.0228725003498668E-3</v>
      </c>
    </row>
    <row r="127038" spans="1:7" x14ac:dyDescent="0.3">
      <c r="A127038" s="13" t="s">
        <v>585</v>
      </c>
      <c r="B127038" s="14" t="s">
        <v>1</v>
      </c>
      <c r="C127038" s="14" t="s">
        <v>546</v>
      </c>
      <c r="D127038" s="14" t="s">
        <v>31</v>
      </c>
      <c r="E127038" s="15">
        <v>45394</v>
      </c>
      <c r="F127038" s="14" t="s">
        <v>15</v>
      </c>
      <c r="G127038" s="16">
        <v>3.59325466011265E-3</v>
      </c>
    </row>
    <row r="127039" spans="1:7" x14ac:dyDescent="0.3">
      <c r="A127039" s="13" t="s">
        <v>585</v>
      </c>
      <c r="B127039" s="14" t="s">
        <v>1</v>
      </c>
      <c r="C127039" s="14" t="s">
        <v>546</v>
      </c>
      <c r="D127039" s="14" t="s">
        <v>31</v>
      </c>
      <c r="E127039" s="15">
        <v>45395</v>
      </c>
      <c r="F127039" s="14" t="s">
        <v>15</v>
      </c>
      <c r="G127039" s="16">
        <v>3.59325466011265E-3</v>
      </c>
    </row>
    <row r="127040" spans="1:7" x14ac:dyDescent="0.3">
      <c r="A127040" s="13" t="s">
        <v>585</v>
      </c>
      <c r="B127040" s="14" t="s">
        <v>1</v>
      </c>
      <c r="C127040" s="14" t="s">
        <v>546</v>
      </c>
      <c r="D127040" s="14" t="s">
        <v>31</v>
      </c>
      <c r="E127040" s="15">
        <v>45396</v>
      </c>
      <c r="F127040" s="14" t="s">
        <v>15</v>
      </c>
      <c r="G127040" s="16">
        <v>3.59325466011265E-3</v>
      </c>
    </row>
    <row r="127041" spans="1:7" x14ac:dyDescent="0.3">
      <c r="A127041" s="13" t="s">
        <v>585</v>
      </c>
      <c r="B127041" s="14" t="s">
        <v>1</v>
      </c>
      <c r="C127041" s="14" t="s">
        <v>546</v>
      </c>
      <c r="D127041" s="14" t="s">
        <v>31</v>
      </c>
      <c r="E127041" s="15">
        <v>45397</v>
      </c>
      <c r="F127041" s="14" t="s">
        <v>15</v>
      </c>
      <c r="G127041" s="16">
        <v>2.1649958623251981E-3</v>
      </c>
    </row>
    <row r="127042" spans="1:7" x14ac:dyDescent="0.3">
      <c r="A127042" s="13" t="s">
        <v>585</v>
      </c>
      <c r="B127042" s="14" t="s">
        <v>1</v>
      </c>
      <c r="C127042" s="14" t="s">
        <v>546</v>
      </c>
      <c r="D127042" s="14" t="s">
        <v>31</v>
      </c>
      <c r="E127042" s="15">
        <v>45398</v>
      </c>
      <c r="F127042" s="14" t="s">
        <v>15</v>
      </c>
      <c r="G127042" s="16">
        <v>0</v>
      </c>
    </row>
    <row r="127043" spans="1:7" x14ac:dyDescent="0.3">
      <c r="A127043" s="13" t="s">
        <v>585</v>
      </c>
      <c r="B127043" s="14" t="s">
        <v>1</v>
      </c>
      <c r="C127043" s="14" t="s">
        <v>546</v>
      </c>
      <c r="D127043" s="14" t="s">
        <v>31</v>
      </c>
      <c r="E127043" s="15">
        <v>45399</v>
      </c>
      <c r="F127043" s="14" t="s">
        <v>15</v>
      </c>
      <c r="G127043" s="16">
        <v>0</v>
      </c>
    </row>
    <row r="127044" spans="1:7" x14ac:dyDescent="0.3">
      <c r="A127044" s="13" t="s">
        <v>585</v>
      </c>
      <c r="B127044" s="14" t="s">
        <v>1</v>
      </c>
      <c r="C127044" s="14" t="s">
        <v>546</v>
      </c>
      <c r="D127044" s="14" t="s">
        <v>31</v>
      </c>
      <c r="E127044" s="15">
        <v>45400</v>
      </c>
      <c r="F127044" s="14" t="s">
        <v>15</v>
      </c>
      <c r="G127044" s="16">
        <v>0</v>
      </c>
    </row>
    <row r="127045" spans="1:7" x14ac:dyDescent="0.3">
      <c r="A127045" s="13" t="s">
        <v>585</v>
      </c>
      <c r="B127045" s="14" t="s">
        <v>1</v>
      </c>
      <c r="C127045" s="14" t="s">
        <v>546</v>
      </c>
      <c r="D127045" s="14" t="s">
        <v>31</v>
      </c>
      <c r="E127045" s="15">
        <v>45401</v>
      </c>
      <c r="F127045" s="14" t="s">
        <v>15</v>
      </c>
      <c r="G127045" s="16">
        <v>0</v>
      </c>
    </row>
    <row r="127046" spans="1:7" x14ac:dyDescent="0.3">
      <c r="A127046" s="13" t="s">
        <v>585</v>
      </c>
      <c r="B127046" s="14" t="s">
        <v>1</v>
      </c>
      <c r="C127046" s="14" t="s">
        <v>546</v>
      </c>
      <c r="D127046" s="14" t="s">
        <v>31</v>
      </c>
      <c r="E127046" s="15">
        <v>45402</v>
      </c>
      <c r="F127046" s="14" t="s">
        <v>15</v>
      </c>
      <c r="G127046" s="16">
        <v>0</v>
      </c>
    </row>
    <row r="127047" spans="1:7" x14ac:dyDescent="0.3">
      <c r="A127047" s="13" t="s">
        <v>585</v>
      </c>
      <c r="B127047" s="14" t="s">
        <v>1</v>
      </c>
      <c r="C127047" s="14" t="s">
        <v>546</v>
      </c>
      <c r="D127047" s="14" t="s">
        <v>31</v>
      </c>
      <c r="E127047" s="15">
        <v>45403</v>
      </c>
      <c r="F127047" s="14" t="s">
        <v>15</v>
      </c>
      <c r="G127047" s="16">
        <v>0</v>
      </c>
    </row>
    <row r="127048" spans="1:7" x14ac:dyDescent="0.3">
      <c r="A127048" s="13" t="s">
        <v>585</v>
      </c>
      <c r="B127048" s="14" t="s">
        <v>1</v>
      </c>
      <c r="C127048" s="14" t="s">
        <v>546</v>
      </c>
      <c r="D127048" s="14" t="s">
        <v>31</v>
      </c>
      <c r="E127048" s="15">
        <v>45404</v>
      </c>
      <c r="F127048" s="14" t="s">
        <v>15</v>
      </c>
      <c r="G127048" s="16">
        <v>0</v>
      </c>
    </row>
    <row r="127049" spans="1:7" x14ac:dyDescent="0.3">
      <c r="A127049" s="13" t="s">
        <v>585</v>
      </c>
      <c r="B127049" s="14" t="s">
        <v>1</v>
      </c>
      <c r="C127049" s="14" t="s">
        <v>546</v>
      </c>
      <c r="D127049" s="14" t="s">
        <v>31</v>
      </c>
      <c r="E127049" s="15">
        <v>45405</v>
      </c>
      <c r="F127049" s="14" t="s">
        <v>15</v>
      </c>
      <c r="G127049" s="16">
        <v>5.7430771374881659E-4</v>
      </c>
    </row>
    <row r="127050" spans="1:7" x14ac:dyDescent="0.3">
      <c r="A127050" s="13" t="s">
        <v>585</v>
      </c>
      <c r="B127050" s="14" t="s">
        <v>1</v>
      </c>
      <c r="C127050" s="14" t="s">
        <v>546</v>
      </c>
      <c r="D127050" s="14" t="s">
        <v>31</v>
      </c>
      <c r="E127050" s="15">
        <v>45406</v>
      </c>
      <c r="F127050" s="14" t="s">
        <v>15</v>
      </c>
      <c r="G127050" s="16">
        <v>0</v>
      </c>
    </row>
    <row r="127051" spans="1:7" x14ac:dyDescent="0.3">
      <c r="A127051" s="13" t="s">
        <v>585</v>
      </c>
      <c r="B127051" s="14" t="s">
        <v>1</v>
      </c>
      <c r="C127051" s="14" t="s">
        <v>546</v>
      </c>
      <c r="D127051" s="14" t="s">
        <v>31</v>
      </c>
      <c r="E127051" s="15">
        <v>45407</v>
      </c>
      <c r="F127051" s="14" t="s">
        <v>15</v>
      </c>
      <c r="G127051" s="16">
        <v>0</v>
      </c>
    </row>
    <row r="127052" spans="1:7" x14ac:dyDescent="0.3">
      <c r="A127052" s="13" t="s">
        <v>585</v>
      </c>
      <c r="B127052" s="14" t="s">
        <v>1</v>
      </c>
      <c r="C127052" s="14" t="s">
        <v>546</v>
      </c>
      <c r="D127052" s="14" t="s">
        <v>31</v>
      </c>
      <c r="E127052" s="15">
        <v>45408</v>
      </c>
      <c r="F127052" s="14" t="s">
        <v>15</v>
      </c>
      <c r="G127052" s="16">
        <v>0</v>
      </c>
    </row>
    <row r="127053" spans="1:7" x14ac:dyDescent="0.3">
      <c r="A127053" s="13" t="s">
        <v>585</v>
      </c>
      <c r="B127053" s="14" t="s">
        <v>1</v>
      </c>
      <c r="C127053" s="14" t="s">
        <v>546</v>
      </c>
      <c r="D127053" s="14" t="s">
        <v>31</v>
      </c>
      <c r="E127053" s="15">
        <v>45409</v>
      </c>
      <c r="F127053" s="14" t="s">
        <v>15</v>
      </c>
      <c r="G127053" s="16">
        <v>0</v>
      </c>
    </row>
    <row r="127054" spans="1:7" x14ac:dyDescent="0.3">
      <c r="A127054" s="13" t="s">
        <v>585</v>
      </c>
      <c r="B127054" s="14" t="s">
        <v>1</v>
      </c>
      <c r="C127054" s="14" t="s">
        <v>546</v>
      </c>
      <c r="D127054" s="14" t="s">
        <v>31</v>
      </c>
      <c r="E127054" s="15">
        <v>45410</v>
      </c>
      <c r="F127054" s="14" t="s">
        <v>15</v>
      </c>
      <c r="G127054" s="16">
        <v>0</v>
      </c>
    </row>
    <row r="127055" spans="1:7" x14ac:dyDescent="0.3">
      <c r="A127055" s="13" t="s">
        <v>585</v>
      </c>
      <c r="B127055" s="14" t="s">
        <v>1</v>
      </c>
      <c r="C127055" s="14" t="s">
        <v>546</v>
      </c>
      <c r="D127055" s="14" t="s">
        <v>31</v>
      </c>
      <c r="E127055" s="15">
        <v>45411</v>
      </c>
      <c r="F127055" s="14" t="s">
        <v>15</v>
      </c>
      <c r="G127055" s="16">
        <v>0</v>
      </c>
    </row>
    <row r="127056" spans="1:7" x14ac:dyDescent="0.3">
      <c r="A127056" s="13" t="s">
        <v>585</v>
      </c>
      <c r="B127056" s="14" t="s">
        <v>1</v>
      </c>
      <c r="C127056" s="14" t="s">
        <v>546</v>
      </c>
      <c r="D127056" s="14" t="s">
        <v>31</v>
      </c>
      <c r="E127056" s="15">
        <v>45412</v>
      </c>
      <c r="F127056" s="14" t="s">
        <v>15</v>
      </c>
      <c r="G127056" s="16">
        <v>0</v>
      </c>
    </row>
    <row r="127057" spans="1:7" x14ac:dyDescent="0.3">
      <c r="A127057" s="13" t="s">
        <v>585</v>
      </c>
      <c r="B127057" s="14" t="s">
        <v>1</v>
      </c>
      <c r="C127057" s="14" t="s">
        <v>546</v>
      </c>
      <c r="D127057" s="14" t="s">
        <v>31</v>
      </c>
      <c r="E127057" s="15">
        <v>45413</v>
      </c>
      <c r="F127057" s="14" t="s">
        <v>15</v>
      </c>
      <c r="G127057" s="16">
        <v>0</v>
      </c>
    </row>
    <row r="127058" spans="1:7" x14ac:dyDescent="0.3">
      <c r="A127058" s="13" t="s">
        <v>585</v>
      </c>
      <c r="B127058" s="14" t="s">
        <v>1</v>
      </c>
      <c r="C127058" s="14" t="s">
        <v>546</v>
      </c>
      <c r="D127058" s="14" t="s">
        <v>31</v>
      </c>
      <c r="E127058" s="15">
        <v>45414</v>
      </c>
      <c r="F127058" s="14" t="s">
        <v>15</v>
      </c>
      <c r="G127058" s="16">
        <v>0</v>
      </c>
    </row>
    <row r="127059" spans="1:7" x14ac:dyDescent="0.3">
      <c r="A127059" s="13" t="s">
        <v>585</v>
      </c>
      <c r="B127059" s="14" t="s">
        <v>1</v>
      </c>
      <c r="C127059" s="14" t="s">
        <v>546</v>
      </c>
      <c r="D127059" s="14" t="s">
        <v>31</v>
      </c>
      <c r="E127059" s="15">
        <v>45415</v>
      </c>
      <c r="F127059" s="14" t="s">
        <v>15</v>
      </c>
      <c r="G127059" s="16">
        <v>0</v>
      </c>
    </row>
    <row r="127060" spans="1:7" x14ac:dyDescent="0.3">
      <c r="A127060" s="13" t="s">
        <v>585</v>
      </c>
      <c r="B127060" s="14" t="s">
        <v>1</v>
      </c>
      <c r="C127060" s="14" t="s">
        <v>546</v>
      </c>
      <c r="D127060" s="14" t="s">
        <v>31</v>
      </c>
      <c r="E127060" s="15">
        <v>45416</v>
      </c>
      <c r="F127060" s="14" t="s">
        <v>15</v>
      </c>
      <c r="G127060" s="16">
        <v>0</v>
      </c>
    </row>
    <row r="127061" spans="1:7" x14ac:dyDescent="0.3">
      <c r="A127061" s="13" t="s">
        <v>585</v>
      </c>
      <c r="B127061" s="14" t="s">
        <v>1</v>
      </c>
      <c r="C127061" s="14" t="s">
        <v>546</v>
      </c>
      <c r="D127061" s="14" t="s">
        <v>31</v>
      </c>
      <c r="E127061" s="15">
        <v>45417</v>
      </c>
      <c r="F127061" s="14" t="s">
        <v>15</v>
      </c>
      <c r="G127061" s="16">
        <v>0</v>
      </c>
    </row>
    <row r="127062" spans="1:7" x14ac:dyDescent="0.3">
      <c r="A127062" s="13" t="s">
        <v>585</v>
      </c>
      <c r="B127062" s="14" t="s">
        <v>1</v>
      </c>
      <c r="C127062" s="14" t="s">
        <v>546</v>
      </c>
      <c r="D127062" s="14" t="s">
        <v>31</v>
      </c>
      <c r="E127062" s="15">
        <v>45418</v>
      </c>
      <c r="F127062" s="14" t="s">
        <v>15</v>
      </c>
      <c r="G127062" s="16">
        <v>0</v>
      </c>
    </row>
    <row r="127063" spans="1:7" x14ac:dyDescent="0.3">
      <c r="A127063" s="13" t="s">
        <v>585</v>
      </c>
      <c r="B127063" s="14" t="s">
        <v>1</v>
      </c>
      <c r="C127063" s="14" t="s">
        <v>546</v>
      </c>
      <c r="D127063" s="14" t="s">
        <v>31</v>
      </c>
      <c r="E127063" s="15">
        <v>45419</v>
      </c>
      <c r="F127063" s="14" t="s">
        <v>15</v>
      </c>
      <c r="G127063" s="16">
        <v>1.8192336523181564E-2</v>
      </c>
    </row>
    <row r="127064" spans="1:7" x14ac:dyDescent="0.3">
      <c r="A127064" s="13" t="s">
        <v>585</v>
      </c>
      <c r="B127064" s="14" t="s">
        <v>1</v>
      </c>
      <c r="C127064" s="14" t="s">
        <v>546</v>
      </c>
      <c r="D127064" s="14" t="s">
        <v>31</v>
      </c>
      <c r="E127064" s="15">
        <v>45420</v>
      </c>
      <c r="F127064" s="14" t="s">
        <v>15</v>
      </c>
      <c r="G127064" s="16">
        <v>1.2557231488310453E-2</v>
      </c>
    </row>
    <row r="127065" spans="1:7" x14ac:dyDescent="0.3">
      <c r="A127065" s="13" t="s">
        <v>585</v>
      </c>
      <c r="B127065" s="14" t="s">
        <v>1</v>
      </c>
      <c r="C127065" s="14" t="s">
        <v>546</v>
      </c>
      <c r="D127065" s="14" t="s">
        <v>31</v>
      </c>
      <c r="E127065" s="15">
        <v>45421</v>
      </c>
      <c r="F127065" s="14" t="s">
        <v>15</v>
      </c>
      <c r="G127065" s="16">
        <v>1.1019928662378359E-2</v>
      </c>
    </row>
    <row r="127066" spans="1:7" x14ac:dyDescent="0.3">
      <c r="A127066" s="13" t="s">
        <v>585</v>
      </c>
      <c r="B127066" s="14" t="s">
        <v>1</v>
      </c>
      <c r="C127066" s="14" t="s">
        <v>546</v>
      </c>
      <c r="D127066" s="14" t="s">
        <v>31</v>
      </c>
      <c r="E127066" s="15">
        <v>45422</v>
      </c>
      <c r="F127066" s="14" t="s">
        <v>15</v>
      </c>
      <c r="G127066" s="16">
        <v>9.5017155799924057E-3</v>
      </c>
    </row>
    <row r="127067" spans="1:7" x14ac:dyDescent="0.3">
      <c r="A127067" s="13" t="s">
        <v>585</v>
      </c>
      <c r="B127067" s="14" t="s">
        <v>1</v>
      </c>
      <c r="C127067" s="14" t="s">
        <v>546</v>
      </c>
      <c r="D127067" s="14" t="s">
        <v>31</v>
      </c>
      <c r="E127067" s="15">
        <v>45423</v>
      </c>
      <c r="F127067" s="14" t="s">
        <v>15</v>
      </c>
      <c r="G127067" s="16">
        <v>9.5017155799924057E-3</v>
      </c>
    </row>
    <row r="127068" spans="1:7" x14ac:dyDescent="0.3">
      <c r="A127068" s="13" t="s">
        <v>585</v>
      </c>
      <c r="B127068" s="14" t="s">
        <v>1</v>
      </c>
      <c r="C127068" s="14" t="s">
        <v>546</v>
      </c>
      <c r="D127068" s="14" t="s">
        <v>31</v>
      </c>
      <c r="E127068" s="15">
        <v>45424</v>
      </c>
      <c r="F127068" s="14" t="s">
        <v>15</v>
      </c>
      <c r="G127068" s="16">
        <v>9.5017155799924057E-3</v>
      </c>
    </row>
    <row r="127069" spans="1:7" x14ac:dyDescent="0.3">
      <c r="A127069" s="13" t="s">
        <v>585</v>
      </c>
      <c r="B127069" s="14" t="s">
        <v>1</v>
      </c>
      <c r="C127069" s="14" t="s">
        <v>546</v>
      </c>
      <c r="D127069" s="14" t="s">
        <v>31</v>
      </c>
      <c r="E127069" s="15">
        <v>45425</v>
      </c>
      <c r="F127069" s="14" t="s">
        <v>15</v>
      </c>
      <c r="G127069" s="16">
        <v>7.9638861913674305E-3</v>
      </c>
    </row>
    <row r="127070" spans="1:7" x14ac:dyDescent="0.3">
      <c r="A127070" s="13" t="s">
        <v>585</v>
      </c>
      <c r="B127070" s="14" t="s">
        <v>1</v>
      </c>
      <c r="C127070" s="14" t="s">
        <v>546</v>
      </c>
      <c r="D127070" s="14" t="s">
        <v>31</v>
      </c>
      <c r="E127070" s="15">
        <v>45426</v>
      </c>
      <c r="F127070" s="14" t="s">
        <v>15</v>
      </c>
      <c r="G127070" s="16">
        <v>9.8407565682143792E-3</v>
      </c>
    </row>
    <row r="127071" spans="1:7" x14ac:dyDescent="0.3">
      <c r="A127071" s="13" t="s">
        <v>585</v>
      </c>
      <c r="B127071" s="14" t="s">
        <v>1</v>
      </c>
      <c r="C127071" s="14" t="s">
        <v>546</v>
      </c>
      <c r="D127071" s="14" t="s">
        <v>31</v>
      </c>
      <c r="E127071" s="15">
        <v>45427</v>
      </c>
      <c r="F127071" s="14" t="s">
        <v>15</v>
      </c>
      <c r="G127071" s="16">
        <v>9.8407565682143792E-3</v>
      </c>
    </row>
    <row r="127072" spans="1:7" x14ac:dyDescent="0.3">
      <c r="A127072" s="13" t="s">
        <v>585</v>
      </c>
      <c r="B127072" s="14" t="s">
        <v>1</v>
      </c>
      <c r="C127072" s="14" t="s">
        <v>546</v>
      </c>
      <c r="D127072" s="14" t="s">
        <v>31</v>
      </c>
      <c r="E127072" s="15">
        <v>45428</v>
      </c>
      <c r="F127072" s="14" t="s">
        <v>15</v>
      </c>
      <c r="G127072" s="16">
        <v>8.2880798294862838E-3</v>
      </c>
    </row>
    <row r="127073" spans="1:7" x14ac:dyDescent="0.3">
      <c r="A127073" s="13" t="s">
        <v>585</v>
      </c>
      <c r="B127073" s="14" t="s">
        <v>1</v>
      </c>
      <c r="C127073" s="14" t="s">
        <v>546</v>
      </c>
      <c r="D127073" s="14" t="s">
        <v>31</v>
      </c>
      <c r="E127073" s="15">
        <v>45429</v>
      </c>
      <c r="F127073" s="14" t="s">
        <v>15</v>
      </c>
      <c r="G127073" s="16">
        <v>4.0866345259819893E-2</v>
      </c>
    </row>
    <row r="127074" spans="1:7" x14ac:dyDescent="0.3">
      <c r="A127074" s="13" t="s">
        <v>585</v>
      </c>
      <c r="B127074" s="14" t="s">
        <v>1</v>
      </c>
      <c r="C127074" s="14" t="s">
        <v>546</v>
      </c>
      <c r="D127074" s="14" t="s">
        <v>31</v>
      </c>
      <c r="E127074" s="15">
        <v>45430</v>
      </c>
      <c r="F127074" s="14" t="s">
        <v>15</v>
      </c>
      <c r="G127074" s="16">
        <v>4.0866345259819893E-2</v>
      </c>
    </row>
    <row r="127075" spans="1:7" x14ac:dyDescent="0.3">
      <c r="A127075" s="13" t="s">
        <v>585</v>
      </c>
      <c r="B127075" s="14" t="s">
        <v>1</v>
      </c>
      <c r="C127075" s="14" t="s">
        <v>546</v>
      </c>
      <c r="D127075" s="14" t="s">
        <v>31</v>
      </c>
      <c r="E127075" s="15">
        <v>45431</v>
      </c>
      <c r="F127075" s="14" t="s">
        <v>15</v>
      </c>
      <c r="G127075" s="16">
        <v>4.0866345259819893E-2</v>
      </c>
    </row>
    <row r="127076" spans="1:7" x14ac:dyDescent="0.3">
      <c r="A127076" s="13" t="s">
        <v>585</v>
      </c>
      <c r="B127076" s="14" t="s">
        <v>1</v>
      </c>
      <c r="C127076" s="14" t="s">
        <v>546</v>
      </c>
      <c r="D127076" s="14" t="s">
        <v>31</v>
      </c>
      <c r="E127076" s="15">
        <v>45432</v>
      </c>
      <c r="F127076" s="14" t="s">
        <v>15</v>
      </c>
      <c r="G127076" s="16">
        <v>9.1474952876621204E-2</v>
      </c>
    </row>
    <row r="127077" spans="1:7" x14ac:dyDescent="0.3">
      <c r="A127077" s="13" t="s">
        <v>585</v>
      </c>
      <c r="B127077" s="14" t="s">
        <v>1</v>
      </c>
      <c r="C127077" s="14" t="s">
        <v>546</v>
      </c>
      <c r="D127077" s="14" t="s">
        <v>31</v>
      </c>
      <c r="E127077" s="15">
        <v>45433</v>
      </c>
      <c r="F127077" s="14" t="s">
        <v>15</v>
      </c>
      <c r="G127077" s="16">
        <v>8.671817347538277E-2</v>
      </c>
    </row>
    <row r="127078" spans="1:7" x14ac:dyDescent="0.3">
      <c r="A127078" s="13" t="s">
        <v>585</v>
      </c>
      <c r="B127078" s="14" t="s">
        <v>1</v>
      </c>
      <c r="C127078" s="14" t="s">
        <v>546</v>
      </c>
      <c r="D127078" s="14" t="s">
        <v>31</v>
      </c>
      <c r="E127078" s="15">
        <v>45434</v>
      </c>
      <c r="F127078" s="14" t="s">
        <v>15</v>
      </c>
      <c r="G127078" s="16">
        <v>9.8626861014515885E-2</v>
      </c>
    </row>
    <row r="127079" spans="1:7" x14ac:dyDescent="0.3">
      <c r="A127079" s="13" t="s">
        <v>585</v>
      </c>
      <c r="B127079" s="14" t="s">
        <v>1</v>
      </c>
      <c r="C127079" s="14" t="s">
        <v>546</v>
      </c>
      <c r="D127079" s="14" t="s">
        <v>31</v>
      </c>
      <c r="E127079" s="15">
        <v>45435</v>
      </c>
      <c r="F127079" s="14" t="s">
        <v>15</v>
      </c>
      <c r="G127079" s="16">
        <v>9.70578426527621E-2</v>
      </c>
    </row>
    <row r="127080" spans="1:7" x14ac:dyDescent="0.3">
      <c r="A127080" s="13" t="s">
        <v>585</v>
      </c>
      <c r="B127080" s="14" t="s">
        <v>1</v>
      </c>
      <c r="C127080" s="14" t="s">
        <v>546</v>
      </c>
      <c r="D127080" s="14" t="s">
        <v>31</v>
      </c>
      <c r="E127080" s="15">
        <v>45436</v>
      </c>
      <c r="F127080" s="14" t="s">
        <v>15</v>
      </c>
      <c r="G127080" s="16">
        <v>9.5494437722925332E-2</v>
      </c>
    </row>
    <row r="127081" spans="1:7" x14ac:dyDescent="0.3">
      <c r="A127081" s="13" t="s">
        <v>585</v>
      </c>
      <c r="B127081" s="14" t="s">
        <v>1</v>
      </c>
      <c r="C127081" s="14" t="s">
        <v>546</v>
      </c>
      <c r="D127081" s="14" t="s">
        <v>31</v>
      </c>
      <c r="E127081" s="15">
        <v>45437</v>
      </c>
      <c r="F127081" s="14" t="s">
        <v>15</v>
      </c>
      <c r="G127081" s="16">
        <v>9.5494437722925332E-2</v>
      </c>
    </row>
    <row r="127082" spans="1:7" x14ac:dyDescent="0.3">
      <c r="A127082" s="13" t="s">
        <v>585</v>
      </c>
      <c r="B127082" s="14" t="s">
        <v>1</v>
      </c>
      <c r="C127082" s="14" t="s">
        <v>546</v>
      </c>
      <c r="D127082" s="14" t="s">
        <v>31</v>
      </c>
      <c r="E127082" s="15">
        <v>45438</v>
      </c>
      <c r="F127082" s="14" t="s">
        <v>15</v>
      </c>
      <c r="G127082" s="16">
        <v>9.5494437722925332E-2</v>
      </c>
    </row>
    <row r="127083" spans="1:7" x14ac:dyDescent="0.3">
      <c r="A127083" s="13" t="s">
        <v>585</v>
      </c>
      <c r="B127083" s="14" t="s">
        <v>1</v>
      </c>
      <c r="C127083" s="14" t="s">
        <v>546</v>
      </c>
      <c r="D127083" s="14" t="s">
        <v>31</v>
      </c>
      <c r="E127083" s="15">
        <v>45439</v>
      </c>
      <c r="F127083" s="14" t="s">
        <v>15</v>
      </c>
      <c r="G127083" s="16">
        <v>9.3950565397225724E-2</v>
      </c>
    </row>
    <row r="127084" spans="1:7" x14ac:dyDescent="0.3">
      <c r="A127084" s="13" t="s">
        <v>585</v>
      </c>
      <c r="B127084" s="14" t="s">
        <v>1</v>
      </c>
      <c r="C127084" s="14" t="s">
        <v>546</v>
      </c>
      <c r="D127084" s="14" t="s">
        <v>31</v>
      </c>
      <c r="E127084" s="15">
        <v>45440</v>
      </c>
      <c r="F127084" s="14" t="s">
        <v>15</v>
      </c>
      <c r="G127084" s="16">
        <v>0.10717844003194933</v>
      </c>
    </row>
    <row r="127085" spans="1:7" x14ac:dyDescent="0.3">
      <c r="A127085" s="13" t="s">
        <v>585</v>
      </c>
      <c r="B127085" s="14" t="s">
        <v>1</v>
      </c>
      <c r="C127085" s="14" t="s">
        <v>546</v>
      </c>
      <c r="D127085" s="14" t="s">
        <v>31</v>
      </c>
      <c r="E127085" s="15">
        <v>45441</v>
      </c>
      <c r="F127085" s="14" t="s">
        <v>15</v>
      </c>
      <c r="G127085" s="16">
        <v>0.10632259001093722</v>
      </c>
    </row>
    <row r="127086" spans="1:7" x14ac:dyDescent="0.3">
      <c r="A127086" s="13" t="s">
        <v>585</v>
      </c>
      <c r="B127086" s="14" t="s">
        <v>1</v>
      </c>
      <c r="C127086" s="14" t="s">
        <v>546</v>
      </c>
      <c r="D127086" s="14" t="s">
        <v>31</v>
      </c>
      <c r="E127086" s="15">
        <v>45442</v>
      </c>
      <c r="F127086" s="14" t="s">
        <v>15</v>
      </c>
      <c r="G127086" s="16">
        <v>0.10478978384800204</v>
      </c>
    </row>
    <row r="127087" spans="1:7" x14ac:dyDescent="0.3">
      <c r="A127087" s="13" t="s">
        <v>585</v>
      </c>
      <c r="B127087" s="14" t="s">
        <v>1</v>
      </c>
      <c r="C127087" s="14" t="s">
        <v>546</v>
      </c>
      <c r="D127087" s="14" t="s">
        <v>31</v>
      </c>
      <c r="E127087" s="15">
        <v>45443</v>
      </c>
      <c r="F127087" s="14" t="s">
        <v>15</v>
      </c>
      <c r="G127087" s="16">
        <v>0.10764551962490375</v>
      </c>
    </row>
    <row r="127088" spans="1:7" x14ac:dyDescent="0.3">
      <c r="A127088" s="13" t="s">
        <v>585</v>
      </c>
      <c r="B127088" s="14" t="s">
        <v>1</v>
      </c>
      <c r="C127088" s="14" t="s">
        <v>546</v>
      </c>
      <c r="D127088" s="14" t="s">
        <v>31</v>
      </c>
      <c r="E127088" s="15">
        <v>45444</v>
      </c>
      <c r="F127088" s="14" t="s">
        <v>15</v>
      </c>
      <c r="G127088" s="16">
        <v>0.10764551962490375</v>
      </c>
    </row>
    <row r="127089" spans="1:7" x14ac:dyDescent="0.3">
      <c r="A127089" s="13" t="s">
        <v>585</v>
      </c>
      <c r="B127089" s="14" t="s">
        <v>1</v>
      </c>
      <c r="C127089" s="14" t="s">
        <v>546</v>
      </c>
      <c r="D127089" s="14" t="s">
        <v>31</v>
      </c>
      <c r="E127089" s="15">
        <v>45445</v>
      </c>
      <c r="F127089" s="14" t="s">
        <v>15</v>
      </c>
      <c r="G127089" s="16">
        <v>0.10764551962490375</v>
      </c>
    </row>
    <row r="127090" spans="1:7" x14ac:dyDescent="0.3">
      <c r="A127090" s="13" t="s">
        <v>585</v>
      </c>
      <c r="B127090" s="14" t="s">
        <v>1</v>
      </c>
      <c r="C127090" s="14" t="s">
        <v>546</v>
      </c>
      <c r="D127090" s="14" t="s">
        <v>31</v>
      </c>
      <c r="E127090" s="15">
        <v>45446</v>
      </c>
      <c r="F127090" s="14" t="s">
        <v>15</v>
      </c>
      <c r="G127090" s="16">
        <v>0.10764551962490375</v>
      </c>
    </row>
    <row r="127091" spans="1:7" x14ac:dyDescent="0.3">
      <c r="A127091" s="13" t="s">
        <v>585</v>
      </c>
      <c r="B127091" s="14" t="s">
        <v>1</v>
      </c>
      <c r="C127091" s="14" t="s">
        <v>546</v>
      </c>
      <c r="D127091" s="14" t="s">
        <v>31</v>
      </c>
      <c r="E127091" s="15">
        <v>45447</v>
      </c>
      <c r="F127091" s="14" t="s">
        <v>15</v>
      </c>
      <c r="G127091" s="16">
        <v>0.11014074430322543</v>
      </c>
    </row>
    <row r="127092" spans="1:7" x14ac:dyDescent="0.3">
      <c r="A127092" s="13" t="s">
        <v>585</v>
      </c>
      <c r="B127092" s="14" t="s">
        <v>1</v>
      </c>
      <c r="C127092" s="14" t="s">
        <v>546</v>
      </c>
      <c r="D127092" s="14" t="s">
        <v>31</v>
      </c>
      <c r="E127092" s="15">
        <v>45448</v>
      </c>
      <c r="F127092" s="14" t="s">
        <v>15</v>
      </c>
      <c r="G127092" s="16">
        <v>0.10796236521385713</v>
      </c>
    </row>
    <row r="127093" spans="1:7" x14ac:dyDescent="0.3">
      <c r="A127093" s="13" t="s">
        <v>585</v>
      </c>
      <c r="B127093" s="14" t="s">
        <v>1</v>
      </c>
      <c r="C127093" s="14" t="s">
        <v>546</v>
      </c>
      <c r="D127093" s="14" t="s">
        <v>31</v>
      </c>
      <c r="E127093" s="15">
        <v>45449</v>
      </c>
      <c r="F127093" s="14" t="s">
        <v>15</v>
      </c>
      <c r="G127093" s="16">
        <v>0.11743944487277698</v>
      </c>
    </row>
    <row r="127094" spans="1:7" x14ac:dyDescent="0.3">
      <c r="A127094" s="13" t="s">
        <v>585</v>
      </c>
      <c r="B127094" s="14" t="s">
        <v>1</v>
      </c>
      <c r="C127094" s="14" t="s">
        <v>546</v>
      </c>
      <c r="D127094" s="14" t="s">
        <v>31</v>
      </c>
      <c r="E127094" s="15">
        <v>45450</v>
      </c>
      <c r="F127094" s="14" t="s">
        <v>15</v>
      </c>
      <c r="G127094" s="16">
        <v>0.11767324538658681</v>
      </c>
    </row>
    <row r="127095" spans="1:7" x14ac:dyDescent="0.3">
      <c r="A127095" s="13" t="s">
        <v>585</v>
      </c>
      <c r="B127095" s="14" t="s">
        <v>1</v>
      </c>
      <c r="C127095" s="14" t="s">
        <v>546</v>
      </c>
      <c r="D127095" s="14" t="s">
        <v>31</v>
      </c>
      <c r="E127095" s="15">
        <v>45451</v>
      </c>
      <c r="F127095" s="14" t="s">
        <v>15</v>
      </c>
      <c r="G127095" s="16">
        <v>0.11767324538658681</v>
      </c>
    </row>
    <row r="127096" spans="1:7" x14ac:dyDescent="0.3">
      <c r="A127096" s="13" t="s">
        <v>585</v>
      </c>
      <c r="B127096" s="14" t="s">
        <v>1</v>
      </c>
      <c r="C127096" s="14" t="s">
        <v>546</v>
      </c>
      <c r="D127096" s="14" t="s">
        <v>31</v>
      </c>
      <c r="E127096" s="15">
        <v>45452</v>
      </c>
      <c r="F127096" s="14" t="s">
        <v>15</v>
      </c>
      <c r="G127096" s="16">
        <v>0.11767324538658681</v>
      </c>
    </row>
    <row r="127097" spans="1:7" x14ac:dyDescent="0.3">
      <c r="A127097" s="13" t="s">
        <v>585</v>
      </c>
      <c r="B127097" s="14" t="s">
        <v>1</v>
      </c>
      <c r="C127097" s="14" t="s">
        <v>546</v>
      </c>
      <c r="D127097" s="14" t="s">
        <v>31</v>
      </c>
      <c r="E127097" s="15">
        <v>45453</v>
      </c>
      <c r="F127097" s="14" t="s">
        <v>15</v>
      </c>
      <c r="G127097" s="16">
        <v>0.11767324538658681</v>
      </c>
    </row>
    <row r="127098" spans="1:7" x14ac:dyDescent="0.3">
      <c r="A127098" s="13" t="s">
        <v>585</v>
      </c>
      <c r="B127098" s="14" t="s">
        <v>1</v>
      </c>
      <c r="C127098" s="14" t="s">
        <v>546</v>
      </c>
      <c r="D127098" s="14" t="s">
        <v>31</v>
      </c>
      <c r="E127098" s="15">
        <v>45454</v>
      </c>
      <c r="F127098" s="14" t="s">
        <v>15</v>
      </c>
      <c r="G127098" s="16">
        <v>0.17424589764420231</v>
      </c>
    </row>
    <row r="127099" spans="1:7" x14ac:dyDescent="0.3">
      <c r="A127099" s="13" t="s">
        <v>585</v>
      </c>
      <c r="B127099" s="14" t="s">
        <v>1</v>
      </c>
      <c r="C127099" s="14" t="s">
        <v>546</v>
      </c>
      <c r="D127099" s="14" t="s">
        <v>31</v>
      </c>
      <c r="E127099" s="15">
        <v>45455</v>
      </c>
      <c r="F127099" s="14" t="s">
        <v>15</v>
      </c>
      <c r="G127099" s="16">
        <v>0.16821061977696475</v>
      </c>
    </row>
    <row r="127100" spans="1:7" x14ac:dyDescent="0.3">
      <c r="A127100" s="13" t="s">
        <v>585</v>
      </c>
      <c r="B127100" s="14" t="s">
        <v>1</v>
      </c>
      <c r="C127100" s="14" t="s">
        <v>546</v>
      </c>
      <c r="D127100" s="14" t="s">
        <v>31</v>
      </c>
      <c r="E127100" s="15">
        <v>45456</v>
      </c>
      <c r="F127100" s="14" t="s">
        <v>15</v>
      </c>
      <c r="G127100" s="16">
        <v>0.22498398297934805</v>
      </c>
    </row>
    <row r="127101" spans="1:7" x14ac:dyDescent="0.3">
      <c r="A127101" s="13" t="s">
        <v>585</v>
      </c>
      <c r="B127101" s="14" t="s">
        <v>1</v>
      </c>
      <c r="C127101" s="14" t="s">
        <v>546</v>
      </c>
      <c r="D127101" s="14" t="s">
        <v>31</v>
      </c>
      <c r="E127101" s="15">
        <v>45457</v>
      </c>
      <c r="F127101" s="14" t="s">
        <v>15</v>
      </c>
      <c r="G127101" s="16">
        <v>0.25964631221426454</v>
      </c>
    </row>
    <row r="127102" spans="1:7" x14ac:dyDescent="0.3">
      <c r="A127102" s="13" t="s">
        <v>585</v>
      </c>
      <c r="B127102" s="14" t="s">
        <v>1</v>
      </c>
      <c r="C127102" s="14" t="s">
        <v>546</v>
      </c>
      <c r="D127102" s="14" t="s">
        <v>31</v>
      </c>
      <c r="E127102" s="15">
        <v>45458</v>
      </c>
      <c r="F127102" s="14" t="s">
        <v>15</v>
      </c>
      <c r="G127102" s="16">
        <v>0.25964631221426454</v>
      </c>
    </row>
    <row r="127103" spans="1:7" x14ac:dyDescent="0.3">
      <c r="A127103" s="13" t="s">
        <v>585</v>
      </c>
      <c r="B127103" s="14" t="s">
        <v>1</v>
      </c>
      <c r="C127103" s="14" t="s">
        <v>546</v>
      </c>
      <c r="D127103" s="14" t="s">
        <v>31</v>
      </c>
      <c r="E127103" s="15">
        <v>45459</v>
      </c>
      <c r="F127103" s="14" t="s">
        <v>15</v>
      </c>
      <c r="G127103" s="16">
        <v>0.25964631221426454</v>
      </c>
    </row>
    <row r="127104" spans="1:7" x14ac:dyDescent="0.3">
      <c r="A127104" s="13" t="s">
        <v>585</v>
      </c>
      <c r="B127104" s="14" t="s">
        <v>1</v>
      </c>
      <c r="C127104" s="14" t="s">
        <v>546</v>
      </c>
      <c r="D127104" s="14" t="s">
        <v>31</v>
      </c>
      <c r="E127104" s="15">
        <v>45460</v>
      </c>
      <c r="F127104" s="14" t="s">
        <v>15</v>
      </c>
      <c r="G127104" s="16">
        <v>0.27274446127126506</v>
      </c>
    </row>
    <row r="127105" spans="1:7" x14ac:dyDescent="0.3">
      <c r="A127105" s="13" t="s">
        <v>585</v>
      </c>
      <c r="B127105" s="14" t="s">
        <v>1</v>
      </c>
      <c r="C127105" s="14" t="s">
        <v>546</v>
      </c>
      <c r="D127105" s="14" t="s">
        <v>31</v>
      </c>
      <c r="E127105" s="15">
        <v>45461</v>
      </c>
      <c r="F127105" s="14" t="s">
        <v>15</v>
      </c>
      <c r="G127105" s="16">
        <v>0.26826608006820973</v>
      </c>
    </row>
    <row r="127106" spans="1:7" x14ac:dyDescent="0.3">
      <c r="A127106" s="13" t="s">
        <v>585</v>
      </c>
      <c r="B127106" s="14" t="s">
        <v>1</v>
      </c>
      <c r="C127106" s="14" t="s">
        <v>546</v>
      </c>
      <c r="D127106" s="14" t="s">
        <v>31</v>
      </c>
      <c r="E127106" s="15">
        <v>45462</v>
      </c>
      <c r="F127106" s="14" t="s">
        <v>15</v>
      </c>
      <c r="G127106" s="16">
        <v>0.32598645376027485</v>
      </c>
    </row>
    <row r="127107" spans="1:7" x14ac:dyDescent="0.3">
      <c r="A127107" s="13" t="s">
        <v>585</v>
      </c>
      <c r="B127107" s="14" t="s">
        <v>1</v>
      </c>
      <c r="C127107" s="14" t="s">
        <v>546</v>
      </c>
      <c r="D127107" s="14" t="s">
        <v>31</v>
      </c>
      <c r="E127107" s="15">
        <v>45463</v>
      </c>
      <c r="F127107" s="14" t="s">
        <v>15</v>
      </c>
      <c r="G127107" s="16">
        <v>0.36242056721362315</v>
      </c>
    </row>
    <row r="127108" spans="1:7" x14ac:dyDescent="0.3">
      <c r="A127108" s="13" t="s">
        <v>585</v>
      </c>
      <c r="B127108" s="14" t="s">
        <v>1</v>
      </c>
      <c r="C127108" s="14" t="s">
        <v>546</v>
      </c>
      <c r="D127108" s="14" t="s">
        <v>31</v>
      </c>
      <c r="E127108" s="15">
        <v>45464</v>
      </c>
      <c r="F127108" s="14" t="s">
        <v>15</v>
      </c>
      <c r="G127108" s="16">
        <v>0.36090389708435472</v>
      </c>
    </row>
    <row r="127109" spans="1:7" x14ac:dyDescent="0.3">
      <c r="A127109" s="13" t="s">
        <v>585</v>
      </c>
      <c r="B127109" s="14" t="s">
        <v>1</v>
      </c>
      <c r="C127109" s="14" t="s">
        <v>546</v>
      </c>
      <c r="D127109" s="14" t="s">
        <v>31</v>
      </c>
      <c r="E127109" s="15">
        <v>45465</v>
      </c>
      <c r="F127109" s="14" t="s">
        <v>15</v>
      </c>
      <c r="G127109" s="16">
        <v>0.36090389708435472</v>
      </c>
    </row>
    <row r="127110" spans="1:7" x14ac:dyDescent="0.3">
      <c r="A127110" s="13" t="s">
        <v>585</v>
      </c>
      <c r="B127110" s="14" t="s">
        <v>1</v>
      </c>
      <c r="C127110" s="14" t="s">
        <v>546</v>
      </c>
      <c r="D127110" s="14" t="s">
        <v>31</v>
      </c>
      <c r="E127110" s="15">
        <v>45466</v>
      </c>
      <c r="F127110" s="14" t="s">
        <v>15</v>
      </c>
      <c r="G127110" s="16">
        <v>0.36090389708435472</v>
      </c>
    </row>
    <row r="127111" spans="1:7" x14ac:dyDescent="0.3">
      <c r="A127111" s="13" t="s">
        <v>585</v>
      </c>
      <c r="B127111" s="14" t="s">
        <v>1</v>
      </c>
      <c r="C127111" s="14" t="s">
        <v>546</v>
      </c>
      <c r="D127111" s="14" t="s">
        <v>31</v>
      </c>
      <c r="E127111" s="15">
        <v>45467</v>
      </c>
      <c r="F127111" s="14" t="s">
        <v>15</v>
      </c>
      <c r="G127111" s="16">
        <v>0.3593967645367514</v>
      </c>
    </row>
    <row r="127112" spans="1:7" x14ac:dyDescent="0.3">
      <c r="A127112" s="13" t="s">
        <v>585</v>
      </c>
      <c r="B127112" s="14" t="s">
        <v>1</v>
      </c>
      <c r="C127112" s="14" t="s">
        <v>546</v>
      </c>
      <c r="D127112" s="14" t="s">
        <v>31</v>
      </c>
      <c r="E127112" s="15">
        <v>45468</v>
      </c>
      <c r="F127112" s="14" t="s">
        <v>15</v>
      </c>
      <c r="G127112" s="16">
        <v>0.36534464669901412</v>
      </c>
    </row>
    <row r="127113" spans="1:7" x14ac:dyDescent="0.3">
      <c r="A127113" s="13" t="s">
        <v>585</v>
      </c>
      <c r="B127113" s="14" t="s">
        <v>1</v>
      </c>
      <c r="C127113" s="14" t="s">
        <v>546</v>
      </c>
      <c r="D127113" s="14" t="s">
        <v>31</v>
      </c>
      <c r="E127113" s="15">
        <v>45469</v>
      </c>
      <c r="F127113" s="14" t="s">
        <v>15</v>
      </c>
      <c r="G127113" s="16">
        <v>0.36830629663450609</v>
      </c>
    </row>
    <row r="127114" spans="1:7" x14ac:dyDescent="0.3">
      <c r="A127114" s="13" t="s">
        <v>585</v>
      </c>
      <c r="B127114" s="14" t="s">
        <v>1</v>
      </c>
      <c r="C127114" s="14" t="s">
        <v>546</v>
      </c>
      <c r="D127114" s="14" t="s">
        <v>31</v>
      </c>
      <c r="E127114" s="15">
        <v>45470</v>
      </c>
      <c r="F127114" s="14" t="s">
        <v>15</v>
      </c>
      <c r="G127114" s="16">
        <v>0.37147650892317008</v>
      </c>
    </row>
    <row r="127115" spans="1:7" x14ac:dyDescent="0.3">
      <c r="A127115" s="13" t="s">
        <v>585</v>
      </c>
      <c r="B127115" s="14" t="s">
        <v>1</v>
      </c>
      <c r="C127115" s="14" t="s">
        <v>546</v>
      </c>
      <c r="D127115" s="14" t="s">
        <v>31</v>
      </c>
      <c r="E127115" s="15">
        <v>45471</v>
      </c>
      <c r="F127115" s="14" t="s">
        <v>15</v>
      </c>
      <c r="G127115" s="16">
        <v>0.37232214619520376</v>
      </c>
    </row>
    <row r="127116" spans="1:7" x14ac:dyDescent="0.3">
      <c r="A127116" s="13" t="s">
        <v>585</v>
      </c>
      <c r="B127116" s="14" t="s">
        <v>1</v>
      </c>
      <c r="C127116" s="14" t="s">
        <v>546</v>
      </c>
      <c r="D127116" s="14" t="s">
        <v>31</v>
      </c>
      <c r="E127116" s="15">
        <v>45472</v>
      </c>
      <c r="F127116" s="14" t="s">
        <v>15</v>
      </c>
      <c r="G127116" s="16">
        <v>0.37232214619520376</v>
      </c>
    </row>
    <row r="127117" spans="1:7" x14ac:dyDescent="0.3">
      <c r="A127117" s="13" t="s">
        <v>585</v>
      </c>
      <c r="B127117" s="14" t="s">
        <v>1</v>
      </c>
      <c r="C127117" s="14" t="s">
        <v>546</v>
      </c>
      <c r="D127117" s="14" t="s">
        <v>31</v>
      </c>
      <c r="E127117" s="15">
        <v>45473</v>
      </c>
      <c r="F127117" s="14" t="s">
        <v>15</v>
      </c>
      <c r="G127117" s="16">
        <v>0.37232214619520376</v>
      </c>
    </row>
    <row r="127118" spans="1:7" x14ac:dyDescent="0.3">
      <c r="A127118" s="13" t="s">
        <v>585</v>
      </c>
      <c r="B127118" s="14" t="s">
        <v>1</v>
      </c>
      <c r="C127118" s="14" t="s">
        <v>546</v>
      </c>
      <c r="D127118" s="14" t="s">
        <v>31</v>
      </c>
      <c r="E127118" s="15">
        <v>45474</v>
      </c>
      <c r="F127118" s="14" t="s">
        <v>15</v>
      </c>
      <c r="G127118" s="16">
        <v>0.37232214619520376</v>
      </c>
    </row>
    <row r="127119" spans="1:7" x14ac:dyDescent="0.3">
      <c r="A127119" s="13" t="s">
        <v>585</v>
      </c>
      <c r="B127119" s="14" t="s">
        <v>1</v>
      </c>
      <c r="C127119" s="14" t="s">
        <v>546</v>
      </c>
      <c r="D127119" s="14" t="s">
        <v>31</v>
      </c>
      <c r="E127119" s="15">
        <v>45475</v>
      </c>
      <c r="F127119" s="14" t="s">
        <v>15</v>
      </c>
      <c r="G127119" s="16">
        <v>0.37193449974171039</v>
      </c>
    </row>
    <row r="127120" spans="1:7" x14ac:dyDescent="0.3">
      <c r="A127120" s="13" t="s">
        <v>585</v>
      </c>
      <c r="B127120" s="14" t="s">
        <v>1</v>
      </c>
      <c r="C127120" s="14" t="s">
        <v>546</v>
      </c>
      <c r="D127120" s="14" t="s">
        <v>31</v>
      </c>
      <c r="E127120" s="15">
        <v>45476</v>
      </c>
      <c r="F127120" s="14" t="s">
        <v>15</v>
      </c>
      <c r="G127120" s="16">
        <v>0.36982145642231862</v>
      </c>
    </row>
    <row r="127121" spans="1:7" x14ac:dyDescent="0.3">
      <c r="A127121" s="13" t="s">
        <v>585</v>
      </c>
      <c r="B127121" s="14" t="s">
        <v>1</v>
      </c>
      <c r="C127121" s="14" t="s">
        <v>546</v>
      </c>
      <c r="D127121" s="14" t="s">
        <v>31</v>
      </c>
      <c r="E127121" s="15">
        <v>45477</v>
      </c>
      <c r="F127121" s="14" t="s">
        <v>15</v>
      </c>
      <c r="G127121" s="16">
        <v>0.52048660265431568</v>
      </c>
    </row>
    <row r="127122" spans="1:7" x14ac:dyDescent="0.3">
      <c r="A127122" s="13" t="s">
        <v>585</v>
      </c>
      <c r="B127122" s="14" t="s">
        <v>1</v>
      </c>
      <c r="C127122" s="14" t="s">
        <v>546</v>
      </c>
      <c r="D127122" s="14" t="s">
        <v>31</v>
      </c>
      <c r="E127122" s="15">
        <v>45478</v>
      </c>
      <c r="F127122" s="14" t="s">
        <v>15</v>
      </c>
      <c r="G127122" s="16">
        <v>0.74161626347859499</v>
      </c>
    </row>
    <row r="127123" spans="1:7" x14ac:dyDescent="0.3">
      <c r="A127123" s="13" t="s">
        <v>585</v>
      </c>
      <c r="B127123" s="14" t="s">
        <v>1</v>
      </c>
      <c r="C127123" s="14" t="s">
        <v>546</v>
      </c>
      <c r="D127123" s="14" t="s">
        <v>31</v>
      </c>
      <c r="E127123" s="15">
        <v>45479</v>
      </c>
      <c r="F127123" s="14" t="s">
        <v>15</v>
      </c>
      <c r="G127123" s="16">
        <v>0.74161626347859499</v>
      </c>
    </row>
    <row r="127124" spans="1:7" x14ac:dyDescent="0.3">
      <c r="A127124" s="13" t="s">
        <v>585</v>
      </c>
      <c r="B127124" s="14" t="s">
        <v>1</v>
      </c>
      <c r="C127124" s="14" t="s">
        <v>546</v>
      </c>
      <c r="D127124" s="14" t="s">
        <v>31</v>
      </c>
      <c r="E127124" s="15">
        <v>45480</v>
      </c>
      <c r="F127124" s="14" t="s">
        <v>15</v>
      </c>
      <c r="G127124" s="16">
        <v>0.74161626347859499</v>
      </c>
    </row>
    <row r="127125" spans="1:7" x14ac:dyDescent="0.3">
      <c r="A127125" s="13" t="s">
        <v>585</v>
      </c>
      <c r="B127125" s="14" t="s">
        <v>1</v>
      </c>
      <c r="C127125" s="14" t="s">
        <v>546</v>
      </c>
      <c r="D127125" s="14" t="s">
        <v>31</v>
      </c>
      <c r="E127125" s="15">
        <v>45481</v>
      </c>
      <c r="F127125" s="14" t="s">
        <v>15</v>
      </c>
      <c r="G127125" s="16">
        <v>0.76890746778952823</v>
      </c>
    </row>
    <row r="127126" spans="1:7" x14ac:dyDescent="0.3">
      <c r="A127126" s="13" t="s">
        <v>585</v>
      </c>
      <c r="B127126" s="14" t="s">
        <v>1</v>
      </c>
      <c r="C127126" s="14" t="s">
        <v>546</v>
      </c>
      <c r="D127126" s="14" t="s">
        <v>31</v>
      </c>
      <c r="E127126" s="15">
        <v>45482</v>
      </c>
      <c r="F127126" s="14" t="s">
        <v>15</v>
      </c>
      <c r="G127126" s="16">
        <v>0.81264519206277575</v>
      </c>
    </row>
    <row r="127127" spans="1:7" x14ac:dyDescent="0.3">
      <c r="A127127" s="13" t="s">
        <v>585</v>
      </c>
      <c r="B127127" s="14" t="s">
        <v>1</v>
      </c>
      <c r="C127127" s="14" t="s">
        <v>546</v>
      </c>
      <c r="D127127" s="14" t="s">
        <v>31</v>
      </c>
      <c r="E127127" s="15">
        <v>45483</v>
      </c>
      <c r="F127127" s="14" t="s">
        <v>15</v>
      </c>
      <c r="G127127" s="16">
        <v>0.81117481759579868</v>
      </c>
    </row>
    <row r="127128" spans="1:7" x14ac:dyDescent="0.3">
      <c r="A127128" s="13" t="s">
        <v>585</v>
      </c>
      <c r="B127128" s="14" t="s">
        <v>1</v>
      </c>
      <c r="C127128" s="14" t="s">
        <v>546</v>
      </c>
      <c r="D127128" s="14" t="s">
        <v>31</v>
      </c>
      <c r="E127128" s="15">
        <v>45484</v>
      </c>
      <c r="F127128" s="14" t="s">
        <v>15</v>
      </c>
      <c r="G127128" s="16">
        <v>0.8209038113235958</v>
      </c>
    </row>
    <row r="127129" spans="1:7" x14ac:dyDescent="0.3">
      <c r="A127129" s="13" t="s">
        <v>585</v>
      </c>
      <c r="B127129" s="14" t="s">
        <v>1</v>
      </c>
      <c r="C127129" s="14" t="s">
        <v>546</v>
      </c>
      <c r="D127129" s="14" t="s">
        <v>31</v>
      </c>
      <c r="E127129" s="15">
        <v>45485</v>
      </c>
      <c r="F127129" s="14" t="s">
        <v>15</v>
      </c>
      <c r="G127129" s="16">
        <v>0.82574075861812124</v>
      </c>
    </row>
    <row r="127130" spans="1:7" x14ac:dyDescent="0.3">
      <c r="A127130" s="13" t="s">
        <v>585</v>
      </c>
      <c r="B127130" s="14" t="s">
        <v>1</v>
      </c>
      <c r="C127130" s="14" t="s">
        <v>546</v>
      </c>
      <c r="D127130" s="14" t="s">
        <v>31</v>
      </c>
      <c r="E127130" s="15">
        <v>45486</v>
      </c>
      <c r="F127130" s="14" t="s">
        <v>15</v>
      </c>
      <c r="G127130" s="16">
        <v>0.82574075861812124</v>
      </c>
    </row>
    <row r="127131" spans="1:7" x14ac:dyDescent="0.3">
      <c r="A127131" s="13" t="s">
        <v>585</v>
      </c>
      <c r="B127131" s="14" t="s">
        <v>1</v>
      </c>
      <c r="C127131" s="14" t="s">
        <v>546</v>
      </c>
      <c r="D127131" s="14" t="s">
        <v>31</v>
      </c>
      <c r="E127131" s="15">
        <v>45487</v>
      </c>
      <c r="F127131" s="14" t="s">
        <v>15</v>
      </c>
      <c r="G127131" s="16">
        <v>0.82574075861812124</v>
      </c>
    </row>
    <row r="127132" spans="1:7" x14ac:dyDescent="0.3">
      <c r="A127132" s="13" t="s">
        <v>585</v>
      </c>
      <c r="B127132" s="14" t="s">
        <v>1</v>
      </c>
      <c r="C127132" s="14" t="s">
        <v>546</v>
      </c>
      <c r="D127132" s="14" t="s">
        <v>31</v>
      </c>
      <c r="E127132" s="15">
        <v>45488</v>
      </c>
      <c r="F127132" s="14" t="s">
        <v>15</v>
      </c>
      <c r="G127132" s="16">
        <v>0.84545162620785608</v>
      </c>
    </row>
    <row r="127133" spans="1:7" x14ac:dyDescent="0.3">
      <c r="A127133" s="13" t="s">
        <v>585</v>
      </c>
      <c r="B127133" s="14" t="s">
        <v>1</v>
      </c>
      <c r="C127133" s="14" t="s">
        <v>546</v>
      </c>
      <c r="D127133" s="14" t="s">
        <v>31</v>
      </c>
      <c r="E127133" s="15">
        <v>45489</v>
      </c>
      <c r="F127133" s="14" t="s">
        <v>15</v>
      </c>
      <c r="G127133" s="16">
        <v>0.84088027423333578</v>
      </c>
    </row>
    <row r="127134" spans="1:7" x14ac:dyDescent="0.3">
      <c r="A127134" s="13" t="s">
        <v>585</v>
      </c>
      <c r="B127134" s="14" t="s">
        <v>1</v>
      </c>
      <c r="C127134" s="14" t="s">
        <v>546</v>
      </c>
      <c r="D127134" s="14" t="s">
        <v>31</v>
      </c>
      <c r="E127134" s="15">
        <v>45490</v>
      </c>
      <c r="F127134" s="14" t="s">
        <v>15</v>
      </c>
      <c r="G127134" s="16">
        <v>0.83936645532388054</v>
      </c>
    </row>
    <row r="127135" spans="1:7" x14ac:dyDescent="0.3">
      <c r="A127135" s="13" t="s">
        <v>585</v>
      </c>
      <c r="B127135" s="14" t="s">
        <v>1</v>
      </c>
      <c r="C127135" s="14" t="s">
        <v>546</v>
      </c>
      <c r="D127135" s="14" t="s">
        <v>31</v>
      </c>
      <c r="E127135" s="15">
        <v>45491</v>
      </c>
      <c r="F127135" s="14" t="s">
        <v>15</v>
      </c>
      <c r="G127135" s="16">
        <v>0.84165389461299722</v>
      </c>
    </row>
    <row r="127136" spans="1:7" x14ac:dyDescent="0.3">
      <c r="A127136" s="13" t="s">
        <v>585</v>
      </c>
      <c r="B127136" s="14" t="s">
        <v>1</v>
      </c>
      <c r="C127136" s="14" t="s">
        <v>546</v>
      </c>
      <c r="D127136" s="14" t="s">
        <v>31</v>
      </c>
      <c r="E127136" s="15">
        <v>45492</v>
      </c>
      <c r="F127136" s="14" t="s">
        <v>15</v>
      </c>
      <c r="G127136" s="16">
        <v>0.84015997351348271</v>
      </c>
    </row>
    <row r="127137" spans="1:7" x14ac:dyDescent="0.3">
      <c r="A127137" s="13" t="s">
        <v>585</v>
      </c>
      <c r="B127137" s="14" t="s">
        <v>1</v>
      </c>
      <c r="C127137" s="14" t="s">
        <v>546</v>
      </c>
      <c r="D127137" s="14" t="s">
        <v>31</v>
      </c>
      <c r="E127137" s="15">
        <v>45493</v>
      </c>
      <c r="F127137" s="14" t="s">
        <v>15</v>
      </c>
      <c r="G127137" s="16">
        <v>0.84015997351348271</v>
      </c>
    </row>
    <row r="127138" spans="1:7" x14ac:dyDescent="0.3">
      <c r="A127138" s="13" t="s">
        <v>585</v>
      </c>
      <c r="B127138" s="14" t="s">
        <v>1</v>
      </c>
      <c r="C127138" s="14" t="s">
        <v>546</v>
      </c>
      <c r="D127138" s="14" t="s">
        <v>31</v>
      </c>
      <c r="E127138" s="15">
        <v>45494</v>
      </c>
      <c r="F127138" s="14" t="s">
        <v>15</v>
      </c>
      <c r="G127138" s="16">
        <v>0.84015997351348271</v>
      </c>
    </row>
    <row r="127139" spans="1:7" x14ac:dyDescent="0.3">
      <c r="A127139" s="13" t="s">
        <v>585</v>
      </c>
      <c r="B127139" s="14" t="s">
        <v>1</v>
      </c>
      <c r="C127139" s="14" t="s">
        <v>546</v>
      </c>
      <c r="D127139" s="14" t="s">
        <v>31</v>
      </c>
      <c r="E127139" s="15">
        <v>45495</v>
      </c>
      <c r="F127139" s="14" t="s">
        <v>15</v>
      </c>
      <c r="G127139" s="16">
        <v>0.87502731029958492</v>
      </c>
    </row>
    <row r="127140" spans="1:7" x14ac:dyDescent="0.3">
      <c r="A127140" s="13" t="s">
        <v>585</v>
      </c>
      <c r="B127140" s="14" t="s">
        <v>1</v>
      </c>
      <c r="C127140" s="14" t="s">
        <v>546</v>
      </c>
      <c r="D127140" s="14" t="s">
        <v>31</v>
      </c>
      <c r="E127140" s="15">
        <v>45496</v>
      </c>
      <c r="F127140" s="14" t="s">
        <v>15</v>
      </c>
      <c r="G127140" s="16">
        <v>0.87060148734801301</v>
      </c>
    </row>
    <row r="127141" spans="1:7" x14ac:dyDescent="0.3">
      <c r="A127141" s="13" t="s">
        <v>585</v>
      </c>
      <c r="B127141" s="14" t="s">
        <v>1</v>
      </c>
      <c r="C127141" s="14" t="s">
        <v>546</v>
      </c>
      <c r="D127141" s="14" t="s">
        <v>31</v>
      </c>
      <c r="E127141" s="15">
        <v>45497</v>
      </c>
      <c r="F127141" s="14" t="s">
        <v>15</v>
      </c>
      <c r="G127141" s="16">
        <v>0.86911685189313748</v>
      </c>
    </row>
    <row r="127142" spans="1:7" x14ac:dyDescent="0.3">
      <c r="A127142" s="13" t="s">
        <v>585</v>
      </c>
      <c r="B127142" s="14" t="s">
        <v>1</v>
      </c>
      <c r="C127142" s="14" t="s">
        <v>546</v>
      </c>
      <c r="D127142" s="14" t="s">
        <v>31</v>
      </c>
      <c r="E127142" s="15">
        <v>45498</v>
      </c>
      <c r="F127142" s="14" t="s">
        <v>15</v>
      </c>
      <c r="G127142" s="16">
        <v>0.86765421726876546</v>
      </c>
    </row>
    <row r="127143" spans="1:7" x14ac:dyDescent="0.3">
      <c r="A127143" s="13" t="s">
        <v>585</v>
      </c>
      <c r="B127143" s="14" t="s">
        <v>1</v>
      </c>
      <c r="C127143" s="14" t="s">
        <v>546</v>
      </c>
      <c r="D127143" s="14" t="s">
        <v>31</v>
      </c>
      <c r="E127143" s="15">
        <v>45499</v>
      </c>
      <c r="F127143" s="14" t="s">
        <v>15</v>
      </c>
      <c r="G127143" s="16">
        <v>0.86620323378259378</v>
      </c>
    </row>
    <row r="127144" spans="1:7" x14ac:dyDescent="0.3">
      <c r="A127144" s="13" t="s">
        <v>585</v>
      </c>
      <c r="B127144" s="14" t="s">
        <v>1</v>
      </c>
      <c r="C127144" s="14" t="s">
        <v>546</v>
      </c>
      <c r="D127144" s="14" t="s">
        <v>31</v>
      </c>
      <c r="E127144" s="15">
        <v>45500</v>
      </c>
      <c r="F127144" s="14" t="s">
        <v>15</v>
      </c>
      <c r="G127144" s="16">
        <v>0.86620323378259378</v>
      </c>
    </row>
    <row r="127145" spans="1:7" x14ac:dyDescent="0.3">
      <c r="A127145" s="13" t="s">
        <v>585</v>
      </c>
      <c r="B127145" s="14" t="s">
        <v>1</v>
      </c>
      <c r="C127145" s="14" t="s">
        <v>546</v>
      </c>
      <c r="D127145" s="14" t="s">
        <v>31</v>
      </c>
      <c r="E127145" s="15">
        <v>45501</v>
      </c>
      <c r="F127145" s="14" t="s">
        <v>15</v>
      </c>
      <c r="G127145" s="16">
        <v>0.86620323378259378</v>
      </c>
    </row>
    <row r="127146" spans="1:7" x14ac:dyDescent="0.3">
      <c r="A127146" s="13" t="s">
        <v>585</v>
      </c>
      <c r="B127146" s="14" t="s">
        <v>1</v>
      </c>
      <c r="C127146" s="14" t="s">
        <v>546</v>
      </c>
      <c r="D127146" s="14" t="s">
        <v>31</v>
      </c>
      <c r="E127146" s="15">
        <v>45502</v>
      </c>
      <c r="F127146" s="14" t="s">
        <v>15</v>
      </c>
      <c r="G127146" s="16">
        <v>0.86477458048464462</v>
      </c>
    </row>
    <row r="127147" spans="1:7" x14ac:dyDescent="0.3">
      <c r="A127147" s="13" t="s">
        <v>585</v>
      </c>
      <c r="B127147" s="14" t="s">
        <v>1</v>
      </c>
      <c r="C127147" s="14" t="s">
        <v>546</v>
      </c>
      <c r="D127147" s="14" t="s">
        <v>31</v>
      </c>
      <c r="E127147" s="15">
        <v>45503</v>
      </c>
      <c r="F127147" s="14" t="s">
        <v>15</v>
      </c>
      <c r="G127147" s="16">
        <v>0.86049026201351508</v>
      </c>
    </row>
    <row r="127148" spans="1:7" x14ac:dyDescent="0.3">
      <c r="A127148" s="13" t="s">
        <v>585</v>
      </c>
      <c r="B127148" s="14" t="s">
        <v>1</v>
      </c>
      <c r="C127148" s="14" t="s">
        <v>546</v>
      </c>
      <c r="D127148" s="14" t="s">
        <v>31</v>
      </c>
      <c r="E127148" s="15">
        <v>45504</v>
      </c>
      <c r="F127148" s="14" t="s">
        <v>15</v>
      </c>
      <c r="G127148" s="16">
        <v>0.85930696721556066</v>
      </c>
    </row>
    <row r="127149" spans="1:7" x14ac:dyDescent="0.3">
      <c r="A127149" s="13" t="s">
        <v>585</v>
      </c>
      <c r="B127149" s="14" t="s">
        <v>1</v>
      </c>
      <c r="C127149" s="14" t="s">
        <v>546</v>
      </c>
      <c r="D127149" s="14" t="s">
        <v>31</v>
      </c>
      <c r="E127149" s="15">
        <v>45505</v>
      </c>
      <c r="F127149" s="14" t="s">
        <v>15</v>
      </c>
      <c r="G127149" s="16">
        <v>0.8578884702206776</v>
      </c>
    </row>
    <row r="127150" spans="1:7" x14ac:dyDescent="0.3">
      <c r="A127150" s="13" t="s">
        <v>585</v>
      </c>
      <c r="B127150" s="14" t="s">
        <v>1</v>
      </c>
      <c r="C127150" s="14" t="s">
        <v>546</v>
      </c>
      <c r="D127150" s="14" t="s">
        <v>31</v>
      </c>
      <c r="E127150" s="15">
        <v>45506</v>
      </c>
      <c r="F127150" s="14" t="s">
        <v>15</v>
      </c>
      <c r="G127150" s="16">
        <v>0.86618251082078213</v>
      </c>
    </row>
    <row r="127151" spans="1:7" x14ac:dyDescent="0.3">
      <c r="A127151" s="13" t="s">
        <v>585</v>
      </c>
      <c r="B127151" s="14" t="s">
        <v>1</v>
      </c>
      <c r="C127151" s="14" t="s">
        <v>546</v>
      </c>
      <c r="D127151" s="14" t="s">
        <v>31</v>
      </c>
      <c r="E127151" s="15">
        <v>45507</v>
      </c>
      <c r="F127151" s="14" t="s">
        <v>15</v>
      </c>
      <c r="G127151" s="16">
        <v>0.86618251082078213</v>
      </c>
    </row>
    <row r="127152" spans="1:7" x14ac:dyDescent="0.3">
      <c r="A127152" s="13" t="s">
        <v>585</v>
      </c>
      <c r="B127152" s="14" t="s">
        <v>1</v>
      </c>
      <c r="C127152" s="14" t="s">
        <v>546</v>
      </c>
      <c r="D127152" s="14" t="s">
        <v>31</v>
      </c>
      <c r="E127152" s="15">
        <v>45508</v>
      </c>
      <c r="F127152" s="14" t="s">
        <v>15</v>
      </c>
      <c r="G127152" s="16">
        <v>0.86618251082078213</v>
      </c>
    </row>
    <row r="127153" spans="1:7" x14ac:dyDescent="0.3">
      <c r="A127153" s="13" t="s">
        <v>585</v>
      </c>
      <c r="B127153" s="14" t="s">
        <v>1</v>
      </c>
      <c r="C127153" s="14" t="s">
        <v>546</v>
      </c>
      <c r="D127153" s="14" t="s">
        <v>31</v>
      </c>
      <c r="E127153" s="15">
        <v>45509</v>
      </c>
      <c r="F127153" s="14" t="s">
        <v>15</v>
      </c>
      <c r="G127153" s="16">
        <v>0.86618251082078213</v>
      </c>
    </row>
    <row r="127154" spans="1:7" x14ac:dyDescent="0.3">
      <c r="A127154" s="13" t="s">
        <v>585</v>
      </c>
      <c r="B127154" s="14" t="s">
        <v>1</v>
      </c>
      <c r="C127154" s="14" t="s">
        <v>546</v>
      </c>
      <c r="D127154" s="14" t="s">
        <v>31</v>
      </c>
      <c r="E127154" s="15">
        <v>45510</v>
      </c>
      <c r="F127154" s="14" t="s">
        <v>15</v>
      </c>
      <c r="G127154" s="16">
        <v>0.86474178622659637</v>
      </c>
    </row>
    <row r="127155" spans="1:7" x14ac:dyDescent="0.3">
      <c r="A127155" s="13" t="s">
        <v>585</v>
      </c>
      <c r="B127155" s="14" t="s">
        <v>1</v>
      </c>
      <c r="C127155" s="14" t="s">
        <v>546</v>
      </c>
      <c r="D127155" s="14" t="s">
        <v>31</v>
      </c>
      <c r="E127155" s="15">
        <v>45511</v>
      </c>
      <c r="F127155" s="14" t="s">
        <v>15</v>
      </c>
      <c r="G127155" s="16">
        <v>0.85906875574364916</v>
      </c>
    </row>
    <row r="127156" spans="1:7" x14ac:dyDescent="0.3">
      <c r="A127156" s="13" t="s">
        <v>585</v>
      </c>
      <c r="B127156" s="14" t="s">
        <v>1</v>
      </c>
      <c r="C127156" s="14" t="s">
        <v>546</v>
      </c>
      <c r="D127156" s="14" t="s">
        <v>31</v>
      </c>
      <c r="E127156" s="15">
        <v>45512</v>
      </c>
      <c r="F127156" s="14" t="s">
        <v>15</v>
      </c>
      <c r="G127156" s="16">
        <v>0.85766308236374844</v>
      </c>
    </row>
    <row r="127157" spans="1:7" x14ac:dyDescent="0.3">
      <c r="A127157" s="13" t="s">
        <v>585</v>
      </c>
      <c r="B127157" s="14" t="s">
        <v>1</v>
      </c>
      <c r="C127157" s="14" t="s">
        <v>546</v>
      </c>
      <c r="D127157" s="14" t="s">
        <v>31</v>
      </c>
      <c r="E127157" s="15">
        <v>45513</v>
      </c>
      <c r="F127157" s="14" t="s">
        <v>15</v>
      </c>
      <c r="G127157" s="16">
        <v>0.85624308073137401</v>
      </c>
    </row>
    <row r="127158" spans="1:7" x14ac:dyDescent="0.3">
      <c r="A127158" s="13" t="s">
        <v>585</v>
      </c>
      <c r="B127158" s="14" t="s">
        <v>1</v>
      </c>
      <c r="C127158" s="14" t="s">
        <v>546</v>
      </c>
      <c r="D127158" s="14" t="s">
        <v>31</v>
      </c>
      <c r="E127158" s="15">
        <v>45514</v>
      </c>
      <c r="F127158" s="14" t="s">
        <v>15</v>
      </c>
      <c r="G127158" s="16">
        <v>0.85624308073137401</v>
      </c>
    </row>
    <row r="127159" spans="1:7" x14ac:dyDescent="0.3">
      <c r="A127159" s="13" t="s">
        <v>585</v>
      </c>
      <c r="B127159" s="14" t="s">
        <v>1</v>
      </c>
      <c r="C127159" s="14" t="s">
        <v>546</v>
      </c>
      <c r="D127159" s="14" t="s">
        <v>31</v>
      </c>
      <c r="E127159" s="15">
        <v>45515</v>
      </c>
      <c r="F127159" s="14" t="s">
        <v>15</v>
      </c>
      <c r="G127159" s="16">
        <v>0.85624308073137401</v>
      </c>
    </row>
    <row r="127160" spans="1:7" x14ac:dyDescent="0.3">
      <c r="A127160" s="13" t="s">
        <v>585</v>
      </c>
      <c r="B127160" s="14" t="s">
        <v>1</v>
      </c>
      <c r="C127160" s="14" t="s">
        <v>546</v>
      </c>
      <c r="D127160" s="14" t="s">
        <v>31</v>
      </c>
      <c r="E127160" s="15">
        <v>45516</v>
      </c>
      <c r="F127160" s="14" t="s">
        <v>15</v>
      </c>
      <c r="G127160" s="16">
        <v>0.85481983044987075</v>
      </c>
    </row>
    <row r="127161" spans="1:7" x14ac:dyDescent="0.3">
      <c r="A127161" s="13" t="s">
        <v>585</v>
      </c>
      <c r="B127161" s="14" t="s">
        <v>1</v>
      </c>
      <c r="C127161" s="14" t="s">
        <v>546</v>
      </c>
      <c r="D127161" s="14" t="s">
        <v>31</v>
      </c>
      <c r="E127161" s="15">
        <v>45517</v>
      </c>
      <c r="F127161" s="14" t="s">
        <v>15</v>
      </c>
      <c r="G127161" s="16">
        <v>0.85051571231720835</v>
      </c>
    </row>
    <row r="127162" spans="1:7" x14ac:dyDescent="0.3">
      <c r="A127162" s="13" t="s">
        <v>585</v>
      </c>
      <c r="B127162" s="14" t="s">
        <v>1</v>
      </c>
      <c r="C127162" s="14" t="s">
        <v>546</v>
      </c>
      <c r="D127162" s="14" t="s">
        <v>31</v>
      </c>
      <c r="E127162" s="15">
        <v>45518</v>
      </c>
      <c r="F127162" s="14" t="s">
        <v>15</v>
      </c>
      <c r="G127162" s="16">
        <v>0.84962359907011908</v>
      </c>
    </row>
    <row r="127163" spans="1:7" x14ac:dyDescent="0.3">
      <c r="A127163" s="13" t="s">
        <v>585</v>
      </c>
      <c r="B127163" s="14" t="s">
        <v>1</v>
      </c>
      <c r="C127163" s="14" t="s">
        <v>546</v>
      </c>
      <c r="D127163" s="14" t="s">
        <v>31</v>
      </c>
      <c r="E127163" s="15">
        <v>45519</v>
      </c>
      <c r="F127163" s="14" t="s">
        <v>15</v>
      </c>
      <c r="G127163" s="16">
        <v>0.84817730047795437</v>
      </c>
    </row>
    <row r="127164" spans="1:7" x14ac:dyDescent="0.3">
      <c r="A127164" s="13" t="s">
        <v>585</v>
      </c>
      <c r="B127164" s="14" t="s">
        <v>1</v>
      </c>
      <c r="C127164" s="14" t="s">
        <v>546</v>
      </c>
      <c r="D127164" s="14" t="s">
        <v>31</v>
      </c>
      <c r="E127164" s="15">
        <v>45520</v>
      </c>
      <c r="F127164" s="14" t="s">
        <v>15</v>
      </c>
      <c r="G127164" s="16">
        <v>0.86362007897686355</v>
      </c>
    </row>
    <row r="127165" spans="1:7" x14ac:dyDescent="0.3">
      <c r="A127165" s="13" t="s">
        <v>585</v>
      </c>
      <c r="B127165" s="14" t="s">
        <v>1</v>
      </c>
      <c r="C127165" s="14" t="s">
        <v>546</v>
      </c>
      <c r="D127165" s="14" t="s">
        <v>31</v>
      </c>
      <c r="E127165" s="15">
        <v>45521</v>
      </c>
      <c r="F127165" s="14" t="s">
        <v>15</v>
      </c>
      <c r="G127165" s="16">
        <v>0.86362007897686355</v>
      </c>
    </row>
    <row r="127166" spans="1:7" x14ac:dyDescent="0.3">
      <c r="A127166" s="13" t="s">
        <v>585</v>
      </c>
      <c r="B127166" s="14" t="s">
        <v>1</v>
      </c>
      <c r="C127166" s="14" t="s">
        <v>546</v>
      </c>
      <c r="D127166" s="14" t="s">
        <v>31</v>
      </c>
      <c r="E127166" s="15">
        <v>45522</v>
      </c>
      <c r="F127166" s="14" t="s">
        <v>15</v>
      </c>
      <c r="G127166" s="16">
        <v>0.86362007897686355</v>
      </c>
    </row>
    <row r="127167" spans="1:7" x14ac:dyDescent="0.3">
      <c r="A127167" s="13" t="s">
        <v>585</v>
      </c>
      <c r="B127167" s="14" t="s">
        <v>1</v>
      </c>
      <c r="C127167" s="14" t="s">
        <v>546</v>
      </c>
      <c r="D127167" s="14" t="s">
        <v>31</v>
      </c>
      <c r="E127167" s="15">
        <v>45523</v>
      </c>
      <c r="F127167" s="14" t="s">
        <v>15</v>
      </c>
      <c r="G127167" s="16">
        <v>0.87398668932856238</v>
      </c>
    </row>
    <row r="127168" spans="1:7" x14ac:dyDescent="0.3">
      <c r="A127168" s="13" t="s">
        <v>585</v>
      </c>
      <c r="B127168" s="14" t="s">
        <v>1</v>
      </c>
      <c r="C127168" s="14" t="s">
        <v>546</v>
      </c>
      <c r="D127168" s="14" t="s">
        <v>31</v>
      </c>
      <c r="E127168" s="15">
        <v>45524</v>
      </c>
      <c r="F127168" s="14" t="s">
        <v>15</v>
      </c>
      <c r="G127168" s="16">
        <v>0.86964649409241646</v>
      </c>
    </row>
    <row r="127169" spans="1:7" x14ac:dyDescent="0.3">
      <c r="A127169" s="13" t="s">
        <v>585</v>
      </c>
      <c r="B127169" s="14" t="s">
        <v>1</v>
      </c>
      <c r="C127169" s="14" t="s">
        <v>546</v>
      </c>
      <c r="D127169" s="14" t="s">
        <v>31</v>
      </c>
      <c r="E127169" s="15">
        <v>45525</v>
      </c>
      <c r="F127169" s="14" t="s">
        <v>15</v>
      </c>
      <c r="G127169" s="16">
        <v>0.86817694201175044</v>
      </c>
    </row>
    <row r="127170" spans="1:7" x14ac:dyDescent="0.3">
      <c r="A127170" s="13" t="s">
        <v>585</v>
      </c>
      <c r="B127170" s="14" t="s">
        <v>1</v>
      </c>
      <c r="C127170" s="14" t="s">
        <v>546</v>
      </c>
      <c r="D127170" s="14" t="s">
        <v>31</v>
      </c>
      <c r="E127170" s="15">
        <v>45526</v>
      </c>
      <c r="F127170" s="14" t="s">
        <v>15</v>
      </c>
      <c r="G127170" s="16">
        <v>0.86672527459944648</v>
      </c>
    </row>
    <row r="127171" spans="1:7" x14ac:dyDescent="0.3">
      <c r="A127171" s="13" t="s">
        <v>585</v>
      </c>
      <c r="B127171" s="14" t="s">
        <v>1</v>
      </c>
      <c r="C127171" s="14" t="s">
        <v>546</v>
      </c>
      <c r="D127171" s="14" t="s">
        <v>31</v>
      </c>
      <c r="E127171" s="15">
        <v>45527</v>
      </c>
      <c r="F127171" s="14" t="s">
        <v>15</v>
      </c>
      <c r="G127171" s="16">
        <v>0.86527993350386712</v>
      </c>
    </row>
    <row r="127172" spans="1:7" x14ac:dyDescent="0.3">
      <c r="A127172" s="13" t="s">
        <v>585</v>
      </c>
      <c r="B127172" s="14" t="s">
        <v>1</v>
      </c>
      <c r="C127172" s="14" t="s">
        <v>546</v>
      </c>
      <c r="D127172" s="14" t="s">
        <v>31</v>
      </c>
      <c r="E127172" s="15">
        <v>45528</v>
      </c>
      <c r="F127172" s="14" t="s">
        <v>15</v>
      </c>
      <c r="G127172" s="16">
        <v>0.86527993350386712</v>
      </c>
    </row>
    <row r="127173" spans="1:7" x14ac:dyDescent="0.3">
      <c r="A127173" s="13" t="s">
        <v>585</v>
      </c>
      <c r="B127173" s="14" t="s">
        <v>1</v>
      </c>
      <c r="C127173" s="14" t="s">
        <v>546</v>
      </c>
      <c r="D127173" s="14" t="s">
        <v>31</v>
      </c>
      <c r="E127173" s="15">
        <v>45529</v>
      </c>
      <c r="F127173" s="14" t="s">
        <v>15</v>
      </c>
      <c r="G127173" s="16">
        <v>0.86527993350386712</v>
      </c>
    </row>
    <row r="127174" spans="1:7" x14ac:dyDescent="0.3">
      <c r="A127174" s="13" t="s">
        <v>585</v>
      </c>
      <c r="B127174" s="14" t="s">
        <v>1</v>
      </c>
      <c r="C127174" s="14" t="s">
        <v>546</v>
      </c>
      <c r="D127174" s="14" t="s">
        <v>31</v>
      </c>
      <c r="E127174" s="15">
        <v>45530</v>
      </c>
      <c r="F127174" s="14" t="s">
        <v>15</v>
      </c>
      <c r="G127174" s="16">
        <v>0.86382180298961186</v>
      </c>
    </row>
    <row r="127175" spans="1:7" x14ac:dyDescent="0.3">
      <c r="A127175" s="13" t="s">
        <v>585</v>
      </c>
      <c r="B127175" s="14" t="s">
        <v>1</v>
      </c>
      <c r="C127175" s="14" t="s">
        <v>546</v>
      </c>
      <c r="D127175" s="14" t="s">
        <v>31</v>
      </c>
      <c r="E127175" s="15">
        <v>45531</v>
      </c>
      <c r="F127175" s="14" t="s">
        <v>15</v>
      </c>
      <c r="G127175" s="16">
        <v>0.85945948274308337</v>
      </c>
    </row>
    <row r="127176" spans="1:7" x14ac:dyDescent="0.3">
      <c r="A127176" s="13" t="s">
        <v>585</v>
      </c>
      <c r="B127176" s="14" t="s">
        <v>1</v>
      </c>
      <c r="C127176" s="14" t="s">
        <v>546</v>
      </c>
      <c r="D127176" s="14" t="s">
        <v>31</v>
      </c>
      <c r="E127176" s="15">
        <v>45532</v>
      </c>
      <c r="F127176" s="14" t="s">
        <v>15</v>
      </c>
      <c r="G127176" s="16">
        <v>0.85873995825550276</v>
      </c>
    </row>
    <row r="127177" spans="1:7" x14ac:dyDescent="0.3">
      <c r="A127177" s="13" t="s">
        <v>585</v>
      </c>
      <c r="B127177" s="14" t="s">
        <v>1</v>
      </c>
      <c r="C127177" s="14" t="s">
        <v>546</v>
      </c>
      <c r="D127177" s="14" t="s">
        <v>31</v>
      </c>
      <c r="E127177" s="15">
        <v>45533</v>
      </c>
      <c r="F127177" s="14" t="s">
        <v>15</v>
      </c>
      <c r="G127177" s="16">
        <v>0.85730535480020176</v>
      </c>
    </row>
    <row r="127178" spans="1:7" x14ac:dyDescent="0.3">
      <c r="A127178" s="13" t="s">
        <v>585</v>
      </c>
      <c r="B127178" s="14" t="s">
        <v>1</v>
      </c>
      <c r="C127178" s="14" t="s">
        <v>546</v>
      </c>
      <c r="D127178" s="14" t="s">
        <v>31</v>
      </c>
      <c r="E127178" s="15">
        <v>45534</v>
      </c>
      <c r="F127178" s="14" t="s">
        <v>15</v>
      </c>
      <c r="G127178" s="16">
        <v>0.85587984756246172</v>
      </c>
    </row>
    <row r="127179" spans="1:7" x14ac:dyDescent="0.3">
      <c r="A127179" s="13" t="s">
        <v>585</v>
      </c>
      <c r="B127179" s="14" t="s">
        <v>1</v>
      </c>
      <c r="C127179" s="14" t="s">
        <v>546</v>
      </c>
      <c r="D127179" s="14" t="s">
        <v>31</v>
      </c>
      <c r="E127179" s="15">
        <v>45535</v>
      </c>
      <c r="F127179" s="14" t="s">
        <v>15</v>
      </c>
      <c r="G127179" s="16">
        <v>0.85587984756246172</v>
      </c>
    </row>
    <row r="127180" spans="1:7" x14ac:dyDescent="0.3">
      <c r="A127180" s="13" t="s">
        <v>585</v>
      </c>
      <c r="B127180" s="14" t="s">
        <v>1</v>
      </c>
      <c r="C127180" s="14" t="s">
        <v>546</v>
      </c>
      <c r="D127180" s="14" t="s">
        <v>31</v>
      </c>
      <c r="E127180" s="15">
        <v>45536</v>
      </c>
      <c r="F127180" s="14" t="s">
        <v>15</v>
      </c>
      <c r="G127180" s="16">
        <v>0.85587984756246172</v>
      </c>
    </row>
    <row r="127181" spans="1:7" x14ac:dyDescent="0.3">
      <c r="A127181" s="13" t="s">
        <v>585</v>
      </c>
      <c r="B127181" s="14" t="s">
        <v>1</v>
      </c>
      <c r="C127181" s="14" t="s">
        <v>546</v>
      </c>
      <c r="D127181" s="14" t="s">
        <v>31</v>
      </c>
      <c r="E127181" s="15">
        <v>45537</v>
      </c>
      <c r="F127181" s="14" t="s">
        <v>15</v>
      </c>
      <c r="G127181" s="16">
        <v>0.8544483217747566</v>
      </c>
    </row>
    <row r="127182" spans="1:7" x14ac:dyDescent="0.3">
      <c r="A127182" s="13" t="s">
        <v>585</v>
      </c>
      <c r="B127182" s="14" t="s">
        <v>1</v>
      </c>
      <c r="C127182" s="14" t="s">
        <v>546</v>
      </c>
      <c r="D127182" s="14" t="s">
        <v>31</v>
      </c>
      <c r="E127182" s="15">
        <v>45538</v>
      </c>
      <c r="F127182" s="14" t="s">
        <v>15</v>
      </c>
      <c r="G127182" s="16">
        <v>0.85297853031994419</v>
      </c>
    </row>
    <row r="127183" spans="1:7" x14ac:dyDescent="0.3">
      <c r="A127183" s="13" t="s">
        <v>585</v>
      </c>
      <c r="B127183" s="14" t="s">
        <v>1</v>
      </c>
      <c r="C127183" s="14" t="s">
        <v>546</v>
      </c>
      <c r="D127183" s="14" t="s">
        <v>31</v>
      </c>
      <c r="E127183" s="15">
        <v>45539</v>
      </c>
      <c r="F127183" s="14" t="s">
        <v>15</v>
      </c>
      <c r="G127183" s="16">
        <v>0.85155040492720979</v>
      </c>
    </row>
    <row r="127184" spans="1:7" x14ac:dyDescent="0.3">
      <c r="A127184" s="13" t="s">
        <v>585</v>
      </c>
      <c r="B127184" s="14" t="s">
        <v>1</v>
      </c>
      <c r="C127184" s="14" t="s">
        <v>546</v>
      </c>
      <c r="D127184" s="14" t="s">
        <v>31</v>
      </c>
      <c r="E127184" s="15">
        <v>45540</v>
      </c>
      <c r="F127184" s="14" t="s">
        <v>15</v>
      </c>
      <c r="G127184" s="16">
        <v>0.87357722185820941</v>
      </c>
    </row>
    <row r="127185" spans="1:7" x14ac:dyDescent="0.3">
      <c r="A127185" s="13" t="s">
        <v>585</v>
      </c>
      <c r="B127185" s="14" t="s">
        <v>1</v>
      </c>
      <c r="C127185" s="14" t="s">
        <v>546</v>
      </c>
      <c r="D127185" s="14" t="s">
        <v>31</v>
      </c>
      <c r="E127185" s="15">
        <v>45541</v>
      </c>
      <c r="F127185" s="14" t="s">
        <v>15</v>
      </c>
      <c r="G127185" s="16">
        <v>0.88255243593443333</v>
      </c>
    </row>
    <row r="127186" spans="1:7" x14ac:dyDescent="0.3">
      <c r="A127186" s="13" t="s">
        <v>585</v>
      </c>
      <c r="B127186" s="14" t="s">
        <v>1</v>
      </c>
      <c r="C127186" s="14" t="s">
        <v>546</v>
      </c>
      <c r="D127186" s="14" t="s">
        <v>31</v>
      </c>
      <c r="E127186" s="15">
        <v>45542</v>
      </c>
      <c r="F127186" s="14" t="s">
        <v>15</v>
      </c>
      <c r="G127186" s="16">
        <v>0.88255243593443333</v>
      </c>
    </row>
    <row r="127187" spans="1:7" x14ac:dyDescent="0.3">
      <c r="A127187" s="13" t="s">
        <v>585</v>
      </c>
      <c r="B127187" s="14" t="s">
        <v>1</v>
      </c>
      <c r="C127187" s="14" t="s">
        <v>546</v>
      </c>
      <c r="D127187" s="14" t="s">
        <v>31</v>
      </c>
      <c r="E127187" s="15">
        <v>45543</v>
      </c>
      <c r="F127187" s="14" t="s">
        <v>15</v>
      </c>
      <c r="G127187" s="16">
        <v>0.88255243593443333</v>
      </c>
    </row>
    <row r="127188" spans="1:7" x14ac:dyDescent="0.3">
      <c r="A127188" s="13" t="s">
        <v>585</v>
      </c>
      <c r="B127188" s="14" t="s">
        <v>1</v>
      </c>
      <c r="C127188" s="14" t="s">
        <v>546</v>
      </c>
      <c r="D127188" s="14" t="s">
        <v>31</v>
      </c>
      <c r="E127188" s="15">
        <v>45544</v>
      </c>
      <c r="F127188" s="14" t="s">
        <v>15</v>
      </c>
      <c r="G127188" s="16">
        <v>0.88113762200903445</v>
      </c>
    </row>
    <row r="127189" spans="1:7" x14ac:dyDescent="0.3">
      <c r="A127189" s="13" t="s">
        <v>585</v>
      </c>
      <c r="B127189" s="14" t="s">
        <v>1</v>
      </c>
      <c r="C127189" s="14" t="s">
        <v>546</v>
      </c>
      <c r="D127189" s="14" t="s">
        <v>31</v>
      </c>
      <c r="E127189" s="15">
        <v>45545</v>
      </c>
      <c r="F127189" s="14" t="s">
        <v>15</v>
      </c>
      <c r="G127189" s="16">
        <v>0.88972830919978962</v>
      </c>
    </row>
    <row r="127190" spans="1:7" x14ac:dyDescent="0.3">
      <c r="A127190" s="13" t="s">
        <v>585</v>
      </c>
      <c r="B127190" s="14" t="s">
        <v>1</v>
      </c>
      <c r="C127190" s="14" t="s">
        <v>546</v>
      </c>
      <c r="D127190" s="14" t="s">
        <v>31</v>
      </c>
      <c r="E127190" s="15">
        <v>45546</v>
      </c>
      <c r="F127190" s="14" t="s">
        <v>15</v>
      </c>
      <c r="G127190" s="16">
        <v>0.88833533225614825</v>
      </c>
    </row>
    <row r="127191" spans="1:7" x14ac:dyDescent="0.3">
      <c r="A127191" s="13" t="s">
        <v>585</v>
      </c>
      <c r="B127191" s="14" t="s">
        <v>1</v>
      </c>
      <c r="C127191" s="14" t="s">
        <v>546</v>
      </c>
      <c r="D127191" s="14" t="s">
        <v>31</v>
      </c>
      <c r="E127191" s="15">
        <v>45547</v>
      </c>
      <c r="F127191" s="14" t="s">
        <v>15</v>
      </c>
      <c r="G127191" s="16">
        <v>0.92141362933694126</v>
      </c>
    </row>
    <row r="127192" spans="1:7" x14ac:dyDescent="0.3">
      <c r="A127192" s="13" t="s">
        <v>585</v>
      </c>
      <c r="B127192" s="14" t="s">
        <v>1</v>
      </c>
      <c r="C127192" s="14" t="s">
        <v>546</v>
      </c>
      <c r="D127192" s="14" t="s">
        <v>31</v>
      </c>
      <c r="E127192" s="15">
        <v>45548</v>
      </c>
      <c r="F127192" s="14" t="s">
        <v>15</v>
      </c>
      <c r="G127192" s="16">
        <v>0.92001216009304598</v>
      </c>
    </row>
    <row r="127193" spans="1:7" x14ac:dyDescent="0.3">
      <c r="A127193" s="13" t="s">
        <v>585</v>
      </c>
      <c r="B127193" s="14" t="s">
        <v>1</v>
      </c>
      <c r="C127193" s="14" t="s">
        <v>546</v>
      </c>
      <c r="D127193" s="14" t="s">
        <v>31</v>
      </c>
      <c r="E127193" s="15">
        <v>45549</v>
      </c>
      <c r="F127193" s="14" t="s">
        <v>15</v>
      </c>
      <c r="G127193" s="16">
        <v>0.92001216009304598</v>
      </c>
    </row>
    <row r="127194" spans="1:7" x14ac:dyDescent="0.3">
      <c r="A127194" s="13" t="s">
        <v>585</v>
      </c>
      <c r="B127194" s="14" t="s">
        <v>1</v>
      </c>
      <c r="C127194" s="14" t="s">
        <v>546</v>
      </c>
      <c r="D127194" s="14" t="s">
        <v>31</v>
      </c>
      <c r="E127194" s="15">
        <v>45550</v>
      </c>
      <c r="F127194" s="14" t="s">
        <v>15</v>
      </c>
      <c r="G127194" s="16">
        <v>0.92001216009304598</v>
      </c>
    </row>
    <row r="127195" spans="1:7" x14ac:dyDescent="0.3">
      <c r="A127195" s="13" t="s">
        <v>585</v>
      </c>
      <c r="B127195" s="14" t="s">
        <v>1</v>
      </c>
      <c r="C127195" s="14" t="s">
        <v>546</v>
      </c>
      <c r="D127195" s="14" t="s">
        <v>31</v>
      </c>
      <c r="E127195" s="15">
        <v>45551</v>
      </c>
      <c r="F127195" s="14" t="s">
        <v>15</v>
      </c>
      <c r="G127195" s="16">
        <v>0.92001216009304598</v>
      </c>
    </row>
    <row r="127196" spans="1:7" x14ac:dyDescent="0.3">
      <c r="A127196" s="13" t="s">
        <v>585</v>
      </c>
      <c r="B127196" s="14" t="s">
        <v>1</v>
      </c>
      <c r="C127196" s="14" t="s">
        <v>546</v>
      </c>
      <c r="D127196" s="14" t="s">
        <v>31</v>
      </c>
      <c r="E127196" s="15">
        <v>45552</v>
      </c>
      <c r="F127196" s="14" t="s">
        <v>15</v>
      </c>
      <c r="G127196" s="16">
        <v>0.92001216009304598</v>
      </c>
    </row>
    <row r="127197" spans="1:7" x14ac:dyDescent="0.3">
      <c r="A127197" s="13" t="s">
        <v>585</v>
      </c>
      <c r="B127197" s="14" t="s">
        <v>1</v>
      </c>
      <c r="C127197" s="14" t="s">
        <v>546</v>
      </c>
      <c r="D127197" s="14" t="s">
        <v>31</v>
      </c>
      <c r="E127197" s="15">
        <v>45553</v>
      </c>
      <c r="F127197" s="14" t="s">
        <v>15</v>
      </c>
      <c r="G127197" s="16">
        <v>0.92001216009304598</v>
      </c>
    </row>
    <row r="127198" spans="1:7" x14ac:dyDescent="0.3">
      <c r="A127198" s="13" t="s">
        <v>585</v>
      </c>
      <c r="B127198" s="14" t="s">
        <v>1</v>
      </c>
      <c r="C127198" s="14" t="s">
        <v>546</v>
      </c>
      <c r="D127198" s="14" t="s">
        <v>31</v>
      </c>
      <c r="E127198" s="15">
        <v>45554</v>
      </c>
      <c r="F127198" s="14" t="s">
        <v>15</v>
      </c>
      <c r="G127198" s="16">
        <v>0.91861144419836693</v>
      </c>
    </row>
    <row r="127199" spans="1:7" x14ac:dyDescent="0.3">
      <c r="A127199" s="13" t="s">
        <v>585</v>
      </c>
      <c r="B127199" s="14" t="s">
        <v>1</v>
      </c>
      <c r="C127199" s="14" t="s">
        <v>546</v>
      </c>
      <c r="D127199" s="14" t="s">
        <v>31</v>
      </c>
      <c r="E127199" s="15">
        <v>45555</v>
      </c>
      <c r="F127199" s="14" t="s">
        <v>15</v>
      </c>
      <c r="G127199" s="16">
        <v>0.91010276313759908</v>
      </c>
    </row>
    <row r="127200" spans="1:7" x14ac:dyDescent="0.3">
      <c r="A127200" s="13" t="s">
        <v>585</v>
      </c>
      <c r="B127200" s="14" t="s">
        <v>1</v>
      </c>
      <c r="C127200" s="14" t="s">
        <v>546</v>
      </c>
      <c r="D127200" s="14" t="s">
        <v>31</v>
      </c>
      <c r="E127200" s="15">
        <v>45556</v>
      </c>
      <c r="F127200" s="14" t="s">
        <v>15</v>
      </c>
      <c r="G127200" s="16">
        <v>0.91010276313759908</v>
      </c>
    </row>
    <row r="127201" spans="1:7" x14ac:dyDescent="0.3">
      <c r="A127201" s="13" t="s">
        <v>585</v>
      </c>
      <c r="B127201" s="14" t="s">
        <v>1</v>
      </c>
      <c r="C127201" s="14" t="s">
        <v>546</v>
      </c>
      <c r="D127201" s="14" t="s">
        <v>31</v>
      </c>
      <c r="E127201" s="15">
        <v>45557</v>
      </c>
      <c r="F127201" s="14" t="s">
        <v>15</v>
      </c>
      <c r="G127201" s="16">
        <v>0.91010276313759908</v>
      </c>
    </row>
    <row r="127202" spans="1:7" x14ac:dyDescent="0.3">
      <c r="A127202" s="13" t="s">
        <v>585</v>
      </c>
      <c r="B127202" s="14" t="s">
        <v>1</v>
      </c>
      <c r="C127202" s="14" t="s">
        <v>546</v>
      </c>
      <c r="D127202" s="14" t="s">
        <v>31</v>
      </c>
      <c r="E127202" s="15">
        <v>45558</v>
      </c>
      <c r="F127202" s="14" t="s">
        <v>15</v>
      </c>
      <c r="G127202" s="16">
        <v>0.90866286751062475</v>
      </c>
    </row>
    <row r="127203" spans="1:7" x14ac:dyDescent="0.3">
      <c r="A127203" s="13" t="s">
        <v>585</v>
      </c>
      <c r="B127203" s="14" t="s">
        <v>1</v>
      </c>
      <c r="C127203" s="14" t="s">
        <v>546</v>
      </c>
      <c r="D127203" s="14" t="s">
        <v>31</v>
      </c>
      <c r="E127203" s="15">
        <v>45559</v>
      </c>
      <c r="F127203" s="14" t="s">
        <v>15</v>
      </c>
      <c r="G127203" s="16">
        <v>0.90430790394547911</v>
      </c>
    </row>
    <row r="127204" spans="1:7" x14ac:dyDescent="0.3">
      <c r="A127204" s="13" t="s">
        <v>585</v>
      </c>
      <c r="B127204" s="14" t="s">
        <v>1</v>
      </c>
      <c r="C127204" s="14" t="s">
        <v>546</v>
      </c>
      <c r="D127204" s="14" t="s">
        <v>31</v>
      </c>
      <c r="E127204" s="15">
        <v>45560</v>
      </c>
      <c r="F127204" s="14" t="s">
        <v>15</v>
      </c>
      <c r="G127204" s="16">
        <v>0.90285875231733548</v>
      </c>
    </row>
    <row r="127205" spans="1:7" x14ac:dyDescent="0.3">
      <c r="A127205" s="13" t="s">
        <v>585</v>
      </c>
      <c r="B127205" s="14" t="s">
        <v>1</v>
      </c>
      <c r="C127205" s="14" t="s">
        <v>546</v>
      </c>
      <c r="D127205" s="14" t="s">
        <v>31</v>
      </c>
      <c r="E127205" s="15">
        <v>45561</v>
      </c>
      <c r="F127205" s="14" t="s">
        <v>15</v>
      </c>
      <c r="G127205" s="16">
        <v>0.90134662410337552</v>
      </c>
    </row>
    <row r="127206" spans="1:7" x14ac:dyDescent="0.3">
      <c r="A127206" s="13" t="s">
        <v>585</v>
      </c>
      <c r="B127206" s="14" t="s">
        <v>1</v>
      </c>
      <c r="C127206" s="14" t="s">
        <v>546</v>
      </c>
      <c r="D127206" s="14" t="s">
        <v>31</v>
      </c>
      <c r="E127206" s="15">
        <v>45562</v>
      </c>
      <c r="F127206" s="14" t="s">
        <v>15</v>
      </c>
      <c r="G127206" s="16">
        <v>0.90170384800275738</v>
      </c>
    </row>
    <row r="127207" spans="1:7" x14ac:dyDescent="0.3">
      <c r="A127207" s="13" t="s">
        <v>585</v>
      </c>
      <c r="B127207" s="14" t="s">
        <v>1</v>
      </c>
      <c r="C127207" s="14" t="s">
        <v>546</v>
      </c>
      <c r="D127207" s="14" t="s">
        <v>31</v>
      </c>
      <c r="E127207" s="15">
        <v>45563</v>
      </c>
      <c r="F127207" s="14" t="s">
        <v>15</v>
      </c>
      <c r="G127207" s="16">
        <v>0.90170384800275738</v>
      </c>
    </row>
    <row r="127208" spans="1:7" x14ac:dyDescent="0.3">
      <c r="A127208" s="13" t="s">
        <v>585</v>
      </c>
      <c r="B127208" s="14" t="s">
        <v>1</v>
      </c>
      <c r="C127208" s="14" t="s">
        <v>546</v>
      </c>
      <c r="D127208" s="14" t="s">
        <v>31</v>
      </c>
      <c r="E127208" s="15">
        <v>45564</v>
      </c>
      <c r="F127208" s="14" t="s">
        <v>15</v>
      </c>
      <c r="G127208" s="16">
        <v>0.90170384800275738</v>
      </c>
    </row>
    <row r="127209" spans="1:7" x14ac:dyDescent="0.3">
      <c r="A127209" s="13" t="s">
        <v>585</v>
      </c>
      <c r="B127209" s="14" t="s">
        <v>1</v>
      </c>
      <c r="C127209" s="14" t="s">
        <v>546</v>
      </c>
      <c r="D127209" s="14" t="s">
        <v>31</v>
      </c>
      <c r="E127209" s="15">
        <v>45565</v>
      </c>
      <c r="F127209" s="14" t="s">
        <v>15</v>
      </c>
      <c r="G127209" s="16">
        <v>0.90348651445043393</v>
      </c>
    </row>
    <row r="127210" spans="1:7" x14ac:dyDescent="0.3">
      <c r="A127210" s="13" t="s">
        <v>585</v>
      </c>
      <c r="B127210" s="14" t="s">
        <v>1</v>
      </c>
      <c r="C127210" s="14" t="s">
        <v>546</v>
      </c>
      <c r="D127210" s="14" t="s">
        <v>31</v>
      </c>
      <c r="E127210" s="15">
        <v>45566</v>
      </c>
      <c r="F127210" s="14" t="s">
        <v>15</v>
      </c>
      <c r="G127210" s="16">
        <v>0.90348651445043393</v>
      </c>
    </row>
    <row r="127211" spans="1:7" x14ac:dyDescent="0.3">
      <c r="A127211" s="13" t="s">
        <v>585</v>
      </c>
      <c r="B127211" s="14" t="s">
        <v>1</v>
      </c>
      <c r="C127211" s="14" t="s">
        <v>546</v>
      </c>
      <c r="D127211" s="14" t="s">
        <v>31</v>
      </c>
      <c r="E127211" s="15">
        <v>45567</v>
      </c>
      <c r="F127211" s="14" t="s">
        <v>15</v>
      </c>
      <c r="G127211" s="16">
        <v>0.90348651445043393</v>
      </c>
    </row>
    <row r="127212" spans="1:7" x14ac:dyDescent="0.3">
      <c r="A127212" s="13" t="s">
        <v>585</v>
      </c>
      <c r="B127212" s="14" t="s">
        <v>1</v>
      </c>
      <c r="C127212" s="14" t="s">
        <v>546</v>
      </c>
      <c r="D127212" s="14" t="s">
        <v>31</v>
      </c>
      <c r="E127212" s="15">
        <v>45568</v>
      </c>
      <c r="F127212" s="14" t="s">
        <v>15</v>
      </c>
      <c r="G127212" s="16">
        <v>0.90348651445043393</v>
      </c>
    </row>
    <row r="127213" spans="1:7" x14ac:dyDescent="0.3">
      <c r="A127213" s="13" t="s">
        <v>585</v>
      </c>
      <c r="B127213" s="14" t="s">
        <v>1</v>
      </c>
      <c r="C127213" s="14" t="s">
        <v>546</v>
      </c>
      <c r="D127213" s="14" t="s">
        <v>31</v>
      </c>
      <c r="E127213" s="15">
        <v>45569</v>
      </c>
      <c r="F127213" s="14" t="s">
        <v>15</v>
      </c>
      <c r="G127213" s="16">
        <v>0.90348651445043393</v>
      </c>
    </row>
    <row r="127214" spans="1:7" x14ac:dyDescent="0.3">
      <c r="A127214" s="13" t="s">
        <v>585</v>
      </c>
      <c r="B127214" s="14" t="s">
        <v>1</v>
      </c>
      <c r="C127214" s="14" t="s">
        <v>546</v>
      </c>
      <c r="D127214" s="14" t="s">
        <v>31</v>
      </c>
      <c r="E127214" s="15">
        <v>45570</v>
      </c>
      <c r="F127214" s="14" t="s">
        <v>15</v>
      </c>
      <c r="G127214" s="16">
        <v>0.90348651445043393</v>
      </c>
    </row>
    <row r="127215" spans="1:7" x14ac:dyDescent="0.3">
      <c r="A127215" s="13" t="s">
        <v>585</v>
      </c>
      <c r="B127215" s="14" t="s">
        <v>1</v>
      </c>
      <c r="C127215" s="14" t="s">
        <v>546</v>
      </c>
      <c r="D127215" s="14" t="s">
        <v>31</v>
      </c>
      <c r="E127215" s="15">
        <v>45571</v>
      </c>
      <c r="F127215" s="14" t="s">
        <v>15</v>
      </c>
      <c r="G127215" s="16">
        <v>0.90348651445043393</v>
      </c>
    </row>
    <row r="127216" spans="1:7" x14ac:dyDescent="0.3">
      <c r="A127216" s="13" t="s">
        <v>585</v>
      </c>
      <c r="B127216" s="14" t="s">
        <v>1</v>
      </c>
      <c r="C127216" s="14" t="s">
        <v>546</v>
      </c>
      <c r="D127216" s="14" t="s">
        <v>31</v>
      </c>
      <c r="E127216" s="15">
        <v>45572</v>
      </c>
      <c r="F127216" s="14" t="s">
        <v>15</v>
      </c>
      <c r="G127216" s="16">
        <v>0.90348651445043393</v>
      </c>
    </row>
    <row r="127217" spans="1:7" x14ac:dyDescent="0.3">
      <c r="A127217" s="13" t="s">
        <v>585</v>
      </c>
      <c r="B127217" s="14" t="s">
        <v>1</v>
      </c>
      <c r="C127217" s="14" t="s">
        <v>546</v>
      </c>
      <c r="D127217" s="14" t="s">
        <v>31</v>
      </c>
      <c r="E127217" s="15">
        <v>45573</v>
      </c>
      <c r="F127217" s="14" t="s">
        <v>15</v>
      </c>
      <c r="G127217" s="16">
        <v>0.90537800205441454</v>
      </c>
    </row>
    <row r="127218" spans="1:7" x14ac:dyDescent="0.3">
      <c r="A127218" s="13" t="s">
        <v>585</v>
      </c>
      <c r="B127218" s="14" t="s">
        <v>1</v>
      </c>
      <c r="C127218" s="14" t="s">
        <v>546</v>
      </c>
      <c r="D127218" s="14" t="s">
        <v>31</v>
      </c>
      <c r="E127218" s="15">
        <v>45574</v>
      </c>
      <c r="F127218" s="14" t="s">
        <v>15</v>
      </c>
      <c r="G127218" s="16">
        <v>0.89496731829860854</v>
      </c>
    </row>
    <row r="127219" spans="1:7" x14ac:dyDescent="0.3">
      <c r="A127219" s="13" t="s">
        <v>585</v>
      </c>
      <c r="B127219" s="14" t="s">
        <v>1</v>
      </c>
      <c r="C127219" s="14" t="s">
        <v>546</v>
      </c>
      <c r="D127219" s="14" t="s">
        <v>31</v>
      </c>
      <c r="E127219" s="15">
        <v>45575</v>
      </c>
      <c r="F127219" s="14" t="s">
        <v>15</v>
      </c>
      <c r="G127219" s="16">
        <v>0.89905968360864474</v>
      </c>
    </row>
    <row r="127220" spans="1:7" x14ac:dyDescent="0.3">
      <c r="A127220" s="13" t="s">
        <v>585</v>
      </c>
      <c r="B127220" s="14" t="s">
        <v>1</v>
      </c>
      <c r="C127220" s="14" t="s">
        <v>546</v>
      </c>
      <c r="D127220" s="14" t="s">
        <v>31</v>
      </c>
      <c r="E127220" s="15">
        <v>45576</v>
      </c>
      <c r="F127220" s="14" t="s">
        <v>15</v>
      </c>
      <c r="G127220" s="16">
        <v>0.89905968360864474</v>
      </c>
    </row>
    <row r="127221" spans="1:7" x14ac:dyDescent="0.3">
      <c r="A127221" s="13" t="s">
        <v>585</v>
      </c>
      <c r="B127221" s="14" t="s">
        <v>1</v>
      </c>
      <c r="C127221" s="14" t="s">
        <v>546</v>
      </c>
      <c r="D127221" s="14" t="s">
        <v>31</v>
      </c>
      <c r="E127221" s="15">
        <v>45577</v>
      </c>
      <c r="F127221" s="14" t="s">
        <v>15</v>
      </c>
      <c r="G127221" s="16">
        <v>0.89905968360864474</v>
      </c>
    </row>
    <row r="127222" spans="1:7" x14ac:dyDescent="0.3">
      <c r="A127222" s="13" t="s">
        <v>585</v>
      </c>
      <c r="B127222" s="14" t="s">
        <v>1</v>
      </c>
      <c r="C127222" s="14" t="s">
        <v>546</v>
      </c>
      <c r="D127222" s="14" t="s">
        <v>31</v>
      </c>
      <c r="E127222" s="15">
        <v>45578</v>
      </c>
      <c r="F127222" s="14" t="s">
        <v>15</v>
      </c>
      <c r="G127222" s="16">
        <v>0.89905968360864474</v>
      </c>
    </row>
    <row r="127223" spans="1:7" x14ac:dyDescent="0.3">
      <c r="A127223" s="13" t="s">
        <v>585</v>
      </c>
      <c r="B127223" s="14" t="s">
        <v>1</v>
      </c>
      <c r="C127223" s="14" t="s">
        <v>546</v>
      </c>
      <c r="D127223" s="14" t="s">
        <v>31</v>
      </c>
      <c r="E127223" s="15">
        <v>45579</v>
      </c>
      <c r="F127223" s="14" t="s">
        <v>15</v>
      </c>
      <c r="G127223" s="16">
        <v>0.89731677712867564</v>
      </c>
    </row>
    <row r="127224" spans="1:7" x14ac:dyDescent="0.3">
      <c r="A127224" s="13" t="s">
        <v>585</v>
      </c>
      <c r="B127224" s="14" t="s">
        <v>1</v>
      </c>
      <c r="C127224" s="14" t="s">
        <v>546</v>
      </c>
      <c r="D127224" s="14" t="s">
        <v>31</v>
      </c>
      <c r="E127224" s="15">
        <v>45580</v>
      </c>
      <c r="F127224" s="14" t="s">
        <v>15</v>
      </c>
      <c r="G127224" s="16">
        <v>0.89025710921228951</v>
      </c>
    </row>
    <row r="127225" spans="1:7" x14ac:dyDescent="0.3">
      <c r="A127225" s="13" t="s">
        <v>585</v>
      </c>
      <c r="B127225" s="14" t="s">
        <v>1</v>
      </c>
      <c r="C127225" s="14" t="s">
        <v>546</v>
      </c>
      <c r="D127225" s="14" t="s">
        <v>31</v>
      </c>
      <c r="E127225" s="15">
        <v>45581</v>
      </c>
      <c r="F127225" s="14" t="s">
        <v>15</v>
      </c>
      <c r="G127225" s="16">
        <v>0.88850538525077027</v>
      </c>
    </row>
    <row r="127226" spans="1:7" x14ac:dyDescent="0.3">
      <c r="A127226" s="13" t="s">
        <v>585</v>
      </c>
      <c r="B127226" s="14" t="s">
        <v>1</v>
      </c>
      <c r="C127226" s="14" t="s">
        <v>546</v>
      </c>
      <c r="D127226" s="14" t="s">
        <v>31</v>
      </c>
      <c r="E127226" s="15">
        <v>45582</v>
      </c>
      <c r="F127226" s="14" t="s">
        <v>15</v>
      </c>
      <c r="G127226" s="16">
        <v>0.88681948602588712</v>
      </c>
    </row>
    <row r="127227" spans="1:7" x14ac:dyDescent="0.3">
      <c r="A127227" s="13" t="s">
        <v>585</v>
      </c>
      <c r="B127227" s="14" t="s">
        <v>1</v>
      </c>
      <c r="C127227" s="14" t="s">
        <v>546</v>
      </c>
      <c r="D127227" s="14" t="s">
        <v>31</v>
      </c>
      <c r="E127227" s="15">
        <v>45583</v>
      </c>
      <c r="F127227" s="14" t="s">
        <v>15</v>
      </c>
      <c r="G127227" s="16">
        <v>0.88515637278231396</v>
      </c>
    </row>
    <row r="127228" spans="1:7" x14ac:dyDescent="0.3">
      <c r="A127228" s="13" t="s">
        <v>585</v>
      </c>
      <c r="B127228" s="14" t="s">
        <v>1</v>
      </c>
      <c r="C127228" s="14" t="s">
        <v>546</v>
      </c>
      <c r="D127228" s="14" t="s">
        <v>31</v>
      </c>
      <c r="E127228" s="15">
        <v>45584</v>
      </c>
      <c r="F127228" s="14" t="s">
        <v>15</v>
      </c>
      <c r="G127228" s="16">
        <v>0.88515637278231396</v>
      </c>
    </row>
    <row r="127229" spans="1:7" x14ac:dyDescent="0.3">
      <c r="A127229" s="13" t="s">
        <v>585</v>
      </c>
      <c r="B127229" s="14" t="s">
        <v>1</v>
      </c>
      <c r="C127229" s="14" t="s">
        <v>546</v>
      </c>
      <c r="D127229" s="14" t="s">
        <v>31</v>
      </c>
      <c r="E127229" s="15">
        <v>45585</v>
      </c>
      <c r="F127229" s="14" t="s">
        <v>15</v>
      </c>
      <c r="G127229" s="16">
        <v>0.88515637278231396</v>
      </c>
    </row>
    <row r="127230" spans="1:7" x14ac:dyDescent="0.3">
      <c r="A127230" s="13" t="s">
        <v>585</v>
      </c>
      <c r="B127230" s="14" t="s">
        <v>1</v>
      </c>
      <c r="C127230" s="14" t="s">
        <v>546</v>
      </c>
      <c r="D127230" s="14" t="s">
        <v>31</v>
      </c>
      <c r="E127230" s="15">
        <v>45586</v>
      </c>
      <c r="F127230" s="14" t="s">
        <v>15</v>
      </c>
      <c r="G127230" s="16">
        <v>0.89977888408259088</v>
      </c>
    </row>
    <row r="127231" spans="1:7" x14ac:dyDescent="0.3">
      <c r="A127231" s="13" t="s">
        <v>585</v>
      </c>
      <c r="B127231" s="14" t="s">
        <v>1</v>
      </c>
      <c r="C127231" s="14" t="s">
        <v>546</v>
      </c>
      <c r="D127231" s="14" t="s">
        <v>31</v>
      </c>
      <c r="E127231" s="15">
        <v>45587</v>
      </c>
      <c r="F127231" s="14" t="s">
        <v>15</v>
      </c>
      <c r="G127231" s="16">
        <v>0.89463455048444029</v>
      </c>
    </row>
    <row r="127232" spans="1:7" x14ac:dyDescent="0.3">
      <c r="A127232" s="13" t="s">
        <v>585</v>
      </c>
      <c r="B127232" s="14" t="s">
        <v>1</v>
      </c>
      <c r="C127232" s="14" t="s">
        <v>546</v>
      </c>
      <c r="D127232" s="14" t="s">
        <v>31</v>
      </c>
      <c r="E127232" s="15">
        <v>45588</v>
      </c>
      <c r="F127232" s="14" t="s">
        <v>15</v>
      </c>
      <c r="G127232" s="16">
        <v>0.89293175265164448</v>
      </c>
    </row>
    <row r="127233" spans="1:7" x14ac:dyDescent="0.3">
      <c r="A127233" s="13" t="s">
        <v>585</v>
      </c>
      <c r="B127233" s="14" t="s">
        <v>1</v>
      </c>
      <c r="C127233" s="14" t="s">
        <v>546</v>
      </c>
      <c r="D127233" s="14" t="s">
        <v>31</v>
      </c>
      <c r="E127233" s="15">
        <v>45589</v>
      </c>
      <c r="F127233" s="14" t="s">
        <v>15</v>
      </c>
      <c r="G127233" s="16">
        <v>0.89322882714715612</v>
      </c>
    </row>
    <row r="127234" spans="1:7" x14ac:dyDescent="0.3">
      <c r="A127234" s="13" t="s">
        <v>585</v>
      </c>
      <c r="B127234" s="14" t="s">
        <v>1</v>
      </c>
      <c r="C127234" s="14" t="s">
        <v>546</v>
      </c>
      <c r="D127234" s="14" t="s">
        <v>31</v>
      </c>
      <c r="E127234" s="15">
        <v>45590</v>
      </c>
      <c r="F127234" s="14" t="s">
        <v>15</v>
      </c>
      <c r="G127234" s="16">
        <v>0.89151045643763716</v>
      </c>
    </row>
    <row r="127235" spans="1:7" x14ac:dyDescent="0.3">
      <c r="A127235" s="13" t="s">
        <v>585</v>
      </c>
      <c r="B127235" s="14" t="s">
        <v>1</v>
      </c>
      <c r="C127235" s="14" t="s">
        <v>546</v>
      </c>
      <c r="D127235" s="14" t="s">
        <v>31</v>
      </c>
      <c r="E127235" s="15">
        <v>45591</v>
      </c>
      <c r="F127235" s="14" t="s">
        <v>15</v>
      </c>
      <c r="G127235" s="16">
        <v>0.89151045643763716</v>
      </c>
    </row>
    <row r="127236" spans="1:7" x14ac:dyDescent="0.3">
      <c r="A127236" s="13" t="s">
        <v>585</v>
      </c>
      <c r="B127236" s="14" t="s">
        <v>1</v>
      </c>
      <c r="C127236" s="14" t="s">
        <v>546</v>
      </c>
      <c r="D127236" s="14" t="s">
        <v>31</v>
      </c>
      <c r="E127236" s="15">
        <v>45592</v>
      </c>
      <c r="F127236" s="14" t="s">
        <v>15</v>
      </c>
      <c r="G127236" s="16">
        <v>0.89151045643763716</v>
      </c>
    </row>
    <row r="127237" spans="1:7" x14ac:dyDescent="0.3">
      <c r="A127237" s="13" t="s">
        <v>585</v>
      </c>
      <c r="B127237" s="14" t="s">
        <v>1</v>
      </c>
      <c r="C127237" s="14" t="s">
        <v>546</v>
      </c>
      <c r="D127237" s="14" t="s">
        <v>31</v>
      </c>
      <c r="E127237" s="15">
        <v>45593</v>
      </c>
      <c r="F127237" s="14" t="s">
        <v>15</v>
      </c>
      <c r="G127237" s="16">
        <v>0.89151045643763716</v>
      </c>
    </row>
    <row r="127238" spans="1:7" x14ac:dyDescent="0.3">
      <c r="A127238" s="13" t="s">
        <v>585</v>
      </c>
      <c r="B127238" s="14" t="s">
        <v>1</v>
      </c>
      <c r="C127238" s="14" t="s">
        <v>546</v>
      </c>
      <c r="D127238" s="14" t="s">
        <v>31</v>
      </c>
      <c r="E127238" s="15">
        <v>45594</v>
      </c>
      <c r="F127238" s="14" t="s">
        <v>15</v>
      </c>
      <c r="G127238" s="16">
        <v>0.89503234124783759</v>
      </c>
    </row>
    <row r="127239" spans="1:7" x14ac:dyDescent="0.3">
      <c r="A127239" s="13" t="s">
        <v>585</v>
      </c>
      <c r="B127239" s="14" t="s">
        <v>1</v>
      </c>
      <c r="C127239" s="14" t="s">
        <v>546</v>
      </c>
      <c r="D127239" s="14" t="s">
        <v>31</v>
      </c>
      <c r="E127239" s="15">
        <v>45595</v>
      </c>
      <c r="F127239" s="14" t="s">
        <v>15</v>
      </c>
      <c r="G127239" s="16">
        <v>0.88822609549556275</v>
      </c>
    </row>
    <row r="127240" spans="1:7" x14ac:dyDescent="0.3">
      <c r="A127240" s="13" t="s">
        <v>585</v>
      </c>
      <c r="B127240" s="14" t="s">
        <v>1</v>
      </c>
      <c r="C127240" s="14" t="s">
        <v>546</v>
      </c>
      <c r="D127240" s="14" t="s">
        <v>31</v>
      </c>
      <c r="E127240" s="15">
        <v>45596</v>
      </c>
      <c r="F127240" s="14" t="s">
        <v>15</v>
      </c>
      <c r="G127240" s="16">
        <v>0.88652686318306118</v>
      </c>
    </row>
    <row r="127241" spans="1:7" x14ac:dyDescent="0.3">
      <c r="A127241" s="13" t="s">
        <v>585</v>
      </c>
      <c r="B127241" s="14" t="s">
        <v>1</v>
      </c>
      <c r="C127241" s="14" t="s">
        <v>546</v>
      </c>
      <c r="D127241" s="14" t="s">
        <v>31</v>
      </c>
      <c r="E127241" s="15">
        <v>45597</v>
      </c>
      <c r="F127241" s="14" t="s">
        <v>15</v>
      </c>
      <c r="G127241" s="16">
        <v>0.88987884997652633</v>
      </c>
    </row>
    <row r="127242" spans="1:7" x14ac:dyDescent="0.3">
      <c r="A127242" s="13" t="s">
        <v>585</v>
      </c>
      <c r="B127242" s="14" t="s">
        <v>1</v>
      </c>
      <c r="C127242" s="14" t="s">
        <v>546</v>
      </c>
      <c r="D127242" s="14" t="s">
        <v>31</v>
      </c>
      <c r="E127242" s="15">
        <v>45598</v>
      </c>
      <c r="F127242" s="14" t="s">
        <v>15</v>
      </c>
      <c r="G127242" s="16">
        <v>0.88987884997652633</v>
      </c>
    </row>
    <row r="127243" spans="1:7" x14ac:dyDescent="0.3">
      <c r="A127243" s="13" t="s">
        <v>585</v>
      </c>
      <c r="B127243" s="14" t="s">
        <v>1</v>
      </c>
      <c r="C127243" s="14" t="s">
        <v>546</v>
      </c>
      <c r="D127243" s="14" t="s">
        <v>31</v>
      </c>
      <c r="E127243" s="15">
        <v>45599</v>
      </c>
      <c r="F127243" s="14" t="s">
        <v>15</v>
      </c>
      <c r="G127243" s="16">
        <v>0.88987884997652633</v>
      </c>
    </row>
    <row r="127244" spans="1:7" x14ac:dyDescent="0.3">
      <c r="A127244" s="13" t="s">
        <v>585</v>
      </c>
      <c r="B127244" s="14" t="s">
        <v>1</v>
      </c>
      <c r="C127244" s="14" t="s">
        <v>546</v>
      </c>
      <c r="D127244" s="14" t="s">
        <v>31</v>
      </c>
      <c r="E127244" s="15">
        <v>45600</v>
      </c>
      <c r="F127244" s="14" t="s">
        <v>15</v>
      </c>
      <c r="G127244" s="16">
        <v>0.89108755274265761</v>
      </c>
    </row>
    <row r="127245" spans="1:7" x14ac:dyDescent="0.3">
      <c r="A127245" s="13" t="s">
        <v>585</v>
      </c>
      <c r="B127245" s="14" t="s">
        <v>1</v>
      </c>
      <c r="C127245" s="14" t="s">
        <v>546</v>
      </c>
      <c r="D127245" s="14" t="s">
        <v>31</v>
      </c>
      <c r="E127245" s="15">
        <v>45601</v>
      </c>
      <c r="F127245" s="14" t="s">
        <v>15</v>
      </c>
      <c r="G127245" s="16">
        <v>0.88604170719979647</v>
      </c>
    </row>
    <row r="127246" spans="1:7" x14ac:dyDescent="0.3">
      <c r="A127246" s="13" t="s">
        <v>585</v>
      </c>
      <c r="B127246" s="14" t="s">
        <v>1</v>
      </c>
      <c r="C127246" s="14" t="s">
        <v>546</v>
      </c>
      <c r="D127246" s="14" t="s">
        <v>31</v>
      </c>
      <c r="E127246" s="15">
        <v>45602</v>
      </c>
      <c r="F127246" s="14" t="s">
        <v>15</v>
      </c>
      <c r="G127246" s="16">
        <v>0.8843393693865389</v>
      </c>
    </row>
    <row r="127247" spans="1:7" x14ac:dyDescent="0.3">
      <c r="A127247" s="13" t="s">
        <v>585</v>
      </c>
      <c r="B127247" s="14" t="s">
        <v>1</v>
      </c>
      <c r="C127247" s="14" t="s">
        <v>546</v>
      </c>
      <c r="D127247" s="14" t="s">
        <v>31</v>
      </c>
      <c r="E127247" s="15">
        <v>45603</v>
      </c>
      <c r="F127247" s="14" t="s">
        <v>15</v>
      </c>
      <c r="G127247" s="16">
        <v>0.88260049831674769</v>
      </c>
    </row>
    <row r="127248" spans="1:7" x14ac:dyDescent="0.3">
      <c r="A127248" s="13" t="s">
        <v>585</v>
      </c>
      <c r="B127248" s="14" t="s">
        <v>1</v>
      </c>
      <c r="C127248" s="14" t="s">
        <v>546</v>
      </c>
      <c r="D127248" s="14" t="s">
        <v>31</v>
      </c>
      <c r="E127248" s="15">
        <v>45604</v>
      </c>
      <c r="F127248" s="14" t="s">
        <v>15</v>
      </c>
      <c r="G127248" s="16">
        <v>0.88448961979442342</v>
      </c>
    </row>
    <row r="127249" spans="1:7" x14ac:dyDescent="0.3">
      <c r="A127249" s="13" t="s">
        <v>585</v>
      </c>
      <c r="B127249" s="14" t="s">
        <v>1</v>
      </c>
      <c r="C127249" s="14" t="s">
        <v>546</v>
      </c>
      <c r="D127249" s="14" t="s">
        <v>31</v>
      </c>
      <c r="E127249" s="15">
        <v>45605</v>
      </c>
      <c r="F127249" s="14" t="s">
        <v>15</v>
      </c>
      <c r="G127249" s="16">
        <v>0.88448961979442342</v>
      </c>
    </row>
    <row r="127250" spans="1:7" x14ac:dyDescent="0.3">
      <c r="A127250" s="13" t="s">
        <v>585</v>
      </c>
      <c r="B127250" s="14" t="s">
        <v>1</v>
      </c>
      <c r="C127250" s="14" t="s">
        <v>546</v>
      </c>
      <c r="D127250" s="14" t="s">
        <v>31</v>
      </c>
      <c r="E127250" s="15">
        <v>45606</v>
      </c>
      <c r="F127250" s="14" t="s">
        <v>15</v>
      </c>
      <c r="G127250" s="16">
        <v>0.88448961979442342</v>
      </c>
    </row>
    <row r="127251" spans="1:7" x14ac:dyDescent="0.3">
      <c r="A127251" s="13" t="s">
        <v>585</v>
      </c>
      <c r="B127251" s="14" t="s">
        <v>1</v>
      </c>
      <c r="C127251" s="14" t="s">
        <v>546</v>
      </c>
      <c r="D127251" s="14" t="s">
        <v>31</v>
      </c>
      <c r="E127251" s="15">
        <v>45607</v>
      </c>
      <c r="F127251" s="14" t="s">
        <v>15</v>
      </c>
      <c r="G127251" s="16">
        <v>0.88274875980841105</v>
      </c>
    </row>
    <row r="127252" spans="1:7" x14ac:dyDescent="0.3">
      <c r="A127252" s="13" t="s">
        <v>585</v>
      </c>
      <c r="B127252" s="14" t="s">
        <v>1</v>
      </c>
      <c r="C127252" s="14" t="s">
        <v>546</v>
      </c>
      <c r="D127252" s="14" t="s">
        <v>31</v>
      </c>
      <c r="E127252" s="15">
        <v>45608</v>
      </c>
      <c r="F127252" s="14" t="s">
        <v>15</v>
      </c>
      <c r="G127252" s="16">
        <v>0.87755657188596747</v>
      </c>
    </row>
    <row r="127253" spans="1:7" x14ac:dyDescent="0.3">
      <c r="A127253" s="13" t="s">
        <v>585</v>
      </c>
      <c r="B127253" s="14" t="s">
        <v>1</v>
      </c>
      <c r="C127253" s="14" t="s">
        <v>546</v>
      </c>
      <c r="D127253" s="14" t="s">
        <v>31</v>
      </c>
      <c r="E127253" s="15">
        <v>45609</v>
      </c>
      <c r="F127253" s="14" t="s">
        <v>15</v>
      </c>
      <c r="G127253" s="16">
        <v>0.87583752019185657</v>
      </c>
    </row>
    <row r="127254" spans="1:7" x14ac:dyDescent="0.3">
      <c r="A127254" s="13" t="s">
        <v>585</v>
      </c>
      <c r="B127254" s="14" t="s">
        <v>1</v>
      </c>
      <c r="C127254" s="14" t="s">
        <v>546</v>
      </c>
      <c r="D127254" s="14" t="s">
        <v>31</v>
      </c>
      <c r="E127254" s="15">
        <v>45610</v>
      </c>
      <c r="F127254" s="14" t="s">
        <v>15</v>
      </c>
      <c r="G127254" s="16">
        <v>0.87414962818521458</v>
      </c>
    </row>
    <row r="127255" spans="1:7" x14ac:dyDescent="0.3">
      <c r="A127255" s="13" t="s">
        <v>585</v>
      </c>
      <c r="B127255" s="14" t="s">
        <v>1</v>
      </c>
      <c r="C127255" s="14" t="s">
        <v>546</v>
      </c>
      <c r="D127255" s="14" t="s">
        <v>31</v>
      </c>
      <c r="E127255" s="15">
        <v>45611</v>
      </c>
      <c r="F127255" s="14" t="s">
        <v>15</v>
      </c>
      <c r="G127255" s="16">
        <v>0.87256913765452893</v>
      </c>
    </row>
    <row r="127256" spans="1:7" x14ac:dyDescent="0.3">
      <c r="A127256" s="13" t="s">
        <v>585</v>
      </c>
      <c r="B127256" s="14" t="s">
        <v>1</v>
      </c>
      <c r="C127256" s="14" t="s">
        <v>546</v>
      </c>
      <c r="D127256" s="14" t="s">
        <v>31</v>
      </c>
      <c r="E127256" s="15">
        <v>45612</v>
      </c>
      <c r="F127256" s="14" t="s">
        <v>15</v>
      </c>
      <c r="G127256" s="16">
        <v>0.87256913765452893</v>
      </c>
    </row>
    <row r="127257" spans="1:7" x14ac:dyDescent="0.3">
      <c r="A127257" s="13" t="s">
        <v>585</v>
      </c>
      <c r="B127257" s="14" t="s">
        <v>1</v>
      </c>
      <c r="C127257" s="14" t="s">
        <v>546</v>
      </c>
      <c r="D127257" s="14" t="s">
        <v>31</v>
      </c>
      <c r="E127257" s="15">
        <v>45613</v>
      </c>
      <c r="F127257" s="14" t="s">
        <v>15</v>
      </c>
      <c r="G127257" s="16">
        <v>0.87256913765452893</v>
      </c>
    </row>
    <row r="127258" spans="1:7" x14ac:dyDescent="0.3">
      <c r="A127258" s="13" t="s">
        <v>585</v>
      </c>
      <c r="B127258" s="14" t="s">
        <v>1</v>
      </c>
      <c r="C127258" s="14" t="s">
        <v>546</v>
      </c>
      <c r="D127258" s="14" t="s">
        <v>31</v>
      </c>
      <c r="E127258" s="15">
        <v>45614</v>
      </c>
      <c r="F127258" s="14" t="s">
        <v>15</v>
      </c>
      <c r="G127258" s="16">
        <v>0.87091973292143454</v>
      </c>
    </row>
    <row r="127259" spans="1:7" x14ac:dyDescent="0.3">
      <c r="A127259" s="13" t="s">
        <v>585</v>
      </c>
      <c r="B127259" s="14" t="s">
        <v>1</v>
      </c>
      <c r="C127259" s="14" t="s">
        <v>546</v>
      </c>
      <c r="D127259" s="14" t="s">
        <v>31</v>
      </c>
      <c r="E127259" s="15">
        <v>45615</v>
      </c>
      <c r="F127259" s="14" t="s">
        <v>15</v>
      </c>
      <c r="G127259" s="16">
        <v>0.86598425476462193</v>
      </c>
    </row>
    <row r="127260" spans="1:7" x14ac:dyDescent="0.3">
      <c r="A127260" s="13" t="s">
        <v>585</v>
      </c>
      <c r="B127260" s="14" t="s">
        <v>1</v>
      </c>
      <c r="C127260" s="14" t="s">
        <v>546</v>
      </c>
      <c r="D127260" s="14" t="s">
        <v>31</v>
      </c>
      <c r="E127260" s="15">
        <v>45616</v>
      </c>
      <c r="F127260" s="14" t="s">
        <v>15</v>
      </c>
      <c r="G127260" s="16">
        <v>0.86436060126260483</v>
      </c>
    </row>
    <row r="127261" spans="1:7" x14ac:dyDescent="0.3">
      <c r="A127261" s="13" t="s">
        <v>585</v>
      </c>
      <c r="B127261" s="14" t="s">
        <v>1</v>
      </c>
      <c r="C127261" s="14" t="s">
        <v>546</v>
      </c>
      <c r="D127261" s="14" t="s">
        <v>31</v>
      </c>
      <c r="E127261" s="15">
        <v>45617</v>
      </c>
      <c r="F127261" s="14" t="s">
        <v>15</v>
      </c>
      <c r="G127261" s="16">
        <v>0.86272267641436751</v>
      </c>
    </row>
    <row r="127262" spans="1:7" x14ac:dyDescent="0.3">
      <c r="A127262" s="13" t="s">
        <v>585</v>
      </c>
      <c r="B127262" s="14" t="s">
        <v>1</v>
      </c>
      <c r="C127262" s="14" t="s">
        <v>546</v>
      </c>
      <c r="D127262" s="14" t="s">
        <v>31</v>
      </c>
      <c r="E127262" s="15">
        <v>45618</v>
      </c>
      <c r="F127262" s="14" t="s">
        <v>15</v>
      </c>
      <c r="G127262" s="16">
        <v>0.86107683079451147</v>
      </c>
    </row>
    <row r="127263" spans="1:7" x14ac:dyDescent="0.3">
      <c r="A127263" s="13" t="s">
        <v>585</v>
      </c>
      <c r="B127263" s="14" t="s">
        <v>1</v>
      </c>
      <c r="C127263" s="14" t="s">
        <v>546</v>
      </c>
      <c r="D127263" s="14" t="s">
        <v>31</v>
      </c>
      <c r="E127263" s="15">
        <v>45619</v>
      </c>
      <c r="F127263" s="14" t="s">
        <v>15</v>
      </c>
      <c r="G127263" s="16">
        <v>0.86107683079451147</v>
      </c>
    </row>
    <row r="127264" spans="1:7" x14ac:dyDescent="0.3">
      <c r="A127264" s="13" t="s">
        <v>585</v>
      </c>
      <c r="B127264" s="14" t="s">
        <v>1</v>
      </c>
      <c r="C127264" s="14" t="s">
        <v>546</v>
      </c>
      <c r="D127264" s="14" t="s">
        <v>31</v>
      </c>
      <c r="E127264" s="15">
        <v>45620</v>
      </c>
      <c r="F127264" s="14" t="s">
        <v>15</v>
      </c>
      <c r="G127264" s="16">
        <v>0.86107683079451147</v>
      </c>
    </row>
    <row r="127265" spans="1:7" x14ac:dyDescent="0.3">
      <c r="A127265" s="13" t="s">
        <v>585</v>
      </c>
      <c r="B127265" s="14" t="s">
        <v>1</v>
      </c>
      <c r="C127265" s="14" t="s">
        <v>546</v>
      </c>
      <c r="D127265" s="14" t="s">
        <v>31</v>
      </c>
      <c r="E127265" s="15">
        <v>45621</v>
      </c>
      <c r="F127265" s="14" t="s">
        <v>15</v>
      </c>
      <c r="G127265" s="16">
        <v>0.85943419535522336</v>
      </c>
    </row>
    <row r="127266" spans="1:7" x14ac:dyDescent="0.3">
      <c r="A127266" s="13" t="s">
        <v>585</v>
      </c>
      <c r="B127266" s="14" t="s">
        <v>1</v>
      </c>
      <c r="C127266" s="14" t="s">
        <v>546</v>
      </c>
      <c r="D127266" s="14" t="s">
        <v>31</v>
      </c>
      <c r="E127266" s="15">
        <v>45622</v>
      </c>
      <c r="F127266" s="14" t="s">
        <v>15</v>
      </c>
      <c r="G127266" s="16">
        <v>0.85464010471646668</v>
      </c>
    </row>
    <row r="127267" spans="1:7" x14ac:dyDescent="0.3">
      <c r="A127267" s="13" t="s">
        <v>585</v>
      </c>
      <c r="B127267" s="14" t="s">
        <v>1</v>
      </c>
      <c r="C127267" s="14" t="s">
        <v>546</v>
      </c>
      <c r="D127267" s="14" t="s">
        <v>31</v>
      </c>
      <c r="E127267" s="15">
        <v>45623</v>
      </c>
      <c r="F127267" s="14" t="s">
        <v>15</v>
      </c>
      <c r="G127267" s="16">
        <v>0.85305401092678046</v>
      </c>
    </row>
    <row r="127268" spans="1:7" x14ac:dyDescent="0.3">
      <c r="A127268" s="13" t="s">
        <v>585</v>
      </c>
      <c r="B127268" s="14" t="s">
        <v>1</v>
      </c>
      <c r="C127268" s="14" t="s">
        <v>546</v>
      </c>
      <c r="D127268" s="14" t="s">
        <v>31</v>
      </c>
      <c r="E127268" s="15">
        <v>45624</v>
      </c>
      <c r="F127268" s="14" t="s">
        <v>15</v>
      </c>
      <c r="G127268" s="16">
        <v>0.85231339370904968</v>
      </c>
    </row>
    <row r="127269" spans="1:7" x14ac:dyDescent="0.3">
      <c r="A127269" s="13" t="s">
        <v>585</v>
      </c>
      <c r="B127269" s="14" t="s">
        <v>1</v>
      </c>
      <c r="C127269" s="14" t="s">
        <v>546</v>
      </c>
      <c r="D127269" s="14" t="s">
        <v>31</v>
      </c>
      <c r="E127269" s="15">
        <v>45625</v>
      </c>
      <c r="F127269" s="14" t="s">
        <v>15</v>
      </c>
      <c r="G127269" s="16">
        <v>0.85380196340913028</v>
      </c>
    </row>
    <row r="127270" spans="1:7" x14ac:dyDescent="0.3">
      <c r="A127270" s="13" t="s">
        <v>585</v>
      </c>
      <c r="B127270" s="14" t="s">
        <v>1</v>
      </c>
      <c r="C127270" s="14" t="s">
        <v>546</v>
      </c>
      <c r="D127270" s="14" t="s">
        <v>31</v>
      </c>
      <c r="E127270" s="15">
        <v>45626</v>
      </c>
      <c r="F127270" s="14" t="s">
        <v>15</v>
      </c>
      <c r="G127270" s="16">
        <v>0.85380196340913028</v>
      </c>
    </row>
    <row r="127271" spans="1:7" x14ac:dyDescent="0.3">
      <c r="A127271" s="13" t="s">
        <v>585</v>
      </c>
      <c r="B127271" s="14" t="s">
        <v>1</v>
      </c>
      <c r="C127271" s="14" t="s">
        <v>546</v>
      </c>
      <c r="D127271" s="14" t="s">
        <v>31</v>
      </c>
      <c r="E127271" s="15">
        <v>45627</v>
      </c>
      <c r="F127271" s="14" t="s">
        <v>15</v>
      </c>
      <c r="G127271" s="16">
        <v>0.85380196340913028</v>
      </c>
    </row>
    <row r="127272" spans="1:7" x14ac:dyDescent="0.3">
      <c r="A127272" s="13" t="s">
        <v>585</v>
      </c>
      <c r="B127272" s="14" t="s">
        <v>1</v>
      </c>
      <c r="C127272" s="14" t="s">
        <v>546</v>
      </c>
      <c r="D127272" s="14" t="s">
        <v>31</v>
      </c>
      <c r="E127272" s="15">
        <v>45628</v>
      </c>
      <c r="F127272" s="14" t="s">
        <v>15</v>
      </c>
      <c r="G127272" s="16">
        <v>0.85364932004538541</v>
      </c>
    </row>
    <row r="127273" spans="1:7" x14ac:dyDescent="0.3">
      <c r="A127273" s="13" t="s">
        <v>585</v>
      </c>
      <c r="B127273" s="14" t="s">
        <v>1</v>
      </c>
      <c r="C127273" s="14" t="s">
        <v>546</v>
      </c>
      <c r="D127273" s="14" t="s">
        <v>31</v>
      </c>
      <c r="E127273" s="15">
        <v>45629</v>
      </c>
      <c r="F127273" s="14" t="s">
        <v>15</v>
      </c>
      <c r="G127273" s="16">
        <v>0.84884217345732116</v>
      </c>
    </row>
    <row r="127274" spans="1:7" x14ac:dyDescent="0.3">
      <c r="A127274" s="13" t="s">
        <v>585</v>
      </c>
      <c r="B127274" s="14" t="s">
        <v>1</v>
      </c>
      <c r="C127274" s="14" t="s">
        <v>546</v>
      </c>
      <c r="D127274" s="14" t="s">
        <v>31</v>
      </c>
      <c r="E127274" s="15">
        <v>45630</v>
      </c>
      <c r="F127274" s="14" t="s">
        <v>15</v>
      </c>
      <c r="G127274" s="16">
        <v>0.84929207912991522</v>
      </c>
    </row>
    <row r="127275" spans="1:7" x14ac:dyDescent="0.3">
      <c r="A127275" s="13" t="s">
        <v>585</v>
      </c>
      <c r="B127275" s="14" t="s">
        <v>1</v>
      </c>
      <c r="C127275" s="14" t="s">
        <v>546</v>
      </c>
      <c r="D127275" s="14" t="s">
        <v>31</v>
      </c>
      <c r="E127275" s="15">
        <v>45631</v>
      </c>
      <c r="F127275" s="14" t="s">
        <v>15</v>
      </c>
      <c r="G127275" s="16">
        <v>0.84767374134307849</v>
      </c>
    </row>
    <row r="127276" spans="1:7" x14ac:dyDescent="0.3">
      <c r="A127276" s="13" t="s">
        <v>585</v>
      </c>
      <c r="B127276" s="14" t="s">
        <v>1</v>
      </c>
      <c r="C127276" s="14" t="s">
        <v>546</v>
      </c>
      <c r="D127276" s="14" t="s">
        <v>31</v>
      </c>
      <c r="E127276" s="15">
        <v>45632</v>
      </c>
      <c r="F127276" s="14" t="s">
        <v>15</v>
      </c>
      <c r="G127276" s="16">
        <v>0.8460534091073898</v>
      </c>
    </row>
    <row r="127277" spans="1:7" x14ac:dyDescent="0.3">
      <c r="A127277" s="13" t="s">
        <v>585</v>
      </c>
      <c r="B127277" s="14" t="s">
        <v>1</v>
      </c>
      <c r="C127277" s="14" t="s">
        <v>546</v>
      </c>
      <c r="D127277" s="14" t="s">
        <v>31</v>
      </c>
      <c r="E127277" s="15">
        <v>45633</v>
      </c>
      <c r="F127277" s="14" t="s">
        <v>15</v>
      </c>
      <c r="G127277" s="16">
        <v>0.8460534091073898</v>
      </c>
    </row>
    <row r="127278" spans="1:7" x14ac:dyDescent="0.3">
      <c r="A127278" s="13" t="s">
        <v>585</v>
      </c>
      <c r="B127278" s="14" t="s">
        <v>1</v>
      </c>
      <c r="C127278" s="14" t="s">
        <v>546</v>
      </c>
      <c r="D127278" s="14" t="s">
        <v>31</v>
      </c>
      <c r="E127278" s="15">
        <v>45634</v>
      </c>
      <c r="F127278" s="14" t="s">
        <v>15</v>
      </c>
      <c r="G127278" s="16">
        <v>0.8460534091073898</v>
      </c>
    </row>
    <row r="127279" spans="1:7" x14ac:dyDescent="0.3">
      <c r="A127279" s="13" t="s">
        <v>585</v>
      </c>
      <c r="B127279" s="14" t="s">
        <v>1</v>
      </c>
      <c r="C127279" s="14" t="s">
        <v>546</v>
      </c>
      <c r="D127279" s="14" t="s">
        <v>31</v>
      </c>
      <c r="E127279" s="15">
        <v>45635</v>
      </c>
      <c r="F127279" s="14" t="s">
        <v>15</v>
      </c>
      <c r="G127279" s="16">
        <v>0.84444506881036874</v>
      </c>
    </row>
    <row r="127280" spans="1:7" x14ac:dyDescent="0.3">
      <c r="A127280" s="13" t="s">
        <v>585</v>
      </c>
      <c r="B127280" s="14" t="s">
        <v>1</v>
      </c>
      <c r="C127280" s="14" t="s">
        <v>546</v>
      </c>
      <c r="D127280" s="14" t="s">
        <v>31</v>
      </c>
      <c r="E127280" s="15">
        <v>45636</v>
      </c>
      <c r="F127280" s="14" t="s">
        <v>15</v>
      </c>
      <c r="G127280" s="16">
        <v>0.84664327746288914</v>
      </c>
    </row>
    <row r="127281" spans="1:7" x14ac:dyDescent="0.3">
      <c r="A127281" s="13" t="s">
        <v>585</v>
      </c>
      <c r="B127281" s="14" t="s">
        <v>1</v>
      </c>
      <c r="C127281" s="14" t="s">
        <v>546</v>
      </c>
      <c r="D127281" s="14" t="s">
        <v>31</v>
      </c>
      <c r="E127281" s="15">
        <v>45637</v>
      </c>
      <c r="F127281" s="14" t="s">
        <v>15</v>
      </c>
      <c r="G127281" s="16">
        <v>0.84498387874374048</v>
      </c>
    </row>
    <row r="127282" spans="1:7" x14ac:dyDescent="0.3">
      <c r="A127282" s="13" t="s">
        <v>585</v>
      </c>
      <c r="B127282" s="14" t="s">
        <v>1</v>
      </c>
      <c r="C127282" s="14" t="s">
        <v>546</v>
      </c>
      <c r="D127282" s="14" t="s">
        <v>31</v>
      </c>
      <c r="E127282" s="15">
        <v>45638</v>
      </c>
      <c r="F127282" s="14" t="s">
        <v>15</v>
      </c>
      <c r="G127282" s="16">
        <v>0.8433129586110939</v>
      </c>
    </row>
    <row r="127283" spans="1:7" x14ac:dyDescent="0.3">
      <c r="A127283" s="13" t="s">
        <v>585</v>
      </c>
      <c r="B127283" s="14" t="s">
        <v>1</v>
      </c>
      <c r="C127283" s="14" t="s">
        <v>546</v>
      </c>
      <c r="D127283" s="14" t="s">
        <v>31</v>
      </c>
      <c r="E127283" s="15">
        <v>45639</v>
      </c>
      <c r="F127283" s="14" t="s">
        <v>15</v>
      </c>
      <c r="G127283" s="16">
        <v>0.84165800736767249</v>
      </c>
    </row>
    <row r="127284" spans="1:7" x14ac:dyDescent="0.3">
      <c r="A127284" s="13" t="s">
        <v>585</v>
      </c>
      <c r="B127284" s="14" t="s">
        <v>1</v>
      </c>
      <c r="C127284" s="14" t="s">
        <v>546</v>
      </c>
      <c r="D127284" s="14" t="s">
        <v>31</v>
      </c>
      <c r="E127284" s="15">
        <v>45640</v>
      </c>
      <c r="F127284" s="14" t="s">
        <v>15</v>
      </c>
      <c r="G127284" s="16">
        <v>0.84165800736767249</v>
      </c>
    </row>
    <row r="127285" spans="1:7" x14ac:dyDescent="0.3">
      <c r="A127285" s="13" t="s">
        <v>585</v>
      </c>
      <c r="B127285" s="14" t="s">
        <v>1</v>
      </c>
      <c r="C127285" s="14" t="s">
        <v>546</v>
      </c>
      <c r="D127285" s="14" t="s">
        <v>31</v>
      </c>
      <c r="E127285" s="15">
        <v>45641</v>
      </c>
      <c r="F127285" s="14" t="s">
        <v>15</v>
      </c>
      <c r="G127285" s="16">
        <v>0.84165800736767249</v>
      </c>
    </row>
    <row r="127286" spans="1:7" x14ac:dyDescent="0.3">
      <c r="A127286" s="13" t="s">
        <v>585</v>
      </c>
      <c r="B127286" s="14" t="s">
        <v>1</v>
      </c>
      <c r="C127286" s="14" t="s">
        <v>546</v>
      </c>
      <c r="D127286" s="14" t="s">
        <v>31</v>
      </c>
      <c r="E127286" s="15">
        <v>45642</v>
      </c>
      <c r="F127286" s="14" t="s">
        <v>15</v>
      </c>
      <c r="G127286" s="16">
        <v>0.84034020431132261</v>
      </c>
    </row>
    <row r="127287" spans="1:7" x14ac:dyDescent="0.3">
      <c r="A127287" s="13" t="s">
        <v>585</v>
      </c>
      <c r="B127287" s="14" t="s">
        <v>1</v>
      </c>
      <c r="C127287" s="14" t="s">
        <v>546</v>
      </c>
      <c r="D127287" s="14" t="s">
        <v>31</v>
      </c>
      <c r="E127287" s="15">
        <v>45643</v>
      </c>
      <c r="F127287" s="14" t="s">
        <v>15</v>
      </c>
      <c r="G127287" s="16">
        <v>0.83542134739290064</v>
      </c>
    </row>
    <row r="127288" spans="1:7" x14ac:dyDescent="0.3">
      <c r="A127288" s="13" t="s">
        <v>585</v>
      </c>
      <c r="B127288" s="14" t="s">
        <v>1</v>
      </c>
      <c r="C127288" s="14" t="s">
        <v>546</v>
      </c>
      <c r="D127288" s="14" t="s">
        <v>31</v>
      </c>
      <c r="E127288" s="15">
        <v>45644</v>
      </c>
      <c r="F127288" s="14" t="s">
        <v>15</v>
      </c>
      <c r="G127288" s="16">
        <v>0.83373127990497531</v>
      </c>
    </row>
    <row r="127289" spans="1:7" x14ac:dyDescent="0.3">
      <c r="A127289" s="13" t="s">
        <v>585</v>
      </c>
      <c r="B127289" s="14" t="s">
        <v>1</v>
      </c>
      <c r="C127289" s="14" t="s">
        <v>546</v>
      </c>
      <c r="D127289" s="14" t="s">
        <v>31</v>
      </c>
      <c r="E127289" s="15">
        <v>45645</v>
      </c>
      <c r="F127289" s="14" t="s">
        <v>15</v>
      </c>
      <c r="G127289" s="16">
        <v>0.83268735400627802</v>
      </c>
    </row>
    <row r="127290" spans="1:7" x14ac:dyDescent="0.3">
      <c r="A127290" s="13" t="s">
        <v>585</v>
      </c>
      <c r="B127290" s="14" t="s">
        <v>1</v>
      </c>
      <c r="C127290" s="14" t="s">
        <v>546</v>
      </c>
      <c r="D127290" s="14" t="s">
        <v>31</v>
      </c>
      <c r="E127290" s="15">
        <v>45646</v>
      </c>
      <c r="F127290" s="14" t="s">
        <v>15</v>
      </c>
      <c r="G127290" s="16">
        <v>0.83105741207463901</v>
      </c>
    </row>
    <row r="127291" spans="1:7" x14ac:dyDescent="0.3">
      <c r="A127291" s="13" t="s">
        <v>585</v>
      </c>
      <c r="B127291" s="14" t="s">
        <v>1</v>
      </c>
      <c r="C127291" s="14" t="s">
        <v>546</v>
      </c>
      <c r="D127291" s="14" t="s">
        <v>31</v>
      </c>
      <c r="E127291" s="15">
        <v>45647</v>
      </c>
      <c r="F127291" s="14" t="s">
        <v>15</v>
      </c>
      <c r="G127291" s="16">
        <v>0.83105741207463901</v>
      </c>
    </row>
    <row r="127292" spans="1:7" x14ac:dyDescent="0.3">
      <c r="A127292" s="13" t="s">
        <v>585</v>
      </c>
      <c r="B127292" s="14" t="s">
        <v>1</v>
      </c>
      <c r="C127292" s="14" t="s">
        <v>546</v>
      </c>
      <c r="D127292" s="14" t="s">
        <v>31</v>
      </c>
      <c r="E127292" s="15">
        <v>45648</v>
      </c>
      <c r="F127292" s="14" t="s">
        <v>15</v>
      </c>
      <c r="G127292" s="16">
        <v>0.83105741207463901</v>
      </c>
    </row>
    <row r="127293" spans="1:7" x14ac:dyDescent="0.3">
      <c r="A127293" s="13" t="s">
        <v>585</v>
      </c>
      <c r="B127293" s="14" t="s">
        <v>1</v>
      </c>
      <c r="C127293" s="14" t="s">
        <v>546</v>
      </c>
      <c r="D127293" s="14" t="s">
        <v>31</v>
      </c>
      <c r="E127293" s="15">
        <v>45649</v>
      </c>
      <c r="F127293" s="14" t="s">
        <v>15</v>
      </c>
      <c r="G127293" s="16">
        <v>0.86686596357671164</v>
      </c>
    </row>
    <row r="127294" spans="1:7" x14ac:dyDescent="0.3">
      <c r="A127294" s="13" t="s">
        <v>585</v>
      </c>
      <c r="B127294" s="14" t="s">
        <v>1</v>
      </c>
      <c r="C127294" s="14" t="s">
        <v>546</v>
      </c>
      <c r="D127294" s="14" t="s">
        <v>31</v>
      </c>
      <c r="E127294" s="15">
        <v>45650</v>
      </c>
      <c r="F127294" s="14" t="s">
        <v>15</v>
      </c>
      <c r="G127294" s="16">
        <v>0.86198504259025099</v>
      </c>
    </row>
    <row r="127295" spans="1:7" x14ac:dyDescent="0.3">
      <c r="A127295" s="13" t="s">
        <v>585</v>
      </c>
      <c r="B127295" s="14" t="s">
        <v>1</v>
      </c>
      <c r="C127295" s="14" t="s">
        <v>546</v>
      </c>
      <c r="D127295" s="14" t="s">
        <v>31</v>
      </c>
      <c r="E127295" s="15">
        <v>45651</v>
      </c>
      <c r="F127295" s="14" t="s">
        <v>15</v>
      </c>
      <c r="G127295" s="16">
        <v>0.86198504259025099</v>
      </c>
    </row>
    <row r="127296" spans="1:7" x14ac:dyDescent="0.3">
      <c r="A127296" s="13" t="s">
        <v>585</v>
      </c>
      <c r="B127296" s="14" t="s">
        <v>1</v>
      </c>
      <c r="C127296" s="14" t="s">
        <v>546</v>
      </c>
      <c r="D127296" s="14" t="s">
        <v>31</v>
      </c>
      <c r="E127296" s="15">
        <v>45652</v>
      </c>
      <c r="F127296" s="14" t="s">
        <v>15</v>
      </c>
      <c r="G127296" s="16">
        <v>0.86198504259025099</v>
      </c>
    </row>
    <row r="127297" spans="1:7" x14ac:dyDescent="0.3">
      <c r="A127297" s="13" t="s">
        <v>585</v>
      </c>
      <c r="B127297" s="14" t="s">
        <v>1</v>
      </c>
      <c r="C127297" s="14" t="s">
        <v>546</v>
      </c>
      <c r="D127297" s="14" t="s">
        <v>31</v>
      </c>
      <c r="E127297" s="15">
        <v>45653</v>
      </c>
      <c r="F127297" s="14" t="s">
        <v>15</v>
      </c>
      <c r="G127297" s="16">
        <v>0.86198504259025099</v>
      </c>
    </row>
    <row r="127298" spans="1:7" x14ac:dyDescent="0.3">
      <c r="A127298" s="13" t="s">
        <v>585</v>
      </c>
      <c r="B127298" s="14" t="s">
        <v>1</v>
      </c>
      <c r="C127298" s="14" t="s">
        <v>546</v>
      </c>
      <c r="D127298" s="14" t="s">
        <v>31</v>
      </c>
      <c r="E127298" s="15">
        <v>45654</v>
      </c>
      <c r="F127298" s="14" t="s">
        <v>15</v>
      </c>
      <c r="G127298" s="16">
        <v>0.86198504259025099</v>
      </c>
    </row>
    <row r="127299" spans="1:7" x14ac:dyDescent="0.3">
      <c r="A127299" s="13" t="s">
        <v>585</v>
      </c>
      <c r="B127299" s="14" t="s">
        <v>1</v>
      </c>
      <c r="C127299" s="14" t="s">
        <v>546</v>
      </c>
      <c r="D127299" s="14" t="s">
        <v>31</v>
      </c>
      <c r="E127299" s="15">
        <v>45655</v>
      </c>
      <c r="F127299" s="14" t="s">
        <v>15</v>
      </c>
      <c r="G127299" s="16">
        <v>0.86198504259025099</v>
      </c>
    </row>
    <row r="127300" spans="1:7" x14ac:dyDescent="0.3">
      <c r="A127300" s="13" t="s">
        <v>585</v>
      </c>
      <c r="B127300" s="14" t="s">
        <v>1</v>
      </c>
      <c r="C127300" s="14" t="s">
        <v>546</v>
      </c>
      <c r="D127300" s="14" t="s">
        <v>31</v>
      </c>
      <c r="E127300" s="15">
        <v>45656</v>
      </c>
      <c r="F127300" s="14" t="s">
        <v>15</v>
      </c>
      <c r="G127300" s="16">
        <v>0.86035622280927115</v>
      </c>
    </row>
    <row r="127301" spans="1:7" x14ac:dyDescent="0.3">
      <c r="A127301" s="13" t="s">
        <v>585</v>
      </c>
      <c r="B127301" s="14" t="s">
        <v>1</v>
      </c>
      <c r="C127301" s="14" t="s">
        <v>546</v>
      </c>
      <c r="D127301" s="14" t="s">
        <v>31</v>
      </c>
      <c r="E127301" s="15">
        <v>45657</v>
      </c>
      <c r="F127301" s="14" t="s">
        <v>15</v>
      </c>
      <c r="G127301" s="16">
        <v>0.8584731816063782</v>
      </c>
    </row>
    <row r="127302" spans="1:7" x14ac:dyDescent="0.3">
      <c r="A127302" s="13" t="s">
        <v>585</v>
      </c>
      <c r="B127302" s="14" t="s">
        <v>1</v>
      </c>
      <c r="C127302" s="14" t="s">
        <v>546</v>
      </c>
      <c r="D127302" s="14" t="s">
        <v>31</v>
      </c>
      <c r="E127302" s="15">
        <v>45658</v>
      </c>
      <c r="F127302" s="14" t="s">
        <v>15</v>
      </c>
      <c r="G127302" s="16">
        <v>0.8584731816063782</v>
      </c>
    </row>
    <row r="127303" spans="1:7" x14ac:dyDescent="0.3">
      <c r="A127303" s="13" t="s">
        <v>585</v>
      </c>
      <c r="B127303" s="14" t="s">
        <v>1</v>
      </c>
      <c r="C127303" s="14" t="s">
        <v>546</v>
      </c>
      <c r="D127303" s="14" t="s">
        <v>31</v>
      </c>
      <c r="E127303" s="15">
        <v>45659</v>
      </c>
      <c r="F127303" s="14" t="s">
        <v>15</v>
      </c>
      <c r="G127303" s="16">
        <v>0.85682640741485161</v>
      </c>
    </row>
    <row r="127304" spans="1:7" x14ac:dyDescent="0.3">
      <c r="A127304" s="13" t="s">
        <v>585</v>
      </c>
      <c r="B127304" s="14" t="s">
        <v>1</v>
      </c>
      <c r="C127304" s="14" t="s">
        <v>546</v>
      </c>
      <c r="D127304" s="14" t="s">
        <v>31</v>
      </c>
      <c r="E127304" s="15">
        <v>45660</v>
      </c>
      <c r="F127304" s="14" t="s">
        <v>15</v>
      </c>
      <c r="G127304" s="16">
        <v>0.97762476752472871</v>
      </c>
    </row>
    <row r="127305" spans="1:7" x14ac:dyDescent="0.3">
      <c r="A127305" s="13" t="s">
        <v>585</v>
      </c>
      <c r="B127305" s="14" t="s">
        <v>1</v>
      </c>
      <c r="C127305" s="14" t="s">
        <v>546</v>
      </c>
      <c r="D127305" s="14" t="s">
        <v>31</v>
      </c>
      <c r="E127305" s="15">
        <v>45661</v>
      </c>
      <c r="F127305" s="14" t="s">
        <v>15</v>
      </c>
      <c r="G127305" s="16">
        <v>0.97762476752472871</v>
      </c>
    </row>
    <row r="127306" spans="1:7" x14ac:dyDescent="0.3">
      <c r="A127306" s="13" t="s">
        <v>585</v>
      </c>
      <c r="B127306" s="14" t="s">
        <v>1</v>
      </c>
      <c r="C127306" s="14" t="s">
        <v>546</v>
      </c>
      <c r="D127306" s="14" t="s">
        <v>31</v>
      </c>
      <c r="E127306" s="15">
        <v>45662</v>
      </c>
      <c r="F127306" s="14" t="s">
        <v>15</v>
      </c>
      <c r="G127306" s="16">
        <v>0.97762476752472871</v>
      </c>
    </row>
    <row r="127307" spans="1:7" x14ac:dyDescent="0.3">
      <c r="A127307" s="13" t="s">
        <v>585</v>
      </c>
      <c r="B127307" s="14" t="s">
        <v>1</v>
      </c>
      <c r="C127307" s="14" t="s">
        <v>546</v>
      </c>
      <c r="D127307" s="14" t="s">
        <v>31</v>
      </c>
      <c r="E127307" s="15">
        <v>45663</v>
      </c>
      <c r="F127307" s="14" t="s">
        <v>15</v>
      </c>
      <c r="G127307" s="16">
        <v>0.97602704217653014</v>
      </c>
    </row>
    <row r="127308" spans="1:7" x14ac:dyDescent="0.3">
      <c r="A127308" s="13" t="s">
        <v>585</v>
      </c>
      <c r="B127308" s="14" t="s">
        <v>1</v>
      </c>
      <c r="C127308" s="14" t="s">
        <v>546</v>
      </c>
      <c r="D127308" s="14" t="s">
        <v>31</v>
      </c>
      <c r="E127308" s="15">
        <v>45664</v>
      </c>
      <c r="F127308" s="14" t="s">
        <v>15</v>
      </c>
      <c r="G127308" s="16">
        <v>0.97317156693145102</v>
      </c>
    </row>
    <row r="127309" spans="1:7" x14ac:dyDescent="0.3">
      <c r="A127309" s="13" t="s">
        <v>585</v>
      </c>
      <c r="B127309" s="14" t="s">
        <v>1</v>
      </c>
      <c r="C127309" s="14" t="s">
        <v>546</v>
      </c>
      <c r="D127309" s="14" t="s">
        <v>31</v>
      </c>
      <c r="E127309" s="15">
        <v>45665</v>
      </c>
      <c r="F127309" s="14" t="s">
        <v>15</v>
      </c>
      <c r="G127309" s="16">
        <v>0.97299973308696563</v>
      </c>
    </row>
    <row r="127310" spans="1:7" x14ac:dyDescent="0.3">
      <c r="A127310" s="13" t="s">
        <v>585</v>
      </c>
      <c r="B127310" s="14" t="s">
        <v>1</v>
      </c>
      <c r="C127310" s="14" t="s">
        <v>546</v>
      </c>
      <c r="D127310" s="14" t="s">
        <v>31</v>
      </c>
      <c r="E127310" s="15">
        <v>45666</v>
      </c>
      <c r="F127310" s="14" t="s">
        <v>15</v>
      </c>
      <c r="G127310" s="16">
        <v>0.97141938297477992</v>
      </c>
    </row>
    <row r="127311" spans="1:7" x14ac:dyDescent="0.3">
      <c r="A127311" s="13" t="s">
        <v>585</v>
      </c>
      <c r="B127311" s="14" t="s">
        <v>1</v>
      </c>
      <c r="C127311" s="14" t="s">
        <v>546</v>
      </c>
      <c r="D127311" s="14" t="s">
        <v>31</v>
      </c>
      <c r="E127311" s="15">
        <v>45667</v>
      </c>
      <c r="F127311" s="14" t="s">
        <v>15</v>
      </c>
      <c r="G127311" s="16">
        <v>0.96985003717873575</v>
      </c>
    </row>
    <row r="127312" spans="1:7" x14ac:dyDescent="0.3">
      <c r="A127312" s="13" t="s">
        <v>585</v>
      </c>
      <c r="B127312" s="14" t="s">
        <v>1</v>
      </c>
      <c r="C127312" s="14" t="s">
        <v>546</v>
      </c>
      <c r="D127312" s="14" t="s">
        <v>31</v>
      </c>
      <c r="E127312" s="15">
        <v>45668</v>
      </c>
      <c r="F127312" s="14" t="s">
        <v>15</v>
      </c>
      <c r="G127312" s="16">
        <v>0.96985003717873575</v>
      </c>
    </row>
    <row r="127313" spans="1:7" x14ac:dyDescent="0.3">
      <c r="A127313" s="13" t="s">
        <v>585</v>
      </c>
      <c r="B127313" s="14" t="s">
        <v>1</v>
      </c>
      <c r="C127313" s="14" t="s">
        <v>546</v>
      </c>
      <c r="D127313" s="14" t="s">
        <v>31</v>
      </c>
      <c r="E127313" s="15">
        <v>45669</v>
      </c>
      <c r="F127313" s="14" t="s">
        <v>15</v>
      </c>
      <c r="G127313" s="16">
        <v>0.96985003717873575</v>
      </c>
    </row>
    <row r="127314" spans="1:7" x14ac:dyDescent="0.3">
      <c r="A127314" s="13" t="s">
        <v>585</v>
      </c>
      <c r="B127314" s="14" t="s">
        <v>1</v>
      </c>
      <c r="C127314" s="14" t="s">
        <v>546</v>
      </c>
      <c r="D127314" s="14" t="s">
        <v>31</v>
      </c>
      <c r="E127314" s="15">
        <v>45670</v>
      </c>
      <c r="F127314" s="14" t="s">
        <v>15</v>
      </c>
      <c r="G127314" s="16">
        <v>0.98706006365583343</v>
      </c>
    </row>
    <row r="127315" spans="1:7" x14ac:dyDescent="0.3">
      <c r="A127315" s="13" t="s">
        <v>585</v>
      </c>
      <c r="B127315" s="14" t="s">
        <v>1</v>
      </c>
      <c r="C127315" s="14" t="s">
        <v>546</v>
      </c>
      <c r="D127315" s="14" t="s">
        <v>31</v>
      </c>
      <c r="E127315" s="15">
        <v>45671</v>
      </c>
      <c r="F127315" s="14" t="s">
        <v>15</v>
      </c>
      <c r="G127315" s="16">
        <v>0.98238280084392526</v>
      </c>
    </row>
    <row r="127316" spans="1:7" x14ac:dyDescent="0.3">
      <c r="A127316" s="13" t="s">
        <v>585</v>
      </c>
      <c r="B127316" s="14" t="s">
        <v>1</v>
      </c>
      <c r="C127316" s="14" t="s">
        <v>546</v>
      </c>
      <c r="D127316" s="14" t="s">
        <v>31</v>
      </c>
      <c r="E127316" s="15">
        <v>45672</v>
      </c>
      <c r="F127316" s="14" t="s">
        <v>15</v>
      </c>
      <c r="G127316" s="16">
        <v>0.98065778016090832</v>
      </c>
    </row>
    <row r="127317" spans="1:7" x14ac:dyDescent="0.3">
      <c r="A127317" s="13" t="s">
        <v>585</v>
      </c>
      <c r="B127317" s="14" t="s">
        <v>1</v>
      </c>
      <c r="C127317" s="14" t="s">
        <v>546</v>
      </c>
      <c r="D127317" s="14" t="s">
        <v>31</v>
      </c>
      <c r="E127317" s="15">
        <v>45673</v>
      </c>
      <c r="F127317" s="14" t="s">
        <v>15</v>
      </c>
      <c r="G127317" s="16">
        <v>0.9790768401942298</v>
      </c>
    </row>
    <row r="127318" spans="1:7" x14ac:dyDescent="0.3">
      <c r="A127318" s="13" t="s">
        <v>585</v>
      </c>
      <c r="B127318" s="14" t="s">
        <v>1</v>
      </c>
      <c r="C127318" s="14" t="s">
        <v>546</v>
      </c>
      <c r="D127318" s="14" t="s">
        <v>31</v>
      </c>
      <c r="E127318" s="15">
        <v>45674</v>
      </c>
      <c r="F127318" s="14" t="s">
        <v>15</v>
      </c>
      <c r="G127318" s="16">
        <v>0.97750089850277866</v>
      </c>
    </row>
    <row r="127319" spans="1:7" x14ac:dyDescent="0.3">
      <c r="A127319" s="13" t="s">
        <v>585</v>
      </c>
      <c r="B127319" s="14" t="s">
        <v>1</v>
      </c>
      <c r="C127319" s="14" t="s">
        <v>546</v>
      </c>
      <c r="D127319" s="14" t="s">
        <v>31</v>
      </c>
      <c r="E127319" s="15">
        <v>45675</v>
      </c>
      <c r="F127319" s="14" t="s">
        <v>15</v>
      </c>
      <c r="G127319" s="16">
        <v>0.97750089850277866</v>
      </c>
    </row>
    <row r="127320" spans="1:7" x14ac:dyDescent="0.3">
      <c r="A127320" s="13" t="s">
        <v>585</v>
      </c>
      <c r="B127320" s="14" t="s">
        <v>1</v>
      </c>
      <c r="C127320" s="14" t="s">
        <v>546</v>
      </c>
      <c r="D127320" s="14" t="s">
        <v>31</v>
      </c>
      <c r="E127320" s="15">
        <v>45676</v>
      </c>
      <c r="F127320" s="14" t="s">
        <v>15</v>
      </c>
      <c r="G127320" s="16">
        <v>0.97750089850277866</v>
      </c>
    </row>
    <row r="127321" spans="1:7" x14ac:dyDescent="0.3">
      <c r="A127321" s="13" t="s">
        <v>585</v>
      </c>
      <c r="B127321" s="14" t="s">
        <v>1</v>
      </c>
      <c r="C127321" s="14" t="s">
        <v>546</v>
      </c>
      <c r="D127321" s="14" t="s">
        <v>31</v>
      </c>
      <c r="E127321" s="15">
        <v>45677</v>
      </c>
      <c r="F127321" s="14" t="s">
        <v>15</v>
      </c>
      <c r="G127321" s="16">
        <v>0.97591104856721633</v>
      </c>
    </row>
    <row r="127322" spans="1:7" x14ac:dyDescent="0.3">
      <c r="A127322" s="13" t="s">
        <v>585</v>
      </c>
      <c r="B127322" s="14" t="s">
        <v>1</v>
      </c>
      <c r="C127322" s="14" t="s">
        <v>546</v>
      </c>
      <c r="D127322" s="14" t="s">
        <v>31</v>
      </c>
      <c r="E127322" s="15">
        <v>45678</v>
      </c>
      <c r="F127322" s="14" t="s">
        <v>15</v>
      </c>
      <c r="G127322" s="16">
        <v>0.97106228696399088</v>
      </c>
    </row>
    <row r="127323" spans="1:7" x14ac:dyDescent="0.3">
      <c r="A127323" s="13" t="s">
        <v>585</v>
      </c>
      <c r="B127323" s="14" t="s">
        <v>1</v>
      </c>
      <c r="C127323" s="14" t="s">
        <v>546</v>
      </c>
      <c r="D127323" s="14" t="s">
        <v>31</v>
      </c>
      <c r="E127323" s="15">
        <v>45679</v>
      </c>
      <c r="F127323" s="14" t="s">
        <v>15</v>
      </c>
      <c r="G127323" s="16">
        <v>0.96943734044367946</v>
      </c>
    </row>
    <row r="127324" spans="1:7" x14ac:dyDescent="0.3">
      <c r="A127324" s="13" t="s">
        <v>585</v>
      </c>
      <c r="B127324" s="14" t="s">
        <v>1</v>
      </c>
      <c r="C127324" s="14" t="s">
        <v>546</v>
      </c>
      <c r="D127324" s="14" t="s">
        <v>31</v>
      </c>
      <c r="E127324" s="15">
        <v>45680</v>
      </c>
      <c r="F127324" s="14" t="s">
        <v>15</v>
      </c>
      <c r="G127324" s="16">
        <v>0.96779754397522877</v>
      </c>
    </row>
    <row r="127325" spans="1:7" x14ac:dyDescent="0.3">
      <c r="A127325" s="13" t="s">
        <v>585</v>
      </c>
      <c r="B127325" s="14" t="s">
        <v>1</v>
      </c>
      <c r="C127325" s="14" t="s">
        <v>546</v>
      </c>
      <c r="D127325" s="14" t="s">
        <v>31</v>
      </c>
      <c r="E127325" s="15">
        <v>45681</v>
      </c>
      <c r="F127325" s="14" t="s">
        <v>15</v>
      </c>
      <c r="G127325" s="16">
        <v>0.96617198172536045</v>
      </c>
    </row>
    <row r="127326" spans="1:7" x14ac:dyDescent="0.3">
      <c r="A127326" s="13" t="s">
        <v>585</v>
      </c>
      <c r="B127326" s="14" t="s">
        <v>1</v>
      </c>
      <c r="C127326" s="14" t="s">
        <v>546</v>
      </c>
      <c r="D127326" s="14" t="s">
        <v>31</v>
      </c>
      <c r="E127326" s="15">
        <v>45682</v>
      </c>
      <c r="F127326" s="14" t="s">
        <v>15</v>
      </c>
      <c r="G127326" s="16">
        <v>0.96617198172536045</v>
      </c>
    </row>
    <row r="127327" spans="1:7" x14ac:dyDescent="0.3">
      <c r="A127327" s="13" t="s">
        <v>585</v>
      </c>
      <c r="B127327" s="14" t="s">
        <v>1</v>
      </c>
      <c r="C127327" s="14" t="s">
        <v>546</v>
      </c>
      <c r="D127327" s="14" t="s">
        <v>31</v>
      </c>
      <c r="E127327" s="15">
        <v>45683</v>
      </c>
      <c r="F127327" s="14" t="s">
        <v>15</v>
      </c>
      <c r="G127327" s="16">
        <v>0.96617198172536045</v>
      </c>
    </row>
    <row r="127328" spans="1:7" x14ac:dyDescent="0.3">
      <c r="A127328" s="13" t="s">
        <v>585</v>
      </c>
      <c r="B127328" s="14" t="s">
        <v>1</v>
      </c>
      <c r="C127328" s="14" t="s">
        <v>546</v>
      </c>
      <c r="D127328" s="14" t="s">
        <v>31</v>
      </c>
      <c r="E127328" s="15">
        <v>45684</v>
      </c>
      <c r="F127328" s="14" t="s">
        <v>15</v>
      </c>
      <c r="G127328" s="16">
        <v>0.9910679408088191</v>
      </c>
    </row>
    <row r="127329" spans="1:7" x14ac:dyDescent="0.3">
      <c r="A127329" s="13" t="s">
        <v>585</v>
      </c>
      <c r="B127329" s="14" t="s">
        <v>1</v>
      </c>
      <c r="C127329" s="14" t="s">
        <v>546</v>
      </c>
      <c r="D127329" s="14" t="s">
        <v>31</v>
      </c>
      <c r="E127329" s="15">
        <v>45685</v>
      </c>
      <c r="F127329" s="14" t="s">
        <v>15</v>
      </c>
      <c r="G127329" s="16">
        <v>0.9910679408088191</v>
      </c>
    </row>
    <row r="127330" spans="1:7" x14ac:dyDescent="0.3">
      <c r="A127330" s="13" t="s">
        <v>585</v>
      </c>
      <c r="B127330" s="14" t="s">
        <v>1</v>
      </c>
      <c r="C127330" s="14" t="s">
        <v>546</v>
      </c>
      <c r="D127330" s="14" t="s">
        <v>31</v>
      </c>
      <c r="E127330" s="15">
        <v>45686</v>
      </c>
      <c r="F127330" s="14" t="s">
        <v>15</v>
      </c>
      <c r="G127330" s="16">
        <v>0.9910679408088191</v>
      </c>
    </row>
    <row r="127331" spans="1:7" x14ac:dyDescent="0.3">
      <c r="A127331" s="13" t="s">
        <v>585</v>
      </c>
      <c r="B127331" s="14" t="s">
        <v>1</v>
      </c>
      <c r="C127331" s="14" t="s">
        <v>546</v>
      </c>
      <c r="D127331" s="14" t="s">
        <v>31</v>
      </c>
      <c r="E127331" s="15">
        <v>45687</v>
      </c>
      <c r="F127331" s="14" t="s">
        <v>15</v>
      </c>
      <c r="G127331" s="16">
        <v>0.9910679408088191</v>
      </c>
    </row>
    <row r="127332" spans="1:7" x14ac:dyDescent="0.3">
      <c r="A127332" s="13" t="s">
        <v>585</v>
      </c>
      <c r="B127332" s="14" t="s">
        <v>1</v>
      </c>
      <c r="C127332" s="14" t="s">
        <v>546</v>
      </c>
      <c r="D127332" s="14" t="s">
        <v>31</v>
      </c>
      <c r="E127332" s="15">
        <v>45688</v>
      </c>
      <c r="F127332" s="14" t="s">
        <v>15</v>
      </c>
      <c r="G127332" s="16">
        <v>0.9910679408088191</v>
      </c>
    </row>
    <row r="127333" spans="1:7" x14ac:dyDescent="0.3">
      <c r="A127333" s="13" t="s">
        <v>585</v>
      </c>
      <c r="B127333" s="14" t="s">
        <v>1</v>
      </c>
      <c r="C127333" s="14" t="s">
        <v>546</v>
      </c>
      <c r="D127333" s="14" t="s">
        <v>31</v>
      </c>
      <c r="E127333" s="15">
        <v>45689</v>
      </c>
      <c r="F127333" s="14" t="s">
        <v>15</v>
      </c>
      <c r="G127333" s="16">
        <v>0.9910679408088191</v>
      </c>
    </row>
    <row r="127334" spans="1:7" x14ac:dyDescent="0.3">
      <c r="A127334" s="13" t="s">
        <v>585</v>
      </c>
      <c r="B127334" s="14" t="s">
        <v>1</v>
      </c>
      <c r="C127334" s="14" t="s">
        <v>546</v>
      </c>
      <c r="D127334" s="14" t="s">
        <v>31</v>
      </c>
      <c r="E127334" s="15">
        <v>45690</v>
      </c>
      <c r="F127334" s="14" t="s">
        <v>15</v>
      </c>
      <c r="G127334" s="16">
        <v>0.9910679408088191</v>
      </c>
    </row>
    <row r="127335" spans="1:7" x14ac:dyDescent="0.3">
      <c r="A127335" s="13" t="s">
        <v>585</v>
      </c>
      <c r="B127335" s="14" t="s">
        <v>1</v>
      </c>
      <c r="C127335" s="14" t="s">
        <v>546</v>
      </c>
      <c r="D127335" s="14" t="s">
        <v>31</v>
      </c>
      <c r="E127335" s="15">
        <v>45691</v>
      </c>
      <c r="F127335" s="14" t="s">
        <v>15</v>
      </c>
      <c r="G127335" s="16">
        <v>0.9910679408088191</v>
      </c>
    </row>
    <row r="127336" spans="1:7" x14ac:dyDescent="0.3">
      <c r="A127336" s="13" t="s">
        <v>585</v>
      </c>
      <c r="B127336" s="14" t="s">
        <v>1</v>
      </c>
      <c r="C127336" s="14" t="s">
        <v>546</v>
      </c>
      <c r="D127336" s="14" t="s">
        <v>31</v>
      </c>
      <c r="E127336" s="15">
        <v>45692</v>
      </c>
      <c r="F127336" s="14" t="s">
        <v>15</v>
      </c>
      <c r="G127336" s="16">
        <v>0.9910679408088191</v>
      </c>
    </row>
    <row r="127337" spans="1:7" x14ac:dyDescent="0.3">
      <c r="A127337" s="13" t="s">
        <v>585</v>
      </c>
      <c r="B127337" s="14" t="s">
        <v>1</v>
      </c>
      <c r="C127337" s="14" t="s">
        <v>546</v>
      </c>
      <c r="D127337" s="14" t="s">
        <v>31</v>
      </c>
      <c r="E127337" s="15">
        <v>45693</v>
      </c>
      <c r="F127337" s="14" t="s">
        <v>15</v>
      </c>
      <c r="G127337" s="16">
        <v>0.98611983441467777</v>
      </c>
    </row>
    <row r="127338" spans="1:7" x14ac:dyDescent="0.3">
      <c r="A127338" s="13" t="s">
        <v>585</v>
      </c>
      <c r="B127338" s="14" t="s">
        <v>1</v>
      </c>
      <c r="C127338" s="14" t="s">
        <v>546</v>
      </c>
      <c r="D127338" s="14" t="s">
        <v>31</v>
      </c>
      <c r="E127338" s="15">
        <v>45694</v>
      </c>
      <c r="F127338" s="14" t="s">
        <v>15</v>
      </c>
      <c r="G127338" s="16">
        <v>0.97319718530678545</v>
      </c>
    </row>
    <row r="127339" spans="1:7" x14ac:dyDescent="0.3">
      <c r="A127339" s="13" t="s">
        <v>585</v>
      </c>
      <c r="B127339" s="14" t="s">
        <v>1</v>
      </c>
      <c r="C127339" s="14" t="s">
        <v>546</v>
      </c>
      <c r="D127339" s="14" t="s">
        <v>31</v>
      </c>
      <c r="E127339" s="15">
        <v>45695</v>
      </c>
      <c r="F127339" s="14" t="s">
        <v>15</v>
      </c>
      <c r="G127339" s="16">
        <v>0.97153509145251227</v>
      </c>
    </row>
    <row r="127340" spans="1:7" x14ac:dyDescent="0.3">
      <c r="A127340" s="13" t="s">
        <v>585</v>
      </c>
      <c r="B127340" s="14" t="s">
        <v>1</v>
      </c>
      <c r="C127340" s="14" t="s">
        <v>546</v>
      </c>
      <c r="D127340" s="14" t="s">
        <v>31</v>
      </c>
      <c r="E127340" s="15">
        <v>45696</v>
      </c>
      <c r="F127340" s="14" t="s">
        <v>15</v>
      </c>
      <c r="G127340" s="16">
        <v>0.97153509145251227</v>
      </c>
    </row>
    <row r="127341" spans="1:7" x14ac:dyDescent="0.3">
      <c r="A127341" s="13" t="s">
        <v>585</v>
      </c>
      <c r="B127341" s="14" t="s">
        <v>1</v>
      </c>
      <c r="C127341" s="14" t="s">
        <v>546</v>
      </c>
      <c r="D127341" s="14" t="s">
        <v>31</v>
      </c>
      <c r="E127341" s="15">
        <v>45697</v>
      </c>
      <c r="F127341" s="14" t="s">
        <v>15</v>
      </c>
      <c r="G127341" s="16">
        <v>0.97153509145251227</v>
      </c>
    </row>
    <row r="127342" spans="1:7" x14ac:dyDescent="0.3">
      <c r="A127342" s="13" t="s">
        <v>585</v>
      </c>
      <c r="B127342" s="14" t="s">
        <v>1</v>
      </c>
      <c r="C127342" s="14" t="s">
        <v>546</v>
      </c>
      <c r="D127342" s="14" t="s">
        <v>31</v>
      </c>
      <c r="E127342" s="15">
        <v>45698</v>
      </c>
      <c r="F127342" s="14" t="s">
        <v>15</v>
      </c>
      <c r="G127342" s="16">
        <v>0.96985202880162136</v>
      </c>
    </row>
    <row r="127343" spans="1:7" x14ac:dyDescent="0.3">
      <c r="A127343" s="13" t="s">
        <v>585</v>
      </c>
      <c r="B127343" s="14" t="s">
        <v>1</v>
      </c>
      <c r="C127343" s="14" t="s">
        <v>546</v>
      </c>
      <c r="D127343" s="14" t="s">
        <v>31</v>
      </c>
      <c r="E127343" s="15">
        <v>45699</v>
      </c>
      <c r="F127343" s="14" t="s">
        <v>15</v>
      </c>
      <c r="G127343" s="16">
        <v>0.96473598350170697</v>
      </c>
    </row>
    <row r="127344" spans="1:7" x14ac:dyDescent="0.3">
      <c r="A127344" s="13" t="s">
        <v>585</v>
      </c>
      <c r="B127344" s="14" t="s">
        <v>1</v>
      </c>
      <c r="C127344" s="14" t="s">
        <v>546</v>
      </c>
      <c r="D127344" s="14" t="s">
        <v>31</v>
      </c>
      <c r="E127344" s="15">
        <v>45700</v>
      </c>
      <c r="F127344" s="14" t="s">
        <v>15</v>
      </c>
      <c r="G127344" s="16">
        <v>0.96301467446111833</v>
      </c>
    </row>
    <row r="127345" spans="1:7" x14ac:dyDescent="0.3">
      <c r="A127345" s="13" t="s">
        <v>585</v>
      </c>
      <c r="B127345" s="14" t="s">
        <v>1</v>
      </c>
      <c r="C127345" s="14" t="s">
        <v>546</v>
      </c>
      <c r="D127345" s="14" t="s">
        <v>31</v>
      </c>
      <c r="E127345" s="15">
        <v>45701</v>
      </c>
      <c r="F127345" s="14" t="s">
        <v>15</v>
      </c>
      <c r="G127345" s="16">
        <v>0.96130617574603672</v>
      </c>
    </row>
    <row r="127346" spans="1:7" x14ac:dyDescent="0.3">
      <c r="A127346" s="13" t="s">
        <v>585</v>
      </c>
      <c r="B127346" s="14" t="s">
        <v>1</v>
      </c>
      <c r="C127346" s="14" t="s">
        <v>546</v>
      </c>
      <c r="D127346" s="14" t="s">
        <v>31</v>
      </c>
      <c r="E127346" s="15">
        <v>45702</v>
      </c>
      <c r="F127346" s="14" t="s">
        <v>15</v>
      </c>
      <c r="G127346" s="16">
        <v>0.95956508827712006</v>
      </c>
    </row>
    <row r="127347" spans="1:7" x14ac:dyDescent="0.3">
      <c r="A127347" s="13" t="s">
        <v>585</v>
      </c>
      <c r="B127347" s="14" t="s">
        <v>1</v>
      </c>
      <c r="C127347" s="14" t="s">
        <v>546</v>
      </c>
      <c r="D127347" s="14" t="s">
        <v>31</v>
      </c>
      <c r="E127347" s="15">
        <v>45703</v>
      </c>
      <c r="F127347" s="14" t="s">
        <v>15</v>
      </c>
      <c r="G127347" s="16">
        <v>0.95956508827712006</v>
      </c>
    </row>
    <row r="127348" spans="1:7" x14ac:dyDescent="0.3">
      <c r="A127348" s="13" t="s">
        <v>585</v>
      </c>
      <c r="B127348" s="14" t="s">
        <v>1</v>
      </c>
      <c r="C127348" s="14" t="s">
        <v>546</v>
      </c>
      <c r="D127348" s="14" t="s">
        <v>31</v>
      </c>
      <c r="E127348" s="15">
        <v>45704</v>
      </c>
      <c r="F127348" s="14" t="s">
        <v>15</v>
      </c>
      <c r="G127348" s="16">
        <v>0.95956508827712006</v>
      </c>
    </row>
    <row r="127349" spans="1:7" x14ac:dyDescent="0.3">
      <c r="A127349" s="13" t="s">
        <v>585</v>
      </c>
      <c r="B127349" s="14" t="s">
        <v>1</v>
      </c>
      <c r="C127349" s="14" t="s">
        <v>546</v>
      </c>
      <c r="D127349" s="14" t="s">
        <v>31</v>
      </c>
      <c r="E127349" s="15">
        <v>45705</v>
      </c>
      <c r="F127349" s="14" t="s">
        <v>15</v>
      </c>
      <c r="G127349" s="16">
        <v>0.95782908701303471</v>
      </c>
    </row>
    <row r="127350" spans="1:7" x14ac:dyDescent="0.3">
      <c r="A127350" s="13" t="s">
        <v>585</v>
      </c>
      <c r="B127350" s="14" t="s">
        <v>1</v>
      </c>
      <c r="C127350" s="14" t="s">
        <v>546</v>
      </c>
      <c r="D127350" s="14" t="s">
        <v>31</v>
      </c>
      <c r="E127350" s="15">
        <v>45706</v>
      </c>
      <c r="F127350" s="14" t="s">
        <v>15</v>
      </c>
      <c r="G127350" s="16">
        <v>0.95244882151473176</v>
      </c>
    </row>
    <row r="127351" spans="1:7" x14ac:dyDescent="0.3">
      <c r="A127351" s="13" t="s">
        <v>585</v>
      </c>
      <c r="B127351" s="14" t="s">
        <v>1</v>
      </c>
      <c r="C127351" s="14" t="s">
        <v>546</v>
      </c>
      <c r="D127351" s="14" t="s">
        <v>31</v>
      </c>
      <c r="E127351" s="15">
        <v>45707</v>
      </c>
      <c r="F127351" s="14" t="s">
        <v>15</v>
      </c>
      <c r="G127351" s="16">
        <v>0.95058336587352088</v>
      </c>
    </row>
    <row r="127352" spans="1:7" x14ac:dyDescent="0.3">
      <c r="A127352" s="13" t="s">
        <v>585</v>
      </c>
      <c r="B127352" s="14" t="s">
        <v>1</v>
      </c>
      <c r="C127352" s="14" t="s">
        <v>546</v>
      </c>
      <c r="D127352" s="14" t="s">
        <v>31</v>
      </c>
      <c r="E127352" s="15">
        <v>45708</v>
      </c>
      <c r="F127352" s="14" t="s">
        <v>15</v>
      </c>
      <c r="G127352" s="16">
        <v>0.94876606386846096</v>
      </c>
    </row>
    <row r="127353" spans="1:7" x14ac:dyDescent="0.3">
      <c r="A127353" s="13" t="s">
        <v>585</v>
      </c>
      <c r="B127353" s="14" t="s">
        <v>1</v>
      </c>
      <c r="C127353" s="14" t="s">
        <v>546</v>
      </c>
      <c r="D127353" s="14" t="s">
        <v>31</v>
      </c>
      <c r="E127353" s="15">
        <v>45709</v>
      </c>
      <c r="F127353" s="14" t="s">
        <v>15</v>
      </c>
      <c r="G127353" s="16">
        <v>0.9469472501489431</v>
      </c>
    </row>
    <row r="127354" spans="1:7" x14ac:dyDescent="0.3">
      <c r="A127354" s="13" t="s">
        <v>585</v>
      </c>
      <c r="B127354" s="14" t="s">
        <v>1</v>
      </c>
      <c r="C127354" s="14" t="s">
        <v>546</v>
      </c>
      <c r="D127354" s="14" t="s">
        <v>31</v>
      </c>
      <c r="E127354" s="15">
        <v>45710</v>
      </c>
      <c r="F127354" s="14" t="s">
        <v>15</v>
      </c>
      <c r="G127354" s="16">
        <v>0.9469472501489431</v>
      </c>
    </row>
    <row r="127355" spans="1:7" x14ac:dyDescent="0.3">
      <c r="A127355" s="13" t="s">
        <v>585</v>
      </c>
      <c r="B127355" s="14" t="s">
        <v>1</v>
      </c>
      <c r="C127355" s="14" t="s">
        <v>546</v>
      </c>
      <c r="D127355" s="14" t="s">
        <v>31</v>
      </c>
      <c r="E127355" s="15">
        <v>45711</v>
      </c>
      <c r="F127355" s="14" t="s">
        <v>15</v>
      </c>
      <c r="G127355" s="16">
        <v>0.9469472501489431</v>
      </c>
    </row>
    <row r="127356" spans="1:7" x14ac:dyDescent="0.3">
      <c r="A127356" s="13" t="s">
        <v>585</v>
      </c>
      <c r="B127356" s="14" t="s">
        <v>1</v>
      </c>
      <c r="C127356" s="14" t="s">
        <v>546</v>
      </c>
      <c r="D127356" s="14" t="s">
        <v>31</v>
      </c>
      <c r="E127356" s="15">
        <v>45712</v>
      </c>
      <c r="F127356" s="14" t="s">
        <v>15</v>
      </c>
      <c r="G127356" s="16">
        <v>0.94514060388725807</v>
      </c>
    </row>
    <row r="127357" spans="1:7" x14ac:dyDescent="0.3">
      <c r="A127357" s="13" t="s">
        <v>585</v>
      </c>
      <c r="B127357" s="14" t="s">
        <v>1</v>
      </c>
      <c r="C127357" s="14" t="s">
        <v>546</v>
      </c>
      <c r="D127357" s="14" t="s">
        <v>31</v>
      </c>
      <c r="E127357" s="15">
        <v>45713</v>
      </c>
      <c r="F127357" s="14" t="s">
        <v>15</v>
      </c>
      <c r="G127357" s="16">
        <v>0.93954167978953163</v>
      </c>
    </row>
    <row r="127358" spans="1:7" x14ac:dyDescent="0.3">
      <c r="A127358" s="13" t="s">
        <v>585</v>
      </c>
      <c r="B127358" s="14" t="s">
        <v>1</v>
      </c>
      <c r="C127358" s="14" t="s">
        <v>546</v>
      </c>
      <c r="D127358" s="14" t="s">
        <v>31</v>
      </c>
      <c r="E127358" s="15">
        <v>45714</v>
      </c>
      <c r="F127358" s="14" t="s">
        <v>15</v>
      </c>
      <c r="G127358" s="16">
        <v>0.93768880738504945</v>
      </c>
    </row>
    <row r="127359" spans="1:7" x14ac:dyDescent="0.3">
      <c r="A127359" s="13" t="s">
        <v>585</v>
      </c>
      <c r="B127359" s="14" t="s">
        <v>1</v>
      </c>
      <c r="C127359" s="14" t="s">
        <v>546</v>
      </c>
      <c r="D127359" s="14" t="s">
        <v>31</v>
      </c>
      <c r="E127359" s="15">
        <v>45715</v>
      </c>
      <c r="F127359" s="14" t="s">
        <v>15</v>
      </c>
      <c r="G127359" s="16">
        <v>0.93853262391469117</v>
      </c>
    </row>
    <row r="127360" spans="1:7" x14ac:dyDescent="0.3">
      <c r="A127360" s="13" t="s">
        <v>585</v>
      </c>
      <c r="B127360" s="14" t="s">
        <v>1</v>
      </c>
      <c r="C127360" s="14" t="s">
        <v>546</v>
      </c>
      <c r="D127360" s="14" t="s">
        <v>31</v>
      </c>
      <c r="E127360" s="15">
        <v>45716</v>
      </c>
      <c r="F127360" s="14" t="s">
        <v>15</v>
      </c>
      <c r="G127360" s="16">
        <v>0.93667709648971564</v>
      </c>
    </row>
    <row r="127361" spans="1:7" x14ac:dyDescent="0.3">
      <c r="A127361" s="13" t="s">
        <v>585</v>
      </c>
      <c r="B127361" s="14" t="s">
        <v>1</v>
      </c>
      <c r="C127361" s="14" t="s">
        <v>546</v>
      </c>
      <c r="D127361" s="14" t="s">
        <v>31</v>
      </c>
      <c r="E127361" s="15">
        <v>45717</v>
      </c>
      <c r="F127361" s="14" t="s">
        <v>15</v>
      </c>
      <c r="G127361" s="16">
        <v>0.93667709648971564</v>
      </c>
    </row>
    <row r="127362" spans="1:7" x14ac:dyDescent="0.3">
      <c r="A127362" s="13" t="s">
        <v>585</v>
      </c>
      <c r="B127362" s="14" t="s">
        <v>1</v>
      </c>
      <c r="C127362" s="14" t="s">
        <v>546</v>
      </c>
      <c r="D127362" s="14" t="s">
        <v>31</v>
      </c>
      <c r="E127362" s="15">
        <v>45718</v>
      </c>
      <c r="F127362" s="14" t="s">
        <v>15</v>
      </c>
      <c r="G127362" s="16">
        <v>0.93667709648971564</v>
      </c>
    </row>
    <row r="127363" spans="1:7" x14ac:dyDescent="0.3">
      <c r="A127363" s="13" t="s">
        <v>585</v>
      </c>
      <c r="B127363" s="14" t="s">
        <v>1</v>
      </c>
      <c r="C127363" s="14" t="s">
        <v>546</v>
      </c>
      <c r="D127363" s="14" t="s">
        <v>31</v>
      </c>
      <c r="E127363" s="15">
        <v>45719</v>
      </c>
      <c r="F127363" s="14" t="s">
        <v>15</v>
      </c>
      <c r="G127363" s="16">
        <v>0.93483226080764992</v>
      </c>
    </row>
    <row r="127364" spans="1:7" x14ac:dyDescent="0.3">
      <c r="A127364" s="13" t="s">
        <v>585</v>
      </c>
      <c r="B127364" s="14" t="s">
        <v>1</v>
      </c>
      <c r="C127364" s="14" t="s">
        <v>546</v>
      </c>
      <c r="D127364" s="14" t="s">
        <v>31</v>
      </c>
      <c r="E127364" s="15">
        <v>45720</v>
      </c>
      <c r="F127364" s="14" t="s">
        <v>15</v>
      </c>
      <c r="G127364" s="16">
        <v>0.93120231963977373</v>
      </c>
    </row>
    <row r="127365" spans="1:7" x14ac:dyDescent="0.3">
      <c r="A127365" s="13" t="s">
        <v>585</v>
      </c>
      <c r="B127365" s="14" t="s">
        <v>1</v>
      </c>
      <c r="C127365" s="14" t="s">
        <v>546</v>
      </c>
      <c r="D127365" s="14" t="s">
        <v>31</v>
      </c>
      <c r="E127365" s="15">
        <v>45721</v>
      </c>
      <c r="F127365" s="14" t="s">
        <v>15</v>
      </c>
      <c r="G127365" s="16">
        <v>0.92942008543474486</v>
      </c>
    </row>
    <row r="127366" spans="1:7" x14ac:dyDescent="0.3">
      <c r="A127366" s="13" t="s">
        <v>585</v>
      </c>
      <c r="B127366" s="14" t="s">
        <v>1</v>
      </c>
      <c r="C127366" s="14" t="s">
        <v>546</v>
      </c>
      <c r="D127366" s="14" t="s">
        <v>31</v>
      </c>
      <c r="E127366" s="15">
        <v>45722</v>
      </c>
      <c r="F127366" s="14" t="s">
        <v>15</v>
      </c>
      <c r="G127366" s="16">
        <v>0.93769549444686917</v>
      </c>
    </row>
    <row r="127367" spans="1:7" x14ac:dyDescent="0.3">
      <c r="A127367" s="13" t="s">
        <v>585</v>
      </c>
      <c r="B127367" s="14" t="s">
        <v>1</v>
      </c>
      <c r="C127367" s="14" t="s">
        <v>546</v>
      </c>
      <c r="D127367" s="14" t="s">
        <v>31</v>
      </c>
      <c r="E127367" s="15">
        <v>45723</v>
      </c>
      <c r="F127367" s="14" t="s">
        <v>15</v>
      </c>
      <c r="G127367" s="16">
        <v>0.93588110945309044</v>
      </c>
    </row>
    <row r="127368" spans="1:7" x14ac:dyDescent="0.3">
      <c r="A127368" s="13" t="s">
        <v>585</v>
      </c>
      <c r="B127368" s="14" t="s">
        <v>1</v>
      </c>
      <c r="C127368" s="14" t="s">
        <v>546</v>
      </c>
      <c r="D127368" s="14" t="s">
        <v>31</v>
      </c>
      <c r="E127368" s="15">
        <v>45724</v>
      </c>
      <c r="F127368" s="14" t="s">
        <v>15</v>
      </c>
      <c r="G127368" s="16">
        <v>0.93588110945309044</v>
      </c>
    </row>
    <row r="127369" spans="1:7" x14ac:dyDescent="0.3">
      <c r="A127369" s="13" t="s">
        <v>585</v>
      </c>
      <c r="B127369" s="14" t="s">
        <v>1</v>
      </c>
      <c r="C127369" s="14" t="s">
        <v>546</v>
      </c>
      <c r="D127369" s="14" t="s">
        <v>31</v>
      </c>
      <c r="E127369" s="15">
        <v>45725</v>
      </c>
      <c r="F127369" s="14" t="s">
        <v>15</v>
      </c>
      <c r="G127369" s="16">
        <v>0.93588110945309044</v>
      </c>
    </row>
    <row r="127370" spans="1:7" x14ac:dyDescent="0.3">
      <c r="A127370" s="13" t="s">
        <v>585</v>
      </c>
      <c r="B127370" s="14" t="s">
        <v>1</v>
      </c>
      <c r="C127370" s="14" t="s">
        <v>546</v>
      </c>
      <c r="D127370" s="14" t="s">
        <v>31</v>
      </c>
      <c r="E127370" s="15">
        <v>45726</v>
      </c>
      <c r="F127370" s="14" t="s">
        <v>15</v>
      </c>
      <c r="G127370" s="16">
        <v>0.93400291402194591</v>
      </c>
    </row>
    <row r="127371" spans="1:7" x14ac:dyDescent="0.3">
      <c r="A127371" s="13" t="s">
        <v>585</v>
      </c>
      <c r="B127371" s="14" t="s">
        <v>1</v>
      </c>
      <c r="C127371" s="14" t="s">
        <v>546</v>
      </c>
      <c r="D127371" s="14" t="s">
        <v>31</v>
      </c>
      <c r="E127371" s="15">
        <v>45727</v>
      </c>
      <c r="F127371" s="14" t="s">
        <v>15</v>
      </c>
      <c r="G127371" s="16">
        <v>0.92838707708420631</v>
      </c>
    </row>
    <row r="127372" spans="1:7" x14ac:dyDescent="0.3">
      <c r="A127372" s="13" t="s">
        <v>585</v>
      </c>
      <c r="B127372" s="14" t="s">
        <v>1</v>
      </c>
      <c r="C127372" s="14" t="s">
        <v>546</v>
      </c>
      <c r="D127372" s="14" t="s">
        <v>31</v>
      </c>
      <c r="E127372" s="15">
        <v>45728</v>
      </c>
      <c r="F127372" s="14" t="s">
        <v>15</v>
      </c>
      <c r="G127372" s="16">
        <v>0.92654179908756773</v>
      </c>
    </row>
    <row r="127373" spans="1:7" x14ac:dyDescent="0.3">
      <c r="A127373" s="13" t="s">
        <v>585</v>
      </c>
      <c r="B127373" s="14" t="s">
        <v>1</v>
      </c>
      <c r="C127373" s="14" t="s">
        <v>546</v>
      </c>
      <c r="D127373" s="14" t="s">
        <v>31</v>
      </c>
      <c r="E127373" s="15">
        <v>45729</v>
      </c>
      <c r="F127373" s="14" t="s">
        <v>15</v>
      </c>
      <c r="G127373" s="16">
        <v>0.94412900681147982</v>
      </c>
    </row>
    <row r="127374" spans="1:7" x14ac:dyDescent="0.3">
      <c r="A127374" s="13" t="s">
        <v>585</v>
      </c>
      <c r="B127374" s="14" t="s">
        <v>1</v>
      </c>
      <c r="C127374" s="14" t="s">
        <v>546</v>
      </c>
      <c r="D127374" s="14" t="s">
        <v>31</v>
      </c>
      <c r="E127374" s="15">
        <v>45730</v>
      </c>
      <c r="F127374" s="14" t="s">
        <v>15</v>
      </c>
      <c r="G127374" s="16">
        <v>0.94228961860241101</v>
      </c>
    </row>
    <row r="127375" spans="1:7" x14ac:dyDescent="0.3">
      <c r="A127375" s="13" t="s">
        <v>585</v>
      </c>
      <c r="B127375" s="14" t="s">
        <v>1</v>
      </c>
      <c r="C127375" s="14" t="s">
        <v>546</v>
      </c>
      <c r="D127375" s="14" t="s">
        <v>31</v>
      </c>
      <c r="E127375" s="15">
        <v>45731</v>
      </c>
      <c r="F127375" s="14" t="s">
        <v>15</v>
      </c>
      <c r="G127375" s="16">
        <v>0.94228961860241101</v>
      </c>
    </row>
    <row r="127376" spans="1:7" x14ac:dyDescent="0.3">
      <c r="A127376" s="13" t="s">
        <v>585</v>
      </c>
      <c r="B127376" s="14" t="s">
        <v>1</v>
      </c>
      <c r="C127376" s="14" t="s">
        <v>546</v>
      </c>
      <c r="D127376" s="14" t="s">
        <v>31</v>
      </c>
      <c r="E127376" s="15">
        <v>45732</v>
      </c>
      <c r="F127376" s="14" t="s">
        <v>15</v>
      </c>
      <c r="G127376" s="16">
        <v>0.94228961860241101</v>
      </c>
    </row>
    <row r="127377" spans="1:7" x14ac:dyDescent="0.3">
      <c r="A127377" s="13" t="s">
        <v>585</v>
      </c>
      <c r="B127377" s="14" t="s">
        <v>1</v>
      </c>
      <c r="C127377" s="14" t="s">
        <v>546</v>
      </c>
      <c r="D127377" s="14" t="s">
        <v>31</v>
      </c>
      <c r="E127377" s="15">
        <v>45733</v>
      </c>
      <c r="F127377" s="14" t="s">
        <v>15</v>
      </c>
      <c r="G127377" s="16">
        <v>0.94228961860241101</v>
      </c>
    </row>
    <row r="127378" spans="1:7" x14ac:dyDescent="0.3">
      <c r="A127378" s="13" t="s">
        <v>585</v>
      </c>
      <c r="B127378" s="14" t="s">
        <v>1</v>
      </c>
      <c r="C127378" s="14" t="s">
        <v>546</v>
      </c>
      <c r="D127378" s="14" t="s">
        <v>31</v>
      </c>
      <c r="E127378" s="15">
        <v>45734</v>
      </c>
      <c r="F127378" s="14" t="s">
        <v>15</v>
      </c>
      <c r="G127378" s="16">
        <v>0.94046199473670111</v>
      </c>
    </row>
    <row r="127379" spans="1:7" x14ac:dyDescent="0.3">
      <c r="A127379" s="13" t="s">
        <v>585</v>
      </c>
      <c r="B127379" s="14" t="s">
        <v>1</v>
      </c>
      <c r="C127379" s="14" t="s">
        <v>546</v>
      </c>
      <c r="D127379" s="14" t="s">
        <v>31</v>
      </c>
      <c r="E127379" s="15">
        <v>45735</v>
      </c>
      <c r="F127379" s="14" t="s">
        <v>15</v>
      </c>
      <c r="G127379" s="16">
        <v>0.94079878422559182</v>
      </c>
    </row>
    <row r="127380" spans="1:7" x14ac:dyDescent="0.3">
      <c r="A127380" s="13" t="s">
        <v>585</v>
      </c>
      <c r="B127380" s="14" t="s">
        <v>1</v>
      </c>
      <c r="C127380" s="14" t="s">
        <v>546</v>
      </c>
      <c r="D127380" s="14" t="s">
        <v>31</v>
      </c>
      <c r="E127380" s="15">
        <v>45736</v>
      </c>
      <c r="F127380" s="14" t="s">
        <v>15</v>
      </c>
      <c r="G127380" s="16">
        <v>0.93886583146283731</v>
      </c>
    </row>
    <row r="127381" spans="1:7" x14ac:dyDescent="0.3">
      <c r="A127381" s="13" t="s">
        <v>585</v>
      </c>
      <c r="B127381" s="14" t="s">
        <v>1</v>
      </c>
      <c r="C127381" s="14" t="s">
        <v>546</v>
      </c>
      <c r="D127381" s="14" t="s">
        <v>31</v>
      </c>
      <c r="E127381" s="15">
        <v>45737</v>
      </c>
      <c r="F127381" s="14" t="s">
        <v>15</v>
      </c>
      <c r="G127381" s="16">
        <v>0.93694087398441028</v>
      </c>
    </row>
    <row r="127382" spans="1:7" x14ac:dyDescent="0.3">
      <c r="A127382" s="13" t="s">
        <v>585</v>
      </c>
      <c r="B127382" s="14" t="s">
        <v>1</v>
      </c>
      <c r="C127382" s="14" t="s">
        <v>546</v>
      </c>
      <c r="D127382" s="14" t="s">
        <v>31</v>
      </c>
      <c r="E127382" s="15">
        <v>45738</v>
      </c>
      <c r="F127382" s="14" t="s">
        <v>15</v>
      </c>
      <c r="G127382" s="16">
        <v>0.93694087398441028</v>
      </c>
    </row>
    <row r="127383" spans="1:7" x14ac:dyDescent="0.3">
      <c r="A127383" s="13" t="s">
        <v>585</v>
      </c>
      <c r="B127383" s="14" t="s">
        <v>1</v>
      </c>
      <c r="C127383" s="14" t="s">
        <v>546</v>
      </c>
      <c r="D127383" s="14" t="s">
        <v>31</v>
      </c>
      <c r="E127383" s="15">
        <v>45739</v>
      </c>
      <c r="F127383" s="14" t="s">
        <v>15</v>
      </c>
      <c r="G127383" s="16">
        <v>0.93694087398441028</v>
      </c>
    </row>
    <row r="127384" spans="1:7" x14ac:dyDescent="0.3">
      <c r="A127384" s="13" t="s">
        <v>585</v>
      </c>
      <c r="B127384" s="14" t="s">
        <v>1</v>
      </c>
      <c r="C127384" s="14" t="s">
        <v>546</v>
      </c>
      <c r="D127384" s="14" t="s">
        <v>31</v>
      </c>
      <c r="E127384" s="15">
        <v>45740</v>
      </c>
      <c r="F127384" s="14" t="s">
        <v>15</v>
      </c>
      <c r="G127384" s="16">
        <v>0.93504942528052615</v>
      </c>
    </row>
    <row r="127385" spans="1:7" x14ac:dyDescent="0.3">
      <c r="A127385" s="13" t="s">
        <v>585</v>
      </c>
      <c r="B127385" s="14" t="s">
        <v>1</v>
      </c>
      <c r="C127385" s="14" t="s">
        <v>546</v>
      </c>
      <c r="D127385" s="14" t="s">
        <v>31</v>
      </c>
      <c r="E127385" s="15">
        <v>45741</v>
      </c>
      <c r="F127385" s="14" t="s">
        <v>15</v>
      </c>
      <c r="G127385" s="16">
        <v>0.92949698866498986</v>
      </c>
    </row>
    <row r="127386" spans="1:7" x14ac:dyDescent="0.3">
      <c r="A127386" s="13" t="s">
        <v>585</v>
      </c>
      <c r="B127386" s="14" t="s">
        <v>1</v>
      </c>
      <c r="C127386" s="14" t="s">
        <v>546</v>
      </c>
      <c r="D127386" s="14" t="s">
        <v>31</v>
      </c>
      <c r="E127386" s="15">
        <v>45742</v>
      </c>
      <c r="F127386" s="14" t="s">
        <v>15</v>
      </c>
      <c r="G127386" s="16">
        <v>0.92763279767282869</v>
      </c>
    </row>
    <row r="127387" spans="1:7" x14ac:dyDescent="0.3">
      <c r="A127387" s="13" t="s">
        <v>585</v>
      </c>
      <c r="B127387" s="14" t="s">
        <v>1</v>
      </c>
      <c r="C127387" s="14" t="s">
        <v>546</v>
      </c>
      <c r="D127387" s="14" t="s">
        <v>31</v>
      </c>
      <c r="E127387" s="15">
        <v>45743</v>
      </c>
      <c r="F127387" s="14" t="s">
        <v>15</v>
      </c>
      <c r="G127387" s="16">
        <v>0.92691692700046335</v>
      </c>
    </row>
    <row r="127388" spans="1:7" x14ac:dyDescent="0.3">
      <c r="A127388" s="13" t="s">
        <v>585</v>
      </c>
      <c r="B127388" s="14" t="s">
        <v>1</v>
      </c>
      <c r="C127388" s="14" t="s">
        <v>546</v>
      </c>
      <c r="D127388" s="14" t="s">
        <v>31</v>
      </c>
      <c r="E127388" s="15">
        <v>45744</v>
      </c>
      <c r="F127388" s="14" t="s">
        <v>15</v>
      </c>
      <c r="G127388" s="16">
        <v>0.9250862344477353</v>
      </c>
    </row>
    <row r="127389" spans="1:7" x14ac:dyDescent="0.3">
      <c r="A127389" s="13" t="s">
        <v>585</v>
      </c>
      <c r="B127389" s="14" t="s">
        <v>1</v>
      </c>
      <c r="C127389" s="14" t="s">
        <v>546</v>
      </c>
      <c r="D127389" s="14" t="s">
        <v>31</v>
      </c>
      <c r="E127389" s="15">
        <v>45745</v>
      </c>
      <c r="F127389" s="14" t="s">
        <v>15</v>
      </c>
      <c r="G127389" s="16">
        <v>0.9250862344477353</v>
      </c>
    </row>
    <row r="127390" spans="1:7" x14ac:dyDescent="0.3">
      <c r="A127390" s="13" t="s">
        <v>585</v>
      </c>
      <c r="B127390" s="14" t="s">
        <v>1</v>
      </c>
      <c r="C127390" s="14" t="s">
        <v>546</v>
      </c>
      <c r="D127390" s="14" t="s">
        <v>31</v>
      </c>
      <c r="E127390" s="15">
        <v>45746</v>
      </c>
      <c r="F127390" s="14" t="s">
        <v>15</v>
      </c>
      <c r="G127390" s="16">
        <v>0.9250862344477353</v>
      </c>
    </row>
    <row r="127391" spans="1:7" x14ac:dyDescent="0.3">
      <c r="A127391" s="13" t="s">
        <v>585</v>
      </c>
      <c r="B127391" s="14" t="s">
        <v>1</v>
      </c>
      <c r="C127391" s="14" t="s">
        <v>546</v>
      </c>
      <c r="D127391" s="14" t="s">
        <v>31</v>
      </c>
      <c r="E127391" s="15">
        <v>45747</v>
      </c>
      <c r="F127391" s="14" t="s">
        <v>15</v>
      </c>
      <c r="G127391" s="16">
        <v>0.9250862344477353</v>
      </c>
    </row>
    <row r="127392" spans="1:7" x14ac:dyDescent="0.3">
      <c r="A127392" s="13" t="s">
        <v>586</v>
      </c>
      <c r="B127392" s="14" t="s">
        <v>1</v>
      </c>
      <c r="C127392" s="14" t="s">
        <v>546</v>
      </c>
      <c r="D127392" s="14" t="s">
        <v>94</v>
      </c>
      <c r="E127392" s="15">
        <v>45383</v>
      </c>
      <c r="F127392" s="14" t="s">
        <v>15</v>
      </c>
      <c r="G127392" s="16">
        <v>0</v>
      </c>
    </row>
    <row r="127393" spans="1:7" x14ac:dyDescent="0.3">
      <c r="A127393" s="13" t="s">
        <v>586</v>
      </c>
      <c r="B127393" s="14" t="s">
        <v>1</v>
      </c>
      <c r="C127393" s="14" t="s">
        <v>546</v>
      </c>
      <c r="D127393" s="14" t="s">
        <v>94</v>
      </c>
      <c r="E127393" s="15">
        <v>45384</v>
      </c>
      <c r="F127393" s="14" t="s">
        <v>15</v>
      </c>
      <c r="G127393" s="16">
        <v>0</v>
      </c>
    </row>
    <row r="127394" spans="1:7" x14ac:dyDescent="0.3">
      <c r="A127394" s="13" t="s">
        <v>586</v>
      </c>
      <c r="B127394" s="14" t="s">
        <v>1</v>
      </c>
      <c r="C127394" s="14" t="s">
        <v>546</v>
      </c>
      <c r="D127394" s="14" t="s">
        <v>94</v>
      </c>
      <c r="E127394" s="15">
        <v>45385</v>
      </c>
      <c r="F127394" s="14" t="s">
        <v>15</v>
      </c>
      <c r="G127394" s="16">
        <v>0</v>
      </c>
    </row>
    <row r="127395" spans="1:7" x14ac:dyDescent="0.3">
      <c r="A127395" s="13" t="s">
        <v>586</v>
      </c>
      <c r="B127395" s="14" t="s">
        <v>1</v>
      </c>
      <c r="C127395" s="14" t="s">
        <v>546</v>
      </c>
      <c r="D127395" s="14" t="s">
        <v>94</v>
      </c>
      <c r="E127395" s="15">
        <v>45386</v>
      </c>
      <c r="F127395" s="14" t="s">
        <v>15</v>
      </c>
      <c r="G127395" s="16">
        <v>0</v>
      </c>
    </row>
    <row r="127396" spans="1:7" x14ac:dyDescent="0.3">
      <c r="A127396" s="13" t="s">
        <v>586</v>
      </c>
      <c r="B127396" s="14" t="s">
        <v>1</v>
      </c>
      <c r="C127396" s="14" t="s">
        <v>546</v>
      </c>
      <c r="D127396" s="14" t="s">
        <v>94</v>
      </c>
      <c r="E127396" s="15">
        <v>45387</v>
      </c>
      <c r="F127396" s="14" t="s">
        <v>15</v>
      </c>
      <c r="G127396" s="16">
        <v>0</v>
      </c>
    </row>
    <row r="127397" spans="1:7" x14ac:dyDescent="0.3">
      <c r="A127397" s="13" t="s">
        <v>586</v>
      </c>
      <c r="B127397" s="14" t="s">
        <v>1</v>
      </c>
      <c r="C127397" s="14" t="s">
        <v>546</v>
      </c>
      <c r="D127397" s="14" t="s">
        <v>94</v>
      </c>
      <c r="E127397" s="15">
        <v>45388</v>
      </c>
      <c r="F127397" s="14" t="s">
        <v>15</v>
      </c>
      <c r="G127397" s="16">
        <v>0</v>
      </c>
    </row>
    <row r="127398" spans="1:7" x14ac:dyDescent="0.3">
      <c r="A127398" s="13" t="s">
        <v>586</v>
      </c>
      <c r="B127398" s="14" t="s">
        <v>1</v>
      </c>
      <c r="C127398" s="14" t="s">
        <v>546</v>
      </c>
      <c r="D127398" s="14" t="s">
        <v>94</v>
      </c>
      <c r="E127398" s="15">
        <v>45389</v>
      </c>
      <c r="F127398" s="14" t="s">
        <v>15</v>
      </c>
      <c r="G127398" s="16">
        <v>0</v>
      </c>
    </row>
    <row r="127399" spans="1:7" x14ac:dyDescent="0.3">
      <c r="A127399" s="13" t="s">
        <v>586</v>
      </c>
      <c r="B127399" s="14" t="s">
        <v>1</v>
      </c>
      <c r="C127399" s="14" t="s">
        <v>546</v>
      </c>
      <c r="D127399" s="14" t="s">
        <v>94</v>
      </c>
      <c r="E127399" s="15">
        <v>45390</v>
      </c>
      <c r="F127399" s="14" t="s">
        <v>15</v>
      </c>
      <c r="G127399" s="16">
        <v>0</v>
      </c>
    </row>
    <row r="127400" spans="1:7" x14ac:dyDescent="0.3">
      <c r="A127400" s="13" t="s">
        <v>586</v>
      </c>
      <c r="B127400" s="14" t="s">
        <v>1</v>
      </c>
      <c r="C127400" s="14" t="s">
        <v>546</v>
      </c>
      <c r="D127400" s="14" t="s">
        <v>94</v>
      </c>
      <c r="E127400" s="15">
        <v>45391</v>
      </c>
      <c r="F127400" s="14" t="s">
        <v>15</v>
      </c>
      <c r="G127400" s="16">
        <v>7.2579926478779297E-3</v>
      </c>
    </row>
    <row r="127401" spans="1:7" x14ac:dyDescent="0.3">
      <c r="A127401" s="13" t="s">
        <v>586</v>
      </c>
      <c r="B127401" s="14" t="s">
        <v>1</v>
      </c>
      <c r="C127401" s="14" t="s">
        <v>546</v>
      </c>
      <c r="D127401" s="14" t="s">
        <v>94</v>
      </c>
      <c r="E127401" s="15">
        <v>45392</v>
      </c>
      <c r="F127401" s="14" t="s">
        <v>15</v>
      </c>
      <c r="G127401" s="16">
        <v>5.9119601945713373E-3</v>
      </c>
    </row>
    <row r="127402" spans="1:7" x14ac:dyDescent="0.3">
      <c r="A127402" s="13" t="s">
        <v>586</v>
      </c>
      <c r="B127402" s="14" t="s">
        <v>1</v>
      </c>
      <c r="C127402" s="14" t="s">
        <v>546</v>
      </c>
      <c r="D127402" s="14" t="s">
        <v>94</v>
      </c>
      <c r="E127402" s="15">
        <v>45393</v>
      </c>
      <c r="F127402" s="14" t="s">
        <v>15</v>
      </c>
      <c r="G127402" s="16">
        <v>4.5625858675875704E-3</v>
      </c>
    </row>
    <row r="127403" spans="1:7" x14ac:dyDescent="0.3">
      <c r="A127403" s="13" t="s">
        <v>586</v>
      </c>
      <c r="B127403" s="14" t="s">
        <v>1</v>
      </c>
      <c r="C127403" s="14" t="s">
        <v>546</v>
      </c>
      <c r="D127403" s="14" t="s">
        <v>94</v>
      </c>
      <c r="E127403" s="15">
        <v>45394</v>
      </c>
      <c r="F127403" s="14" t="s">
        <v>15</v>
      </c>
      <c r="G127403" s="16">
        <v>3.201143663436227E-3</v>
      </c>
    </row>
    <row r="127404" spans="1:7" x14ac:dyDescent="0.3">
      <c r="A127404" s="13" t="s">
        <v>586</v>
      </c>
      <c r="B127404" s="14" t="s">
        <v>1</v>
      </c>
      <c r="C127404" s="14" t="s">
        <v>546</v>
      </c>
      <c r="D127404" s="14" t="s">
        <v>94</v>
      </c>
      <c r="E127404" s="15">
        <v>45395</v>
      </c>
      <c r="F127404" s="14" t="s">
        <v>15</v>
      </c>
      <c r="G127404" s="16">
        <v>3.201143663436227E-3</v>
      </c>
    </row>
    <row r="127405" spans="1:7" x14ac:dyDescent="0.3">
      <c r="A127405" s="13" t="s">
        <v>586</v>
      </c>
      <c r="B127405" s="14" t="s">
        <v>1</v>
      </c>
      <c r="C127405" s="14" t="s">
        <v>546</v>
      </c>
      <c r="D127405" s="14" t="s">
        <v>94</v>
      </c>
      <c r="E127405" s="15">
        <v>45396</v>
      </c>
      <c r="F127405" s="14" t="s">
        <v>15</v>
      </c>
      <c r="G127405" s="16">
        <v>3.201143663436227E-3</v>
      </c>
    </row>
    <row r="127406" spans="1:7" x14ac:dyDescent="0.3">
      <c r="A127406" s="13" t="s">
        <v>586</v>
      </c>
      <c r="B127406" s="14" t="s">
        <v>1</v>
      </c>
      <c r="C127406" s="14" t="s">
        <v>546</v>
      </c>
      <c r="D127406" s="14" t="s">
        <v>94</v>
      </c>
      <c r="E127406" s="15">
        <v>45397</v>
      </c>
      <c r="F127406" s="14" t="s">
        <v>15</v>
      </c>
      <c r="G127406" s="16">
        <v>1.8408154171772756E-3</v>
      </c>
    </row>
    <row r="127407" spans="1:7" x14ac:dyDescent="0.3">
      <c r="A127407" s="13" t="s">
        <v>586</v>
      </c>
      <c r="B127407" s="14" t="s">
        <v>1</v>
      </c>
      <c r="C127407" s="14" t="s">
        <v>546</v>
      </c>
      <c r="D127407" s="14" t="s">
        <v>94</v>
      </c>
      <c r="E127407" s="15">
        <v>45398</v>
      </c>
      <c r="F127407" s="14" t="s">
        <v>15</v>
      </c>
      <c r="G127407" s="16">
        <v>0</v>
      </c>
    </row>
    <row r="127408" spans="1:7" x14ac:dyDescent="0.3">
      <c r="A127408" s="13" t="s">
        <v>586</v>
      </c>
      <c r="B127408" s="14" t="s">
        <v>1</v>
      </c>
      <c r="C127408" s="14" t="s">
        <v>546</v>
      </c>
      <c r="D127408" s="14" t="s">
        <v>94</v>
      </c>
      <c r="E127408" s="15">
        <v>45399</v>
      </c>
      <c r="F127408" s="14" t="s">
        <v>15</v>
      </c>
      <c r="G127408" s="16">
        <v>0</v>
      </c>
    </row>
    <row r="127409" spans="1:7" x14ac:dyDescent="0.3">
      <c r="A127409" s="13" t="s">
        <v>586</v>
      </c>
      <c r="B127409" s="14" t="s">
        <v>1</v>
      </c>
      <c r="C127409" s="14" t="s">
        <v>546</v>
      </c>
      <c r="D127409" s="14" t="s">
        <v>94</v>
      </c>
      <c r="E127409" s="15">
        <v>45400</v>
      </c>
      <c r="F127409" s="14" t="s">
        <v>15</v>
      </c>
      <c r="G127409" s="16">
        <v>0</v>
      </c>
    </row>
    <row r="127410" spans="1:7" x14ac:dyDescent="0.3">
      <c r="A127410" s="13" t="s">
        <v>586</v>
      </c>
      <c r="B127410" s="14" t="s">
        <v>1</v>
      </c>
      <c r="C127410" s="14" t="s">
        <v>546</v>
      </c>
      <c r="D127410" s="14" t="s">
        <v>94</v>
      </c>
      <c r="E127410" s="15">
        <v>45401</v>
      </c>
      <c r="F127410" s="14" t="s">
        <v>15</v>
      </c>
      <c r="G127410" s="16">
        <v>0</v>
      </c>
    </row>
    <row r="127411" spans="1:7" x14ac:dyDescent="0.3">
      <c r="A127411" s="13" t="s">
        <v>586</v>
      </c>
      <c r="B127411" s="14" t="s">
        <v>1</v>
      </c>
      <c r="C127411" s="14" t="s">
        <v>546</v>
      </c>
      <c r="D127411" s="14" t="s">
        <v>94</v>
      </c>
      <c r="E127411" s="15">
        <v>45402</v>
      </c>
      <c r="F127411" s="14" t="s">
        <v>15</v>
      </c>
      <c r="G127411" s="16">
        <v>0</v>
      </c>
    </row>
    <row r="127412" spans="1:7" x14ac:dyDescent="0.3">
      <c r="A127412" s="13" t="s">
        <v>586</v>
      </c>
      <c r="B127412" s="14" t="s">
        <v>1</v>
      </c>
      <c r="C127412" s="14" t="s">
        <v>546</v>
      </c>
      <c r="D127412" s="14" t="s">
        <v>94</v>
      </c>
      <c r="E127412" s="15">
        <v>45403</v>
      </c>
      <c r="F127412" s="14" t="s">
        <v>15</v>
      </c>
      <c r="G127412" s="16">
        <v>0</v>
      </c>
    </row>
    <row r="127413" spans="1:7" x14ac:dyDescent="0.3">
      <c r="A127413" s="13" t="s">
        <v>586</v>
      </c>
      <c r="B127413" s="14" t="s">
        <v>1</v>
      </c>
      <c r="C127413" s="14" t="s">
        <v>546</v>
      </c>
      <c r="D127413" s="14" t="s">
        <v>94</v>
      </c>
      <c r="E127413" s="15">
        <v>45404</v>
      </c>
      <c r="F127413" s="14" t="s">
        <v>15</v>
      </c>
      <c r="G127413" s="16">
        <v>0</v>
      </c>
    </row>
    <row r="127414" spans="1:7" x14ac:dyDescent="0.3">
      <c r="A127414" s="13" t="s">
        <v>586</v>
      </c>
      <c r="B127414" s="14" t="s">
        <v>1</v>
      </c>
      <c r="C127414" s="14" t="s">
        <v>546</v>
      </c>
      <c r="D127414" s="14" t="s">
        <v>94</v>
      </c>
      <c r="E127414" s="15">
        <v>45405</v>
      </c>
      <c r="F127414" s="14" t="s">
        <v>15</v>
      </c>
      <c r="G127414" s="16">
        <v>3.5925142029639555E-4</v>
      </c>
    </row>
    <row r="127415" spans="1:7" x14ac:dyDescent="0.3">
      <c r="A127415" s="13" t="s">
        <v>586</v>
      </c>
      <c r="B127415" s="14" t="s">
        <v>1</v>
      </c>
      <c r="C127415" s="14" t="s">
        <v>546</v>
      </c>
      <c r="D127415" s="14" t="s">
        <v>94</v>
      </c>
      <c r="E127415" s="15">
        <v>45406</v>
      </c>
      <c r="F127415" s="14" t="s">
        <v>15</v>
      </c>
      <c r="G127415" s="16">
        <v>0</v>
      </c>
    </row>
    <row r="127416" spans="1:7" x14ac:dyDescent="0.3">
      <c r="A127416" s="13" t="s">
        <v>586</v>
      </c>
      <c r="B127416" s="14" t="s">
        <v>1</v>
      </c>
      <c r="C127416" s="14" t="s">
        <v>546</v>
      </c>
      <c r="D127416" s="14" t="s">
        <v>94</v>
      </c>
      <c r="E127416" s="15">
        <v>45407</v>
      </c>
      <c r="F127416" s="14" t="s">
        <v>15</v>
      </c>
      <c r="G127416" s="16">
        <v>0</v>
      </c>
    </row>
    <row r="127417" spans="1:7" x14ac:dyDescent="0.3">
      <c r="A127417" s="13" t="s">
        <v>586</v>
      </c>
      <c r="B127417" s="14" t="s">
        <v>1</v>
      </c>
      <c r="C127417" s="14" t="s">
        <v>546</v>
      </c>
      <c r="D127417" s="14" t="s">
        <v>94</v>
      </c>
      <c r="E127417" s="15">
        <v>45408</v>
      </c>
      <c r="F127417" s="14" t="s">
        <v>15</v>
      </c>
      <c r="G127417" s="16">
        <v>0</v>
      </c>
    </row>
    <row r="127418" spans="1:7" x14ac:dyDescent="0.3">
      <c r="A127418" s="13" t="s">
        <v>586</v>
      </c>
      <c r="B127418" s="14" t="s">
        <v>1</v>
      </c>
      <c r="C127418" s="14" t="s">
        <v>546</v>
      </c>
      <c r="D127418" s="14" t="s">
        <v>94</v>
      </c>
      <c r="E127418" s="15">
        <v>45409</v>
      </c>
      <c r="F127418" s="14" t="s">
        <v>15</v>
      </c>
      <c r="G127418" s="16">
        <v>0</v>
      </c>
    </row>
    <row r="127419" spans="1:7" x14ac:dyDescent="0.3">
      <c r="A127419" s="13" t="s">
        <v>586</v>
      </c>
      <c r="B127419" s="14" t="s">
        <v>1</v>
      </c>
      <c r="C127419" s="14" t="s">
        <v>546</v>
      </c>
      <c r="D127419" s="14" t="s">
        <v>94</v>
      </c>
      <c r="E127419" s="15">
        <v>45410</v>
      </c>
      <c r="F127419" s="14" t="s">
        <v>15</v>
      </c>
      <c r="G127419" s="16">
        <v>0</v>
      </c>
    </row>
    <row r="127420" spans="1:7" x14ac:dyDescent="0.3">
      <c r="A127420" s="13" t="s">
        <v>586</v>
      </c>
      <c r="B127420" s="14" t="s">
        <v>1</v>
      </c>
      <c r="C127420" s="14" t="s">
        <v>546</v>
      </c>
      <c r="D127420" s="14" t="s">
        <v>94</v>
      </c>
      <c r="E127420" s="15">
        <v>45411</v>
      </c>
      <c r="F127420" s="14" t="s">
        <v>15</v>
      </c>
      <c r="G127420" s="16">
        <v>0</v>
      </c>
    </row>
    <row r="127421" spans="1:7" x14ac:dyDescent="0.3">
      <c r="A127421" s="13" t="s">
        <v>586</v>
      </c>
      <c r="B127421" s="14" t="s">
        <v>1</v>
      </c>
      <c r="C127421" s="14" t="s">
        <v>546</v>
      </c>
      <c r="D127421" s="14" t="s">
        <v>94</v>
      </c>
      <c r="E127421" s="15">
        <v>45412</v>
      </c>
      <c r="F127421" s="14" t="s">
        <v>15</v>
      </c>
      <c r="G127421" s="16">
        <v>0</v>
      </c>
    </row>
    <row r="127422" spans="1:7" x14ac:dyDescent="0.3">
      <c r="A127422" s="13" t="s">
        <v>586</v>
      </c>
      <c r="B127422" s="14" t="s">
        <v>1</v>
      </c>
      <c r="C127422" s="14" t="s">
        <v>546</v>
      </c>
      <c r="D127422" s="14" t="s">
        <v>94</v>
      </c>
      <c r="E127422" s="15">
        <v>45413</v>
      </c>
      <c r="F127422" s="14" t="s">
        <v>15</v>
      </c>
      <c r="G127422" s="16">
        <v>0</v>
      </c>
    </row>
    <row r="127423" spans="1:7" x14ac:dyDescent="0.3">
      <c r="A127423" s="13" t="s">
        <v>586</v>
      </c>
      <c r="B127423" s="14" t="s">
        <v>1</v>
      </c>
      <c r="C127423" s="14" t="s">
        <v>546</v>
      </c>
      <c r="D127423" s="14" t="s">
        <v>94</v>
      </c>
      <c r="E127423" s="15">
        <v>45414</v>
      </c>
      <c r="F127423" s="14" t="s">
        <v>15</v>
      </c>
      <c r="G127423" s="16">
        <v>0</v>
      </c>
    </row>
    <row r="127424" spans="1:7" x14ac:dyDescent="0.3">
      <c r="A127424" s="13" t="s">
        <v>586</v>
      </c>
      <c r="B127424" s="14" t="s">
        <v>1</v>
      </c>
      <c r="C127424" s="14" t="s">
        <v>546</v>
      </c>
      <c r="D127424" s="14" t="s">
        <v>94</v>
      </c>
      <c r="E127424" s="15">
        <v>45415</v>
      </c>
      <c r="F127424" s="14" t="s">
        <v>15</v>
      </c>
      <c r="G127424" s="16">
        <v>0</v>
      </c>
    </row>
    <row r="127425" spans="1:7" x14ac:dyDescent="0.3">
      <c r="A127425" s="13" t="s">
        <v>586</v>
      </c>
      <c r="B127425" s="14" t="s">
        <v>1</v>
      </c>
      <c r="C127425" s="14" t="s">
        <v>546</v>
      </c>
      <c r="D127425" s="14" t="s">
        <v>94</v>
      </c>
      <c r="E127425" s="15">
        <v>45416</v>
      </c>
      <c r="F127425" s="14" t="s">
        <v>15</v>
      </c>
      <c r="G127425" s="16">
        <v>0</v>
      </c>
    </row>
    <row r="127426" spans="1:7" x14ac:dyDescent="0.3">
      <c r="A127426" s="13" t="s">
        <v>586</v>
      </c>
      <c r="B127426" s="14" t="s">
        <v>1</v>
      </c>
      <c r="C127426" s="14" t="s">
        <v>546</v>
      </c>
      <c r="D127426" s="14" t="s">
        <v>94</v>
      </c>
      <c r="E127426" s="15">
        <v>45417</v>
      </c>
      <c r="F127426" s="14" t="s">
        <v>15</v>
      </c>
      <c r="G127426" s="16">
        <v>0</v>
      </c>
    </row>
    <row r="127427" spans="1:7" x14ac:dyDescent="0.3">
      <c r="A127427" s="13" t="s">
        <v>586</v>
      </c>
      <c r="B127427" s="14" t="s">
        <v>1</v>
      </c>
      <c r="C127427" s="14" t="s">
        <v>546</v>
      </c>
      <c r="D127427" s="14" t="s">
        <v>94</v>
      </c>
      <c r="E127427" s="15">
        <v>45418</v>
      </c>
      <c r="F127427" s="14" t="s">
        <v>15</v>
      </c>
      <c r="G127427" s="16">
        <v>0</v>
      </c>
    </row>
    <row r="127428" spans="1:7" x14ac:dyDescent="0.3">
      <c r="A127428" s="13" t="s">
        <v>586</v>
      </c>
      <c r="B127428" s="14" t="s">
        <v>1</v>
      </c>
      <c r="C127428" s="14" t="s">
        <v>546</v>
      </c>
      <c r="D127428" s="14" t="s">
        <v>94</v>
      </c>
      <c r="E127428" s="15">
        <v>45419</v>
      </c>
      <c r="F127428" s="14" t="s">
        <v>15</v>
      </c>
      <c r="G127428" s="16">
        <v>1.7137313876202275E-2</v>
      </c>
    </row>
    <row r="127429" spans="1:7" x14ac:dyDescent="0.3">
      <c r="A127429" s="13" t="s">
        <v>586</v>
      </c>
      <c r="B127429" s="14" t="s">
        <v>1</v>
      </c>
      <c r="C127429" s="14" t="s">
        <v>546</v>
      </c>
      <c r="D127429" s="14" t="s">
        <v>94</v>
      </c>
      <c r="E127429" s="15">
        <v>45420</v>
      </c>
      <c r="F127429" s="14" t="s">
        <v>15</v>
      </c>
      <c r="G127429" s="16">
        <v>1.1770821729605422E-2</v>
      </c>
    </row>
    <row r="127430" spans="1:7" x14ac:dyDescent="0.3">
      <c r="A127430" s="13" t="s">
        <v>586</v>
      </c>
      <c r="B127430" s="14" t="s">
        <v>1</v>
      </c>
      <c r="C127430" s="14" t="s">
        <v>546</v>
      </c>
      <c r="D127430" s="14" t="s">
        <v>94</v>
      </c>
      <c r="E127430" s="15">
        <v>45421</v>
      </c>
      <c r="F127430" s="14" t="s">
        <v>15</v>
      </c>
      <c r="G127430" s="16">
        <v>1.0306895399354045E-2</v>
      </c>
    </row>
    <row r="127431" spans="1:7" x14ac:dyDescent="0.3">
      <c r="A127431" s="13" t="s">
        <v>586</v>
      </c>
      <c r="B127431" s="14" t="s">
        <v>1</v>
      </c>
      <c r="C127431" s="14" t="s">
        <v>546</v>
      </c>
      <c r="D127431" s="14" t="s">
        <v>94</v>
      </c>
      <c r="E127431" s="15">
        <v>45422</v>
      </c>
      <c r="F127431" s="14" t="s">
        <v>15</v>
      </c>
      <c r="G127431" s="16">
        <v>8.8609780550296668E-3</v>
      </c>
    </row>
    <row r="127432" spans="1:7" x14ac:dyDescent="0.3">
      <c r="A127432" s="13" t="s">
        <v>586</v>
      </c>
      <c r="B127432" s="14" t="s">
        <v>1</v>
      </c>
      <c r="C127432" s="14" t="s">
        <v>546</v>
      </c>
      <c r="D127432" s="14" t="s">
        <v>94</v>
      </c>
      <c r="E127432" s="15">
        <v>45423</v>
      </c>
      <c r="F127432" s="14" t="s">
        <v>15</v>
      </c>
      <c r="G127432" s="16">
        <v>8.8609780550296668E-3</v>
      </c>
    </row>
    <row r="127433" spans="1:7" x14ac:dyDescent="0.3">
      <c r="A127433" s="13" t="s">
        <v>586</v>
      </c>
      <c r="B127433" s="14" t="s">
        <v>1</v>
      </c>
      <c r="C127433" s="14" t="s">
        <v>546</v>
      </c>
      <c r="D127433" s="14" t="s">
        <v>94</v>
      </c>
      <c r="E127433" s="15">
        <v>45424</v>
      </c>
      <c r="F127433" s="14" t="s">
        <v>15</v>
      </c>
      <c r="G127433" s="16">
        <v>8.8609780550296668E-3</v>
      </c>
    </row>
    <row r="127434" spans="1:7" x14ac:dyDescent="0.3">
      <c r="A127434" s="13" t="s">
        <v>586</v>
      </c>
      <c r="B127434" s="14" t="s">
        <v>1</v>
      </c>
      <c r="C127434" s="14" t="s">
        <v>546</v>
      </c>
      <c r="D127434" s="14" t="s">
        <v>94</v>
      </c>
      <c r="E127434" s="15">
        <v>45425</v>
      </c>
      <c r="F127434" s="14" t="s">
        <v>15</v>
      </c>
      <c r="G127434" s="16">
        <v>7.3963090861833627E-3</v>
      </c>
    </row>
    <row r="127435" spans="1:7" x14ac:dyDescent="0.3">
      <c r="A127435" s="13" t="s">
        <v>586</v>
      </c>
      <c r="B127435" s="14" t="s">
        <v>1</v>
      </c>
      <c r="C127435" s="14" t="s">
        <v>546</v>
      </c>
      <c r="D127435" s="14" t="s">
        <v>94</v>
      </c>
      <c r="E127435" s="15">
        <v>45426</v>
      </c>
      <c r="F127435" s="14" t="s">
        <v>15</v>
      </c>
      <c r="G127435" s="16">
        <v>9.1836545245258007E-3</v>
      </c>
    </row>
    <row r="127436" spans="1:7" x14ac:dyDescent="0.3">
      <c r="A127436" s="13" t="s">
        <v>586</v>
      </c>
      <c r="B127436" s="14" t="s">
        <v>1</v>
      </c>
      <c r="C127436" s="14" t="s">
        <v>546</v>
      </c>
      <c r="D127436" s="14" t="s">
        <v>94</v>
      </c>
      <c r="E127436" s="15">
        <v>45427</v>
      </c>
      <c r="F127436" s="14" t="s">
        <v>15</v>
      </c>
      <c r="G127436" s="16">
        <v>9.1836545245258007E-3</v>
      </c>
    </row>
    <row r="127437" spans="1:7" x14ac:dyDescent="0.3">
      <c r="A127437" s="13" t="s">
        <v>586</v>
      </c>
      <c r="B127437" s="14" t="s">
        <v>1</v>
      </c>
      <c r="C127437" s="14" t="s">
        <v>546</v>
      </c>
      <c r="D127437" s="14" t="s">
        <v>94</v>
      </c>
      <c r="E127437" s="15">
        <v>45428</v>
      </c>
      <c r="F127437" s="14" t="s">
        <v>15</v>
      </c>
      <c r="G127437" s="16">
        <v>7.7048754223758686E-3</v>
      </c>
    </row>
    <row r="127438" spans="1:7" x14ac:dyDescent="0.3">
      <c r="A127438" s="13" t="s">
        <v>586</v>
      </c>
      <c r="B127438" s="14" t="s">
        <v>1</v>
      </c>
      <c r="C127438" s="14" t="s">
        <v>546</v>
      </c>
      <c r="D127438" s="14" t="s">
        <v>94</v>
      </c>
      <c r="E127438" s="15">
        <v>45429</v>
      </c>
      <c r="F127438" s="14" t="s">
        <v>15</v>
      </c>
      <c r="G127438" s="16">
        <v>3.8730273662322401E-2</v>
      </c>
    </row>
    <row r="127439" spans="1:7" x14ac:dyDescent="0.3">
      <c r="A127439" s="13" t="s">
        <v>586</v>
      </c>
      <c r="B127439" s="14" t="s">
        <v>1</v>
      </c>
      <c r="C127439" s="14" t="s">
        <v>546</v>
      </c>
      <c r="D127439" s="14" t="s">
        <v>94</v>
      </c>
      <c r="E127439" s="15">
        <v>45430</v>
      </c>
      <c r="F127439" s="14" t="s">
        <v>15</v>
      </c>
      <c r="G127439" s="16">
        <v>3.8730273662322401E-2</v>
      </c>
    </row>
    <row r="127440" spans="1:7" x14ac:dyDescent="0.3">
      <c r="A127440" s="13" t="s">
        <v>586</v>
      </c>
      <c r="B127440" s="14" t="s">
        <v>1</v>
      </c>
      <c r="C127440" s="14" t="s">
        <v>546</v>
      </c>
      <c r="D127440" s="14" t="s">
        <v>94</v>
      </c>
      <c r="E127440" s="15">
        <v>45431</v>
      </c>
      <c r="F127440" s="14" t="s">
        <v>15</v>
      </c>
      <c r="G127440" s="16">
        <v>3.8730273662322401E-2</v>
      </c>
    </row>
    <row r="127441" spans="1:7" x14ac:dyDescent="0.3">
      <c r="A127441" s="13" t="s">
        <v>586</v>
      </c>
      <c r="B127441" s="14" t="s">
        <v>1</v>
      </c>
      <c r="C127441" s="14" t="s">
        <v>546</v>
      </c>
      <c r="D127441" s="14" t="s">
        <v>94</v>
      </c>
      <c r="E127441" s="15">
        <v>45432</v>
      </c>
      <c r="F127441" s="14" t="s">
        <v>15</v>
      </c>
      <c r="G127441" s="16">
        <v>8.692677583454031E-2</v>
      </c>
    </row>
    <row r="127442" spans="1:7" x14ac:dyDescent="0.3">
      <c r="A127442" s="13" t="s">
        <v>586</v>
      </c>
      <c r="B127442" s="14" t="s">
        <v>1</v>
      </c>
      <c r="C127442" s="14" t="s">
        <v>546</v>
      </c>
      <c r="D127442" s="14" t="s">
        <v>94</v>
      </c>
      <c r="E127442" s="15">
        <v>45433</v>
      </c>
      <c r="F127442" s="14" t="s">
        <v>15</v>
      </c>
      <c r="G127442" s="16">
        <v>8.2396680405480857E-2</v>
      </c>
    </row>
    <row r="127443" spans="1:7" x14ac:dyDescent="0.3">
      <c r="A127443" s="13" t="s">
        <v>586</v>
      </c>
      <c r="B127443" s="14" t="s">
        <v>1</v>
      </c>
      <c r="C127443" s="14" t="s">
        <v>546</v>
      </c>
      <c r="D127443" s="14" t="s">
        <v>94</v>
      </c>
      <c r="E127443" s="15">
        <v>45434</v>
      </c>
      <c r="F127443" s="14" t="s">
        <v>15</v>
      </c>
      <c r="G127443" s="16">
        <v>9.3737700048271699E-2</v>
      </c>
    </row>
    <row r="127444" spans="1:7" x14ac:dyDescent="0.3">
      <c r="A127444" s="13" t="s">
        <v>586</v>
      </c>
      <c r="B127444" s="14" t="s">
        <v>1</v>
      </c>
      <c r="C127444" s="14" t="s">
        <v>546</v>
      </c>
      <c r="D127444" s="14" t="s">
        <v>94</v>
      </c>
      <c r="E127444" s="15">
        <v>45435</v>
      </c>
      <c r="F127444" s="14" t="s">
        <v>15</v>
      </c>
      <c r="G127444" s="16">
        <v>9.2243325535628293E-2</v>
      </c>
    </row>
    <row r="127445" spans="1:7" x14ac:dyDescent="0.3">
      <c r="A127445" s="13" t="s">
        <v>586</v>
      </c>
      <c r="B127445" s="14" t="s">
        <v>1</v>
      </c>
      <c r="C127445" s="14" t="s">
        <v>546</v>
      </c>
      <c r="D127445" s="14" t="s">
        <v>94</v>
      </c>
      <c r="E127445" s="15">
        <v>45436</v>
      </c>
      <c r="F127445" s="14" t="s">
        <v>15</v>
      </c>
      <c r="G127445" s="16">
        <v>9.0754520812446823E-2</v>
      </c>
    </row>
    <row r="127446" spans="1:7" x14ac:dyDescent="0.3">
      <c r="A127446" s="13" t="s">
        <v>586</v>
      </c>
      <c r="B127446" s="14" t="s">
        <v>1</v>
      </c>
      <c r="C127446" s="14" t="s">
        <v>546</v>
      </c>
      <c r="D127446" s="14" t="s">
        <v>94</v>
      </c>
      <c r="E127446" s="15">
        <v>45437</v>
      </c>
      <c r="F127446" s="14" t="s">
        <v>15</v>
      </c>
      <c r="G127446" s="16">
        <v>9.0754520812446823E-2</v>
      </c>
    </row>
    <row r="127447" spans="1:7" x14ac:dyDescent="0.3">
      <c r="A127447" s="13" t="s">
        <v>586</v>
      </c>
      <c r="B127447" s="14" t="s">
        <v>1</v>
      </c>
      <c r="C127447" s="14" t="s">
        <v>546</v>
      </c>
      <c r="D127447" s="14" t="s">
        <v>94</v>
      </c>
      <c r="E127447" s="15">
        <v>45438</v>
      </c>
      <c r="F127447" s="14" t="s">
        <v>15</v>
      </c>
      <c r="G127447" s="16">
        <v>9.0754520812446823E-2</v>
      </c>
    </row>
    <row r="127448" spans="1:7" x14ac:dyDescent="0.3">
      <c r="A127448" s="13" t="s">
        <v>586</v>
      </c>
      <c r="B127448" s="14" t="s">
        <v>1</v>
      </c>
      <c r="C127448" s="14" t="s">
        <v>546</v>
      </c>
      <c r="D127448" s="14" t="s">
        <v>94</v>
      </c>
      <c r="E127448" s="15">
        <v>45439</v>
      </c>
      <c r="F127448" s="14" t="s">
        <v>15</v>
      </c>
      <c r="G127448" s="16">
        <v>8.9284096394489837E-2</v>
      </c>
    </row>
    <row r="127449" spans="1:7" x14ac:dyDescent="0.3">
      <c r="A127449" s="13" t="s">
        <v>586</v>
      </c>
      <c r="B127449" s="14" t="s">
        <v>1</v>
      </c>
      <c r="C127449" s="14" t="s">
        <v>546</v>
      </c>
      <c r="D127449" s="14" t="s">
        <v>94</v>
      </c>
      <c r="E127449" s="15">
        <v>45440</v>
      </c>
      <c r="F127449" s="14" t="s">
        <v>15</v>
      </c>
      <c r="G127449" s="16">
        <v>0.10188147488024975</v>
      </c>
    </row>
    <row r="127450" spans="1:7" x14ac:dyDescent="0.3">
      <c r="A127450" s="13" t="s">
        <v>586</v>
      </c>
      <c r="B127450" s="14" t="s">
        <v>1</v>
      </c>
      <c r="C127450" s="14" t="s">
        <v>546</v>
      </c>
      <c r="D127450" s="14" t="s">
        <v>94</v>
      </c>
      <c r="E127450" s="15">
        <v>45441</v>
      </c>
      <c r="F127450" s="14" t="s">
        <v>15</v>
      </c>
      <c r="G127450" s="16">
        <v>0.10106642902231651</v>
      </c>
    </row>
    <row r="127451" spans="1:7" x14ac:dyDescent="0.3">
      <c r="A127451" s="13" t="s">
        <v>586</v>
      </c>
      <c r="B127451" s="14" t="s">
        <v>1</v>
      </c>
      <c r="C127451" s="14" t="s">
        <v>546</v>
      </c>
      <c r="D127451" s="14" t="s">
        <v>94</v>
      </c>
      <c r="E127451" s="15">
        <v>45442</v>
      </c>
      <c r="F127451" s="14" t="s">
        <v>15</v>
      </c>
      <c r="G127451" s="16">
        <v>9.9606587204337252E-2</v>
      </c>
    </row>
    <row r="127452" spans="1:7" x14ac:dyDescent="0.3">
      <c r="A127452" s="13" t="s">
        <v>586</v>
      </c>
      <c r="B127452" s="14" t="s">
        <v>1</v>
      </c>
      <c r="C127452" s="14" t="s">
        <v>546</v>
      </c>
      <c r="D127452" s="14" t="s">
        <v>94</v>
      </c>
      <c r="E127452" s="15">
        <v>45443</v>
      </c>
      <c r="F127452" s="14" t="s">
        <v>15</v>
      </c>
      <c r="G127452" s="16">
        <v>0.10232631539861152</v>
      </c>
    </row>
    <row r="127453" spans="1:7" x14ac:dyDescent="0.3">
      <c r="A127453" s="13" t="s">
        <v>586</v>
      </c>
      <c r="B127453" s="14" t="s">
        <v>1</v>
      </c>
      <c r="C127453" s="14" t="s">
        <v>546</v>
      </c>
      <c r="D127453" s="14" t="s">
        <v>94</v>
      </c>
      <c r="E127453" s="15">
        <v>45444</v>
      </c>
      <c r="F127453" s="14" t="s">
        <v>15</v>
      </c>
      <c r="G127453" s="16">
        <v>0.10232631539861152</v>
      </c>
    </row>
    <row r="127454" spans="1:7" x14ac:dyDescent="0.3">
      <c r="A127454" s="13" t="s">
        <v>586</v>
      </c>
      <c r="B127454" s="14" t="s">
        <v>1</v>
      </c>
      <c r="C127454" s="14" t="s">
        <v>546</v>
      </c>
      <c r="D127454" s="14" t="s">
        <v>94</v>
      </c>
      <c r="E127454" s="15">
        <v>45445</v>
      </c>
      <c r="F127454" s="14" t="s">
        <v>15</v>
      </c>
      <c r="G127454" s="16">
        <v>0.10232631539861152</v>
      </c>
    </row>
    <row r="127455" spans="1:7" x14ac:dyDescent="0.3">
      <c r="A127455" s="13" t="s">
        <v>586</v>
      </c>
      <c r="B127455" s="14" t="s">
        <v>1</v>
      </c>
      <c r="C127455" s="14" t="s">
        <v>546</v>
      </c>
      <c r="D127455" s="14" t="s">
        <v>94</v>
      </c>
      <c r="E127455" s="15">
        <v>45446</v>
      </c>
      <c r="F127455" s="14" t="s">
        <v>15</v>
      </c>
      <c r="G127455" s="16">
        <v>0.10232631539861152</v>
      </c>
    </row>
    <row r="127456" spans="1:7" x14ac:dyDescent="0.3">
      <c r="A127456" s="13" t="s">
        <v>586</v>
      </c>
      <c r="B127456" s="14" t="s">
        <v>1</v>
      </c>
      <c r="C127456" s="14" t="s">
        <v>546</v>
      </c>
      <c r="D127456" s="14" t="s">
        <v>94</v>
      </c>
      <c r="E127456" s="15">
        <v>45447</v>
      </c>
      <c r="F127456" s="14" t="s">
        <v>15</v>
      </c>
      <c r="G127456" s="16">
        <v>0.10470275890238041</v>
      </c>
    </row>
    <row r="127457" spans="1:7" x14ac:dyDescent="0.3">
      <c r="A127457" s="13" t="s">
        <v>586</v>
      </c>
      <c r="B127457" s="14" t="s">
        <v>1</v>
      </c>
      <c r="C127457" s="14" t="s">
        <v>546</v>
      </c>
      <c r="D127457" s="14" t="s">
        <v>94</v>
      </c>
      <c r="E127457" s="15">
        <v>45448</v>
      </c>
      <c r="F127457" s="14" t="s">
        <v>15</v>
      </c>
      <c r="G127457" s="16">
        <v>0.10262819798744967</v>
      </c>
    </row>
    <row r="127458" spans="1:7" x14ac:dyDescent="0.3">
      <c r="A127458" s="13" t="s">
        <v>586</v>
      </c>
      <c r="B127458" s="14" t="s">
        <v>1</v>
      </c>
      <c r="C127458" s="14" t="s">
        <v>546</v>
      </c>
      <c r="D127458" s="14" t="s">
        <v>94</v>
      </c>
      <c r="E127458" s="15">
        <v>45449</v>
      </c>
      <c r="F127458" s="14" t="s">
        <v>15</v>
      </c>
      <c r="G127458" s="16">
        <v>0.11165367049125569</v>
      </c>
    </row>
    <row r="127459" spans="1:7" x14ac:dyDescent="0.3">
      <c r="A127459" s="13" t="s">
        <v>586</v>
      </c>
      <c r="B127459" s="14" t="s">
        <v>1</v>
      </c>
      <c r="C127459" s="14" t="s">
        <v>546</v>
      </c>
      <c r="D127459" s="14" t="s">
        <v>94</v>
      </c>
      <c r="E127459" s="15">
        <v>45450</v>
      </c>
      <c r="F127459" s="14" t="s">
        <v>15</v>
      </c>
      <c r="G127459" s="16">
        <v>0.11187627641008531</v>
      </c>
    </row>
    <row r="127460" spans="1:7" x14ac:dyDescent="0.3">
      <c r="A127460" s="13" t="s">
        <v>586</v>
      </c>
      <c r="B127460" s="14" t="s">
        <v>1</v>
      </c>
      <c r="C127460" s="14" t="s">
        <v>546</v>
      </c>
      <c r="D127460" s="14" t="s">
        <v>94</v>
      </c>
      <c r="E127460" s="15">
        <v>45451</v>
      </c>
      <c r="F127460" s="14" t="s">
        <v>15</v>
      </c>
      <c r="G127460" s="16">
        <v>0.11187627641008531</v>
      </c>
    </row>
    <row r="127461" spans="1:7" x14ac:dyDescent="0.3">
      <c r="A127461" s="13" t="s">
        <v>586</v>
      </c>
      <c r="B127461" s="14" t="s">
        <v>1</v>
      </c>
      <c r="C127461" s="14" t="s">
        <v>546</v>
      </c>
      <c r="D127461" s="14" t="s">
        <v>94</v>
      </c>
      <c r="E127461" s="15">
        <v>45452</v>
      </c>
      <c r="F127461" s="14" t="s">
        <v>15</v>
      </c>
      <c r="G127461" s="16">
        <v>0.11187627641008531</v>
      </c>
    </row>
    <row r="127462" spans="1:7" x14ac:dyDescent="0.3">
      <c r="A127462" s="13" t="s">
        <v>586</v>
      </c>
      <c r="B127462" s="14" t="s">
        <v>1</v>
      </c>
      <c r="C127462" s="14" t="s">
        <v>546</v>
      </c>
      <c r="D127462" s="14" t="s">
        <v>94</v>
      </c>
      <c r="E127462" s="15">
        <v>45453</v>
      </c>
      <c r="F127462" s="14" t="s">
        <v>15</v>
      </c>
      <c r="G127462" s="16">
        <v>0.11187627641008531</v>
      </c>
    </row>
    <row r="127463" spans="1:7" x14ac:dyDescent="0.3">
      <c r="A127463" s="13" t="s">
        <v>586</v>
      </c>
      <c r="B127463" s="14" t="s">
        <v>1</v>
      </c>
      <c r="C127463" s="14" t="s">
        <v>546</v>
      </c>
      <c r="D127463" s="14" t="s">
        <v>94</v>
      </c>
      <c r="E127463" s="15">
        <v>45454</v>
      </c>
      <c r="F127463" s="14" t="s">
        <v>15</v>
      </c>
      <c r="G127463" s="16">
        <v>0.1657522928966621</v>
      </c>
    </row>
    <row r="127464" spans="1:7" x14ac:dyDescent="0.3">
      <c r="A127464" s="13" t="s">
        <v>586</v>
      </c>
      <c r="B127464" s="14" t="s">
        <v>1</v>
      </c>
      <c r="C127464" s="14" t="s">
        <v>546</v>
      </c>
      <c r="D127464" s="14" t="s">
        <v>94</v>
      </c>
      <c r="E127464" s="15">
        <v>45455</v>
      </c>
      <c r="F127464" s="14" t="s">
        <v>15</v>
      </c>
      <c r="G127464" s="16">
        <v>0.16000482715086731</v>
      </c>
    </row>
    <row r="127465" spans="1:7" x14ac:dyDescent="0.3">
      <c r="A127465" s="13" t="s">
        <v>586</v>
      </c>
      <c r="B127465" s="14" t="s">
        <v>1</v>
      </c>
      <c r="C127465" s="14" t="s">
        <v>546</v>
      </c>
      <c r="D127465" s="14" t="s">
        <v>94</v>
      </c>
      <c r="E127465" s="15">
        <v>45456</v>
      </c>
      <c r="F127465" s="14" t="s">
        <v>15</v>
      </c>
      <c r="G127465" s="16">
        <v>0.21407225873528676</v>
      </c>
    </row>
    <row r="127466" spans="1:7" x14ac:dyDescent="0.3">
      <c r="A127466" s="13" t="s">
        <v>586</v>
      </c>
      <c r="B127466" s="14" t="s">
        <v>1</v>
      </c>
      <c r="C127466" s="14" t="s">
        <v>546</v>
      </c>
      <c r="D127466" s="14" t="s">
        <v>94</v>
      </c>
      <c r="E127466" s="15">
        <v>45457</v>
      </c>
      <c r="F127466" s="14" t="s">
        <v>15</v>
      </c>
      <c r="G127466" s="16">
        <v>0.24708254427982651</v>
      </c>
    </row>
    <row r="127467" spans="1:7" x14ac:dyDescent="0.3">
      <c r="A127467" s="13" t="s">
        <v>586</v>
      </c>
      <c r="B127467" s="14" t="s">
        <v>1</v>
      </c>
      <c r="C127467" s="14" t="s">
        <v>546</v>
      </c>
      <c r="D127467" s="14" t="s">
        <v>94</v>
      </c>
      <c r="E127467" s="15">
        <v>45458</v>
      </c>
      <c r="F127467" s="14" t="s">
        <v>15</v>
      </c>
      <c r="G127467" s="16">
        <v>0.24708254427982651</v>
      </c>
    </row>
    <row r="127468" spans="1:7" x14ac:dyDescent="0.3">
      <c r="A127468" s="13" t="s">
        <v>586</v>
      </c>
      <c r="B127468" s="14" t="s">
        <v>1</v>
      </c>
      <c r="C127468" s="14" t="s">
        <v>546</v>
      </c>
      <c r="D127468" s="14" t="s">
        <v>94</v>
      </c>
      <c r="E127468" s="15">
        <v>45459</v>
      </c>
      <c r="F127468" s="14" t="s">
        <v>15</v>
      </c>
      <c r="G127468" s="16">
        <v>0.24708254427982651</v>
      </c>
    </row>
    <row r="127469" spans="1:7" x14ac:dyDescent="0.3">
      <c r="A127469" s="13" t="s">
        <v>586</v>
      </c>
      <c r="B127469" s="14" t="s">
        <v>1</v>
      </c>
      <c r="C127469" s="14" t="s">
        <v>546</v>
      </c>
      <c r="D127469" s="14" t="s">
        <v>94</v>
      </c>
      <c r="E127469" s="15">
        <v>45460</v>
      </c>
      <c r="F127469" s="14" t="s">
        <v>15</v>
      </c>
      <c r="G127469" s="16">
        <v>0.25955645909917968</v>
      </c>
    </row>
    <row r="127470" spans="1:7" x14ac:dyDescent="0.3">
      <c r="A127470" s="13" t="s">
        <v>586</v>
      </c>
      <c r="B127470" s="14" t="s">
        <v>1</v>
      </c>
      <c r="C127470" s="14" t="s">
        <v>546</v>
      </c>
      <c r="D127470" s="14" t="s">
        <v>94</v>
      </c>
      <c r="E127470" s="15">
        <v>45461</v>
      </c>
      <c r="F127470" s="14" t="s">
        <v>15</v>
      </c>
      <c r="G127470" s="16">
        <v>0.25529148564850945</v>
      </c>
    </row>
    <row r="127471" spans="1:7" x14ac:dyDescent="0.3">
      <c r="A127471" s="13" t="s">
        <v>586</v>
      </c>
      <c r="B127471" s="14" t="s">
        <v>1</v>
      </c>
      <c r="C127471" s="14" t="s">
        <v>546</v>
      </c>
      <c r="D127471" s="14" t="s">
        <v>94</v>
      </c>
      <c r="E127471" s="15">
        <v>45462</v>
      </c>
      <c r="F127471" s="14" t="s">
        <v>15</v>
      </c>
      <c r="G127471" s="16">
        <v>0.31026048048717125</v>
      </c>
    </row>
    <row r="127472" spans="1:7" x14ac:dyDescent="0.3">
      <c r="A127472" s="13" t="s">
        <v>586</v>
      </c>
      <c r="B127472" s="14" t="s">
        <v>1</v>
      </c>
      <c r="C127472" s="14" t="s">
        <v>546</v>
      </c>
      <c r="D127472" s="14" t="s">
        <v>94</v>
      </c>
      <c r="E127472" s="15">
        <v>45463</v>
      </c>
      <c r="F127472" s="14" t="s">
        <v>15</v>
      </c>
      <c r="G127472" s="16">
        <v>0.34495804091938692</v>
      </c>
    </row>
    <row r="127473" spans="1:7" x14ac:dyDescent="0.3">
      <c r="A127473" s="13" t="s">
        <v>586</v>
      </c>
      <c r="B127473" s="14" t="s">
        <v>1</v>
      </c>
      <c r="C127473" s="14" t="s">
        <v>546</v>
      </c>
      <c r="D127473" s="14" t="s">
        <v>94</v>
      </c>
      <c r="E127473" s="15">
        <v>45464</v>
      </c>
      <c r="F127473" s="14" t="s">
        <v>15</v>
      </c>
      <c r="G127473" s="16">
        <v>0.34351360885225241</v>
      </c>
    </row>
    <row r="127474" spans="1:7" x14ac:dyDescent="0.3">
      <c r="A127474" s="13" t="s">
        <v>586</v>
      </c>
      <c r="B127474" s="14" t="s">
        <v>1</v>
      </c>
      <c r="C127474" s="14" t="s">
        <v>546</v>
      </c>
      <c r="D127474" s="14" t="s">
        <v>94</v>
      </c>
      <c r="E127474" s="15">
        <v>45465</v>
      </c>
      <c r="F127474" s="14" t="s">
        <v>15</v>
      </c>
      <c r="G127474" s="16">
        <v>0.34351360885225241</v>
      </c>
    </row>
    <row r="127475" spans="1:7" x14ac:dyDescent="0.3">
      <c r="A127475" s="13" t="s">
        <v>586</v>
      </c>
      <c r="B127475" s="14" t="s">
        <v>1</v>
      </c>
      <c r="C127475" s="14" t="s">
        <v>546</v>
      </c>
      <c r="D127475" s="14" t="s">
        <v>94</v>
      </c>
      <c r="E127475" s="15">
        <v>45466</v>
      </c>
      <c r="F127475" s="14" t="s">
        <v>15</v>
      </c>
      <c r="G127475" s="16">
        <v>0.34351360885225241</v>
      </c>
    </row>
    <row r="127476" spans="1:7" x14ac:dyDescent="0.3">
      <c r="A127476" s="13" t="s">
        <v>586</v>
      </c>
      <c r="B127476" s="14" t="s">
        <v>1</v>
      </c>
      <c r="C127476" s="14" t="s">
        <v>546</v>
      </c>
      <c r="D127476" s="14" t="s">
        <v>94</v>
      </c>
      <c r="E127476" s="15">
        <v>45467</v>
      </c>
      <c r="F127476" s="14" t="s">
        <v>15</v>
      </c>
      <c r="G127476" s="16">
        <v>0.34207845976755452</v>
      </c>
    </row>
    <row r="127477" spans="1:7" x14ac:dyDescent="0.3">
      <c r="A127477" s="13" t="s">
        <v>586</v>
      </c>
      <c r="B127477" s="14" t="s">
        <v>1</v>
      </c>
      <c r="C127477" s="14" t="s">
        <v>546</v>
      </c>
      <c r="D127477" s="14" t="s">
        <v>94</v>
      </c>
      <c r="E127477" s="15">
        <v>45468</v>
      </c>
      <c r="F127477" s="14" t="s">
        <v>15</v>
      </c>
      <c r="G127477" s="16">
        <v>0.34774274999071741</v>
      </c>
    </row>
    <row r="127478" spans="1:7" x14ac:dyDescent="0.3">
      <c r="A127478" s="13" t="s">
        <v>586</v>
      </c>
      <c r="B127478" s="14" t="s">
        <v>1</v>
      </c>
      <c r="C127478" s="14" t="s">
        <v>546</v>
      </c>
      <c r="D127478" s="14" t="s">
        <v>94</v>
      </c>
      <c r="E127478" s="15">
        <v>45469</v>
      </c>
      <c r="F127478" s="14" t="s">
        <v>15</v>
      </c>
      <c r="G127478" s="16">
        <v>0.35056329137425313</v>
      </c>
    </row>
    <row r="127479" spans="1:7" x14ac:dyDescent="0.3">
      <c r="A127479" s="13" t="s">
        <v>586</v>
      </c>
      <c r="B127479" s="14" t="s">
        <v>1</v>
      </c>
      <c r="C127479" s="14" t="s">
        <v>546</v>
      </c>
      <c r="D127479" s="14" t="s">
        <v>94</v>
      </c>
      <c r="E127479" s="15">
        <v>45470</v>
      </c>
      <c r="F127479" s="14" t="s">
        <v>15</v>
      </c>
      <c r="G127479" s="16">
        <v>0.35358241551140379</v>
      </c>
    </row>
    <row r="127480" spans="1:7" x14ac:dyDescent="0.3">
      <c r="A127480" s="13" t="s">
        <v>586</v>
      </c>
      <c r="B127480" s="14" t="s">
        <v>1</v>
      </c>
      <c r="C127480" s="14" t="s">
        <v>546</v>
      </c>
      <c r="D127480" s="14" t="s">
        <v>94</v>
      </c>
      <c r="E127480" s="15">
        <v>45471</v>
      </c>
      <c r="F127480" s="14" t="s">
        <v>15</v>
      </c>
      <c r="G127480" s="16">
        <v>0.35438774160246034</v>
      </c>
    </row>
    <row r="127481" spans="1:7" x14ac:dyDescent="0.3">
      <c r="A127481" s="13" t="s">
        <v>586</v>
      </c>
      <c r="B127481" s="14" t="s">
        <v>1</v>
      </c>
      <c r="C127481" s="14" t="s">
        <v>546</v>
      </c>
      <c r="D127481" s="14" t="s">
        <v>94</v>
      </c>
      <c r="E127481" s="15">
        <v>45472</v>
      </c>
      <c r="F127481" s="14" t="s">
        <v>15</v>
      </c>
      <c r="G127481" s="16">
        <v>0.35438774160246034</v>
      </c>
    </row>
    <row r="127482" spans="1:7" x14ac:dyDescent="0.3">
      <c r="A127482" s="13" t="s">
        <v>586</v>
      </c>
      <c r="B127482" s="14" t="s">
        <v>1</v>
      </c>
      <c r="C127482" s="14" t="s">
        <v>546</v>
      </c>
      <c r="D127482" s="14" t="s">
        <v>94</v>
      </c>
      <c r="E127482" s="15">
        <v>45473</v>
      </c>
      <c r="F127482" s="14" t="s">
        <v>15</v>
      </c>
      <c r="G127482" s="16">
        <v>0.35438774160246034</v>
      </c>
    </row>
    <row r="127483" spans="1:7" x14ac:dyDescent="0.3">
      <c r="A127483" s="13" t="s">
        <v>586</v>
      </c>
      <c r="B127483" s="14" t="s">
        <v>1</v>
      </c>
      <c r="C127483" s="14" t="s">
        <v>546</v>
      </c>
      <c r="D127483" s="14" t="s">
        <v>94</v>
      </c>
      <c r="E127483" s="15">
        <v>45474</v>
      </c>
      <c r="F127483" s="14" t="s">
        <v>15</v>
      </c>
      <c r="G127483" s="16">
        <v>0.35438774160246034</v>
      </c>
    </row>
    <row r="127484" spans="1:7" x14ac:dyDescent="0.3">
      <c r="A127484" s="13" t="s">
        <v>586</v>
      </c>
      <c r="B127484" s="14" t="s">
        <v>1</v>
      </c>
      <c r="C127484" s="14" t="s">
        <v>546</v>
      </c>
      <c r="D127484" s="14" t="s">
        <v>94</v>
      </c>
      <c r="E127484" s="15">
        <v>45475</v>
      </c>
      <c r="F127484" s="14" t="s">
        <v>15</v>
      </c>
      <c r="G127484" s="16">
        <v>0.35401846092651451</v>
      </c>
    </row>
    <row r="127485" spans="1:7" x14ac:dyDescent="0.3">
      <c r="A127485" s="13" t="s">
        <v>586</v>
      </c>
      <c r="B127485" s="14" t="s">
        <v>1</v>
      </c>
      <c r="C127485" s="14" t="s">
        <v>546</v>
      </c>
      <c r="D127485" s="14" t="s">
        <v>94</v>
      </c>
      <c r="E127485" s="15">
        <v>45476</v>
      </c>
      <c r="F127485" s="14" t="s">
        <v>15</v>
      </c>
      <c r="G127485" s="16">
        <v>0.35200608870366362</v>
      </c>
    </row>
    <row r="127486" spans="1:7" x14ac:dyDescent="0.3">
      <c r="A127486" s="13" t="s">
        <v>586</v>
      </c>
      <c r="B127486" s="14" t="s">
        <v>1</v>
      </c>
      <c r="C127486" s="14" t="s">
        <v>546</v>
      </c>
      <c r="D127486" s="14" t="s">
        <v>94</v>
      </c>
      <c r="E127486" s="15">
        <v>45477</v>
      </c>
      <c r="F127486" s="14" t="s">
        <v>15</v>
      </c>
      <c r="G127486" s="16">
        <v>0.49548973700059701</v>
      </c>
    </row>
    <row r="127487" spans="1:7" x14ac:dyDescent="0.3">
      <c r="A127487" s="13" t="s">
        <v>586</v>
      </c>
      <c r="B127487" s="14" t="s">
        <v>1</v>
      </c>
      <c r="C127487" s="14" t="s">
        <v>546</v>
      </c>
      <c r="D127487" s="14" t="s">
        <v>94</v>
      </c>
      <c r="E127487" s="15">
        <v>45478</v>
      </c>
      <c r="F127487" s="14" t="s">
        <v>15</v>
      </c>
      <c r="G127487" s="16">
        <v>0.70607949219655342</v>
      </c>
    </row>
    <row r="127488" spans="1:7" x14ac:dyDescent="0.3">
      <c r="A127488" s="13" t="s">
        <v>586</v>
      </c>
      <c r="B127488" s="14" t="s">
        <v>1</v>
      </c>
      <c r="C127488" s="14" t="s">
        <v>546</v>
      </c>
      <c r="D127488" s="14" t="s">
        <v>94</v>
      </c>
      <c r="E127488" s="15">
        <v>45479</v>
      </c>
      <c r="F127488" s="14" t="s">
        <v>15</v>
      </c>
      <c r="G127488" s="16">
        <v>0.70607949219655342</v>
      </c>
    </row>
    <row r="127489" spans="1:7" x14ac:dyDescent="0.3">
      <c r="A127489" s="13" t="s">
        <v>586</v>
      </c>
      <c r="B127489" s="14" t="s">
        <v>1</v>
      </c>
      <c r="C127489" s="14" t="s">
        <v>546</v>
      </c>
      <c r="D127489" s="14" t="s">
        <v>94</v>
      </c>
      <c r="E127489" s="15">
        <v>45480</v>
      </c>
      <c r="F127489" s="14" t="s">
        <v>15</v>
      </c>
      <c r="G127489" s="16">
        <v>0.70607949219655342</v>
      </c>
    </row>
    <row r="127490" spans="1:7" x14ac:dyDescent="0.3">
      <c r="A127490" s="13" t="s">
        <v>586</v>
      </c>
      <c r="B127490" s="14" t="s">
        <v>1</v>
      </c>
      <c r="C127490" s="14" t="s">
        <v>546</v>
      </c>
      <c r="D127490" s="14" t="s">
        <v>94</v>
      </c>
      <c r="E127490" s="15">
        <v>45481</v>
      </c>
      <c r="F127490" s="14" t="s">
        <v>15</v>
      </c>
      <c r="G127490" s="16">
        <v>0.73206983582749907</v>
      </c>
    </row>
    <row r="127491" spans="1:7" x14ac:dyDescent="0.3">
      <c r="A127491" s="13" t="s">
        <v>586</v>
      </c>
      <c r="B127491" s="14" t="s">
        <v>1</v>
      </c>
      <c r="C127491" s="14" t="s">
        <v>546</v>
      </c>
      <c r="D127491" s="14" t="s">
        <v>94</v>
      </c>
      <c r="E127491" s="15">
        <v>45482</v>
      </c>
      <c r="F127491" s="14" t="s">
        <v>15</v>
      </c>
      <c r="G127491" s="16">
        <v>0.77372273462422503</v>
      </c>
    </row>
    <row r="127492" spans="1:7" x14ac:dyDescent="0.3">
      <c r="A127492" s="13" t="s">
        <v>586</v>
      </c>
      <c r="B127492" s="14" t="s">
        <v>1</v>
      </c>
      <c r="C127492" s="14" t="s">
        <v>546</v>
      </c>
      <c r="D127492" s="14" t="s">
        <v>94</v>
      </c>
      <c r="E127492" s="15">
        <v>45483</v>
      </c>
      <c r="F127492" s="14" t="s">
        <v>15</v>
      </c>
      <c r="G127492" s="16">
        <v>0.77232237251038549</v>
      </c>
    </row>
    <row r="127493" spans="1:7" x14ac:dyDescent="0.3">
      <c r="A127493" s="13" t="s">
        <v>586</v>
      </c>
      <c r="B127493" s="14" t="s">
        <v>1</v>
      </c>
      <c r="C127493" s="14" t="s">
        <v>546</v>
      </c>
      <c r="D127493" s="14" t="s">
        <v>94</v>
      </c>
      <c r="E127493" s="15">
        <v>45484</v>
      </c>
      <c r="F127493" s="14" t="s">
        <v>15</v>
      </c>
      <c r="G127493" s="16">
        <v>0.78158777177861372</v>
      </c>
    </row>
    <row r="127494" spans="1:7" x14ac:dyDescent="0.3">
      <c r="A127494" s="13" t="s">
        <v>586</v>
      </c>
      <c r="B127494" s="14" t="s">
        <v>1</v>
      </c>
      <c r="C127494" s="14" t="s">
        <v>546</v>
      </c>
      <c r="D127494" s="14" t="s">
        <v>94</v>
      </c>
      <c r="E127494" s="15">
        <v>45485</v>
      </c>
      <c r="F127494" s="14" t="s">
        <v>15</v>
      </c>
      <c r="G127494" s="16">
        <v>0.78619435018003192</v>
      </c>
    </row>
    <row r="127495" spans="1:7" x14ac:dyDescent="0.3">
      <c r="A127495" s="13" t="s">
        <v>586</v>
      </c>
      <c r="B127495" s="14" t="s">
        <v>1</v>
      </c>
      <c r="C127495" s="14" t="s">
        <v>546</v>
      </c>
      <c r="D127495" s="14" t="s">
        <v>94</v>
      </c>
      <c r="E127495" s="15">
        <v>45486</v>
      </c>
      <c r="F127495" s="14" t="s">
        <v>15</v>
      </c>
      <c r="G127495" s="16">
        <v>0.78619435018003192</v>
      </c>
    </row>
    <row r="127496" spans="1:7" x14ac:dyDescent="0.3">
      <c r="A127496" s="13" t="s">
        <v>586</v>
      </c>
      <c r="B127496" s="14" t="s">
        <v>1</v>
      </c>
      <c r="C127496" s="14" t="s">
        <v>546</v>
      </c>
      <c r="D127496" s="14" t="s">
        <v>94</v>
      </c>
      <c r="E127496" s="15">
        <v>45487</v>
      </c>
      <c r="F127496" s="14" t="s">
        <v>15</v>
      </c>
      <c r="G127496" s="16">
        <v>0.78619435018003192</v>
      </c>
    </row>
    <row r="127497" spans="1:7" x14ac:dyDescent="0.3">
      <c r="A127497" s="13" t="s">
        <v>586</v>
      </c>
      <c r="B127497" s="14" t="s">
        <v>1</v>
      </c>
      <c r="C127497" s="14" t="s">
        <v>546</v>
      </c>
      <c r="D127497" s="14" t="s">
        <v>94</v>
      </c>
      <c r="E127497" s="15">
        <v>45488</v>
      </c>
      <c r="F127497" s="14" t="s">
        <v>15</v>
      </c>
      <c r="G127497" s="16">
        <v>0.80496580353901503</v>
      </c>
    </row>
    <row r="127498" spans="1:7" x14ac:dyDescent="0.3">
      <c r="A127498" s="13" t="s">
        <v>586</v>
      </c>
      <c r="B127498" s="14" t="s">
        <v>1</v>
      </c>
      <c r="C127498" s="14" t="s">
        <v>546</v>
      </c>
      <c r="D127498" s="14" t="s">
        <v>94</v>
      </c>
      <c r="E127498" s="15">
        <v>45489</v>
      </c>
      <c r="F127498" s="14" t="s">
        <v>15</v>
      </c>
      <c r="G127498" s="16">
        <v>0.80061232762335743</v>
      </c>
    </row>
    <row r="127499" spans="1:7" x14ac:dyDescent="0.3">
      <c r="A127499" s="13" t="s">
        <v>586</v>
      </c>
      <c r="B127499" s="14" t="s">
        <v>1</v>
      </c>
      <c r="C127499" s="14" t="s">
        <v>546</v>
      </c>
      <c r="D127499" s="14" t="s">
        <v>94</v>
      </c>
      <c r="E127499" s="15">
        <v>45490</v>
      </c>
      <c r="F127499" s="14" t="s">
        <v>15</v>
      </c>
      <c r="G127499" s="16">
        <v>0.79917085050065362</v>
      </c>
    </row>
    <row r="127500" spans="1:7" x14ac:dyDescent="0.3">
      <c r="A127500" s="13" t="s">
        <v>586</v>
      </c>
      <c r="B127500" s="14" t="s">
        <v>1</v>
      </c>
      <c r="C127500" s="14" t="s">
        <v>546</v>
      </c>
      <c r="D127500" s="14" t="s">
        <v>94</v>
      </c>
      <c r="E127500" s="15">
        <v>45491</v>
      </c>
      <c r="F127500" s="14" t="s">
        <v>15</v>
      </c>
      <c r="G127500" s="16">
        <v>0.80134919156662621</v>
      </c>
    </row>
    <row r="127501" spans="1:7" x14ac:dyDescent="0.3">
      <c r="A127501" s="13" t="s">
        <v>586</v>
      </c>
      <c r="B127501" s="14" t="s">
        <v>1</v>
      </c>
      <c r="C127501" s="14" t="s">
        <v>546</v>
      </c>
      <c r="D127501" s="14" t="s">
        <v>94</v>
      </c>
      <c r="E127501" s="15">
        <v>45492</v>
      </c>
      <c r="F127501" s="14" t="s">
        <v>15</v>
      </c>
      <c r="G127501" s="16">
        <v>0.79992657453973171</v>
      </c>
    </row>
    <row r="127502" spans="1:7" x14ac:dyDescent="0.3">
      <c r="A127502" s="13" t="s">
        <v>586</v>
      </c>
      <c r="B127502" s="14" t="s">
        <v>1</v>
      </c>
      <c r="C127502" s="14" t="s">
        <v>546</v>
      </c>
      <c r="D127502" s="14" t="s">
        <v>94</v>
      </c>
      <c r="E127502" s="15">
        <v>45493</v>
      </c>
      <c r="F127502" s="14" t="s">
        <v>15</v>
      </c>
      <c r="G127502" s="16">
        <v>0.79992657453973171</v>
      </c>
    </row>
    <row r="127503" spans="1:7" x14ac:dyDescent="0.3">
      <c r="A127503" s="13" t="s">
        <v>586</v>
      </c>
      <c r="B127503" s="14" t="s">
        <v>1</v>
      </c>
      <c r="C127503" s="14" t="s">
        <v>546</v>
      </c>
      <c r="D127503" s="14" t="s">
        <v>94</v>
      </c>
      <c r="E127503" s="15">
        <v>45494</v>
      </c>
      <c r="F127503" s="14" t="s">
        <v>15</v>
      </c>
      <c r="G127503" s="16">
        <v>0.79992657453973171</v>
      </c>
    </row>
    <row r="127504" spans="1:7" x14ac:dyDescent="0.3">
      <c r="A127504" s="13" t="s">
        <v>586</v>
      </c>
      <c r="B127504" s="14" t="s">
        <v>1</v>
      </c>
      <c r="C127504" s="14" t="s">
        <v>546</v>
      </c>
      <c r="D127504" s="14" t="s">
        <v>94</v>
      </c>
      <c r="E127504" s="15">
        <v>45495</v>
      </c>
      <c r="F127504" s="14" t="s">
        <v>15</v>
      </c>
      <c r="G127504" s="16">
        <v>0.83313184782252003</v>
      </c>
    </row>
    <row r="127505" spans="1:7" x14ac:dyDescent="0.3">
      <c r="A127505" s="13" t="s">
        <v>586</v>
      </c>
      <c r="B127505" s="14" t="s">
        <v>1</v>
      </c>
      <c r="C127505" s="14" t="s">
        <v>546</v>
      </c>
      <c r="D127505" s="14" t="s">
        <v>94</v>
      </c>
      <c r="E127505" s="15">
        <v>45496</v>
      </c>
      <c r="F127505" s="14" t="s">
        <v>15</v>
      </c>
      <c r="G127505" s="16">
        <v>0.82891699361106053</v>
      </c>
    </row>
    <row r="127506" spans="1:7" x14ac:dyDescent="0.3">
      <c r="A127506" s="13" t="s">
        <v>586</v>
      </c>
      <c r="B127506" s="14" t="s">
        <v>1</v>
      </c>
      <c r="C127506" s="14" t="s">
        <v>546</v>
      </c>
      <c r="D127506" s="14" t="s">
        <v>94</v>
      </c>
      <c r="E127506" s="15">
        <v>45497</v>
      </c>
      <c r="F127506" s="14" t="s">
        <v>15</v>
      </c>
      <c r="G127506" s="16">
        <v>0.82750305222823828</v>
      </c>
    </row>
    <row r="127507" spans="1:7" x14ac:dyDescent="0.3">
      <c r="A127507" s="13" t="s">
        <v>586</v>
      </c>
      <c r="B127507" s="14" t="s">
        <v>1</v>
      </c>
      <c r="C127507" s="14" t="s">
        <v>546</v>
      </c>
      <c r="D127507" s="14" t="s">
        <v>94</v>
      </c>
      <c r="E127507" s="15">
        <v>45498</v>
      </c>
      <c r="F127507" s="14" t="s">
        <v>15</v>
      </c>
      <c r="G127507" s="16">
        <v>0.82611004555176437</v>
      </c>
    </row>
    <row r="127508" spans="1:7" x14ac:dyDescent="0.3">
      <c r="A127508" s="13" t="s">
        <v>586</v>
      </c>
      <c r="B127508" s="14" t="s">
        <v>1</v>
      </c>
      <c r="C127508" s="14" t="s">
        <v>546</v>
      </c>
      <c r="D127508" s="14" t="s">
        <v>94</v>
      </c>
      <c r="E127508" s="15">
        <v>45499</v>
      </c>
      <c r="F127508" s="14" t="s">
        <v>15</v>
      </c>
      <c r="G127508" s="16">
        <v>0.82472835493277596</v>
      </c>
    </row>
    <row r="127509" spans="1:7" x14ac:dyDescent="0.3">
      <c r="A127509" s="13" t="s">
        <v>586</v>
      </c>
      <c r="B127509" s="14" t="s">
        <v>1</v>
      </c>
      <c r="C127509" s="14" t="s">
        <v>546</v>
      </c>
      <c r="D127509" s="14" t="s">
        <v>94</v>
      </c>
      <c r="E127509" s="15">
        <v>45500</v>
      </c>
      <c r="F127509" s="14" t="s">
        <v>15</v>
      </c>
      <c r="G127509" s="16">
        <v>0.82472835493277596</v>
      </c>
    </row>
    <row r="127510" spans="1:7" x14ac:dyDescent="0.3">
      <c r="A127510" s="13" t="s">
        <v>586</v>
      </c>
      <c r="B127510" s="14" t="s">
        <v>1</v>
      </c>
      <c r="C127510" s="14" t="s">
        <v>546</v>
      </c>
      <c r="D127510" s="14" t="s">
        <v>94</v>
      </c>
      <c r="E127510" s="15">
        <v>45501</v>
      </c>
      <c r="F127510" s="14" t="s">
        <v>15</v>
      </c>
      <c r="G127510" s="16">
        <v>0.82472835493277596</v>
      </c>
    </row>
    <row r="127511" spans="1:7" x14ac:dyDescent="0.3">
      <c r="A127511" s="13" t="s">
        <v>586</v>
      </c>
      <c r="B127511" s="14" t="s">
        <v>1</v>
      </c>
      <c r="C127511" s="14" t="s">
        <v>546</v>
      </c>
      <c r="D127511" s="14" t="s">
        <v>94</v>
      </c>
      <c r="E127511" s="15">
        <v>45502</v>
      </c>
      <c r="F127511" s="14" t="s">
        <v>15</v>
      </c>
      <c r="G127511" s="16">
        <v>0.82336797622205216</v>
      </c>
    </row>
    <row r="127512" spans="1:7" x14ac:dyDescent="0.3">
      <c r="A127512" s="13" t="s">
        <v>586</v>
      </c>
      <c r="B127512" s="14" t="s">
        <v>1</v>
      </c>
      <c r="C127512" s="14" t="s">
        <v>546</v>
      </c>
      <c r="D127512" s="14" t="s">
        <v>94</v>
      </c>
      <c r="E127512" s="15">
        <v>45503</v>
      </c>
      <c r="F127512" s="14" t="s">
        <v>15</v>
      </c>
      <c r="G127512" s="16">
        <v>0.81928797169562917</v>
      </c>
    </row>
    <row r="127513" spans="1:7" x14ac:dyDescent="0.3">
      <c r="A127513" s="13" t="s">
        <v>586</v>
      </c>
      <c r="B127513" s="14" t="s">
        <v>1</v>
      </c>
      <c r="C127513" s="14" t="s">
        <v>546</v>
      </c>
      <c r="D127513" s="14" t="s">
        <v>94</v>
      </c>
      <c r="E127513" s="15">
        <v>45504</v>
      </c>
      <c r="F127513" s="14" t="s">
        <v>15</v>
      </c>
      <c r="G127513" s="16">
        <v>0.81816126957198243</v>
      </c>
    </row>
    <row r="127514" spans="1:7" x14ac:dyDescent="0.3">
      <c r="A127514" s="13" t="s">
        <v>586</v>
      </c>
      <c r="B127514" s="14" t="s">
        <v>1</v>
      </c>
      <c r="C127514" s="14" t="s">
        <v>546</v>
      </c>
      <c r="D127514" s="14" t="s">
        <v>94</v>
      </c>
      <c r="E127514" s="15">
        <v>45505</v>
      </c>
      <c r="F127514" s="14" t="s">
        <v>15</v>
      </c>
      <c r="G127514" s="16">
        <v>0.81681032090916328</v>
      </c>
    </row>
    <row r="127515" spans="1:7" x14ac:dyDescent="0.3">
      <c r="A127515" s="13" t="s">
        <v>586</v>
      </c>
      <c r="B127515" s="14" t="s">
        <v>1</v>
      </c>
      <c r="C127515" s="14" t="s">
        <v>546</v>
      </c>
      <c r="D127515" s="14" t="s">
        <v>94</v>
      </c>
      <c r="E127515" s="15">
        <v>45506</v>
      </c>
      <c r="F127515" s="14" t="s">
        <v>15</v>
      </c>
      <c r="G127515" s="16">
        <v>0.82470911763505061</v>
      </c>
    </row>
    <row r="127516" spans="1:7" x14ac:dyDescent="0.3">
      <c r="A127516" s="13" t="s">
        <v>586</v>
      </c>
      <c r="B127516" s="14" t="s">
        <v>1</v>
      </c>
      <c r="C127516" s="14" t="s">
        <v>546</v>
      </c>
      <c r="D127516" s="14" t="s">
        <v>94</v>
      </c>
      <c r="E127516" s="15">
        <v>45507</v>
      </c>
      <c r="F127516" s="14" t="s">
        <v>15</v>
      </c>
      <c r="G127516" s="16">
        <v>0.82470911763505061</v>
      </c>
    </row>
    <row r="127517" spans="1:7" x14ac:dyDescent="0.3">
      <c r="A127517" s="13" t="s">
        <v>586</v>
      </c>
      <c r="B127517" s="14" t="s">
        <v>1</v>
      </c>
      <c r="C127517" s="14" t="s">
        <v>546</v>
      </c>
      <c r="D127517" s="14" t="s">
        <v>94</v>
      </c>
      <c r="E127517" s="15">
        <v>45508</v>
      </c>
      <c r="F127517" s="14" t="s">
        <v>15</v>
      </c>
      <c r="G127517" s="16">
        <v>0.82470911763505061</v>
      </c>
    </row>
    <row r="127518" spans="1:7" x14ac:dyDescent="0.3">
      <c r="A127518" s="13" t="s">
        <v>586</v>
      </c>
      <c r="B127518" s="14" t="s">
        <v>1</v>
      </c>
      <c r="C127518" s="14" t="s">
        <v>546</v>
      </c>
      <c r="D127518" s="14" t="s">
        <v>94</v>
      </c>
      <c r="E127518" s="15">
        <v>45509</v>
      </c>
      <c r="F127518" s="14" t="s">
        <v>15</v>
      </c>
      <c r="G127518" s="16">
        <v>0.82470911763505061</v>
      </c>
    </row>
    <row r="127519" spans="1:7" x14ac:dyDescent="0.3">
      <c r="A127519" s="13" t="s">
        <v>586</v>
      </c>
      <c r="B127519" s="14" t="s">
        <v>1</v>
      </c>
      <c r="C127519" s="14" t="s">
        <v>546</v>
      </c>
      <c r="D127519" s="14" t="s">
        <v>94</v>
      </c>
      <c r="E127519" s="15">
        <v>45510</v>
      </c>
      <c r="F127519" s="14" t="s">
        <v>15</v>
      </c>
      <c r="G127519" s="16">
        <v>0.82333704566492494</v>
      </c>
    </row>
    <row r="127520" spans="1:7" x14ac:dyDescent="0.3">
      <c r="A127520" s="13" t="s">
        <v>586</v>
      </c>
      <c r="B127520" s="14" t="s">
        <v>1</v>
      </c>
      <c r="C127520" s="14" t="s">
        <v>546</v>
      </c>
      <c r="D127520" s="14" t="s">
        <v>94</v>
      </c>
      <c r="E127520" s="15">
        <v>45511</v>
      </c>
      <c r="F127520" s="14" t="s">
        <v>15</v>
      </c>
      <c r="G127520" s="16">
        <v>0.81793438261939677</v>
      </c>
    </row>
    <row r="127521" spans="1:7" x14ac:dyDescent="0.3">
      <c r="A127521" s="13" t="s">
        <v>586</v>
      </c>
      <c r="B127521" s="14" t="s">
        <v>1</v>
      </c>
      <c r="C127521" s="14" t="s">
        <v>546</v>
      </c>
      <c r="D127521" s="14" t="s">
        <v>94</v>
      </c>
      <c r="E127521" s="15">
        <v>45512</v>
      </c>
      <c r="F127521" s="14" t="s">
        <v>15</v>
      </c>
      <c r="G127521" s="16">
        <v>0.81659569301885349</v>
      </c>
    </row>
    <row r="127522" spans="1:7" x14ac:dyDescent="0.3">
      <c r="A127522" s="13" t="s">
        <v>586</v>
      </c>
      <c r="B127522" s="14" t="s">
        <v>1</v>
      </c>
      <c r="C127522" s="14" t="s">
        <v>546</v>
      </c>
      <c r="D127522" s="14" t="s">
        <v>94</v>
      </c>
      <c r="E127522" s="15">
        <v>45513</v>
      </c>
      <c r="F127522" s="14" t="s">
        <v>15</v>
      </c>
      <c r="G127522" s="16">
        <v>0.81524342414932771</v>
      </c>
    </row>
    <row r="127523" spans="1:7" x14ac:dyDescent="0.3">
      <c r="A127523" s="13" t="s">
        <v>586</v>
      </c>
      <c r="B127523" s="14" t="s">
        <v>1</v>
      </c>
      <c r="C127523" s="14" t="s">
        <v>546</v>
      </c>
      <c r="D127523" s="14" t="s">
        <v>94</v>
      </c>
      <c r="E127523" s="15">
        <v>45514</v>
      </c>
      <c r="F127523" s="14" t="s">
        <v>15</v>
      </c>
      <c r="G127523" s="16">
        <v>0.81524342414932771</v>
      </c>
    </row>
    <row r="127524" spans="1:7" x14ac:dyDescent="0.3">
      <c r="A127524" s="13" t="s">
        <v>586</v>
      </c>
      <c r="B127524" s="14" t="s">
        <v>1</v>
      </c>
      <c r="C127524" s="14" t="s">
        <v>546</v>
      </c>
      <c r="D127524" s="14" t="s">
        <v>94</v>
      </c>
      <c r="E127524" s="15">
        <v>45515</v>
      </c>
      <c r="F127524" s="14" t="s">
        <v>15</v>
      </c>
      <c r="G127524" s="16">
        <v>0.81524342414932771</v>
      </c>
    </row>
    <row r="127525" spans="1:7" x14ac:dyDescent="0.3">
      <c r="A127525" s="13" t="s">
        <v>586</v>
      </c>
      <c r="B127525" s="14" t="s">
        <v>1</v>
      </c>
      <c r="C127525" s="14" t="s">
        <v>546</v>
      </c>
      <c r="D127525" s="14" t="s">
        <v>94</v>
      </c>
      <c r="E127525" s="15">
        <v>45516</v>
      </c>
      <c r="F127525" s="14" t="s">
        <v>15</v>
      </c>
      <c r="G127525" s="16">
        <v>0.81388794906351425</v>
      </c>
    </row>
    <row r="127526" spans="1:7" x14ac:dyDescent="0.3">
      <c r="A127526" s="13" t="s">
        <v>586</v>
      </c>
      <c r="B127526" s="14" t="s">
        <v>1</v>
      </c>
      <c r="C127526" s="14" t="s">
        <v>546</v>
      </c>
      <c r="D127526" s="14" t="s">
        <v>94</v>
      </c>
      <c r="E127526" s="15">
        <v>45517</v>
      </c>
      <c r="F127526" s="14" t="s">
        <v>15</v>
      </c>
      <c r="G127526" s="16">
        <v>0.80978889584032387</v>
      </c>
    </row>
    <row r="127527" spans="1:7" x14ac:dyDescent="0.3">
      <c r="A127527" s="13" t="s">
        <v>586</v>
      </c>
      <c r="B127527" s="14" t="s">
        <v>1</v>
      </c>
      <c r="C127527" s="14" t="s">
        <v>546</v>
      </c>
      <c r="D127527" s="14" t="s">
        <v>94</v>
      </c>
      <c r="E127527" s="15">
        <v>45518</v>
      </c>
      <c r="F127527" s="14" t="s">
        <v>15</v>
      </c>
      <c r="G127527" s="16">
        <v>0.80893924852411547</v>
      </c>
    </row>
    <row r="127528" spans="1:7" x14ac:dyDescent="0.3">
      <c r="A127528" s="13" t="s">
        <v>586</v>
      </c>
      <c r="B127528" s="14" t="s">
        <v>1</v>
      </c>
      <c r="C127528" s="14" t="s">
        <v>546</v>
      </c>
      <c r="D127528" s="14" t="s">
        <v>94</v>
      </c>
      <c r="E127528" s="15">
        <v>45519</v>
      </c>
      <c r="F127528" s="14" t="s">
        <v>15</v>
      </c>
      <c r="G127528" s="16">
        <v>0.8075618957271633</v>
      </c>
    </row>
    <row r="127529" spans="1:7" x14ac:dyDescent="0.3">
      <c r="A127529" s="13" t="s">
        <v>586</v>
      </c>
      <c r="B127529" s="14" t="s">
        <v>1</v>
      </c>
      <c r="C127529" s="14" t="s">
        <v>546</v>
      </c>
      <c r="D127529" s="14" t="s">
        <v>94</v>
      </c>
      <c r="E127529" s="15">
        <v>45520</v>
      </c>
      <c r="F127529" s="14" t="s">
        <v>15</v>
      </c>
      <c r="G127529" s="16">
        <v>0.82226862123732891</v>
      </c>
    </row>
    <row r="127530" spans="1:7" x14ac:dyDescent="0.3">
      <c r="A127530" s="13" t="s">
        <v>586</v>
      </c>
      <c r="B127530" s="14" t="s">
        <v>1</v>
      </c>
      <c r="C127530" s="14" t="s">
        <v>546</v>
      </c>
      <c r="D127530" s="14" t="s">
        <v>94</v>
      </c>
      <c r="E127530" s="15">
        <v>45521</v>
      </c>
      <c r="F127530" s="14" t="s">
        <v>15</v>
      </c>
      <c r="G127530" s="16">
        <v>0.82226862123732891</v>
      </c>
    </row>
    <row r="127531" spans="1:7" x14ac:dyDescent="0.3">
      <c r="A127531" s="13" t="s">
        <v>586</v>
      </c>
      <c r="B127531" s="14" t="s">
        <v>1</v>
      </c>
      <c r="C127531" s="14" t="s">
        <v>546</v>
      </c>
      <c r="D127531" s="14" t="s">
        <v>94</v>
      </c>
      <c r="E127531" s="15">
        <v>45522</v>
      </c>
      <c r="F127531" s="14" t="s">
        <v>15</v>
      </c>
      <c r="G127531" s="16">
        <v>0.82226862123732891</v>
      </c>
    </row>
    <row r="127532" spans="1:7" x14ac:dyDescent="0.3">
      <c r="A127532" s="13" t="s">
        <v>586</v>
      </c>
      <c r="B127532" s="14" t="s">
        <v>1</v>
      </c>
      <c r="C127532" s="14" t="s">
        <v>546</v>
      </c>
      <c r="D127532" s="14" t="s">
        <v>94</v>
      </c>
      <c r="E127532" s="15">
        <v>45523</v>
      </c>
      <c r="F127532" s="14" t="s">
        <v>15</v>
      </c>
      <c r="G127532" s="16">
        <v>0.83214112698965803</v>
      </c>
    </row>
    <row r="127533" spans="1:7" x14ac:dyDescent="0.3">
      <c r="A127533" s="13" t="s">
        <v>586</v>
      </c>
      <c r="B127533" s="14" t="s">
        <v>1</v>
      </c>
      <c r="C127533" s="14" t="s">
        <v>546</v>
      </c>
      <c r="D127533" s="14" t="s">
        <v>94</v>
      </c>
      <c r="E127533" s="15">
        <v>45524</v>
      </c>
      <c r="F127533" s="14" t="s">
        <v>15</v>
      </c>
      <c r="G127533" s="16">
        <v>0.8280077483920949</v>
      </c>
    </row>
    <row r="127534" spans="1:7" x14ac:dyDescent="0.3">
      <c r="A127534" s="13" t="s">
        <v>586</v>
      </c>
      <c r="B127534" s="14" t="s">
        <v>1</v>
      </c>
      <c r="C127534" s="14" t="s">
        <v>546</v>
      </c>
      <c r="D127534" s="14" t="s">
        <v>94</v>
      </c>
      <c r="E127534" s="15">
        <v>45525</v>
      </c>
      <c r="F127534" s="14" t="s">
        <v>15</v>
      </c>
      <c r="G127534" s="16">
        <v>0.82660832928304584</v>
      </c>
    </row>
    <row r="127535" spans="1:7" x14ac:dyDescent="0.3">
      <c r="A127535" s="13" t="s">
        <v>586</v>
      </c>
      <c r="B127535" s="14" t="s">
        <v>1</v>
      </c>
      <c r="C127535" s="14" t="s">
        <v>546</v>
      </c>
      <c r="D127535" s="14" t="s">
        <v>94</v>
      </c>
      <c r="E127535" s="15">
        <v>45526</v>
      </c>
      <c r="F127535" s="14" t="s">
        <v>15</v>
      </c>
      <c r="G127535" s="16">
        <v>0.82522588426022503</v>
      </c>
    </row>
    <row r="127536" spans="1:7" x14ac:dyDescent="0.3">
      <c r="A127536" s="13" t="s">
        <v>586</v>
      </c>
      <c r="B127536" s="14" t="s">
        <v>1</v>
      </c>
      <c r="C127536" s="14" t="s">
        <v>546</v>
      </c>
      <c r="D127536" s="14" t="s">
        <v>94</v>
      </c>
      <c r="E127536" s="15">
        <v>45527</v>
      </c>
      <c r="F127536" s="14" t="s">
        <v>15</v>
      </c>
      <c r="G127536" s="16">
        <v>0.82384947446806323</v>
      </c>
    </row>
    <row r="127537" spans="1:7" x14ac:dyDescent="0.3">
      <c r="A127537" s="13" t="s">
        <v>586</v>
      </c>
      <c r="B127537" s="14" t="s">
        <v>1</v>
      </c>
      <c r="C127537" s="14" t="s">
        <v>546</v>
      </c>
      <c r="D127537" s="14" t="s">
        <v>94</v>
      </c>
      <c r="E127537" s="15">
        <v>45528</v>
      </c>
      <c r="F127537" s="14" t="s">
        <v>15</v>
      </c>
      <c r="G127537" s="16">
        <v>0.82384947446806323</v>
      </c>
    </row>
    <row r="127538" spans="1:7" x14ac:dyDescent="0.3">
      <c r="A127538" s="13" t="s">
        <v>586</v>
      </c>
      <c r="B127538" s="14" t="s">
        <v>1</v>
      </c>
      <c r="C127538" s="14" t="s">
        <v>546</v>
      </c>
      <c r="D127538" s="14" t="s">
        <v>94</v>
      </c>
      <c r="E127538" s="15">
        <v>45529</v>
      </c>
      <c r="F127538" s="14" t="s">
        <v>15</v>
      </c>
      <c r="G127538" s="16">
        <v>0.82384947446806323</v>
      </c>
    </row>
    <row r="127539" spans="1:7" x14ac:dyDescent="0.3">
      <c r="A127539" s="13" t="s">
        <v>586</v>
      </c>
      <c r="B127539" s="14" t="s">
        <v>1</v>
      </c>
      <c r="C127539" s="14" t="s">
        <v>546</v>
      </c>
      <c r="D127539" s="14" t="s">
        <v>94</v>
      </c>
      <c r="E127539" s="15">
        <v>45530</v>
      </c>
      <c r="F127539" s="14" t="s">
        <v>15</v>
      </c>
      <c r="G127539" s="16">
        <v>0.82246080561362556</v>
      </c>
    </row>
    <row r="127540" spans="1:7" x14ac:dyDescent="0.3">
      <c r="A127540" s="13" t="s">
        <v>586</v>
      </c>
      <c r="B127540" s="14" t="s">
        <v>1</v>
      </c>
      <c r="C127540" s="14" t="s">
        <v>546</v>
      </c>
      <c r="D127540" s="14" t="s">
        <v>94</v>
      </c>
      <c r="E127540" s="15">
        <v>45531</v>
      </c>
      <c r="F127540" s="14" t="s">
        <v>15</v>
      </c>
      <c r="G127540" s="16">
        <v>0.81830649230971397</v>
      </c>
    </row>
    <row r="127541" spans="1:7" x14ac:dyDescent="0.3">
      <c r="A127541" s="13" t="s">
        <v>586</v>
      </c>
      <c r="B127541" s="14" t="s">
        <v>1</v>
      </c>
      <c r="C127541" s="14" t="s">
        <v>546</v>
      </c>
      <c r="D127541" s="14" t="s">
        <v>94</v>
      </c>
      <c r="E127541" s="15">
        <v>45532</v>
      </c>
      <c r="F127541" s="14" t="s">
        <v>15</v>
      </c>
      <c r="G127541" s="16">
        <v>0.81762130502896258</v>
      </c>
    </row>
    <row r="127542" spans="1:7" x14ac:dyDescent="0.3">
      <c r="A127542" s="13" t="s">
        <v>586</v>
      </c>
      <c r="B127542" s="14" t="s">
        <v>1</v>
      </c>
      <c r="C127542" s="14" t="s">
        <v>546</v>
      </c>
      <c r="D127542" s="14" t="s">
        <v>94</v>
      </c>
      <c r="E127542" s="15">
        <v>45533</v>
      </c>
      <c r="F127542" s="14" t="s">
        <v>15</v>
      </c>
      <c r="G127542" s="16">
        <v>0.81625507968853783</v>
      </c>
    </row>
    <row r="127543" spans="1:7" x14ac:dyDescent="0.3">
      <c r="A127543" s="13" t="s">
        <v>586</v>
      </c>
      <c r="B127543" s="14" t="s">
        <v>1</v>
      </c>
      <c r="C127543" s="14" t="s">
        <v>546</v>
      </c>
      <c r="D127543" s="14" t="s">
        <v>94</v>
      </c>
      <c r="E127543" s="15">
        <v>45534</v>
      </c>
      <c r="F127543" s="14" t="s">
        <v>15</v>
      </c>
      <c r="G127543" s="16">
        <v>0.81489752999218534</v>
      </c>
    </row>
    <row r="127544" spans="1:7" x14ac:dyDescent="0.3">
      <c r="A127544" s="13" t="s">
        <v>586</v>
      </c>
      <c r="B127544" s="14" t="s">
        <v>1</v>
      </c>
      <c r="C127544" s="14" t="s">
        <v>546</v>
      </c>
      <c r="D127544" s="14" t="s">
        <v>94</v>
      </c>
      <c r="E127544" s="15">
        <v>45535</v>
      </c>
      <c r="F127544" s="14" t="s">
        <v>15</v>
      </c>
      <c r="G127544" s="16">
        <v>0.81489752999218534</v>
      </c>
    </row>
    <row r="127545" spans="1:7" x14ac:dyDescent="0.3">
      <c r="A127545" s="13" t="s">
        <v>586</v>
      </c>
      <c r="B127545" s="14" t="s">
        <v>1</v>
      </c>
      <c r="C127545" s="14" t="s">
        <v>546</v>
      </c>
      <c r="D127545" s="14" t="s">
        <v>94</v>
      </c>
      <c r="E127545" s="15">
        <v>45536</v>
      </c>
      <c r="F127545" s="14" t="s">
        <v>15</v>
      </c>
      <c r="G127545" s="16">
        <v>0.81489752999218534</v>
      </c>
    </row>
    <row r="127546" spans="1:7" x14ac:dyDescent="0.3">
      <c r="A127546" s="13" t="s">
        <v>586</v>
      </c>
      <c r="B127546" s="14" t="s">
        <v>1</v>
      </c>
      <c r="C127546" s="14" t="s">
        <v>546</v>
      </c>
      <c r="D127546" s="14" t="s">
        <v>94</v>
      </c>
      <c r="E127546" s="15">
        <v>45537</v>
      </c>
      <c r="F127546" s="14" t="s">
        <v>15</v>
      </c>
      <c r="G127546" s="16">
        <v>0.8135343222670901</v>
      </c>
    </row>
    <row r="127547" spans="1:7" x14ac:dyDescent="0.3">
      <c r="A127547" s="13" t="s">
        <v>586</v>
      </c>
      <c r="B127547" s="14" t="s">
        <v>1</v>
      </c>
      <c r="C127547" s="14" t="s">
        <v>546</v>
      </c>
      <c r="D127547" s="14" t="s">
        <v>94</v>
      </c>
      <c r="E127547" s="15">
        <v>45538</v>
      </c>
      <c r="F127547" s="14" t="s">
        <v>15</v>
      </c>
      <c r="G127547" s="16">
        <v>0.81213471455708297</v>
      </c>
    </row>
    <row r="127548" spans="1:7" x14ac:dyDescent="0.3">
      <c r="A127548" s="13" t="s">
        <v>586</v>
      </c>
      <c r="B127548" s="14" t="s">
        <v>1</v>
      </c>
      <c r="C127548" s="14" t="s">
        <v>546</v>
      </c>
      <c r="D127548" s="14" t="s">
        <v>94</v>
      </c>
      <c r="E127548" s="15">
        <v>45539</v>
      </c>
      <c r="F127548" s="14" t="s">
        <v>15</v>
      </c>
      <c r="G127548" s="16">
        <v>0.8107747130482752</v>
      </c>
    </row>
    <row r="127549" spans="1:7" x14ac:dyDescent="0.3">
      <c r="A127549" s="13" t="s">
        <v>586</v>
      </c>
      <c r="B127549" s="14" t="s">
        <v>1</v>
      </c>
      <c r="C127549" s="14" t="s">
        <v>546</v>
      </c>
      <c r="D127549" s="14" t="s">
        <v>94</v>
      </c>
      <c r="E127549" s="15">
        <v>45540</v>
      </c>
      <c r="F127549" s="14" t="s">
        <v>15</v>
      </c>
      <c r="G127549" s="16">
        <v>0.83175166601119621</v>
      </c>
    </row>
    <row r="127550" spans="1:7" x14ac:dyDescent="0.3">
      <c r="A127550" s="13" t="s">
        <v>586</v>
      </c>
      <c r="B127550" s="14" t="s">
        <v>1</v>
      </c>
      <c r="C127550" s="14" t="s">
        <v>546</v>
      </c>
      <c r="D127550" s="14" t="s">
        <v>94</v>
      </c>
      <c r="E127550" s="15">
        <v>45541</v>
      </c>
      <c r="F127550" s="14" t="s">
        <v>15</v>
      </c>
      <c r="G127550" s="16">
        <v>0.84029906143196498</v>
      </c>
    </row>
    <row r="127551" spans="1:7" x14ac:dyDescent="0.3">
      <c r="A127551" s="13" t="s">
        <v>586</v>
      </c>
      <c r="B127551" s="14" t="s">
        <v>1</v>
      </c>
      <c r="C127551" s="14" t="s">
        <v>546</v>
      </c>
      <c r="D127551" s="14" t="s">
        <v>94</v>
      </c>
      <c r="E127551" s="15">
        <v>45542</v>
      </c>
      <c r="F127551" s="14" t="s">
        <v>15</v>
      </c>
      <c r="G127551" s="16">
        <v>0.84029906143196498</v>
      </c>
    </row>
    <row r="127552" spans="1:7" x14ac:dyDescent="0.3">
      <c r="A127552" s="13" t="s">
        <v>586</v>
      </c>
      <c r="B127552" s="14" t="s">
        <v>1</v>
      </c>
      <c r="C127552" s="14" t="s">
        <v>546</v>
      </c>
      <c r="D127552" s="14" t="s">
        <v>94</v>
      </c>
      <c r="E127552" s="15">
        <v>45543</v>
      </c>
      <c r="F127552" s="14" t="s">
        <v>15</v>
      </c>
      <c r="G127552" s="16">
        <v>0.84029906143196498</v>
      </c>
    </row>
    <row r="127553" spans="1:7" x14ac:dyDescent="0.3">
      <c r="A127553" s="13" t="s">
        <v>586</v>
      </c>
      <c r="B127553" s="14" t="s">
        <v>1</v>
      </c>
      <c r="C127553" s="14" t="s">
        <v>546</v>
      </c>
      <c r="D127553" s="14" t="s">
        <v>94</v>
      </c>
      <c r="E127553" s="15">
        <v>45544</v>
      </c>
      <c r="F127553" s="14" t="s">
        <v>15</v>
      </c>
      <c r="G127553" s="16">
        <v>0.83895169618734944</v>
      </c>
    </row>
    <row r="127554" spans="1:7" x14ac:dyDescent="0.3">
      <c r="A127554" s="13" t="s">
        <v>586</v>
      </c>
      <c r="B127554" s="14" t="s">
        <v>1</v>
      </c>
      <c r="C127554" s="14" t="s">
        <v>546</v>
      </c>
      <c r="D127554" s="14" t="s">
        <v>94</v>
      </c>
      <c r="E127554" s="15">
        <v>45545</v>
      </c>
      <c r="F127554" s="14" t="s">
        <v>15</v>
      </c>
      <c r="G127554" s="16">
        <v>0.84713301714846001</v>
      </c>
    </row>
    <row r="127555" spans="1:7" x14ac:dyDescent="0.3">
      <c r="A127555" s="13" t="s">
        <v>586</v>
      </c>
      <c r="B127555" s="14" t="s">
        <v>1</v>
      </c>
      <c r="C127555" s="14" t="s">
        <v>546</v>
      </c>
      <c r="D127555" s="14" t="s">
        <v>94</v>
      </c>
      <c r="E127555" s="15">
        <v>45546</v>
      </c>
      <c r="F127555" s="14" t="s">
        <v>15</v>
      </c>
      <c r="G127555" s="16">
        <v>0.84580658661019281</v>
      </c>
    </row>
    <row r="127556" spans="1:7" x14ac:dyDescent="0.3">
      <c r="A127556" s="13" t="s">
        <v>586</v>
      </c>
      <c r="B127556" s="14" t="s">
        <v>1</v>
      </c>
      <c r="C127556" s="14" t="s">
        <v>546</v>
      </c>
      <c r="D127556" s="14" t="s">
        <v>94</v>
      </c>
      <c r="E127556" s="15">
        <v>45547</v>
      </c>
      <c r="F127556" s="14" t="s">
        <v>15</v>
      </c>
      <c r="G127556" s="16">
        <v>0.87730822743852821</v>
      </c>
    </row>
    <row r="127557" spans="1:7" x14ac:dyDescent="0.3">
      <c r="A127557" s="13" t="s">
        <v>586</v>
      </c>
      <c r="B127557" s="14" t="s">
        <v>1</v>
      </c>
      <c r="C127557" s="14" t="s">
        <v>546</v>
      </c>
      <c r="D127557" s="14" t="s">
        <v>94</v>
      </c>
      <c r="E127557" s="15">
        <v>45548</v>
      </c>
      <c r="F127557" s="14" t="s">
        <v>15</v>
      </c>
      <c r="G127557" s="16">
        <v>0.87597368705906298</v>
      </c>
    </row>
    <row r="127558" spans="1:7" x14ac:dyDescent="0.3">
      <c r="A127558" s="13" t="s">
        <v>586</v>
      </c>
      <c r="B127558" s="14" t="s">
        <v>1</v>
      </c>
      <c r="C127558" s="14" t="s">
        <v>546</v>
      </c>
      <c r="D127558" s="14" t="s">
        <v>94</v>
      </c>
      <c r="E127558" s="15">
        <v>45549</v>
      </c>
      <c r="F127558" s="14" t="s">
        <v>15</v>
      </c>
      <c r="G127558" s="16">
        <v>0.87597368705906298</v>
      </c>
    </row>
    <row r="127559" spans="1:7" x14ac:dyDescent="0.3">
      <c r="A127559" s="13" t="s">
        <v>586</v>
      </c>
      <c r="B127559" s="14" t="s">
        <v>1</v>
      </c>
      <c r="C127559" s="14" t="s">
        <v>546</v>
      </c>
      <c r="D127559" s="14" t="s">
        <v>94</v>
      </c>
      <c r="E127559" s="15">
        <v>45550</v>
      </c>
      <c r="F127559" s="14" t="s">
        <v>15</v>
      </c>
      <c r="G127559" s="16">
        <v>0.87597368705906298</v>
      </c>
    </row>
    <row r="127560" spans="1:7" x14ac:dyDescent="0.3">
      <c r="A127560" s="13" t="s">
        <v>586</v>
      </c>
      <c r="B127560" s="14" t="s">
        <v>1</v>
      </c>
      <c r="C127560" s="14" t="s">
        <v>546</v>
      </c>
      <c r="D127560" s="14" t="s">
        <v>94</v>
      </c>
      <c r="E127560" s="15">
        <v>45551</v>
      </c>
      <c r="F127560" s="14" t="s">
        <v>15</v>
      </c>
      <c r="G127560" s="16">
        <v>0.87597368705906298</v>
      </c>
    </row>
    <row r="127561" spans="1:7" x14ac:dyDescent="0.3">
      <c r="A127561" s="13" t="s">
        <v>586</v>
      </c>
      <c r="B127561" s="14" t="s">
        <v>1</v>
      </c>
      <c r="C127561" s="14" t="s">
        <v>546</v>
      </c>
      <c r="D127561" s="14" t="s">
        <v>94</v>
      </c>
      <c r="E127561" s="15">
        <v>45552</v>
      </c>
      <c r="F127561" s="14" t="s">
        <v>15</v>
      </c>
      <c r="G127561" s="16">
        <v>0.87597368705906298</v>
      </c>
    </row>
    <row r="127562" spans="1:7" x14ac:dyDescent="0.3">
      <c r="A127562" s="13" t="s">
        <v>586</v>
      </c>
      <c r="B127562" s="14" t="s">
        <v>1</v>
      </c>
      <c r="C127562" s="14" t="s">
        <v>546</v>
      </c>
      <c r="D127562" s="14" t="s">
        <v>94</v>
      </c>
      <c r="E127562" s="15">
        <v>45553</v>
      </c>
      <c r="F127562" s="14" t="s">
        <v>15</v>
      </c>
      <c r="G127562" s="16">
        <v>0.87597368705906298</v>
      </c>
    </row>
    <row r="127563" spans="1:7" x14ac:dyDescent="0.3">
      <c r="A127563" s="13" t="s">
        <v>586</v>
      </c>
      <c r="B127563" s="14" t="s">
        <v>1</v>
      </c>
      <c r="C127563" s="14" t="s">
        <v>546</v>
      </c>
      <c r="D127563" s="14" t="s">
        <v>94</v>
      </c>
      <c r="E127563" s="15">
        <v>45554</v>
      </c>
      <c r="F127563" s="14" t="s">
        <v>15</v>
      </c>
      <c r="G127563" s="16">
        <v>0.87463971248247208</v>
      </c>
    </row>
    <row r="127564" spans="1:7" x14ac:dyDescent="0.3">
      <c r="A127564" s="13" t="s">
        <v>586</v>
      </c>
      <c r="B127564" s="14" t="s">
        <v>1</v>
      </c>
      <c r="C127564" s="14" t="s">
        <v>546</v>
      </c>
      <c r="D127564" s="14" t="s">
        <v>94</v>
      </c>
      <c r="E127564" s="15">
        <v>45555</v>
      </c>
      <c r="F127564" s="14" t="s">
        <v>15</v>
      </c>
      <c r="G127564" s="16">
        <v>0.86653656529747536</v>
      </c>
    </row>
    <row r="127565" spans="1:7" x14ac:dyDescent="0.3">
      <c r="A127565" s="13" t="s">
        <v>586</v>
      </c>
      <c r="B127565" s="14" t="s">
        <v>1</v>
      </c>
      <c r="C127565" s="14" t="s">
        <v>546</v>
      </c>
      <c r="D127565" s="14" t="s">
        <v>94</v>
      </c>
      <c r="E127565" s="15">
        <v>45556</v>
      </c>
      <c r="F127565" s="14" t="s">
        <v>15</v>
      </c>
      <c r="G127565" s="16">
        <v>0.86653656529747536</v>
      </c>
    </row>
    <row r="127566" spans="1:7" x14ac:dyDescent="0.3">
      <c r="A127566" s="13" t="s">
        <v>586</v>
      </c>
      <c r="B127566" s="14" t="s">
        <v>1</v>
      </c>
      <c r="C127566" s="14" t="s">
        <v>546</v>
      </c>
      <c r="D127566" s="14" t="s">
        <v>94</v>
      </c>
      <c r="E127566" s="15">
        <v>45557</v>
      </c>
      <c r="F127566" s="14" t="s">
        <v>15</v>
      </c>
      <c r="G127566" s="16">
        <v>0.86653656529747536</v>
      </c>
    </row>
    <row r="127567" spans="1:7" x14ac:dyDescent="0.3">
      <c r="A127567" s="13" t="s">
        <v>586</v>
      </c>
      <c r="B127567" s="14" t="s">
        <v>1</v>
      </c>
      <c r="C127567" s="14" t="s">
        <v>546</v>
      </c>
      <c r="D127567" s="14" t="s">
        <v>94</v>
      </c>
      <c r="E127567" s="15">
        <v>45558</v>
      </c>
      <c r="F127567" s="14" t="s">
        <v>15</v>
      </c>
      <c r="G127567" s="16">
        <v>0.86516531895147486</v>
      </c>
    </row>
    <row r="127568" spans="1:7" x14ac:dyDescent="0.3">
      <c r="A127568" s="13" t="s">
        <v>586</v>
      </c>
      <c r="B127568" s="14" t="s">
        <v>1</v>
      </c>
      <c r="C127568" s="14" t="s">
        <v>546</v>
      </c>
      <c r="D127568" s="14" t="s">
        <v>94</v>
      </c>
      <c r="E127568" s="15">
        <v>45559</v>
      </c>
      <c r="F127568" s="14" t="s">
        <v>15</v>
      </c>
      <c r="G127568" s="16">
        <v>0.86101798210017844</v>
      </c>
    </row>
    <row r="127569" spans="1:7" x14ac:dyDescent="0.3">
      <c r="A127569" s="13" t="s">
        <v>586</v>
      </c>
      <c r="B127569" s="14" t="s">
        <v>1</v>
      </c>
      <c r="C127569" s="14" t="s">
        <v>546</v>
      </c>
      <c r="D127569" s="14" t="s">
        <v>94</v>
      </c>
      <c r="E127569" s="15">
        <v>45560</v>
      </c>
      <c r="F127569" s="14" t="s">
        <v>15</v>
      </c>
      <c r="G127569" s="16">
        <v>0.85963800411908442</v>
      </c>
    </row>
    <row r="127570" spans="1:7" x14ac:dyDescent="0.3">
      <c r="A127570" s="13" t="s">
        <v>586</v>
      </c>
      <c r="B127570" s="14" t="s">
        <v>1</v>
      </c>
      <c r="C127570" s="14" t="s">
        <v>546</v>
      </c>
      <c r="D127570" s="14" t="s">
        <v>94</v>
      </c>
      <c r="E127570" s="15">
        <v>45561</v>
      </c>
      <c r="F127570" s="14" t="s">
        <v>15</v>
      </c>
      <c r="G127570" s="16">
        <v>0.85819804360126051</v>
      </c>
    </row>
    <row r="127571" spans="1:7" x14ac:dyDescent="0.3">
      <c r="A127571" s="13" t="s">
        <v>586</v>
      </c>
      <c r="B127571" s="14" t="s">
        <v>1</v>
      </c>
      <c r="C127571" s="14" t="s">
        <v>546</v>
      </c>
      <c r="D127571" s="14" t="s">
        <v>94</v>
      </c>
      <c r="E127571" s="15">
        <v>45562</v>
      </c>
      <c r="F127571" s="14" t="s">
        <v>15</v>
      </c>
      <c r="G127571" s="16">
        <v>0.85853838755175593</v>
      </c>
    </row>
    <row r="127572" spans="1:7" x14ac:dyDescent="0.3">
      <c r="A127572" s="13" t="s">
        <v>586</v>
      </c>
      <c r="B127572" s="14" t="s">
        <v>1</v>
      </c>
      <c r="C127572" s="14" t="s">
        <v>546</v>
      </c>
      <c r="D127572" s="14" t="s">
        <v>94</v>
      </c>
      <c r="E127572" s="15">
        <v>45563</v>
      </c>
      <c r="F127572" s="14" t="s">
        <v>15</v>
      </c>
      <c r="G127572" s="16">
        <v>0.85853838755175593</v>
      </c>
    </row>
    <row r="127573" spans="1:7" x14ac:dyDescent="0.3">
      <c r="A127573" s="13" t="s">
        <v>586</v>
      </c>
      <c r="B127573" s="14" t="s">
        <v>1</v>
      </c>
      <c r="C127573" s="14" t="s">
        <v>546</v>
      </c>
      <c r="D127573" s="14" t="s">
        <v>94</v>
      </c>
      <c r="E127573" s="15">
        <v>45564</v>
      </c>
      <c r="F127573" s="14" t="s">
        <v>15</v>
      </c>
      <c r="G127573" s="16">
        <v>0.85853838755175593</v>
      </c>
    </row>
    <row r="127574" spans="1:7" x14ac:dyDescent="0.3">
      <c r="A127574" s="13" t="s">
        <v>586</v>
      </c>
      <c r="B127574" s="14" t="s">
        <v>1</v>
      </c>
      <c r="C127574" s="14" t="s">
        <v>546</v>
      </c>
      <c r="D127574" s="14" t="s">
        <v>94</v>
      </c>
      <c r="E127574" s="15">
        <v>45565</v>
      </c>
      <c r="F127574" s="14" t="s">
        <v>15</v>
      </c>
      <c r="G127574" s="16">
        <v>0.86023593130484044</v>
      </c>
    </row>
    <row r="127575" spans="1:7" x14ac:dyDescent="0.3">
      <c r="A127575" s="13" t="s">
        <v>586</v>
      </c>
      <c r="B127575" s="14" t="s">
        <v>1</v>
      </c>
      <c r="C127575" s="14" t="s">
        <v>546</v>
      </c>
      <c r="D127575" s="14" t="s">
        <v>94</v>
      </c>
      <c r="E127575" s="15">
        <v>45566</v>
      </c>
      <c r="F127575" s="14" t="s">
        <v>15</v>
      </c>
      <c r="G127575" s="16">
        <v>0.86023593130484044</v>
      </c>
    </row>
    <row r="127576" spans="1:7" x14ac:dyDescent="0.3">
      <c r="A127576" s="13" t="s">
        <v>586</v>
      </c>
      <c r="B127576" s="14" t="s">
        <v>1</v>
      </c>
      <c r="C127576" s="14" t="s">
        <v>546</v>
      </c>
      <c r="D127576" s="14" t="s">
        <v>94</v>
      </c>
      <c r="E127576" s="15">
        <v>45567</v>
      </c>
      <c r="F127576" s="14" t="s">
        <v>15</v>
      </c>
      <c r="G127576" s="16">
        <v>0.86023593130484044</v>
      </c>
    </row>
    <row r="127577" spans="1:7" x14ac:dyDescent="0.3">
      <c r="A127577" s="13" t="s">
        <v>586</v>
      </c>
      <c r="B127577" s="14" t="s">
        <v>1</v>
      </c>
      <c r="C127577" s="14" t="s">
        <v>546</v>
      </c>
      <c r="D127577" s="14" t="s">
        <v>94</v>
      </c>
      <c r="E127577" s="15">
        <v>45568</v>
      </c>
      <c r="F127577" s="14" t="s">
        <v>15</v>
      </c>
      <c r="G127577" s="16">
        <v>0.86023593130484044</v>
      </c>
    </row>
    <row r="127578" spans="1:7" x14ac:dyDescent="0.3">
      <c r="A127578" s="13" t="s">
        <v>586</v>
      </c>
      <c r="B127578" s="14" t="s">
        <v>1</v>
      </c>
      <c r="C127578" s="14" t="s">
        <v>546</v>
      </c>
      <c r="D127578" s="14" t="s">
        <v>94</v>
      </c>
      <c r="E127578" s="15">
        <v>45569</v>
      </c>
      <c r="F127578" s="14" t="s">
        <v>15</v>
      </c>
      <c r="G127578" s="16">
        <v>0.86023593130484044</v>
      </c>
    </row>
    <row r="127579" spans="1:7" x14ac:dyDescent="0.3">
      <c r="A127579" s="13" t="s">
        <v>586</v>
      </c>
      <c r="B127579" s="14" t="s">
        <v>1</v>
      </c>
      <c r="C127579" s="14" t="s">
        <v>546</v>
      </c>
      <c r="D127579" s="14" t="s">
        <v>94</v>
      </c>
      <c r="E127579" s="15">
        <v>45570</v>
      </c>
      <c r="F127579" s="14" t="s">
        <v>15</v>
      </c>
      <c r="G127579" s="16">
        <v>0.86023593130484044</v>
      </c>
    </row>
    <row r="127580" spans="1:7" x14ac:dyDescent="0.3">
      <c r="A127580" s="13" t="s">
        <v>586</v>
      </c>
      <c r="B127580" s="14" t="s">
        <v>1</v>
      </c>
      <c r="C127580" s="14" t="s">
        <v>546</v>
      </c>
      <c r="D127580" s="14" t="s">
        <v>94</v>
      </c>
      <c r="E127580" s="15">
        <v>45571</v>
      </c>
      <c r="F127580" s="14" t="s">
        <v>15</v>
      </c>
      <c r="G127580" s="16">
        <v>0.86023593130484044</v>
      </c>
    </row>
    <row r="127581" spans="1:7" x14ac:dyDescent="0.3">
      <c r="A127581" s="13" t="s">
        <v>586</v>
      </c>
      <c r="B127581" s="14" t="s">
        <v>1</v>
      </c>
      <c r="C127581" s="14" t="s">
        <v>546</v>
      </c>
      <c r="D127581" s="14" t="s">
        <v>94</v>
      </c>
      <c r="E127581" s="15">
        <v>45572</v>
      </c>
      <c r="F127581" s="14" t="s">
        <v>15</v>
      </c>
      <c r="G127581" s="16">
        <v>0.86023593130484044</v>
      </c>
    </row>
    <row r="127582" spans="1:7" x14ac:dyDescent="0.3">
      <c r="A127582" s="13" t="s">
        <v>586</v>
      </c>
      <c r="B127582" s="14" t="s">
        <v>1</v>
      </c>
      <c r="C127582" s="14" t="s">
        <v>546</v>
      </c>
      <c r="D127582" s="14" t="s">
        <v>94</v>
      </c>
      <c r="E127582" s="15">
        <v>45573</v>
      </c>
      <c r="F127582" s="14" t="s">
        <v>15</v>
      </c>
      <c r="G127582" s="16">
        <v>0.86203730558827696</v>
      </c>
    </row>
    <row r="127583" spans="1:7" x14ac:dyDescent="0.3">
      <c r="A127583" s="13" t="s">
        <v>586</v>
      </c>
      <c r="B127583" s="14" t="s">
        <v>1</v>
      </c>
      <c r="C127583" s="14" t="s">
        <v>546</v>
      </c>
      <c r="D127583" s="14" t="s">
        <v>94</v>
      </c>
      <c r="E127583" s="15">
        <v>45574</v>
      </c>
      <c r="F127583" s="14" t="s">
        <v>15</v>
      </c>
      <c r="G127583" s="16">
        <v>0.85212291357582493</v>
      </c>
    </row>
    <row r="127584" spans="1:7" x14ac:dyDescent="0.3">
      <c r="A127584" s="13" t="s">
        <v>586</v>
      </c>
      <c r="B127584" s="14" t="s">
        <v>1</v>
      </c>
      <c r="C127584" s="14" t="s">
        <v>546</v>
      </c>
      <c r="D127584" s="14" t="s">
        <v>94</v>
      </c>
      <c r="E127584" s="15">
        <v>45575</v>
      </c>
      <c r="F127584" s="14" t="s">
        <v>15</v>
      </c>
      <c r="G127584" s="16">
        <v>0.8560202599180291</v>
      </c>
    </row>
    <row r="127585" spans="1:7" x14ac:dyDescent="0.3">
      <c r="A127585" s="13" t="s">
        <v>586</v>
      </c>
      <c r="B127585" s="14" t="s">
        <v>1</v>
      </c>
      <c r="C127585" s="14" t="s">
        <v>546</v>
      </c>
      <c r="D127585" s="14" t="s">
        <v>94</v>
      </c>
      <c r="E127585" s="15">
        <v>45576</v>
      </c>
      <c r="F127585" s="14" t="s">
        <v>15</v>
      </c>
      <c r="G127585" s="16">
        <v>0.8560202599180291</v>
      </c>
    </row>
    <row r="127586" spans="1:7" x14ac:dyDescent="0.3">
      <c r="A127586" s="13" t="s">
        <v>586</v>
      </c>
      <c r="B127586" s="14" t="s">
        <v>1</v>
      </c>
      <c r="C127586" s="14" t="s">
        <v>546</v>
      </c>
      <c r="D127586" s="14" t="s">
        <v>94</v>
      </c>
      <c r="E127586" s="15">
        <v>45577</v>
      </c>
      <c r="F127586" s="14" t="s">
        <v>15</v>
      </c>
      <c r="G127586" s="16">
        <v>0.8560202599180291</v>
      </c>
    </row>
    <row r="127587" spans="1:7" x14ac:dyDescent="0.3">
      <c r="A127587" s="13" t="s">
        <v>586</v>
      </c>
      <c r="B127587" s="14" t="s">
        <v>1</v>
      </c>
      <c r="C127587" s="14" t="s">
        <v>546</v>
      </c>
      <c r="D127587" s="14" t="s">
        <v>94</v>
      </c>
      <c r="E127587" s="15">
        <v>45578</v>
      </c>
      <c r="F127587" s="14" t="s">
        <v>15</v>
      </c>
      <c r="G127587" s="16">
        <v>0.8560202599180291</v>
      </c>
    </row>
    <row r="127588" spans="1:7" x14ac:dyDescent="0.3">
      <c r="A127588" s="13" t="s">
        <v>586</v>
      </c>
      <c r="B127588" s="14" t="s">
        <v>1</v>
      </c>
      <c r="C127588" s="14" t="s">
        <v>546</v>
      </c>
      <c r="D127588" s="14" t="s">
        <v>94</v>
      </c>
      <c r="E127588" s="15">
        <v>45579</v>
      </c>
      <c r="F127588" s="14" t="s">
        <v>15</v>
      </c>
      <c r="G127588" s="16">
        <v>0.85436048997763192</v>
      </c>
    </row>
    <row r="127589" spans="1:7" x14ac:dyDescent="0.3">
      <c r="A127589" s="13" t="s">
        <v>586</v>
      </c>
      <c r="B127589" s="14" t="s">
        <v>1</v>
      </c>
      <c r="C127589" s="14" t="s">
        <v>546</v>
      </c>
      <c r="D127589" s="14" t="s">
        <v>94</v>
      </c>
      <c r="E127589" s="15">
        <v>45580</v>
      </c>
      <c r="F127589" s="14" t="s">
        <v>15</v>
      </c>
      <c r="G127589" s="16">
        <v>0.84763732077372922</v>
      </c>
    </row>
    <row r="127590" spans="1:7" x14ac:dyDescent="0.3">
      <c r="A127590" s="13" t="s">
        <v>586</v>
      </c>
      <c r="B127590" s="14" t="s">
        <v>1</v>
      </c>
      <c r="C127590" s="14" t="s">
        <v>546</v>
      </c>
      <c r="D127590" s="14" t="s">
        <v>94</v>
      </c>
      <c r="E127590" s="15">
        <v>45581</v>
      </c>
      <c r="F127590" s="14" t="s">
        <v>15</v>
      </c>
      <c r="G127590" s="16">
        <v>0.84596900901639283</v>
      </c>
    </row>
    <row r="127591" spans="1:7" x14ac:dyDescent="0.3">
      <c r="A127591" s="13" t="s">
        <v>586</v>
      </c>
      <c r="B127591" s="14" t="s">
        <v>1</v>
      </c>
      <c r="C127591" s="14" t="s">
        <v>546</v>
      </c>
      <c r="D127591" s="14" t="s">
        <v>94</v>
      </c>
      <c r="E127591" s="15">
        <v>45582</v>
      </c>
      <c r="F127591" s="14" t="s">
        <v>15</v>
      </c>
      <c r="G127591" s="16">
        <v>0.84436352706809925</v>
      </c>
    </row>
    <row r="127592" spans="1:7" x14ac:dyDescent="0.3">
      <c r="A127592" s="13" t="s">
        <v>586</v>
      </c>
      <c r="B127592" s="14" t="s">
        <v>1</v>
      </c>
      <c r="C127592" s="14" t="s">
        <v>546</v>
      </c>
      <c r="D127592" s="14" t="s">
        <v>94</v>
      </c>
      <c r="E127592" s="15">
        <v>45583</v>
      </c>
      <c r="F127592" s="14" t="s">
        <v>15</v>
      </c>
      <c r="G127592" s="16">
        <v>0.84277968438938533</v>
      </c>
    </row>
    <row r="127593" spans="1:7" x14ac:dyDescent="0.3">
      <c r="A127593" s="13" t="s">
        <v>586</v>
      </c>
      <c r="B127593" s="14" t="s">
        <v>1</v>
      </c>
      <c r="C127593" s="14" t="s">
        <v>546</v>
      </c>
      <c r="D127593" s="14" t="s">
        <v>94</v>
      </c>
      <c r="E127593" s="15">
        <v>45584</v>
      </c>
      <c r="F127593" s="14" t="s">
        <v>15</v>
      </c>
      <c r="G127593" s="16">
        <v>0.84277968438938533</v>
      </c>
    </row>
    <row r="127594" spans="1:7" x14ac:dyDescent="0.3">
      <c r="A127594" s="13" t="s">
        <v>586</v>
      </c>
      <c r="B127594" s="14" t="s">
        <v>1</v>
      </c>
      <c r="C127594" s="14" t="s">
        <v>546</v>
      </c>
      <c r="D127594" s="14" t="s">
        <v>94</v>
      </c>
      <c r="E127594" s="15">
        <v>45585</v>
      </c>
      <c r="F127594" s="14" t="s">
        <v>15</v>
      </c>
      <c r="G127594" s="16">
        <v>0.84277968438938533</v>
      </c>
    </row>
    <row r="127595" spans="1:7" x14ac:dyDescent="0.3">
      <c r="A127595" s="13" t="s">
        <v>586</v>
      </c>
      <c r="B127595" s="14" t="s">
        <v>1</v>
      </c>
      <c r="C127595" s="14" t="s">
        <v>546</v>
      </c>
      <c r="D127595" s="14" t="s">
        <v>94</v>
      </c>
      <c r="E127595" s="15">
        <v>45586</v>
      </c>
      <c r="F127595" s="14" t="s">
        <v>15</v>
      </c>
      <c r="G127595" s="16">
        <v>0.85670531363656655</v>
      </c>
    </row>
    <row r="127596" spans="1:7" x14ac:dyDescent="0.3">
      <c r="A127596" s="13" t="s">
        <v>586</v>
      </c>
      <c r="B127596" s="14" t="s">
        <v>1</v>
      </c>
      <c r="C127596" s="14" t="s">
        <v>546</v>
      </c>
      <c r="D127596" s="14" t="s">
        <v>94</v>
      </c>
      <c r="E127596" s="15">
        <v>45587</v>
      </c>
      <c r="F127596" s="14" t="s">
        <v>15</v>
      </c>
      <c r="G127596" s="16">
        <v>0.8518061070764511</v>
      </c>
    </row>
    <row r="127597" spans="1:7" x14ac:dyDescent="0.3">
      <c r="A127597" s="13" t="s">
        <v>586</v>
      </c>
      <c r="B127597" s="14" t="s">
        <v>1</v>
      </c>
      <c r="C127597" s="14" t="s">
        <v>546</v>
      </c>
      <c r="D127597" s="14" t="s">
        <v>94</v>
      </c>
      <c r="E127597" s="15">
        <v>45588</v>
      </c>
      <c r="F127597" s="14" t="s">
        <v>15</v>
      </c>
      <c r="G127597" s="16">
        <v>0.85018449058504986</v>
      </c>
    </row>
    <row r="127598" spans="1:7" x14ac:dyDescent="0.3">
      <c r="A127598" s="13" t="s">
        <v>586</v>
      </c>
      <c r="B127598" s="14" t="s">
        <v>1</v>
      </c>
      <c r="C127598" s="14" t="s">
        <v>546</v>
      </c>
      <c r="D127598" s="14" t="s">
        <v>94</v>
      </c>
      <c r="E127598" s="15">
        <v>45589</v>
      </c>
      <c r="F127598" s="14" t="s">
        <v>15</v>
      </c>
      <c r="G127598" s="16">
        <v>0.85046731963482025</v>
      </c>
    </row>
    <row r="127599" spans="1:7" x14ac:dyDescent="0.3">
      <c r="A127599" s="13" t="s">
        <v>586</v>
      </c>
      <c r="B127599" s="14" t="s">
        <v>1</v>
      </c>
      <c r="C127599" s="14" t="s">
        <v>546</v>
      </c>
      <c r="D127599" s="14" t="s">
        <v>94</v>
      </c>
      <c r="E127599" s="15">
        <v>45590</v>
      </c>
      <c r="F127599" s="14" t="s">
        <v>15</v>
      </c>
      <c r="G127599" s="16">
        <v>0.84883089732739081</v>
      </c>
    </row>
    <row r="127600" spans="1:7" x14ac:dyDescent="0.3">
      <c r="A127600" s="13" t="s">
        <v>586</v>
      </c>
      <c r="B127600" s="14" t="s">
        <v>1</v>
      </c>
      <c r="C127600" s="14" t="s">
        <v>546</v>
      </c>
      <c r="D127600" s="14" t="s">
        <v>94</v>
      </c>
      <c r="E127600" s="15">
        <v>45591</v>
      </c>
      <c r="F127600" s="14" t="s">
        <v>15</v>
      </c>
      <c r="G127600" s="16">
        <v>0.84883089732739081</v>
      </c>
    </row>
    <row r="127601" spans="1:7" x14ac:dyDescent="0.3">
      <c r="A127601" s="13" t="s">
        <v>586</v>
      </c>
      <c r="B127601" s="14" t="s">
        <v>1</v>
      </c>
      <c r="C127601" s="14" t="s">
        <v>546</v>
      </c>
      <c r="D127601" s="14" t="s">
        <v>94</v>
      </c>
      <c r="E127601" s="15">
        <v>45592</v>
      </c>
      <c r="F127601" s="14" t="s">
        <v>15</v>
      </c>
      <c r="G127601" s="16">
        <v>0.84883089732739081</v>
      </c>
    </row>
    <row r="127602" spans="1:7" x14ac:dyDescent="0.3">
      <c r="A127602" s="13" t="s">
        <v>586</v>
      </c>
      <c r="B127602" s="14" t="s">
        <v>1</v>
      </c>
      <c r="C127602" s="14" t="s">
        <v>546</v>
      </c>
      <c r="D127602" s="14" t="s">
        <v>94</v>
      </c>
      <c r="E127602" s="15">
        <v>45593</v>
      </c>
      <c r="F127602" s="14" t="s">
        <v>15</v>
      </c>
      <c r="G127602" s="16">
        <v>0.84883089732739081</v>
      </c>
    </row>
    <row r="127603" spans="1:7" x14ac:dyDescent="0.3">
      <c r="A127603" s="13" t="s">
        <v>586</v>
      </c>
      <c r="B127603" s="14" t="s">
        <v>1</v>
      </c>
      <c r="C127603" s="14" t="s">
        <v>546</v>
      </c>
      <c r="D127603" s="14" t="s">
        <v>94</v>
      </c>
      <c r="E127603" s="15">
        <v>45594</v>
      </c>
      <c r="F127603" s="14" t="s">
        <v>15</v>
      </c>
      <c r="G127603" s="16">
        <v>0.85218479429409677</v>
      </c>
    </row>
    <row r="127604" spans="1:7" x14ac:dyDescent="0.3">
      <c r="A127604" s="13" t="s">
        <v>586</v>
      </c>
      <c r="B127604" s="14" t="s">
        <v>1</v>
      </c>
      <c r="C127604" s="14" t="s">
        <v>546</v>
      </c>
      <c r="D127604" s="14" t="s">
        <v>94</v>
      </c>
      <c r="E127604" s="15">
        <v>45595</v>
      </c>
      <c r="F127604" s="14" t="s">
        <v>15</v>
      </c>
      <c r="G127604" s="16">
        <v>0.84570288396419269</v>
      </c>
    </row>
    <row r="127605" spans="1:7" x14ac:dyDescent="0.3">
      <c r="A127605" s="13" t="s">
        <v>586</v>
      </c>
      <c r="B127605" s="14" t="s">
        <v>1</v>
      </c>
      <c r="C127605" s="14" t="s">
        <v>546</v>
      </c>
      <c r="D127605" s="14" t="s">
        <v>94</v>
      </c>
      <c r="E127605" s="15">
        <v>45596</v>
      </c>
      <c r="F127605" s="14" t="s">
        <v>15</v>
      </c>
      <c r="G127605" s="16">
        <v>0.84408449438141298</v>
      </c>
    </row>
    <row r="127606" spans="1:7" x14ac:dyDescent="0.3">
      <c r="A127606" s="13" t="s">
        <v>586</v>
      </c>
      <c r="B127606" s="14" t="s">
        <v>1</v>
      </c>
      <c r="C127606" s="14" t="s">
        <v>546</v>
      </c>
      <c r="D127606" s="14" t="s">
        <v>94</v>
      </c>
      <c r="E127606" s="15">
        <v>45597</v>
      </c>
      <c r="F127606" s="14" t="s">
        <v>15</v>
      </c>
      <c r="G127606" s="16">
        <v>0.84727685609888759</v>
      </c>
    </row>
    <row r="127607" spans="1:7" x14ac:dyDescent="0.3">
      <c r="A127607" s="13" t="s">
        <v>586</v>
      </c>
      <c r="B127607" s="14" t="s">
        <v>1</v>
      </c>
      <c r="C127607" s="14" t="s">
        <v>546</v>
      </c>
      <c r="D127607" s="14" t="s">
        <v>94</v>
      </c>
      <c r="E127607" s="15">
        <v>45598</v>
      </c>
      <c r="F127607" s="14" t="s">
        <v>15</v>
      </c>
      <c r="G127607" s="16">
        <v>0.84727685609888759</v>
      </c>
    </row>
    <row r="127608" spans="1:7" x14ac:dyDescent="0.3">
      <c r="A127608" s="13" t="s">
        <v>586</v>
      </c>
      <c r="B127608" s="14" t="s">
        <v>1</v>
      </c>
      <c r="C127608" s="14" t="s">
        <v>546</v>
      </c>
      <c r="D127608" s="14" t="s">
        <v>94</v>
      </c>
      <c r="E127608" s="15">
        <v>45599</v>
      </c>
      <c r="F127608" s="14" t="s">
        <v>15</v>
      </c>
      <c r="G127608" s="16">
        <v>0.84727685609888759</v>
      </c>
    </row>
    <row r="127609" spans="1:7" x14ac:dyDescent="0.3">
      <c r="A127609" s="13" t="s">
        <v>586</v>
      </c>
      <c r="B127609" s="14" t="s">
        <v>1</v>
      </c>
      <c r="C127609" s="14" t="s">
        <v>546</v>
      </c>
      <c r="D127609" s="14" t="s">
        <v>94</v>
      </c>
      <c r="E127609" s="15">
        <v>45600</v>
      </c>
      <c r="F127609" s="14" t="s">
        <v>15</v>
      </c>
      <c r="G127609" s="16">
        <v>0.84842791338600654</v>
      </c>
    </row>
    <row r="127610" spans="1:7" x14ac:dyDescent="0.3">
      <c r="A127610" s="13" t="s">
        <v>586</v>
      </c>
      <c r="B127610" s="14" t="s">
        <v>1</v>
      </c>
      <c r="C127610" s="14" t="s">
        <v>546</v>
      </c>
      <c r="D127610" s="14" t="s">
        <v>94</v>
      </c>
      <c r="E127610" s="15">
        <v>45601</v>
      </c>
      <c r="F127610" s="14" t="s">
        <v>15</v>
      </c>
      <c r="G127610" s="16">
        <v>0.8436226668122242</v>
      </c>
    </row>
    <row r="127611" spans="1:7" x14ac:dyDescent="0.3">
      <c r="A127611" s="13" t="s">
        <v>586</v>
      </c>
      <c r="B127611" s="14" t="s">
        <v>1</v>
      </c>
      <c r="C127611" s="14" t="s">
        <v>546</v>
      </c>
      <c r="D127611" s="14" t="s">
        <v>94</v>
      </c>
      <c r="E127611" s="15">
        <v>45602</v>
      </c>
      <c r="F127611" s="14" t="s">
        <v>15</v>
      </c>
      <c r="G127611" s="16">
        <v>0.84200142995713145</v>
      </c>
    </row>
    <row r="127612" spans="1:7" x14ac:dyDescent="0.3">
      <c r="A127612" s="13" t="s">
        <v>586</v>
      </c>
      <c r="B127612" s="14" t="s">
        <v>1</v>
      </c>
      <c r="C127612" s="14" t="s">
        <v>546</v>
      </c>
      <c r="D127612" s="14" t="s">
        <v>94</v>
      </c>
      <c r="E127612" s="15">
        <v>45603</v>
      </c>
      <c r="F127612" s="14" t="s">
        <v>15</v>
      </c>
      <c r="G127612" s="16">
        <v>0.84034526656166431</v>
      </c>
    </row>
    <row r="127613" spans="1:7" x14ac:dyDescent="0.3">
      <c r="A127613" s="13" t="s">
        <v>586</v>
      </c>
      <c r="B127613" s="14" t="s">
        <v>1</v>
      </c>
      <c r="C127613" s="14" t="s">
        <v>546</v>
      </c>
      <c r="D127613" s="14" t="s">
        <v>94</v>
      </c>
      <c r="E127613" s="15">
        <v>45604</v>
      </c>
      <c r="F127613" s="14" t="s">
        <v>15</v>
      </c>
      <c r="G127613" s="16">
        <v>0.84214417320909607</v>
      </c>
    </row>
    <row r="127614" spans="1:7" x14ac:dyDescent="0.3">
      <c r="A127614" s="13" t="s">
        <v>586</v>
      </c>
      <c r="B127614" s="14" t="s">
        <v>1</v>
      </c>
      <c r="C127614" s="14" t="s">
        <v>546</v>
      </c>
      <c r="D127614" s="14" t="s">
        <v>94</v>
      </c>
      <c r="E127614" s="15">
        <v>45605</v>
      </c>
      <c r="F127614" s="14" t="s">
        <v>15</v>
      </c>
      <c r="G127614" s="16">
        <v>0.84214417320909607</v>
      </c>
    </row>
    <row r="127615" spans="1:7" x14ac:dyDescent="0.3">
      <c r="A127615" s="13" t="s">
        <v>586</v>
      </c>
      <c r="B127615" s="14" t="s">
        <v>1</v>
      </c>
      <c r="C127615" s="14" t="s">
        <v>546</v>
      </c>
      <c r="D127615" s="14" t="s">
        <v>94</v>
      </c>
      <c r="E127615" s="15">
        <v>45606</v>
      </c>
      <c r="F127615" s="14" t="s">
        <v>15</v>
      </c>
      <c r="G127615" s="16">
        <v>0.84214417320909607</v>
      </c>
    </row>
    <row r="127616" spans="1:7" x14ac:dyDescent="0.3">
      <c r="A127616" s="13" t="s">
        <v>586</v>
      </c>
      <c r="B127616" s="14" t="s">
        <v>1</v>
      </c>
      <c r="C127616" s="14" t="s">
        <v>546</v>
      </c>
      <c r="D127616" s="14" t="s">
        <v>94</v>
      </c>
      <c r="E127616" s="15">
        <v>45607</v>
      </c>
      <c r="F127616" s="14" t="s">
        <v>15</v>
      </c>
      <c r="G127616" s="16">
        <v>0.84048630145024106</v>
      </c>
    </row>
    <row r="127617" spans="1:7" x14ac:dyDescent="0.3">
      <c r="A127617" s="13" t="s">
        <v>586</v>
      </c>
      <c r="B127617" s="14" t="s">
        <v>1</v>
      </c>
      <c r="C127617" s="14" t="s">
        <v>546</v>
      </c>
      <c r="D127617" s="14" t="s">
        <v>94</v>
      </c>
      <c r="E127617" s="15">
        <v>45608</v>
      </c>
      <c r="F127617" s="14" t="s">
        <v>15</v>
      </c>
      <c r="G127617" s="16">
        <v>0.83554172835126994</v>
      </c>
    </row>
    <row r="127618" spans="1:7" x14ac:dyDescent="0.3">
      <c r="A127618" s="13" t="s">
        <v>586</v>
      </c>
      <c r="B127618" s="14" t="s">
        <v>1</v>
      </c>
      <c r="C127618" s="14" t="s">
        <v>546</v>
      </c>
      <c r="D127618" s="14" t="s">
        <v>94</v>
      </c>
      <c r="E127618" s="15">
        <v>45609</v>
      </c>
      <c r="F127618" s="14" t="s">
        <v>15</v>
      </c>
      <c r="G127618" s="16">
        <v>0.83390454677122361</v>
      </c>
    </row>
    <row r="127619" spans="1:7" x14ac:dyDescent="0.3">
      <c r="A127619" s="13" t="s">
        <v>586</v>
      </c>
      <c r="B127619" s="14" t="s">
        <v>1</v>
      </c>
      <c r="C127619" s="14" t="s">
        <v>546</v>
      </c>
      <c r="D127619" s="14" t="s">
        <v>94</v>
      </c>
      <c r="E127619" s="15">
        <v>45610</v>
      </c>
      <c r="F127619" s="14" t="s">
        <v>15</v>
      </c>
      <c r="G127619" s="16">
        <v>0.83229697682323378</v>
      </c>
    </row>
    <row r="127620" spans="1:7" x14ac:dyDescent="0.3">
      <c r="A127620" s="13" t="s">
        <v>586</v>
      </c>
      <c r="B127620" s="14" t="s">
        <v>1</v>
      </c>
      <c r="C127620" s="14" t="s">
        <v>546</v>
      </c>
      <c r="D127620" s="14" t="s">
        <v>94</v>
      </c>
      <c r="E127620" s="15">
        <v>45611</v>
      </c>
      <c r="F127620" s="14" t="s">
        <v>15</v>
      </c>
      <c r="G127620" s="16">
        <v>0.83079190867851638</v>
      </c>
    </row>
    <row r="127621" spans="1:7" x14ac:dyDescent="0.3">
      <c r="A127621" s="13" t="s">
        <v>586</v>
      </c>
      <c r="B127621" s="14" t="s">
        <v>1</v>
      </c>
      <c r="C127621" s="14" t="s">
        <v>546</v>
      </c>
      <c r="D127621" s="14" t="s">
        <v>94</v>
      </c>
      <c r="E127621" s="15">
        <v>45612</v>
      </c>
      <c r="F127621" s="14" t="s">
        <v>15</v>
      </c>
      <c r="G127621" s="16">
        <v>0.83079190867851638</v>
      </c>
    </row>
    <row r="127622" spans="1:7" x14ac:dyDescent="0.3">
      <c r="A127622" s="13" t="s">
        <v>586</v>
      </c>
      <c r="B127622" s="14" t="s">
        <v>1</v>
      </c>
      <c r="C127622" s="14" t="s">
        <v>546</v>
      </c>
      <c r="D127622" s="14" t="s">
        <v>94</v>
      </c>
      <c r="E127622" s="15">
        <v>45613</v>
      </c>
      <c r="F127622" s="14" t="s">
        <v>15</v>
      </c>
      <c r="G127622" s="16">
        <v>0.83079190867851638</v>
      </c>
    </row>
    <row r="127623" spans="1:7" x14ac:dyDescent="0.3">
      <c r="A127623" s="13" t="s">
        <v>586</v>
      </c>
      <c r="B127623" s="14" t="s">
        <v>1</v>
      </c>
      <c r="C127623" s="14" t="s">
        <v>546</v>
      </c>
      <c r="D127623" s="14" t="s">
        <v>94</v>
      </c>
      <c r="E127623" s="15">
        <v>45614</v>
      </c>
      <c r="F127623" s="14" t="s">
        <v>15</v>
      </c>
      <c r="G127623" s="16">
        <v>0.8292211634524429</v>
      </c>
    </row>
    <row r="127624" spans="1:7" x14ac:dyDescent="0.3">
      <c r="A127624" s="13" t="s">
        <v>586</v>
      </c>
      <c r="B127624" s="14" t="s">
        <v>1</v>
      </c>
      <c r="C127624" s="14" t="s">
        <v>546</v>
      </c>
      <c r="D127624" s="14" t="s">
        <v>94</v>
      </c>
      <c r="E127624" s="15">
        <v>45615</v>
      </c>
      <c r="F127624" s="14" t="s">
        <v>15</v>
      </c>
      <c r="G127624" s="16">
        <v>0.82452088631793774</v>
      </c>
    </row>
    <row r="127625" spans="1:7" x14ac:dyDescent="0.3">
      <c r="A127625" s="13" t="s">
        <v>586</v>
      </c>
      <c r="B127625" s="14" t="s">
        <v>1</v>
      </c>
      <c r="C127625" s="14" t="s">
        <v>546</v>
      </c>
      <c r="D127625" s="14" t="s">
        <v>94</v>
      </c>
      <c r="E127625" s="15">
        <v>45616</v>
      </c>
      <c r="F127625" s="14" t="s">
        <v>15</v>
      </c>
      <c r="G127625" s="16">
        <v>0.82297462763375717</v>
      </c>
    </row>
    <row r="127626" spans="1:7" x14ac:dyDescent="0.3">
      <c r="A127626" s="13" t="s">
        <v>586</v>
      </c>
      <c r="B127626" s="14" t="s">
        <v>1</v>
      </c>
      <c r="C127626" s="14" t="s">
        <v>546</v>
      </c>
      <c r="D127626" s="14" t="s">
        <v>94</v>
      </c>
      <c r="E127626" s="15">
        <v>45617</v>
      </c>
      <c r="F127626" s="14" t="s">
        <v>15</v>
      </c>
      <c r="G127626" s="16">
        <v>0.82141470204247369</v>
      </c>
    </row>
    <row r="127627" spans="1:7" x14ac:dyDescent="0.3">
      <c r="A127627" s="13" t="s">
        <v>586</v>
      </c>
      <c r="B127627" s="14" t="s">
        <v>1</v>
      </c>
      <c r="C127627" s="14" t="s">
        <v>546</v>
      </c>
      <c r="D127627" s="14" t="s">
        <v>94</v>
      </c>
      <c r="E127627" s="15">
        <v>45618</v>
      </c>
      <c r="F127627" s="14" t="s">
        <v>15</v>
      </c>
      <c r="G127627" s="16">
        <v>0.81984718372502174</v>
      </c>
    </row>
    <row r="127628" spans="1:7" x14ac:dyDescent="0.3">
      <c r="A127628" s="13" t="s">
        <v>586</v>
      </c>
      <c r="B127628" s="14" t="s">
        <v>1</v>
      </c>
      <c r="C127628" s="14" t="s">
        <v>546</v>
      </c>
      <c r="D127628" s="14" t="s">
        <v>94</v>
      </c>
      <c r="E127628" s="15">
        <v>45619</v>
      </c>
      <c r="F127628" s="14" t="s">
        <v>15</v>
      </c>
      <c r="G127628" s="16">
        <v>0.81984718372502174</v>
      </c>
    </row>
    <row r="127629" spans="1:7" x14ac:dyDescent="0.3">
      <c r="A127629" s="13" t="s">
        <v>586</v>
      </c>
      <c r="B127629" s="14" t="s">
        <v>1</v>
      </c>
      <c r="C127629" s="14" t="s">
        <v>546</v>
      </c>
      <c r="D127629" s="14" t="s">
        <v>94</v>
      </c>
      <c r="E127629" s="15">
        <v>45620</v>
      </c>
      <c r="F127629" s="14" t="s">
        <v>15</v>
      </c>
      <c r="G127629" s="16">
        <v>0.81984718372502174</v>
      </c>
    </row>
    <row r="127630" spans="1:7" x14ac:dyDescent="0.3">
      <c r="A127630" s="13" t="s">
        <v>586</v>
      </c>
      <c r="B127630" s="14" t="s">
        <v>1</v>
      </c>
      <c r="C127630" s="14" t="s">
        <v>546</v>
      </c>
      <c r="D127630" s="14" t="s">
        <v>94</v>
      </c>
      <c r="E127630" s="15">
        <v>45621</v>
      </c>
      <c r="F127630" s="14" t="s">
        <v>15</v>
      </c>
      <c r="G127630" s="16">
        <v>0.81828289231619145</v>
      </c>
    </row>
    <row r="127631" spans="1:7" x14ac:dyDescent="0.3">
      <c r="A127631" s="13" t="s">
        <v>586</v>
      </c>
      <c r="B127631" s="14" t="s">
        <v>1</v>
      </c>
      <c r="C127631" s="14" t="s">
        <v>546</v>
      </c>
      <c r="D127631" s="14" t="s">
        <v>94</v>
      </c>
      <c r="E127631" s="15">
        <v>45622</v>
      </c>
      <c r="F127631" s="14" t="s">
        <v>15</v>
      </c>
      <c r="G127631" s="16">
        <v>0.81371738607117428</v>
      </c>
    </row>
    <row r="127632" spans="1:7" x14ac:dyDescent="0.3">
      <c r="A127632" s="13" t="s">
        <v>586</v>
      </c>
      <c r="B127632" s="14" t="s">
        <v>1</v>
      </c>
      <c r="C127632" s="14" t="s">
        <v>546</v>
      </c>
      <c r="D127632" s="14" t="s">
        <v>94</v>
      </c>
      <c r="E127632" s="15">
        <v>45623</v>
      </c>
      <c r="F127632" s="14" t="s">
        <v>15</v>
      </c>
      <c r="G127632" s="16">
        <v>0.81220681319998478</v>
      </c>
    </row>
    <row r="127633" spans="1:7" x14ac:dyDescent="0.3">
      <c r="A127633" s="13" t="s">
        <v>586</v>
      </c>
      <c r="B127633" s="14" t="s">
        <v>1</v>
      </c>
      <c r="C127633" s="14" t="s">
        <v>546</v>
      </c>
      <c r="D127633" s="14" t="s">
        <v>94</v>
      </c>
      <c r="E127633" s="15">
        <v>45624</v>
      </c>
      <c r="F127633" s="14" t="s">
        <v>15</v>
      </c>
      <c r="G127633" s="16">
        <v>0.81150163875710113</v>
      </c>
    </row>
    <row r="127634" spans="1:7" x14ac:dyDescent="0.3">
      <c r="A127634" s="13" t="s">
        <v>586</v>
      </c>
      <c r="B127634" s="14" t="s">
        <v>1</v>
      </c>
      <c r="C127634" s="14" t="s">
        <v>546</v>
      </c>
      <c r="D127634" s="14" t="s">
        <v>94</v>
      </c>
      <c r="E127634" s="15">
        <v>45625</v>
      </c>
      <c r="F127634" s="14" t="s">
        <v>15</v>
      </c>
      <c r="G127634" s="16">
        <v>0.81291920073272839</v>
      </c>
    </row>
    <row r="127635" spans="1:7" x14ac:dyDescent="0.3">
      <c r="A127635" s="13" t="s">
        <v>586</v>
      </c>
      <c r="B127635" s="14" t="s">
        <v>1</v>
      </c>
      <c r="C127635" s="14" t="s">
        <v>546</v>
      </c>
      <c r="D127635" s="14" t="s">
        <v>94</v>
      </c>
      <c r="E127635" s="15">
        <v>45626</v>
      </c>
      <c r="F127635" s="14" t="s">
        <v>15</v>
      </c>
      <c r="G127635" s="16">
        <v>0.81291920073272839</v>
      </c>
    </row>
    <row r="127636" spans="1:7" x14ac:dyDescent="0.3">
      <c r="A127636" s="13" t="s">
        <v>586</v>
      </c>
      <c r="B127636" s="14" t="s">
        <v>1</v>
      </c>
      <c r="C127636" s="14" t="s">
        <v>546</v>
      </c>
      <c r="D127636" s="14" t="s">
        <v>94</v>
      </c>
      <c r="E127636" s="15">
        <v>45627</v>
      </c>
      <c r="F127636" s="14" t="s">
        <v>15</v>
      </c>
      <c r="G127636" s="16">
        <v>0.81291920073272839</v>
      </c>
    </row>
    <row r="127637" spans="1:7" x14ac:dyDescent="0.3">
      <c r="A127637" s="13" t="s">
        <v>586</v>
      </c>
      <c r="B127637" s="14" t="s">
        <v>1</v>
      </c>
      <c r="C127637" s="14" t="s">
        <v>546</v>
      </c>
      <c r="D127637" s="14" t="s">
        <v>94</v>
      </c>
      <c r="E127637" s="15">
        <v>45628</v>
      </c>
      <c r="F127637" s="14" t="s">
        <v>15</v>
      </c>
      <c r="G127637" s="16">
        <v>0.81277398984475913</v>
      </c>
    </row>
    <row r="127638" spans="1:7" x14ac:dyDescent="0.3">
      <c r="A127638" s="13" t="s">
        <v>586</v>
      </c>
      <c r="B127638" s="14" t="s">
        <v>1</v>
      </c>
      <c r="C127638" s="14" t="s">
        <v>546</v>
      </c>
      <c r="D127638" s="14" t="s">
        <v>94</v>
      </c>
      <c r="E127638" s="15">
        <v>45629</v>
      </c>
      <c r="F127638" s="14" t="s">
        <v>15</v>
      </c>
      <c r="G127638" s="16">
        <v>0.8081959556015641</v>
      </c>
    </row>
    <row r="127639" spans="1:7" x14ac:dyDescent="0.3">
      <c r="A127639" s="13" t="s">
        <v>586</v>
      </c>
      <c r="B127639" s="14" t="s">
        <v>1</v>
      </c>
      <c r="C127639" s="14" t="s">
        <v>546</v>
      </c>
      <c r="D127639" s="14" t="s">
        <v>94</v>
      </c>
      <c r="E127639" s="15">
        <v>45630</v>
      </c>
      <c r="F127639" s="14" t="s">
        <v>15</v>
      </c>
      <c r="G127639" s="16">
        <v>0.80862437517561214</v>
      </c>
    </row>
    <row r="127640" spans="1:7" x14ac:dyDescent="0.3">
      <c r="A127640" s="13" t="s">
        <v>586</v>
      </c>
      <c r="B127640" s="14" t="s">
        <v>1</v>
      </c>
      <c r="C127640" s="14" t="s">
        <v>546</v>
      </c>
      <c r="D127640" s="14" t="s">
        <v>94</v>
      </c>
      <c r="E127640" s="15">
        <v>45631</v>
      </c>
      <c r="F127640" s="14" t="s">
        <v>15</v>
      </c>
      <c r="G127640" s="16">
        <v>0.80708305176344108</v>
      </c>
    </row>
    <row r="127641" spans="1:7" x14ac:dyDescent="0.3">
      <c r="A127641" s="13" t="s">
        <v>586</v>
      </c>
      <c r="B127641" s="14" t="s">
        <v>1</v>
      </c>
      <c r="C127641" s="14" t="s">
        <v>546</v>
      </c>
      <c r="D127641" s="14" t="s">
        <v>94</v>
      </c>
      <c r="E127641" s="15">
        <v>45632</v>
      </c>
      <c r="F127641" s="14" t="s">
        <v>15</v>
      </c>
      <c r="G127641" s="16">
        <v>0.80554001998788205</v>
      </c>
    </row>
    <row r="127642" spans="1:7" x14ac:dyDescent="0.3">
      <c r="A127642" s="13" t="s">
        <v>586</v>
      </c>
      <c r="B127642" s="14" t="s">
        <v>1</v>
      </c>
      <c r="C127642" s="14" t="s">
        <v>546</v>
      </c>
      <c r="D127642" s="14" t="s">
        <v>94</v>
      </c>
      <c r="E127642" s="15">
        <v>45633</v>
      </c>
      <c r="F127642" s="14" t="s">
        <v>15</v>
      </c>
      <c r="G127642" s="16">
        <v>0.80554001998788205</v>
      </c>
    </row>
    <row r="127643" spans="1:7" x14ac:dyDescent="0.3">
      <c r="A127643" s="13" t="s">
        <v>586</v>
      </c>
      <c r="B127643" s="14" t="s">
        <v>1</v>
      </c>
      <c r="C127643" s="14" t="s">
        <v>546</v>
      </c>
      <c r="D127643" s="14" t="s">
        <v>94</v>
      </c>
      <c r="E127643" s="15">
        <v>45634</v>
      </c>
      <c r="F127643" s="14" t="s">
        <v>15</v>
      </c>
      <c r="G127643" s="16">
        <v>0.80554001998788205</v>
      </c>
    </row>
    <row r="127644" spans="1:7" x14ac:dyDescent="0.3">
      <c r="A127644" s="13" t="s">
        <v>586</v>
      </c>
      <c r="B127644" s="14" t="s">
        <v>1</v>
      </c>
      <c r="C127644" s="14" t="s">
        <v>546</v>
      </c>
      <c r="D127644" s="14" t="s">
        <v>94</v>
      </c>
      <c r="E127644" s="15">
        <v>45635</v>
      </c>
      <c r="F127644" s="14" t="s">
        <v>15</v>
      </c>
      <c r="G127644" s="16">
        <v>0.80400837730157548</v>
      </c>
    </row>
    <row r="127645" spans="1:7" x14ac:dyDescent="0.3">
      <c r="A127645" s="13" t="s">
        <v>586</v>
      </c>
      <c r="B127645" s="14" t="s">
        <v>1</v>
      </c>
      <c r="C127645" s="14" t="s">
        <v>546</v>
      </c>
      <c r="D127645" s="14" t="s">
        <v>94</v>
      </c>
      <c r="E127645" s="15">
        <v>45636</v>
      </c>
      <c r="F127645" s="14" t="s">
        <v>15</v>
      </c>
      <c r="G127645" s="16">
        <v>0.8061018817243385</v>
      </c>
    </row>
    <row r="127646" spans="1:7" x14ac:dyDescent="0.3">
      <c r="A127646" s="13" t="s">
        <v>586</v>
      </c>
      <c r="B127646" s="14" t="s">
        <v>1</v>
      </c>
      <c r="C127646" s="14" t="s">
        <v>546</v>
      </c>
      <c r="D127646" s="14" t="s">
        <v>94</v>
      </c>
      <c r="E127646" s="15">
        <v>45637</v>
      </c>
      <c r="F127646" s="14" t="s">
        <v>15</v>
      </c>
      <c r="G127646" s="16">
        <v>0.80452145577240042</v>
      </c>
    </row>
    <row r="127647" spans="1:7" x14ac:dyDescent="0.3">
      <c r="A127647" s="13" t="s">
        <v>586</v>
      </c>
      <c r="B127647" s="14" t="s">
        <v>1</v>
      </c>
      <c r="C127647" s="14" t="s">
        <v>546</v>
      </c>
      <c r="D127647" s="14" t="s">
        <v>94</v>
      </c>
      <c r="E127647" s="15">
        <v>45638</v>
      </c>
      <c r="F127647" s="14" t="s">
        <v>15</v>
      </c>
      <c r="G127647" s="16">
        <v>0.80293021018567245</v>
      </c>
    </row>
    <row r="127648" spans="1:7" x14ac:dyDescent="0.3">
      <c r="A127648" s="13" t="s">
        <v>586</v>
      </c>
      <c r="B127648" s="14" t="s">
        <v>1</v>
      </c>
      <c r="C127648" s="14" t="s">
        <v>546</v>
      </c>
      <c r="D127648" s="14" t="s">
        <v>94</v>
      </c>
      <c r="E127648" s="15">
        <v>45639</v>
      </c>
      <c r="F127648" s="14" t="s">
        <v>15</v>
      </c>
      <c r="G127648" s="16">
        <v>0.80135415005128119</v>
      </c>
    </row>
    <row r="127649" spans="1:7" x14ac:dyDescent="0.3">
      <c r="A127649" s="13" t="s">
        <v>586</v>
      </c>
      <c r="B127649" s="14" t="s">
        <v>1</v>
      </c>
      <c r="C127649" s="14" t="s">
        <v>546</v>
      </c>
      <c r="D127649" s="14" t="s">
        <v>94</v>
      </c>
      <c r="E127649" s="15">
        <v>45640</v>
      </c>
      <c r="F127649" s="14" t="s">
        <v>15</v>
      </c>
      <c r="G127649" s="16">
        <v>0.80135415005128119</v>
      </c>
    </row>
    <row r="127650" spans="1:7" x14ac:dyDescent="0.3">
      <c r="A127650" s="13" t="s">
        <v>586</v>
      </c>
      <c r="B127650" s="14" t="s">
        <v>1</v>
      </c>
      <c r="C127650" s="14" t="s">
        <v>546</v>
      </c>
      <c r="D127650" s="14" t="s">
        <v>94</v>
      </c>
      <c r="E127650" s="15">
        <v>45641</v>
      </c>
      <c r="F127650" s="14" t="s">
        <v>15</v>
      </c>
      <c r="G127650" s="16">
        <v>0.80135415005128119</v>
      </c>
    </row>
    <row r="127651" spans="1:7" x14ac:dyDescent="0.3">
      <c r="A127651" s="13" t="s">
        <v>586</v>
      </c>
      <c r="B127651" s="14" t="s">
        <v>1</v>
      </c>
      <c r="C127651" s="14" t="s">
        <v>546</v>
      </c>
      <c r="D127651" s="14" t="s">
        <v>94</v>
      </c>
      <c r="E127651" s="15">
        <v>45642</v>
      </c>
      <c r="F127651" s="14" t="s">
        <v>15</v>
      </c>
      <c r="G127651" s="16">
        <v>0.80009926223381034</v>
      </c>
    </row>
    <row r="127652" spans="1:7" x14ac:dyDescent="0.3">
      <c r="A127652" s="13" t="s">
        <v>586</v>
      </c>
      <c r="B127652" s="14" t="s">
        <v>1</v>
      </c>
      <c r="C127652" s="14" t="s">
        <v>546</v>
      </c>
      <c r="D127652" s="14" t="s">
        <v>94</v>
      </c>
      <c r="E127652" s="15">
        <v>45643</v>
      </c>
      <c r="F127652" s="14" t="s">
        <v>15</v>
      </c>
      <c r="G127652" s="16">
        <v>0.79541492982425865</v>
      </c>
    </row>
    <row r="127653" spans="1:7" x14ac:dyDescent="0.3">
      <c r="A127653" s="13" t="s">
        <v>586</v>
      </c>
      <c r="B127653" s="14" t="s">
        <v>1</v>
      </c>
      <c r="C127653" s="14" t="s">
        <v>546</v>
      </c>
      <c r="D127653" s="14" t="s">
        <v>94</v>
      </c>
      <c r="E127653" s="15">
        <v>45644</v>
      </c>
      <c r="F127653" s="14" t="s">
        <v>15</v>
      </c>
      <c r="G127653" s="16">
        <v>0.79380527187657246</v>
      </c>
    </row>
    <row r="127654" spans="1:7" x14ac:dyDescent="0.3">
      <c r="A127654" s="13" t="s">
        <v>586</v>
      </c>
      <c r="B127654" s="14" t="s">
        <v>1</v>
      </c>
      <c r="C127654" s="14" t="s">
        <v>546</v>
      </c>
      <c r="D127654" s="14" t="s">
        <v>94</v>
      </c>
      <c r="E127654" s="15">
        <v>45645</v>
      </c>
      <c r="F127654" s="14" t="s">
        <v>15</v>
      </c>
      <c r="G127654" s="16">
        <v>0.79281100438482965</v>
      </c>
    </row>
    <row r="127655" spans="1:7" x14ac:dyDescent="0.3">
      <c r="A127655" s="13" t="s">
        <v>586</v>
      </c>
      <c r="B127655" s="14" t="s">
        <v>1</v>
      </c>
      <c r="C127655" s="14" t="s">
        <v>546</v>
      </c>
      <c r="D127655" s="14" t="s">
        <v>94</v>
      </c>
      <c r="E127655" s="15">
        <v>45646</v>
      </c>
      <c r="F127655" s="14" t="s">
        <v>15</v>
      </c>
      <c r="G127655" s="16">
        <v>0.79125886133786871</v>
      </c>
    </row>
    <row r="127656" spans="1:7" x14ac:dyDescent="0.3">
      <c r="A127656" s="13" t="s">
        <v>586</v>
      </c>
      <c r="B127656" s="14" t="s">
        <v>1</v>
      </c>
      <c r="C127656" s="14" t="s">
        <v>546</v>
      </c>
      <c r="D127656" s="14" t="s">
        <v>94</v>
      </c>
      <c r="E127656" s="15">
        <v>45647</v>
      </c>
      <c r="F127656" s="14" t="s">
        <v>15</v>
      </c>
      <c r="G127656" s="16">
        <v>0.79125886133786871</v>
      </c>
    </row>
    <row r="127657" spans="1:7" x14ac:dyDescent="0.3">
      <c r="A127657" s="13" t="s">
        <v>586</v>
      </c>
      <c r="B127657" s="14" t="s">
        <v>1</v>
      </c>
      <c r="C127657" s="14" t="s">
        <v>546</v>
      </c>
      <c r="D127657" s="14" t="s">
        <v>94</v>
      </c>
      <c r="E127657" s="15">
        <v>45648</v>
      </c>
      <c r="F127657" s="14" t="s">
        <v>15</v>
      </c>
      <c r="G127657" s="16">
        <v>0.79125886133786871</v>
      </c>
    </row>
    <row r="127658" spans="1:7" x14ac:dyDescent="0.3">
      <c r="A127658" s="13" t="s">
        <v>586</v>
      </c>
      <c r="B127658" s="14" t="s">
        <v>1</v>
      </c>
      <c r="C127658" s="14" t="s">
        <v>546</v>
      </c>
      <c r="D127658" s="14" t="s">
        <v>94</v>
      </c>
      <c r="E127658" s="15">
        <v>45649</v>
      </c>
      <c r="F127658" s="14" t="s">
        <v>15</v>
      </c>
      <c r="G127658" s="16">
        <v>0.82536045201400099</v>
      </c>
    </row>
    <row r="127659" spans="1:7" x14ac:dyDescent="0.3">
      <c r="A127659" s="13" t="s">
        <v>586</v>
      </c>
      <c r="B127659" s="14" t="s">
        <v>1</v>
      </c>
      <c r="C127659" s="14" t="s">
        <v>546</v>
      </c>
      <c r="D127659" s="14" t="s">
        <v>94</v>
      </c>
      <c r="E127659" s="15">
        <v>45650</v>
      </c>
      <c r="F127659" s="14" t="s">
        <v>15</v>
      </c>
      <c r="G127659" s="16">
        <v>0.82071218505374899</v>
      </c>
    </row>
    <row r="127660" spans="1:7" x14ac:dyDescent="0.3">
      <c r="A127660" s="13" t="s">
        <v>586</v>
      </c>
      <c r="B127660" s="14" t="s">
        <v>1</v>
      </c>
      <c r="C127660" s="14" t="s">
        <v>546</v>
      </c>
      <c r="D127660" s="14" t="s">
        <v>94</v>
      </c>
      <c r="E127660" s="15">
        <v>45651</v>
      </c>
      <c r="F127660" s="14" t="s">
        <v>15</v>
      </c>
      <c r="G127660" s="16">
        <v>0.82071218505374899</v>
      </c>
    </row>
    <row r="127661" spans="1:7" x14ac:dyDescent="0.3">
      <c r="A127661" s="13" t="s">
        <v>586</v>
      </c>
      <c r="B127661" s="14" t="s">
        <v>1</v>
      </c>
      <c r="C127661" s="14" t="s">
        <v>546</v>
      </c>
      <c r="D127661" s="14" t="s">
        <v>94</v>
      </c>
      <c r="E127661" s="15">
        <v>45652</v>
      </c>
      <c r="F127661" s="14" t="s">
        <v>15</v>
      </c>
      <c r="G127661" s="16">
        <v>0.82071218505374899</v>
      </c>
    </row>
    <row r="127662" spans="1:7" x14ac:dyDescent="0.3">
      <c r="A127662" s="13" t="s">
        <v>586</v>
      </c>
      <c r="B127662" s="14" t="s">
        <v>1</v>
      </c>
      <c r="C127662" s="14" t="s">
        <v>546</v>
      </c>
      <c r="D127662" s="14" t="s">
        <v>94</v>
      </c>
      <c r="E127662" s="15">
        <v>45653</v>
      </c>
      <c r="F127662" s="14" t="s">
        <v>15</v>
      </c>
      <c r="G127662" s="16">
        <v>0.82071218505374899</v>
      </c>
    </row>
    <row r="127663" spans="1:7" x14ac:dyDescent="0.3">
      <c r="A127663" s="13" t="s">
        <v>586</v>
      </c>
      <c r="B127663" s="14" t="s">
        <v>1</v>
      </c>
      <c r="C127663" s="14" t="s">
        <v>546</v>
      </c>
      <c r="D127663" s="14" t="s">
        <v>94</v>
      </c>
      <c r="E127663" s="15">
        <v>45654</v>
      </c>
      <c r="F127663" s="14" t="s">
        <v>15</v>
      </c>
      <c r="G127663" s="16">
        <v>0.82071218505374899</v>
      </c>
    </row>
    <row r="127664" spans="1:7" x14ac:dyDescent="0.3">
      <c r="A127664" s="13" t="s">
        <v>586</v>
      </c>
      <c r="B127664" s="14" t="s">
        <v>1</v>
      </c>
      <c r="C127664" s="14" t="s">
        <v>546</v>
      </c>
      <c r="D127664" s="14" t="s">
        <v>94</v>
      </c>
      <c r="E127664" s="15">
        <v>45655</v>
      </c>
      <c r="F127664" s="14" t="s">
        <v>15</v>
      </c>
      <c r="G127664" s="16">
        <v>0.82071218505374899</v>
      </c>
    </row>
    <row r="127665" spans="1:7" x14ac:dyDescent="0.3">
      <c r="A127665" s="13" t="s">
        <v>586</v>
      </c>
      <c r="B127665" s="14" t="s">
        <v>1</v>
      </c>
      <c r="C127665" s="14" t="s">
        <v>546</v>
      </c>
      <c r="D127665" s="14" t="s">
        <v>94</v>
      </c>
      <c r="E127665" s="15">
        <v>45656</v>
      </c>
      <c r="F127665" s="14" t="s">
        <v>15</v>
      </c>
      <c r="G127665" s="16">
        <v>0.81916118091571322</v>
      </c>
    </row>
    <row r="127666" spans="1:7" x14ac:dyDescent="0.3">
      <c r="A127666" s="13" t="s">
        <v>586</v>
      </c>
      <c r="B127666" s="14" t="s">
        <v>1</v>
      </c>
      <c r="C127666" s="14" t="s">
        <v>546</v>
      </c>
      <c r="D127666" s="14" t="s">
        <v>94</v>
      </c>
      <c r="E127666" s="15">
        <v>45657</v>
      </c>
      <c r="F127666" s="14" t="s">
        <v>15</v>
      </c>
      <c r="G127666" s="16">
        <v>0.81736720954029085</v>
      </c>
    </row>
    <row r="127667" spans="1:7" x14ac:dyDescent="0.3">
      <c r="A127667" s="13" t="s">
        <v>586</v>
      </c>
      <c r="B127667" s="14" t="s">
        <v>1</v>
      </c>
      <c r="C127667" s="14" t="s">
        <v>546</v>
      </c>
      <c r="D127667" s="14" t="s">
        <v>94</v>
      </c>
      <c r="E127667" s="15">
        <v>45658</v>
      </c>
      <c r="F127667" s="14" t="s">
        <v>15</v>
      </c>
      <c r="G127667" s="16">
        <v>0.81736720954029085</v>
      </c>
    </row>
    <row r="127668" spans="1:7" x14ac:dyDescent="0.3">
      <c r="A127668" s="13" t="s">
        <v>586</v>
      </c>
      <c r="B127668" s="14" t="s">
        <v>1</v>
      </c>
      <c r="C127668" s="14" t="s">
        <v>546</v>
      </c>
      <c r="D127668" s="14" t="s">
        <v>94</v>
      </c>
      <c r="E127668" s="15">
        <v>45659</v>
      </c>
      <c r="F127668" s="14" t="s">
        <v>15</v>
      </c>
      <c r="G127668" s="16">
        <v>0.81579912176837632</v>
      </c>
    </row>
    <row r="127669" spans="1:7" x14ac:dyDescent="0.3">
      <c r="A127669" s="13" t="s">
        <v>586</v>
      </c>
      <c r="B127669" s="14" t="s">
        <v>1</v>
      </c>
      <c r="C127669" s="14" t="s">
        <v>546</v>
      </c>
      <c r="D127669" s="14" t="s">
        <v>94</v>
      </c>
      <c r="E127669" s="15">
        <v>45660</v>
      </c>
      <c r="F127669" s="14" t="s">
        <v>15</v>
      </c>
      <c r="G127669" s="16">
        <v>0.93083974285337689</v>
      </c>
    </row>
    <row r="127670" spans="1:7" x14ac:dyDescent="0.3">
      <c r="A127670" s="13" t="s">
        <v>586</v>
      </c>
      <c r="B127670" s="14" t="s">
        <v>1</v>
      </c>
      <c r="C127670" s="14" t="s">
        <v>546</v>
      </c>
      <c r="D127670" s="14" t="s">
        <v>94</v>
      </c>
      <c r="E127670" s="15">
        <v>45661</v>
      </c>
      <c r="F127670" s="14" t="s">
        <v>15</v>
      </c>
      <c r="G127670" s="16">
        <v>0.93083974285337689</v>
      </c>
    </row>
    <row r="127671" spans="1:7" x14ac:dyDescent="0.3">
      <c r="A127671" s="13" t="s">
        <v>586</v>
      </c>
      <c r="B127671" s="14" t="s">
        <v>1</v>
      </c>
      <c r="C127671" s="14" t="s">
        <v>546</v>
      </c>
      <c r="D127671" s="14" t="s">
        <v>94</v>
      </c>
      <c r="E127671" s="15">
        <v>45662</v>
      </c>
      <c r="F127671" s="14" t="s">
        <v>15</v>
      </c>
      <c r="G127671" s="16">
        <v>0.93083974285337689</v>
      </c>
    </row>
    <row r="127672" spans="1:7" x14ac:dyDescent="0.3">
      <c r="A127672" s="13" t="s">
        <v>586</v>
      </c>
      <c r="B127672" s="14" t="s">
        <v>1</v>
      </c>
      <c r="C127672" s="14" t="s">
        <v>546</v>
      </c>
      <c r="D127672" s="14" t="s">
        <v>94</v>
      </c>
      <c r="E127672" s="15">
        <v>45663</v>
      </c>
      <c r="F127672" s="14" t="s">
        <v>15</v>
      </c>
      <c r="G127672" s="16">
        <v>0.92931816052924343</v>
      </c>
    </row>
    <row r="127673" spans="1:7" x14ac:dyDescent="0.3">
      <c r="A127673" s="13" t="s">
        <v>586</v>
      </c>
      <c r="B127673" s="14" t="s">
        <v>1</v>
      </c>
      <c r="C127673" s="14" t="s">
        <v>546</v>
      </c>
      <c r="D127673" s="14" t="s">
        <v>94</v>
      </c>
      <c r="E127673" s="15">
        <v>45664</v>
      </c>
      <c r="F127673" s="14" t="s">
        <v>15</v>
      </c>
      <c r="G127673" s="16">
        <v>0.92659882565205576</v>
      </c>
    </row>
    <row r="127674" spans="1:7" x14ac:dyDescent="0.3">
      <c r="A127674" s="13" t="s">
        <v>586</v>
      </c>
      <c r="B127674" s="14" t="s">
        <v>1</v>
      </c>
      <c r="C127674" s="14" t="s">
        <v>546</v>
      </c>
      <c r="D127674" s="14" t="s">
        <v>94</v>
      </c>
      <c r="E127674" s="15">
        <v>45665</v>
      </c>
      <c r="F127674" s="14" t="s">
        <v>15</v>
      </c>
      <c r="G127674" s="16">
        <v>0.92643520240312816</v>
      </c>
    </row>
    <row r="127675" spans="1:7" x14ac:dyDescent="0.3">
      <c r="A127675" s="13" t="s">
        <v>586</v>
      </c>
      <c r="B127675" s="14" t="s">
        <v>1</v>
      </c>
      <c r="C127675" s="14" t="s">
        <v>546</v>
      </c>
      <c r="D127675" s="14" t="s">
        <v>94</v>
      </c>
      <c r="E127675" s="15">
        <v>45666</v>
      </c>
      <c r="F127675" s="14" t="s">
        <v>15</v>
      </c>
      <c r="G127675" s="16">
        <v>0.92493032407656506</v>
      </c>
    </row>
    <row r="127676" spans="1:7" x14ac:dyDescent="0.3">
      <c r="A127676" s="13" t="s">
        <v>586</v>
      </c>
      <c r="B127676" s="14" t="s">
        <v>1</v>
      </c>
      <c r="C127676" s="14" t="s">
        <v>546</v>
      </c>
      <c r="D127676" s="14" t="s">
        <v>94</v>
      </c>
      <c r="E127676" s="15">
        <v>45667</v>
      </c>
      <c r="F127676" s="14" t="s">
        <v>15</v>
      </c>
      <c r="G127676" s="16">
        <v>0.92343588574848334</v>
      </c>
    </row>
    <row r="127677" spans="1:7" x14ac:dyDescent="0.3">
      <c r="A127677" s="13" t="s">
        <v>586</v>
      </c>
      <c r="B127677" s="14" t="s">
        <v>1</v>
      </c>
      <c r="C127677" s="14" t="s">
        <v>546</v>
      </c>
      <c r="D127677" s="14" t="s">
        <v>94</v>
      </c>
      <c r="E127677" s="15">
        <v>45668</v>
      </c>
      <c r="F127677" s="14" t="s">
        <v>15</v>
      </c>
      <c r="G127677" s="16">
        <v>0.92343588574848334</v>
      </c>
    </row>
    <row r="127678" spans="1:7" x14ac:dyDescent="0.3">
      <c r="A127678" s="13" t="s">
        <v>586</v>
      </c>
      <c r="B127678" s="14" t="s">
        <v>1</v>
      </c>
      <c r="C127678" s="14" t="s">
        <v>546</v>
      </c>
      <c r="D127678" s="14" t="s">
        <v>94</v>
      </c>
      <c r="E127678" s="15">
        <v>45669</v>
      </c>
      <c r="F127678" s="14" t="s">
        <v>15</v>
      </c>
      <c r="G127678" s="16">
        <v>0.92343588574848334</v>
      </c>
    </row>
    <row r="127679" spans="1:7" x14ac:dyDescent="0.3">
      <c r="A127679" s="13" t="s">
        <v>586</v>
      </c>
      <c r="B127679" s="14" t="s">
        <v>1</v>
      </c>
      <c r="C127679" s="14" t="s">
        <v>546</v>
      </c>
      <c r="D127679" s="14" t="s">
        <v>94</v>
      </c>
      <c r="E127679" s="15">
        <v>45670</v>
      </c>
      <c r="F127679" s="14" t="s">
        <v>15</v>
      </c>
      <c r="G127679" s="16">
        <v>0.93982554445544209</v>
      </c>
    </row>
    <row r="127680" spans="1:7" x14ac:dyDescent="0.3">
      <c r="A127680" s="13" t="s">
        <v>586</v>
      </c>
      <c r="B127680" s="14" t="s">
        <v>1</v>
      </c>
      <c r="C127680" s="14" t="s">
        <v>546</v>
      </c>
      <c r="D127680" s="14" t="s">
        <v>94</v>
      </c>
      <c r="E127680" s="15">
        <v>45671</v>
      </c>
      <c r="F127680" s="14" t="s">
        <v>15</v>
      </c>
      <c r="G127680" s="16">
        <v>0.93537127164879097</v>
      </c>
    </row>
    <row r="127681" spans="1:7" x14ac:dyDescent="0.3">
      <c r="A127681" s="13" t="s">
        <v>586</v>
      </c>
      <c r="B127681" s="14" t="s">
        <v>1</v>
      </c>
      <c r="C127681" s="14" t="s">
        <v>546</v>
      </c>
      <c r="D127681" s="14" t="s">
        <v>94</v>
      </c>
      <c r="E127681" s="15">
        <v>45672</v>
      </c>
      <c r="F127681" s="14" t="s">
        <v>15</v>
      </c>
      <c r="G127681" s="16">
        <v>0.93372896497858104</v>
      </c>
    </row>
    <row r="127682" spans="1:7" x14ac:dyDescent="0.3">
      <c r="A127682" s="13" t="s">
        <v>586</v>
      </c>
      <c r="B127682" s="14" t="s">
        <v>1</v>
      </c>
      <c r="C127682" s="14" t="s">
        <v>546</v>
      </c>
      <c r="D127682" s="14" t="s">
        <v>94</v>
      </c>
      <c r="E127682" s="15">
        <v>45673</v>
      </c>
      <c r="F127682" s="14" t="s">
        <v>15</v>
      </c>
      <c r="G127682" s="16">
        <v>0.93222351719755536</v>
      </c>
    </row>
    <row r="127683" spans="1:7" x14ac:dyDescent="0.3">
      <c r="A127683" s="13" t="s">
        <v>586</v>
      </c>
      <c r="B127683" s="14" t="s">
        <v>1</v>
      </c>
      <c r="C127683" s="14" t="s">
        <v>546</v>
      </c>
      <c r="D127683" s="14" t="s">
        <v>94</v>
      </c>
      <c r="E127683" s="15">
        <v>45674</v>
      </c>
      <c r="F127683" s="14" t="s">
        <v>15</v>
      </c>
      <c r="G127683" s="16">
        <v>0.93072319450669316</v>
      </c>
    </row>
    <row r="127684" spans="1:7" x14ac:dyDescent="0.3">
      <c r="A127684" s="13" t="s">
        <v>586</v>
      </c>
      <c r="B127684" s="14" t="s">
        <v>1</v>
      </c>
      <c r="C127684" s="14" t="s">
        <v>546</v>
      </c>
      <c r="D127684" s="14" t="s">
        <v>94</v>
      </c>
      <c r="E127684" s="15">
        <v>45675</v>
      </c>
      <c r="F127684" s="14" t="s">
        <v>15</v>
      </c>
      <c r="G127684" s="16">
        <v>0.93072319450669316</v>
      </c>
    </row>
    <row r="127685" spans="1:7" x14ac:dyDescent="0.3">
      <c r="A127685" s="13" t="s">
        <v>586</v>
      </c>
      <c r="B127685" s="14" t="s">
        <v>1</v>
      </c>
      <c r="C127685" s="14" t="s">
        <v>546</v>
      </c>
      <c r="D127685" s="14" t="s">
        <v>94</v>
      </c>
      <c r="E127685" s="15">
        <v>45676</v>
      </c>
      <c r="F127685" s="14" t="s">
        <v>15</v>
      </c>
      <c r="G127685" s="16">
        <v>0.93072319450669316</v>
      </c>
    </row>
    <row r="127686" spans="1:7" x14ac:dyDescent="0.3">
      <c r="A127686" s="13" t="s">
        <v>586</v>
      </c>
      <c r="B127686" s="14" t="s">
        <v>1</v>
      </c>
      <c r="C127686" s="14" t="s">
        <v>546</v>
      </c>
      <c r="D127686" s="14" t="s">
        <v>94</v>
      </c>
      <c r="E127686" s="15">
        <v>45677</v>
      </c>
      <c r="F127686" s="14" t="s">
        <v>15</v>
      </c>
      <c r="G127686" s="16">
        <v>0.92920939472688224</v>
      </c>
    </row>
    <row r="127687" spans="1:7" x14ac:dyDescent="0.3">
      <c r="A127687" s="13" t="s">
        <v>586</v>
      </c>
      <c r="B127687" s="14" t="s">
        <v>1</v>
      </c>
      <c r="C127687" s="14" t="s">
        <v>546</v>
      </c>
      <c r="D127687" s="14" t="s">
        <v>94</v>
      </c>
      <c r="E127687" s="15">
        <v>45678</v>
      </c>
      <c r="F127687" s="14" t="s">
        <v>15</v>
      </c>
      <c r="G127687" s="16">
        <v>0.92459149867130352</v>
      </c>
    </row>
    <row r="127688" spans="1:7" x14ac:dyDescent="0.3">
      <c r="A127688" s="13" t="s">
        <v>586</v>
      </c>
      <c r="B127688" s="14" t="s">
        <v>1</v>
      </c>
      <c r="C127688" s="14" t="s">
        <v>546</v>
      </c>
      <c r="D127688" s="14" t="s">
        <v>94</v>
      </c>
      <c r="E127688" s="15">
        <v>45679</v>
      </c>
      <c r="F127688" s="14" t="s">
        <v>15</v>
      </c>
      <c r="G127688" s="16">
        <v>0.92304391126004348</v>
      </c>
    </row>
    <row r="127689" spans="1:7" x14ac:dyDescent="0.3">
      <c r="A127689" s="13" t="s">
        <v>586</v>
      </c>
      <c r="B127689" s="14" t="s">
        <v>1</v>
      </c>
      <c r="C127689" s="14" t="s">
        <v>546</v>
      </c>
      <c r="D127689" s="14" t="s">
        <v>94</v>
      </c>
      <c r="E127689" s="15">
        <v>45680</v>
      </c>
      <c r="F127689" s="14" t="s">
        <v>15</v>
      </c>
      <c r="G127689" s="16">
        <v>0.92148246712352622</v>
      </c>
    </row>
    <row r="127690" spans="1:7" x14ac:dyDescent="0.3">
      <c r="A127690" s="13" t="s">
        <v>586</v>
      </c>
      <c r="B127690" s="14" t="s">
        <v>1</v>
      </c>
      <c r="C127690" s="14" t="s">
        <v>546</v>
      </c>
      <c r="D127690" s="14" t="s">
        <v>94</v>
      </c>
      <c r="E127690" s="15">
        <v>45681</v>
      </c>
      <c r="F127690" s="14" t="s">
        <v>15</v>
      </c>
      <c r="G127690" s="16">
        <v>0.91993468989411198</v>
      </c>
    </row>
    <row r="127691" spans="1:7" x14ac:dyDescent="0.3">
      <c r="A127691" s="13" t="s">
        <v>586</v>
      </c>
      <c r="B127691" s="14" t="s">
        <v>1</v>
      </c>
      <c r="C127691" s="14" t="s">
        <v>546</v>
      </c>
      <c r="D127691" s="14" t="s">
        <v>94</v>
      </c>
      <c r="E127691" s="15">
        <v>45682</v>
      </c>
      <c r="F127691" s="14" t="s">
        <v>15</v>
      </c>
      <c r="G127691" s="16">
        <v>0.91993468989411198</v>
      </c>
    </row>
    <row r="127692" spans="1:7" x14ac:dyDescent="0.3">
      <c r="A127692" s="13" t="s">
        <v>586</v>
      </c>
      <c r="B127692" s="14" t="s">
        <v>1</v>
      </c>
      <c r="C127692" s="14" t="s">
        <v>546</v>
      </c>
      <c r="D127692" s="14" t="s">
        <v>94</v>
      </c>
      <c r="E127692" s="15">
        <v>45683</v>
      </c>
      <c r="F127692" s="14" t="s">
        <v>15</v>
      </c>
      <c r="G127692" s="16">
        <v>0.91993468989411198</v>
      </c>
    </row>
    <row r="127693" spans="1:7" x14ac:dyDescent="0.3">
      <c r="A127693" s="13" t="s">
        <v>586</v>
      </c>
      <c r="B127693" s="14" t="s">
        <v>1</v>
      </c>
      <c r="C127693" s="14" t="s">
        <v>546</v>
      </c>
      <c r="D127693" s="14" t="s">
        <v>94</v>
      </c>
      <c r="E127693" s="15">
        <v>45684</v>
      </c>
      <c r="F127693" s="14" t="s">
        <v>15</v>
      </c>
      <c r="G127693" s="16">
        <v>0.94364411626364997</v>
      </c>
    </row>
    <row r="127694" spans="1:7" x14ac:dyDescent="0.3">
      <c r="A127694" s="13" t="s">
        <v>586</v>
      </c>
      <c r="B127694" s="14" t="s">
        <v>1</v>
      </c>
      <c r="C127694" s="14" t="s">
        <v>546</v>
      </c>
      <c r="D127694" s="14" t="s">
        <v>94</v>
      </c>
      <c r="E127694" s="15">
        <v>45685</v>
      </c>
      <c r="F127694" s="14" t="s">
        <v>15</v>
      </c>
      <c r="G127694" s="16">
        <v>0.94364411626364997</v>
      </c>
    </row>
    <row r="127695" spans="1:7" x14ac:dyDescent="0.3">
      <c r="A127695" s="13" t="s">
        <v>586</v>
      </c>
      <c r="B127695" s="14" t="s">
        <v>1</v>
      </c>
      <c r="C127695" s="14" t="s">
        <v>546</v>
      </c>
      <c r="D127695" s="14" t="s">
        <v>94</v>
      </c>
      <c r="E127695" s="15">
        <v>45686</v>
      </c>
      <c r="F127695" s="14" t="s">
        <v>15</v>
      </c>
      <c r="G127695" s="16">
        <v>0.94364411626364997</v>
      </c>
    </row>
    <row r="127696" spans="1:7" x14ac:dyDescent="0.3">
      <c r="A127696" s="13" t="s">
        <v>586</v>
      </c>
      <c r="B127696" s="14" t="s">
        <v>1</v>
      </c>
      <c r="C127696" s="14" t="s">
        <v>546</v>
      </c>
      <c r="D127696" s="14" t="s">
        <v>94</v>
      </c>
      <c r="E127696" s="15">
        <v>45687</v>
      </c>
      <c r="F127696" s="14" t="s">
        <v>15</v>
      </c>
      <c r="G127696" s="16">
        <v>0.94364411626364997</v>
      </c>
    </row>
    <row r="127697" spans="1:7" x14ac:dyDescent="0.3">
      <c r="A127697" s="13" t="s">
        <v>586</v>
      </c>
      <c r="B127697" s="14" t="s">
        <v>1</v>
      </c>
      <c r="C127697" s="14" t="s">
        <v>546</v>
      </c>
      <c r="D127697" s="14" t="s">
        <v>94</v>
      </c>
      <c r="E127697" s="15">
        <v>45688</v>
      </c>
      <c r="F127697" s="14" t="s">
        <v>15</v>
      </c>
      <c r="G127697" s="16">
        <v>0.94364411626364997</v>
      </c>
    </row>
    <row r="127698" spans="1:7" x14ac:dyDescent="0.3">
      <c r="A127698" s="13" t="s">
        <v>586</v>
      </c>
      <c r="B127698" s="14" t="s">
        <v>1</v>
      </c>
      <c r="C127698" s="14" t="s">
        <v>546</v>
      </c>
      <c r="D127698" s="14" t="s">
        <v>94</v>
      </c>
      <c r="E127698" s="15">
        <v>45689</v>
      </c>
      <c r="F127698" s="14" t="s">
        <v>15</v>
      </c>
      <c r="G127698" s="16">
        <v>0.94364411626364997</v>
      </c>
    </row>
    <row r="127699" spans="1:7" x14ac:dyDescent="0.3">
      <c r="A127699" s="13" t="s">
        <v>586</v>
      </c>
      <c r="B127699" s="14" t="s">
        <v>1</v>
      </c>
      <c r="C127699" s="14" t="s">
        <v>546</v>
      </c>
      <c r="D127699" s="14" t="s">
        <v>94</v>
      </c>
      <c r="E127699" s="15">
        <v>45690</v>
      </c>
      <c r="F127699" s="14" t="s">
        <v>15</v>
      </c>
      <c r="G127699" s="16">
        <v>0.94364411626364997</v>
      </c>
    </row>
    <row r="127700" spans="1:7" x14ac:dyDescent="0.3">
      <c r="A127700" s="13" t="s">
        <v>586</v>
      </c>
      <c r="B127700" s="14" t="s">
        <v>1</v>
      </c>
      <c r="C127700" s="14" t="s">
        <v>546</v>
      </c>
      <c r="D127700" s="14" t="s">
        <v>94</v>
      </c>
      <c r="E127700" s="15">
        <v>45691</v>
      </c>
      <c r="F127700" s="14" t="s">
        <v>15</v>
      </c>
      <c r="G127700" s="16">
        <v>0.94364411626364997</v>
      </c>
    </row>
    <row r="127701" spans="1:7" x14ac:dyDescent="0.3">
      <c r="A127701" s="13" t="s">
        <v>586</v>
      </c>
      <c r="B127701" s="14" t="s">
        <v>1</v>
      </c>
      <c r="C127701" s="14" t="s">
        <v>546</v>
      </c>
      <c r="D127701" s="14" t="s">
        <v>94</v>
      </c>
      <c r="E127701" s="15">
        <v>45692</v>
      </c>
      <c r="F127701" s="14" t="s">
        <v>15</v>
      </c>
      <c r="G127701" s="16">
        <v>0.94364411626364997</v>
      </c>
    </row>
    <row r="127702" spans="1:7" x14ac:dyDescent="0.3">
      <c r="A127702" s="13" t="s">
        <v>586</v>
      </c>
      <c r="B127702" s="14" t="s">
        <v>1</v>
      </c>
      <c r="C127702" s="14" t="s">
        <v>546</v>
      </c>
      <c r="D127702" s="14" t="s">
        <v>94</v>
      </c>
      <c r="E127702" s="15">
        <v>45693</v>
      </c>
      <c r="F127702" s="14" t="s">
        <v>15</v>
      </c>
      <c r="G127702" s="16">
        <v>0.93893169076727545</v>
      </c>
    </row>
    <row r="127703" spans="1:7" x14ac:dyDescent="0.3">
      <c r="A127703" s="13" t="s">
        <v>586</v>
      </c>
      <c r="B127703" s="14" t="s">
        <v>1</v>
      </c>
      <c r="C127703" s="14" t="s">
        <v>546</v>
      </c>
      <c r="D127703" s="14" t="s">
        <v>94</v>
      </c>
      <c r="E127703" s="15">
        <v>45694</v>
      </c>
      <c r="F127703" s="14" t="s">
        <v>15</v>
      </c>
      <c r="G127703" s="16">
        <v>0.92662577982995331</v>
      </c>
    </row>
    <row r="127704" spans="1:7" x14ac:dyDescent="0.3">
      <c r="A127704" s="13" t="s">
        <v>586</v>
      </c>
      <c r="B127704" s="14" t="s">
        <v>1</v>
      </c>
      <c r="C127704" s="14" t="s">
        <v>546</v>
      </c>
      <c r="D127704" s="14" t="s">
        <v>94</v>
      </c>
      <c r="E127704" s="15">
        <v>45695</v>
      </c>
      <c r="F127704" s="14" t="s">
        <v>15</v>
      </c>
      <c r="G127704" s="16">
        <v>0.92504269642385628</v>
      </c>
    </row>
    <row r="127705" spans="1:7" x14ac:dyDescent="0.3">
      <c r="A127705" s="13" t="s">
        <v>586</v>
      </c>
      <c r="B127705" s="14" t="s">
        <v>1</v>
      </c>
      <c r="C127705" s="14" t="s">
        <v>546</v>
      </c>
      <c r="D127705" s="14" t="s">
        <v>94</v>
      </c>
      <c r="E127705" s="15">
        <v>45696</v>
      </c>
      <c r="F127705" s="14" t="s">
        <v>15</v>
      </c>
      <c r="G127705" s="16">
        <v>0.92504269642385628</v>
      </c>
    </row>
    <row r="127706" spans="1:7" x14ac:dyDescent="0.3">
      <c r="A127706" s="13" t="s">
        <v>586</v>
      </c>
      <c r="B127706" s="14" t="s">
        <v>1</v>
      </c>
      <c r="C127706" s="14" t="s">
        <v>546</v>
      </c>
      <c r="D127706" s="14" t="s">
        <v>94</v>
      </c>
      <c r="E127706" s="15">
        <v>45697</v>
      </c>
      <c r="F127706" s="14" t="s">
        <v>15</v>
      </c>
      <c r="G127706" s="16">
        <v>0.92504269642385628</v>
      </c>
    </row>
    <row r="127707" spans="1:7" x14ac:dyDescent="0.3">
      <c r="A127707" s="13" t="s">
        <v>586</v>
      </c>
      <c r="B127707" s="14" t="s">
        <v>1</v>
      </c>
      <c r="C127707" s="14" t="s">
        <v>546</v>
      </c>
      <c r="D127707" s="14" t="s">
        <v>94</v>
      </c>
      <c r="E127707" s="15">
        <v>45698</v>
      </c>
      <c r="F127707" s="14" t="s">
        <v>15</v>
      </c>
      <c r="G127707" s="16">
        <v>0.92343977437076974</v>
      </c>
    </row>
    <row r="127708" spans="1:7" x14ac:dyDescent="0.3">
      <c r="A127708" s="13" t="s">
        <v>586</v>
      </c>
      <c r="B127708" s="14" t="s">
        <v>1</v>
      </c>
      <c r="C127708" s="14" t="s">
        <v>546</v>
      </c>
      <c r="D127708" s="14" t="s">
        <v>94</v>
      </c>
      <c r="E127708" s="15">
        <v>45699</v>
      </c>
      <c r="F127708" s="14" t="s">
        <v>15</v>
      </c>
      <c r="G127708" s="16">
        <v>0.91856751857638441</v>
      </c>
    </row>
    <row r="127709" spans="1:7" x14ac:dyDescent="0.3">
      <c r="A127709" s="13" t="s">
        <v>586</v>
      </c>
      <c r="B127709" s="14" t="s">
        <v>1</v>
      </c>
      <c r="C127709" s="14" t="s">
        <v>546</v>
      </c>
      <c r="D127709" s="14" t="s">
        <v>94</v>
      </c>
      <c r="E127709" s="15">
        <v>45700</v>
      </c>
      <c r="F127709" s="14" t="s">
        <v>15</v>
      </c>
      <c r="G127709" s="16">
        <v>0.91692845332739792</v>
      </c>
    </row>
    <row r="127710" spans="1:7" x14ac:dyDescent="0.3">
      <c r="A127710" s="13" t="s">
        <v>586</v>
      </c>
      <c r="B127710" s="14" t="s">
        <v>1</v>
      </c>
      <c r="C127710" s="14" t="s">
        <v>546</v>
      </c>
      <c r="D127710" s="14" t="s">
        <v>94</v>
      </c>
      <c r="E127710" s="15">
        <v>45701</v>
      </c>
      <c r="F127710" s="14" t="s">
        <v>15</v>
      </c>
      <c r="G127710" s="16">
        <v>0.91530143581037815</v>
      </c>
    </row>
    <row r="127711" spans="1:7" x14ac:dyDescent="0.3">
      <c r="A127711" s="13" t="s">
        <v>586</v>
      </c>
      <c r="B127711" s="14" t="s">
        <v>1</v>
      </c>
      <c r="C127711" s="14" t="s">
        <v>546</v>
      </c>
      <c r="D127711" s="14" t="s">
        <v>94</v>
      </c>
      <c r="E127711" s="15">
        <v>45702</v>
      </c>
      <c r="F127711" s="14" t="s">
        <v>15</v>
      </c>
      <c r="G127711" s="16">
        <v>0.91364343841115836</v>
      </c>
    </row>
    <row r="127712" spans="1:7" x14ac:dyDescent="0.3">
      <c r="A127712" s="13" t="s">
        <v>586</v>
      </c>
      <c r="B127712" s="14" t="s">
        <v>1</v>
      </c>
      <c r="C127712" s="14" t="s">
        <v>546</v>
      </c>
      <c r="D127712" s="14" t="s">
        <v>94</v>
      </c>
      <c r="E127712" s="15">
        <v>45703</v>
      </c>
      <c r="F127712" s="14" t="s">
        <v>15</v>
      </c>
      <c r="G127712" s="16">
        <v>0.91364343841115836</v>
      </c>
    </row>
    <row r="127713" spans="1:7" x14ac:dyDescent="0.3">
      <c r="A127713" s="13" t="s">
        <v>586</v>
      </c>
      <c r="B127713" s="14" t="s">
        <v>1</v>
      </c>
      <c r="C127713" s="14" t="s">
        <v>546</v>
      </c>
      <c r="D127713" s="14" t="s">
        <v>94</v>
      </c>
      <c r="E127713" s="15">
        <v>45704</v>
      </c>
      <c r="F127713" s="14" t="s">
        <v>15</v>
      </c>
      <c r="G127713" s="16">
        <v>0.91364343841115836</v>
      </c>
    </row>
    <row r="127714" spans="1:7" x14ac:dyDescent="0.3">
      <c r="A127714" s="13" t="s">
        <v>586</v>
      </c>
      <c r="B127714" s="14" t="s">
        <v>1</v>
      </c>
      <c r="C127714" s="14" t="s">
        <v>546</v>
      </c>
      <c r="D127714" s="14" t="s">
        <v>94</v>
      </c>
      <c r="E127714" s="15">
        <v>45705</v>
      </c>
      <c r="F127714" s="14" t="s">
        <v>15</v>
      </c>
      <c r="G127714" s="16">
        <v>0.9119902218579572</v>
      </c>
    </row>
    <row r="127715" spans="1:7" x14ac:dyDescent="0.3">
      <c r="A127715" s="13" t="s">
        <v>586</v>
      </c>
      <c r="B127715" s="14" t="s">
        <v>1</v>
      </c>
      <c r="C127715" s="14" t="s">
        <v>546</v>
      </c>
      <c r="D127715" s="14" t="s">
        <v>94</v>
      </c>
      <c r="E127715" s="15">
        <v>45706</v>
      </c>
      <c r="F127715" s="14" t="s">
        <v>15</v>
      </c>
      <c r="G127715" s="16">
        <v>0.90686668479683896</v>
      </c>
    </row>
    <row r="127716" spans="1:7" x14ac:dyDescent="0.3">
      <c r="A127716" s="13" t="s">
        <v>586</v>
      </c>
      <c r="B127716" s="14" t="s">
        <v>1</v>
      </c>
      <c r="C127716" s="14" t="s">
        <v>546</v>
      </c>
      <c r="D127716" s="14" t="s">
        <v>94</v>
      </c>
      <c r="E127716" s="15">
        <v>45707</v>
      </c>
      <c r="F127716" s="14" t="s">
        <v>15</v>
      </c>
      <c r="G127716" s="16">
        <v>0.90509031365020076</v>
      </c>
    </row>
    <row r="127717" spans="1:7" x14ac:dyDescent="0.3">
      <c r="A127717" s="13" t="s">
        <v>586</v>
      </c>
      <c r="B127717" s="14" t="s">
        <v>1</v>
      </c>
      <c r="C127717" s="14" t="s">
        <v>546</v>
      </c>
      <c r="D127717" s="14" t="s">
        <v>94</v>
      </c>
      <c r="E127717" s="15">
        <v>45708</v>
      </c>
      <c r="F127717" s="14" t="s">
        <v>15</v>
      </c>
      <c r="G127717" s="16">
        <v>0.90335983862534042</v>
      </c>
    </row>
    <row r="127718" spans="1:7" x14ac:dyDescent="0.3">
      <c r="A127718" s="13" t="s">
        <v>586</v>
      </c>
      <c r="B127718" s="14" t="s">
        <v>1</v>
      </c>
      <c r="C127718" s="14" t="s">
        <v>546</v>
      </c>
      <c r="D127718" s="14" t="s">
        <v>94</v>
      </c>
      <c r="E127718" s="15">
        <v>45709</v>
      </c>
      <c r="F127718" s="14" t="s">
        <v>15</v>
      </c>
      <c r="G127718" s="16">
        <v>0.90162764249591332</v>
      </c>
    </row>
    <row r="127719" spans="1:7" x14ac:dyDescent="0.3">
      <c r="A127719" s="13" t="s">
        <v>586</v>
      </c>
      <c r="B127719" s="14" t="s">
        <v>1</v>
      </c>
      <c r="C127719" s="14" t="s">
        <v>546</v>
      </c>
      <c r="D127719" s="14" t="s">
        <v>94</v>
      </c>
      <c r="E127719" s="15">
        <v>45710</v>
      </c>
      <c r="F127719" s="14" t="s">
        <v>15</v>
      </c>
      <c r="G127719" s="16">
        <v>0.90162764249591332</v>
      </c>
    </row>
    <row r="127720" spans="1:7" x14ac:dyDescent="0.3">
      <c r="A127720" s="13" t="s">
        <v>586</v>
      </c>
      <c r="B127720" s="14" t="s">
        <v>1</v>
      </c>
      <c r="C127720" s="14" t="s">
        <v>546</v>
      </c>
      <c r="D127720" s="14" t="s">
        <v>94</v>
      </c>
      <c r="E127720" s="15">
        <v>45711</v>
      </c>
      <c r="F127720" s="14" t="s">
        <v>15</v>
      </c>
      <c r="G127720" s="16">
        <v>0.90162764249591332</v>
      </c>
    </row>
    <row r="127721" spans="1:7" x14ac:dyDescent="0.3">
      <c r="A127721" s="13" t="s">
        <v>586</v>
      </c>
      <c r="B127721" s="14" t="s">
        <v>1</v>
      </c>
      <c r="C127721" s="14" t="s">
        <v>546</v>
      </c>
      <c r="D127721" s="14" t="s">
        <v>94</v>
      </c>
      <c r="E127721" s="15">
        <v>45712</v>
      </c>
      <c r="F127721" s="14" t="s">
        <v>15</v>
      </c>
      <c r="G127721" s="16">
        <v>0.89990692039693065</v>
      </c>
    </row>
    <row r="127722" spans="1:7" x14ac:dyDescent="0.3">
      <c r="A127722" s="13" t="s">
        <v>586</v>
      </c>
      <c r="B127722" s="14" t="s">
        <v>1</v>
      </c>
      <c r="C127722" s="14" t="s">
        <v>546</v>
      </c>
      <c r="D127722" s="14" t="s">
        <v>94</v>
      </c>
      <c r="E127722" s="15">
        <v>45713</v>
      </c>
      <c r="F127722" s="14" t="s">
        <v>15</v>
      </c>
      <c r="G127722" s="16">
        <v>0.89457493844940528</v>
      </c>
    </row>
    <row r="127723" spans="1:7" x14ac:dyDescent="0.3">
      <c r="A127723" s="13" t="s">
        <v>586</v>
      </c>
      <c r="B127723" s="14" t="s">
        <v>1</v>
      </c>
      <c r="C127723" s="14" t="s">
        <v>546</v>
      </c>
      <c r="D127723" s="14" t="s">
        <v>94</v>
      </c>
      <c r="E127723" s="15">
        <v>45714</v>
      </c>
      <c r="F127723" s="14" t="s">
        <v>15</v>
      </c>
      <c r="G127723" s="16">
        <v>0.89281080626857456</v>
      </c>
    </row>
    <row r="127724" spans="1:7" x14ac:dyDescent="0.3">
      <c r="A127724" s="13" t="s">
        <v>586</v>
      </c>
      <c r="B127724" s="14" t="s">
        <v>1</v>
      </c>
      <c r="C127724" s="14" t="s">
        <v>546</v>
      </c>
      <c r="D127724" s="14" t="s">
        <v>94</v>
      </c>
      <c r="E127724" s="15">
        <v>45715</v>
      </c>
      <c r="F127724" s="14" t="s">
        <v>15</v>
      </c>
      <c r="G127724" s="16">
        <v>0.89361417963352519</v>
      </c>
    </row>
    <row r="127725" spans="1:7" x14ac:dyDescent="0.3">
      <c r="A127725" s="13" t="s">
        <v>586</v>
      </c>
      <c r="B127725" s="14" t="s">
        <v>1</v>
      </c>
      <c r="C127725" s="14" t="s">
        <v>546</v>
      </c>
      <c r="D127725" s="14" t="s">
        <v>94</v>
      </c>
      <c r="E127725" s="15">
        <v>45716</v>
      </c>
      <c r="F127725" s="14" t="s">
        <v>15</v>
      </c>
      <c r="G127725" s="16">
        <v>0.89184737017892413</v>
      </c>
    </row>
    <row r="127726" spans="1:7" x14ac:dyDescent="0.3">
      <c r="A127726" s="13" t="s">
        <v>586</v>
      </c>
      <c r="B127726" s="14" t="s">
        <v>1</v>
      </c>
      <c r="C127726" s="14" t="s">
        <v>546</v>
      </c>
      <c r="D127726" s="14" t="s">
        <v>94</v>
      </c>
      <c r="E127726" s="15">
        <v>45717</v>
      </c>
      <c r="F127726" s="14" t="s">
        <v>15</v>
      </c>
      <c r="G127726" s="16">
        <v>0.89184737017892413</v>
      </c>
    </row>
    <row r="127727" spans="1:7" x14ac:dyDescent="0.3">
      <c r="A127727" s="13" t="s">
        <v>586</v>
      </c>
      <c r="B127727" s="14" t="s">
        <v>1</v>
      </c>
      <c r="C127727" s="14" t="s">
        <v>546</v>
      </c>
      <c r="D127727" s="14" t="s">
        <v>94</v>
      </c>
      <c r="E127727" s="15">
        <v>45718</v>
      </c>
      <c r="F127727" s="14" t="s">
        <v>15</v>
      </c>
      <c r="G127727" s="16">
        <v>0.89184737017892413</v>
      </c>
    </row>
    <row r="127728" spans="1:7" x14ac:dyDescent="0.3">
      <c r="A127728" s="13" t="s">
        <v>586</v>
      </c>
      <c r="B127728" s="14" t="s">
        <v>1</v>
      </c>
      <c r="C127728" s="14" t="s">
        <v>546</v>
      </c>
      <c r="D127728" s="14" t="s">
        <v>94</v>
      </c>
      <c r="E127728" s="15">
        <v>45719</v>
      </c>
      <c r="F127728" s="14" t="s">
        <v>15</v>
      </c>
      <c r="G127728" s="16">
        <v>0.89009069611788227</v>
      </c>
    </row>
    <row r="127729" spans="1:7" x14ac:dyDescent="0.3">
      <c r="A127729" s="13" t="s">
        <v>586</v>
      </c>
      <c r="B127729" s="14" t="s">
        <v>1</v>
      </c>
      <c r="C127729" s="14" t="s">
        <v>546</v>
      </c>
      <c r="D127729" s="14" t="s">
        <v>94</v>
      </c>
      <c r="E127729" s="15">
        <v>45720</v>
      </c>
      <c r="F127729" s="14" t="s">
        <v>15</v>
      </c>
      <c r="G127729" s="16">
        <v>0.8866339532126577</v>
      </c>
    </row>
    <row r="127730" spans="1:7" x14ac:dyDescent="0.3">
      <c r="A127730" s="13" t="s">
        <v>586</v>
      </c>
      <c r="B127730" s="14" t="s">
        <v>1</v>
      </c>
      <c r="C127730" s="14" t="s">
        <v>546</v>
      </c>
      <c r="D127730" s="14" t="s">
        <v>94</v>
      </c>
      <c r="E127730" s="15">
        <v>45721</v>
      </c>
      <c r="F127730" s="14" t="s">
        <v>15</v>
      </c>
      <c r="G127730" s="16">
        <v>0.88493656164224543</v>
      </c>
    </row>
    <row r="127731" spans="1:7" x14ac:dyDescent="0.3">
      <c r="A127731" s="13" t="s">
        <v>586</v>
      </c>
      <c r="B127731" s="14" t="s">
        <v>1</v>
      </c>
      <c r="C127731" s="14" t="s">
        <v>546</v>
      </c>
      <c r="D127731" s="14" t="s">
        <v>94</v>
      </c>
      <c r="E127731" s="15">
        <v>45722</v>
      </c>
      <c r="F127731" s="14" t="s">
        <v>15</v>
      </c>
      <c r="G127731" s="16">
        <v>0.89281711698531896</v>
      </c>
    </row>
    <row r="127732" spans="1:7" x14ac:dyDescent="0.3">
      <c r="A127732" s="13" t="s">
        <v>586</v>
      </c>
      <c r="B127732" s="14" t="s">
        <v>1</v>
      </c>
      <c r="C127732" s="14" t="s">
        <v>546</v>
      </c>
      <c r="D127732" s="14" t="s">
        <v>94</v>
      </c>
      <c r="E127732" s="15">
        <v>45723</v>
      </c>
      <c r="F127732" s="14" t="s">
        <v>15</v>
      </c>
      <c r="G127732" s="16">
        <v>0.89108951046806972</v>
      </c>
    </row>
    <row r="127733" spans="1:7" x14ac:dyDescent="0.3">
      <c r="A127733" s="13" t="s">
        <v>586</v>
      </c>
      <c r="B127733" s="14" t="s">
        <v>1</v>
      </c>
      <c r="C127733" s="14" t="s">
        <v>546</v>
      </c>
      <c r="D127733" s="14" t="s">
        <v>94</v>
      </c>
      <c r="E127733" s="15">
        <v>45724</v>
      </c>
      <c r="F127733" s="14" t="s">
        <v>15</v>
      </c>
      <c r="G127733" s="16">
        <v>0.89108951046806972</v>
      </c>
    </row>
    <row r="127734" spans="1:7" x14ac:dyDescent="0.3">
      <c r="A127734" s="13" t="s">
        <v>586</v>
      </c>
      <c r="B127734" s="14" t="s">
        <v>1</v>
      </c>
      <c r="C127734" s="14" t="s">
        <v>546</v>
      </c>
      <c r="D127734" s="14" t="s">
        <v>94</v>
      </c>
      <c r="E127734" s="15">
        <v>45725</v>
      </c>
      <c r="F127734" s="14" t="s">
        <v>15</v>
      </c>
      <c r="G127734" s="16">
        <v>0.89108951046806972</v>
      </c>
    </row>
    <row r="127735" spans="1:7" x14ac:dyDescent="0.3">
      <c r="A127735" s="13" t="s">
        <v>586</v>
      </c>
      <c r="B127735" s="14" t="s">
        <v>1</v>
      </c>
      <c r="C127735" s="14" t="s">
        <v>546</v>
      </c>
      <c r="D127735" s="14" t="s">
        <v>94</v>
      </c>
      <c r="E127735" s="15">
        <v>45726</v>
      </c>
      <c r="F127735" s="14" t="s">
        <v>15</v>
      </c>
      <c r="G127735" s="16">
        <v>0.88930090035562426</v>
      </c>
    </row>
    <row r="127736" spans="1:7" x14ac:dyDescent="0.3">
      <c r="A127736" s="13" t="s">
        <v>586</v>
      </c>
      <c r="B127736" s="14" t="s">
        <v>1</v>
      </c>
      <c r="C127736" s="14" t="s">
        <v>546</v>
      </c>
      <c r="D127736" s="14" t="s">
        <v>94</v>
      </c>
      <c r="E127736" s="15">
        <v>45727</v>
      </c>
      <c r="F127736" s="14" t="s">
        <v>15</v>
      </c>
      <c r="G127736" s="16">
        <v>0.88395304599931734</v>
      </c>
    </row>
    <row r="127737" spans="1:7" x14ac:dyDescent="0.3">
      <c r="A127737" s="13" t="s">
        <v>586</v>
      </c>
      <c r="B127737" s="14" t="s">
        <v>1</v>
      </c>
      <c r="C127737" s="14" t="s">
        <v>546</v>
      </c>
      <c r="D127737" s="14" t="s">
        <v>94</v>
      </c>
      <c r="E127737" s="15">
        <v>45728</v>
      </c>
      <c r="F127737" s="14" t="s">
        <v>15</v>
      </c>
      <c r="G127737" s="16">
        <v>0.88219579823675331</v>
      </c>
    </row>
    <row r="127738" spans="1:7" x14ac:dyDescent="0.3">
      <c r="A127738" s="13" t="s">
        <v>586</v>
      </c>
      <c r="B127738" s="14" t="s">
        <v>1</v>
      </c>
      <c r="C127738" s="14" t="s">
        <v>546</v>
      </c>
      <c r="D127738" s="14" t="s">
        <v>94</v>
      </c>
      <c r="E127738" s="15">
        <v>45729</v>
      </c>
      <c r="F127738" s="14" t="s">
        <v>15</v>
      </c>
      <c r="G127738" s="16">
        <v>0.89894482294416556</v>
      </c>
    </row>
    <row r="127739" spans="1:7" x14ac:dyDescent="0.3">
      <c r="A127739" s="13" t="s">
        <v>586</v>
      </c>
      <c r="B127739" s="14" t="s">
        <v>1</v>
      </c>
      <c r="C127739" s="14" t="s">
        <v>546</v>
      </c>
      <c r="D127739" s="14" t="s">
        <v>94</v>
      </c>
      <c r="E127739" s="15">
        <v>45730</v>
      </c>
      <c r="F127739" s="14" t="s">
        <v>15</v>
      </c>
      <c r="G127739" s="16">
        <v>0.89719331219682386</v>
      </c>
    </row>
    <row r="127740" spans="1:7" x14ac:dyDescent="0.3">
      <c r="A127740" s="13" t="s">
        <v>586</v>
      </c>
      <c r="B127740" s="14" t="s">
        <v>1</v>
      </c>
      <c r="C127740" s="14" t="s">
        <v>546</v>
      </c>
      <c r="D127740" s="14" t="s">
        <v>94</v>
      </c>
      <c r="E127740" s="15">
        <v>45731</v>
      </c>
      <c r="F127740" s="14" t="s">
        <v>15</v>
      </c>
      <c r="G127740" s="16">
        <v>0.89719331219682386</v>
      </c>
    </row>
    <row r="127741" spans="1:7" x14ac:dyDescent="0.3">
      <c r="A127741" s="13" t="s">
        <v>586</v>
      </c>
      <c r="B127741" s="14" t="s">
        <v>1</v>
      </c>
      <c r="C127741" s="14" t="s">
        <v>546</v>
      </c>
      <c r="D127741" s="14" t="s">
        <v>94</v>
      </c>
      <c r="E127741" s="15">
        <v>45732</v>
      </c>
      <c r="F127741" s="14" t="s">
        <v>15</v>
      </c>
      <c r="G127741" s="16">
        <v>0.89719331219682386</v>
      </c>
    </row>
    <row r="127742" spans="1:7" x14ac:dyDescent="0.3">
      <c r="A127742" s="13" t="s">
        <v>586</v>
      </c>
      <c r="B127742" s="14" t="s">
        <v>1</v>
      </c>
      <c r="C127742" s="14" t="s">
        <v>546</v>
      </c>
      <c r="D127742" s="14" t="s">
        <v>94</v>
      </c>
      <c r="E127742" s="15">
        <v>45733</v>
      </c>
      <c r="F127742" s="14" t="s">
        <v>15</v>
      </c>
      <c r="G127742" s="16">
        <v>0.89719331219682386</v>
      </c>
    </row>
    <row r="127743" spans="1:7" x14ac:dyDescent="0.3">
      <c r="A127743" s="13" t="s">
        <v>586</v>
      </c>
      <c r="B127743" s="14" t="s">
        <v>1</v>
      </c>
      <c r="C127743" s="14" t="s">
        <v>546</v>
      </c>
      <c r="D127743" s="14" t="s">
        <v>94</v>
      </c>
      <c r="E127743" s="15">
        <v>45734</v>
      </c>
      <c r="F127743" s="14" t="s">
        <v>15</v>
      </c>
      <c r="G127743" s="16">
        <v>0.89545308424608561</v>
      </c>
    </row>
    <row r="127744" spans="1:7" x14ac:dyDescent="0.3">
      <c r="A127744" s="13" t="s">
        <v>586</v>
      </c>
      <c r="B127744" s="14" t="s">
        <v>1</v>
      </c>
      <c r="C127744" s="14" t="s">
        <v>546</v>
      </c>
      <c r="D127744" s="14" t="s">
        <v>94</v>
      </c>
      <c r="E127744" s="15">
        <v>45735</v>
      </c>
      <c r="F127744" s="14" t="s">
        <v>15</v>
      </c>
      <c r="G127744" s="16">
        <v>0.89577397463084807</v>
      </c>
    </row>
    <row r="127745" spans="1:7" x14ac:dyDescent="0.3">
      <c r="A127745" s="13" t="s">
        <v>586</v>
      </c>
      <c r="B127745" s="14" t="s">
        <v>1</v>
      </c>
      <c r="C127745" s="14" t="s">
        <v>546</v>
      </c>
      <c r="D127745" s="14" t="s">
        <v>94</v>
      </c>
      <c r="E127745" s="15">
        <v>45736</v>
      </c>
      <c r="F127745" s="14" t="s">
        <v>15</v>
      </c>
      <c r="G127745" s="16">
        <v>0.89393315767988046</v>
      </c>
    </row>
    <row r="127746" spans="1:7" x14ac:dyDescent="0.3">
      <c r="A127746" s="13" t="s">
        <v>586</v>
      </c>
      <c r="B127746" s="14" t="s">
        <v>1</v>
      </c>
      <c r="C127746" s="14" t="s">
        <v>546</v>
      </c>
      <c r="D127746" s="14" t="s">
        <v>94</v>
      </c>
      <c r="E127746" s="15">
        <v>45737</v>
      </c>
      <c r="F127746" s="14" t="s">
        <v>15</v>
      </c>
      <c r="G127746" s="16">
        <v>0.89209999008254237</v>
      </c>
    </row>
    <row r="127747" spans="1:7" x14ac:dyDescent="0.3">
      <c r="A127747" s="13" t="s">
        <v>586</v>
      </c>
      <c r="B127747" s="14" t="s">
        <v>1</v>
      </c>
      <c r="C127747" s="14" t="s">
        <v>546</v>
      </c>
      <c r="D127747" s="14" t="s">
        <v>94</v>
      </c>
      <c r="E127747" s="15">
        <v>45738</v>
      </c>
      <c r="F127747" s="14" t="s">
        <v>15</v>
      </c>
      <c r="G127747" s="16">
        <v>0.89209999008254237</v>
      </c>
    </row>
    <row r="127748" spans="1:7" x14ac:dyDescent="0.3">
      <c r="A127748" s="13" t="s">
        <v>586</v>
      </c>
      <c r="B127748" s="14" t="s">
        <v>1</v>
      </c>
      <c r="C127748" s="14" t="s">
        <v>546</v>
      </c>
      <c r="D127748" s="14" t="s">
        <v>94</v>
      </c>
      <c r="E127748" s="15">
        <v>45739</v>
      </c>
      <c r="F127748" s="14" t="s">
        <v>15</v>
      </c>
      <c r="G127748" s="16">
        <v>0.89209999008254237</v>
      </c>
    </row>
    <row r="127749" spans="1:7" x14ac:dyDescent="0.3">
      <c r="A127749" s="13" t="s">
        <v>586</v>
      </c>
      <c r="B127749" s="14" t="s">
        <v>1</v>
      </c>
      <c r="C127749" s="14" t="s">
        <v>546</v>
      </c>
      <c r="D127749" s="14" t="s">
        <v>94</v>
      </c>
      <c r="E127749" s="15">
        <v>45740</v>
      </c>
      <c r="F127749" s="14" t="s">
        <v>15</v>
      </c>
      <c r="G127749" s="16">
        <v>0.89029894977044877</v>
      </c>
    </row>
    <row r="127750" spans="1:7" x14ac:dyDescent="0.3">
      <c r="A127750" s="13" t="s">
        <v>586</v>
      </c>
      <c r="B127750" s="14" t="s">
        <v>1</v>
      </c>
      <c r="C127750" s="14" t="s">
        <v>546</v>
      </c>
      <c r="D127750" s="14" t="s">
        <v>94</v>
      </c>
      <c r="E127750" s="15">
        <v>45741</v>
      </c>
      <c r="F127750" s="14" t="s">
        <v>15</v>
      </c>
      <c r="G127750" s="16">
        <v>0.88501095160629373</v>
      </c>
    </row>
    <row r="127751" spans="1:7" x14ac:dyDescent="0.3">
      <c r="A127751" s="13" t="s">
        <v>586</v>
      </c>
      <c r="B127751" s="14" t="s">
        <v>1</v>
      </c>
      <c r="C127751" s="14" t="s">
        <v>546</v>
      </c>
      <c r="D127751" s="14" t="s">
        <v>94</v>
      </c>
      <c r="E127751" s="15">
        <v>45742</v>
      </c>
      <c r="F127751" s="14" t="s">
        <v>15</v>
      </c>
      <c r="G127751" s="16">
        <v>0.88323534539501858</v>
      </c>
    </row>
    <row r="127752" spans="1:7" x14ac:dyDescent="0.3">
      <c r="A127752" s="13" t="s">
        <v>586</v>
      </c>
      <c r="B127752" s="14" t="s">
        <v>1</v>
      </c>
      <c r="C127752" s="14" t="s">
        <v>546</v>
      </c>
      <c r="D127752" s="14" t="s">
        <v>94</v>
      </c>
      <c r="E127752" s="15">
        <v>45743</v>
      </c>
      <c r="F127752" s="14" t="s">
        <v>15</v>
      </c>
      <c r="G127752" s="16">
        <v>0.88255340551893813</v>
      </c>
    </row>
    <row r="127753" spans="1:7" x14ac:dyDescent="0.3">
      <c r="A127753" s="13" t="s">
        <v>586</v>
      </c>
      <c r="B127753" s="14" t="s">
        <v>1</v>
      </c>
      <c r="C127753" s="14" t="s">
        <v>546</v>
      </c>
      <c r="D127753" s="14" t="s">
        <v>94</v>
      </c>
      <c r="E127753" s="15">
        <v>45744</v>
      </c>
      <c r="F127753" s="14" t="s">
        <v>15</v>
      </c>
      <c r="G127753" s="16">
        <v>0.88080992659290747</v>
      </c>
    </row>
    <row r="127754" spans="1:7" x14ac:dyDescent="0.3">
      <c r="A127754" s="13" t="s">
        <v>586</v>
      </c>
      <c r="B127754" s="14" t="s">
        <v>1</v>
      </c>
      <c r="C127754" s="14" t="s">
        <v>546</v>
      </c>
      <c r="D127754" s="14" t="s">
        <v>94</v>
      </c>
      <c r="E127754" s="15">
        <v>45745</v>
      </c>
      <c r="F127754" s="14" t="s">
        <v>15</v>
      </c>
      <c r="G127754" s="16">
        <v>0.88080992659290747</v>
      </c>
    </row>
    <row r="127755" spans="1:7" x14ac:dyDescent="0.3">
      <c r="A127755" s="13" t="s">
        <v>586</v>
      </c>
      <c r="B127755" s="14" t="s">
        <v>1</v>
      </c>
      <c r="C127755" s="14" t="s">
        <v>546</v>
      </c>
      <c r="D127755" s="14" t="s">
        <v>94</v>
      </c>
      <c r="E127755" s="15">
        <v>45746</v>
      </c>
      <c r="F127755" s="14" t="s">
        <v>15</v>
      </c>
      <c r="G127755" s="16">
        <v>0.88080992659290747</v>
      </c>
    </row>
    <row r="127756" spans="1:7" x14ac:dyDescent="0.3">
      <c r="A127756" s="13" t="s">
        <v>586</v>
      </c>
      <c r="B127756" s="14" t="s">
        <v>1</v>
      </c>
      <c r="C127756" s="14" t="s">
        <v>546</v>
      </c>
      <c r="D127756" s="14" t="s">
        <v>94</v>
      </c>
      <c r="E127756" s="15">
        <v>45747</v>
      </c>
      <c r="F127756" s="14" t="s">
        <v>15</v>
      </c>
      <c r="G127756" s="16">
        <v>0.88080992659290747</v>
      </c>
    </row>
    <row r="127757" spans="1:7" x14ac:dyDescent="0.3">
      <c r="A127757" s="13" t="s">
        <v>587</v>
      </c>
      <c r="B127757" s="14" t="s">
        <v>1</v>
      </c>
      <c r="C127757" s="14" t="s">
        <v>558</v>
      </c>
      <c r="D127757" s="14" t="s">
        <v>31</v>
      </c>
      <c r="E127757" s="15">
        <v>45383</v>
      </c>
      <c r="F127757" s="14" t="s">
        <v>15</v>
      </c>
      <c r="G127757" s="16">
        <v>0</v>
      </c>
    </row>
    <row r="127758" spans="1:7" x14ac:dyDescent="0.3">
      <c r="A127758" s="13" t="s">
        <v>587</v>
      </c>
      <c r="B127758" s="14" t="s">
        <v>1</v>
      </c>
      <c r="C127758" s="14" t="s">
        <v>558</v>
      </c>
      <c r="D127758" s="14" t="s">
        <v>31</v>
      </c>
      <c r="E127758" s="15">
        <v>45384</v>
      </c>
      <c r="F127758" s="14" t="s">
        <v>15</v>
      </c>
      <c r="G127758" s="16">
        <v>0</v>
      </c>
    </row>
    <row r="127759" spans="1:7" x14ac:dyDescent="0.3">
      <c r="A127759" s="13" t="s">
        <v>587</v>
      </c>
      <c r="B127759" s="14" t="s">
        <v>1</v>
      </c>
      <c r="C127759" s="14" t="s">
        <v>558</v>
      </c>
      <c r="D127759" s="14" t="s">
        <v>31</v>
      </c>
      <c r="E127759" s="15">
        <v>45385</v>
      </c>
      <c r="F127759" s="14" t="s">
        <v>15</v>
      </c>
      <c r="G127759" s="16">
        <v>0</v>
      </c>
    </row>
    <row r="127760" spans="1:7" x14ac:dyDescent="0.3">
      <c r="A127760" s="13" t="s">
        <v>587</v>
      </c>
      <c r="B127760" s="14" t="s">
        <v>1</v>
      </c>
      <c r="C127760" s="14" t="s">
        <v>558</v>
      </c>
      <c r="D127760" s="14" t="s">
        <v>31</v>
      </c>
      <c r="E127760" s="15">
        <v>45386</v>
      </c>
      <c r="F127760" s="14" t="s">
        <v>15</v>
      </c>
      <c r="G127760" s="16">
        <v>4.7741388932692074E-4</v>
      </c>
    </row>
    <row r="127761" spans="1:7" x14ac:dyDescent="0.3">
      <c r="A127761" s="13" t="s">
        <v>587</v>
      </c>
      <c r="B127761" s="14" t="s">
        <v>1</v>
      </c>
      <c r="C127761" s="14" t="s">
        <v>558</v>
      </c>
      <c r="D127761" s="14" t="s">
        <v>31</v>
      </c>
      <c r="E127761" s="15">
        <v>45387</v>
      </c>
      <c r="F127761" s="14" t="s">
        <v>15</v>
      </c>
      <c r="G127761" s="16">
        <v>0</v>
      </c>
    </row>
    <row r="127762" spans="1:7" x14ac:dyDescent="0.3">
      <c r="A127762" s="13" t="s">
        <v>587</v>
      </c>
      <c r="B127762" s="14" t="s">
        <v>1</v>
      </c>
      <c r="C127762" s="14" t="s">
        <v>558</v>
      </c>
      <c r="D127762" s="14" t="s">
        <v>31</v>
      </c>
      <c r="E127762" s="15">
        <v>45388</v>
      </c>
      <c r="F127762" s="14" t="s">
        <v>15</v>
      </c>
      <c r="G127762" s="16">
        <v>0</v>
      </c>
    </row>
    <row r="127763" spans="1:7" x14ac:dyDescent="0.3">
      <c r="A127763" s="13" t="s">
        <v>587</v>
      </c>
      <c r="B127763" s="14" t="s">
        <v>1</v>
      </c>
      <c r="C127763" s="14" t="s">
        <v>558</v>
      </c>
      <c r="D127763" s="14" t="s">
        <v>31</v>
      </c>
      <c r="E127763" s="15">
        <v>45389</v>
      </c>
      <c r="F127763" s="14" t="s">
        <v>15</v>
      </c>
      <c r="G127763" s="16">
        <v>0</v>
      </c>
    </row>
    <row r="127764" spans="1:7" x14ac:dyDescent="0.3">
      <c r="A127764" s="13" t="s">
        <v>587</v>
      </c>
      <c r="B127764" s="14" t="s">
        <v>1</v>
      </c>
      <c r="C127764" s="14" t="s">
        <v>558</v>
      </c>
      <c r="D127764" s="14" t="s">
        <v>31</v>
      </c>
      <c r="E127764" s="15">
        <v>45390</v>
      </c>
      <c r="F127764" s="14" t="s">
        <v>15</v>
      </c>
      <c r="G127764" s="16">
        <v>0</v>
      </c>
    </row>
    <row r="127765" spans="1:7" x14ac:dyDescent="0.3">
      <c r="A127765" s="13" t="s">
        <v>587</v>
      </c>
      <c r="B127765" s="14" t="s">
        <v>1</v>
      </c>
      <c r="C127765" s="14" t="s">
        <v>558</v>
      </c>
      <c r="D127765" s="14" t="s">
        <v>31</v>
      </c>
      <c r="E127765" s="15">
        <v>45391</v>
      </c>
      <c r="F127765" s="14" t="s">
        <v>15</v>
      </c>
      <c r="G127765" s="16">
        <v>2.8027053649544785E-3</v>
      </c>
    </row>
    <row r="127766" spans="1:7" x14ac:dyDescent="0.3">
      <c r="A127766" s="13" t="s">
        <v>587</v>
      </c>
      <c r="B127766" s="14" t="s">
        <v>1</v>
      </c>
      <c r="C127766" s="14" t="s">
        <v>558</v>
      </c>
      <c r="D127766" s="14" t="s">
        <v>31</v>
      </c>
      <c r="E127766" s="15">
        <v>45392</v>
      </c>
      <c r="F127766" s="14" t="s">
        <v>15</v>
      </c>
      <c r="G127766" s="16">
        <v>2.0141581566426679E-2</v>
      </c>
    </row>
    <row r="127767" spans="1:7" x14ac:dyDescent="0.3">
      <c r="A127767" s="13" t="s">
        <v>587</v>
      </c>
      <c r="B127767" s="14" t="s">
        <v>1</v>
      </c>
      <c r="C127767" s="14" t="s">
        <v>558</v>
      </c>
      <c r="D127767" s="14" t="s">
        <v>31</v>
      </c>
      <c r="E127767" s="15">
        <v>45393</v>
      </c>
      <c r="F127767" s="14" t="s">
        <v>15</v>
      </c>
      <c r="G127767" s="16">
        <v>3.4879749966698695E-2</v>
      </c>
    </row>
    <row r="127768" spans="1:7" x14ac:dyDescent="0.3">
      <c r="A127768" s="13" t="s">
        <v>587</v>
      </c>
      <c r="B127768" s="14" t="s">
        <v>1</v>
      </c>
      <c r="C127768" s="14" t="s">
        <v>558</v>
      </c>
      <c r="D127768" s="14" t="s">
        <v>31</v>
      </c>
      <c r="E127768" s="15">
        <v>45394</v>
      </c>
      <c r="F127768" s="14" t="s">
        <v>15</v>
      </c>
      <c r="G127768" s="16">
        <v>3.3005824198637117E-2</v>
      </c>
    </row>
    <row r="127769" spans="1:7" x14ac:dyDescent="0.3">
      <c r="A127769" s="13" t="s">
        <v>587</v>
      </c>
      <c r="B127769" s="14" t="s">
        <v>1</v>
      </c>
      <c r="C127769" s="14" t="s">
        <v>558</v>
      </c>
      <c r="D127769" s="14" t="s">
        <v>31</v>
      </c>
      <c r="E127769" s="15">
        <v>45395</v>
      </c>
      <c r="F127769" s="14" t="s">
        <v>15</v>
      </c>
      <c r="G127769" s="16">
        <v>3.3005824198637117E-2</v>
      </c>
    </row>
    <row r="127770" spans="1:7" x14ac:dyDescent="0.3">
      <c r="A127770" s="13" t="s">
        <v>587</v>
      </c>
      <c r="B127770" s="14" t="s">
        <v>1</v>
      </c>
      <c r="C127770" s="14" t="s">
        <v>558</v>
      </c>
      <c r="D127770" s="14" t="s">
        <v>31</v>
      </c>
      <c r="E127770" s="15">
        <v>45396</v>
      </c>
      <c r="F127770" s="14" t="s">
        <v>15</v>
      </c>
      <c r="G127770" s="16">
        <v>3.3005824198637117E-2</v>
      </c>
    </row>
    <row r="127771" spans="1:7" x14ac:dyDescent="0.3">
      <c r="A127771" s="13" t="s">
        <v>587</v>
      </c>
      <c r="B127771" s="14" t="s">
        <v>1</v>
      </c>
      <c r="C127771" s="14" t="s">
        <v>558</v>
      </c>
      <c r="D127771" s="14" t="s">
        <v>31</v>
      </c>
      <c r="E127771" s="15">
        <v>45397</v>
      </c>
      <c r="F127771" s="14" t="s">
        <v>15</v>
      </c>
      <c r="G127771" s="16">
        <v>5.4272997061134094E-2</v>
      </c>
    </row>
    <row r="127772" spans="1:7" x14ac:dyDescent="0.3">
      <c r="A127772" s="13" t="s">
        <v>587</v>
      </c>
      <c r="B127772" s="14" t="s">
        <v>1</v>
      </c>
      <c r="C127772" s="14" t="s">
        <v>558</v>
      </c>
      <c r="D127772" s="14" t="s">
        <v>31</v>
      </c>
      <c r="E127772" s="15">
        <v>45398</v>
      </c>
      <c r="F127772" s="14" t="s">
        <v>15</v>
      </c>
      <c r="G127772" s="16">
        <v>4.9442924193518742E-2</v>
      </c>
    </row>
    <row r="127773" spans="1:7" x14ac:dyDescent="0.3">
      <c r="A127773" s="13" t="s">
        <v>587</v>
      </c>
      <c r="B127773" s="14" t="s">
        <v>1</v>
      </c>
      <c r="C127773" s="14" t="s">
        <v>558</v>
      </c>
      <c r="D127773" s="14" t="s">
        <v>31</v>
      </c>
      <c r="E127773" s="15">
        <v>45399</v>
      </c>
      <c r="F127773" s="14" t="s">
        <v>15</v>
      </c>
      <c r="G127773" s="16">
        <v>4.7878276775972631E-2</v>
      </c>
    </row>
    <row r="127774" spans="1:7" x14ac:dyDescent="0.3">
      <c r="A127774" s="13" t="s">
        <v>587</v>
      </c>
      <c r="B127774" s="14" t="s">
        <v>1</v>
      </c>
      <c r="C127774" s="14" t="s">
        <v>558</v>
      </c>
      <c r="D127774" s="14" t="s">
        <v>31</v>
      </c>
      <c r="E127774" s="15">
        <v>45400</v>
      </c>
      <c r="F127774" s="14" t="s">
        <v>15</v>
      </c>
      <c r="G127774" s="16">
        <v>4.4576131281799353E-2</v>
      </c>
    </row>
    <row r="127775" spans="1:7" x14ac:dyDescent="0.3">
      <c r="A127775" s="13" t="s">
        <v>587</v>
      </c>
      <c r="B127775" s="14" t="s">
        <v>1</v>
      </c>
      <c r="C127775" s="14" t="s">
        <v>558</v>
      </c>
      <c r="D127775" s="14" t="s">
        <v>31</v>
      </c>
      <c r="E127775" s="15">
        <v>45401</v>
      </c>
      <c r="F127775" s="14" t="s">
        <v>15</v>
      </c>
      <c r="G127775" s="16">
        <v>4.4007944858252317E-2</v>
      </c>
    </row>
    <row r="127776" spans="1:7" x14ac:dyDescent="0.3">
      <c r="A127776" s="13" t="s">
        <v>587</v>
      </c>
      <c r="B127776" s="14" t="s">
        <v>1</v>
      </c>
      <c r="C127776" s="14" t="s">
        <v>558</v>
      </c>
      <c r="D127776" s="14" t="s">
        <v>31</v>
      </c>
      <c r="E127776" s="15">
        <v>45402</v>
      </c>
      <c r="F127776" s="14" t="s">
        <v>15</v>
      </c>
      <c r="G127776" s="16">
        <v>4.4007944858252317E-2</v>
      </c>
    </row>
    <row r="127777" spans="1:7" x14ac:dyDescent="0.3">
      <c r="A127777" s="13" t="s">
        <v>587</v>
      </c>
      <c r="B127777" s="14" t="s">
        <v>1</v>
      </c>
      <c r="C127777" s="14" t="s">
        <v>558</v>
      </c>
      <c r="D127777" s="14" t="s">
        <v>31</v>
      </c>
      <c r="E127777" s="15">
        <v>45403</v>
      </c>
      <c r="F127777" s="14" t="s">
        <v>15</v>
      </c>
      <c r="G127777" s="16">
        <v>4.4007944858252317E-2</v>
      </c>
    </row>
    <row r="127778" spans="1:7" x14ac:dyDescent="0.3">
      <c r="A127778" s="13" t="s">
        <v>587</v>
      </c>
      <c r="B127778" s="14" t="s">
        <v>1</v>
      </c>
      <c r="C127778" s="14" t="s">
        <v>558</v>
      </c>
      <c r="D127778" s="14" t="s">
        <v>31</v>
      </c>
      <c r="E127778" s="15">
        <v>45404</v>
      </c>
      <c r="F127778" s="14" t="s">
        <v>15</v>
      </c>
      <c r="G127778" s="16">
        <v>4.216079243993686E-2</v>
      </c>
    </row>
    <row r="127779" spans="1:7" x14ac:dyDescent="0.3">
      <c r="A127779" s="13" t="s">
        <v>587</v>
      </c>
      <c r="B127779" s="14" t="s">
        <v>1</v>
      </c>
      <c r="C127779" s="14" t="s">
        <v>558</v>
      </c>
      <c r="D127779" s="14" t="s">
        <v>31</v>
      </c>
      <c r="E127779" s="15">
        <v>45405</v>
      </c>
      <c r="F127779" s="14" t="s">
        <v>15</v>
      </c>
      <c r="G127779" s="16">
        <v>4.3804330897140711E-2</v>
      </c>
    </row>
    <row r="127780" spans="1:7" x14ac:dyDescent="0.3">
      <c r="A127780" s="13" t="s">
        <v>587</v>
      </c>
      <c r="B127780" s="14" t="s">
        <v>1</v>
      </c>
      <c r="C127780" s="14" t="s">
        <v>558</v>
      </c>
      <c r="D127780" s="14" t="s">
        <v>31</v>
      </c>
      <c r="E127780" s="15">
        <v>45406</v>
      </c>
      <c r="F127780" s="14" t="s">
        <v>15</v>
      </c>
      <c r="G127780" s="16">
        <v>3.7243724052063686E-2</v>
      </c>
    </row>
    <row r="127781" spans="1:7" x14ac:dyDescent="0.3">
      <c r="A127781" s="13" t="s">
        <v>587</v>
      </c>
      <c r="B127781" s="14" t="s">
        <v>1</v>
      </c>
      <c r="C127781" s="14" t="s">
        <v>558</v>
      </c>
      <c r="D127781" s="14" t="s">
        <v>31</v>
      </c>
      <c r="E127781" s="15">
        <v>45407</v>
      </c>
      <c r="F127781" s="14" t="s">
        <v>15</v>
      </c>
      <c r="G127781" s="16">
        <v>4.1404301429389403E-2</v>
      </c>
    </row>
    <row r="127782" spans="1:7" x14ac:dyDescent="0.3">
      <c r="A127782" s="13" t="s">
        <v>587</v>
      </c>
      <c r="B127782" s="14" t="s">
        <v>1</v>
      </c>
      <c r="C127782" s="14" t="s">
        <v>558</v>
      </c>
      <c r="D127782" s="14" t="s">
        <v>31</v>
      </c>
      <c r="E127782" s="15">
        <v>45408</v>
      </c>
      <c r="F127782" s="14" t="s">
        <v>15</v>
      </c>
      <c r="G127782" s="16">
        <v>5.3771215118656637E-2</v>
      </c>
    </row>
    <row r="127783" spans="1:7" x14ac:dyDescent="0.3">
      <c r="A127783" s="13" t="s">
        <v>587</v>
      </c>
      <c r="B127783" s="14" t="s">
        <v>1</v>
      </c>
      <c r="C127783" s="14" t="s">
        <v>558</v>
      </c>
      <c r="D127783" s="14" t="s">
        <v>31</v>
      </c>
      <c r="E127783" s="15">
        <v>45409</v>
      </c>
      <c r="F127783" s="14" t="s">
        <v>15</v>
      </c>
      <c r="G127783" s="16">
        <v>5.3771215118656637E-2</v>
      </c>
    </row>
    <row r="127784" spans="1:7" x14ac:dyDescent="0.3">
      <c r="A127784" s="13" t="s">
        <v>587</v>
      </c>
      <c r="B127784" s="14" t="s">
        <v>1</v>
      </c>
      <c r="C127784" s="14" t="s">
        <v>558</v>
      </c>
      <c r="D127784" s="14" t="s">
        <v>31</v>
      </c>
      <c r="E127784" s="15">
        <v>45410</v>
      </c>
      <c r="F127784" s="14" t="s">
        <v>15</v>
      </c>
      <c r="G127784" s="16">
        <v>5.3771215118656637E-2</v>
      </c>
    </row>
    <row r="127785" spans="1:7" x14ac:dyDescent="0.3">
      <c r="A127785" s="13" t="s">
        <v>587</v>
      </c>
      <c r="B127785" s="14" t="s">
        <v>1</v>
      </c>
      <c r="C127785" s="14" t="s">
        <v>558</v>
      </c>
      <c r="D127785" s="14" t="s">
        <v>31</v>
      </c>
      <c r="E127785" s="15">
        <v>45411</v>
      </c>
      <c r="F127785" s="14" t="s">
        <v>15</v>
      </c>
      <c r="G127785" s="16">
        <v>7.8774828871106456E-2</v>
      </c>
    </row>
    <row r="127786" spans="1:7" x14ac:dyDescent="0.3">
      <c r="A127786" s="13" t="s">
        <v>587</v>
      </c>
      <c r="B127786" s="14" t="s">
        <v>1</v>
      </c>
      <c r="C127786" s="14" t="s">
        <v>558</v>
      </c>
      <c r="D127786" s="14" t="s">
        <v>31</v>
      </c>
      <c r="E127786" s="15">
        <v>45412</v>
      </c>
      <c r="F127786" s="14" t="s">
        <v>15</v>
      </c>
      <c r="G127786" s="16">
        <v>7.4231010544848833E-2</v>
      </c>
    </row>
    <row r="127787" spans="1:7" x14ac:dyDescent="0.3">
      <c r="A127787" s="13" t="s">
        <v>587</v>
      </c>
      <c r="B127787" s="14" t="s">
        <v>1</v>
      </c>
      <c r="C127787" s="14" t="s">
        <v>558</v>
      </c>
      <c r="D127787" s="14" t="s">
        <v>31</v>
      </c>
      <c r="E127787" s="15">
        <v>45413</v>
      </c>
      <c r="F127787" s="14" t="s">
        <v>15</v>
      </c>
      <c r="G127787" s="16">
        <v>7.2426970176890676E-2</v>
      </c>
    </row>
    <row r="127788" spans="1:7" x14ac:dyDescent="0.3">
      <c r="A127788" s="13" t="s">
        <v>587</v>
      </c>
      <c r="B127788" s="14" t="s">
        <v>1</v>
      </c>
      <c r="C127788" s="14" t="s">
        <v>558</v>
      </c>
      <c r="D127788" s="14" t="s">
        <v>31</v>
      </c>
      <c r="E127788" s="15">
        <v>45414</v>
      </c>
      <c r="F127788" s="14" t="s">
        <v>15</v>
      </c>
      <c r="G127788" s="16">
        <v>6.8582131902984331E-2</v>
      </c>
    </row>
    <row r="127789" spans="1:7" x14ac:dyDescent="0.3">
      <c r="A127789" s="13" t="s">
        <v>587</v>
      </c>
      <c r="B127789" s="14" t="s">
        <v>1</v>
      </c>
      <c r="C127789" s="14" t="s">
        <v>558</v>
      </c>
      <c r="D127789" s="14" t="s">
        <v>31</v>
      </c>
      <c r="E127789" s="15">
        <v>45415</v>
      </c>
      <c r="F127789" s="14" t="s">
        <v>15</v>
      </c>
      <c r="G127789" s="16">
        <v>8.9941012376257345E-2</v>
      </c>
    </row>
    <row r="127790" spans="1:7" x14ac:dyDescent="0.3">
      <c r="A127790" s="13" t="s">
        <v>587</v>
      </c>
      <c r="B127790" s="14" t="s">
        <v>1</v>
      </c>
      <c r="C127790" s="14" t="s">
        <v>558</v>
      </c>
      <c r="D127790" s="14" t="s">
        <v>31</v>
      </c>
      <c r="E127790" s="15">
        <v>45416</v>
      </c>
      <c r="F127790" s="14" t="s">
        <v>15</v>
      </c>
      <c r="G127790" s="16">
        <v>8.9941012376257345E-2</v>
      </c>
    </row>
    <row r="127791" spans="1:7" x14ac:dyDescent="0.3">
      <c r="A127791" s="13" t="s">
        <v>587</v>
      </c>
      <c r="B127791" s="14" t="s">
        <v>1</v>
      </c>
      <c r="C127791" s="14" t="s">
        <v>558</v>
      </c>
      <c r="D127791" s="14" t="s">
        <v>31</v>
      </c>
      <c r="E127791" s="15">
        <v>45417</v>
      </c>
      <c r="F127791" s="14" t="s">
        <v>15</v>
      </c>
      <c r="G127791" s="16">
        <v>8.9941012376257345E-2</v>
      </c>
    </row>
    <row r="127792" spans="1:7" x14ac:dyDescent="0.3">
      <c r="A127792" s="13" t="s">
        <v>587</v>
      </c>
      <c r="B127792" s="14" t="s">
        <v>1</v>
      </c>
      <c r="C127792" s="14" t="s">
        <v>558</v>
      </c>
      <c r="D127792" s="14" t="s">
        <v>31</v>
      </c>
      <c r="E127792" s="15">
        <v>45418</v>
      </c>
      <c r="F127792" s="14" t="s">
        <v>15</v>
      </c>
      <c r="G127792" s="16">
        <v>8.9941012376257345E-2</v>
      </c>
    </row>
    <row r="127793" spans="1:7" x14ac:dyDescent="0.3">
      <c r="A127793" s="13" t="s">
        <v>587</v>
      </c>
      <c r="B127793" s="14" t="s">
        <v>1</v>
      </c>
      <c r="C127793" s="14" t="s">
        <v>558</v>
      </c>
      <c r="D127793" s="14" t="s">
        <v>31</v>
      </c>
      <c r="E127793" s="15">
        <v>45419</v>
      </c>
      <c r="F127793" s="14" t="s">
        <v>15</v>
      </c>
      <c r="G127793" s="16">
        <v>0.12993713447783617</v>
      </c>
    </row>
    <row r="127794" spans="1:7" x14ac:dyDescent="0.3">
      <c r="A127794" s="13" t="s">
        <v>587</v>
      </c>
      <c r="B127794" s="14" t="s">
        <v>1</v>
      </c>
      <c r="C127794" s="14" t="s">
        <v>558</v>
      </c>
      <c r="D127794" s="14" t="s">
        <v>31</v>
      </c>
      <c r="E127794" s="15">
        <v>45420</v>
      </c>
      <c r="F127794" s="14" t="s">
        <v>15</v>
      </c>
      <c r="G127794" s="16">
        <v>0.12283008842344421</v>
      </c>
    </row>
    <row r="127795" spans="1:7" x14ac:dyDescent="0.3">
      <c r="A127795" s="13" t="s">
        <v>587</v>
      </c>
      <c r="B127795" s="14" t="s">
        <v>1</v>
      </c>
      <c r="C127795" s="14" t="s">
        <v>558</v>
      </c>
      <c r="D127795" s="14" t="s">
        <v>31</v>
      </c>
      <c r="E127795" s="15">
        <v>45421</v>
      </c>
      <c r="F127795" s="14" t="s">
        <v>15</v>
      </c>
      <c r="G127795" s="16">
        <v>0.12102442336011644</v>
      </c>
    </row>
    <row r="127796" spans="1:7" x14ac:dyDescent="0.3">
      <c r="A127796" s="13" t="s">
        <v>587</v>
      </c>
      <c r="B127796" s="14" t="s">
        <v>1</v>
      </c>
      <c r="C127796" s="14" t="s">
        <v>558</v>
      </c>
      <c r="D127796" s="14" t="s">
        <v>31</v>
      </c>
      <c r="E127796" s="15">
        <v>45422</v>
      </c>
      <c r="F127796" s="14" t="s">
        <v>15</v>
      </c>
      <c r="G127796" s="16">
        <v>0.11923807411951635</v>
      </c>
    </row>
    <row r="127797" spans="1:7" x14ac:dyDescent="0.3">
      <c r="A127797" s="13" t="s">
        <v>587</v>
      </c>
      <c r="B127797" s="14" t="s">
        <v>1</v>
      </c>
      <c r="C127797" s="14" t="s">
        <v>558</v>
      </c>
      <c r="D127797" s="14" t="s">
        <v>31</v>
      </c>
      <c r="E127797" s="15">
        <v>45423</v>
      </c>
      <c r="F127797" s="14" t="s">
        <v>15</v>
      </c>
      <c r="G127797" s="16">
        <v>0.11923807411951635</v>
      </c>
    </row>
    <row r="127798" spans="1:7" x14ac:dyDescent="0.3">
      <c r="A127798" s="13" t="s">
        <v>587</v>
      </c>
      <c r="B127798" s="14" t="s">
        <v>1</v>
      </c>
      <c r="C127798" s="14" t="s">
        <v>558</v>
      </c>
      <c r="D127798" s="14" t="s">
        <v>31</v>
      </c>
      <c r="E127798" s="15">
        <v>45424</v>
      </c>
      <c r="F127798" s="14" t="s">
        <v>15</v>
      </c>
      <c r="G127798" s="16">
        <v>0.11923807411951635</v>
      </c>
    </row>
    <row r="127799" spans="1:7" x14ac:dyDescent="0.3">
      <c r="A127799" s="13" t="s">
        <v>587</v>
      </c>
      <c r="B127799" s="14" t="s">
        <v>1</v>
      </c>
      <c r="C127799" s="14" t="s">
        <v>558</v>
      </c>
      <c r="D127799" s="14" t="s">
        <v>31</v>
      </c>
      <c r="E127799" s="15">
        <v>45425</v>
      </c>
      <c r="F127799" s="14" t="s">
        <v>15</v>
      </c>
      <c r="G127799" s="16">
        <v>0.12047167252762103</v>
      </c>
    </row>
    <row r="127800" spans="1:7" x14ac:dyDescent="0.3">
      <c r="A127800" s="13" t="s">
        <v>587</v>
      </c>
      <c r="B127800" s="14" t="s">
        <v>1</v>
      </c>
      <c r="C127800" s="14" t="s">
        <v>558</v>
      </c>
      <c r="D127800" s="14" t="s">
        <v>31</v>
      </c>
      <c r="E127800" s="15">
        <v>45426</v>
      </c>
      <c r="F127800" s="14" t="s">
        <v>15</v>
      </c>
      <c r="G127800" s="16">
        <v>0.1149200015070769</v>
      </c>
    </row>
    <row r="127801" spans="1:7" x14ac:dyDescent="0.3">
      <c r="A127801" s="13" t="s">
        <v>587</v>
      </c>
      <c r="B127801" s="14" t="s">
        <v>1</v>
      </c>
      <c r="C127801" s="14" t="s">
        <v>558</v>
      </c>
      <c r="D127801" s="14" t="s">
        <v>31</v>
      </c>
      <c r="E127801" s="15">
        <v>45427</v>
      </c>
      <c r="F127801" s="14" t="s">
        <v>15</v>
      </c>
      <c r="G127801" s="16">
        <v>0.11307642688512472</v>
      </c>
    </row>
    <row r="127802" spans="1:7" x14ac:dyDescent="0.3">
      <c r="A127802" s="13" t="s">
        <v>587</v>
      </c>
      <c r="B127802" s="14" t="s">
        <v>1</v>
      </c>
      <c r="C127802" s="14" t="s">
        <v>558</v>
      </c>
      <c r="D127802" s="14" t="s">
        <v>31</v>
      </c>
      <c r="E127802" s="15">
        <v>45428</v>
      </c>
      <c r="F127802" s="14" t="s">
        <v>15</v>
      </c>
      <c r="G127802" s="16">
        <v>0.15330794929359046</v>
      </c>
    </row>
    <row r="127803" spans="1:7" x14ac:dyDescent="0.3">
      <c r="A127803" s="13" t="s">
        <v>587</v>
      </c>
      <c r="B127803" s="14" t="s">
        <v>1</v>
      </c>
      <c r="C127803" s="14" t="s">
        <v>558</v>
      </c>
      <c r="D127803" s="14" t="s">
        <v>31</v>
      </c>
      <c r="E127803" s="15">
        <v>45429</v>
      </c>
      <c r="F127803" s="14" t="s">
        <v>15</v>
      </c>
      <c r="G127803" s="16">
        <v>0.17648197553814243</v>
      </c>
    </row>
    <row r="127804" spans="1:7" x14ac:dyDescent="0.3">
      <c r="A127804" s="13" t="s">
        <v>587</v>
      </c>
      <c r="B127804" s="14" t="s">
        <v>1</v>
      </c>
      <c r="C127804" s="14" t="s">
        <v>558</v>
      </c>
      <c r="D127804" s="14" t="s">
        <v>31</v>
      </c>
      <c r="E127804" s="15">
        <v>45430</v>
      </c>
      <c r="F127804" s="14" t="s">
        <v>15</v>
      </c>
      <c r="G127804" s="16">
        <v>0.17648197553814243</v>
      </c>
    </row>
    <row r="127805" spans="1:7" x14ac:dyDescent="0.3">
      <c r="A127805" s="13" t="s">
        <v>587</v>
      </c>
      <c r="B127805" s="14" t="s">
        <v>1</v>
      </c>
      <c r="C127805" s="14" t="s">
        <v>558</v>
      </c>
      <c r="D127805" s="14" t="s">
        <v>31</v>
      </c>
      <c r="E127805" s="15">
        <v>45431</v>
      </c>
      <c r="F127805" s="14" t="s">
        <v>15</v>
      </c>
      <c r="G127805" s="16">
        <v>0.17648197553814243</v>
      </c>
    </row>
    <row r="127806" spans="1:7" x14ac:dyDescent="0.3">
      <c r="A127806" s="13" t="s">
        <v>587</v>
      </c>
      <c r="B127806" s="14" t="s">
        <v>1</v>
      </c>
      <c r="C127806" s="14" t="s">
        <v>558</v>
      </c>
      <c r="D127806" s="14" t="s">
        <v>31</v>
      </c>
      <c r="E127806" s="15">
        <v>45432</v>
      </c>
      <c r="F127806" s="14" t="s">
        <v>15</v>
      </c>
      <c r="G127806" s="16">
        <v>0.24656366492918783</v>
      </c>
    </row>
    <row r="127807" spans="1:7" x14ac:dyDescent="0.3">
      <c r="A127807" s="13" t="s">
        <v>587</v>
      </c>
      <c r="B127807" s="14" t="s">
        <v>1</v>
      </c>
      <c r="C127807" s="14" t="s">
        <v>558</v>
      </c>
      <c r="D127807" s="14" t="s">
        <v>31</v>
      </c>
      <c r="E127807" s="15">
        <v>45433</v>
      </c>
      <c r="F127807" s="14" t="s">
        <v>15</v>
      </c>
      <c r="G127807" s="16">
        <v>0.24071810456845055</v>
      </c>
    </row>
    <row r="127808" spans="1:7" x14ac:dyDescent="0.3">
      <c r="A127808" s="13" t="s">
        <v>587</v>
      </c>
      <c r="B127808" s="14" t="s">
        <v>1</v>
      </c>
      <c r="C127808" s="14" t="s">
        <v>558</v>
      </c>
      <c r="D127808" s="14" t="s">
        <v>31</v>
      </c>
      <c r="E127808" s="15">
        <v>45434</v>
      </c>
      <c r="F127808" s="14" t="s">
        <v>15</v>
      </c>
      <c r="G127808" s="16">
        <v>0.23879907187266497</v>
      </c>
    </row>
    <row r="127809" spans="1:7" x14ac:dyDescent="0.3">
      <c r="A127809" s="13" t="s">
        <v>587</v>
      </c>
      <c r="B127809" s="14" t="s">
        <v>1</v>
      </c>
      <c r="C127809" s="14" t="s">
        <v>558</v>
      </c>
      <c r="D127809" s="14" t="s">
        <v>31</v>
      </c>
      <c r="E127809" s="15">
        <v>45435</v>
      </c>
      <c r="F127809" s="14" t="s">
        <v>15</v>
      </c>
      <c r="G127809" s="16">
        <v>0.23681793970941845</v>
      </c>
    </row>
    <row r="127810" spans="1:7" x14ac:dyDescent="0.3">
      <c r="A127810" s="13" t="s">
        <v>587</v>
      </c>
      <c r="B127810" s="14" t="s">
        <v>1</v>
      </c>
      <c r="C127810" s="14" t="s">
        <v>558</v>
      </c>
      <c r="D127810" s="14" t="s">
        <v>31</v>
      </c>
      <c r="E127810" s="15">
        <v>45436</v>
      </c>
      <c r="F127810" s="14" t="s">
        <v>15</v>
      </c>
      <c r="G127810" s="16">
        <v>0.23496461691524856</v>
      </c>
    </row>
    <row r="127811" spans="1:7" x14ac:dyDescent="0.3">
      <c r="A127811" s="13" t="s">
        <v>587</v>
      </c>
      <c r="B127811" s="14" t="s">
        <v>1</v>
      </c>
      <c r="C127811" s="14" t="s">
        <v>558</v>
      </c>
      <c r="D127811" s="14" t="s">
        <v>31</v>
      </c>
      <c r="E127811" s="15">
        <v>45437</v>
      </c>
      <c r="F127811" s="14" t="s">
        <v>15</v>
      </c>
      <c r="G127811" s="16">
        <v>0.23496461691524856</v>
      </c>
    </row>
    <row r="127812" spans="1:7" x14ac:dyDescent="0.3">
      <c r="A127812" s="13" t="s">
        <v>587</v>
      </c>
      <c r="B127812" s="14" t="s">
        <v>1</v>
      </c>
      <c r="C127812" s="14" t="s">
        <v>558</v>
      </c>
      <c r="D127812" s="14" t="s">
        <v>31</v>
      </c>
      <c r="E127812" s="15">
        <v>45438</v>
      </c>
      <c r="F127812" s="14" t="s">
        <v>15</v>
      </c>
      <c r="G127812" s="16">
        <v>0.23496461691524856</v>
      </c>
    </row>
    <row r="127813" spans="1:7" x14ac:dyDescent="0.3">
      <c r="A127813" s="13" t="s">
        <v>587</v>
      </c>
      <c r="B127813" s="14" t="s">
        <v>1</v>
      </c>
      <c r="C127813" s="14" t="s">
        <v>558</v>
      </c>
      <c r="D127813" s="14" t="s">
        <v>31</v>
      </c>
      <c r="E127813" s="15">
        <v>45439</v>
      </c>
      <c r="F127813" s="14" t="s">
        <v>15</v>
      </c>
      <c r="G127813" s="16">
        <v>0.25838000068304273</v>
      </c>
    </row>
    <row r="127814" spans="1:7" x14ac:dyDescent="0.3">
      <c r="A127814" s="13" t="s">
        <v>587</v>
      </c>
      <c r="B127814" s="14" t="s">
        <v>1</v>
      </c>
      <c r="C127814" s="14" t="s">
        <v>558</v>
      </c>
      <c r="D127814" s="14" t="s">
        <v>31</v>
      </c>
      <c r="E127814" s="15">
        <v>45440</v>
      </c>
      <c r="F127814" s="14" t="s">
        <v>15</v>
      </c>
      <c r="G127814" s="16">
        <v>0.25398673746103634</v>
      </c>
    </row>
    <row r="127815" spans="1:7" x14ac:dyDescent="0.3">
      <c r="A127815" s="13" t="s">
        <v>587</v>
      </c>
      <c r="B127815" s="14" t="s">
        <v>1</v>
      </c>
      <c r="C127815" s="14" t="s">
        <v>558</v>
      </c>
      <c r="D127815" s="14" t="s">
        <v>31</v>
      </c>
      <c r="E127815" s="15">
        <v>45441</v>
      </c>
      <c r="F127815" s="14" t="s">
        <v>15</v>
      </c>
      <c r="G127815" s="16">
        <v>0.25836213567056715</v>
      </c>
    </row>
    <row r="127816" spans="1:7" x14ac:dyDescent="0.3">
      <c r="A127816" s="13" t="s">
        <v>587</v>
      </c>
      <c r="B127816" s="14" t="s">
        <v>1</v>
      </c>
      <c r="C127816" s="14" t="s">
        <v>558</v>
      </c>
      <c r="D127816" s="14" t="s">
        <v>31</v>
      </c>
      <c r="E127816" s="15">
        <v>45442</v>
      </c>
      <c r="F127816" s="14" t="s">
        <v>15</v>
      </c>
      <c r="G127816" s="16">
        <v>0.27385694898976487</v>
      </c>
    </row>
    <row r="127817" spans="1:7" x14ac:dyDescent="0.3">
      <c r="A127817" s="13" t="s">
        <v>587</v>
      </c>
      <c r="B127817" s="14" t="s">
        <v>1</v>
      </c>
      <c r="C127817" s="14" t="s">
        <v>558</v>
      </c>
      <c r="D127817" s="14" t="s">
        <v>31</v>
      </c>
      <c r="E127817" s="15">
        <v>45443</v>
      </c>
      <c r="F127817" s="14" t="s">
        <v>15</v>
      </c>
      <c r="G127817" s="16">
        <v>0.27137468856584501</v>
      </c>
    </row>
    <row r="127818" spans="1:7" x14ac:dyDescent="0.3">
      <c r="A127818" s="13" t="s">
        <v>587</v>
      </c>
      <c r="B127818" s="14" t="s">
        <v>1</v>
      </c>
      <c r="C127818" s="14" t="s">
        <v>558</v>
      </c>
      <c r="D127818" s="14" t="s">
        <v>31</v>
      </c>
      <c r="E127818" s="15">
        <v>45444</v>
      </c>
      <c r="F127818" s="14" t="s">
        <v>15</v>
      </c>
      <c r="G127818" s="16">
        <v>0.27137468856584501</v>
      </c>
    </row>
    <row r="127819" spans="1:7" x14ac:dyDescent="0.3">
      <c r="A127819" s="13" t="s">
        <v>587</v>
      </c>
      <c r="B127819" s="14" t="s">
        <v>1</v>
      </c>
      <c r="C127819" s="14" t="s">
        <v>558</v>
      </c>
      <c r="D127819" s="14" t="s">
        <v>31</v>
      </c>
      <c r="E127819" s="15">
        <v>45445</v>
      </c>
      <c r="F127819" s="14" t="s">
        <v>15</v>
      </c>
      <c r="G127819" s="16">
        <v>0.27137468856584501</v>
      </c>
    </row>
    <row r="127820" spans="1:7" x14ac:dyDescent="0.3">
      <c r="A127820" s="13" t="s">
        <v>587</v>
      </c>
      <c r="B127820" s="14" t="s">
        <v>1</v>
      </c>
      <c r="C127820" s="14" t="s">
        <v>558</v>
      </c>
      <c r="D127820" s="14" t="s">
        <v>31</v>
      </c>
      <c r="E127820" s="15">
        <v>45446</v>
      </c>
      <c r="F127820" s="14" t="s">
        <v>15</v>
      </c>
      <c r="G127820" s="16">
        <v>0.27137468856584501</v>
      </c>
    </row>
    <row r="127821" spans="1:7" x14ac:dyDescent="0.3">
      <c r="A127821" s="13" t="s">
        <v>587</v>
      </c>
      <c r="B127821" s="14" t="s">
        <v>1</v>
      </c>
      <c r="C127821" s="14" t="s">
        <v>558</v>
      </c>
      <c r="D127821" s="14" t="s">
        <v>31</v>
      </c>
      <c r="E127821" s="15">
        <v>45447</v>
      </c>
      <c r="F127821" s="14" t="s">
        <v>15</v>
      </c>
      <c r="G127821" s="16">
        <v>0.29713865975127618</v>
      </c>
    </row>
    <row r="127822" spans="1:7" x14ac:dyDescent="0.3">
      <c r="A127822" s="13" t="s">
        <v>587</v>
      </c>
      <c r="B127822" s="14" t="s">
        <v>1</v>
      </c>
      <c r="C127822" s="14" t="s">
        <v>558</v>
      </c>
      <c r="D127822" s="14" t="s">
        <v>31</v>
      </c>
      <c r="E127822" s="15">
        <v>45448</v>
      </c>
      <c r="F127822" s="14" t="s">
        <v>15</v>
      </c>
      <c r="G127822" s="16">
        <v>0.29035655277080785</v>
      </c>
    </row>
    <row r="127823" spans="1:7" x14ac:dyDescent="0.3">
      <c r="A127823" s="13" t="s">
        <v>587</v>
      </c>
      <c r="B127823" s="14" t="s">
        <v>1</v>
      </c>
      <c r="C127823" s="14" t="s">
        <v>558</v>
      </c>
      <c r="D127823" s="14" t="s">
        <v>31</v>
      </c>
      <c r="E127823" s="15">
        <v>45449</v>
      </c>
      <c r="F127823" s="14" t="s">
        <v>15</v>
      </c>
      <c r="G127823" s="16">
        <v>0.3254080047758075</v>
      </c>
    </row>
    <row r="127824" spans="1:7" x14ac:dyDescent="0.3">
      <c r="A127824" s="13" t="s">
        <v>587</v>
      </c>
      <c r="B127824" s="14" t="s">
        <v>1</v>
      </c>
      <c r="C127824" s="14" t="s">
        <v>558</v>
      </c>
      <c r="D127824" s="14" t="s">
        <v>31</v>
      </c>
      <c r="E127824" s="15">
        <v>45450</v>
      </c>
      <c r="F127824" s="14" t="s">
        <v>15</v>
      </c>
      <c r="G127824" s="16">
        <v>0.32362779327327046</v>
      </c>
    </row>
    <row r="127825" spans="1:7" x14ac:dyDescent="0.3">
      <c r="A127825" s="13" t="s">
        <v>587</v>
      </c>
      <c r="B127825" s="14" t="s">
        <v>1</v>
      </c>
      <c r="C127825" s="14" t="s">
        <v>558</v>
      </c>
      <c r="D127825" s="14" t="s">
        <v>31</v>
      </c>
      <c r="E127825" s="15">
        <v>45451</v>
      </c>
      <c r="F127825" s="14" t="s">
        <v>15</v>
      </c>
      <c r="G127825" s="16">
        <v>0.32362779327327046</v>
      </c>
    </row>
    <row r="127826" spans="1:7" x14ac:dyDescent="0.3">
      <c r="A127826" s="13" t="s">
        <v>587</v>
      </c>
      <c r="B127826" s="14" t="s">
        <v>1</v>
      </c>
      <c r="C127826" s="14" t="s">
        <v>558</v>
      </c>
      <c r="D127826" s="14" t="s">
        <v>31</v>
      </c>
      <c r="E127826" s="15">
        <v>45452</v>
      </c>
      <c r="F127826" s="14" t="s">
        <v>15</v>
      </c>
      <c r="G127826" s="16">
        <v>0.32362779327327046</v>
      </c>
    </row>
    <row r="127827" spans="1:7" x14ac:dyDescent="0.3">
      <c r="A127827" s="13" t="s">
        <v>587</v>
      </c>
      <c r="B127827" s="14" t="s">
        <v>1</v>
      </c>
      <c r="C127827" s="14" t="s">
        <v>558</v>
      </c>
      <c r="D127827" s="14" t="s">
        <v>31</v>
      </c>
      <c r="E127827" s="15">
        <v>45453</v>
      </c>
      <c r="F127827" s="14" t="s">
        <v>15</v>
      </c>
      <c r="G127827" s="16">
        <v>0.32185426107391951</v>
      </c>
    </row>
    <row r="127828" spans="1:7" x14ac:dyDescent="0.3">
      <c r="A127828" s="13" t="s">
        <v>587</v>
      </c>
      <c r="B127828" s="14" t="s">
        <v>1</v>
      </c>
      <c r="C127828" s="14" t="s">
        <v>558</v>
      </c>
      <c r="D127828" s="14" t="s">
        <v>31</v>
      </c>
      <c r="E127828" s="15">
        <v>45454</v>
      </c>
      <c r="F127828" s="14" t="s">
        <v>15</v>
      </c>
      <c r="G127828" s="16">
        <v>0.31677772318813485</v>
      </c>
    </row>
    <row r="127829" spans="1:7" x14ac:dyDescent="0.3">
      <c r="A127829" s="13" t="s">
        <v>587</v>
      </c>
      <c r="B127829" s="14" t="s">
        <v>1</v>
      </c>
      <c r="C127829" s="14" t="s">
        <v>558</v>
      </c>
      <c r="D127829" s="14" t="s">
        <v>31</v>
      </c>
      <c r="E127829" s="15">
        <v>45455</v>
      </c>
      <c r="F127829" s="14" t="s">
        <v>15</v>
      </c>
      <c r="G127829" s="16">
        <v>0.32505600071890406</v>
      </c>
    </row>
    <row r="127830" spans="1:7" x14ac:dyDescent="0.3">
      <c r="A127830" s="13" t="s">
        <v>587</v>
      </c>
      <c r="B127830" s="14" t="s">
        <v>1</v>
      </c>
      <c r="C127830" s="14" t="s">
        <v>558</v>
      </c>
      <c r="D127830" s="14" t="s">
        <v>31</v>
      </c>
      <c r="E127830" s="15">
        <v>45456</v>
      </c>
      <c r="F127830" s="14" t="s">
        <v>15</v>
      </c>
      <c r="G127830" s="16">
        <v>0.39046921822620539</v>
      </c>
    </row>
    <row r="127831" spans="1:7" x14ac:dyDescent="0.3">
      <c r="A127831" s="13" t="s">
        <v>587</v>
      </c>
      <c r="B127831" s="14" t="s">
        <v>1</v>
      </c>
      <c r="C127831" s="14" t="s">
        <v>558</v>
      </c>
      <c r="D127831" s="14" t="s">
        <v>31</v>
      </c>
      <c r="E127831" s="15">
        <v>45457</v>
      </c>
      <c r="F127831" s="14" t="s">
        <v>15</v>
      </c>
      <c r="G127831" s="16">
        <v>0.41141687024925733</v>
      </c>
    </row>
    <row r="127832" spans="1:7" x14ac:dyDescent="0.3">
      <c r="A127832" s="13" t="s">
        <v>587</v>
      </c>
      <c r="B127832" s="14" t="s">
        <v>1</v>
      </c>
      <c r="C127832" s="14" t="s">
        <v>558</v>
      </c>
      <c r="D127832" s="14" t="s">
        <v>31</v>
      </c>
      <c r="E127832" s="15">
        <v>45458</v>
      </c>
      <c r="F127832" s="14" t="s">
        <v>15</v>
      </c>
      <c r="G127832" s="16">
        <v>0.41141687024925733</v>
      </c>
    </row>
    <row r="127833" spans="1:7" x14ac:dyDescent="0.3">
      <c r="A127833" s="13" t="s">
        <v>587</v>
      </c>
      <c r="B127833" s="14" t="s">
        <v>1</v>
      </c>
      <c r="C127833" s="14" t="s">
        <v>558</v>
      </c>
      <c r="D127833" s="14" t="s">
        <v>31</v>
      </c>
      <c r="E127833" s="15">
        <v>45459</v>
      </c>
      <c r="F127833" s="14" t="s">
        <v>15</v>
      </c>
      <c r="G127833" s="16">
        <v>0.41141687024925733</v>
      </c>
    </row>
    <row r="127834" spans="1:7" x14ac:dyDescent="0.3">
      <c r="A127834" s="13" t="s">
        <v>587</v>
      </c>
      <c r="B127834" s="14" t="s">
        <v>1</v>
      </c>
      <c r="C127834" s="14" t="s">
        <v>558</v>
      </c>
      <c r="D127834" s="14" t="s">
        <v>31</v>
      </c>
      <c r="E127834" s="15">
        <v>45460</v>
      </c>
      <c r="F127834" s="14" t="s">
        <v>15</v>
      </c>
      <c r="G127834" s="16">
        <v>0.42034304018908869</v>
      </c>
    </row>
    <row r="127835" spans="1:7" x14ac:dyDescent="0.3">
      <c r="A127835" s="13" t="s">
        <v>587</v>
      </c>
      <c r="B127835" s="14" t="s">
        <v>1</v>
      </c>
      <c r="C127835" s="14" t="s">
        <v>558</v>
      </c>
      <c r="D127835" s="14" t="s">
        <v>31</v>
      </c>
      <c r="E127835" s="15">
        <v>45461</v>
      </c>
      <c r="F127835" s="14" t="s">
        <v>15</v>
      </c>
      <c r="G127835" s="16">
        <v>0.4153840219350397</v>
      </c>
    </row>
    <row r="127836" spans="1:7" x14ac:dyDescent="0.3">
      <c r="A127836" s="13" t="s">
        <v>587</v>
      </c>
      <c r="B127836" s="14" t="s">
        <v>1</v>
      </c>
      <c r="C127836" s="14" t="s">
        <v>558</v>
      </c>
      <c r="D127836" s="14" t="s">
        <v>31</v>
      </c>
      <c r="E127836" s="15">
        <v>45462</v>
      </c>
      <c r="F127836" s="14" t="s">
        <v>15</v>
      </c>
      <c r="G127836" s="16">
        <v>0.41362420938547673</v>
      </c>
    </row>
    <row r="127837" spans="1:7" x14ac:dyDescent="0.3">
      <c r="A127837" s="13" t="s">
        <v>587</v>
      </c>
      <c r="B127837" s="14" t="s">
        <v>1</v>
      </c>
      <c r="C127837" s="14" t="s">
        <v>558</v>
      </c>
      <c r="D127837" s="14" t="s">
        <v>31</v>
      </c>
      <c r="E127837" s="15">
        <v>45463</v>
      </c>
      <c r="F127837" s="14" t="s">
        <v>15</v>
      </c>
      <c r="G127837" s="16">
        <v>0.41164813183004684</v>
      </c>
    </row>
    <row r="127838" spans="1:7" x14ac:dyDescent="0.3">
      <c r="A127838" s="13" t="s">
        <v>587</v>
      </c>
      <c r="B127838" s="14" t="s">
        <v>1</v>
      </c>
      <c r="C127838" s="14" t="s">
        <v>558</v>
      </c>
      <c r="D127838" s="14" t="s">
        <v>31</v>
      </c>
      <c r="E127838" s="15">
        <v>45464</v>
      </c>
      <c r="F127838" s="14" t="s">
        <v>15</v>
      </c>
      <c r="G127838" s="16">
        <v>0.40964475636251496</v>
      </c>
    </row>
    <row r="127839" spans="1:7" x14ac:dyDescent="0.3">
      <c r="A127839" s="13" t="s">
        <v>587</v>
      </c>
      <c r="B127839" s="14" t="s">
        <v>1</v>
      </c>
      <c r="C127839" s="14" t="s">
        <v>558</v>
      </c>
      <c r="D127839" s="14" t="s">
        <v>31</v>
      </c>
      <c r="E127839" s="15">
        <v>45465</v>
      </c>
      <c r="F127839" s="14" t="s">
        <v>15</v>
      </c>
      <c r="G127839" s="16">
        <v>0.40964475636251496</v>
      </c>
    </row>
    <row r="127840" spans="1:7" x14ac:dyDescent="0.3">
      <c r="A127840" s="13" t="s">
        <v>587</v>
      </c>
      <c r="B127840" s="14" t="s">
        <v>1</v>
      </c>
      <c r="C127840" s="14" t="s">
        <v>558</v>
      </c>
      <c r="D127840" s="14" t="s">
        <v>31</v>
      </c>
      <c r="E127840" s="15">
        <v>45466</v>
      </c>
      <c r="F127840" s="14" t="s">
        <v>15</v>
      </c>
      <c r="G127840" s="16">
        <v>0.40964475636251496</v>
      </c>
    </row>
    <row r="127841" spans="1:7" x14ac:dyDescent="0.3">
      <c r="A127841" s="13" t="s">
        <v>587</v>
      </c>
      <c r="B127841" s="14" t="s">
        <v>1</v>
      </c>
      <c r="C127841" s="14" t="s">
        <v>558</v>
      </c>
      <c r="D127841" s="14" t="s">
        <v>31</v>
      </c>
      <c r="E127841" s="15">
        <v>45467</v>
      </c>
      <c r="F127841" s="14" t="s">
        <v>15</v>
      </c>
      <c r="G127841" s="16">
        <v>0.41354910581548926</v>
      </c>
    </row>
    <row r="127842" spans="1:7" x14ac:dyDescent="0.3">
      <c r="A127842" s="13" t="s">
        <v>587</v>
      </c>
      <c r="B127842" s="14" t="s">
        <v>1</v>
      </c>
      <c r="C127842" s="14" t="s">
        <v>558</v>
      </c>
      <c r="D127842" s="14" t="s">
        <v>31</v>
      </c>
      <c r="E127842" s="15">
        <v>45468</v>
      </c>
      <c r="F127842" s="14" t="s">
        <v>15</v>
      </c>
      <c r="G127842" s="16">
        <v>0.4113292579993072</v>
      </c>
    </row>
    <row r="127843" spans="1:7" x14ac:dyDescent="0.3">
      <c r="A127843" s="13" t="s">
        <v>587</v>
      </c>
      <c r="B127843" s="14" t="s">
        <v>1</v>
      </c>
      <c r="C127843" s="14" t="s">
        <v>558</v>
      </c>
      <c r="D127843" s="14" t="s">
        <v>31</v>
      </c>
      <c r="E127843" s="15">
        <v>45469</v>
      </c>
      <c r="F127843" s="14" t="s">
        <v>15</v>
      </c>
      <c r="G127843" s="16">
        <v>0.41450712824534847</v>
      </c>
    </row>
    <row r="127844" spans="1:7" x14ac:dyDescent="0.3">
      <c r="A127844" s="13" t="s">
        <v>587</v>
      </c>
      <c r="B127844" s="14" t="s">
        <v>1</v>
      </c>
      <c r="C127844" s="14" t="s">
        <v>558</v>
      </c>
      <c r="D127844" s="14" t="s">
        <v>31</v>
      </c>
      <c r="E127844" s="15">
        <v>45470</v>
      </c>
      <c r="F127844" s="14" t="s">
        <v>15</v>
      </c>
      <c r="G127844" s="16">
        <v>0.42296275895027119</v>
      </c>
    </row>
    <row r="127845" spans="1:7" x14ac:dyDescent="0.3">
      <c r="A127845" s="13" t="s">
        <v>587</v>
      </c>
      <c r="B127845" s="14" t="s">
        <v>1</v>
      </c>
      <c r="C127845" s="14" t="s">
        <v>558</v>
      </c>
      <c r="D127845" s="14" t="s">
        <v>31</v>
      </c>
      <c r="E127845" s="15">
        <v>45471</v>
      </c>
      <c r="F127845" s="14" t="s">
        <v>15</v>
      </c>
      <c r="G127845" s="16">
        <v>0.50472246098133633</v>
      </c>
    </row>
    <row r="127846" spans="1:7" x14ac:dyDescent="0.3">
      <c r="A127846" s="13" t="s">
        <v>587</v>
      </c>
      <c r="B127846" s="14" t="s">
        <v>1</v>
      </c>
      <c r="C127846" s="14" t="s">
        <v>558</v>
      </c>
      <c r="D127846" s="14" t="s">
        <v>31</v>
      </c>
      <c r="E127846" s="15">
        <v>45472</v>
      </c>
      <c r="F127846" s="14" t="s">
        <v>15</v>
      </c>
      <c r="G127846" s="16">
        <v>0.50472246098133633</v>
      </c>
    </row>
    <row r="127847" spans="1:7" x14ac:dyDescent="0.3">
      <c r="A127847" s="13" t="s">
        <v>587</v>
      </c>
      <c r="B127847" s="14" t="s">
        <v>1</v>
      </c>
      <c r="C127847" s="14" t="s">
        <v>558</v>
      </c>
      <c r="D127847" s="14" t="s">
        <v>31</v>
      </c>
      <c r="E127847" s="15">
        <v>45473</v>
      </c>
      <c r="F127847" s="14" t="s">
        <v>15</v>
      </c>
      <c r="G127847" s="16">
        <v>0.50472246098133633</v>
      </c>
    </row>
    <row r="127848" spans="1:7" x14ac:dyDescent="0.3">
      <c r="A127848" s="13" t="s">
        <v>587</v>
      </c>
      <c r="B127848" s="14" t="s">
        <v>1</v>
      </c>
      <c r="C127848" s="14" t="s">
        <v>558</v>
      </c>
      <c r="D127848" s="14" t="s">
        <v>31</v>
      </c>
      <c r="E127848" s="15">
        <v>45474</v>
      </c>
      <c r="F127848" s="14" t="s">
        <v>15</v>
      </c>
      <c r="G127848" s="16">
        <v>0.502992294566738</v>
      </c>
    </row>
    <row r="127849" spans="1:7" x14ac:dyDescent="0.3">
      <c r="A127849" s="13" t="s">
        <v>587</v>
      </c>
      <c r="B127849" s="14" t="s">
        <v>1</v>
      </c>
      <c r="C127849" s="14" t="s">
        <v>558</v>
      </c>
      <c r="D127849" s="14" t="s">
        <v>31</v>
      </c>
      <c r="E127849" s="15">
        <v>45475</v>
      </c>
      <c r="F127849" s="14" t="s">
        <v>15</v>
      </c>
      <c r="G127849" s="16">
        <v>0.52981964420675631</v>
      </c>
    </row>
    <row r="127850" spans="1:7" x14ac:dyDescent="0.3">
      <c r="A127850" s="13" t="s">
        <v>587</v>
      </c>
      <c r="B127850" s="14" t="s">
        <v>1</v>
      </c>
      <c r="C127850" s="14" t="s">
        <v>558</v>
      </c>
      <c r="D127850" s="14" t="s">
        <v>31</v>
      </c>
      <c r="E127850" s="15">
        <v>45476</v>
      </c>
      <c r="F127850" s="14" t="s">
        <v>15</v>
      </c>
      <c r="G127850" s="16">
        <v>0.52938045603269668</v>
      </c>
    </row>
    <row r="127851" spans="1:7" x14ac:dyDescent="0.3">
      <c r="A127851" s="13" t="s">
        <v>587</v>
      </c>
      <c r="B127851" s="14" t="s">
        <v>1</v>
      </c>
      <c r="C127851" s="14" t="s">
        <v>558</v>
      </c>
      <c r="D127851" s="14" t="s">
        <v>31</v>
      </c>
      <c r="E127851" s="15">
        <v>45477</v>
      </c>
      <c r="F127851" s="14" t="s">
        <v>15</v>
      </c>
      <c r="G127851" s="16">
        <v>0.58072192750075924</v>
      </c>
    </row>
    <row r="127852" spans="1:7" x14ac:dyDescent="0.3">
      <c r="A127852" s="13" t="s">
        <v>587</v>
      </c>
      <c r="B127852" s="14" t="s">
        <v>1</v>
      </c>
      <c r="C127852" s="14" t="s">
        <v>558</v>
      </c>
      <c r="D127852" s="14" t="s">
        <v>31</v>
      </c>
      <c r="E127852" s="15">
        <v>45478</v>
      </c>
      <c r="F127852" s="14" t="s">
        <v>15</v>
      </c>
      <c r="G127852" s="16">
        <v>0.7056031458358335</v>
      </c>
    </row>
    <row r="127853" spans="1:7" x14ac:dyDescent="0.3">
      <c r="A127853" s="13" t="s">
        <v>587</v>
      </c>
      <c r="B127853" s="14" t="s">
        <v>1</v>
      </c>
      <c r="C127853" s="14" t="s">
        <v>558</v>
      </c>
      <c r="D127853" s="14" t="s">
        <v>31</v>
      </c>
      <c r="E127853" s="15">
        <v>45479</v>
      </c>
      <c r="F127853" s="14" t="s">
        <v>15</v>
      </c>
      <c r="G127853" s="16">
        <v>0.7056031458358335</v>
      </c>
    </row>
    <row r="127854" spans="1:7" x14ac:dyDescent="0.3">
      <c r="A127854" s="13" t="s">
        <v>587</v>
      </c>
      <c r="B127854" s="14" t="s">
        <v>1</v>
      </c>
      <c r="C127854" s="14" t="s">
        <v>558</v>
      </c>
      <c r="D127854" s="14" t="s">
        <v>31</v>
      </c>
      <c r="E127854" s="15">
        <v>45480</v>
      </c>
      <c r="F127854" s="14" t="s">
        <v>15</v>
      </c>
      <c r="G127854" s="16">
        <v>0.7056031458358335</v>
      </c>
    </row>
    <row r="127855" spans="1:7" x14ac:dyDescent="0.3">
      <c r="A127855" s="13" t="s">
        <v>587</v>
      </c>
      <c r="B127855" s="14" t="s">
        <v>1</v>
      </c>
      <c r="C127855" s="14" t="s">
        <v>558</v>
      </c>
      <c r="D127855" s="14" t="s">
        <v>31</v>
      </c>
      <c r="E127855" s="15">
        <v>45481</v>
      </c>
      <c r="F127855" s="14" t="s">
        <v>15</v>
      </c>
      <c r="G127855" s="16">
        <v>0.70633622525950424</v>
      </c>
    </row>
    <row r="127856" spans="1:7" x14ac:dyDescent="0.3">
      <c r="A127856" s="13" t="s">
        <v>587</v>
      </c>
      <c r="B127856" s="14" t="s">
        <v>1</v>
      </c>
      <c r="C127856" s="14" t="s">
        <v>558</v>
      </c>
      <c r="D127856" s="14" t="s">
        <v>31</v>
      </c>
      <c r="E127856" s="15">
        <v>45482</v>
      </c>
      <c r="F127856" s="14" t="s">
        <v>15</v>
      </c>
      <c r="G127856" s="16">
        <v>0.70366759634724385</v>
      </c>
    </row>
    <row r="127857" spans="1:7" x14ac:dyDescent="0.3">
      <c r="A127857" s="13" t="s">
        <v>587</v>
      </c>
      <c r="B127857" s="14" t="s">
        <v>1</v>
      </c>
      <c r="C127857" s="14" t="s">
        <v>558</v>
      </c>
      <c r="D127857" s="14" t="s">
        <v>31</v>
      </c>
      <c r="E127857" s="15">
        <v>45483</v>
      </c>
      <c r="F127857" s="14" t="s">
        <v>15</v>
      </c>
      <c r="G127857" s="16">
        <v>0.70222622599225026</v>
      </c>
    </row>
    <row r="127858" spans="1:7" x14ac:dyDescent="0.3">
      <c r="A127858" s="13" t="s">
        <v>587</v>
      </c>
      <c r="B127858" s="14" t="s">
        <v>1</v>
      </c>
      <c r="C127858" s="14" t="s">
        <v>558</v>
      </c>
      <c r="D127858" s="14" t="s">
        <v>31</v>
      </c>
      <c r="E127858" s="15">
        <v>45484</v>
      </c>
      <c r="F127858" s="14" t="s">
        <v>15</v>
      </c>
      <c r="G127858" s="16">
        <v>0.70063347462846548</v>
      </c>
    </row>
    <row r="127859" spans="1:7" x14ac:dyDescent="0.3">
      <c r="A127859" s="13" t="s">
        <v>587</v>
      </c>
      <c r="B127859" s="14" t="s">
        <v>1</v>
      </c>
      <c r="C127859" s="14" t="s">
        <v>558</v>
      </c>
      <c r="D127859" s="14" t="s">
        <v>31</v>
      </c>
      <c r="E127859" s="15">
        <v>45485</v>
      </c>
      <c r="F127859" s="14" t="s">
        <v>15</v>
      </c>
      <c r="G127859" s="16">
        <v>0.70124011225401917</v>
      </c>
    </row>
    <row r="127860" spans="1:7" x14ac:dyDescent="0.3">
      <c r="A127860" s="13" t="s">
        <v>587</v>
      </c>
      <c r="B127860" s="14" t="s">
        <v>1</v>
      </c>
      <c r="C127860" s="14" t="s">
        <v>558</v>
      </c>
      <c r="D127860" s="14" t="s">
        <v>31</v>
      </c>
      <c r="E127860" s="15">
        <v>45486</v>
      </c>
      <c r="F127860" s="14" t="s">
        <v>15</v>
      </c>
      <c r="G127860" s="16">
        <v>0.70124011225401917</v>
      </c>
    </row>
    <row r="127861" spans="1:7" x14ac:dyDescent="0.3">
      <c r="A127861" s="13" t="s">
        <v>587</v>
      </c>
      <c r="B127861" s="14" t="s">
        <v>1</v>
      </c>
      <c r="C127861" s="14" t="s">
        <v>558</v>
      </c>
      <c r="D127861" s="14" t="s">
        <v>31</v>
      </c>
      <c r="E127861" s="15">
        <v>45487</v>
      </c>
      <c r="F127861" s="14" t="s">
        <v>15</v>
      </c>
      <c r="G127861" s="16">
        <v>0.70124011225401917</v>
      </c>
    </row>
    <row r="127862" spans="1:7" x14ac:dyDescent="0.3">
      <c r="A127862" s="13" t="s">
        <v>587</v>
      </c>
      <c r="B127862" s="14" t="s">
        <v>1</v>
      </c>
      <c r="C127862" s="14" t="s">
        <v>558</v>
      </c>
      <c r="D127862" s="14" t="s">
        <v>31</v>
      </c>
      <c r="E127862" s="15">
        <v>45488</v>
      </c>
      <c r="F127862" s="14" t="s">
        <v>15</v>
      </c>
      <c r="G127862" s="16">
        <v>0.72618204595992364</v>
      </c>
    </row>
    <row r="127863" spans="1:7" x14ac:dyDescent="0.3">
      <c r="A127863" s="13" t="s">
        <v>587</v>
      </c>
      <c r="B127863" s="14" t="s">
        <v>1</v>
      </c>
      <c r="C127863" s="14" t="s">
        <v>558</v>
      </c>
      <c r="D127863" s="14" t="s">
        <v>31</v>
      </c>
      <c r="E127863" s="15">
        <v>45489</v>
      </c>
      <c r="F127863" s="14" t="s">
        <v>15</v>
      </c>
      <c r="G127863" s="16">
        <v>0.75122633457033394</v>
      </c>
    </row>
    <row r="127864" spans="1:7" x14ac:dyDescent="0.3">
      <c r="A127864" s="13" t="s">
        <v>587</v>
      </c>
      <c r="B127864" s="14" t="s">
        <v>1</v>
      </c>
      <c r="C127864" s="14" t="s">
        <v>558</v>
      </c>
      <c r="D127864" s="14" t="s">
        <v>31</v>
      </c>
      <c r="E127864" s="15">
        <v>45490</v>
      </c>
      <c r="F127864" s="14" t="s">
        <v>15</v>
      </c>
      <c r="G127864" s="16">
        <v>0.74971545907913117</v>
      </c>
    </row>
    <row r="127865" spans="1:7" x14ac:dyDescent="0.3">
      <c r="A127865" s="13" t="s">
        <v>587</v>
      </c>
      <c r="B127865" s="14" t="s">
        <v>1</v>
      </c>
      <c r="C127865" s="14" t="s">
        <v>558</v>
      </c>
      <c r="D127865" s="14" t="s">
        <v>31</v>
      </c>
      <c r="E127865" s="15">
        <v>45491</v>
      </c>
      <c r="F127865" s="14" t="s">
        <v>15</v>
      </c>
      <c r="G127865" s="16">
        <v>0.75014215698554243</v>
      </c>
    </row>
    <row r="127866" spans="1:7" x14ac:dyDescent="0.3">
      <c r="A127866" s="13" t="s">
        <v>587</v>
      </c>
      <c r="B127866" s="14" t="s">
        <v>1</v>
      </c>
      <c r="C127866" s="14" t="s">
        <v>558</v>
      </c>
      <c r="D127866" s="14" t="s">
        <v>31</v>
      </c>
      <c r="E127866" s="15">
        <v>45492</v>
      </c>
      <c r="F127866" s="14" t="s">
        <v>15</v>
      </c>
      <c r="G127866" s="16">
        <v>0.74869803469293028</v>
      </c>
    </row>
    <row r="127867" spans="1:7" x14ac:dyDescent="0.3">
      <c r="A127867" s="13" t="s">
        <v>587</v>
      </c>
      <c r="B127867" s="14" t="s">
        <v>1</v>
      </c>
      <c r="C127867" s="14" t="s">
        <v>558</v>
      </c>
      <c r="D127867" s="14" t="s">
        <v>31</v>
      </c>
      <c r="E127867" s="15">
        <v>45493</v>
      </c>
      <c r="F127867" s="14" t="s">
        <v>15</v>
      </c>
      <c r="G127867" s="16">
        <v>0.74869803469293028</v>
      </c>
    </row>
    <row r="127868" spans="1:7" x14ac:dyDescent="0.3">
      <c r="A127868" s="13" t="s">
        <v>587</v>
      </c>
      <c r="B127868" s="14" t="s">
        <v>1</v>
      </c>
      <c r="C127868" s="14" t="s">
        <v>558</v>
      </c>
      <c r="D127868" s="14" t="s">
        <v>31</v>
      </c>
      <c r="E127868" s="15">
        <v>45494</v>
      </c>
      <c r="F127868" s="14" t="s">
        <v>15</v>
      </c>
      <c r="G127868" s="16">
        <v>0.74869803469293028</v>
      </c>
    </row>
    <row r="127869" spans="1:7" x14ac:dyDescent="0.3">
      <c r="A127869" s="13" t="s">
        <v>587</v>
      </c>
      <c r="B127869" s="14" t="s">
        <v>1</v>
      </c>
      <c r="C127869" s="14" t="s">
        <v>558</v>
      </c>
      <c r="D127869" s="14" t="s">
        <v>31</v>
      </c>
      <c r="E127869" s="15">
        <v>45495</v>
      </c>
      <c r="F127869" s="14" t="s">
        <v>15</v>
      </c>
      <c r="G127869" s="16">
        <v>0.74945033986802323</v>
      </c>
    </row>
    <row r="127870" spans="1:7" x14ac:dyDescent="0.3">
      <c r="A127870" s="13" t="s">
        <v>587</v>
      </c>
      <c r="B127870" s="14" t="s">
        <v>1</v>
      </c>
      <c r="C127870" s="14" t="s">
        <v>558</v>
      </c>
      <c r="D127870" s="14" t="s">
        <v>31</v>
      </c>
      <c r="E127870" s="15">
        <v>45496</v>
      </c>
      <c r="F127870" s="14" t="s">
        <v>15</v>
      </c>
      <c r="G127870" s="16">
        <v>0.74788062266843292</v>
      </c>
    </row>
    <row r="127871" spans="1:7" x14ac:dyDescent="0.3">
      <c r="A127871" s="13" t="s">
        <v>587</v>
      </c>
      <c r="B127871" s="14" t="s">
        <v>1</v>
      </c>
      <c r="C127871" s="14" t="s">
        <v>558</v>
      </c>
      <c r="D127871" s="14" t="s">
        <v>31</v>
      </c>
      <c r="E127871" s="15">
        <v>45497</v>
      </c>
      <c r="F127871" s="14" t="s">
        <v>15</v>
      </c>
      <c r="G127871" s="16">
        <v>0.7514479349515053</v>
      </c>
    </row>
    <row r="127872" spans="1:7" x14ac:dyDescent="0.3">
      <c r="A127872" s="13" t="s">
        <v>587</v>
      </c>
      <c r="B127872" s="14" t="s">
        <v>1</v>
      </c>
      <c r="C127872" s="14" t="s">
        <v>558</v>
      </c>
      <c r="D127872" s="14" t="s">
        <v>31</v>
      </c>
      <c r="E127872" s="15">
        <v>45498</v>
      </c>
      <c r="F127872" s="14" t="s">
        <v>15</v>
      </c>
      <c r="G127872" s="16">
        <v>0.75001197138316544</v>
      </c>
    </row>
    <row r="127873" spans="1:7" x14ac:dyDescent="0.3">
      <c r="A127873" s="13" t="s">
        <v>587</v>
      </c>
      <c r="B127873" s="14" t="s">
        <v>1</v>
      </c>
      <c r="C127873" s="14" t="s">
        <v>558</v>
      </c>
      <c r="D127873" s="14" t="s">
        <v>31</v>
      </c>
      <c r="E127873" s="15">
        <v>45499</v>
      </c>
      <c r="F127873" s="14" t="s">
        <v>15</v>
      </c>
      <c r="G127873" s="16">
        <v>0.74988807901823729</v>
      </c>
    </row>
    <row r="127874" spans="1:7" x14ac:dyDescent="0.3">
      <c r="A127874" s="13" t="s">
        <v>587</v>
      </c>
      <c r="B127874" s="14" t="s">
        <v>1</v>
      </c>
      <c r="C127874" s="14" t="s">
        <v>558</v>
      </c>
      <c r="D127874" s="14" t="s">
        <v>31</v>
      </c>
      <c r="E127874" s="15">
        <v>45500</v>
      </c>
      <c r="F127874" s="14" t="s">
        <v>15</v>
      </c>
      <c r="G127874" s="16">
        <v>0.74988807901823729</v>
      </c>
    </row>
    <row r="127875" spans="1:7" x14ac:dyDescent="0.3">
      <c r="A127875" s="13" t="s">
        <v>587</v>
      </c>
      <c r="B127875" s="14" t="s">
        <v>1</v>
      </c>
      <c r="C127875" s="14" t="s">
        <v>558</v>
      </c>
      <c r="D127875" s="14" t="s">
        <v>31</v>
      </c>
      <c r="E127875" s="15">
        <v>45501</v>
      </c>
      <c r="F127875" s="14" t="s">
        <v>15</v>
      </c>
      <c r="G127875" s="16">
        <v>0.74988807901823729</v>
      </c>
    </row>
    <row r="127876" spans="1:7" x14ac:dyDescent="0.3">
      <c r="A127876" s="13" t="s">
        <v>587</v>
      </c>
      <c r="B127876" s="14" t="s">
        <v>1</v>
      </c>
      <c r="C127876" s="14" t="s">
        <v>558</v>
      </c>
      <c r="D127876" s="14" t="s">
        <v>31</v>
      </c>
      <c r="E127876" s="15">
        <v>45502</v>
      </c>
      <c r="F127876" s="14" t="s">
        <v>15</v>
      </c>
      <c r="G127876" s="16">
        <v>0.75159693280572903</v>
      </c>
    </row>
    <row r="127877" spans="1:7" x14ac:dyDescent="0.3">
      <c r="A127877" s="13" t="s">
        <v>587</v>
      </c>
      <c r="B127877" s="14" t="s">
        <v>1</v>
      </c>
      <c r="C127877" s="14" t="s">
        <v>558</v>
      </c>
      <c r="D127877" s="14" t="s">
        <v>31</v>
      </c>
      <c r="E127877" s="15">
        <v>45503</v>
      </c>
      <c r="F127877" s="14" t="s">
        <v>15</v>
      </c>
      <c r="G127877" s="16">
        <v>0.74732568893576357</v>
      </c>
    </row>
    <row r="127878" spans="1:7" x14ac:dyDescent="0.3">
      <c r="A127878" s="13" t="s">
        <v>587</v>
      </c>
      <c r="B127878" s="14" t="s">
        <v>1</v>
      </c>
      <c r="C127878" s="14" t="s">
        <v>558</v>
      </c>
      <c r="D127878" s="14" t="s">
        <v>31</v>
      </c>
      <c r="E127878" s="15">
        <v>45504</v>
      </c>
      <c r="F127878" s="14" t="s">
        <v>15</v>
      </c>
      <c r="G127878" s="16">
        <v>0.74843982117062546</v>
      </c>
    </row>
    <row r="127879" spans="1:7" x14ac:dyDescent="0.3">
      <c r="A127879" s="13" t="s">
        <v>587</v>
      </c>
      <c r="B127879" s="14" t="s">
        <v>1</v>
      </c>
      <c r="C127879" s="14" t="s">
        <v>558</v>
      </c>
      <c r="D127879" s="14" t="s">
        <v>31</v>
      </c>
      <c r="E127879" s="15">
        <v>45505</v>
      </c>
      <c r="F127879" s="14" t="s">
        <v>15</v>
      </c>
      <c r="G127879" s="16">
        <v>0.74688753397288932</v>
      </c>
    </row>
    <row r="127880" spans="1:7" x14ac:dyDescent="0.3">
      <c r="A127880" s="13" t="s">
        <v>587</v>
      </c>
      <c r="B127880" s="14" t="s">
        <v>1</v>
      </c>
      <c r="C127880" s="14" t="s">
        <v>558</v>
      </c>
      <c r="D127880" s="14" t="s">
        <v>31</v>
      </c>
      <c r="E127880" s="15">
        <v>45506</v>
      </c>
      <c r="F127880" s="14" t="s">
        <v>15</v>
      </c>
      <c r="G127880" s="16">
        <v>0.74715476590488938</v>
      </c>
    </row>
    <row r="127881" spans="1:7" x14ac:dyDescent="0.3">
      <c r="A127881" s="13" t="s">
        <v>587</v>
      </c>
      <c r="B127881" s="14" t="s">
        <v>1</v>
      </c>
      <c r="C127881" s="14" t="s">
        <v>558</v>
      </c>
      <c r="D127881" s="14" t="s">
        <v>31</v>
      </c>
      <c r="E127881" s="15">
        <v>45507</v>
      </c>
      <c r="F127881" s="14" t="s">
        <v>15</v>
      </c>
      <c r="G127881" s="16">
        <v>0.74715476590488938</v>
      </c>
    </row>
    <row r="127882" spans="1:7" x14ac:dyDescent="0.3">
      <c r="A127882" s="13" t="s">
        <v>587</v>
      </c>
      <c r="B127882" s="14" t="s">
        <v>1</v>
      </c>
      <c r="C127882" s="14" t="s">
        <v>558</v>
      </c>
      <c r="D127882" s="14" t="s">
        <v>31</v>
      </c>
      <c r="E127882" s="15">
        <v>45508</v>
      </c>
      <c r="F127882" s="14" t="s">
        <v>15</v>
      </c>
      <c r="G127882" s="16">
        <v>0.74715476590488938</v>
      </c>
    </row>
    <row r="127883" spans="1:7" x14ac:dyDescent="0.3">
      <c r="A127883" s="13" t="s">
        <v>587</v>
      </c>
      <c r="B127883" s="14" t="s">
        <v>1</v>
      </c>
      <c r="C127883" s="14" t="s">
        <v>558</v>
      </c>
      <c r="D127883" s="14" t="s">
        <v>31</v>
      </c>
      <c r="E127883" s="15">
        <v>45509</v>
      </c>
      <c r="F127883" s="14" t="s">
        <v>15</v>
      </c>
      <c r="G127883" s="16">
        <v>0.74715476590488938</v>
      </c>
    </row>
    <row r="127884" spans="1:7" x14ac:dyDescent="0.3">
      <c r="A127884" s="13" t="s">
        <v>587</v>
      </c>
      <c r="B127884" s="14" t="s">
        <v>1</v>
      </c>
      <c r="C127884" s="14" t="s">
        <v>558</v>
      </c>
      <c r="D127884" s="14" t="s">
        <v>31</v>
      </c>
      <c r="E127884" s="15">
        <v>45510</v>
      </c>
      <c r="F127884" s="14" t="s">
        <v>15</v>
      </c>
      <c r="G127884" s="16">
        <v>0.74884668415866451</v>
      </c>
    </row>
    <row r="127885" spans="1:7" x14ac:dyDescent="0.3">
      <c r="A127885" s="13" t="s">
        <v>587</v>
      </c>
      <c r="B127885" s="14" t="s">
        <v>1</v>
      </c>
      <c r="C127885" s="14" t="s">
        <v>558</v>
      </c>
      <c r="D127885" s="14" t="s">
        <v>31</v>
      </c>
      <c r="E127885" s="15">
        <v>45511</v>
      </c>
      <c r="F127885" s="14" t="s">
        <v>15</v>
      </c>
      <c r="G127885" s="16">
        <v>0.74284480180671619</v>
      </c>
    </row>
    <row r="127886" spans="1:7" x14ac:dyDescent="0.3">
      <c r="A127886" s="13" t="s">
        <v>587</v>
      </c>
      <c r="B127886" s="14" t="s">
        <v>1</v>
      </c>
      <c r="C127886" s="14" t="s">
        <v>558</v>
      </c>
      <c r="D127886" s="14" t="s">
        <v>31</v>
      </c>
      <c r="E127886" s="15">
        <v>45512</v>
      </c>
      <c r="F127886" s="14" t="s">
        <v>15</v>
      </c>
      <c r="G127886" s="16">
        <v>0.75979341083247987</v>
      </c>
    </row>
    <row r="127887" spans="1:7" x14ac:dyDescent="0.3">
      <c r="A127887" s="13" t="s">
        <v>587</v>
      </c>
      <c r="B127887" s="14" t="s">
        <v>1</v>
      </c>
      <c r="C127887" s="14" t="s">
        <v>558</v>
      </c>
      <c r="D127887" s="14" t="s">
        <v>31</v>
      </c>
      <c r="E127887" s="15">
        <v>45513</v>
      </c>
      <c r="F127887" s="14" t="s">
        <v>15</v>
      </c>
      <c r="G127887" s="16">
        <v>0.75853285983599239</v>
      </c>
    </row>
    <row r="127888" spans="1:7" x14ac:dyDescent="0.3">
      <c r="A127888" s="13" t="s">
        <v>587</v>
      </c>
      <c r="B127888" s="14" t="s">
        <v>1</v>
      </c>
      <c r="C127888" s="14" t="s">
        <v>558</v>
      </c>
      <c r="D127888" s="14" t="s">
        <v>31</v>
      </c>
      <c r="E127888" s="15">
        <v>45514</v>
      </c>
      <c r="F127888" s="14" t="s">
        <v>15</v>
      </c>
      <c r="G127888" s="16">
        <v>0.75853285983599239</v>
      </c>
    </row>
    <row r="127889" spans="1:7" x14ac:dyDescent="0.3">
      <c r="A127889" s="13" t="s">
        <v>587</v>
      </c>
      <c r="B127889" s="14" t="s">
        <v>1</v>
      </c>
      <c r="C127889" s="14" t="s">
        <v>558</v>
      </c>
      <c r="D127889" s="14" t="s">
        <v>31</v>
      </c>
      <c r="E127889" s="15">
        <v>45515</v>
      </c>
      <c r="F127889" s="14" t="s">
        <v>15</v>
      </c>
      <c r="G127889" s="16">
        <v>0.75853285983599239</v>
      </c>
    </row>
    <row r="127890" spans="1:7" x14ac:dyDescent="0.3">
      <c r="A127890" s="13" t="s">
        <v>587</v>
      </c>
      <c r="B127890" s="14" t="s">
        <v>1</v>
      </c>
      <c r="C127890" s="14" t="s">
        <v>558</v>
      </c>
      <c r="D127890" s="14" t="s">
        <v>31</v>
      </c>
      <c r="E127890" s="15">
        <v>45516</v>
      </c>
      <c r="F127890" s="14" t="s">
        <v>15</v>
      </c>
      <c r="G127890" s="16">
        <v>0.75860341706621848</v>
      </c>
    </row>
    <row r="127891" spans="1:7" x14ac:dyDescent="0.3">
      <c r="A127891" s="13" t="s">
        <v>587</v>
      </c>
      <c r="B127891" s="14" t="s">
        <v>1</v>
      </c>
      <c r="C127891" s="14" t="s">
        <v>558</v>
      </c>
      <c r="D127891" s="14" t="s">
        <v>31</v>
      </c>
      <c r="E127891" s="15">
        <v>45517</v>
      </c>
      <c r="F127891" s="14" t="s">
        <v>15</v>
      </c>
      <c r="G127891" s="16">
        <v>0.7970178768862215</v>
      </c>
    </row>
    <row r="127892" spans="1:7" x14ac:dyDescent="0.3">
      <c r="A127892" s="13" t="s">
        <v>587</v>
      </c>
      <c r="B127892" s="14" t="s">
        <v>1</v>
      </c>
      <c r="C127892" s="14" t="s">
        <v>558</v>
      </c>
      <c r="D127892" s="14" t="s">
        <v>31</v>
      </c>
      <c r="E127892" s="15">
        <v>45518</v>
      </c>
      <c r="F127892" s="14" t="s">
        <v>15</v>
      </c>
      <c r="G127892" s="16">
        <v>0.82053920363248689</v>
      </c>
    </row>
    <row r="127893" spans="1:7" x14ac:dyDescent="0.3">
      <c r="A127893" s="13" t="s">
        <v>587</v>
      </c>
      <c r="B127893" s="14" t="s">
        <v>1</v>
      </c>
      <c r="C127893" s="14" t="s">
        <v>558</v>
      </c>
      <c r="D127893" s="14" t="s">
        <v>31</v>
      </c>
      <c r="E127893" s="15">
        <v>45519</v>
      </c>
      <c r="F127893" s="14" t="s">
        <v>15</v>
      </c>
      <c r="G127893" s="16">
        <v>0.83320757284120361</v>
      </c>
    </row>
    <row r="127894" spans="1:7" x14ac:dyDescent="0.3">
      <c r="A127894" s="13" t="s">
        <v>587</v>
      </c>
      <c r="B127894" s="14" t="s">
        <v>1</v>
      </c>
      <c r="C127894" s="14" t="s">
        <v>558</v>
      </c>
      <c r="D127894" s="14" t="s">
        <v>31</v>
      </c>
      <c r="E127894" s="15">
        <v>45520</v>
      </c>
      <c r="F127894" s="14" t="s">
        <v>15</v>
      </c>
      <c r="G127894" s="16">
        <v>0.83077266001765648</v>
      </c>
    </row>
    <row r="127895" spans="1:7" x14ac:dyDescent="0.3">
      <c r="A127895" s="13" t="s">
        <v>587</v>
      </c>
      <c r="B127895" s="14" t="s">
        <v>1</v>
      </c>
      <c r="C127895" s="14" t="s">
        <v>558</v>
      </c>
      <c r="D127895" s="14" t="s">
        <v>31</v>
      </c>
      <c r="E127895" s="15">
        <v>45521</v>
      </c>
      <c r="F127895" s="14" t="s">
        <v>15</v>
      </c>
      <c r="G127895" s="16">
        <v>0.83077266001765648</v>
      </c>
    </row>
    <row r="127896" spans="1:7" x14ac:dyDescent="0.3">
      <c r="A127896" s="13" t="s">
        <v>587</v>
      </c>
      <c r="B127896" s="14" t="s">
        <v>1</v>
      </c>
      <c r="C127896" s="14" t="s">
        <v>558</v>
      </c>
      <c r="D127896" s="14" t="s">
        <v>31</v>
      </c>
      <c r="E127896" s="15">
        <v>45522</v>
      </c>
      <c r="F127896" s="14" t="s">
        <v>15</v>
      </c>
      <c r="G127896" s="16">
        <v>0.83077266001765648</v>
      </c>
    </row>
    <row r="127897" spans="1:7" x14ac:dyDescent="0.3">
      <c r="A127897" s="13" t="s">
        <v>587</v>
      </c>
      <c r="B127897" s="14" t="s">
        <v>1</v>
      </c>
      <c r="C127897" s="14" t="s">
        <v>558</v>
      </c>
      <c r="D127897" s="14" t="s">
        <v>31</v>
      </c>
      <c r="E127897" s="15">
        <v>45523</v>
      </c>
      <c r="F127897" s="14" t="s">
        <v>15</v>
      </c>
      <c r="G127897" s="16">
        <v>0.82880835724417412</v>
      </c>
    </row>
    <row r="127898" spans="1:7" x14ac:dyDescent="0.3">
      <c r="A127898" s="13" t="s">
        <v>587</v>
      </c>
      <c r="B127898" s="14" t="s">
        <v>1</v>
      </c>
      <c r="C127898" s="14" t="s">
        <v>558</v>
      </c>
      <c r="D127898" s="14" t="s">
        <v>31</v>
      </c>
      <c r="E127898" s="15">
        <v>45524</v>
      </c>
      <c r="F127898" s="14" t="s">
        <v>15</v>
      </c>
      <c r="G127898" s="16">
        <v>0.82908041024051671</v>
      </c>
    </row>
    <row r="127899" spans="1:7" x14ac:dyDescent="0.3">
      <c r="A127899" s="13" t="s">
        <v>587</v>
      </c>
      <c r="B127899" s="14" t="s">
        <v>1</v>
      </c>
      <c r="C127899" s="14" t="s">
        <v>558</v>
      </c>
      <c r="D127899" s="14" t="s">
        <v>31</v>
      </c>
      <c r="E127899" s="15">
        <v>45525</v>
      </c>
      <c r="F127899" s="14" t="s">
        <v>15</v>
      </c>
      <c r="G127899" s="16">
        <v>0.82759203304957962</v>
      </c>
    </row>
    <row r="127900" spans="1:7" x14ac:dyDescent="0.3">
      <c r="A127900" s="13" t="s">
        <v>587</v>
      </c>
      <c r="B127900" s="14" t="s">
        <v>1</v>
      </c>
      <c r="C127900" s="14" t="s">
        <v>558</v>
      </c>
      <c r="D127900" s="14" t="s">
        <v>31</v>
      </c>
      <c r="E127900" s="15">
        <v>45526</v>
      </c>
      <c r="F127900" s="14" t="s">
        <v>15</v>
      </c>
      <c r="G127900" s="16">
        <v>0.82609079968706223</v>
      </c>
    </row>
    <row r="127901" spans="1:7" x14ac:dyDescent="0.3">
      <c r="A127901" s="13" t="s">
        <v>587</v>
      </c>
      <c r="B127901" s="14" t="s">
        <v>1</v>
      </c>
      <c r="C127901" s="14" t="s">
        <v>558</v>
      </c>
      <c r="D127901" s="14" t="s">
        <v>31</v>
      </c>
      <c r="E127901" s="15">
        <v>45527</v>
      </c>
      <c r="F127901" s="14" t="s">
        <v>15</v>
      </c>
      <c r="G127901" s="16">
        <v>0.86278957868624806</v>
      </c>
    </row>
    <row r="127902" spans="1:7" x14ac:dyDescent="0.3">
      <c r="A127902" s="13" t="s">
        <v>587</v>
      </c>
      <c r="B127902" s="14" t="s">
        <v>1</v>
      </c>
      <c r="C127902" s="14" t="s">
        <v>558</v>
      </c>
      <c r="D127902" s="14" t="s">
        <v>31</v>
      </c>
      <c r="E127902" s="15">
        <v>45528</v>
      </c>
      <c r="F127902" s="14" t="s">
        <v>15</v>
      </c>
      <c r="G127902" s="16">
        <v>0.86278957868624806</v>
      </c>
    </row>
    <row r="127903" spans="1:7" x14ac:dyDescent="0.3">
      <c r="A127903" s="13" t="s">
        <v>587</v>
      </c>
      <c r="B127903" s="14" t="s">
        <v>1</v>
      </c>
      <c r="C127903" s="14" t="s">
        <v>558</v>
      </c>
      <c r="D127903" s="14" t="s">
        <v>31</v>
      </c>
      <c r="E127903" s="15">
        <v>45529</v>
      </c>
      <c r="F127903" s="14" t="s">
        <v>15</v>
      </c>
      <c r="G127903" s="16">
        <v>0.86278957868624806</v>
      </c>
    </row>
    <row r="127904" spans="1:7" x14ac:dyDescent="0.3">
      <c r="A127904" s="13" t="s">
        <v>587</v>
      </c>
      <c r="B127904" s="14" t="s">
        <v>1</v>
      </c>
      <c r="C127904" s="14" t="s">
        <v>558</v>
      </c>
      <c r="D127904" s="14" t="s">
        <v>31</v>
      </c>
      <c r="E127904" s="15">
        <v>45530</v>
      </c>
      <c r="F127904" s="14" t="s">
        <v>15</v>
      </c>
      <c r="G127904" s="16">
        <v>0.86201966369940264</v>
      </c>
    </row>
    <row r="127905" spans="1:7" x14ac:dyDescent="0.3">
      <c r="A127905" s="13" t="s">
        <v>587</v>
      </c>
      <c r="B127905" s="14" t="s">
        <v>1</v>
      </c>
      <c r="C127905" s="14" t="s">
        <v>558</v>
      </c>
      <c r="D127905" s="14" t="s">
        <v>31</v>
      </c>
      <c r="E127905" s="15">
        <v>45531</v>
      </c>
      <c r="F127905" s="14" t="s">
        <v>15</v>
      </c>
      <c r="G127905" s="16">
        <v>0.85605301220226615</v>
      </c>
    </row>
    <row r="127906" spans="1:7" x14ac:dyDescent="0.3">
      <c r="A127906" s="13" t="s">
        <v>587</v>
      </c>
      <c r="B127906" s="14" t="s">
        <v>1</v>
      </c>
      <c r="C127906" s="14" t="s">
        <v>558</v>
      </c>
      <c r="D127906" s="14" t="s">
        <v>31</v>
      </c>
      <c r="E127906" s="15">
        <v>45532</v>
      </c>
      <c r="F127906" s="14" t="s">
        <v>15</v>
      </c>
      <c r="G127906" s="16">
        <v>0.85476687247965222</v>
      </c>
    </row>
    <row r="127907" spans="1:7" x14ac:dyDescent="0.3">
      <c r="A127907" s="13" t="s">
        <v>587</v>
      </c>
      <c r="B127907" s="14" t="s">
        <v>1</v>
      </c>
      <c r="C127907" s="14" t="s">
        <v>558</v>
      </c>
      <c r="D127907" s="14" t="s">
        <v>31</v>
      </c>
      <c r="E127907" s="15">
        <v>45533</v>
      </c>
      <c r="F127907" s="14" t="s">
        <v>15</v>
      </c>
      <c r="G127907" s="16">
        <v>0.85334759721095998</v>
      </c>
    </row>
    <row r="127908" spans="1:7" x14ac:dyDescent="0.3">
      <c r="A127908" s="13" t="s">
        <v>587</v>
      </c>
      <c r="B127908" s="14" t="s">
        <v>1</v>
      </c>
      <c r="C127908" s="14" t="s">
        <v>558</v>
      </c>
      <c r="D127908" s="14" t="s">
        <v>31</v>
      </c>
      <c r="E127908" s="15">
        <v>45534</v>
      </c>
      <c r="F127908" s="14" t="s">
        <v>15</v>
      </c>
      <c r="G127908" s="16">
        <v>0.85188876449125106</v>
      </c>
    </row>
    <row r="127909" spans="1:7" x14ac:dyDescent="0.3">
      <c r="A127909" s="13" t="s">
        <v>587</v>
      </c>
      <c r="B127909" s="14" t="s">
        <v>1</v>
      </c>
      <c r="C127909" s="14" t="s">
        <v>558</v>
      </c>
      <c r="D127909" s="14" t="s">
        <v>31</v>
      </c>
      <c r="E127909" s="15">
        <v>45535</v>
      </c>
      <c r="F127909" s="14" t="s">
        <v>15</v>
      </c>
      <c r="G127909" s="16">
        <v>0.85188876449125106</v>
      </c>
    </row>
    <row r="127910" spans="1:7" x14ac:dyDescent="0.3">
      <c r="A127910" s="13" t="s">
        <v>587</v>
      </c>
      <c r="B127910" s="14" t="s">
        <v>1</v>
      </c>
      <c r="C127910" s="14" t="s">
        <v>558</v>
      </c>
      <c r="D127910" s="14" t="s">
        <v>31</v>
      </c>
      <c r="E127910" s="15">
        <v>45536</v>
      </c>
      <c r="F127910" s="14" t="s">
        <v>15</v>
      </c>
      <c r="G127910" s="16">
        <v>0.85188876449125106</v>
      </c>
    </row>
    <row r="127911" spans="1:7" x14ac:dyDescent="0.3">
      <c r="A127911" s="13" t="s">
        <v>587</v>
      </c>
      <c r="B127911" s="14" t="s">
        <v>1</v>
      </c>
      <c r="C127911" s="14" t="s">
        <v>558</v>
      </c>
      <c r="D127911" s="14" t="s">
        <v>31</v>
      </c>
      <c r="E127911" s="15">
        <v>45537</v>
      </c>
      <c r="F127911" s="14" t="s">
        <v>15</v>
      </c>
      <c r="G127911" s="16">
        <v>0.85050570901364597</v>
      </c>
    </row>
    <row r="127912" spans="1:7" x14ac:dyDescent="0.3">
      <c r="A127912" s="13" t="s">
        <v>587</v>
      </c>
      <c r="B127912" s="14" t="s">
        <v>1</v>
      </c>
      <c r="C127912" s="14" t="s">
        <v>558</v>
      </c>
      <c r="D127912" s="14" t="s">
        <v>31</v>
      </c>
      <c r="E127912" s="15">
        <v>45538</v>
      </c>
      <c r="F127912" s="14" t="s">
        <v>15</v>
      </c>
      <c r="G127912" s="16">
        <v>0.8472792763186604</v>
      </c>
    </row>
    <row r="127913" spans="1:7" x14ac:dyDescent="0.3">
      <c r="A127913" s="13" t="s">
        <v>587</v>
      </c>
      <c r="B127913" s="14" t="s">
        <v>1</v>
      </c>
      <c r="C127913" s="14" t="s">
        <v>558</v>
      </c>
      <c r="D127913" s="14" t="s">
        <v>31</v>
      </c>
      <c r="E127913" s="15">
        <v>45539</v>
      </c>
      <c r="F127913" s="14" t="s">
        <v>15</v>
      </c>
      <c r="G127913" s="16">
        <v>0.85179028104255128</v>
      </c>
    </row>
    <row r="127914" spans="1:7" x14ac:dyDescent="0.3">
      <c r="A127914" s="13" t="s">
        <v>587</v>
      </c>
      <c r="B127914" s="14" t="s">
        <v>1</v>
      </c>
      <c r="C127914" s="14" t="s">
        <v>558</v>
      </c>
      <c r="D127914" s="14" t="s">
        <v>31</v>
      </c>
      <c r="E127914" s="15">
        <v>45540</v>
      </c>
      <c r="F127914" s="14" t="s">
        <v>15</v>
      </c>
      <c r="G127914" s="16">
        <v>0.85031624342760759</v>
      </c>
    </row>
    <row r="127915" spans="1:7" x14ac:dyDescent="0.3">
      <c r="A127915" s="13" t="s">
        <v>587</v>
      </c>
      <c r="B127915" s="14" t="s">
        <v>1</v>
      </c>
      <c r="C127915" s="14" t="s">
        <v>558</v>
      </c>
      <c r="D127915" s="14" t="s">
        <v>31</v>
      </c>
      <c r="E127915" s="15">
        <v>45541</v>
      </c>
      <c r="F127915" s="14" t="s">
        <v>15</v>
      </c>
      <c r="G127915" s="16">
        <v>0.86832919511979056</v>
      </c>
    </row>
    <row r="127916" spans="1:7" x14ac:dyDescent="0.3">
      <c r="A127916" s="13" t="s">
        <v>587</v>
      </c>
      <c r="B127916" s="14" t="s">
        <v>1</v>
      </c>
      <c r="C127916" s="14" t="s">
        <v>558</v>
      </c>
      <c r="D127916" s="14" t="s">
        <v>31</v>
      </c>
      <c r="E127916" s="15">
        <v>45542</v>
      </c>
      <c r="F127916" s="14" t="s">
        <v>15</v>
      </c>
      <c r="G127916" s="16">
        <v>0.86832919511979056</v>
      </c>
    </row>
    <row r="127917" spans="1:7" x14ac:dyDescent="0.3">
      <c r="A127917" s="13" t="s">
        <v>587</v>
      </c>
      <c r="B127917" s="14" t="s">
        <v>1</v>
      </c>
      <c r="C127917" s="14" t="s">
        <v>558</v>
      </c>
      <c r="D127917" s="14" t="s">
        <v>31</v>
      </c>
      <c r="E127917" s="15">
        <v>45543</v>
      </c>
      <c r="F127917" s="14" t="s">
        <v>15</v>
      </c>
      <c r="G127917" s="16">
        <v>0.86832919511979056</v>
      </c>
    </row>
    <row r="127918" spans="1:7" x14ac:dyDescent="0.3">
      <c r="A127918" s="13" t="s">
        <v>587</v>
      </c>
      <c r="B127918" s="14" t="s">
        <v>1</v>
      </c>
      <c r="C127918" s="14" t="s">
        <v>558</v>
      </c>
      <c r="D127918" s="14" t="s">
        <v>31</v>
      </c>
      <c r="E127918" s="15">
        <v>45544</v>
      </c>
      <c r="F127918" s="14" t="s">
        <v>15</v>
      </c>
      <c r="G127918" s="16">
        <v>0.86727335393231486</v>
      </c>
    </row>
    <row r="127919" spans="1:7" x14ac:dyDescent="0.3">
      <c r="A127919" s="13" t="s">
        <v>587</v>
      </c>
      <c r="B127919" s="14" t="s">
        <v>1</v>
      </c>
      <c r="C127919" s="14" t="s">
        <v>558</v>
      </c>
      <c r="D127919" s="14" t="s">
        <v>31</v>
      </c>
      <c r="E127919" s="15">
        <v>45545</v>
      </c>
      <c r="F127919" s="14" t="s">
        <v>15</v>
      </c>
      <c r="G127919" s="16">
        <v>0.87502399027744304</v>
      </c>
    </row>
    <row r="127920" spans="1:7" x14ac:dyDescent="0.3">
      <c r="A127920" s="13" t="s">
        <v>587</v>
      </c>
      <c r="B127920" s="14" t="s">
        <v>1</v>
      </c>
      <c r="C127920" s="14" t="s">
        <v>558</v>
      </c>
      <c r="D127920" s="14" t="s">
        <v>31</v>
      </c>
      <c r="E127920" s="15">
        <v>45546</v>
      </c>
      <c r="F127920" s="14" t="s">
        <v>15</v>
      </c>
      <c r="G127920" s="16">
        <v>0.87358691415579326</v>
      </c>
    </row>
    <row r="127921" spans="1:7" x14ac:dyDescent="0.3">
      <c r="A127921" s="13" t="s">
        <v>587</v>
      </c>
      <c r="B127921" s="14" t="s">
        <v>1</v>
      </c>
      <c r="C127921" s="14" t="s">
        <v>558</v>
      </c>
      <c r="D127921" s="14" t="s">
        <v>31</v>
      </c>
      <c r="E127921" s="15">
        <v>45547</v>
      </c>
      <c r="F127921" s="14" t="s">
        <v>15</v>
      </c>
      <c r="G127921" s="16">
        <v>0.87215502994958938</v>
      </c>
    </row>
    <row r="127922" spans="1:7" x14ac:dyDescent="0.3">
      <c r="A127922" s="13" t="s">
        <v>587</v>
      </c>
      <c r="B127922" s="14" t="s">
        <v>1</v>
      </c>
      <c r="C127922" s="14" t="s">
        <v>558</v>
      </c>
      <c r="D127922" s="14" t="s">
        <v>31</v>
      </c>
      <c r="E127922" s="15">
        <v>45548</v>
      </c>
      <c r="F127922" s="14" t="s">
        <v>15</v>
      </c>
      <c r="G127922" s="16">
        <v>0.90662412849880936</v>
      </c>
    </row>
    <row r="127923" spans="1:7" x14ac:dyDescent="0.3">
      <c r="A127923" s="13" t="s">
        <v>587</v>
      </c>
      <c r="B127923" s="14" t="s">
        <v>1</v>
      </c>
      <c r="C127923" s="14" t="s">
        <v>558</v>
      </c>
      <c r="D127923" s="14" t="s">
        <v>31</v>
      </c>
      <c r="E127923" s="15">
        <v>45549</v>
      </c>
      <c r="F127923" s="14" t="s">
        <v>15</v>
      </c>
      <c r="G127923" s="16">
        <v>0.90662412849880936</v>
      </c>
    </row>
    <row r="127924" spans="1:7" x14ac:dyDescent="0.3">
      <c r="A127924" s="13" t="s">
        <v>587</v>
      </c>
      <c r="B127924" s="14" t="s">
        <v>1</v>
      </c>
      <c r="C127924" s="14" t="s">
        <v>558</v>
      </c>
      <c r="D127924" s="14" t="s">
        <v>31</v>
      </c>
      <c r="E127924" s="15">
        <v>45550</v>
      </c>
      <c r="F127924" s="14" t="s">
        <v>15</v>
      </c>
      <c r="G127924" s="16">
        <v>0.90662412849880936</v>
      </c>
    </row>
    <row r="127925" spans="1:7" x14ac:dyDescent="0.3">
      <c r="A127925" s="13" t="s">
        <v>587</v>
      </c>
      <c r="B127925" s="14" t="s">
        <v>1</v>
      </c>
      <c r="C127925" s="14" t="s">
        <v>558</v>
      </c>
      <c r="D127925" s="14" t="s">
        <v>31</v>
      </c>
      <c r="E127925" s="15">
        <v>45551</v>
      </c>
      <c r="F127925" s="14" t="s">
        <v>15</v>
      </c>
      <c r="G127925" s="16">
        <v>0.90608043268496596</v>
      </c>
    </row>
    <row r="127926" spans="1:7" x14ac:dyDescent="0.3">
      <c r="A127926" s="13" t="s">
        <v>587</v>
      </c>
      <c r="B127926" s="14" t="s">
        <v>1</v>
      </c>
      <c r="C127926" s="14" t="s">
        <v>558</v>
      </c>
      <c r="D127926" s="14" t="s">
        <v>31</v>
      </c>
      <c r="E127926" s="15">
        <v>45552</v>
      </c>
      <c r="F127926" s="14" t="s">
        <v>15</v>
      </c>
      <c r="G127926" s="16">
        <v>0.90182303392285645</v>
      </c>
    </row>
    <row r="127927" spans="1:7" x14ac:dyDescent="0.3">
      <c r="A127927" s="13" t="s">
        <v>587</v>
      </c>
      <c r="B127927" s="14" t="s">
        <v>1</v>
      </c>
      <c r="C127927" s="14" t="s">
        <v>558</v>
      </c>
      <c r="D127927" s="14" t="s">
        <v>31</v>
      </c>
      <c r="E127927" s="15">
        <v>45553</v>
      </c>
      <c r="F127927" s="14" t="s">
        <v>15</v>
      </c>
      <c r="G127927" s="16">
        <v>0.90027025225698276</v>
      </c>
    </row>
    <row r="127928" spans="1:7" x14ac:dyDescent="0.3">
      <c r="A127928" s="13" t="s">
        <v>587</v>
      </c>
      <c r="B127928" s="14" t="s">
        <v>1</v>
      </c>
      <c r="C127928" s="14" t="s">
        <v>558</v>
      </c>
      <c r="D127928" s="14" t="s">
        <v>31</v>
      </c>
      <c r="E127928" s="15">
        <v>45554</v>
      </c>
      <c r="F127928" s="14" t="s">
        <v>15</v>
      </c>
      <c r="G127928" s="16">
        <v>0.89884195294477742</v>
      </c>
    </row>
    <row r="127929" spans="1:7" x14ac:dyDescent="0.3">
      <c r="A127929" s="13" t="s">
        <v>587</v>
      </c>
      <c r="B127929" s="14" t="s">
        <v>1</v>
      </c>
      <c r="C127929" s="14" t="s">
        <v>558</v>
      </c>
      <c r="D127929" s="14" t="s">
        <v>31</v>
      </c>
      <c r="E127929" s="15">
        <v>45555</v>
      </c>
      <c r="F127929" s="14" t="s">
        <v>15</v>
      </c>
      <c r="G127929" s="16">
        <v>0.89745778491386252</v>
      </c>
    </row>
    <row r="127930" spans="1:7" x14ac:dyDescent="0.3">
      <c r="A127930" s="13" t="s">
        <v>587</v>
      </c>
      <c r="B127930" s="14" t="s">
        <v>1</v>
      </c>
      <c r="C127930" s="14" t="s">
        <v>558</v>
      </c>
      <c r="D127930" s="14" t="s">
        <v>31</v>
      </c>
      <c r="E127930" s="15">
        <v>45556</v>
      </c>
      <c r="F127930" s="14" t="s">
        <v>15</v>
      </c>
      <c r="G127930" s="16">
        <v>0.89745778491386252</v>
      </c>
    </row>
    <row r="127931" spans="1:7" x14ac:dyDescent="0.3">
      <c r="A127931" s="13" t="s">
        <v>587</v>
      </c>
      <c r="B127931" s="14" t="s">
        <v>1</v>
      </c>
      <c r="C127931" s="14" t="s">
        <v>558</v>
      </c>
      <c r="D127931" s="14" t="s">
        <v>31</v>
      </c>
      <c r="E127931" s="15">
        <v>45557</v>
      </c>
      <c r="F127931" s="14" t="s">
        <v>15</v>
      </c>
      <c r="G127931" s="16">
        <v>0.89745778491386252</v>
      </c>
    </row>
    <row r="127932" spans="1:7" x14ac:dyDescent="0.3">
      <c r="A127932" s="13" t="s">
        <v>587</v>
      </c>
      <c r="B127932" s="14" t="s">
        <v>1</v>
      </c>
      <c r="C127932" s="14" t="s">
        <v>558</v>
      </c>
      <c r="D127932" s="14" t="s">
        <v>31</v>
      </c>
      <c r="E127932" s="15">
        <v>45558</v>
      </c>
      <c r="F127932" s="14" t="s">
        <v>15</v>
      </c>
      <c r="G127932" s="16">
        <v>0.89602404645214229</v>
      </c>
    </row>
    <row r="127933" spans="1:7" x14ac:dyDescent="0.3">
      <c r="A127933" s="13" t="s">
        <v>587</v>
      </c>
      <c r="B127933" s="14" t="s">
        <v>1</v>
      </c>
      <c r="C127933" s="14" t="s">
        <v>558</v>
      </c>
      <c r="D127933" s="14" t="s">
        <v>31</v>
      </c>
      <c r="E127933" s="15">
        <v>45559</v>
      </c>
      <c r="F127933" s="14" t="s">
        <v>15</v>
      </c>
      <c r="G127933" s="16">
        <v>0.90250773181142463</v>
      </c>
    </row>
    <row r="127934" spans="1:7" x14ac:dyDescent="0.3">
      <c r="A127934" s="13" t="s">
        <v>587</v>
      </c>
      <c r="B127934" s="14" t="s">
        <v>1</v>
      </c>
      <c r="C127934" s="14" t="s">
        <v>558</v>
      </c>
      <c r="D127934" s="14" t="s">
        <v>31</v>
      </c>
      <c r="E127934" s="15">
        <v>45560</v>
      </c>
      <c r="F127934" s="14" t="s">
        <v>15</v>
      </c>
      <c r="G127934" s="16">
        <v>0.90099697993725625</v>
      </c>
    </row>
    <row r="127935" spans="1:7" x14ac:dyDescent="0.3">
      <c r="A127935" s="13" t="s">
        <v>587</v>
      </c>
      <c r="B127935" s="14" t="s">
        <v>1</v>
      </c>
      <c r="C127935" s="14" t="s">
        <v>558</v>
      </c>
      <c r="D127935" s="14" t="s">
        <v>31</v>
      </c>
      <c r="E127935" s="15">
        <v>45561</v>
      </c>
      <c r="F127935" s="14" t="s">
        <v>15</v>
      </c>
      <c r="G127935" s="16">
        <v>0.91727076357208082</v>
      </c>
    </row>
    <row r="127936" spans="1:7" x14ac:dyDescent="0.3">
      <c r="A127936" s="13" t="s">
        <v>587</v>
      </c>
      <c r="B127936" s="14" t="s">
        <v>1</v>
      </c>
      <c r="C127936" s="14" t="s">
        <v>558</v>
      </c>
      <c r="D127936" s="14" t="s">
        <v>31</v>
      </c>
      <c r="E127936" s="15">
        <v>45562</v>
      </c>
      <c r="F127936" s="14" t="s">
        <v>15</v>
      </c>
      <c r="G127936" s="16">
        <v>0.91594345937700261</v>
      </c>
    </row>
    <row r="127937" spans="1:7" x14ac:dyDescent="0.3">
      <c r="A127937" s="13" t="s">
        <v>587</v>
      </c>
      <c r="B127937" s="14" t="s">
        <v>1</v>
      </c>
      <c r="C127937" s="14" t="s">
        <v>558</v>
      </c>
      <c r="D127937" s="14" t="s">
        <v>31</v>
      </c>
      <c r="E127937" s="15">
        <v>45563</v>
      </c>
      <c r="F127937" s="14" t="s">
        <v>15</v>
      </c>
      <c r="G127937" s="16">
        <v>0.91594345937700261</v>
      </c>
    </row>
    <row r="127938" spans="1:7" x14ac:dyDescent="0.3">
      <c r="A127938" s="13" t="s">
        <v>587</v>
      </c>
      <c r="B127938" s="14" t="s">
        <v>1</v>
      </c>
      <c r="C127938" s="14" t="s">
        <v>558</v>
      </c>
      <c r="D127938" s="14" t="s">
        <v>31</v>
      </c>
      <c r="E127938" s="15">
        <v>45564</v>
      </c>
      <c r="F127938" s="14" t="s">
        <v>15</v>
      </c>
      <c r="G127938" s="16">
        <v>0.91594345937700261</v>
      </c>
    </row>
    <row r="127939" spans="1:7" x14ac:dyDescent="0.3">
      <c r="A127939" s="13" t="s">
        <v>587</v>
      </c>
      <c r="B127939" s="14" t="s">
        <v>1</v>
      </c>
      <c r="C127939" s="14" t="s">
        <v>558</v>
      </c>
      <c r="D127939" s="14" t="s">
        <v>31</v>
      </c>
      <c r="E127939" s="15">
        <v>45565</v>
      </c>
      <c r="F127939" s="14" t="s">
        <v>15</v>
      </c>
      <c r="G127939" s="16">
        <v>0.94509702544584673</v>
      </c>
    </row>
    <row r="127940" spans="1:7" x14ac:dyDescent="0.3">
      <c r="A127940" s="13" t="s">
        <v>587</v>
      </c>
      <c r="B127940" s="14" t="s">
        <v>1</v>
      </c>
      <c r="C127940" s="14" t="s">
        <v>558</v>
      </c>
      <c r="D127940" s="14" t="s">
        <v>31</v>
      </c>
      <c r="E127940" s="15">
        <v>45566</v>
      </c>
      <c r="F127940" s="14" t="s">
        <v>15</v>
      </c>
      <c r="G127940" s="16">
        <v>0.94055728537710492</v>
      </c>
    </row>
    <row r="127941" spans="1:7" x14ac:dyDescent="0.3">
      <c r="A127941" s="13" t="s">
        <v>587</v>
      </c>
      <c r="B127941" s="14" t="s">
        <v>1</v>
      </c>
      <c r="C127941" s="14" t="s">
        <v>558</v>
      </c>
      <c r="D127941" s="14" t="s">
        <v>31</v>
      </c>
      <c r="E127941" s="15">
        <v>45567</v>
      </c>
      <c r="F127941" s="14" t="s">
        <v>15</v>
      </c>
      <c r="G127941" s="16">
        <v>0.94153358461858039</v>
      </c>
    </row>
    <row r="127942" spans="1:7" x14ac:dyDescent="0.3">
      <c r="A127942" s="13" t="s">
        <v>587</v>
      </c>
      <c r="B127942" s="14" t="s">
        <v>1</v>
      </c>
      <c r="C127942" s="14" t="s">
        <v>558</v>
      </c>
      <c r="D127942" s="14" t="s">
        <v>31</v>
      </c>
      <c r="E127942" s="15">
        <v>45568</v>
      </c>
      <c r="F127942" s="14" t="s">
        <v>15</v>
      </c>
      <c r="G127942" s="16">
        <v>0.94356915822806342</v>
      </c>
    </row>
    <row r="127943" spans="1:7" x14ac:dyDescent="0.3">
      <c r="A127943" s="13" t="s">
        <v>587</v>
      </c>
      <c r="B127943" s="14" t="s">
        <v>1</v>
      </c>
      <c r="C127943" s="14" t="s">
        <v>558</v>
      </c>
      <c r="D127943" s="14" t="s">
        <v>31</v>
      </c>
      <c r="E127943" s="15">
        <v>45569</v>
      </c>
      <c r="F127943" s="14" t="s">
        <v>15</v>
      </c>
      <c r="G127943" s="16">
        <v>0.94184726845909317</v>
      </c>
    </row>
    <row r="127944" spans="1:7" x14ac:dyDescent="0.3">
      <c r="A127944" s="13" t="s">
        <v>587</v>
      </c>
      <c r="B127944" s="14" t="s">
        <v>1</v>
      </c>
      <c r="C127944" s="14" t="s">
        <v>558</v>
      </c>
      <c r="D127944" s="14" t="s">
        <v>31</v>
      </c>
      <c r="E127944" s="15">
        <v>45570</v>
      </c>
      <c r="F127944" s="14" t="s">
        <v>15</v>
      </c>
      <c r="G127944" s="16">
        <v>0.94184726845909317</v>
      </c>
    </row>
    <row r="127945" spans="1:7" x14ac:dyDescent="0.3">
      <c r="A127945" s="13" t="s">
        <v>587</v>
      </c>
      <c r="B127945" s="14" t="s">
        <v>1</v>
      </c>
      <c r="C127945" s="14" t="s">
        <v>558</v>
      </c>
      <c r="D127945" s="14" t="s">
        <v>31</v>
      </c>
      <c r="E127945" s="15">
        <v>45571</v>
      </c>
      <c r="F127945" s="14" t="s">
        <v>15</v>
      </c>
      <c r="G127945" s="16">
        <v>0.94184726845909317</v>
      </c>
    </row>
    <row r="127946" spans="1:7" x14ac:dyDescent="0.3">
      <c r="A127946" s="13" t="s">
        <v>587</v>
      </c>
      <c r="B127946" s="14" t="s">
        <v>1</v>
      </c>
      <c r="C127946" s="14" t="s">
        <v>558</v>
      </c>
      <c r="D127946" s="14" t="s">
        <v>31</v>
      </c>
      <c r="E127946" s="15">
        <v>45572</v>
      </c>
      <c r="F127946" s="14" t="s">
        <v>15</v>
      </c>
      <c r="G127946" s="16">
        <v>0.9322465233838616</v>
      </c>
    </row>
    <row r="127947" spans="1:7" x14ac:dyDescent="0.3">
      <c r="A127947" s="13" t="s">
        <v>587</v>
      </c>
      <c r="B127947" s="14" t="s">
        <v>1</v>
      </c>
      <c r="C127947" s="14" t="s">
        <v>558</v>
      </c>
      <c r="D127947" s="14" t="s">
        <v>31</v>
      </c>
      <c r="E127947" s="15">
        <v>45573</v>
      </c>
      <c r="F127947" s="14" t="s">
        <v>15</v>
      </c>
      <c r="G127947" s="16">
        <v>0.93335027178783159</v>
      </c>
    </row>
    <row r="127948" spans="1:7" x14ac:dyDescent="0.3">
      <c r="A127948" s="13" t="s">
        <v>587</v>
      </c>
      <c r="B127948" s="14" t="s">
        <v>1</v>
      </c>
      <c r="C127948" s="14" t="s">
        <v>558</v>
      </c>
      <c r="D127948" s="14" t="s">
        <v>31</v>
      </c>
      <c r="E127948" s="15">
        <v>45574</v>
      </c>
      <c r="F127948" s="14" t="s">
        <v>15</v>
      </c>
      <c r="G127948" s="16">
        <v>0.94443646657291258</v>
      </c>
    </row>
    <row r="127949" spans="1:7" x14ac:dyDescent="0.3">
      <c r="A127949" s="13" t="s">
        <v>587</v>
      </c>
      <c r="B127949" s="14" t="s">
        <v>1</v>
      </c>
      <c r="C127949" s="14" t="s">
        <v>558</v>
      </c>
      <c r="D127949" s="14" t="s">
        <v>31</v>
      </c>
      <c r="E127949" s="15">
        <v>45575</v>
      </c>
      <c r="F127949" s="14" t="s">
        <v>15</v>
      </c>
      <c r="G127949" s="16">
        <v>0.9529943221528514</v>
      </c>
    </row>
    <row r="127950" spans="1:7" x14ac:dyDescent="0.3">
      <c r="A127950" s="13" t="s">
        <v>587</v>
      </c>
      <c r="B127950" s="14" t="s">
        <v>1</v>
      </c>
      <c r="C127950" s="14" t="s">
        <v>558</v>
      </c>
      <c r="D127950" s="14" t="s">
        <v>31</v>
      </c>
      <c r="E127950" s="15">
        <v>45576</v>
      </c>
      <c r="F127950" s="14" t="s">
        <v>15</v>
      </c>
      <c r="G127950" s="16">
        <v>0.95135043473260472</v>
      </c>
    </row>
    <row r="127951" spans="1:7" x14ac:dyDescent="0.3">
      <c r="A127951" s="13" t="s">
        <v>587</v>
      </c>
      <c r="B127951" s="14" t="s">
        <v>1</v>
      </c>
      <c r="C127951" s="14" t="s">
        <v>558</v>
      </c>
      <c r="D127951" s="14" t="s">
        <v>31</v>
      </c>
      <c r="E127951" s="15">
        <v>45577</v>
      </c>
      <c r="F127951" s="14" t="s">
        <v>15</v>
      </c>
      <c r="G127951" s="16">
        <v>0.95135043473260472</v>
      </c>
    </row>
    <row r="127952" spans="1:7" x14ac:dyDescent="0.3">
      <c r="A127952" s="13" t="s">
        <v>587</v>
      </c>
      <c r="B127952" s="14" t="s">
        <v>1</v>
      </c>
      <c r="C127952" s="14" t="s">
        <v>558</v>
      </c>
      <c r="D127952" s="14" t="s">
        <v>31</v>
      </c>
      <c r="E127952" s="15">
        <v>45578</v>
      </c>
      <c r="F127952" s="14" t="s">
        <v>15</v>
      </c>
      <c r="G127952" s="16">
        <v>0.95135043473260472</v>
      </c>
    </row>
    <row r="127953" spans="1:7" x14ac:dyDescent="0.3">
      <c r="A127953" s="13" t="s">
        <v>587</v>
      </c>
      <c r="B127953" s="14" t="s">
        <v>1</v>
      </c>
      <c r="C127953" s="14" t="s">
        <v>558</v>
      </c>
      <c r="D127953" s="14" t="s">
        <v>31</v>
      </c>
      <c r="E127953" s="15">
        <v>45579</v>
      </c>
      <c r="F127953" s="14" t="s">
        <v>15</v>
      </c>
      <c r="G127953" s="16">
        <v>0.95390297478006314</v>
      </c>
    </row>
    <row r="127954" spans="1:7" x14ac:dyDescent="0.3">
      <c r="A127954" s="13" t="s">
        <v>587</v>
      </c>
      <c r="B127954" s="14" t="s">
        <v>1</v>
      </c>
      <c r="C127954" s="14" t="s">
        <v>558</v>
      </c>
      <c r="D127954" s="14" t="s">
        <v>31</v>
      </c>
      <c r="E127954" s="15">
        <v>45580</v>
      </c>
      <c r="F127954" s="14" t="s">
        <v>15</v>
      </c>
      <c r="G127954" s="16">
        <v>0.94848209248992321</v>
      </c>
    </row>
    <row r="127955" spans="1:7" x14ac:dyDescent="0.3">
      <c r="A127955" s="13" t="s">
        <v>587</v>
      </c>
      <c r="B127955" s="14" t="s">
        <v>1</v>
      </c>
      <c r="C127955" s="14" t="s">
        <v>558</v>
      </c>
      <c r="D127955" s="14" t="s">
        <v>31</v>
      </c>
      <c r="E127955" s="15">
        <v>45581</v>
      </c>
      <c r="F127955" s="14" t="s">
        <v>15</v>
      </c>
      <c r="G127955" s="16">
        <v>0.94622951479215645</v>
      </c>
    </row>
    <row r="127956" spans="1:7" x14ac:dyDescent="0.3">
      <c r="A127956" s="13" t="s">
        <v>587</v>
      </c>
      <c r="B127956" s="14" t="s">
        <v>1</v>
      </c>
      <c r="C127956" s="14" t="s">
        <v>558</v>
      </c>
      <c r="D127956" s="14" t="s">
        <v>31</v>
      </c>
      <c r="E127956" s="15">
        <v>45582</v>
      </c>
      <c r="F127956" s="14" t="s">
        <v>15</v>
      </c>
      <c r="G127956" s="16">
        <v>0.94445273905990035</v>
      </c>
    </row>
    <row r="127957" spans="1:7" x14ac:dyDescent="0.3">
      <c r="A127957" s="13" t="s">
        <v>587</v>
      </c>
      <c r="B127957" s="14" t="s">
        <v>1</v>
      </c>
      <c r="C127957" s="14" t="s">
        <v>558</v>
      </c>
      <c r="D127957" s="14" t="s">
        <v>31</v>
      </c>
      <c r="E127957" s="15">
        <v>45583</v>
      </c>
      <c r="F127957" s="14" t="s">
        <v>15</v>
      </c>
      <c r="G127957" s="16">
        <v>0.94433824158958879</v>
      </c>
    </row>
    <row r="127958" spans="1:7" x14ac:dyDescent="0.3">
      <c r="A127958" s="13" t="s">
        <v>587</v>
      </c>
      <c r="B127958" s="14" t="s">
        <v>1</v>
      </c>
      <c r="C127958" s="14" t="s">
        <v>558</v>
      </c>
      <c r="D127958" s="14" t="s">
        <v>31</v>
      </c>
      <c r="E127958" s="15">
        <v>45584</v>
      </c>
      <c r="F127958" s="14" t="s">
        <v>15</v>
      </c>
      <c r="G127958" s="16">
        <v>0.94433824158958879</v>
      </c>
    </row>
    <row r="127959" spans="1:7" x14ac:dyDescent="0.3">
      <c r="A127959" s="13" t="s">
        <v>587</v>
      </c>
      <c r="B127959" s="14" t="s">
        <v>1</v>
      </c>
      <c r="C127959" s="14" t="s">
        <v>558</v>
      </c>
      <c r="D127959" s="14" t="s">
        <v>31</v>
      </c>
      <c r="E127959" s="15">
        <v>45585</v>
      </c>
      <c r="F127959" s="14" t="s">
        <v>15</v>
      </c>
      <c r="G127959" s="16">
        <v>0.94433824158958879</v>
      </c>
    </row>
    <row r="127960" spans="1:7" x14ac:dyDescent="0.3">
      <c r="A127960" s="13" t="s">
        <v>587</v>
      </c>
      <c r="B127960" s="14" t="s">
        <v>1</v>
      </c>
      <c r="C127960" s="14" t="s">
        <v>558</v>
      </c>
      <c r="D127960" s="14" t="s">
        <v>31</v>
      </c>
      <c r="E127960" s="15">
        <v>45586</v>
      </c>
      <c r="F127960" s="14" t="s">
        <v>15</v>
      </c>
      <c r="G127960" s="16">
        <v>0.94404177984460014</v>
      </c>
    </row>
    <row r="127961" spans="1:7" x14ac:dyDescent="0.3">
      <c r="A127961" s="13" t="s">
        <v>587</v>
      </c>
      <c r="B127961" s="14" t="s">
        <v>1</v>
      </c>
      <c r="C127961" s="14" t="s">
        <v>558</v>
      </c>
      <c r="D127961" s="14" t="s">
        <v>31</v>
      </c>
      <c r="E127961" s="15">
        <v>45587</v>
      </c>
      <c r="F127961" s="14" t="s">
        <v>15</v>
      </c>
      <c r="G127961" s="16">
        <v>0.93898247738016027</v>
      </c>
    </row>
    <row r="127962" spans="1:7" x14ac:dyDescent="0.3">
      <c r="A127962" s="13" t="s">
        <v>587</v>
      </c>
      <c r="B127962" s="14" t="s">
        <v>1</v>
      </c>
      <c r="C127962" s="14" t="s">
        <v>558</v>
      </c>
      <c r="D127962" s="14" t="s">
        <v>31</v>
      </c>
      <c r="E127962" s="15">
        <v>45588</v>
      </c>
      <c r="F127962" s="14" t="s">
        <v>15</v>
      </c>
      <c r="G127962" s="16">
        <v>0.93731188868047721</v>
      </c>
    </row>
    <row r="127963" spans="1:7" x14ac:dyDescent="0.3">
      <c r="A127963" s="13" t="s">
        <v>587</v>
      </c>
      <c r="B127963" s="14" t="s">
        <v>1</v>
      </c>
      <c r="C127963" s="14" t="s">
        <v>558</v>
      </c>
      <c r="D127963" s="14" t="s">
        <v>31</v>
      </c>
      <c r="E127963" s="15">
        <v>45589</v>
      </c>
      <c r="F127963" s="14" t="s">
        <v>15</v>
      </c>
      <c r="G127963" s="16">
        <v>0.93675991052532726</v>
      </c>
    </row>
    <row r="127964" spans="1:7" x14ac:dyDescent="0.3">
      <c r="A127964" s="13" t="s">
        <v>587</v>
      </c>
      <c r="B127964" s="14" t="s">
        <v>1</v>
      </c>
      <c r="C127964" s="14" t="s">
        <v>558</v>
      </c>
      <c r="D127964" s="14" t="s">
        <v>31</v>
      </c>
      <c r="E127964" s="15">
        <v>45590</v>
      </c>
      <c r="F127964" s="14" t="s">
        <v>15</v>
      </c>
      <c r="G127964" s="16">
        <v>0.93511144927480683</v>
      </c>
    </row>
    <row r="127965" spans="1:7" x14ac:dyDescent="0.3">
      <c r="A127965" s="13" t="s">
        <v>587</v>
      </c>
      <c r="B127965" s="14" t="s">
        <v>1</v>
      </c>
      <c r="C127965" s="14" t="s">
        <v>558</v>
      </c>
      <c r="D127965" s="14" t="s">
        <v>31</v>
      </c>
      <c r="E127965" s="15">
        <v>45591</v>
      </c>
      <c r="F127965" s="14" t="s">
        <v>15</v>
      </c>
      <c r="G127965" s="16">
        <v>0.93511144927480683</v>
      </c>
    </row>
    <row r="127966" spans="1:7" x14ac:dyDescent="0.3">
      <c r="A127966" s="13" t="s">
        <v>587</v>
      </c>
      <c r="B127966" s="14" t="s">
        <v>1</v>
      </c>
      <c r="C127966" s="14" t="s">
        <v>558</v>
      </c>
      <c r="D127966" s="14" t="s">
        <v>31</v>
      </c>
      <c r="E127966" s="15">
        <v>45592</v>
      </c>
      <c r="F127966" s="14" t="s">
        <v>15</v>
      </c>
      <c r="G127966" s="16">
        <v>0.93511144927480683</v>
      </c>
    </row>
    <row r="127967" spans="1:7" x14ac:dyDescent="0.3">
      <c r="A127967" s="13" t="s">
        <v>587</v>
      </c>
      <c r="B127967" s="14" t="s">
        <v>1</v>
      </c>
      <c r="C127967" s="14" t="s">
        <v>558</v>
      </c>
      <c r="D127967" s="14" t="s">
        <v>31</v>
      </c>
      <c r="E127967" s="15">
        <v>45593</v>
      </c>
      <c r="F127967" s="14" t="s">
        <v>15</v>
      </c>
      <c r="G127967" s="16">
        <v>0.93511144927480683</v>
      </c>
    </row>
    <row r="127968" spans="1:7" x14ac:dyDescent="0.3">
      <c r="A127968" s="13" t="s">
        <v>587</v>
      </c>
      <c r="B127968" s="14" t="s">
        <v>1</v>
      </c>
      <c r="C127968" s="14" t="s">
        <v>558</v>
      </c>
      <c r="D127968" s="14" t="s">
        <v>31</v>
      </c>
      <c r="E127968" s="15">
        <v>45594</v>
      </c>
      <c r="F127968" s="14" t="s">
        <v>15</v>
      </c>
      <c r="G127968" s="16">
        <v>0.93340377546479558</v>
      </c>
    </row>
    <row r="127969" spans="1:7" x14ac:dyDescent="0.3">
      <c r="A127969" s="13" t="s">
        <v>587</v>
      </c>
      <c r="B127969" s="14" t="s">
        <v>1</v>
      </c>
      <c r="C127969" s="14" t="s">
        <v>558</v>
      </c>
      <c r="D127969" s="14" t="s">
        <v>31</v>
      </c>
      <c r="E127969" s="15">
        <v>45595</v>
      </c>
      <c r="F127969" s="14" t="s">
        <v>15</v>
      </c>
      <c r="G127969" s="16">
        <v>0.94155109887340105</v>
      </c>
    </row>
    <row r="127970" spans="1:7" x14ac:dyDescent="0.3">
      <c r="A127970" s="13" t="s">
        <v>587</v>
      </c>
      <c r="B127970" s="14" t="s">
        <v>1</v>
      </c>
      <c r="C127970" s="14" t="s">
        <v>558</v>
      </c>
      <c r="D127970" s="14" t="s">
        <v>31</v>
      </c>
      <c r="E127970" s="15">
        <v>45596</v>
      </c>
      <c r="F127970" s="14" t="s">
        <v>15</v>
      </c>
      <c r="G127970" s="16">
        <v>0.93986270932076044</v>
      </c>
    </row>
    <row r="127971" spans="1:7" x14ac:dyDescent="0.3">
      <c r="A127971" s="13" t="s">
        <v>587</v>
      </c>
      <c r="B127971" s="14" t="s">
        <v>1</v>
      </c>
      <c r="C127971" s="14" t="s">
        <v>558</v>
      </c>
      <c r="D127971" s="14" t="s">
        <v>31</v>
      </c>
      <c r="E127971" s="15">
        <v>45597</v>
      </c>
      <c r="F127971" s="14" t="s">
        <v>15</v>
      </c>
      <c r="G127971" s="16">
        <v>0.93814341550951319</v>
      </c>
    </row>
    <row r="127972" spans="1:7" x14ac:dyDescent="0.3">
      <c r="A127972" s="13" t="s">
        <v>587</v>
      </c>
      <c r="B127972" s="14" t="s">
        <v>1</v>
      </c>
      <c r="C127972" s="14" t="s">
        <v>558</v>
      </c>
      <c r="D127972" s="14" t="s">
        <v>31</v>
      </c>
      <c r="E127972" s="15">
        <v>45598</v>
      </c>
      <c r="F127972" s="14" t="s">
        <v>15</v>
      </c>
      <c r="G127972" s="16">
        <v>0.93814341550951319</v>
      </c>
    </row>
    <row r="127973" spans="1:7" x14ac:dyDescent="0.3">
      <c r="A127973" s="13" t="s">
        <v>587</v>
      </c>
      <c r="B127973" s="14" t="s">
        <v>1</v>
      </c>
      <c r="C127973" s="14" t="s">
        <v>558</v>
      </c>
      <c r="D127973" s="14" t="s">
        <v>31</v>
      </c>
      <c r="E127973" s="15">
        <v>45599</v>
      </c>
      <c r="F127973" s="14" t="s">
        <v>15</v>
      </c>
      <c r="G127973" s="16">
        <v>0.93814341550951319</v>
      </c>
    </row>
    <row r="127974" spans="1:7" x14ac:dyDescent="0.3">
      <c r="A127974" s="13" t="s">
        <v>587</v>
      </c>
      <c r="B127974" s="14" t="s">
        <v>1</v>
      </c>
      <c r="C127974" s="14" t="s">
        <v>558</v>
      </c>
      <c r="D127974" s="14" t="s">
        <v>31</v>
      </c>
      <c r="E127974" s="15">
        <v>45600</v>
      </c>
      <c r="F127974" s="14" t="s">
        <v>15</v>
      </c>
      <c r="G127974" s="16">
        <v>0.93731985072972634</v>
      </c>
    </row>
    <row r="127975" spans="1:7" x14ac:dyDescent="0.3">
      <c r="A127975" s="13" t="s">
        <v>587</v>
      </c>
      <c r="B127975" s="14" t="s">
        <v>1</v>
      </c>
      <c r="C127975" s="14" t="s">
        <v>558</v>
      </c>
      <c r="D127975" s="14" t="s">
        <v>31</v>
      </c>
      <c r="E127975" s="15">
        <v>45601</v>
      </c>
      <c r="F127975" s="14" t="s">
        <v>15</v>
      </c>
      <c r="G127975" s="16">
        <v>0.93195657397762965</v>
      </c>
    </row>
    <row r="127976" spans="1:7" x14ac:dyDescent="0.3">
      <c r="A127976" s="13" t="s">
        <v>587</v>
      </c>
      <c r="B127976" s="14" t="s">
        <v>1</v>
      </c>
      <c r="C127976" s="14" t="s">
        <v>558</v>
      </c>
      <c r="D127976" s="14" t="s">
        <v>31</v>
      </c>
      <c r="E127976" s="15">
        <v>45602</v>
      </c>
      <c r="F127976" s="14" t="s">
        <v>15</v>
      </c>
      <c r="G127976" s="16">
        <v>0.93016310994572604</v>
      </c>
    </row>
    <row r="127977" spans="1:7" x14ac:dyDescent="0.3">
      <c r="A127977" s="13" t="s">
        <v>587</v>
      </c>
      <c r="B127977" s="14" t="s">
        <v>1</v>
      </c>
      <c r="C127977" s="14" t="s">
        <v>558</v>
      </c>
      <c r="D127977" s="14" t="s">
        <v>31</v>
      </c>
      <c r="E127977" s="15">
        <v>45603</v>
      </c>
      <c r="F127977" s="14" t="s">
        <v>15</v>
      </c>
      <c r="G127977" s="16">
        <v>0.92839968485318813</v>
      </c>
    </row>
    <row r="127978" spans="1:7" x14ac:dyDescent="0.3">
      <c r="A127978" s="13" t="s">
        <v>587</v>
      </c>
      <c r="B127978" s="14" t="s">
        <v>1</v>
      </c>
      <c r="C127978" s="14" t="s">
        <v>558</v>
      </c>
      <c r="D127978" s="14" t="s">
        <v>31</v>
      </c>
      <c r="E127978" s="15">
        <v>45604</v>
      </c>
      <c r="F127978" s="14" t="s">
        <v>15</v>
      </c>
      <c r="G127978" s="16">
        <v>0.93150689453412194</v>
      </c>
    </row>
    <row r="127979" spans="1:7" x14ac:dyDescent="0.3">
      <c r="A127979" s="13" t="s">
        <v>587</v>
      </c>
      <c r="B127979" s="14" t="s">
        <v>1</v>
      </c>
      <c r="C127979" s="14" t="s">
        <v>558</v>
      </c>
      <c r="D127979" s="14" t="s">
        <v>31</v>
      </c>
      <c r="E127979" s="15">
        <v>45605</v>
      </c>
      <c r="F127979" s="14" t="s">
        <v>15</v>
      </c>
      <c r="G127979" s="16">
        <v>0.93150689453412194</v>
      </c>
    </row>
    <row r="127980" spans="1:7" x14ac:dyDescent="0.3">
      <c r="A127980" s="13" t="s">
        <v>587</v>
      </c>
      <c r="B127980" s="14" t="s">
        <v>1</v>
      </c>
      <c r="C127980" s="14" t="s">
        <v>558</v>
      </c>
      <c r="D127980" s="14" t="s">
        <v>31</v>
      </c>
      <c r="E127980" s="15">
        <v>45606</v>
      </c>
      <c r="F127980" s="14" t="s">
        <v>15</v>
      </c>
      <c r="G127980" s="16">
        <v>0.93150689453412194</v>
      </c>
    </row>
    <row r="127981" spans="1:7" x14ac:dyDescent="0.3">
      <c r="A127981" s="13" t="s">
        <v>587</v>
      </c>
      <c r="B127981" s="14" t="s">
        <v>1</v>
      </c>
      <c r="C127981" s="14" t="s">
        <v>558</v>
      </c>
      <c r="D127981" s="14" t="s">
        <v>31</v>
      </c>
      <c r="E127981" s="15">
        <v>45607</v>
      </c>
      <c r="F127981" s="14" t="s">
        <v>15</v>
      </c>
      <c r="G127981" s="16">
        <v>0.93163654070680435</v>
      </c>
    </row>
    <row r="127982" spans="1:7" x14ac:dyDescent="0.3">
      <c r="A127982" s="13" t="s">
        <v>587</v>
      </c>
      <c r="B127982" s="14" t="s">
        <v>1</v>
      </c>
      <c r="C127982" s="14" t="s">
        <v>558</v>
      </c>
      <c r="D127982" s="14" t="s">
        <v>31</v>
      </c>
      <c r="E127982" s="15">
        <v>45608</v>
      </c>
      <c r="F127982" s="14" t="s">
        <v>15</v>
      </c>
      <c r="G127982" s="16">
        <v>0.94605928286811392</v>
      </c>
    </row>
    <row r="127983" spans="1:7" x14ac:dyDescent="0.3">
      <c r="A127983" s="13" t="s">
        <v>587</v>
      </c>
      <c r="B127983" s="14" t="s">
        <v>1</v>
      </c>
      <c r="C127983" s="14" t="s">
        <v>558</v>
      </c>
      <c r="D127983" s="14" t="s">
        <v>31</v>
      </c>
      <c r="E127983" s="15">
        <v>45609</v>
      </c>
      <c r="F127983" s="14" t="s">
        <v>15</v>
      </c>
      <c r="G127983" s="16">
        <v>0.94436310544230451</v>
      </c>
    </row>
    <row r="127984" spans="1:7" x14ac:dyDescent="0.3">
      <c r="A127984" s="13" t="s">
        <v>587</v>
      </c>
      <c r="B127984" s="14" t="s">
        <v>1</v>
      </c>
      <c r="C127984" s="14" t="s">
        <v>558</v>
      </c>
      <c r="D127984" s="14" t="s">
        <v>31</v>
      </c>
      <c r="E127984" s="15">
        <v>45610</v>
      </c>
      <c r="F127984" s="14" t="s">
        <v>15</v>
      </c>
      <c r="G127984" s="16">
        <v>0.9428365305877292</v>
      </c>
    </row>
    <row r="127985" spans="1:7" x14ac:dyDescent="0.3">
      <c r="A127985" s="13" t="s">
        <v>587</v>
      </c>
      <c r="B127985" s="14" t="s">
        <v>1</v>
      </c>
      <c r="C127985" s="14" t="s">
        <v>558</v>
      </c>
      <c r="D127985" s="14" t="s">
        <v>31</v>
      </c>
      <c r="E127985" s="15">
        <v>45611</v>
      </c>
      <c r="F127985" s="14" t="s">
        <v>15</v>
      </c>
      <c r="G127985" s="16">
        <v>0.94093168760780643</v>
      </c>
    </row>
    <row r="127986" spans="1:7" x14ac:dyDescent="0.3">
      <c r="A127986" s="13" t="s">
        <v>587</v>
      </c>
      <c r="B127986" s="14" t="s">
        <v>1</v>
      </c>
      <c r="C127986" s="14" t="s">
        <v>558</v>
      </c>
      <c r="D127986" s="14" t="s">
        <v>31</v>
      </c>
      <c r="E127986" s="15">
        <v>45612</v>
      </c>
      <c r="F127986" s="14" t="s">
        <v>15</v>
      </c>
      <c r="G127986" s="16">
        <v>0.94093168760780643</v>
      </c>
    </row>
    <row r="127987" spans="1:7" x14ac:dyDescent="0.3">
      <c r="A127987" s="13" t="s">
        <v>587</v>
      </c>
      <c r="B127987" s="14" t="s">
        <v>1</v>
      </c>
      <c r="C127987" s="14" t="s">
        <v>558</v>
      </c>
      <c r="D127987" s="14" t="s">
        <v>31</v>
      </c>
      <c r="E127987" s="15">
        <v>45613</v>
      </c>
      <c r="F127987" s="14" t="s">
        <v>15</v>
      </c>
      <c r="G127987" s="16">
        <v>0.94093168760780643</v>
      </c>
    </row>
    <row r="127988" spans="1:7" x14ac:dyDescent="0.3">
      <c r="A127988" s="13" t="s">
        <v>587</v>
      </c>
      <c r="B127988" s="14" t="s">
        <v>1</v>
      </c>
      <c r="C127988" s="14" t="s">
        <v>558</v>
      </c>
      <c r="D127988" s="14" t="s">
        <v>31</v>
      </c>
      <c r="E127988" s="15">
        <v>45614</v>
      </c>
      <c r="F127988" s="14" t="s">
        <v>15</v>
      </c>
      <c r="G127988" s="16">
        <v>0.94098864696424556</v>
      </c>
    </row>
    <row r="127989" spans="1:7" x14ac:dyDescent="0.3">
      <c r="A127989" s="13" t="s">
        <v>587</v>
      </c>
      <c r="B127989" s="14" t="s">
        <v>1</v>
      </c>
      <c r="C127989" s="14" t="s">
        <v>558</v>
      </c>
      <c r="D127989" s="14" t="s">
        <v>31</v>
      </c>
      <c r="E127989" s="15">
        <v>45615</v>
      </c>
      <c r="F127989" s="14" t="s">
        <v>15</v>
      </c>
      <c r="G127989" s="16">
        <v>0.93545317168319164</v>
      </c>
    </row>
    <row r="127990" spans="1:7" x14ac:dyDescent="0.3">
      <c r="A127990" s="13" t="s">
        <v>587</v>
      </c>
      <c r="B127990" s="14" t="s">
        <v>1</v>
      </c>
      <c r="C127990" s="14" t="s">
        <v>558</v>
      </c>
      <c r="D127990" s="14" t="s">
        <v>31</v>
      </c>
      <c r="E127990" s="15">
        <v>45616</v>
      </c>
      <c r="F127990" s="14" t="s">
        <v>15</v>
      </c>
      <c r="G127990" s="16">
        <v>0.9391579461085473</v>
      </c>
    </row>
    <row r="127991" spans="1:7" x14ac:dyDescent="0.3">
      <c r="A127991" s="13" t="s">
        <v>587</v>
      </c>
      <c r="B127991" s="14" t="s">
        <v>1</v>
      </c>
      <c r="C127991" s="14" t="s">
        <v>558</v>
      </c>
      <c r="D127991" s="14" t="s">
        <v>31</v>
      </c>
      <c r="E127991" s="15">
        <v>45617</v>
      </c>
      <c r="F127991" s="14" t="s">
        <v>15</v>
      </c>
      <c r="G127991" s="16">
        <v>0.93760800763446528</v>
      </c>
    </row>
    <row r="127992" spans="1:7" x14ac:dyDescent="0.3">
      <c r="A127992" s="13" t="s">
        <v>587</v>
      </c>
      <c r="B127992" s="14" t="s">
        <v>1</v>
      </c>
      <c r="C127992" s="14" t="s">
        <v>558</v>
      </c>
      <c r="D127992" s="14" t="s">
        <v>31</v>
      </c>
      <c r="E127992" s="15">
        <v>45618</v>
      </c>
      <c r="F127992" s="14" t="s">
        <v>15</v>
      </c>
      <c r="G127992" s="16">
        <v>0.93991578595375758</v>
      </c>
    </row>
    <row r="127993" spans="1:7" x14ac:dyDescent="0.3">
      <c r="A127993" s="13" t="s">
        <v>587</v>
      </c>
      <c r="B127993" s="14" t="s">
        <v>1</v>
      </c>
      <c r="C127993" s="14" t="s">
        <v>558</v>
      </c>
      <c r="D127993" s="14" t="s">
        <v>31</v>
      </c>
      <c r="E127993" s="15">
        <v>45619</v>
      </c>
      <c r="F127993" s="14" t="s">
        <v>15</v>
      </c>
      <c r="G127993" s="16">
        <v>0.93991578595375758</v>
      </c>
    </row>
    <row r="127994" spans="1:7" x14ac:dyDescent="0.3">
      <c r="A127994" s="13" t="s">
        <v>587</v>
      </c>
      <c r="B127994" s="14" t="s">
        <v>1</v>
      </c>
      <c r="C127994" s="14" t="s">
        <v>558</v>
      </c>
      <c r="D127994" s="14" t="s">
        <v>31</v>
      </c>
      <c r="E127994" s="15">
        <v>45620</v>
      </c>
      <c r="F127994" s="14" t="s">
        <v>15</v>
      </c>
      <c r="G127994" s="16">
        <v>0.93991578595375758</v>
      </c>
    </row>
    <row r="127995" spans="1:7" x14ac:dyDescent="0.3">
      <c r="A127995" s="13" t="s">
        <v>587</v>
      </c>
      <c r="B127995" s="14" t="s">
        <v>1</v>
      </c>
      <c r="C127995" s="14" t="s">
        <v>558</v>
      </c>
      <c r="D127995" s="14" t="s">
        <v>31</v>
      </c>
      <c r="E127995" s="15">
        <v>45621</v>
      </c>
      <c r="F127995" s="14" t="s">
        <v>15</v>
      </c>
      <c r="G127995" s="16">
        <v>0.94234681045637381</v>
      </c>
    </row>
    <row r="127996" spans="1:7" x14ac:dyDescent="0.3">
      <c r="A127996" s="13" t="s">
        <v>587</v>
      </c>
      <c r="B127996" s="14" t="s">
        <v>1</v>
      </c>
      <c r="C127996" s="14" t="s">
        <v>558</v>
      </c>
      <c r="D127996" s="14" t="s">
        <v>31</v>
      </c>
      <c r="E127996" s="15">
        <v>45622</v>
      </c>
      <c r="F127996" s="14" t="s">
        <v>15</v>
      </c>
      <c r="G127996" s="16">
        <v>0.94008051126778558</v>
      </c>
    </row>
    <row r="127997" spans="1:7" x14ac:dyDescent="0.3">
      <c r="A127997" s="13" t="s">
        <v>587</v>
      </c>
      <c r="B127997" s="14" t="s">
        <v>1</v>
      </c>
      <c r="C127997" s="14" t="s">
        <v>558</v>
      </c>
      <c r="D127997" s="14" t="s">
        <v>31</v>
      </c>
      <c r="E127997" s="15">
        <v>45623</v>
      </c>
      <c r="F127997" s="14" t="s">
        <v>15</v>
      </c>
      <c r="G127997" s="16">
        <v>0.95346932055314482</v>
      </c>
    </row>
    <row r="127998" spans="1:7" x14ac:dyDescent="0.3">
      <c r="A127998" s="13" t="s">
        <v>587</v>
      </c>
      <c r="B127998" s="14" t="s">
        <v>1</v>
      </c>
      <c r="C127998" s="14" t="s">
        <v>558</v>
      </c>
      <c r="D127998" s="14" t="s">
        <v>31</v>
      </c>
      <c r="E127998" s="15">
        <v>45624</v>
      </c>
      <c r="F127998" s="14" t="s">
        <v>15</v>
      </c>
      <c r="G127998" s="16">
        <v>0.95213323954862228</v>
      </c>
    </row>
    <row r="127999" spans="1:7" x14ac:dyDescent="0.3">
      <c r="A127999" s="13" t="s">
        <v>587</v>
      </c>
      <c r="B127999" s="14" t="s">
        <v>1</v>
      </c>
      <c r="C127999" s="14" t="s">
        <v>558</v>
      </c>
      <c r="D127999" s="14" t="s">
        <v>31</v>
      </c>
      <c r="E127999" s="15">
        <v>45625</v>
      </c>
      <c r="F127999" s="14" t="s">
        <v>15</v>
      </c>
      <c r="G127999" s="16">
        <v>0.95502856963254767</v>
      </c>
    </row>
    <row r="128000" spans="1:7" x14ac:dyDescent="0.3">
      <c r="A128000" s="13" t="s">
        <v>587</v>
      </c>
      <c r="B128000" s="14" t="s">
        <v>1</v>
      </c>
      <c r="C128000" s="14" t="s">
        <v>558</v>
      </c>
      <c r="D128000" s="14" t="s">
        <v>31</v>
      </c>
      <c r="E128000" s="15">
        <v>45626</v>
      </c>
      <c r="F128000" s="14" t="s">
        <v>15</v>
      </c>
      <c r="G128000" s="16">
        <v>0.95502856963254767</v>
      </c>
    </row>
    <row r="128001" spans="1:7" x14ac:dyDescent="0.3">
      <c r="A128001" s="13" t="s">
        <v>587</v>
      </c>
      <c r="B128001" s="14" t="s">
        <v>1</v>
      </c>
      <c r="C128001" s="14" t="s">
        <v>558</v>
      </c>
      <c r="D128001" s="14" t="s">
        <v>31</v>
      </c>
      <c r="E128001" s="15">
        <v>45627</v>
      </c>
      <c r="F128001" s="14" t="s">
        <v>15</v>
      </c>
      <c r="G128001" s="16">
        <v>0.95502856963254767</v>
      </c>
    </row>
    <row r="128002" spans="1:7" x14ac:dyDescent="0.3">
      <c r="A128002" s="13" t="s">
        <v>587</v>
      </c>
      <c r="B128002" s="14" t="s">
        <v>1</v>
      </c>
      <c r="C128002" s="14" t="s">
        <v>558</v>
      </c>
      <c r="D128002" s="14" t="s">
        <v>31</v>
      </c>
      <c r="E128002" s="15">
        <v>45628</v>
      </c>
      <c r="F128002" s="14" t="s">
        <v>15</v>
      </c>
      <c r="G128002" s="16">
        <v>0.95362932032343262</v>
      </c>
    </row>
    <row r="128003" spans="1:7" x14ac:dyDescent="0.3">
      <c r="A128003" s="13" t="s">
        <v>587</v>
      </c>
      <c r="B128003" s="14" t="s">
        <v>1</v>
      </c>
      <c r="C128003" s="14" t="s">
        <v>558</v>
      </c>
      <c r="D128003" s="14" t="s">
        <v>31</v>
      </c>
      <c r="E128003" s="15">
        <v>45629</v>
      </c>
      <c r="F128003" s="14" t="s">
        <v>15</v>
      </c>
      <c r="G128003" s="16">
        <v>0.95583128246125504</v>
      </c>
    </row>
    <row r="128004" spans="1:7" x14ac:dyDescent="0.3">
      <c r="A128004" s="13" t="s">
        <v>587</v>
      </c>
      <c r="B128004" s="14" t="s">
        <v>1</v>
      </c>
      <c r="C128004" s="14" t="s">
        <v>558</v>
      </c>
      <c r="D128004" s="14" t="s">
        <v>31</v>
      </c>
      <c r="E128004" s="15">
        <v>45630</v>
      </c>
      <c r="F128004" s="14" t="s">
        <v>15</v>
      </c>
      <c r="G128004" s="16">
        <v>0.95466381509169118</v>
      </c>
    </row>
    <row r="128005" spans="1:7" x14ac:dyDescent="0.3">
      <c r="A128005" s="13" t="s">
        <v>587</v>
      </c>
      <c r="B128005" s="14" t="s">
        <v>1</v>
      </c>
      <c r="C128005" s="14" t="s">
        <v>558</v>
      </c>
      <c r="D128005" s="14" t="s">
        <v>31</v>
      </c>
      <c r="E128005" s="15">
        <v>45631</v>
      </c>
      <c r="F128005" s="14" t="s">
        <v>15</v>
      </c>
      <c r="G128005" s="16">
        <v>0.953236133864658</v>
      </c>
    </row>
    <row r="128006" spans="1:7" x14ac:dyDescent="0.3">
      <c r="A128006" s="13" t="s">
        <v>587</v>
      </c>
      <c r="B128006" s="14" t="s">
        <v>1</v>
      </c>
      <c r="C128006" s="14" t="s">
        <v>558</v>
      </c>
      <c r="D128006" s="14" t="s">
        <v>31</v>
      </c>
      <c r="E128006" s="15">
        <v>45632</v>
      </c>
      <c r="F128006" s="14" t="s">
        <v>15</v>
      </c>
      <c r="G128006" s="16">
        <v>0.95166270815403486</v>
      </c>
    </row>
    <row r="128007" spans="1:7" x14ac:dyDescent="0.3">
      <c r="A128007" s="13" t="s">
        <v>587</v>
      </c>
      <c r="B128007" s="14" t="s">
        <v>1</v>
      </c>
      <c r="C128007" s="14" t="s">
        <v>558</v>
      </c>
      <c r="D128007" s="14" t="s">
        <v>31</v>
      </c>
      <c r="E128007" s="15">
        <v>45633</v>
      </c>
      <c r="F128007" s="14" t="s">
        <v>15</v>
      </c>
      <c r="G128007" s="16">
        <v>0.95166270815403486</v>
      </c>
    </row>
    <row r="128008" spans="1:7" x14ac:dyDescent="0.3">
      <c r="A128008" s="13" t="s">
        <v>587</v>
      </c>
      <c r="B128008" s="14" t="s">
        <v>1</v>
      </c>
      <c r="C128008" s="14" t="s">
        <v>558</v>
      </c>
      <c r="D128008" s="14" t="s">
        <v>31</v>
      </c>
      <c r="E128008" s="15">
        <v>45634</v>
      </c>
      <c r="F128008" s="14" t="s">
        <v>15</v>
      </c>
      <c r="G128008" s="16">
        <v>0.95166270815403486</v>
      </c>
    </row>
    <row r="128009" spans="1:7" x14ac:dyDescent="0.3">
      <c r="A128009" s="13" t="s">
        <v>587</v>
      </c>
      <c r="B128009" s="14" t="s">
        <v>1</v>
      </c>
      <c r="C128009" s="14" t="s">
        <v>558</v>
      </c>
      <c r="D128009" s="14" t="s">
        <v>31</v>
      </c>
      <c r="E128009" s="15">
        <v>45635</v>
      </c>
      <c r="F128009" s="14" t="s">
        <v>15</v>
      </c>
      <c r="G128009" s="16">
        <v>0.95417482543123544</v>
      </c>
    </row>
    <row r="128010" spans="1:7" x14ac:dyDescent="0.3">
      <c r="A128010" s="13" t="s">
        <v>587</v>
      </c>
      <c r="B128010" s="14" t="s">
        <v>1</v>
      </c>
      <c r="C128010" s="14" t="s">
        <v>558</v>
      </c>
      <c r="D128010" s="14" t="s">
        <v>31</v>
      </c>
      <c r="E128010" s="15">
        <v>45636</v>
      </c>
      <c r="F128010" s="14" t="s">
        <v>15</v>
      </c>
      <c r="G128010" s="16">
        <v>0.97225687904566327</v>
      </c>
    </row>
    <row r="128011" spans="1:7" x14ac:dyDescent="0.3">
      <c r="A128011" s="13" t="s">
        <v>587</v>
      </c>
      <c r="B128011" s="14" t="s">
        <v>1</v>
      </c>
      <c r="C128011" s="14" t="s">
        <v>558</v>
      </c>
      <c r="D128011" s="14" t="s">
        <v>31</v>
      </c>
      <c r="E128011" s="15">
        <v>45637</v>
      </c>
      <c r="F128011" s="14" t="s">
        <v>15</v>
      </c>
      <c r="G128011" s="16">
        <v>0.97794249283068269</v>
      </c>
    </row>
    <row r="128012" spans="1:7" x14ac:dyDescent="0.3">
      <c r="A128012" s="13" t="s">
        <v>587</v>
      </c>
      <c r="B128012" s="14" t="s">
        <v>1</v>
      </c>
      <c r="C128012" s="14" t="s">
        <v>558</v>
      </c>
      <c r="D128012" s="14" t="s">
        <v>31</v>
      </c>
      <c r="E128012" s="15">
        <v>45638</v>
      </c>
      <c r="F128012" s="14" t="s">
        <v>15</v>
      </c>
      <c r="G128012" s="16">
        <v>0.97652445373233476</v>
      </c>
    </row>
    <row r="128013" spans="1:7" x14ac:dyDescent="0.3">
      <c r="A128013" s="13" t="s">
        <v>587</v>
      </c>
      <c r="B128013" s="14" t="s">
        <v>1</v>
      </c>
      <c r="C128013" s="14" t="s">
        <v>558</v>
      </c>
      <c r="D128013" s="14" t="s">
        <v>31</v>
      </c>
      <c r="E128013" s="15">
        <v>45639</v>
      </c>
      <c r="F128013" s="14" t="s">
        <v>15</v>
      </c>
      <c r="G128013" s="16">
        <v>1.0296079289426585</v>
      </c>
    </row>
    <row r="128014" spans="1:7" x14ac:dyDescent="0.3">
      <c r="A128014" s="13" t="s">
        <v>587</v>
      </c>
      <c r="B128014" s="14" t="s">
        <v>1</v>
      </c>
      <c r="C128014" s="14" t="s">
        <v>558</v>
      </c>
      <c r="D128014" s="14" t="s">
        <v>31</v>
      </c>
      <c r="E128014" s="15">
        <v>45640</v>
      </c>
      <c r="F128014" s="14" t="s">
        <v>15</v>
      </c>
      <c r="G128014" s="16">
        <v>1.0296079289426585</v>
      </c>
    </row>
    <row r="128015" spans="1:7" x14ac:dyDescent="0.3">
      <c r="A128015" s="13" t="s">
        <v>587</v>
      </c>
      <c r="B128015" s="14" t="s">
        <v>1</v>
      </c>
      <c r="C128015" s="14" t="s">
        <v>558</v>
      </c>
      <c r="D128015" s="14" t="s">
        <v>31</v>
      </c>
      <c r="E128015" s="15">
        <v>45641</v>
      </c>
      <c r="F128015" s="14" t="s">
        <v>15</v>
      </c>
      <c r="G128015" s="16">
        <v>1.0296079289426585</v>
      </c>
    </row>
    <row r="128016" spans="1:7" x14ac:dyDescent="0.3">
      <c r="A128016" s="13" t="s">
        <v>587</v>
      </c>
      <c r="B128016" s="14" t="s">
        <v>1</v>
      </c>
      <c r="C128016" s="14" t="s">
        <v>558</v>
      </c>
      <c r="D128016" s="14" t="s">
        <v>31</v>
      </c>
      <c r="E128016" s="15">
        <v>45642</v>
      </c>
      <c r="F128016" s="14" t="s">
        <v>15</v>
      </c>
      <c r="G128016" s="16">
        <v>1.0281167085599296</v>
      </c>
    </row>
    <row r="128017" spans="1:7" x14ac:dyDescent="0.3">
      <c r="A128017" s="13" t="s">
        <v>587</v>
      </c>
      <c r="B128017" s="14" t="s">
        <v>1</v>
      </c>
      <c r="C128017" s="14" t="s">
        <v>558</v>
      </c>
      <c r="D128017" s="14" t="s">
        <v>31</v>
      </c>
      <c r="E128017" s="15">
        <v>45643</v>
      </c>
      <c r="F128017" s="14" t="s">
        <v>15</v>
      </c>
      <c r="G128017" s="16">
        <v>1.0235804297681521</v>
      </c>
    </row>
    <row r="128018" spans="1:7" x14ac:dyDescent="0.3">
      <c r="A128018" s="13" t="s">
        <v>587</v>
      </c>
      <c r="B128018" s="14" t="s">
        <v>1</v>
      </c>
      <c r="C128018" s="14" t="s">
        <v>558</v>
      </c>
      <c r="D128018" s="14" t="s">
        <v>31</v>
      </c>
      <c r="E128018" s="15">
        <v>45644</v>
      </c>
      <c r="F128018" s="14" t="s">
        <v>15</v>
      </c>
      <c r="G128018" s="16">
        <v>1.0415645786913135</v>
      </c>
    </row>
    <row r="128019" spans="1:7" x14ac:dyDescent="0.3">
      <c r="A128019" s="13" t="s">
        <v>587</v>
      </c>
      <c r="B128019" s="14" t="s">
        <v>1</v>
      </c>
      <c r="C128019" s="14" t="s">
        <v>558</v>
      </c>
      <c r="D128019" s="14" t="s">
        <v>31</v>
      </c>
      <c r="E128019" s="15">
        <v>45645</v>
      </c>
      <c r="F128019" s="14" t="s">
        <v>15</v>
      </c>
      <c r="G128019" s="16">
        <v>1.0462182374729334</v>
      </c>
    </row>
    <row r="128020" spans="1:7" x14ac:dyDescent="0.3">
      <c r="A128020" s="13" t="s">
        <v>587</v>
      </c>
      <c r="B128020" s="14" t="s">
        <v>1</v>
      </c>
      <c r="C128020" s="14" t="s">
        <v>558</v>
      </c>
      <c r="D128020" s="14" t="s">
        <v>31</v>
      </c>
      <c r="E128020" s="15">
        <v>45646</v>
      </c>
      <c r="F128020" s="14" t="s">
        <v>15</v>
      </c>
      <c r="G128020" s="16">
        <v>1.0447624951790853</v>
      </c>
    </row>
    <row r="128021" spans="1:7" x14ac:dyDescent="0.3">
      <c r="A128021" s="13" t="s">
        <v>587</v>
      </c>
      <c r="B128021" s="14" t="s">
        <v>1</v>
      </c>
      <c r="C128021" s="14" t="s">
        <v>558</v>
      </c>
      <c r="D128021" s="14" t="s">
        <v>31</v>
      </c>
      <c r="E128021" s="15">
        <v>45647</v>
      </c>
      <c r="F128021" s="14" t="s">
        <v>15</v>
      </c>
      <c r="G128021" s="16">
        <v>1.0447624951790853</v>
      </c>
    </row>
    <row r="128022" spans="1:7" x14ac:dyDescent="0.3">
      <c r="A128022" s="13" t="s">
        <v>587</v>
      </c>
      <c r="B128022" s="14" t="s">
        <v>1</v>
      </c>
      <c r="C128022" s="14" t="s">
        <v>558</v>
      </c>
      <c r="D128022" s="14" t="s">
        <v>31</v>
      </c>
      <c r="E128022" s="15">
        <v>45648</v>
      </c>
      <c r="F128022" s="14" t="s">
        <v>15</v>
      </c>
      <c r="G128022" s="16">
        <v>1.0447624951790853</v>
      </c>
    </row>
    <row r="128023" spans="1:7" x14ac:dyDescent="0.3">
      <c r="A128023" s="13" t="s">
        <v>587</v>
      </c>
      <c r="B128023" s="14" t="s">
        <v>1</v>
      </c>
      <c r="C128023" s="14" t="s">
        <v>558</v>
      </c>
      <c r="D128023" s="14" t="s">
        <v>31</v>
      </c>
      <c r="E128023" s="15">
        <v>45649</v>
      </c>
      <c r="F128023" s="14" t="s">
        <v>15</v>
      </c>
      <c r="G128023" s="16">
        <v>1.0479866465745873</v>
      </c>
    </row>
    <row r="128024" spans="1:7" x14ac:dyDescent="0.3">
      <c r="A128024" s="13" t="s">
        <v>587</v>
      </c>
      <c r="B128024" s="14" t="s">
        <v>1</v>
      </c>
      <c r="C128024" s="14" t="s">
        <v>558</v>
      </c>
      <c r="D128024" s="14" t="s">
        <v>31</v>
      </c>
      <c r="E128024" s="15">
        <v>45650</v>
      </c>
      <c r="F128024" s="14" t="s">
        <v>15</v>
      </c>
      <c r="G128024" s="16">
        <v>1.0448074355867532</v>
      </c>
    </row>
    <row r="128025" spans="1:7" x14ac:dyDescent="0.3">
      <c r="A128025" s="13" t="s">
        <v>587</v>
      </c>
      <c r="B128025" s="14" t="s">
        <v>1</v>
      </c>
      <c r="C128025" s="14" t="s">
        <v>558</v>
      </c>
      <c r="D128025" s="14" t="s">
        <v>31</v>
      </c>
      <c r="E128025" s="15">
        <v>45651</v>
      </c>
      <c r="F128025" s="14" t="s">
        <v>15</v>
      </c>
      <c r="G128025" s="16">
        <v>1.0448074355867532</v>
      </c>
    </row>
    <row r="128026" spans="1:7" x14ac:dyDescent="0.3">
      <c r="A128026" s="13" t="s">
        <v>587</v>
      </c>
      <c r="B128026" s="14" t="s">
        <v>1</v>
      </c>
      <c r="C128026" s="14" t="s">
        <v>558</v>
      </c>
      <c r="D128026" s="14" t="s">
        <v>31</v>
      </c>
      <c r="E128026" s="15">
        <v>45652</v>
      </c>
      <c r="F128026" s="14" t="s">
        <v>15</v>
      </c>
      <c r="G128026" s="16">
        <v>1.0448074355867532</v>
      </c>
    </row>
    <row r="128027" spans="1:7" x14ac:dyDescent="0.3">
      <c r="A128027" s="13" t="s">
        <v>587</v>
      </c>
      <c r="B128027" s="14" t="s">
        <v>1</v>
      </c>
      <c r="C128027" s="14" t="s">
        <v>558</v>
      </c>
      <c r="D128027" s="14" t="s">
        <v>31</v>
      </c>
      <c r="E128027" s="15">
        <v>45653</v>
      </c>
      <c r="F128027" s="14" t="s">
        <v>15</v>
      </c>
      <c r="G128027" s="16">
        <v>1.0448074355867532</v>
      </c>
    </row>
    <row r="128028" spans="1:7" x14ac:dyDescent="0.3">
      <c r="A128028" s="13" t="s">
        <v>587</v>
      </c>
      <c r="B128028" s="14" t="s">
        <v>1</v>
      </c>
      <c r="C128028" s="14" t="s">
        <v>558</v>
      </c>
      <c r="D128028" s="14" t="s">
        <v>31</v>
      </c>
      <c r="E128028" s="15">
        <v>45654</v>
      </c>
      <c r="F128028" s="14" t="s">
        <v>15</v>
      </c>
      <c r="G128028" s="16">
        <v>1.0448074355867532</v>
      </c>
    </row>
    <row r="128029" spans="1:7" x14ac:dyDescent="0.3">
      <c r="A128029" s="13" t="s">
        <v>587</v>
      </c>
      <c r="B128029" s="14" t="s">
        <v>1</v>
      </c>
      <c r="C128029" s="14" t="s">
        <v>558</v>
      </c>
      <c r="D128029" s="14" t="s">
        <v>31</v>
      </c>
      <c r="E128029" s="15">
        <v>45655</v>
      </c>
      <c r="F128029" s="14" t="s">
        <v>15</v>
      </c>
      <c r="G128029" s="16">
        <v>1.0448074355867532</v>
      </c>
    </row>
    <row r="128030" spans="1:7" x14ac:dyDescent="0.3">
      <c r="A128030" s="13" t="s">
        <v>587</v>
      </c>
      <c r="B128030" s="14" t="s">
        <v>1</v>
      </c>
      <c r="C128030" s="14" t="s">
        <v>558</v>
      </c>
      <c r="D128030" s="14" t="s">
        <v>31</v>
      </c>
      <c r="E128030" s="15">
        <v>45656</v>
      </c>
      <c r="F128030" s="14" t="s">
        <v>15</v>
      </c>
      <c r="G128030" s="16">
        <v>1.044063356560103</v>
      </c>
    </row>
    <row r="128031" spans="1:7" x14ac:dyDescent="0.3">
      <c r="A128031" s="13" t="s">
        <v>587</v>
      </c>
      <c r="B128031" s="14" t="s">
        <v>1</v>
      </c>
      <c r="C128031" s="14" t="s">
        <v>558</v>
      </c>
      <c r="D128031" s="14" t="s">
        <v>31</v>
      </c>
      <c r="E128031" s="15">
        <v>45657</v>
      </c>
      <c r="F128031" s="14" t="s">
        <v>15</v>
      </c>
      <c r="G128031" s="16">
        <v>1.0727722721561119</v>
      </c>
    </row>
    <row r="128032" spans="1:7" x14ac:dyDescent="0.3">
      <c r="A128032" s="13" t="s">
        <v>587</v>
      </c>
      <c r="B128032" s="14" t="s">
        <v>1</v>
      </c>
      <c r="C128032" s="14" t="s">
        <v>558</v>
      </c>
      <c r="D128032" s="14" t="s">
        <v>31</v>
      </c>
      <c r="E128032" s="15">
        <v>45658</v>
      </c>
      <c r="F128032" s="14" t="s">
        <v>15</v>
      </c>
      <c r="G128032" s="16">
        <v>1.0727722721561119</v>
      </c>
    </row>
    <row r="128033" spans="1:7" x14ac:dyDescent="0.3">
      <c r="A128033" s="13" t="s">
        <v>587</v>
      </c>
      <c r="B128033" s="14" t="s">
        <v>1</v>
      </c>
      <c r="C128033" s="14" t="s">
        <v>558</v>
      </c>
      <c r="D128033" s="14" t="s">
        <v>31</v>
      </c>
      <c r="E128033" s="15">
        <v>45659</v>
      </c>
      <c r="F128033" s="14" t="s">
        <v>15</v>
      </c>
      <c r="G128033" s="16">
        <v>1.0750175002559839</v>
      </c>
    </row>
    <row r="128034" spans="1:7" x14ac:dyDescent="0.3">
      <c r="A128034" s="13" t="s">
        <v>587</v>
      </c>
      <c r="B128034" s="14" t="s">
        <v>1</v>
      </c>
      <c r="C128034" s="14" t="s">
        <v>558</v>
      </c>
      <c r="D128034" s="14" t="s">
        <v>31</v>
      </c>
      <c r="E128034" s="15">
        <v>45660</v>
      </c>
      <c r="F128034" s="14" t="s">
        <v>15</v>
      </c>
      <c r="G128034" s="16">
        <v>1.111259637929995</v>
      </c>
    </row>
    <row r="128035" spans="1:7" x14ac:dyDescent="0.3">
      <c r="A128035" s="13" t="s">
        <v>587</v>
      </c>
      <c r="B128035" s="14" t="s">
        <v>1</v>
      </c>
      <c r="C128035" s="14" t="s">
        <v>558</v>
      </c>
      <c r="D128035" s="14" t="s">
        <v>31</v>
      </c>
      <c r="E128035" s="15">
        <v>45661</v>
      </c>
      <c r="F128035" s="14" t="s">
        <v>15</v>
      </c>
      <c r="G128035" s="16">
        <v>1.111259637929995</v>
      </c>
    </row>
    <row r="128036" spans="1:7" x14ac:dyDescent="0.3">
      <c r="A128036" s="13" t="s">
        <v>587</v>
      </c>
      <c r="B128036" s="14" t="s">
        <v>1</v>
      </c>
      <c r="C128036" s="14" t="s">
        <v>558</v>
      </c>
      <c r="D128036" s="14" t="s">
        <v>31</v>
      </c>
      <c r="E128036" s="15">
        <v>45662</v>
      </c>
      <c r="F128036" s="14" t="s">
        <v>15</v>
      </c>
      <c r="G128036" s="16">
        <v>1.111259637929995</v>
      </c>
    </row>
    <row r="128037" spans="1:7" x14ac:dyDescent="0.3">
      <c r="A128037" s="13" t="s">
        <v>587</v>
      </c>
      <c r="B128037" s="14" t="s">
        <v>1</v>
      </c>
      <c r="C128037" s="14" t="s">
        <v>558</v>
      </c>
      <c r="D128037" s="14" t="s">
        <v>31</v>
      </c>
      <c r="E128037" s="15">
        <v>45663</v>
      </c>
      <c r="F128037" s="14" t="s">
        <v>15</v>
      </c>
      <c r="G128037" s="16">
        <v>1.109820707552829</v>
      </c>
    </row>
    <row r="128038" spans="1:7" x14ac:dyDescent="0.3">
      <c r="A128038" s="13" t="s">
        <v>587</v>
      </c>
      <c r="B128038" s="14" t="s">
        <v>1</v>
      </c>
      <c r="C128038" s="14" t="s">
        <v>558</v>
      </c>
      <c r="D128038" s="14" t="s">
        <v>31</v>
      </c>
      <c r="E128038" s="15">
        <v>45664</v>
      </c>
      <c r="F128038" s="14" t="s">
        <v>15</v>
      </c>
      <c r="G128038" s="16">
        <v>1.1124073659017892</v>
      </c>
    </row>
    <row r="128039" spans="1:7" x14ac:dyDescent="0.3">
      <c r="A128039" s="13" t="s">
        <v>587</v>
      </c>
      <c r="B128039" s="14" t="s">
        <v>1</v>
      </c>
      <c r="C128039" s="14" t="s">
        <v>558</v>
      </c>
      <c r="D128039" s="14" t="s">
        <v>31</v>
      </c>
      <c r="E128039" s="15">
        <v>45665</v>
      </c>
      <c r="F128039" s="14" t="s">
        <v>15</v>
      </c>
      <c r="G128039" s="16">
        <v>1.1108741157273549</v>
      </c>
    </row>
    <row r="128040" spans="1:7" x14ac:dyDescent="0.3">
      <c r="A128040" s="13" t="s">
        <v>587</v>
      </c>
      <c r="B128040" s="14" t="s">
        <v>1</v>
      </c>
      <c r="C128040" s="14" t="s">
        <v>558</v>
      </c>
      <c r="D128040" s="14" t="s">
        <v>31</v>
      </c>
      <c r="E128040" s="15">
        <v>45666</v>
      </c>
      <c r="F128040" s="14" t="s">
        <v>15</v>
      </c>
      <c r="G128040" s="16">
        <v>1.1092759666098464</v>
      </c>
    </row>
    <row r="128041" spans="1:7" x14ac:dyDescent="0.3">
      <c r="A128041" s="13" t="s">
        <v>587</v>
      </c>
      <c r="B128041" s="14" t="s">
        <v>1</v>
      </c>
      <c r="C128041" s="14" t="s">
        <v>558</v>
      </c>
      <c r="D128041" s="14" t="s">
        <v>31</v>
      </c>
      <c r="E128041" s="15">
        <v>45667</v>
      </c>
      <c r="F128041" s="14" t="s">
        <v>15</v>
      </c>
      <c r="G128041" s="16">
        <v>1.1077763402687764</v>
      </c>
    </row>
    <row r="128042" spans="1:7" x14ac:dyDescent="0.3">
      <c r="A128042" s="13" t="s">
        <v>587</v>
      </c>
      <c r="B128042" s="14" t="s">
        <v>1</v>
      </c>
      <c r="C128042" s="14" t="s">
        <v>558</v>
      </c>
      <c r="D128042" s="14" t="s">
        <v>31</v>
      </c>
      <c r="E128042" s="15">
        <v>45668</v>
      </c>
      <c r="F128042" s="14" t="s">
        <v>15</v>
      </c>
      <c r="G128042" s="16">
        <v>1.1077763402687764</v>
      </c>
    </row>
    <row r="128043" spans="1:7" x14ac:dyDescent="0.3">
      <c r="A128043" s="13" t="s">
        <v>587</v>
      </c>
      <c r="B128043" s="14" t="s">
        <v>1</v>
      </c>
      <c r="C128043" s="14" t="s">
        <v>558</v>
      </c>
      <c r="D128043" s="14" t="s">
        <v>31</v>
      </c>
      <c r="E128043" s="15">
        <v>45669</v>
      </c>
      <c r="F128043" s="14" t="s">
        <v>15</v>
      </c>
      <c r="G128043" s="16">
        <v>1.1077763402687764</v>
      </c>
    </row>
    <row r="128044" spans="1:7" x14ac:dyDescent="0.3">
      <c r="A128044" s="13" t="s">
        <v>587</v>
      </c>
      <c r="B128044" s="14" t="s">
        <v>1</v>
      </c>
      <c r="C128044" s="14" t="s">
        <v>558</v>
      </c>
      <c r="D128044" s="14" t="s">
        <v>31</v>
      </c>
      <c r="E128044" s="15">
        <v>45670</v>
      </c>
      <c r="F128044" s="14" t="s">
        <v>15</v>
      </c>
      <c r="G128044" s="16">
        <v>1.1061587832768627</v>
      </c>
    </row>
    <row r="128045" spans="1:7" x14ac:dyDescent="0.3">
      <c r="A128045" s="13" t="s">
        <v>587</v>
      </c>
      <c r="B128045" s="14" t="s">
        <v>1</v>
      </c>
      <c r="C128045" s="14" t="s">
        <v>558</v>
      </c>
      <c r="D128045" s="14" t="s">
        <v>31</v>
      </c>
      <c r="E128045" s="15">
        <v>45671</v>
      </c>
      <c r="F128045" s="14" t="s">
        <v>15</v>
      </c>
      <c r="G128045" s="16">
        <v>1.1012004759295502</v>
      </c>
    </row>
    <row r="128046" spans="1:7" x14ac:dyDescent="0.3">
      <c r="A128046" s="13" t="s">
        <v>587</v>
      </c>
      <c r="B128046" s="14" t="s">
        <v>1</v>
      </c>
      <c r="C128046" s="14" t="s">
        <v>558</v>
      </c>
      <c r="D128046" s="14" t="s">
        <v>31</v>
      </c>
      <c r="E128046" s="15">
        <v>45672</v>
      </c>
      <c r="F128046" s="14" t="s">
        <v>15</v>
      </c>
      <c r="G128046" s="16">
        <v>1.0996954104389653</v>
      </c>
    </row>
    <row r="128047" spans="1:7" x14ac:dyDescent="0.3">
      <c r="A128047" s="13" t="s">
        <v>587</v>
      </c>
      <c r="B128047" s="14" t="s">
        <v>1</v>
      </c>
      <c r="C128047" s="14" t="s">
        <v>558</v>
      </c>
      <c r="D128047" s="14" t="s">
        <v>31</v>
      </c>
      <c r="E128047" s="15">
        <v>45673</v>
      </c>
      <c r="F128047" s="14" t="s">
        <v>15</v>
      </c>
      <c r="G128047" s="16">
        <v>1.0981601823919802</v>
      </c>
    </row>
    <row r="128048" spans="1:7" x14ac:dyDescent="0.3">
      <c r="A128048" s="13" t="s">
        <v>587</v>
      </c>
      <c r="B128048" s="14" t="s">
        <v>1</v>
      </c>
      <c r="C128048" s="14" t="s">
        <v>558</v>
      </c>
      <c r="D128048" s="14" t="s">
        <v>31</v>
      </c>
      <c r="E128048" s="15">
        <v>45674</v>
      </c>
      <c r="F128048" s="14" t="s">
        <v>15</v>
      </c>
      <c r="G128048" s="16">
        <v>1.0966171664718263</v>
      </c>
    </row>
    <row r="128049" spans="1:7" x14ac:dyDescent="0.3">
      <c r="A128049" s="13" t="s">
        <v>587</v>
      </c>
      <c r="B128049" s="14" t="s">
        <v>1</v>
      </c>
      <c r="C128049" s="14" t="s">
        <v>558</v>
      </c>
      <c r="D128049" s="14" t="s">
        <v>31</v>
      </c>
      <c r="E128049" s="15">
        <v>45675</v>
      </c>
      <c r="F128049" s="14" t="s">
        <v>15</v>
      </c>
      <c r="G128049" s="16">
        <v>1.0966171664718263</v>
      </c>
    </row>
    <row r="128050" spans="1:7" x14ac:dyDescent="0.3">
      <c r="A128050" s="13" t="s">
        <v>587</v>
      </c>
      <c r="B128050" s="14" t="s">
        <v>1</v>
      </c>
      <c r="C128050" s="14" t="s">
        <v>558</v>
      </c>
      <c r="D128050" s="14" t="s">
        <v>31</v>
      </c>
      <c r="E128050" s="15">
        <v>45676</v>
      </c>
      <c r="F128050" s="14" t="s">
        <v>15</v>
      </c>
      <c r="G128050" s="16">
        <v>1.0966171664718263</v>
      </c>
    </row>
    <row r="128051" spans="1:7" x14ac:dyDescent="0.3">
      <c r="A128051" s="13" t="s">
        <v>587</v>
      </c>
      <c r="B128051" s="14" t="s">
        <v>1</v>
      </c>
      <c r="C128051" s="14" t="s">
        <v>558</v>
      </c>
      <c r="D128051" s="14" t="s">
        <v>31</v>
      </c>
      <c r="E128051" s="15">
        <v>45677</v>
      </c>
      <c r="F128051" s="14" t="s">
        <v>15</v>
      </c>
      <c r="G128051" s="16">
        <v>1.1013431412185861</v>
      </c>
    </row>
    <row r="128052" spans="1:7" x14ac:dyDescent="0.3">
      <c r="A128052" s="13" t="s">
        <v>587</v>
      </c>
      <c r="B128052" s="14" t="s">
        <v>1</v>
      </c>
      <c r="C128052" s="14" t="s">
        <v>558</v>
      </c>
      <c r="D128052" s="14" t="s">
        <v>31</v>
      </c>
      <c r="E128052" s="15">
        <v>45678</v>
      </c>
      <c r="F128052" s="14" t="s">
        <v>15</v>
      </c>
      <c r="G128052" s="16">
        <v>1.0966778062428664</v>
      </c>
    </row>
    <row r="128053" spans="1:7" x14ac:dyDescent="0.3">
      <c r="A128053" s="13" t="s">
        <v>587</v>
      </c>
      <c r="B128053" s="14" t="s">
        <v>1</v>
      </c>
      <c r="C128053" s="14" t="s">
        <v>558</v>
      </c>
      <c r="D128053" s="14" t="s">
        <v>31</v>
      </c>
      <c r="E128053" s="15">
        <v>45679</v>
      </c>
      <c r="F128053" s="14" t="s">
        <v>15</v>
      </c>
      <c r="G128053" s="16">
        <v>1.0951047513833465</v>
      </c>
    </row>
    <row r="128054" spans="1:7" x14ac:dyDescent="0.3">
      <c r="A128054" s="13" t="s">
        <v>587</v>
      </c>
      <c r="B128054" s="14" t="s">
        <v>1</v>
      </c>
      <c r="C128054" s="14" t="s">
        <v>558</v>
      </c>
      <c r="D128054" s="14" t="s">
        <v>31</v>
      </c>
      <c r="E128054" s="15">
        <v>45680</v>
      </c>
      <c r="F128054" s="14" t="s">
        <v>15</v>
      </c>
      <c r="G128054" s="16">
        <v>1.092717554735088</v>
      </c>
    </row>
    <row r="128055" spans="1:7" x14ac:dyDescent="0.3">
      <c r="A128055" s="13" t="s">
        <v>587</v>
      </c>
      <c r="B128055" s="14" t="s">
        <v>1</v>
      </c>
      <c r="C128055" s="14" t="s">
        <v>558</v>
      </c>
      <c r="D128055" s="14" t="s">
        <v>31</v>
      </c>
      <c r="E128055" s="15">
        <v>45681</v>
      </c>
      <c r="F128055" s="14" t="s">
        <v>15</v>
      </c>
      <c r="G128055" s="16">
        <v>1.0909343509170417</v>
      </c>
    </row>
    <row r="128056" spans="1:7" x14ac:dyDescent="0.3">
      <c r="A128056" s="13" t="s">
        <v>587</v>
      </c>
      <c r="B128056" s="14" t="s">
        <v>1</v>
      </c>
      <c r="C128056" s="14" t="s">
        <v>558</v>
      </c>
      <c r="D128056" s="14" t="s">
        <v>31</v>
      </c>
      <c r="E128056" s="15">
        <v>45682</v>
      </c>
      <c r="F128056" s="14" t="s">
        <v>15</v>
      </c>
      <c r="G128056" s="16">
        <v>1.0909343509170417</v>
      </c>
    </row>
    <row r="128057" spans="1:7" x14ac:dyDescent="0.3">
      <c r="A128057" s="13" t="s">
        <v>587</v>
      </c>
      <c r="B128057" s="14" t="s">
        <v>1</v>
      </c>
      <c r="C128057" s="14" t="s">
        <v>558</v>
      </c>
      <c r="D128057" s="14" t="s">
        <v>31</v>
      </c>
      <c r="E128057" s="15">
        <v>45683</v>
      </c>
      <c r="F128057" s="14" t="s">
        <v>15</v>
      </c>
      <c r="G128057" s="16">
        <v>1.0909343509170417</v>
      </c>
    </row>
    <row r="128058" spans="1:7" x14ac:dyDescent="0.3">
      <c r="A128058" s="13" t="s">
        <v>587</v>
      </c>
      <c r="B128058" s="14" t="s">
        <v>1</v>
      </c>
      <c r="C128058" s="14" t="s">
        <v>558</v>
      </c>
      <c r="D128058" s="14" t="s">
        <v>31</v>
      </c>
      <c r="E128058" s="15">
        <v>45684</v>
      </c>
      <c r="F128058" s="14" t="s">
        <v>15</v>
      </c>
      <c r="G128058" s="16">
        <v>1.0894688428774735</v>
      </c>
    </row>
    <row r="128059" spans="1:7" x14ac:dyDescent="0.3">
      <c r="A128059" s="13" t="s">
        <v>587</v>
      </c>
      <c r="B128059" s="14" t="s">
        <v>1</v>
      </c>
      <c r="C128059" s="14" t="s">
        <v>558</v>
      </c>
      <c r="D128059" s="14" t="s">
        <v>31</v>
      </c>
      <c r="E128059" s="15">
        <v>45685</v>
      </c>
      <c r="F128059" s="14" t="s">
        <v>15</v>
      </c>
      <c r="G128059" s="16">
        <v>1.0847869432191406</v>
      </c>
    </row>
    <row r="128060" spans="1:7" x14ac:dyDescent="0.3">
      <c r="A128060" s="13" t="s">
        <v>587</v>
      </c>
      <c r="B128060" s="14" t="s">
        <v>1</v>
      </c>
      <c r="C128060" s="14" t="s">
        <v>558</v>
      </c>
      <c r="D128060" s="14" t="s">
        <v>31</v>
      </c>
      <c r="E128060" s="15">
        <v>45686</v>
      </c>
      <c r="F128060" s="14" t="s">
        <v>15</v>
      </c>
      <c r="G128060" s="16">
        <v>1.0832538166617407</v>
      </c>
    </row>
    <row r="128061" spans="1:7" x14ac:dyDescent="0.3">
      <c r="A128061" s="13" t="s">
        <v>587</v>
      </c>
      <c r="B128061" s="14" t="s">
        <v>1</v>
      </c>
      <c r="C128061" s="14" t="s">
        <v>558</v>
      </c>
      <c r="D128061" s="14" t="s">
        <v>31</v>
      </c>
      <c r="E128061" s="15">
        <v>45687</v>
      </c>
      <c r="F128061" s="14" t="s">
        <v>15</v>
      </c>
      <c r="G128061" s="16">
        <v>1.0817136439333785</v>
      </c>
    </row>
    <row r="128062" spans="1:7" x14ac:dyDescent="0.3">
      <c r="A128062" s="13" t="s">
        <v>587</v>
      </c>
      <c r="B128062" s="14" t="s">
        <v>1</v>
      </c>
      <c r="C128062" s="14" t="s">
        <v>558</v>
      </c>
      <c r="D128062" s="14" t="s">
        <v>31</v>
      </c>
      <c r="E128062" s="15">
        <v>45688</v>
      </c>
      <c r="F128062" s="14" t="s">
        <v>15</v>
      </c>
      <c r="G128062" s="16">
        <v>1.0802361450414708</v>
      </c>
    </row>
    <row r="128063" spans="1:7" x14ac:dyDescent="0.3">
      <c r="A128063" s="13" t="s">
        <v>587</v>
      </c>
      <c r="B128063" s="14" t="s">
        <v>1</v>
      </c>
      <c r="C128063" s="14" t="s">
        <v>558</v>
      </c>
      <c r="D128063" s="14" t="s">
        <v>31</v>
      </c>
      <c r="E128063" s="15">
        <v>45689</v>
      </c>
      <c r="F128063" s="14" t="s">
        <v>15</v>
      </c>
      <c r="G128063" s="16">
        <v>1.0802361450414708</v>
      </c>
    </row>
    <row r="128064" spans="1:7" x14ac:dyDescent="0.3">
      <c r="A128064" s="13" t="s">
        <v>587</v>
      </c>
      <c r="B128064" s="14" t="s">
        <v>1</v>
      </c>
      <c r="C128064" s="14" t="s">
        <v>558</v>
      </c>
      <c r="D128064" s="14" t="s">
        <v>31</v>
      </c>
      <c r="E128064" s="15">
        <v>45690</v>
      </c>
      <c r="F128064" s="14" t="s">
        <v>15</v>
      </c>
      <c r="G128064" s="16">
        <v>1.0802361450414708</v>
      </c>
    </row>
    <row r="128065" spans="1:7" x14ac:dyDescent="0.3">
      <c r="A128065" s="13" t="s">
        <v>587</v>
      </c>
      <c r="B128065" s="14" t="s">
        <v>1</v>
      </c>
      <c r="C128065" s="14" t="s">
        <v>558</v>
      </c>
      <c r="D128065" s="14" t="s">
        <v>31</v>
      </c>
      <c r="E128065" s="15">
        <v>45691</v>
      </c>
      <c r="F128065" s="14" t="s">
        <v>15</v>
      </c>
      <c r="G128065" s="16">
        <v>1.0802361450414708</v>
      </c>
    </row>
    <row r="128066" spans="1:7" x14ac:dyDescent="0.3">
      <c r="A128066" s="13" t="s">
        <v>587</v>
      </c>
      <c r="B128066" s="14" t="s">
        <v>1</v>
      </c>
      <c r="C128066" s="14" t="s">
        <v>558</v>
      </c>
      <c r="D128066" s="14" t="s">
        <v>31</v>
      </c>
      <c r="E128066" s="15">
        <v>45692</v>
      </c>
      <c r="F128066" s="14" t="s">
        <v>15</v>
      </c>
      <c r="G128066" s="16">
        <v>1.080667416778156</v>
      </c>
    </row>
    <row r="128067" spans="1:7" x14ac:dyDescent="0.3">
      <c r="A128067" s="13" t="s">
        <v>587</v>
      </c>
      <c r="B128067" s="14" t="s">
        <v>1</v>
      </c>
      <c r="C128067" s="14" t="s">
        <v>558</v>
      </c>
      <c r="D128067" s="14" t="s">
        <v>31</v>
      </c>
      <c r="E128067" s="15">
        <v>45693</v>
      </c>
      <c r="F128067" s="14" t="s">
        <v>15</v>
      </c>
      <c r="G128067" s="16">
        <v>1.0749000359405163</v>
      </c>
    </row>
    <row r="128068" spans="1:7" x14ac:dyDescent="0.3">
      <c r="A128068" s="13" t="s">
        <v>587</v>
      </c>
      <c r="B128068" s="14" t="s">
        <v>1</v>
      </c>
      <c r="C128068" s="14" t="s">
        <v>558</v>
      </c>
      <c r="D128068" s="14" t="s">
        <v>31</v>
      </c>
      <c r="E128068" s="15">
        <v>45694</v>
      </c>
      <c r="F128068" s="14" t="s">
        <v>15</v>
      </c>
      <c r="G128068" s="16">
        <v>1.07326900469185</v>
      </c>
    </row>
    <row r="128069" spans="1:7" x14ac:dyDescent="0.3">
      <c r="A128069" s="13" t="s">
        <v>587</v>
      </c>
      <c r="B128069" s="14" t="s">
        <v>1</v>
      </c>
      <c r="C128069" s="14" t="s">
        <v>558</v>
      </c>
      <c r="D128069" s="14" t="s">
        <v>31</v>
      </c>
      <c r="E128069" s="15">
        <v>45695</v>
      </c>
      <c r="F128069" s="14" t="s">
        <v>15</v>
      </c>
      <c r="G128069" s="16">
        <v>1.0716576285516577</v>
      </c>
    </row>
    <row r="128070" spans="1:7" x14ac:dyDescent="0.3">
      <c r="A128070" s="13" t="s">
        <v>587</v>
      </c>
      <c r="B128070" s="14" t="s">
        <v>1</v>
      </c>
      <c r="C128070" s="14" t="s">
        <v>558</v>
      </c>
      <c r="D128070" s="14" t="s">
        <v>31</v>
      </c>
      <c r="E128070" s="15">
        <v>45696</v>
      </c>
      <c r="F128070" s="14" t="s">
        <v>15</v>
      </c>
      <c r="G128070" s="16">
        <v>1.0716576285516577</v>
      </c>
    </row>
    <row r="128071" spans="1:7" x14ac:dyDescent="0.3">
      <c r="A128071" s="13" t="s">
        <v>587</v>
      </c>
      <c r="B128071" s="14" t="s">
        <v>1</v>
      </c>
      <c r="C128071" s="14" t="s">
        <v>558</v>
      </c>
      <c r="D128071" s="14" t="s">
        <v>31</v>
      </c>
      <c r="E128071" s="15">
        <v>45697</v>
      </c>
      <c r="F128071" s="14" t="s">
        <v>15</v>
      </c>
      <c r="G128071" s="16">
        <v>1.0716576285516577</v>
      </c>
    </row>
    <row r="128072" spans="1:7" x14ac:dyDescent="0.3">
      <c r="A128072" s="13" t="s">
        <v>587</v>
      </c>
      <c r="B128072" s="14" t="s">
        <v>1</v>
      </c>
      <c r="C128072" s="14" t="s">
        <v>558</v>
      </c>
      <c r="D128072" s="14" t="s">
        <v>31</v>
      </c>
      <c r="E128072" s="15">
        <v>45698</v>
      </c>
      <c r="F128072" s="14" t="s">
        <v>15</v>
      </c>
      <c r="G128072" s="16">
        <v>1.069998412619142</v>
      </c>
    </row>
    <row r="128073" spans="1:7" x14ac:dyDescent="0.3">
      <c r="A128073" s="13" t="s">
        <v>587</v>
      </c>
      <c r="B128073" s="14" t="s">
        <v>1</v>
      </c>
      <c r="C128073" s="14" t="s">
        <v>558</v>
      </c>
      <c r="D128073" s="14" t="s">
        <v>31</v>
      </c>
      <c r="E128073" s="15">
        <v>45699</v>
      </c>
      <c r="F128073" s="14" t="s">
        <v>15</v>
      </c>
      <c r="G128073" s="16">
        <v>1.065093507830702</v>
      </c>
    </row>
    <row r="128074" spans="1:7" x14ac:dyDescent="0.3">
      <c r="A128074" s="13" t="s">
        <v>587</v>
      </c>
      <c r="B128074" s="14" t="s">
        <v>1</v>
      </c>
      <c r="C128074" s="14" t="s">
        <v>558</v>
      </c>
      <c r="D128074" s="14" t="s">
        <v>31</v>
      </c>
      <c r="E128074" s="15">
        <v>45700</v>
      </c>
      <c r="F128074" s="14" t="s">
        <v>15</v>
      </c>
      <c r="G128074" s="16">
        <v>1.063748650016735</v>
      </c>
    </row>
    <row r="128075" spans="1:7" x14ac:dyDescent="0.3">
      <c r="A128075" s="13" t="s">
        <v>587</v>
      </c>
      <c r="B128075" s="14" t="s">
        <v>1</v>
      </c>
      <c r="C128075" s="14" t="s">
        <v>558</v>
      </c>
      <c r="D128075" s="14" t="s">
        <v>31</v>
      </c>
      <c r="E128075" s="15">
        <v>45701</v>
      </c>
      <c r="F128075" s="14" t="s">
        <v>15</v>
      </c>
      <c r="G128075" s="16">
        <v>1.062161626432325</v>
      </c>
    </row>
    <row r="128076" spans="1:7" x14ac:dyDescent="0.3">
      <c r="A128076" s="13" t="s">
        <v>587</v>
      </c>
      <c r="B128076" s="14" t="s">
        <v>1</v>
      </c>
      <c r="C128076" s="14" t="s">
        <v>558</v>
      </c>
      <c r="D128076" s="14" t="s">
        <v>31</v>
      </c>
      <c r="E128076" s="15">
        <v>45702</v>
      </c>
      <c r="F128076" s="14" t="s">
        <v>15</v>
      </c>
      <c r="G128076" s="16">
        <v>1.0606417268976089</v>
      </c>
    </row>
    <row r="128077" spans="1:7" x14ac:dyDescent="0.3">
      <c r="A128077" s="13" t="s">
        <v>587</v>
      </c>
      <c r="B128077" s="14" t="s">
        <v>1</v>
      </c>
      <c r="C128077" s="14" t="s">
        <v>558</v>
      </c>
      <c r="D128077" s="14" t="s">
        <v>31</v>
      </c>
      <c r="E128077" s="15">
        <v>45703</v>
      </c>
      <c r="F128077" s="14" t="s">
        <v>15</v>
      </c>
      <c r="G128077" s="16">
        <v>1.0606417268976089</v>
      </c>
    </row>
    <row r="128078" spans="1:7" x14ac:dyDescent="0.3">
      <c r="A128078" s="13" t="s">
        <v>587</v>
      </c>
      <c r="B128078" s="14" t="s">
        <v>1</v>
      </c>
      <c r="C128078" s="14" t="s">
        <v>558</v>
      </c>
      <c r="D128078" s="14" t="s">
        <v>31</v>
      </c>
      <c r="E128078" s="15">
        <v>45704</v>
      </c>
      <c r="F128078" s="14" t="s">
        <v>15</v>
      </c>
      <c r="G128078" s="16">
        <v>1.0606417268976089</v>
      </c>
    </row>
    <row r="128079" spans="1:7" x14ac:dyDescent="0.3">
      <c r="A128079" s="13" t="s">
        <v>587</v>
      </c>
      <c r="B128079" s="14" t="s">
        <v>1</v>
      </c>
      <c r="C128079" s="14" t="s">
        <v>558</v>
      </c>
      <c r="D128079" s="14" t="s">
        <v>31</v>
      </c>
      <c r="E128079" s="15">
        <v>45705</v>
      </c>
      <c r="F128079" s="14" t="s">
        <v>15</v>
      </c>
      <c r="G128079" s="16">
        <v>1.0619056829781965</v>
      </c>
    </row>
    <row r="128080" spans="1:7" x14ac:dyDescent="0.3">
      <c r="A128080" s="13" t="s">
        <v>587</v>
      </c>
      <c r="B128080" s="14" t="s">
        <v>1</v>
      </c>
      <c r="C128080" s="14" t="s">
        <v>558</v>
      </c>
      <c r="D128080" s="14" t="s">
        <v>31</v>
      </c>
      <c r="E128080" s="15">
        <v>45706</v>
      </c>
      <c r="F128080" s="14" t="s">
        <v>15</v>
      </c>
      <c r="G128080" s="16">
        <v>1.0570869392627524</v>
      </c>
    </row>
    <row r="128081" spans="1:7" x14ac:dyDescent="0.3">
      <c r="A128081" s="13" t="s">
        <v>587</v>
      </c>
      <c r="B128081" s="14" t="s">
        <v>1</v>
      </c>
      <c r="C128081" s="14" t="s">
        <v>558</v>
      </c>
      <c r="D128081" s="14" t="s">
        <v>31</v>
      </c>
      <c r="E128081" s="15">
        <v>45707</v>
      </c>
      <c r="F128081" s="14" t="s">
        <v>15</v>
      </c>
      <c r="G128081" s="16">
        <v>1.1019148980629148</v>
      </c>
    </row>
    <row r="128082" spans="1:7" x14ac:dyDescent="0.3">
      <c r="A128082" s="13" t="s">
        <v>587</v>
      </c>
      <c r="B128082" s="14" t="s">
        <v>1</v>
      </c>
      <c r="C128082" s="14" t="s">
        <v>558</v>
      </c>
      <c r="D128082" s="14" t="s">
        <v>31</v>
      </c>
      <c r="E128082" s="15">
        <v>45708</v>
      </c>
      <c r="F128082" s="14" t="s">
        <v>15</v>
      </c>
      <c r="G128082" s="16">
        <v>1.1004160134240513</v>
      </c>
    </row>
    <row r="128083" spans="1:7" x14ac:dyDescent="0.3">
      <c r="A128083" s="13" t="s">
        <v>587</v>
      </c>
      <c r="B128083" s="14" t="s">
        <v>1</v>
      </c>
      <c r="C128083" s="14" t="s">
        <v>558</v>
      </c>
      <c r="D128083" s="14" t="s">
        <v>31</v>
      </c>
      <c r="E128083" s="15">
        <v>45709</v>
      </c>
      <c r="F128083" s="14" t="s">
        <v>15</v>
      </c>
      <c r="G128083" s="16">
        <v>1.1009167579340846</v>
      </c>
    </row>
    <row r="128084" spans="1:7" x14ac:dyDescent="0.3">
      <c r="A128084" s="13" t="s">
        <v>587</v>
      </c>
      <c r="B128084" s="14" t="s">
        <v>1</v>
      </c>
      <c r="C128084" s="14" t="s">
        <v>558</v>
      </c>
      <c r="D128084" s="14" t="s">
        <v>31</v>
      </c>
      <c r="E128084" s="15">
        <v>45710</v>
      </c>
      <c r="F128084" s="14" t="s">
        <v>15</v>
      </c>
      <c r="G128084" s="16">
        <v>1.1009167579340846</v>
      </c>
    </row>
    <row r="128085" spans="1:7" x14ac:dyDescent="0.3">
      <c r="A128085" s="13" t="s">
        <v>587</v>
      </c>
      <c r="B128085" s="14" t="s">
        <v>1</v>
      </c>
      <c r="C128085" s="14" t="s">
        <v>558</v>
      </c>
      <c r="D128085" s="14" t="s">
        <v>31</v>
      </c>
      <c r="E128085" s="15">
        <v>45711</v>
      </c>
      <c r="F128085" s="14" t="s">
        <v>15</v>
      </c>
      <c r="G128085" s="16">
        <v>1.1009167579340846</v>
      </c>
    </row>
    <row r="128086" spans="1:7" x14ac:dyDescent="0.3">
      <c r="A128086" s="13" t="s">
        <v>587</v>
      </c>
      <c r="B128086" s="14" t="s">
        <v>1</v>
      </c>
      <c r="C128086" s="14" t="s">
        <v>558</v>
      </c>
      <c r="D128086" s="14" t="s">
        <v>31</v>
      </c>
      <c r="E128086" s="15">
        <v>45712</v>
      </c>
      <c r="F128086" s="14" t="s">
        <v>15</v>
      </c>
      <c r="G128086" s="16">
        <v>1.0992591490230166</v>
      </c>
    </row>
    <row r="128087" spans="1:7" x14ac:dyDescent="0.3">
      <c r="A128087" s="13" t="s">
        <v>587</v>
      </c>
      <c r="B128087" s="14" t="s">
        <v>1</v>
      </c>
      <c r="C128087" s="14" t="s">
        <v>558</v>
      </c>
      <c r="D128087" s="14" t="s">
        <v>31</v>
      </c>
      <c r="E128087" s="15">
        <v>45713</v>
      </c>
      <c r="F128087" s="14" t="s">
        <v>15</v>
      </c>
      <c r="G128087" s="16">
        <v>1.0944222336035114</v>
      </c>
    </row>
    <row r="128088" spans="1:7" x14ac:dyDescent="0.3">
      <c r="A128088" s="13" t="s">
        <v>587</v>
      </c>
      <c r="B128088" s="14" t="s">
        <v>1</v>
      </c>
      <c r="C128088" s="14" t="s">
        <v>558</v>
      </c>
      <c r="D128088" s="14" t="s">
        <v>31</v>
      </c>
      <c r="E128088" s="15">
        <v>45714</v>
      </c>
      <c r="F128088" s="14" t="s">
        <v>15</v>
      </c>
      <c r="G128088" s="16">
        <v>1.0927771100129204</v>
      </c>
    </row>
    <row r="128089" spans="1:7" x14ac:dyDescent="0.3">
      <c r="A128089" s="13" t="s">
        <v>587</v>
      </c>
      <c r="B128089" s="14" t="s">
        <v>1</v>
      </c>
      <c r="C128089" s="14" t="s">
        <v>558</v>
      </c>
      <c r="D128089" s="14" t="s">
        <v>31</v>
      </c>
      <c r="E128089" s="15">
        <v>45715</v>
      </c>
      <c r="F128089" s="14" t="s">
        <v>15</v>
      </c>
      <c r="G128089" s="16">
        <v>1.0903524574032306</v>
      </c>
    </row>
    <row r="128090" spans="1:7" x14ac:dyDescent="0.3">
      <c r="A128090" s="13" t="s">
        <v>587</v>
      </c>
      <c r="B128090" s="14" t="s">
        <v>1</v>
      </c>
      <c r="C128090" s="14" t="s">
        <v>558</v>
      </c>
      <c r="D128090" s="14" t="s">
        <v>31</v>
      </c>
      <c r="E128090" s="15">
        <v>45716</v>
      </c>
      <c r="F128090" s="14" t="s">
        <v>15</v>
      </c>
      <c r="G128090" s="16">
        <v>1.1320859109805734</v>
      </c>
    </row>
    <row r="128091" spans="1:7" x14ac:dyDescent="0.3">
      <c r="A128091" s="13" t="s">
        <v>587</v>
      </c>
      <c r="B128091" s="14" t="s">
        <v>1</v>
      </c>
      <c r="C128091" s="14" t="s">
        <v>558</v>
      </c>
      <c r="D128091" s="14" t="s">
        <v>31</v>
      </c>
      <c r="E128091" s="15">
        <v>45717</v>
      </c>
      <c r="F128091" s="14" t="s">
        <v>15</v>
      </c>
      <c r="G128091" s="16">
        <v>1.1320859109805734</v>
      </c>
    </row>
    <row r="128092" spans="1:7" x14ac:dyDescent="0.3">
      <c r="A128092" s="13" t="s">
        <v>587</v>
      </c>
      <c r="B128092" s="14" t="s">
        <v>1</v>
      </c>
      <c r="C128092" s="14" t="s">
        <v>558</v>
      </c>
      <c r="D128092" s="14" t="s">
        <v>31</v>
      </c>
      <c r="E128092" s="15">
        <v>45718</v>
      </c>
      <c r="F128092" s="14" t="s">
        <v>15</v>
      </c>
      <c r="G128092" s="16">
        <v>1.1320859109805734</v>
      </c>
    </row>
    <row r="128093" spans="1:7" x14ac:dyDescent="0.3">
      <c r="A128093" s="13" t="s">
        <v>587</v>
      </c>
      <c r="B128093" s="14" t="s">
        <v>1</v>
      </c>
      <c r="C128093" s="14" t="s">
        <v>558</v>
      </c>
      <c r="D128093" s="14" t="s">
        <v>31</v>
      </c>
      <c r="E128093" s="15">
        <v>45719</v>
      </c>
      <c r="F128093" s="14" t="s">
        <v>15</v>
      </c>
      <c r="G128093" s="16">
        <v>1.1363684714248423</v>
      </c>
    </row>
    <row r="128094" spans="1:7" x14ac:dyDescent="0.3">
      <c r="A128094" s="13" t="s">
        <v>587</v>
      </c>
      <c r="B128094" s="14" t="s">
        <v>1</v>
      </c>
      <c r="C128094" s="14" t="s">
        <v>558</v>
      </c>
      <c r="D128094" s="14" t="s">
        <v>31</v>
      </c>
      <c r="E128094" s="15">
        <v>45720</v>
      </c>
      <c r="F128094" s="14" t="s">
        <v>15</v>
      </c>
      <c r="G128094" s="16">
        <v>1.1322889575752737</v>
      </c>
    </row>
    <row r="128095" spans="1:7" x14ac:dyDescent="0.3">
      <c r="A128095" s="13" t="s">
        <v>587</v>
      </c>
      <c r="B128095" s="14" t="s">
        <v>1</v>
      </c>
      <c r="C128095" s="14" t="s">
        <v>558</v>
      </c>
      <c r="D128095" s="14" t="s">
        <v>31</v>
      </c>
      <c r="E128095" s="15">
        <v>45721</v>
      </c>
      <c r="F128095" s="14" t="s">
        <v>15</v>
      </c>
      <c r="G128095" s="16">
        <v>1.1304971005648174</v>
      </c>
    </row>
    <row r="128096" spans="1:7" x14ac:dyDescent="0.3">
      <c r="A128096" s="13" t="s">
        <v>587</v>
      </c>
      <c r="B128096" s="14" t="s">
        <v>1</v>
      </c>
      <c r="C128096" s="14" t="s">
        <v>558</v>
      </c>
      <c r="D128096" s="14" t="s">
        <v>31</v>
      </c>
      <c r="E128096" s="15">
        <v>45722</v>
      </c>
      <c r="F128096" s="14" t="s">
        <v>15</v>
      </c>
      <c r="G128096" s="16">
        <v>1.1483320437274251</v>
      </c>
    </row>
    <row r="128097" spans="1:7" x14ac:dyDescent="0.3">
      <c r="A128097" s="13" t="s">
        <v>587</v>
      </c>
      <c r="B128097" s="14" t="s">
        <v>1</v>
      </c>
      <c r="C128097" s="14" t="s">
        <v>558</v>
      </c>
      <c r="D128097" s="14" t="s">
        <v>31</v>
      </c>
      <c r="E128097" s="15">
        <v>45723</v>
      </c>
      <c r="F128097" s="14" t="s">
        <v>15</v>
      </c>
      <c r="G128097" s="16">
        <v>1.1476592917296398</v>
      </c>
    </row>
    <row r="128098" spans="1:7" x14ac:dyDescent="0.3">
      <c r="A128098" s="13" t="s">
        <v>587</v>
      </c>
      <c r="B128098" s="14" t="s">
        <v>1</v>
      </c>
      <c r="C128098" s="14" t="s">
        <v>558</v>
      </c>
      <c r="D128098" s="14" t="s">
        <v>31</v>
      </c>
      <c r="E128098" s="15">
        <v>45724</v>
      </c>
      <c r="F128098" s="14" t="s">
        <v>15</v>
      </c>
      <c r="G128098" s="16">
        <v>1.1476592917296398</v>
      </c>
    </row>
    <row r="128099" spans="1:7" x14ac:dyDescent="0.3">
      <c r="A128099" s="13" t="s">
        <v>587</v>
      </c>
      <c r="B128099" s="14" t="s">
        <v>1</v>
      </c>
      <c r="C128099" s="14" t="s">
        <v>558</v>
      </c>
      <c r="D128099" s="14" t="s">
        <v>31</v>
      </c>
      <c r="E128099" s="15">
        <v>45725</v>
      </c>
      <c r="F128099" s="14" t="s">
        <v>15</v>
      </c>
      <c r="G128099" s="16">
        <v>1.1476592917296398</v>
      </c>
    </row>
    <row r="128100" spans="1:7" x14ac:dyDescent="0.3">
      <c r="A128100" s="13" t="s">
        <v>587</v>
      </c>
      <c r="B128100" s="14" t="s">
        <v>1</v>
      </c>
      <c r="C128100" s="14" t="s">
        <v>558</v>
      </c>
      <c r="D128100" s="14" t="s">
        <v>31</v>
      </c>
      <c r="E128100" s="15">
        <v>45726</v>
      </c>
      <c r="F128100" s="14" t="s">
        <v>15</v>
      </c>
      <c r="G128100" s="16">
        <v>1.1459688006874138</v>
      </c>
    </row>
    <row r="128101" spans="1:7" x14ac:dyDescent="0.3">
      <c r="A128101" s="13" t="s">
        <v>587</v>
      </c>
      <c r="B128101" s="14" t="s">
        <v>1</v>
      </c>
      <c r="C128101" s="14" t="s">
        <v>558</v>
      </c>
      <c r="D128101" s="14" t="s">
        <v>31</v>
      </c>
      <c r="E128101" s="15">
        <v>45727</v>
      </c>
      <c r="F128101" s="14" t="s">
        <v>15</v>
      </c>
      <c r="G128101" s="16">
        <v>1.1407962650194388</v>
      </c>
    </row>
    <row r="128102" spans="1:7" x14ac:dyDescent="0.3">
      <c r="A128102" s="13" t="s">
        <v>587</v>
      </c>
      <c r="B128102" s="14" t="s">
        <v>1</v>
      </c>
      <c r="C128102" s="14" t="s">
        <v>558</v>
      </c>
      <c r="D128102" s="14" t="s">
        <v>31</v>
      </c>
      <c r="E128102" s="15">
        <v>45728</v>
      </c>
      <c r="F128102" s="14" t="s">
        <v>15</v>
      </c>
      <c r="G128102" s="16">
        <v>1.141974801729237</v>
      </c>
    </row>
    <row r="128103" spans="1:7" x14ac:dyDescent="0.3">
      <c r="A128103" s="13" t="s">
        <v>587</v>
      </c>
      <c r="B128103" s="14" t="s">
        <v>1</v>
      </c>
      <c r="C128103" s="14" t="s">
        <v>558</v>
      </c>
      <c r="D128103" s="14" t="s">
        <v>31</v>
      </c>
      <c r="E128103" s="15">
        <v>45729</v>
      </c>
      <c r="F128103" s="14" t="s">
        <v>15</v>
      </c>
      <c r="G128103" s="16">
        <v>1.1601292949258393</v>
      </c>
    </row>
    <row r="128104" spans="1:7" x14ac:dyDescent="0.3">
      <c r="A128104" s="13" t="s">
        <v>587</v>
      </c>
      <c r="B128104" s="14" t="s">
        <v>1</v>
      </c>
      <c r="C128104" s="14" t="s">
        <v>558</v>
      </c>
      <c r="D128104" s="14" t="s">
        <v>31</v>
      </c>
      <c r="E128104" s="15">
        <v>45730</v>
      </c>
      <c r="F128104" s="14" t="s">
        <v>15</v>
      </c>
      <c r="G128104" s="16">
        <v>1.1629196741475358</v>
      </c>
    </row>
    <row r="128105" spans="1:7" x14ac:dyDescent="0.3">
      <c r="A128105" s="13" t="s">
        <v>587</v>
      </c>
      <c r="B128105" s="14" t="s">
        <v>1</v>
      </c>
      <c r="C128105" s="14" t="s">
        <v>558</v>
      </c>
      <c r="D128105" s="14" t="s">
        <v>31</v>
      </c>
      <c r="E128105" s="15">
        <v>45731</v>
      </c>
      <c r="F128105" s="14" t="s">
        <v>15</v>
      </c>
      <c r="G128105" s="16">
        <v>1.1629196741475358</v>
      </c>
    </row>
    <row r="128106" spans="1:7" x14ac:dyDescent="0.3">
      <c r="A128106" s="13" t="s">
        <v>587</v>
      </c>
      <c r="B128106" s="14" t="s">
        <v>1</v>
      </c>
      <c r="C128106" s="14" t="s">
        <v>558</v>
      </c>
      <c r="D128106" s="14" t="s">
        <v>31</v>
      </c>
      <c r="E128106" s="15">
        <v>45732</v>
      </c>
      <c r="F128106" s="14" t="s">
        <v>15</v>
      </c>
      <c r="G128106" s="16">
        <v>1.1629196741475358</v>
      </c>
    </row>
    <row r="128107" spans="1:7" x14ac:dyDescent="0.3">
      <c r="A128107" s="13" t="s">
        <v>587</v>
      </c>
      <c r="B128107" s="14" t="s">
        <v>1</v>
      </c>
      <c r="C128107" s="14" t="s">
        <v>558</v>
      </c>
      <c r="D128107" s="14" t="s">
        <v>31</v>
      </c>
      <c r="E128107" s="15">
        <v>45733</v>
      </c>
      <c r="F128107" s="14" t="s">
        <v>15</v>
      </c>
      <c r="G128107" s="16">
        <v>1.1629196741475358</v>
      </c>
    </row>
    <row r="128108" spans="1:7" x14ac:dyDescent="0.3">
      <c r="A128108" s="13" t="s">
        <v>587</v>
      </c>
      <c r="B128108" s="14" t="s">
        <v>1</v>
      </c>
      <c r="C128108" s="14" t="s">
        <v>558</v>
      </c>
      <c r="D128108" s="14" t="s">
        <v>31</v>
      </c>
      <c r="E128108" s="15">
        <v>45734</v>
      </c>
      <c r="F128108" s="14" t="s">
        <v>15</v>
      </c>
      <c r="G128108" s="16">
        <v>1.1670906084097168</v>
      </c>
    </row>
    <row r="128109" spans="1:7" x14ac:dyDescent="0.3">
      <c r="A128109" s="13" t="s">
        <v>587</v>
      </c>
      <c r="B128109" s="14" t="s">
        <v>1</v>
      </c>
      <c r="C128109" s="14" t="s">
        <v>558</v>
      </c>
      <c r="D128109" s="14" t="s">
        <v>31</v>
      </c>
      <c r="E128109" s="15">
        <v>45735</v>
      </c>
      <c r="F128109" s="14" t="s">
        <v>15</v>
      </c>
      <c r="G128109" s="16">
        <v>1.2382009085165113</v>
      </c>
    </row>
    <row r="128110" spans="1:7" x14ac:dyDescent="0.3">
      <c r="A128110" s="13" t="s">
        <v>587</v>
      </c>
      <c r="B128110" s="14" t="s">
        <v>1</v>
      </c>
      <c r="C128110" s="14" t="s">
        <v>558</v>
      </c>
      <c r="D128110" s="14" t="s">
        <v>31</v>
      </c>
      <c r="E128110" s="15">
        <v>45736</v>
      </c>
      <c r="F128110" s="14" t="s">
        <v>15</v>
      </c>
      <c r="G128110" s="16">
        <v>1.2363258572418856</v>
      </c>
    </row>
    <row r="128111" spans="1:7" x14ac:dyDescent="0.3">
      <c r="A128111" s="13" t="s">
        <v>587</v>
      </c>
      <c r="B128111" s="14" t="s">
        <v>1</v>
      </c>
      <c r="C128111" s="14" t="s">
        <v>558</v>
      </c>
      <c r="D128111" s="14" t="s">
        <v>31</v>
      </c>
      <c r="E128111" s="15">
        <v>45737</v>
      </c>
      <c r="F128111" s="14" t="s">
        <v>15</v>
      </c>
      <c r="G128111" s="16">
        <v>1.2485556332124541</v>
      </c>
    </row>
    <row r="128112" spans="1:7" x14ac:dyDescent="0.3">
      <c r="A128112" s="13" t="s">
        <v>587</v>
      </c>
      <c r="B128112" s="14" t="s">
        <v>1</v>
      </c>
      <c r="C128112" s="14" t="s">
        <v>558</v>
      </c>
      <c r="D128112" s="14" t="s">
        <v>31</v>
      </c>
      <c r="E128112" s="15">
        <v>45738</v>
      </c>
      <c r="F128112" s="14" t="s">
        <v>15</v>
      </c>
      <c r="G128112" s="16">
        <v>1.2485556332124541</v>
      </c>
    </row>
    <row r="128113" spans="1:7" x14ac:dyDescent="0.3">
      <c r="A128113" s="13" t="s">
        <v>587</v>
      </c>
      <c r="B128113" s="14" t="s">
        <v>1</v>
      </c>
      <c r="C128113" s="14" t="s">
        <v>558</v>
      </c>
      <c r="D128113" s="14" t="s">
        <v>31</v>
      </c>
      <c r="E128113" s="15">
        <v>45739</v>
      </c>
      <c r="F128113" s="14" t="s">
        <v>15</v>
      </c>
      <c r="G128113" s="16">
        <v>1.2485556332124541</v>
      </c>
    </row>
    <row r="128114" spans="1:7" x14ac:dyDescent="0.3">
      <c r="A128114" s="13" t="s">
        <v>587</v>
      </c>
      <c r="B128114" s="14" t="s">
        <v>1</v>
      </c>
      <c r="C128114" s="14" t="s">
        <v>558</v>
      </c>
      <c r="D128114" s="14" t="s">
        <v>31</v>
      </c>
      <c r="E128114" s="15">
        <v>45740</v>
      </c>
      <c r="F128114" s="14" t="s">
        <v>15</v>
      </c>
      <c r="G128114" s="16">
        <v>1.2702278963577553</v>
      </c>
    </row>
    <row r="128115" spans="1:7" x14ac:dyDescent="0.3">
      <c r="A128115" s="13" t="s">
        <v>587</v>
      </c>
      <c r="B128115" s="14" t="s">
        <v>1</v>
      </c>
      <c r="C128115" s="14" t="s">
        <v>558</v>
      </c>
      <c r="D128115" s="14" t="s">
        <v>31</v>
      </c>
      <c r="E128115" s="15">
        <v>45741</v>
      </c>
      <c r="F128115" s="14" t="s">
        <v>15</v>
      </c>
      <c r="G128115" s="16">
        <v>1.2649211125903921</v>
      </c>
    </row>
    <row r="128116" spans="1:7" x14ac:dyDescent="0.3">
      <c r="A128116" s="13" t="s">
        <v>587</v>
      </c>
      <c r="B128116" s="14" t="s">
        <v>1</v>
      </c>
      <c r="C128116" s="14" t="s">
        <v>558</v>
      </c>
      <c r="D128116" s="14" t="s">
        <v>31</v>
      </c>
      <c r="E128116" s="15">
        <v>45742</v>
      </c>
      <c r="F128116" s="14" t="s">
        <v>15</v>
      </c>
      <c r="G128116" s="16">
        <v>1.263135312814623</v>
      </c>
    </row>
    <row r="128117" spans="1:7" x14ac:dyDescent="0.3">
      <c r="A128117" s="13" t="s">
        <v>587</v>
      </c>
      <c r="B128117" s="14" t="s">
        <v>1</v>
      </c>
      <c r="C128117" s="14" t="s">
        <v>558</v>
      </c>
      <c r="D128117" s="14" t="s">
        <v>31</v>
      </c>
      <c r="E128117" s="15">
        <v>45743</v>
      </c>
      <c r="F128117" s="14" t="s">
        <v>15</v>
      </c>
      <c r="G128117" s="16">
        <v>1.2684055733639663</v>
      </c>
    </row>
    <row r="128118" spans="1:7" x14ac:dyDescent="0.3">
      <c r="A128118" s="13" t="s">
        <v>587</v>
      </c>
      <c r="B128118" s="14" t="s">
        <v>1</v>
      </c>
      <c r="C128118" s="14" t="s">
        <v>558</v>
      </c>
      <c r="D128118" s="14" t="s">
        <v>31</v>
      </c>
      <c r="E128118" s="15">
        <v>45744</v>
      </c>
      <c r="F128118" s="14" t="s">
        <v>15</v>
      </c>
      <c r="G128118" s="16">
        <v>1.2666540155067334</v>
      </c>
    </row>
    <row r="128119" spans="1:7" x14ac:dyDescent="0.3">
      <c r="A128119" s="13" t="s">
        <v>587</v>
      </c>
      <c r="B128119" s="14" t="s">
        <v>1</v>
      </c>
      <c r="C128119" s="14" t="s">
        <v>558</v>
      </c>
      <c r="D128119" s="14" t="s">
        <v>31</v>
      </c>
      <c r="E128119" s="15">
        <v>45745</v>
      </c>
      <c r="F128119" s="14" t="s">
        <v>15</v>
      </c>
      <c r="G128119" s="16">
        <v>1.2666540155067334</v>
      </c>
    </row>
    <row r="128120" spans="1:7" x14ac:dyDescent="0.3">
      <c r="A128120" s="13" t="s">
        <v>587</v>
      </c>
      <c r="B128120" s="14" t="s">
        <v>1</v>
      </c>
      <c r="C128120" s="14" t="s">
        <v>558</v>
      </c>
      <c r="D128120" s="14" t="s">
        <v>31</v>
      </c>
      <c r="E128120" s="15">
        <v>45746</v>
      </c>
      <c r="F128120" s="14" t="s">
        <v>15</v>
      </c>
      <c r="G128120" s="16">
        <v>1.2666540155067334</v>
      </c>
    </row>
    <row r="128121" spans="1:7" x14ac:dyDescent="0.3">
      <c r="A128121" s="13" t="s">
        <v>587</v>
      </c>
      <c r="B128121" s="14" t="s">
        <v>1</v>
      </c>
      <c r="C128121" s="14" t="s">
        <v>558</v>
      </c>
      <c r="D128121" s="14" t="s">
        <v>31</v>
      </c>
      <c r="E128121" s="15">
        <v>45747</v>
      </c>
      <c r="F128121" s="14" t="s">
        <v>15</v>
      </c>
      <c r="G128121" s="16">
        <v>1.291190485339716</v>
      </c>
    </row>
    <row r="128122" spans="1:7" x14ac:dyDescent="0.3">
      <c r="A128122" s="13" t="s">
        <v>588</v>
      </c>
      <c r="B128122" s="14" t="s">
        <v>1</v>
      </c>
      <c r="C128122" s="14" t="s">
        <v>558</v>
      </c>
      <c r="D128122" s="14" t="s">
        <v>94</v>
      </c>
      <c r="E128122" s="15">
        <v>45383</v>
      </c>
      <c r="F128122" s="14" t="s">
        <v>15</v>
      </c>
      <c r="G128122" s="16">
        <v>0</v>
      </c>
    </row>
    <row r="128123" spans="1:7" x14ac:dyDescent="0.3">
      <c r="A128123" s="13" t="s">
        <v>588</v>
      </c>
      <c r="B128123" s="14" t="s">
        <v>1</v>
      </c>
      <c r="C128123" s="14" t="s">
        <v>558</v>
      </c>
      <c r="D128123" s="14" t="s">
        <v>94</v>
      </c>
      <c r="E128123" s="15">
        <v>45384</v>
      </c>
      <c r="F128123" s="14" t="s">
        <v>15</v>
      </c>
      <c r="G128123" s="16">
        <v>0</v>
      </c>
    </row>
    <row r="128124" spans="1:7" x14ac:dyDescent="0.3">
      <c r="A128124" s="13" t="s">
        <v>588</v>
      </c>
      <c r="B128124" s="14" t="s">
        <v>1</v>
      </c>
      <c r="C128124" s="14" t="s">
        <v>558</v>
      </c>
      <c r="D128124" s="14" t="s">
        <v>94</v>
      </c>
      <c r="E128124" s="15">
        <v>45385</v>
      </c>
      <c r="F128124" s="14" t="s">
        <v>15</v>
      </c>
      <c r="G128124" s="16">
        <v>0</v>
      </c>
    </row>
    <row r="128125" spans="1:7" x14ac:dyDescent="0.3">
      <c r="A128125" s="13" t="s">
        <v>588</v>
      </c>
      <c r="B128125" s="14" t="s">
        <v>1</v>
      </c>
      <c r="C128125" s="14" t="s">
        <v>558</v>
      </c>
      <c r="D128125" s="14" t="s">
        <v>94</v>
      </c>
      <c r="E128125" s="15">
        <v>45386</v>
      </c>
      <c r="F128125" s="14" t="s">
        <v>15</v>
      </c>
      <c r="G128125" s="16">
        <v>2.2678878491705934E-4</v>
      </c>
    </row>
    <row r="128126" spans="1:7" x14ac:dyDescent="0.3">
      <c r="A128126" s="13" t="s">
        <v>588</v>
      </c>
      <c r="B128126" s="14" t="s">
        <v>1</v>
      </c>
      <c r="C128126" s="14" t="s">
        <v>558</v>
      </c>
      <c r="D128126" s="14" t="s">
        <v>94</v>
      </c>
      <c r="E128126" s="15">
        <v>45387</v>
      </c>
      <c r="F128126" s="14" t="s">
        <v>15</v>
      </c>
      <c r="G128126" s="16">
        <v>0</v>
      </c>
    </row>
    <row r="128127" spans="1:7" x14ac:dyDescent="0.3">
      <c r="A128127" s="13" t="s">
        <v>588</v>
      </c>
      <c r="B128127" s="14" t="s">
        <v>1</v>
      </c>
      <c r="C128127" s="14" t="s">
        <v>558</v>
      </c>
      <c r="D128127" s="14" t="s">
        <v>94</v>
      </c>
      <c r="E128127" s="15">
        <v>45388</v>
      </c>
      <c r="F128127" s="14" t="s">
        <v>15</v>
      </c>
      <c r="G128127" s="16">
        <v>0</v>
      </c>
    </row>
    <row r="128128" spans="1:7" x14ac:dyDescent="0.3">
      <c r="A128128" s="13" t="s">
        <v>588</v>
      </c>
      <c r="B128128" s="14" t="s">
        <v>1</v>
      </c>
      <c r="C128128" s="14" t="s">
        <v>558</v>
      </c>
      <c r="D128128" s="14" t="s">
        <v>94</v>
      </c>
      <c r="E128128" s="15">
        <v>45389</v>
      </c>
      <c r="F128128" s="14" t="s">
        <v>15</v>
      </c>
      <c r="G128128" s="16">
        <v>0</v>
      </c>
    </row>
    <row r="128129" spans="1:7" x14ac:dyDescent="0.3">
      <c r="A128129" s="13" t="s">
        <v>588</v>
      </c>
      <c r="B128129" s="14" t="s">
        <v>1</v>
      </c>
      <c r="C128129" s="14" t="s">
        <v>558</v>
      </c>
      <c r="D128129" s="14" t="s">
        <v>94</v>
      </c>
      <c r="E128129" s="15">
        <v>45390</v>
      </c>
      <c r="F128129" s="14" t="s">
        <v>15</v>
      </c>
      <c r="G128129" s="16">
        <v>0</v>
      </c>
    </row>
    <row r="128130" spans="1:7" x14ac:dyDescent="0.3">
      <c r="A128130" s="13" t="s">
        <v>588</v>
      </c>
      <c r="B128130" s="14" t="s">
        <v>1</v>
      </c>
      <c r="C128130" s="14" t="s">
        <v>558</v>
      </c>
      <c r="D128130" s="14" t="s">
        <v>94</v>
      </c>
      <c r="E128130" s="15">
        <v>45391</v>
      </c>
      <c r="F128130" s="14" t="s">
        <v>15</v>
      </c>
      <c r="G128130" s="16">
        <v>2.371465501303831E-3</v>
      </c>
    </row>
    <row r="128131" spans="1:7" x14ac:dyDescent="0.3">
      <c r="A128131" s="13" t="s">
        <v>588</v>
      </c>
      <c r="B128131" s="14" t="s">
        <v>1</v>
      </c>
      <c r="C128131" s="14" t="s">
        <v>558</v>
      </c>
      <c r="D128131" s="14" t="s">
        <v>94</v>
      </c>
      <c r="E128131" s="15">
        <v>45392</v>
      </c>
      <c r="F128131" s="14" t="s">
        <v>15</v>
      </c>
      <c r="G128131" s="16">
        <v>1.8328918422252174E-2</v>
      </c>
    </row>
    <row r="128132" spans="1:7" x14ac:dyDescent="0.3">
      <c r="A128132" s="13" t="s">
        <v>588</v>
      </c>
      <c r="B128132" s="14" t="s">
        <v>1</v>
      </c>
      <c r="C128132" s="14" t="s">
        <v>558</v>
      </c>
      <c r="D128132" s="14" t="s">
        <v>94</v>
      </c>
      <c r="E128132" s="15">
        <v>45393</v>
      </c>
      <c r="F128132" s="14" t="s">
        <v>15</v>
      </c>
      <c r="G128132" s="16">
        <v>3.1893830090555637E-2</v>
      </c>
    </row>
    <row r="128133" spans="1:7" x14ac:dyDescent="0.3">
      <c r="A128133" s="13" t="s">
        <v>588</v>
      </c>
      <c r="B128133" s="14" t="s">
        <v>1</v>
      </c>
      <c r="C128133" s="14" t="s">
        <v>558</v>
      </c>
      <c r="D128133" s="14" t="s">
        <v>94</v>
      </c>
      <c r="E128133" s="15">
        <v>45394</v>
      </c>
      <c r="F128133" s="14" t="s">
        <v>15</v>
      </c>
      <c r="G128133" s="16">
        <v>3.017068798079792E-2</v>
      </c>
    </row>
    <row r="128134" spans="1:7" x14ac:dyDescent="0.3">
      <c r="A128134" s="13" t="s">
        <v>588</v>
      </c>
      <c r="B128134" s="14" t="s">
        <v>1</v>
      </c>
      <c r="C128134" s="14" t="s">
        <v>558</v>
      </c>
      <c r="D128134" s="14" t="s">
        <v>94</v>
      </c>
      <c r="E128134" s="15">
        <v>45395</v>
      </c>
      <c r="F128134" s="14" t="s">
        <v>15</v>
      </c>
      <c r="G128134" s="16">
        <v>3.017068798079792E-2</v>
      </c>
    </row>
    <row r="128135" spans="1:7" x14ac:dyDescent="0.3">
      <c r="A128135" s="13" t="s">
        <v>588</v>
      </c>
      <c r="B128135" s="14" t="s">
        <v>1</v>
      </c>
      <c r="C128135" s="14" t="s">
        <v>558</v>
      </c>
      <c r="D128135" s="14" t="s">
        <v>94</v>
      </c>
      <c r="E128135" s="15">
        <v>45396</v>
      </c>
      <c r="F128135" s="14" t="s">
        <v>15</v>
      </c>
      <c r="G128135" s="16">
        <v>3.017068798079792E-2</v>
      </c>
    </row>
    <row r="128136" spans="1:7" x14ac:dyDescent="0.3">
      <c r="A128136" s="13" t="s">
        <v>588</v>
      </c>
      <c r="B128136" s="14" t="s">
        <v>1</v>
      </c>
      <c r="C128136" s="14" t="s">
        <v>558</v>
      </c>
      <c r="D128136" s="14" t="s">
        <v>94</v>
      </c>
      <c r="E128136" s="15">
        <v>45397</v>
      </c>
      <c r="F128136" s="14" t="s">
        <v>15</v>
      </c>
      <c r="G128136" s="16">
        <v>4.9744248638258638E-2</v>
      </c>
    </row>
    <row r="128137" spans="1:7" x14ac:dyDescent="0.3">
      <c r="A128137" s="13" t="s">
        <v>588</v>
      </c>
      <c r="B128137" s="14" t="s">
        <v>1</v>
      </c>
      <c r="C128137" s="14" t="s">
        <v>558</v>
      </c>
      <c r="D128137" s="14" t="s">
        <v>94</v>
      </c>
      <c r="E128137" s="15">
        <v>45398</v>
      </c>
      <c r="F128137" s="14" t="s">
        <v>15</v>
      </c>
      <c r="G128137" s="16">
        <v>4.5301014985315372E-2</v>
      </c>
    </row>
    <row r="128138" spans="1:7" x14ac:dyDescent="0.3">
      <c r="A128138" s="13" t="s">
        <v>588</v>
      </c>
      <c r="B128138" s="14" t="s">
        <v>1</v>
      </c>
      <c r="C128138" s="14" t="s">
        <v>558</v>
      </c>
      <c r="D128138" s="14" t="s">
        <v>94</v>
      </c>
      <c r="E128138" s="15">
        <v>45399</v>
      </c>
      <c r="F128138" s="14" t="s">
        <v>15</v>
      </c>
      <c r="G128138" s="16">
        <v>4.3862699215158236E-2</v>
      </c>
    </row>
    <row r="128139" spans="1:7" x14ac:dyDescent="0.3">
      <c r="A128139" s="13" t="s">
        <v>588</v>
      </c>
      <c r="B128139" s="14" t="s">
        <v>1</v>
      </c>
      <c r="C128139" s="14" t="s">
        <v>558</v>
      </c>
      <c r="D128139" s="14" t="s">
        <v>94</v>
      </c>
      <c r="E128139" s="15">
        <v>45400</v>
      </c>
      <c r="F128139" s="14" t="s">
        <v>15</v>
      </c>
      <c r="G128139" s="16">
        <v>4.0825795613992841E-2</v>
      </c>
    </row>
    <row r="128140" spans="1:7" x14ac:dyDescent="0.3">
      <c r="A128140" s="13" t="s">
        <v>588</v>
      </c>
      <c r="B128140" s="14" t="s">
        <v>1</v>
      </c>
      <c r="C128140" s="14" t="s">
        <v>558</v>
      </c>
      <c r="D128140" s="14" t="s">
        <v>94</v>
      </c>
      <c r="E128140" s="15">
        <v>45401</v>
      </c>
      <c r="F128140" s="14" t="s">
        <v>15</v>
      </c>
      <c r="G128140" s="16">
        <v>4.0304858012632575E-2</v>
      </c>
    </row>
    <row r="128141" spans="1:7" x14ac:dyDescent="0.3">
      <c r="A128141" s="13" t="s">
        <v>588</v>
      </c>
      <c r="B128141" s="14" t="s">
        <v>1</v>
      </c>
      <c r="C128141" s="14" t="s">
        <v>558</v>
      </c>
      <c r="D128141" s="14" t="s">
        <v>94</v>
      </c>
      <c r="E128141" s="15">
        <v>45402</v>
      </c>
      <c r="F128141" s="14" t="s">
        <v>15</v>
      </c>
      <c r="G128141" s="16">
        <v>4.0304858012632575E-2</v>
      </c>
    </row>
    <row r="128142" spans="1:7" x14ac:dyDescent="0.3">
      <c r="A128142" s="13" t="s">
        <v>588</v>
      </c>
      <c r="B128142" s="14" t="s">
        <v>1</v>
      </c>
      <c r="C128142" s="14" t="s">
        <v>558</v>
      </c>
      <c r="D128142" s="14" t="s">
        <v>94</v>
      </c>
      <c r="E128142" s="15">
        <v>45403</v>
      </c>
      <c r="F128142" s="14" t="s">
        <v>15</v>
      </c>
      <c r="G128142" s="16">
        <v>4.0304858012632575E-2</v>
      </c>
    </row>
    <row r="128143" spans="1:7" x14ac:dyDescent="0.3">
      <c r="A128143" s="13" t="s">
        <v>588</v>
      </c>
      <c r="B128143" s="14" t="s">
        <v>1</v>
      </c>
      <c r="C128143" s="14" t="s">
        <v>558</v>
      </c>
      <c r="D128143" s="14" t="s">
        <v>94</v>
      </c>
      <c r="E128143" s="15">
        <v>45404</v>
      </c>
      <c r="F128143" s="14" t="s">
        <v>15</v>
      </c>
      <c r="G128143" s="16">
        <v>3.8606638207589909E-2</v>
      </c>
    </row>
    <row r="128144" spans="1:7" x14ac:dyDescent="0.3">
      <c r="A128144" s="13" t="s">
        <v>588</v>
      </c>
      <c r="B128144" s="14" t="s">
        <v>1</v>
      </c>
      <c r="C128144" s="14" t="s">
        <v>558</v>
      </c>
      <c r="D128144" s="14" t="s">
        <v>94</v>
      </c>
      <c r="E128144" s="15">
        <v>45405</v>
      </c>
      <c r="F128144" s="14" t="s">
        <v>15</v>
      </c>
      <c r="G128144" s="16">
        <v>4.0121022157958798E-2</v>
      </c>
    </row>
    <row r="128145" spans="1:7" x14ac:dyDescent="0.3">
      <c r="A128145" s="13" t="s">
        <v>588</v>
      </c>
      <c r="B128145" s="14" t="s">
        <v>1</v>
      </c>
      <c r="C128145" s="14" t="s">
        <v>558</v>
      </c>
      <c r="D128145" s="14" t="s">
        <v>94</v>
      </c>
      <c r="E128145" s="15">
        <v>45406</v>
      </c>
      <c r="F128145" s="14" t="s">
        <v>15</v>
      </c>
      <c r="G128145" s="16">
        <v>3.4086321332497289E-2</v>
      </c>
    </row>
    <row r="128146" spans="1:7" x14ac:dyDescent="0.3">
      <c r="A128146" s="13" t="s">
        <v>588</v>
      </c>
      <c r="B128146" s="14" t="s">
        <v>1</v>
      </c>
      <c r="C128146" s="14" t="s">
        <v>558</v>
      </c>
      <c r="D128146" s="14" t="s">
        <v>94</v>
      </c>
      <c r="E128146" s="15">
        <v>45407</v>
      </c>
      <c r="F128146" s="14" t="s">
        <v>15</v>
      </c>
      <c r="G128146" s="16">
        <v>3.7917292844950899E-2</v>
      </c>
    </row>
    <row r="128147" spans="1:7" x14ac:dyDescent="0.3">
      <c r="A128147" s="13" t="s">
        <v>588</v>
      </c>
      <c r="B128147" s="14" t="s">
        <v>1</v>
      </c>
      <c r="C128147" s="14" t="s">
        <v>558</v>
      </c>
      <c r="D128147" s="14" t="s">
        <v>94</v>
      </c>
      <c r="E128147" s="15">
        <v>45408</v>
      </c>
      <c r="F128147" s="14" t="s">
        <v>15</v>
      </c>
      <c r="G128147" s="16">
        <v>4.9300909462479919E-2</v>
      </c>
    </row>
    <row r="128148" spans="1:7" x14ac:dyDescent="0.3">
      <c r="A128148" s="13" t="s">
        <v>588</v>
      </c>
      <c r="B128148" s="14" t="s">
        <v>1</v>
      </c>
      <c r="C128148" s="14" t="s">
        <v>558</v>
      </c>
      <c r="D128148" s="14" t="s">
        <v>94</v>
      </c>
      <c r="E128148" s="15">
        <v>45409</v>
      </c>
      <c r="F128148" s="14" t="s">
        <v>15</v>
      </c>
      <c r="G128148" s="16">
        <v>4.9300909462479919E-2</v>
      </c>
    </row>
    <row r="128149" spans="1:7" x14ac:dyDescent="0.3">
      <c r="A128149" s="13" t="s">
        <v>588</v>
      </c>
      <c r="B128149" s="14" t="s">
        <v>1</v>
      </c>
      <c r="C128149" s="14" t="s">
        <v>558</v>
      </c>
      <c r="D128149" s="14" t="s">
        <v>94</v>
      </c>
      <c r="E128149" s="15">
        <v>45410</v>
      </c>
      <c r="F128149" s="14" t="s">
        <v>15</v>
      </c>
      <c r="G128149" s="16">
        <v>4.9300909462479919E-2</v>
      </c>
    </row>
    <row r="128150" spans="1:7" x14ac:dyDescent="0.3">
      <c r="A128150" s="13" t="s">
        <v>588</v>
      </c>
      <c r="B128150" s="14" t="s">
        <v>1</v>
      </c>
      <c r="C128150" s="14" t="s">
        <v>558</v>
      </c>
      <c r="D128150" s="14" t="s">
        <v>94</v>
      </c>
      <c r="E128150" s="15">
        <v>45411</v>
      </c>
      <c r="F128150" s="14" t="s">
        <v>15</v>
      </c>
      <c r="G128150" s="16">
        <v>7.2313748170617656E-2</v>
      </c>
    </row>
    <row r="128151" spans="1:7" x14ac:dyDescent="0.3">
      <c r="A128151" s="13" t="s">
        <v>588</v>
      </c>
      <c r="B128151" s="14" t="s">
        <v>1</v>
      </c>
      <c r="C128151" s="14" t="s">
        <v>558</v>
      </c>
      <c r="D128151" s="14" t="s">
        <v>94</v>
      </c>
      <c r="E128151" s="15">
        <v>45412</v>
      </c>
      <c r="F128151" s="14" t="s">
        <v>15</v>
      </c>
      <c r="G128151" s="16">
        <v>6.813279210538993E-2</v>
      </c>
    </row>
    <row r="128152" spans="1:7" x14ac:dyDescent="0.3">
      <c r="A128152" s="13" t="s">
        <v>588</v>
      </c>
      <c r="B128152" s="14" t="s">
        <v>1</v>
      </c>
      <c r="C128152" s="14" t="s">
        <v>558</v>
      </c>
      <c r="D128152" s="14" t="s">
        <v>94</v>
      </c>
      <c r="E128152" s="15">
        <v>45413</v>
      </c>
      <c r="F128152" s="14" t="s">
        <v>15</v>
      </c>
      <c r="G128152" s="16">
        <v>6.6473735922042351E-2</v>
      </c>
    </row>
    <row r="128153" spans="1:7" x14ac:dyDescent="0.3">
      <c r="A128153" s="13" t="s">
        <v>588</v>
      </c>
      <c r="B128153" s="14" t="s">
        <v>1</v>
      </c>
      <c r="C128153" s="14" t="s">
        <v>558</v>
      </c>
      <c r="D128153" s="14" t="s">
        <v>94</v>
      </c>
      <c r="E128153" s="15">
        <v>45414</v>
      </c>
      <c r="F128153" s="14" t="s">
        <v>15</v>
      </c>
      <c r="G128153" s="16">
        <v>6.2937199450160922E-2</v>
      </c>
    </row>
    <row r="128154" spans="1:7" x14ac:dyDescent="0.3">
      <c r="A128154" s="13" t="s">
        <v>588</v>
      </c>
      <c r="B128154" s="14" t="s">
        <v>1</v>
      </c>
      <c r="C128154" s="14" t="s">
        <v>558</v>
      </c>
      <c r="D128154" s="14" t="s">
        <v>94</v>
      </c>
      <c r="E128154" s="15">
        <v>45415</v>
      </c>
      <c r="F128154" s="14" t="s">
        <v>15</v>
      </c>
      <c r="G128154" s="16">
        <v>8.259620800950182E-2</v>
      </c>
    </row>
    <row r="128155" spans="1:7" x14ac:dyDescent="0.3">
      <c r="A128155" s="13" t="s">
        <v>588</v>
      </c>
      <c r="B128155" s="14" t="s">
        <v>1</v>
      </c>
      <c r="C128155" s="14" t="s">
        <v>558</v>
      </c>
      <c r="D128155" s="14" t="s">
        <v>94</v>
      </c>
      <c r="E128155" s="15">
        <v>45416</v>
      </c>
      <c r="F128155" s="14" t="s">
        <v>15</v>
      </c>
      <c r="G128155" s="16">
        <v>8.259620800950182E-2</v>
      </c>
    </row>
    <row r="128156" spans="1:7" x14ac:dyDescent="0.3">
      <c r="A128156" s="13" t="s">
        <v>588</v>
      </c>
      <c r="B128156" s="14" t="s">
        <v>1</v>
      </c>
      <c r="C128156" s="14" t="s">
        <v>558</v>
      </c>
      <c r="D128156" s="14" t="s">
        <v>94</v>
      </c>
      <c r="E128156" s="15">
        <v>45417</v>
      </c>
      <c r="F128156" s="14" t="s">
        <v>15</v>
      </c>
      <c r="G128156" s="16">
        <v>8.259620800950182E-2</v>
      </c>
    </row>
    <row r="128157" spans="1:7" x14ac:dyDescent="0.3">
      <c r="A128157" s="13" t="s">
        <v>588</v>
      </c>
      <c r="B128157" s="14" t="s">
        <v>1</v>
      </c>
      <c r="C128157" s="14" t="s">
        <v>558</v>
      </c>
      <c r="D128157" s="14" t="s">
        <v>94</v>
      </c>
      <c r="E128157" s="15">
        <v>45418</v>
      </c>
      <c r="F128157" s="14" t="s">
        <v>15</v>
      </c>
      <c r="G128157" s="16">
        <v>8.259620800950182E-2</v>
      </c>
    </row>
    <row r="128158" spans="1:7" x14ac:dyDescent="0.3">
      <c r="A128158" s="13" t="s">
        <v>588</v>
      </c>
      <c r="B128158" s="14" t="s">
        <v>1</v>
      </c>
      <c r="C128158" s="14" t="s">
        <v>558</v>
      </c>
      <c r="D128158" s="14" t="s">
        <v>94</v>
      </c>
      <c r="E128158" s="15">
        <v>45419</v>
      </c>
      <c r="F128158" s="14" t="s">
        <v>15</v>
      </c>
      <c r="G128158" s="16">
        <v>0.1194053225420427</v>
      </c>
    </row>
    <row r="128159" spans="1:7" x14ac:dyDescent="0.3">
      <c r="A128159" s="13" t="s">
        <v>588</v>
      </c>
      <c r="B128159" s="14" t="s">
        <v>1</v>
      </c>
      <c r="C128159" s="14" t="s">
        <v>558</v>
      </c>
      <c r="D128159" s="14" t="s">
        <v>94</v>
      </c>
      <c r="E128159" s="15">
        <v>45420</v>
      </c>
      <c r="F128159" s="14" t="s">
        <v>15</v>
      </c>
      <c r="G128159" s="16">
        <v>0.11286624174020515</v>
      </c>
    </row>
    <row r="128160" spans="1:7" x14ac:dyDescent="0.3">
      <c r="A128160" s="13" t="s">
        <v>588</v>
      </c>
      <c r="B128160" s="14" t="s">
        <v>1</v>
      </c>
      <c r="C128160" s="14" t="s">
        <v>558</v>
      </c>
      <c r="D128160" s="14" t="s">
        <v>94</v>
      </c>
      <c r="E128160" s="15">
        <v>45421</v>
      </c>
      <c r="F128160" s="14" t="s">
        <v>15</v>
      </c>
      <c r="G128160" s="16">
        <v>0.11120718555685757</v>
      </c>
    </row>
    <row r="128161" spans="1:7" x14ac:dyDescent="0.3">
      <c r="A128161" s="13" t="s">
        <v>588</v>
      </c>
      <c r="B128161" s="14" t="s">
        <v>1</v>
      </c>
      <c r="C128161" s="14" t="s">
        <v>558</v>
      </c>
      <c r="D128161" s="14" t="s">
        <v>94</v>
      </c>
      <c r="E128161" s="15">
        <v>45422</v>
      </c>
      <c r="F128161" s="14" t="s">
        <v>15</v>
      </c>
      <c r="G128161" s="16">
        <v>0.10956593101973502</v>
      </c>
    </row>
    <row r="128162" spans="1:7" x14ac:dyDescent="0.3">
      <c r="A128162" s="13" t="s">
        <v>588</v>
      </c>
      <c r="B128162" s="14" t="s">
        <v>1</v>
      </c>
      <c r="C128162" s="14" t="s">
        <v>558</v>
      </c>
      <c r="D128162" s="14" t="s">
        <v>94</v>
      </c>
      <c r="E128162" s="15">
        <v>45423</v>
      </c>
      <c r="F128162" s="14" t="s">
        <v>15</v>
      </c>
      <c r="G128162" s="16">
        <v>0.10956593101973502</v>
      </c>
    </row>
    <row r="128163" spans="1:7" x14ac:dyDescent="0.3">
      <c r="A128163" s="13" t="s">
        <v>588</v>
      </c>
      <c r="B128163" s="14" t="s">
        <v>1</v>
      </c>
      <c r="C128163" s="14" t="s">
        <v>558</v>
      </c>
      <c r="D128163" s="14" t="s">
        <v>94</v>
      </c>
      <c r="E128163" s="15">
        <v>45424</v>
      </c>
      <c r="F128163" s="14" t="s">
        <v>15</v>
      </c>
      <c r="G128163" s="16">
        <v>0.10956593101973502</v>
      </c>
    </row>
    <row r="128164" spans="1:7" x14ac:dyDescent="0.3">
      <c r="A128164" s="13" t="s">
        <v>588</v>
      </c>
      <c r="B128164" s="14" t="s">
        <v>1</v>
      </c>
      <c r="C128164" s="14" t="s">
        <v>558</v>
      </c>
      <c r="D128164" s="14" t="s">
        <v>94</v>
      </c>
      <c r="E128164" s="15">
        <v>45425</v>
      </c>
      <c r="F128164" s="14" t="s">
        <v>15</v>
      </c>
      <c r="G128164" s="16">
        <v>0.11070292007013315</v>
      </c>
    </row>
    <row r="128165" spans="1:7" x14ac:dyDescent="0.3">
      <c r="A128165" s="13" t="s">
        <v>588</v>
      </c>
      <c r="B128165" s="14" t="s">
        <v>1</v>
      </c>
      <c r="C128165" s="14" t="s">
        <v>558</v>
      </c>
      <c r="D128165" s="14" t="s">
        <v>94</v>
      </c>
      <c r="E128165" s="15">
        <v>45426</v>
      </c>
      <c r="F128165" s="14" t="s">
        <v>15</v>
      </c>
      <c r="G128165" s="16">
        <v>0.10559627840120352</v>
      </c>
    </row>
    <row r="128166" spans="1:7" x14ac:dyDescent="0.3">
      <c r="A128166" s="13" t="s">
        <v>588</v>
      </c>
      <c r="B128166" s="14" t="s">
        <v>1</v>
      </c>
      <c r="C128166" s="14" t="s">
        <v>558</v>
      </c>
      <c r="D128166" s="14" t="s">
        <v>94</v>
      </c>
      <c r="E128166" s="15">
        <v>45427</v>
      </c>
      <c r="F128166" s="14" t="s">
        <v>15</v>
      </c>
      <c r="G128166" s="16">
        <v>0.10390161892540586</v>
      </c>
    </row>
    <row r="128167" spans="1:7" x14ac:dyDescent="0.3">
      <c r="A128167" s="13" t="s">
        <v>588</v>
      </c>
      <c r="B128167" s="14" t="s">
        <v>1</v>
      </c>
      <c r="C128167" s="14" t="s">
        <v>558</v>
      </c>
      <c r="D128167" s="14" t="s">
        <v>94</v>
      </c>
      <c r="E128167" s="15">
        <v>45428</v>
      </c>
      <c r="F128167" s="14" t="s">
        <v>15</v>
      </c>
      <c r="G128167" s="16">
        <v>0.14092672676547716</v>
      </c>
    </row>
    <row r="128168" spans="1:7" x14ac:dyDescent="0.3">
      <c r="A128168" s="13" t="s">
        <v>588</v>
      </c>
      <c r="B128168" s="14" t="s">
        <v>1</v>
      </c>
      <c r="C128168" s="14" t="s">
        <v>558</v>
      </c>
      <c r="D128168" s="14" t="s">
        <v>94</v>
      </c>
      <c r="E128168" s="15">
        <v>45429</v>
      </c>
      <c r="F128168" s="14" t="s">
        <v>15</v>
      </c>
      <c r="G128168" s="16">
        <v>0.16225434296431146</v>
      </c>
    </row>
    <row r="128169" spans="1:7" x14ac:dyDescent="0.3">
      <c r="A128169" s="13" t="s">
        <v>588</v>
      </c>
      <c r="B128169" s="14" t="s">
        <v>1</v>
      </c>
      <c r="C128169" s="14" t="s">
        <v>558</v>
      </c>
      <c r="D128169" s="14" t="s">
        <v>94</v>
      </c>
      <c r="E128169" s="15">
        <v>45430</v>
      </c>
      <c r="F128169" s="14" t="s">
        <v>15</v>
      </c>
      <c r="G128169" s="16">
        <v>0.16225434296431146</v>
      </c>
    </row>
    <row r="128170" spans="1:7" x14ac:dyDescent="0.3">
      <c r="A128170" s="13" t="s">
        <v>588</v>
      </c>
      <c r="B128170" s="14" t="s">
        <v>1</v>
      </c>
      <c r="C128170" s="14" t="s">
        <v>558</v>
      </c>
      <c r="D128170" s="14" t="s">
        <v>94</v>
      </c>
      <c r="E128170" s="15">
        <v>45431</v>
      </c>
      <c r="F128170" s="14" t="s">
        <v>15</v>
      </c>
      <c r="G128170" s="16">
        <v>0.16225434296431146</v>
      </c>
    </row>
    <row r="128171" spans="1:7" x14ac:dyDescent="0.3">
      <c r="A128171" s="13" t="s">
        <v>588</v>
      </c>
      <c r="B128171" s="14" t="s">
        <v>1</v>
      </c>
      <c r="C128171" s="14" t="s">
        <v>558</v>
      </c>
      <c r="D128171" s="14" t="s">
        <v>94</v>
      </c>
      <c r="E128171" s="15">
        <v>45432</v>
      </c>
      <c r="F128171" s="14" t="s">
        <v>15</v>
      </c>
      <c r="G128171" s="16">
        <v>0.2267497644824438</v>
      </c>
    </row>
    <row r="128172" spans="1:7" x14ac:dyDescent="0.3">
      <c r="A128172" s="13" t="s">
        <v>588</v>
      </c>
      <c r="B128172" s="14" t="s">
        <v>1</v>
      </c>
      <c r="C128172" s="14" t="s">
        <v>558</v>
      </c>
      <c r="D128172" s="14" t="s">
        <v>94</v>
      </c>
      <c r="E128172" s="15">
        <v>45433</v>
      </c>
      <c r="F128172" s="14" t="s">
        <v>15</v>
      </c>
      <c r="G128172" s="16">
        <v>0.22137135101447861</v>
      </c>
    </row>
    <row r="128173" spans="1:7" x14ac:dyDescent="0.3">
      <c r="A128173" s="13" t="s">
        <v>588</v>
      </c>
      <c r="B128173" s="14" t="s">
        <v>1</v>
      </c>
      <c r="C128173" s="14" t="s">
        <v>558</v>
      </c>
      <c r="D128173" s="14" t="s">
        <v>94</v>
      </c>
      <c r="E128173" s="15">
        <v>45434</v>
      </c>
      <c r="F128173" s="14" t="s">
        <v>15</v>
      </c>
      <c r="G128173" s="16">
        <v>0.21960667173019582</v>
      </c>
    </row>
    <row r="128174" spans="1:7" x14ac:dyDescent="0.3">
      <c r="A128174" s="13" t="s">
        <v>588</v>
      </c>
      <c r="B128174" s="14" t="s">
        <v>1</v>
      </c>
      <c r="C128174" s="14" t="s">
        <v>558</v>
      </c>
      <c r="D128174" s="14" t="s">
        <v>94</v>
      </c>
      <c r="E128174" s="15">
        <v>45435</v>
      </c>
      <c r="F128174" s="14" t="s">
        <v>15</v>
      </c>
      <c r="G128174" s="16">
        <v>0.21778621395440792</v>
      </c>
    </row>
    <row r="128175" spans="1:7" x14ac:dyDescent="0.3">
      <c r="A128175" s="13" t="s">
        <v>588</v>
      </c>
      <c r="B128175" s="14" t="s">
        <v>1</v>
      </c>
      <c r="C128175" s="14" t="s">
        <v>558</v>
      </c>
      <c r="D128175" s="14" t="s">
        <v>94</v>
      </c>
      <c r="E128175" s="15">
        <v>45436</v>
      </c>
      <c r="F128175" s="14" t="s">
        <v>15</v>
      </c>
      <c r="G128175" s="16">
        <v>0.21608324704370524</v>
      </c>
    </row>
    <row r="128176" spans="1:7" x14ac:dyDescent="0.3">
      <c r="A128176" s="13" t="s">
        <v>588</v>
      </c>
      <c r="B128176" s="14" t="s">
        <v>1</v>
      </c>
      <c r="C128176" s="14" t="s">
        <v>558</v>
      </c>
      <c r="D128176" s="14" t="s">
        <v>94</v>
      </c>
      <c r="E128176" s="15">
        <v>45437</v>
      </c>
      <c r="F128176" s="14" t="s">
        <v>15</v>
      </c>
      <c r="G128176" s="16">
        <v>0.21608324704370524</v>
      </c>
    </row>
    <row r="128177" spans="1:7" x14ac:dyDescent="0.3">
      <c r="A128177" s="13" t="s">
        <v>588</v>
      </c>
      <c r="B128177" s="14" t="s">
        <v>1</v>
      </c>
      <c r="C128177" s="14" t="s">
        <v>558</v>
      </c>
      <c r="D128177" s="14" t="s">
        <v>94</v>
      </c>
      <c r="E128177" s="15">
        <v>45438</v>
      </c>
      <c r="F128177" s="14" t="s">
        <v>15</v>
      </c>
      <c r="G128177" s="16">
        <v>0.21608324704370524</v>
      </c>
    </row>
    <row r="128178" spans="1:7" x14ac:dyDescent="0.3">
      <c r="A128178" s="13" t="s">
        <v>588</v>
      </c>
      <c r="B128178" s="14" t="s">
        <v>1</v>
      </c>
      <c r="C128178" s="14" t="s">
        <v>558</v>
      </c>
      <c r="D128178" s="14" t="s">
        <v>94</v>
      </c>
      <c r="E128178" s="15">
        <v>45439</v>
      </c>
      <c r="F128178" s="14" t="s">
        <v>15</v>
      </c>
      <c r="G128178" s="16">
        <v>0.23763397720856</v>
      </c>
    </row>
    <row r="128179" spans="1:7" x14ac:dyDescent="0.3">
      <c r="A128179" s="13" t="s">
        <v>588</v>
      </c>
      <c r="B128179" s="14" t="s">
        <v>1</v>
      </c>
      <c r="C128179" s="14" t="s">
        <v>558</v>
      </c>
      <c r="D128179" s="14" t="s">
        <v>94</v>
      </c>
      <c r="E128179" s="15">
        <v>45440</v>
      </c>
      <c r="F128179" s="14" t="s">
        <v>15</v>
      </c>
      <c r="G128179" s="16">
        <v>0.23359306076030256</v>
      </c>
    </row>
    <row r="128180" spans="1:7" x14ac:dyDescent="0.3">
      <c r="A128180" s="13" t="s">
        <v>588</v>
      </c>
      <c r="B128180" s="14" t="s">
        <v>1</v>
      </c>
      <c r="C128180" s="14" t="s">
        <v>558</v>
      </c>
      <c r="D128180" s="14" t="s">
        <v>94</v>
      </c>
      <c r="E128180" s="15">
        <v>45441</v>
      </c>
      <c r="F128180" s="14" t="s">
        <v>15</v>
      </c>
      <c r="G128180" s="16">
        <v>0.23762222393406157</v>
      </c>
    </row>
    <row r="128181" spans="1:7" x14ac:dyDescent="0.3">
      <c r="A128181" s="13" t="s">
        <v>588</v>
      </c>
      <c r="B128181" s="14" t="s">
        <v>1</v>
      </c>
      <c r="C128181" s="14" t="s">
        <v>558</v>
      </c>
      <c r="D128181" s="14" t="s">
        <v>94</v>
      </c>
      <c r="E128181" s="15">
        <v>45442</v>
      </c>
      <c r="F128181" s="14" t="s">
        <v>15</v>
      </c>
      <c r="G128181" s="16">
        <v>0.25188377335797146</v>
      </c>
    </row>
    <row r="128182" spans="1:7" x14ac:dyDescent="0.3">
      <c r="A128182" s="13" t="s">
        <v>588</v>
      </c>
      <c r="B128182" s="14" t="s">
        <v>1</v>
      </c>
      <c r="C128182" s="14" t="s">
        <v>558</v>
      </c>
      <c r="D128182" s="14" t="s">
        <v>94</v>
      </c>
      <c r="E128182" s="15">
        <v>45443</v>
      </c>
      <c r="F128182" s="14" t="s">
        <v>15</v>
      </c>
      <c r="G128182" s="16">
        <v>0.24960047278033262</v>
      </c>
    </row>
    <row r="128183" spans="1:7" x14ac:dyDescent="0.3">
      <c r="A128183" s="13" t="s">
        <v>588</v>
      </c>
      <c r="B128183" s="14" t="s">
        <v>1</v>
      </c>
      <c r="C128183" s="14" t="s">
        <v>558</v>
      </c>
      <c r="D128183" s="14" t="s">
        <v>94</v>
      </c>
      <c r="E128183" s="15">
        <v>45444</v>
      </c>
      <c r="F128183" s="14" t="s">
        <v>15</v>
      </c>
      <c r="G128183" s="16">
        <v>0.24960047278033262</v>
      </c>
    </row>
    <row r="128184" spans="1:7" x14ac:dyDescent="0.3">
      <c r="A128184" s="13" t="s">
        <v>588</v>
      </c>
      <c r="B128184" s="14" t="s">
        <v>1</v>
      </c>
      <c r="C128184" s="14" t="s">
        <v>558</v>
      </c>
      <c r="D128184" s="14" t="s">
        <v>94</v>
      </c>
      <c r="E128184" s="15">
        <v>45445</v>
      </c>
      <c r="F128184" s="14" t="s">
        <v>15</v>
      </c>
      <c r="G128184" s="16">
        <v>0.24960047278033262</v>
      </c>
    </row>
    <row r="128185" spans="1:7" x14ac:dyDescent="0.3">
      <c r="A128185" s="13" t="s">
        <v>588</v>
      </c>
      <c r="B128185" s="14" t="s">
        <v>1</v>
      </c>
      <c r="C128185" s="14" t="s">
        <v>558</v>
      </c>
      <c r="D128185" s="14" t="s">
        <v>94</v>
      </c>
      <c r="E128185" s="15">
        <v>45446</v>
      </c>
      <c r="F128185" s="14" t="s">
        <v>15</v>
      </c>
      <c r="G128185" s="16">
        <v>0.24960047278033262</v>
      </c>
    </row>
    <row r="128186" spans="1:7" x14ac:dyDescent="0.3">
      <c r="A128186" s="13" t="s">
        <v>588</v>
      </c>
      <c r="B128186" s="14" t="s">
        <v>1</v>
      </c>
      <c r="C128186" s="14" t="s">
        <v>558</v>
      </c>
      <c r="D128186" s="14" t="s">
        <v>94</v>
      </c>
      <c r="E128186" s="15">
        <v>45447</v>
      </c>
      <c r="F128186" s="14" t="s">
        <v>15</v>
      </c>
      <c r="G128186" s="16">
        <v>0.27331232279690676</v>
      </c>
    </row>
    <row r="128187" spans="1:7" x14ac:dyDescent="0.3">
      <c r="A128187" s="13" t="s">
        <v>588</v>
      </c>
      <c r="B128187" s="14" t="s">
        <v>1</v>
      </c>
      <c r="C128187" s="14" t="s">
        <v>558</v>
      </c>
      <c r="D128187" s="14" t="s">
        <v>94</v>
      </c>
      <c r="E128187" s="15">
        <v>45448</v>
      </c>
      <c r="F128187" s="14" t="s">
        <v>15</v>
      </c>
      <c r="G128187" s="16">
        <v>0.26707230965164985</v>
      </c>
    </row>
    <row r="128188" spans="1:7" x14ac:dyDescent="0.3">
      <c r="A128188" s="13" t="s">
        <v>588</v>
      </c>
      <c r="B128188" s="14" t="s">
        <v>1</v>
      </c>
      <c r="C128188" s="14" t="s">
        <v>558</v>
      </c>
      <c r="D128188" s="14" t="s">
        <v>94</v>
      </c>
      <c r="E128188" s="15">
        <v>45449</v>
      </c>
      <c r="F128188" s="14" t="s">
        <v>15</v>
      </c>
      <c r="G128188" s="16">
        <v>0.29933132340907148</v>
      </c>
    </row>
    <row r="128189" spans="1:7" x14ac:dyDescent="0.3">
      <c r="A128189" s="13" t="s">
        <v>588</v>
      </c>
      <c r="B128189" s="14" t="s">
        <v>1</v>
      </c>
      <c r="C128189" s="14" t="s">
        <v>558</v>
      </c>
      <c r="D128189" s="14" t="s">
        <v>94</v>
      </c>
      <c r="E128189" s="15">
        <v>45450</v>
      </c>
      <c r="F128189" s="14" t="s">
        <v>15</v>
      </c>
      <c r="G128189" s="16">
        <v>0.29769481597760894</v>
      </c>
    </row>
    <row r="128190" spans="1:7" x14ac:dyDescent="0.3">
      <c r="A128190" s="13" t="s">
        <v>588</v>
      </c>
      <c r="B128190" s="14" t="s">
        <v>1</v>
      </c>
      <c r="C128190" s="14" t="s">
        <v>558</v>
      </c>
      <c r="D128190" s="14" t="s">
        <v>94</v>
      </c>
      <c r="E128190" s="15">
        <v>45451</v>
      </c>
      <c r="F128190" s="14" t="s">
        <v>15</v>
      </c>
      <c r="G128190" s="16">
        <v>0.29769481597760894</v>
      </c>
    </row>
    <row r="128191" spans="1:7" x14ac:dyDescent="0.3">
      <c r="A128191" s="13" t="s">
        <v>588</v>
      </c>
      <c r="B128191" s="14" t="s">
        <v>1</v>
      </c>
      <c r="C128191" s="14" t="s">
        <v>558</v>
      </c>
      <c r="D128191" s="14" t="s">
        <v>94</v>
      </c>
      <c r="E128191" s="15">
        <v>45452</v>
      </c>
      <c r="F128191" s="14" t="s">
        <v>15</v>
      </c>
      <c r="G128191" s="16">
        <v>0.29769481597760894</v>
      </c>
    </row>
    <row r="128192" spans="1:7" x14ac:dyDescent="0.3">
      <c r="A128192" s="13" t="s">
        <v>588</v>
      </c>
      <c r="B128192" s="14" t="s">
        <v>1</v>
      </c>
      <c r="C128192" s="14" t="s">
        <v>558</v>
      </c>
      <c r="D128192" s="14" t="s">
        <v>94</v>
      </c>
      <c r="E128192" s="15">
        <v>45453</v>
      </c>
      <c r="F128192" s="14" t="s">
        <v>15</v>
      </c>
      <c r="G128192" s="16">
        <v>0.29606424242822138</v>
      </c>
    </row>
    <row r="128193" spans="1:7" x14ac:dyDescent="0.3">
      <c r="A128193" s="13" t="s">
        <v>588</v>
      </c>
      <c r="B128193" s="14" t="s">
        <v>1</v>
      </c>
      <c r="C128193" s="14" t="s">
        <v>558</v>
      </c>
      <c r="D128193" s="14" t="s">
        <v>94</v>
      </c>
      <c r="E128193" s="15">
        <v>45454</v>
      </c>
      <c r="F128193" s="14" t="s">
        <v>15</v>
      </c>
      <c r="G128193" s="16">
        <v>0.29139433448001267</v>
      </c>
    </row>
    <row r="128194" spans="1:7" x14ac:dyDescent="0.3">
      <c r="A128194" s="13" t="s">
        <v>588</v>
      </c>
      <c r="B128194" s="14" t="s">
        <v>1</v>
      </c>
      <c r="C128194" s="14" t="s">
        <v>558</v>
      </c>
      <c r="D128194" s="14" t="s">
        <v>94</v>
      </c>
      <c r="E128194" s="15">
        <v>45455</v>
      </c>
      <c r="F128194" s="14" t="s">
        <v>15</v>
      </c>
      <c r="G128194" s="16">
        <v>0.299014683085569</v>
      </c>
    </row>
    <row r="128195" spans="1:7" x14ac:dyDescent="0.3">
      <c r="A128195" s="13" t="s">
        <v>588</v>
      </c>
      <c r="B128195" s="14" t="s">
        <v>1</v>
      </c>
      <c r="C128195" s="14" t="s">
        <v>558</v>
      </c>
      <c r="D128195" s="14" t="s">
        <v>94</v>
      </c>
      <c r="E128195" s="15">
        <v>45456</v>
      </c>
      <c r="F128195" s="14" t="s">
        <v>15</v>
      </c>
      <c r="G128195" s="16">
        <v>0.3592139739813926</v>
      </c>
    </row>
    <row r="128196" spans="1:7" x14ac:dyDescent="0.3">
      <c r="A128196" s="13" t="s">
        <v>588</v>
      </c>
      <c r="B128196" s="14" t="s">
        <v>1</v>
      </c>
      <c r="C128196" s="14" t="s">
        <v>558</v>
      </c>
      <c r="D128196" s="14" t="s">
        <v>94</v>
      </c>
      <c r="E128196" s="15">
        <v>45457</v>
      </c>
      <c r="F128196" s="14" t="s">
        <v>15</v>
      </c>
      <c r="G128196" s="16">
        <v>0.37849321408793268</v>
      </c>
    </row>
    <row r="128197" spans="1:7" x14ac:dyDescent="0.3">
      <c r="A128197" s="13" t="s">
        <v>588</v>
      </c>
      <c r="B128197" s="14" t="s">
        <v>1</v>
      </c>
      <c r="C128197" s="14" t="s">
        <v>558</v>
      </c>
      <c r="D128197" s="14" t="s">
        <v>94</v>
      </c>
      <c r="E128197" s="15">
        <v>45458</v>
      </c>
      <c r="F128197" s="14" t="s">
        <v>15</v>
      </c>
      <c r="G128197" s="16">
        <v>0.37849321408793268</v>
      </c>
    </row>
    <row r="128198" spans="1:7" x14ac:dyDescent="0.3">
      <c r="A128198" s="13" t="s">
        <v>588</v>
      </c>
      <c r="B128198" s="14" t="s">
        <v>1</v>
      </c>
      <c r="C128198" s="14" t="s">
        <v>558</v>
      </c>
      <c r="D128198" s="14" t="s">
        <v>94</v>
      </c>
      <c r="E128198" s="15">
        <v>45459</v>
      </c>
      <c r="F128198" s="14" t="s">
        <v>15</v>
      </c>
      <c r="G128198" s="16">
        <v>0.37849321408793268</v>
      </c>
    </row>
    <row r="128199" spans="1:7" x14ac:dyDescent="0.3">
      <c r="A128199" s="13" t="s">
        <v>588</v>
      </c>
      <c r="B128199" s="14" t="s">
        <v>1</v>
      </c>
      <c r="C128199" s="14" t="s">
        <v>558</v>
      </c>
      <c r="D128199" s="14" t="s">
        <v>94</v>
      </c>
      <c r="E128199" s="15">
        <v>45460</v>
      </c>
      <c r="F128199" s="14" t="s">
        <v>15</v>
      </c>
      <c r="G128199" s="16">
        <v>0.38670932445382022</v>
      </c>
    </row>
    <row r="128200" spans="1:7" x14ac:dyDescent="0.3">
      <c r="A128200" s="13" t="s">
        <v>588</v>
      </c>
      <c r="B128200" s="14" t="s">
        <v>1</v>
      </c>
      <c r="C128200" s="14" t="s">
        <v>558</v>
      </c>
      <c r="D128200" s="14" t="s">
        <v>94</v>
      </c>
      <c r="E128200" s="15">
        <v>45461</v>
      </c>
      <c r="F128200" s="14" t="s">
        <v>15</v>
      </c>
      <c r="G128200" s="16">
        <v>0.38214859993579176</v>
      </c>
    </row>
    <row r="128201" spans="1:7" x14ac:dyDescent="0.3">
      <c r="A128201" s="13" t="s">
        <v>588</v>
      </c>
      <c r="B128201" s="14" t="s">
        <v>1</v>
      </c>
      <c r="C128201" s="14" t="s">
        <v>558</v>
      </c>
      <c r="D128201" s="14" t="s">
        <v>94</v>
      </c>
      <c r="E128201" s="15">
        <v>45462</v>
      </c>
      <c r="F128201" s="14" t="s">
        <v>15</v>
      </c>
      <c r="G128201" s="16">
        <v>0.38053108092696919</v>
      </c>
    </row>
    <row r="128202" spans="1:7" x14ac:dyDescent="0.3">
      <c r="A128202" s="13" t="s">
        <v>588</v>
      </c>
      <c r="B128202" s="14" t="s">
        <v>1</v>
      </c>
      <c r="C128202" s="14" t="s">
        <v>558</v>
      </c>
      <c r="D128202" s="14" t="s">
        <v>94</v>
      </c>
      <c r="E128202" s="15">
        <v>45463</v>
      </c>
      <c r="F128202" s="14" t="s">
        <v>15</v>
      </c>
      <c r="G128202" s="16">
        <v>0.37871418348042629</v>
      </c>
    </row>
    <row r="128203" spans="1:7" x14ac:dyDescent="0.3">
      <c r="A128203" s="13" t="s">
        <v>588</v>
      </c>
      <c r="B128203" s="14" t="s">
        <v>1</v>
      </c>
      <c r="C128203" s="14" t="s">
        <v>558</v>
      </c>
      <c r="D128203" s="14" t="s">
        <v>94</v>
      </c>
      <c r="E128203" s="15">
        <v>45464</v>
      </c>
      <c r="F128203" s="14" t="s">
        <v>15</v>
      </c>
      <c r="G128203" s="16">
        <v>0.37687355050558335</v>
      </c>
    </row>
    <row r="128204" spans="1:7" x14ac:dyDescent="0.3">
      <c r="A128204" s="13" t="s">
        <v>588</v>
      </c>
      <c r="B128204" s="14" t="s">
        <v>1</v>
      </c>
      <c r="C128204" s="14" t="s">
        <v>558</v>
      </c>
      <c r="D128204" s="14" t="s">
        <v>94</v>
      </c>
      <c r="E128204" s="15">
        <v>45465</v>
      </c>
      <c r="F128204" s="14" t="s">
        <v>15</v>
      </c>
      <c r="G128204" s="16">
        <v>0.37687355050558335</v>
      </c>
    </row>
    <row r="128205" spans="1:7" x14ac:dyDescent="0.3">
      <c r="A128205" s="13" t="s">
        <v>588</v>
      </c>
      <c r="B128205" s="14" t="s">
        <v>1</v>
      </c>
      <c r="C128205" s="14" t="s">
        <v>558</v>
      </c>
      <c r="D128205" s="14" t="s">
        <v>94</v>
      </c>
      <c r="E128205" s="15">
        <v>45466</v>
      </c>
      <c r="F128205" s="14" t="s">
        <v>15</v>
      </c>
      <c r="G128205" s="16">
        <v>0.37687355050558335</v>
      </c>
    </row>
    <row r="128206" spans="1:7" x14ac:dyDescent="0.3">
      <c r="A128206" s="13" t="s">
        <v>588</v>
      </c>
      <c r="B128206" s="14" t="s">
        <v>1</v>
      </c>
      <c r="C128206" s="14" t="s">
        <v>558</v>
      </c>
      <c r="D128206" s="14" t="s">
        <v>94</v>
      </c>
      <c r="E128206" s="15">
        <v>45467</v>
      </c>
      <c r="F128206" s="14" t="s">
        <v>15</v>
      </c>
      <c r="G128206" s="16">
        <v>0.3804695402878665</v>
      </c>
    </row>
    <row r="128207" spans="1:7" x14ac:dyDescent="0.3">
      <c r="A128207" s="13" t="s">
        <v>588</v>
      </c>
      <c r="B128207" s="14" t="s">
        <v>1</v>
      </c>
      <c r="C128207" s="14" t="s">
        <v>558</v>
      </c>
      <c r="D128207" s="14" t="s">
        <v>94</v>
      </c>
      <c r="E128207" s="15">
        <v>45468</v>
      </c>
      <c r="F128207" s="14" t="s">
        <v>15</v>
      </c>
      <c r="G128207" s="16">
        <v>0.37842834209888815</v>
      </c>
    </row>
    <row r="128208" spans="1:7" x14ac:dyDescent="0.3">
      <c r="A128208" s="13" t="s">
        <v>588</v>
      </c>
      <c r="B128208" s="14" t="s">
        <v>1</v>
      </c>
      <c r="C128208" s="14" t="s">
        <v>558</v>
      </c>
      <c r="D128208" s="14" t="s">
        <v>94</v>
      </c>
      <c r="E128208" s="15">
        <v>45469</v>
      </c>
      <c r="F128208" s="14" t="s">
        <v>15</v>
      </c>
      <c r="G128208" s="16">
        <v>0.3813549899831099</v>
      </c>
    </row>
    <row r="128209" spans="1:7" x14ac:dyDescent="0.3">
      <c r="A128209" s="13" t="s">
        <v>588</v>
      </c>
      <c r="B128209" s="14" t="s">
        <v>1</v>
      </c>
      <c r="C128209" s="14" t="s">
        <v>558</v>
      </c>
      <c r="D128209" s="14" t="s">
        <v>94</v>
      </c>
      <c r="E128209" s="15">
        <v>45470</v>
      </c>
      <c r="F128209" s="14" t="s">
        <v>15</v>
      </c>
      <c r="G128209" s="16">
        <v>0.38913792695752153</v>
      </c>
    </row>
    <row r="128210" spans="1:7" x14ac:dyDescent="0.3">
      <c r="A128210" s="13" t="s">
        <v>588</v>
      </c>
      <c r="B128210" s="14" t="s">
        <v>1</v>
      </c>
      <c r="C128210" s="14" t="s">
        <v>558</v>
      </c>
      <c r="D128210" s="14" t="s">
        <v>94</v>
      </c>
      <c r="E128210" s="15">
        <v>45471</v>
      </c>
      <c r="F128210" s="14" t="s">
        <v>15</v>
      </c>
      <c r="G128210" s="16">
        <v>0.46437960891350083</v>
      </c>
    </row>
    <row r="128211" spans="1:7" x14ac:dyDescent="0.3">
      <c r="A128211" s="13" t="s">
        <v>588</v>
      </c>
      <c r="B128211" s="14" t="s">
        <v>1</v>
      </c>
      <c r="C128211" s="14" t="s">
        <v>558</v>
      </c>
      <c r="D128211" s="14" t="s">
        <v>94</v>
      </c>
      <c r="E128211" s="15">
        <v>45472</v>
      </c>
      <c r="F128211" s="14" t="s">
        <v>15</v>
      </c>
      <c r="G128211" s="16">
        <v>0.46437960891350083</v>
      </c>
    </row>
    <row r="128212" spans="1:7" x14ac:dyDescent="0.3">
      <c r="A128212" s="13" t="s">
        <v>588</v>
      </c>
      <c r="B128212" s="14" t="s">
        <v>1</v>
      </c>
      <c r="C128212" s="14" t="s">
        <v>558</v>
      </c>
      <c r="D128212" s="14" t="s">
        <v>94</v>
      </c>
      <c r="E128212" s="15">
        <v>45473</v>
      </c>
      <c r="F128212" s="14" t="s">
        <v>15</v>
      </c>
      <c r="G128212" s="16">
        <v>0.46437960891350083</v>
      </c>
    </row>
    <row r="128213" spans="1:7" x14ac:dyDescent="0.3">
      <c r="A128213" s="13" t="s">
        <v>588</v>
      </c>
      <c r="B128213" s="14" t="s">
        <v>1</v>
      </c>
      <c r="C128213" s="14" t="s">
        <v>558</v>
      </c>
      <c r="D128213" s="14" t="s">
        <v>94</v>
      </c>
      <c r="E128213" s="15">
        <v>45474</v>
      </c>
      <c r="F128213" s="14" t="s">
        <v>15</v>
      </c>
      <c r="G128213" s="16">
        <v>0.46278938576222334</v>
      </c>
    </row>
    <row r="128214" spans="1:7" x14ac:dyDescent="0.3">
      <c r="A128214" s="13" t="s">
        <v>588</v>
      </c>
      <c r="B128214" s="14" t="s">
        <v>1</v>
      </c>
      <c r="C128214" s="14" t="s">
        <v>558</v>
      </c>
      <c r="D128214" s="14" t="s">
        <v>94</v>
      </c>
      <c r="E128214" s="15">
        <v>45475</v>
      </c>
      <c r="F128214" s="14" t="s">
        <v>15</v>
      </c>
      <c r="G128214" s="16">
        <v>0.48748032632117444</v>
      </c>
    </row>
    <row r="128215" spans="1:7" x14ac:dyDescent="0.3">
      <c r="A128215" s="13" t="s">
        <v>588</v>
      </c>
      <c r="B128215" s="14" t="s">
        <v>1</v>
      </c>
      <c r="C128215" s="14" t="s">
        <v>558</v>
      </c>
      <c r="D128215" s="14" t="s">
        <v>94</v>
      </c>
      <c r="E128215" s="15">
        <v>45476</v>
      </c>
      <c r="F128215" s="14" t="s">
        <v>15</v>
      </c>
      <c r="G128215" s="16">
        <v>0.48707925313772948</v>
      </c>
    </row>
    <row r="128216" spans="1:7" x14ac:dyDescent="0.3">
      <c r="A128216" s="13" t="s">
        <v>588</v>
      </c>
      <c r="B128216" s="14" t="s">
        <v>1</v>
      </c>
      <c r="C128216" s="14" t="s">
        <v>558</v>
      </c>
      <c r="D128216" s="14" t="s">
        <v>94</v>
      </c>
      <c r="E128216" s="15">
        <v>45477</v>
      </c>
      <c r="F128216" s="14" t="s">
        <v>15</v>
      </c>
      <c r="G128216" s="16">
        <v>0.53432843979304656</v>
      </c>
    </row>
    <row r="128217" spans="1:7" x14ac:dyDescent="0.3">
      <c r="A128217" s="13" t="s">
        <v>588</v>
      </c>
      <c r="B128217" s="14" t="s">
        <v>1</v>
      </c>
      <c r="C128217" s="14" t="s">
        <v>558</v>
      </c>
      <c r="D128217" s="14" t="s">
        <v>94</v>
      </c>
      <c r="E128217" s="15">
        <v>45478</v>
      </c>
      <c r="F128217" s="14" t="s">
        <v>15</v>
      </c>
      <c r="G128217" s="16">
        <v>0.64925355151387687</v>
      </c>
    </row>
    <row r="128218" spans="1:7" x14ac:dyDescent="0.3">
      <c r="A128218" s="13" t="s">
        <v>588</v>
      </c>
      <c r="B128218" s="14" t="s">
        <v>1</v>
      </c>
      <c r="C128218" s="14" t="s">
        <v>558</v>
      </c>
      <c r="D128218" s="14" t="s">
        <v>94</v>
      </c>
      <c r="E128218" s="15">
        <v>45479</v>
      </c>
      <c r="F128218" s="14" t="s">
        <v>15</v>
      </c>
      <c r="G128218" s="16">
        <v>0.64925355151387687</v>
      </c>
    </row>
    <row r="128219" spans="1:7" x14ac:dyDescent="0.3">
      <c r="A128219" s="13" t="s">
        <v>588</v>
      </c>
      <c r="B128219" s="14" t="s">
        <v>1</v>
      </c>
      <c r="C128219" s="14" t="s">
        <v>558</v>
      </c>
      <c r="D128219" s="14" t="s">
        <v>94</v>
      </c>
      <c r="E128219" s="15">
        <v>45480</v>
      </c>
      <c r="F128219" s="14" t="s">
        <v>15</v>
      </c>
      <c r="G128219" s="16">
        <v>0.64925355151387687</v>
      </c>
    </row>
    <row r="128220" spans="1:7" x14ac:dyDescent="0.3">
      <c r="A128220" s="13" t="s">
        <v>588</v>
      </c>
      <c r="B128220" s="14" t="s">
        <v>1</v>
      </c>
      <c r="C128220" s="14" t="s">
        <v>558</v>
      </c>
      <c r="D128220" s="14" t="s">
        <v>94</v>
      </c>
      <c r="E128220" s="15">
        <v>45481</v>
      </c>
      <c r="F128220" s="14" t="s">
        <v>15</v>
      </c>
      <c r="G128220" s="16">
        <v>0.64993007131525404</v>
      </c>
    </row>
    <row r="128221" spans="1:7" x14ac:dyDescent="0.3">
      <c r="A128221" s="13" t="s">
        <v>588</v>
      </c>
      <c r="B128221" s="14" t="s">
        <v>1</v>
      </c>
      <c r="C128221" s="14" t="s">
        <v>558</v>
      </c>
      <c r="D128221" s="14" t="s">
        <v>94</v>
      </c>
      <c r="E128221" s="15">
        <v>45482</v>
      </c>
      <c r="F128221" s="14" t="s">
        <v>15</v>
      </c>
      <c r="G128221" s="16">
        <v>0.64747587493385483</v>
      </c>
    </row>
    <row r="128222" spans="1:7" x14ac:dyDescent="0.3">
      <c r="A128222" s="13" t="s">
        <v>588</v>
      </c>
      <c r="B128222" s="14" t="s">
        <v>1</v>
      </c>
      <c r="C128222" s="14" t="s">
        <v>558</v>
      </c>
      <c r="D128222" s="14" t="s">
        <v>94</v>
      </c>
      <c r="E128222" s="15">
        <v>45483</v>
      </c>
      <c r="F128222" s="14" t="s">
        <v>15</v>
      </c>
      <c r="G128222" s="16">
        <v>0.64615148969953784</v>
      </c>
    </row>
    <row r="128223" spans="1:7" x14ac:dyDescent="0.3">
      <c r="A128223" s="13" t="s">
        <v>588</v>
      </c>
      <c r="B128223" s="14" t="s">
        <v>1</v>
      </c>
      <c r="C128223" s="14" t="s">
        <v>558</v>
      </c>
      <c r="D128223" s="14" t="s">
        <v>94</v>
      </c>
      <c r="E128223" s="15">
        <v>45484</v>
      </c>
      <c r="F128223" s="14" t="s">
        <v>15</v>
      </c>
      <c r="G128223" s="16">
        <v>0.64468706484825078</v>
      </c>
    </row>
    <row r="128224" spans="1:7" x14ac:dyDescent="0.3">
      <c r="A128224" s="13" t="s">
        <v>588</v>
      </c>
      <c r="B128224" s="14" t="s">
        <v>1</v>
      </c>
      <c r="C128224" s="14" t="s">
        <v>558</v>
      </c>
      <c r="D128224" s="14" t="s">
        <v>94</v>
      </c>
      <c r="E128224" s="15">
        <v>45485</v>
      </c>
      <c r="F128224" s="14" t="s">
        <v>15</v>
      </c>
      <c r="G128224" s="16">
        <v>0.64524728056095759</v>
      </c>
    </row>
    <row r="128225" spans="1:7" x14ac:dyDescent="0.3">
      <c r="A128225" s="13" t="s">
        <v>588</v>
      </c>
      <c r="B128225" s="14" t="s">
        <v>1</v>
      </c>
      <c r="C128225" s="14" t="s">
        <v>558</v>
      </c>
      <c r="D128225" s="14" t="s">
        <v>94</v>
      </c>
      <c r="E128225" s="15">
        <v>45486</v>
      </c>
      <c r="F128225" s="14" t="s">
        <v>15</v>
      </c>
      <c r="G128225" s="16">
        <v>0.64524728056095759</v>
      </c>
    </row>
    <row r="128226" spans="1:7" x14ac:dyDescent="0.3">
      <c r="A128226" s="13" t="s">
        <v>588</v>
      </c>
      <c r="B128226" s="14" t="s">
        <v>1</v>
      </c>
      <c r="C128226" s="14" t="s">
        <v>558</v>
      </c>
      <c r="D128226" s="14" t="s">
        <v>94</v>
      </c>
      <c r="E128226" s="15">
        <v>45487</v>
      </c>
      <c r="F128226" s="14" t="s">
        <v>15</v>
      </c>
      <c r="G128226" s="16">
        <v>0.64524728056095759</v>
      </c>
    </row>
    <row r="128227" spans="1:7" x14ac:dyDescent="0.3">
      <c r="A128227" s="13" t="s">
        <v>588</v>
      </c>
      <c r="B128227" s="14" t="s">
        <v>1</v>
      </c>
      <c r="C128227" s="14" t="s">
        <v>558</v>
      </c>
      <c r="D128227" s="14" t="s">
        <v>94</v>
      </c>
      <c r="E128227" s="15">
        <v>45488</v>
      </c>
      <c r="F128227" s="14" t="s">
        <v>15</v>
      </c>
      <c r="G128227" s="16">
        <v>0.66820196722476022</v>
      </c>
    </row>
    <row r="128228" spans="1:7" x14ac:dyDescent="0.3">
      <c r="A128228" s="13" t="s">
        <v>588</v>
      </c>
      <c r="B128228" s="14" t="s">
        <v>1</v>
      </c>
      <c r="C128228" s="14" t="s">
        <v>558</v>
      </c>
      <c r="D128228" s="14" t="s">
        <v>94</v>
      </c>
      <c r="E128228" s="15">
        <v>45489</v>
      </c>
      <c r="F128228" s="14" t="s">
        <v>15</v>
      </c>
      <c r="G128228" s="16">
        <v>0.691251596001763</v>
      </c>
    </row>
    <row r="128229" spans="1:7" x14ac:dyDescent="0.3">
      <c r="A128229" s="13" t="s">
        <v>588</v>
      </c>
      <c r="B128229" s="14" t="s">
        <v>1</v>
      </c>
      <c r="C128229" s="14" t="s">
        <v>558</v>
      </c>
      <c r="D128229" s="14" t="s">
        <v>94</v>
      </c>
      <c r="E128229" s="15">
        <v>45490</v>
      </c>
      <c r="F128229" s="14" t="s">
        <v>15</v>
      </c>
      <c r="G128229" s="16">
        <v>0.68986193806462093</v>
      </c>
    </row>
    <row r="128230" spans="1:7" x14ac:dyDescent="0.3">
      <c r="A128230" s="13" t="s">
        <v>588</v>
      </c>
      <c r="B128230" s="14" t="s">
        <v>1</v>
      </c>
      <c r="C128230" s="14" t="s">
        <v>558</v>
      </c>
      <c r="D128230" s="14" t="s">
        <v>94</v>
      </c>
      <c r="E128230" s="15">
        <v>45491</v>
      </c>
      <c r="F128230" s="14" t="s">
        <v>15</v>
      </c>
      <c r="G128230" s="16">
        <v>0.69025600507922757</v>
      </c>
    </row>
    <row r="128231" spans="1:7" x14ac:dyDescent="0.3">
      <c r="A128231" s="13" t="s">
        <v>588</v>
      </c>
      <c r="B128231" s="14" t="s">
        <v>1</v>
      </c>
      <c r="C128231" s="14" t="s">
        <v>558</v>
      </c>
      <c r="D128231" s="14" t="s">
        <v>94</v>
      </c>
      <c r="E128231" s="15">
        <v>45492</v>
      </c>
      <c r="F128231" s="14" t="s">
        <v>15</v>
      </c>
      <c r="G128231" s="16">
        <v>0.68892805951566571</v>
      </c>
    </row>
    <row r="128232" spans="1:7" x14ac:dyDescent="0.3">
      <c r="A128232" s="13" t="s">
        <v>588</v>
      </c>
      <c r="B128232" s="14" t="s">
        <v>1</v>
      </c>
      <c r="C128232" s="14" t="s">
        <v>558</v>
      </c>
      <c r="D128232" s="14" t="s">
        <v>94</v>
      </c>
      <c r="E128232" s="15">
        <v>45493</v>
      </c>
      <c r="F128232" s="14" t="s">
        <v>15</v>
      </c>
      <c r="G128232" s="16">
        <v>0.68892805951566571</v>
      </c>
    </row>
    <row r="128233" spans="1:7" x14ac:dyDescent="0.3">
      <c r="A128233" s="13" t="s">
        <v>588</v>
      </c>
      <c r="B128233" s="14" t="s">
        <v>1</v>
      </c>
      <c r="C128233" s="14" t="s">
        <v>558</v>
      </c>
      <c r="D128233" s="14" t="s">
        <v>94</v>
      </c>
      <c r="E128233" s="15">
        <v>45494</v>
      </c>
      <c r="F128233" s="14" t="s">
        <v>15</v>
      </c>
      <c r="G128233" s="16">
        <v>0.68892805951566571</v>
      </c>
    </row>
    <row r="128234" spans="1:7" x14ac:dyDescent="0.3">
      <c r="A128234" s="13" t="s">
        <v>588</v>
      </c>
      <c r="B128234" s="14" t="s">
        <v>1</v>
      </c>
      <c r="C128234" s="14" t="s">
        <v>558</v>
      </c>
      <c r="D128234" s="14" t="s">
        <v>94</v>
      </c>
      <c r="E128234" s="15">
        <v>45495</v>
      </c>
      <c r="F128234" s="14" t="s">
        <v>15</v>
      </c>
      <c r="G128234" s="16">
        <v>0.68962238096326789</v>
      </c>
    </row>
    <row r="128235" spans="1:7" x14ac:dyDescent="0.3">
      <c r="A128235" s="13" t="s">
        <v>588</v>
      </c>
      <c r="B128235" s="14" t="s">
        <v>1</v>
      </c>
      <c r="C128235" s="14" t="s">
        <v>558</v>
      </c>
      <c r="D128235" s="14" t="s">
        <v>94</v>
      </c>
      <c r="E128235" s="15">
        <v>45496</v>
      </c>
      <c r="F128235" s="14" t="s">
        <v>15</v>
      </c>
      <c r="G128235" s="16">
        <v>0.68818050486386573</v>
      </c>
    </row>
    <row r="128236" spans="1:7" x14ac:dyDescent="0.3">
      <c r="A128236" s="13" t="s">
        <v>588</v>
      </c>
      <c r="B128236" s="14" t="s">
        <v>1</v>
      </c>
      <c r="C128236" s="14" t="s">
        <v>558</v>
      </c>
      <c r="D128236" s="14" t="s">
        <v>94</v>
      </c>
      <c r="E128236" s="15">
        <v>45497</v>
      </c>
      <c r="F128236" s="14" t="s">
        <v>15</v>
      </c>
      <c r="G128236" s="16">
        <v>0.69146437244900327</v>
      </c>
    </row>
    <row r="128237" spans="1:7" x14ac:dyDescent="0.3">
      <c r="A128237" s="13" t="s">
        <v>588</v>
      </c>
      <c r="B128237" s="14" t="s">
        <v>1</v>
      </c>
      <c r="C128237" s="14" t="s">
        <v>558</v>
      </c>
      <c r="D128237" s="14" t="s">
        <v>94</v>
      </c>
      <c r="E128237" s="15">
        <v>45498</v>
      </c>
      <c r="F128237" s="14" t="s">
        <v>15</v>
      </c>
      <c r="G128237" s="16">
        <v>0.69014473432034629</v>
      </c>
    </row>
    <row r="128238" spans="1:7" x14ac:dyDescent="0.3">
      <c r="A128238" s="13" t="s">
        <v>588</v>
      </c>
      <c r="B128238" s="14" t="s">
        <v>1</v>
      </c>
      <c r="C128238" s="14" t="s">
        <v>558</v>
      </c>
      <c r="D128238" s="14" t="s">
        <v>94</v>
      </c>
      <c r="E128238" s="15">
        <v>45499</v>
      </c>
      <c r="F128238" s="14" t="s">
        <v>15</v>
      </c>
      <c r="G128238" s="16">
        <v>0.69003442135857684</v>
      </c>
    </row>
    <row r="128239" spans="1:7" x14ac:dyDescent="0.3">
      <c r="A128239" s="13" t="s">
        <v>588</v>
      </c>
      <c r="B128239" s="14" t="s">
        <v>1</v>
      </c>
      <c r="C128239" s="14" t="s">
        <v>558</v>
      </c>
      <c r="D128239" s="14" t="s">
        <v>94</v>
      </c>
      <c r="E128239" s="15">
        <v>45500</v>
      </c>
      <c r="F128239" s="14" t="s">
        <v>15</v>
      </c>
      <c r="G128239" s="16">
        <v>0.69003442135857684</v>
      </c>
    </row>
    <row r="128240" spans="1:7" x14ac:dyDescent="0.3">
      <c r="A128240" s="13" t="s">
        <v>588</v>
      </c>
      <c r="B128240" s="14" t="s">
        <v>1</v>
      </c>
      <c r="C128240" s="14" t="s">
        <v>558</v>
      </c>
      <c r="D128240" s="14" t="s">
        <v>94</v>
      </c>
      <c r="E128240" s="15">
        <v>45501</v>
      </c>
      <c r="F128240" s="14" t="s">
        <v>15</v>
      </c>
      <c r="G128240" s="16">
        <v>0.69003442135857684</v>
      </c>
    </row>
    <row r="128241" spans="1:7" x14ac:dyDescent="0.3">
      <c r="A128241" s="13" t="s">
        <v>588</v>
      </c>
      <c r="B128241" s="14" t="s">
        <v>1</v>
      </c>
      <c r="C128241" s="14" t="s">
        <v>558</v>
      </c>
      <c r="D128241" s="14" t="s">
        <v>94</v>
      </c>
      <c r="E128241" s="15">
        <v>45502</v>
      </c>
      <c r="F128241" s="14" t="s">
        <v>15</v>
      </c>
      <c r="G128241" s="16">
        <v>0.69160814412969585</v>
      </c>
    </row>
    <row r="128242" spans="1:7" x14ac:dyDescent="0.3">
      <c r="A128242" s="13" t="s">
        <v>588</v>
      </c>
      <c r="B128242" s="14" t="s">
        <v>1</v>
      </c>
      <c r="C128242" s="14" t="s">
        <v>558</v>
      </c>
      <c r="D128242" s="14" t="s">
        <v>94</v>
      </c>
      <c r="E128242" s="15">
        <v>45503</v>
      </c>
      <c r="F128242" s="14" t="s">
        <v>15</v>
      </c>
      <c r="G128242" s="16">
        <v>0.68767878466444865</v>
      </c>
    </row>
    <row r="128243" spans="1:7" x14ac:dyDescent="0.3">
      <c r="A128243" s="13" t="s">
        <v>588</v>
      </c>
      <c r="B128243" s="14" t="s">
        <v>1</v>
      </c>
      <c r="C128243" s="14" t="s">
        <v>558</v>
      </c>
      <c r="D128243" s="14" t="s">
        <v>94</v>
      </c>
      <c r="E128243" s="15">
        <v>45504</v>
      </c>
      <c r="F128243" s="14" t="s">
        <v>15</v>
      </c>
      <c r="G128243" s="16">
        <v>0.68870659028466652</v>
      </c>
    </row>
    <row r="128244" spans="1:7" x14ac:dyDescent="0.3">
      <c r="A128244" s="13" t="s">
        <v>588</v>
      </c>
      <c r="B128244" s="14" t="s">
        <v>1</v>
      </c>
      <c r="C128244" s="14" t="s">
        <v>558</v>
      </c>
      <c r="D128244" s="14" t="s">
        <v>94</v>
      </c>
      <c r="E128244" s="15">
        <v>45505</v>
      </c>
      <c r="F128244" s="14" t="s">
        <v>15</v>
      </c>
      <c r="G128244" s="16">
        <v>0.68728132905507444</v>
      </c>
    </row>
    <row r="128245" spans="1:7" x14ac:dyDescent="0.3">
      <c r="A128245" s="13" t="s">
        <v>588</v>
      </c>
      <c r="B128245" s="14" t="s">
        <v>1</v>
      </c>
      <c r="C128245" s="14" t="s">
        <v>558</v>
      </c>
      <c r="D128245" s="14" t="s">
        <v>94</v>
      </c>
      <c r="E128245" s="15">
        <v>45506</v>
      </c>
      <c r="F128245" s="14" t="s">
        <v>15</v>
      </c>
      <c r="G128245" s="16">
        <v>0.68753060934705079</v>
      </c>
    </row>
    <row r="128246" spans="1:7" x14ac:dyDescent="0.3">
      <c r="A128246" s="13" t="s">
        <v>588</v>
      </c>
      <c r="B128246" s="14" t="s">
        <v>1</v>
      </c>
      <c r="C128246" s="14" t="s">
        <v>558</v>
      </c>
      <c r="D128246" s="14" t="s">
        <v>94</v>
      </c>
      <c r="E128246" s="15">
        <v>45507</v>
      </c>
      <c r="F128246" s="14" t="s">
        <v>15</v>
      </c>
      <c r="G128246" s="16">
        <v>0.68753060934705079</v>
      </c>
    </row>
    <row r="128247" spans="1:7" x14ac:dyDescent="0.3">
      <c r="A128247" s="13" t="s">
        <v>588</v>
      </c>
      <c r="B128247" s="14" t="s">
        <v>1</v>
      </c>
      <c r="C128247" s="14" t="s">
        <v>558</v>
      </c>
      <c r="D128247" s="14" t="s">
        <v>94</v>
      </c>
      <c r="E128247" s="15">
        <v>45508</v>
      </c>
      <c r="F128247" s="14" t="s">
        <v>15</v>
      </c>
      <c r="G128247" s="16">
        <v>0.68753060934705079</v>
      </c>
    </row>
    <row r="128248" spans="1:7" x14ac:dyDescent="0.3">
      <c r="A128248" s="13" t="s">
        <v>588</v>
      </c>
      <c r="B128248" s="14" t="s">
        <v>1</v>
      </c>
      <c r="C128248" s="14" t="s">
        <v>558</v>
      </c>
      <c r="D128248" s="14" t="s">
        <v>94</v>
      </c>
      <c r="E128248" s="15">
        <v>45509</v>
      </c>
      <c r="F128248" s="14" t="s">
        <v>15</v>
      </c>
      <c r="G128248" s="16">
        <v>0.68753060934705079</v>
      </c>
    </row>
    <row r="128249" spans="1:7" x14ac:dyDescent="0.3">
      <c r="A128249" s="13" t="s">
        <v>588</v>
      </c>
      <c r="B128249" s="14" t="s">
        <v>1</v>
      </c>
      <c r="C128249" s="14" t="s">
        <v>558</v>
      </c>
      <c r="D128249" s="14" t="s">
        <v>94</v>
      </c>
      <c r="E128249" s="15">
        <v>45510</v>
      </c>
      <c r="F128249" s="14" t="s">
        <v>15</v>
      </c>
      <c r="G128249" s="16">
        <v>0.68909009080118966</v>
      </c>
    </row>
    <row r="128250" spans="1:7" x14ac:dyDescent="0.3">
      <c r="A128250" s="13" t="s">
        <v>588</v>
      </c>
      <c r="B128250" s="14" t="s">
        <v>1</v>
      </c>
      <c r="C128250" s="14" t="s">
        <v>558</v>
      </c>
      <c r="D128250" s="14" t="s">
        <v>94</v>
      </c>
      <c r="E128250" s="15">
        <v>45511</v>
      </c>
      <c r="F128250" s="14" t="s">
        <v>15</v>
      </c>
      <c r="G128250" s="16">
        <v>0.68356926416342423</v>
      </c>
    </row>
    <row r="128251" spans="1:7" x14ac:dyDescent="0.3">
      <c r="A128251" s="13" t="s">
        <v>588</v>
      </c>
      <c r="B128251" s="14" t="s">
        <v>1</v>
      </c>
      <c r="C128251" s="14" t="s">
        <v>558</v>
      </c>
      <c r="D128251" s="14" t="s">
        <v>94</v>
      </c>
      <c r="E128251" s="15">
        <v>45512</v>
      </c>
      <c r="F128251" s="14" t="s">
        <v>15</v>
      </c>
      <c r="G128251" s="16">
        <v>0.69916831060704188</v>
      </c>
    </row>
    <row r="128252" spans="1:7" x14ac:dyDescent="0.3">
      <c r="A128252" s="13" t="s">
        <v>588</v>
      </c>
      <c r="B128252" s="14" t="s">
        <v>1</v>
      </c>
      <c r="C128252" s="14" t="s">
        <v>558</v>
      </c>
      <c r="D128252" s="14" t="s">
        <v>94</v>
      </c>
      <c r="E128252" s="15">
        <v>45513</v>
      </c>
      <c r="F128252" s="14" t="s">
        <v>15</v>
      </c>
      <c r="G128252" s="16">
        <v>0.69801007407082527</v>
      </c>
    </row>
    <row r="128253" spans="1:7" x14ac:dyDescent="0.3">
      <c r="A128253" s="13" t="s">
        <v>588</v>
      </c>
      <c r="B128253" s="14" t="s">
        <v>1</v>
      </c>
      <c r="C128253" s="14" t="s">
        <v>558</v>
      </c>
      <c r="D128253" s="14" t="s">
        <v>94</v>
      </c>
      <c r="E128253" s="15">
        <v>45514</v>
      </c>
      <c r="F128253" s="14" t="s">
        <v>15</v>
      </c>
      <c r="G128253" s="16">
        <v>0.69801007407082527</v>
      </c>
    </row>
    <row r="128254" spans="1:7" x14ac:dyDescent="0.3">
      <c r="A128254" s="13" t="s">
        <v>588</v>
      </c>
      <c r="B128254" s="14" t="s">
        <v>1</v>
      </c>
      <c r="C128254" s="14" t="s">
        <v>558</v>
      </c>
      <c r="D128254" s="14" t="s">
        <v>94</v>
      </c>
      <c r="E128254" s="15">
        <v>45515</v>
      </c>
      <c r="F128254" s="14" t="s">
        <v>15</v>
      </c>
      <c r="G128254" s="16">
        <v>0.69801007407082527</v>
      </c>
    </row>
    <row r="128255" spans="1:7" x14ac:dyDescent="0.3">
      <c r="A128255" s="13" t="s">
        <v>588</v>
      </c>
      <c r="B128255" s="14" t="s">
        <v>1</v>
      </c>
      <c r="C128255" s="14" t="s">
        <v>558</v>
      </c>
      <c r="D128255" s="14" t="s">
        <v>94</v>
      </c>
      <c r="E128255" s="15">
        <v>45516</v>
      </c>
      <c r="F128255" s="14" t="s">
        <v>15</v>
      </c>
      <c r="G128255" s="16">
        <v>0.69807659079489126</v>
      </c>
    </row>
    <row r="128256" spans="1:7" x14ac:dyDescent="0.3">
      <c r="A128256" s="13" t="s">
        <v>588</v>
      </c>
      <c r="B128256" s="14" t="s">
        <v>1</v>
      </c>
      <c r="C128256" s="14" t="s">
        <v>558</v>
      </c>
      <c r="D128256" s="14" t="s">
        <v>94</v>
      </c>
      <c r="E128256" s="15">
        <v>45517</v>
      </c>
      <c r="F128256" s="14" t="s">
        <v>15</v>
      </c>
      <c r="G128256" s="16">
        <v>0.73342953066622407</v>
      </c>
    </row>
    <row r="128257" spans="1:7" x14ac:dyDescent="0.3">
      <c r="A128257" s="13" t="s">
        <v>588</v>
      </c>
      <c r="B128257" s="14" t="s">
        <v>1</v>
      </c>
      <c r="C128257" s="14" t="s">
        <v>558</v>
      </c>
      <c r="D128257" s="14" t="s">
        <v>94</v>
      </c>
      <c r="E128257" s="15">
        <v>45518</v>
      </c>
      <c r="F128257" s="14" t="s">
        <v>15</v>
      </c>
      <c r="G128257" s="16">
        <v>0.75507638972069402</v>
      </c>
    </row>
    <row r="128258" spans="1:7" x14ac:dyDescent="0.3">
      <c r="A128258" s="13" t="s">
        <v>588</v>
      </c>
      <c r="B128258" s="14" t="s">
        <v>1</v>
      </c>
      <c r="C128258" s="14" t="s">
        <v>558</v>
      </c>
      <c r="D128258" s="14" t="s">
        <v>94</v>
      </c>
      <c r="E128258" s="15">
        <v>45519</v>
      </c>
      <c r="F128258" s="14" t="s">
        <v>15</v>
      </c>
      <c r="G128258" s="16">
        <v>0.76673652524291869</v>
      </c>
    </row>
    <row r="128259" spans="1:7" x14ac:dyDescent="0.3">
      <c r="A128259" s="13" t="s">
        <v>588</v>
      </c>
      <c r="B128259" s="14" t="s">
        <v>1</v>
      </c>
      <c r="C128259" s="14" t="s">
        <v>558</v>
      </c>
      <c r="D128259" s="14" t="s">
        <v>94</v>
      </c>
      <c r="E128259" s="15">
        <v>45520</v>
      </c>
      <c r="F128259" s="14" t="s">
        <v>15</v>
      </c>
      <c r="G128259" s="16">
        <v>0.76449713539263486</v>
      </c>
    </row>
    <row r="128260" spans="1:7" x14ac:dyDescent="0.3">
      <c r="A128260" s="13" t="s">
        <v>588</v>
      </c>
      <c r="B128260" s="14" t="s">
        <v>1</v>
      </c>
      <c r="C128260" s="14" t="s">
        <v>558</v>
      </c>
      <c r="D128260" s="14" t="s">
        <v>94</v>
      </c>
      <c r="E128260" s="15">
        <v>45521</v>
      </c>
      <c r="F128260" s="14" t="s">
        <v>15</v>
      </c>
      <c r="G128260" s="16">
        <v>0.76449713539263486</v>
      </c>
    </row>
    <row r="128261" spans="1:7" x14ac:dyDescent="0.3">
      <c r="A128261" s="13" t="s">
        <v>588</v>
      </c>
      <c r="B128261" s="14" t="s">
        <v>1</v>
      </c>
      <c r="C128261" s="14" t="s">
        <v>558</v>
      </c>
      <c r="D128261" s="14" t="s">
        <v>94</v>
      </c>
      <c r="E128261" s="15">
        <v>45522</v>
      </c>
      <c r="F128261" s="14" t="s">
        <v>15</v>
      </c>
      <c r="G128261" s="16">
        <v>0.76449713539263486</v>
      </c>
    </row>
    <row r="128262" spans="1:7" x14ac:dyDescent="0.3">
      <c r="A128262" s="13" t="s">
        <v>588</v>
      </c>
      <c r="B128262" s="14" t="s">
        <v>1</v>
      </c>
      <c r="C128262" s="14" t="s">
        <v>558</v>
      </c>
      <c r="D128262" s="14" t="s">
        <v>94</v>
      </c>
      <c r="E128262" s="15">
        <v>45523</v>
      </c>
      <c r="F128262" s="14" t="s">
        <v>15</v>
      </c>
      <c r="G128262" s="16">
        <v>0.76269210571024204</v>
      </c>
    </row>
    <row r="128263" spans="1:7" x14ac:dyDescent="0.3">
      <c r="A128263" s="13" t="s">
        <v>588</v>
      </c>
      <c r="B128263" s="14" t="s">
        <v>1</v>
      </c>
      <c r="C128263" s="14" t="s">
        <v>558</v>
      </c>
      <c r="D128263" s="14" t="s">
        <v>94</v>
      </c>
      <c r="E128263" s="15">
        <v>45524</v>
      </c>
      <c r="F128263" s="14" t="s">
        <v>15</v>
      </c>
      <c r="G128263" s="16">
        <v>0.76294494633146326</v>
      </c>
    </row>
    <row r="128264" spans="1:7" x14ac:dyDescent="0.3">
      <c r="A128264" s="13" t="s">
        <v>588</v>
      </c>
      <c r="B128264" s="14" t="s">
        <v>1</v>
      </c>
      <c r="C128264" s="14" t="s">
        <v>558</v>
      </c>
      <c r="D128264" s="14" t="s">
        <v>94</v>
      </c>
      <c r="E128264" s="15">
        <v>45525</v>
      </c>
      <c r="F128264" s="14" t="s">
        <v>15</v>
      </c>
      <c r="G128264" s="16">
        <v>0.76157665036979127</v>
      </c>
    </row>
    <row r="128265" spans="1:7" x14ac:dyDescent="0.3">
      <c r="A128265" s="13" t="s">
        <v>588</v>
      </c>
      <c r="B128265" s="14" t="s">
        <v>1</v>
      </c>
      <c r="C128265" s="14" t="s">
        <v>558</v>
      </c>
      <c r="D128265" s="14" t="s">
        <v>94</v>
      </c>
      <c r="E128265" s="15">
        <v>45526</v>
      </c>
      <c r="F128265" s="14" t="s">
        <v>15</v>
      </c>
      <c r="G128265" s="16">
        <v>0.76019648664396933</v>
      </c>
    </row>
    <row r="128266" spans="1:7" x14ac:dyDescent="0.3">
      <c r="A128266" s="13" t="s">
        <v>588</v>
      </c>
      <c r="B128266" s="14" t="s">
        <v>1</v>
      </c>
      <c r="C128266" s="14" t="s">
        <v>558</v>
      </c>
      <c r="D128266" s="14" t="s">
        <v>94</v>
      </c>
      <c r="E128266" s="15">
        <v>45527</v>
      </c>
      <c r="F128266" s="14" t="s">
        <v>15</v>
      </c>
      <c r="G128266" s="16">
        <v>0.7939710138833489</v>
      </c>
    </row>
    <row r="128267" spans="1:7" x14ac:dyDescent="0.3">
      <c r="A128267" s="13" t="s">
        <v>588</v>
      </c>
      <c r="B128267" s="14" t="s">
        <v>1</v>
      </c>
      <c r="C128267" s="14" t="s">
        <v>558</v>
      </c>
      <c r="D128267" s="14" t="s">
        <v>94</v>
      </c>
      <c r="E128267" s="15">
        <v>45528</v>
      </c>
      <c r="F128267" s="14" t="s">
        <v>15</v>
      </c>
      <c r="G128267" s="16">
        <v>0.7939710138833489</v>
      </c>
    </row>
    <row r="128268" spans="1:7" x14ac:dyDescent="0.3">
      <c r="A128268" s="13" t="s">
        <v>588</v>
      </c>
      <c r="B128268" s="14" t="s">
        <v>1</v>
      </c>
      <c r="C128268" s="14" t="s">
        <v>558</v>
      </c>
      <c r="D128268" s="14" t="s">
        <v>94</v>
      </c>
      <c r="E128268" s="15">
        <v>45529</v>
      </c>
      <c r="F128268" s="14" t="s">
        <v>15</v>
      </c>
      <c r="G128268" s="16">
        <v>0.7939710138833489</v>
      </c>
    </row>
    <row r="128269" spans="1:7" x14ac:dyDescent="0.3">
      <c r="A128269" s="13" t="s">
        <v>588</v>
      </c>
      <c r="B128269" s="14" t="s">
        <v>1</v>
      </c>
      <c r="C128269" s="14" t="s">
        <v>558</v>
      </c>
      <c r="D128269" s="14" t="s">
        <v>94</v>
      </c>
      <c r="E128269" s="15">
        <v>45530</v>
      </c>
      <c r="F128269" s="14" t="s">
        <v>15</v>
      </c>
      <c r="G128269" s="16">
        <v>0.79326375238483327</v>
      </c>
    </row>
    <row r="128270" spans="1:7" x14ac:dyDescent="0.3">
      <c r="A128270" s="13" t="s">
        <v>588</v>
      </c>
      <c r="B128270" s="14" t="s">
        <v>1</v>
      </c>
      <c r="C128270" s="14" t="s">
        <v>558</v>
      </c>
      <c r="D128270" s="14" t="s">
        <v>94</v>
      </c>
      <c r="E128270" s="15">
        <v>45531</v>
      </c>
      <c r="F128270" s="14" t="s">
        <v>15</v>
      </c>
      <c r="G128270" s="16">
        <v>0.78777496871027297</v>
      </c>
    </row>
    <row r="128271" spans="1:7" x14ac:dyDescent="0.3">
      <c r="A128271" s="13" t="s">
        <v>588</v>
      </c>
      <c r="B128271" s="14" t="s">
        <v>1</v>
      </c>
      <c r="C128271" s="14" t="s">
        <v>558</v>
      </c>
      <c r="D128271" s="14" t="s">
        <v>94</v>
      </c>
      <c r="E128271" s="15">
        <v>45532</v>
      </c>
      <c r="F128271" s="14" t="s">
        <v>15</v>
      </c>
      <c r="G128271" s="16">
        <v>0.78659180986934141</v>
      </c>
    </row>
    <row r="128272" spans="1:7" x14ac:dyDescent="0.3">
      <c r="A128272" s="13" t="s">
        <v>588</v>
      </c>
      <c r="B128272" s="14" t="s">
        <v>1</v>
      </c>
      <c r="C128272" s="14" t="s">
        <v>558</v>
      </c>
      <c r="D128272" s="14" t="s">
        <v>94</v>
      </c>
      <c r="E128272" s="15">
        <v>45533</v>
      </c>
      <c r="F128272" s="14" t="s">
        <v>15</v>
      </c>
      <c r="G128272" s="16">
        <v>0.78528759983407947</v>
      </c>
    </row>
    <row r="128273" spans="1:7" x14ac:dyDescent="0.3">
      <c r="A128273" s="13" t="s">
        <v>588</v>
      </c>
      <c r="B128273" s="14" t="s">
        <v>1</v>
      </c>
      <c r="C128273" s="14" t="s">
        <v>558</v>
      </c>
      <c r="D128273" s="14" t="s">
        <v>94</v>
      </c>
      <c r="E128273" s="15">
        <v>45534</v>
      </c>
      <c r="F128273" s="14" t="s">
        <v>15</v>
      </c>
      <c r="G128273" s="16">
        <v>0.78394659972995251</v>
      </c>
    </row>
    <row r="128274" spans="1:7" x14ac:dyDescent="0.3">
      <c r="A128274" s="13" t="s">
        <v>588</v>
      </c>
      <c r="B128274" s="14" t="s">
        <v>1</v>
      </c>
      <c r="C128274" s="14" t="s">
        <v>558</v>
      </c>
      <c r="D128274" s="14" t="s">
        <v>94</v>
      </c>
      <c r="E128274" s="15">
        <v>45535</v>
      </c>
      <c r="F128274" s="14" t="s">
        <v>15</v>
      </c>
      <c r="G128274" s="16">
        <v>0.78394659972995251</v>
      </c>
    </row>
    <row r="128275" spans="1:7" x14ac:dyDescent="0.3">
      <c r="A128275" s="13" t="s">
        <v>588</v>
      </c>
      <c r="B128275" s="14" t="s">
        <v>1</v>
      </c>
      <c r="C128275" s="14" t="s">
        <v>558</v>
      </c>
      <c r="D128275" s="14" t="s">
        <v>94</v>
      </c>
      <c r="E128275" s="15">
        <v>45536</v>
      </c>
      <c r="F128275" s="14" t="s">
        <v>15</v>
      </c>
      <c r="G128275" s="16">
        <v>0.78394659972995251</v>
      </c>
    </row>
    <row r="128276" spans="1:7" x14ac:dyDescent="0.3">
      <c r="A128276" s="13" t="s">
        <v>588</v>
      </c>
      <c r="B128276" s="14" t="s">
        <v>1</v>
      </c>
      <c r="C128276" s="14" t="s">
        <v>558</v>
      </c>
      <c r="D128276" s="14" t="s">
        <v>94</v>
      </c>
      <c r="E128276" s="15">
        <v>45537</v>
      </c>
      <c r="F128276" s="14" t="s">
        <v>15</v>
      </c>
      <c r="G128276" s="16">
        <v>0.78267561943431074</v>
      </c>
    </row>
    <row r="128277" spans="1:7" x14ac:dyDescent="0.3">
      <c r="A128277" s="13" t="s">
        <v>588</v>
      </c>
      <c r="B128277" s="14" t="s">
        <v>1</v>
      </c>
      <c r="C128277" s="14" t="s">
        <v>558</v>
      </c>
      <c r="D128277" s="14" t="s">
        <v>94</v>
      </c>
      <c r="E128277" s="15">
        <v>45538</v>
      </c>
      <c r="F128277" s="14" t="s">
        <v>15</v>
      </c>
      <c r="G128277" s="16">
        <v>0.77970873564163057</v>
      </c>
    </row>
    <row r="128278" spans="1:7" x14ac:dyDescent="0.3">
      <c r="A128278" s="13" t="s">
        <v>588</v>
      </c>
      <c r="B128278" s="14" t="s">
        <v>1</v>
      </c>
      <c r="C128278" s="14" t="s">
        <v>558</v>
      </c>
      <c r="D128278" s="14" t="s">
        <v>94</v>
      </c>
      <c r="E128278" s="15">
        <v>45539</v>
      </c>
      <c r="F128278" s="14" t="s">
        <v>15</v>
      </c>
      <c r="G128278" s="16">
        <v>0.78386251033896492</v>
      </c>
    </row>
    <row r="128279" spans="1:7" x14ac:dyDescent="0.3">
      <c r="A128279" s="13" t="s">
        <v>588</v>
      </c>
      <c r="B128279" s="14" t="s">
        <v>1</v>
      </c>
      <c r="C128279" s="14" t="s">
        <v>558</v>
      </c>
      <c r="D128279" s="14" t="s">
        <v>94</v>
      </c>
      <c r="E128279" s="15">
        <v>45540</v>
      </c>
      <c r="F128279" s="14" t="s">
        <v>15</v>
      </c>
      <c r="G128279" s="16">
        <v>0.78250845569427285</v>
      </c>
    </row>
    <row r="128280" spans="1:7" x14ac:dyDescent="0.3">
      <c r="A128280" s="13" t="s">
        <v>588</v>
      </c>
      <c r="B128280" s="14" t="s">
        <v>1</v>
      </c>
      <c r="C128280" s="14" t="s">
        <v>558</v>
      </c>
      <c r="D128280" s="14" t="s">
        <v>94</v>
      </c>
      <c r="E128280" s="15">
        <v>45541</v>
      </c>
      <c r="F128280" s="14" t="s">
        <v>15</v>
      </c>
      <c r="G128280" s="16">
        <v>0.79908777945668252</v>
      </c>
    </row>
    <row r="128281" spans="1:7" x14ac:dyDescent="0.3">
      <c r="A128281" s="13" t="s">
        <v>588</v>
      </c>
      <c r="B128281" s="14" t="s">
        <v>1</v>
      </c>
      <c r="C128281" s="14" t="s">
        <v>558</v>
      </c>
      <c r="D128281" s="14" t="s">
        <v>94</v>
      </c>
      <c r="E128281" s="15">
        <v>45542</v>
      </c>
      <c r="F128281" s="14" t="s">
        <v>15</v>
      </c>
      <c r="G128281" s="16">
        <v>0.79908777945668252</v>
      </c>
    </row>
    <row r="128282" spans="1:7" x14ac:dyDescent="0.3">
      <c r="A128282" s="13" t="s">
        <v>588</v>
      </c>
      <c r="B128282" s="14" t="s">
        <v>1</v>
      </c>
      <c r="C128282" s="14" t="s">
        <v>558</v>
      </c>
      <c r="D128282" s="14" t="s">
        <v>94</v>
      </c>
      <c r="E128282" s="15">
        <v>45543</v>
      </c>
      <c r="F128282" s="14" t="s">
        <v>15</v>
      </c>
      <c r="G128282" s="16">
        <v>0.79908777945668252</v>
      </c>
    </row>
    <row r="128283" spans="1:7" x14ac:dyDescent="0.3">
      <c r="A128283" s="13" t="s">
        <v>588</v>
      </c>
      <c r="B128283" s="14" t="s">
        <v>1</v>
      </c>
      <c r="C128283" s="14" t="s">
        <v>558</v>
      </c>
      <c r="D128283" s="14" t="s">
        <v>94</v>
      </c>
      <c r="E128283" s="15">
        <v>45544</v>
      </c>
      <c r="F128283" s="14" t="s">
        <v>15</v>
      </c>
      <c r="G128283" s="16">
        <v>0.79811824037045143</v>
      </c>
    </row>
    <row r="128284" spans="1:7" x14ac:dyDescent="0.3">
      <c r="A128284" s="13" t="s">
        <v>588</v>
      </c>
      <c r="B128284" s="14" t="s">
        <v>1</v>
      </c>
      <c r="C128284" s="14" t="s">
        <v>558</v>
      </c>
      <c r="D128284" s="14" t="s">
        <v>94</v>
      </c>
      <c r="E128284" s="15">
        <v>45545</v>
      </c>
      <c r="F128284" s="14" t="s">
        <v>15</v>
      </c>
      <c r="G128284" s="16">
        <v>0.80525319742227175</v>
      </c>
    </row>
    <row r="128285" spans="1:7" x14ac:dyDescent="0.3">
      <c r="A128285" s="13" t="s">
        <v>588</v>
      </c>
      <c r="B128285" s="14" t="s">
        <v>1</v>
      </c>
      <c r="C128285" s="14" t="s">
        <v>558</v>
      </c>
      <c r="D128285" s="14" t="s">
        <v>94</v>
      </c>
      <c r="E128285" s="15">
        <v>45546</v>
      </c>
      <c r="F128285" s="14" t="s">
        <v>15</v>
      </c>
      <c r="G128285" s="16">
        <v>0.80393355929361487</v>
      </c>
    </row>
    <row r="128286" spans="1:7" x14ac:dyDescent="0.3">
      <c r="A128286" s="13" t="s">
        <v>588</v>
      </c>
      <c r="B128286" s="14" t="s">
        <v>1</v>
      </c>
      <c r="C128286" s="14" t="s">
        <v>558</v>
      </c>
      <c r="D128286" s="14" t="s">
        <v>94</v>
      </c>
      <c r="E128286" s="15">
        <v>45547</v>
      </c>
      <c r="F128286" s="14" t="s">
        <v>15</v>
      </c>
      <c r="G128286" s="16">
        <v>0.80261748149420298</v>
      </c>
    </row>
    <row r="128287" spans="1:7" x14ac:dyDescent="0.3">
      <c r="A128287" s="13" t="s">
        <v>588</v>
      </c>
      <c r="B128287" s="14" t="s">
        <v>1</v>
      </c>
      <c r="C128287" s="14" t="s">
        <v>558</v>
      </c>
      <c r="D128287" s="14" t="s">
        <v>94</v>
      </c>
      <c r="E128287" s="15">
        <v>45548</v>
      </c>
      <c r="F128287" s="14" t="s">
        <v>15</v>
      </c>
      <c r="G128287" s="16">
        <v>0.83434007231204343</v>
      </c>
    </row>
    <row r="128288" spans="1:7" x14ac:dyDescent="0.3">
      <c r="A128288" s="13" t="s">
        <v>588</v>
      </c>
      <c r="B128288" s="14" t="s">
        <v>1</v>
      </c>
      <c r="C128288" s="14" t="s">
        <v>558</v>
      </c>
      <c r="D128288" s="14" t="s">
        <v>94</v>
      </c>
      <c r="E128288" s="15">
        <v>45549</v>
      </c>
      <c r="F128288" s="14" t="s">
        <v>15</v>
      </c>
      <c r="G128288" s="16">
        <v>0.83434007231204343</v>
      </c>
    </row>
    <row r="128289" spans="1:7" x14ac:dyDescent="0.3">
      <c r="A128289" s="13" t="s">
        <v>588</v>
      </c>
      <c r="B128289" s="14" t="s">
        <v>1</v>
      </c>
      <c r="C128289" s="14" t="s">
        <v>558</v>
      </c>
      <c r="D128289" s="14" t="s">
        <v>94</v>
      </c>
      <c r="E128289" s="15">
        <v>45550</v>
      </c>
      <c r="F128289" s="14" t="s">
        <v>15</v>
      </c>
      <c r="G128289" s="16">
        <v>0.83434007231204343</v>
      </c>
    </row>
    <row r="128290" spans="1:7" x14ac:dyDescent="0.3">
      <c r="A128290" s="13" t="s">
        <v>588</v>
      </c>
      <c r="B128290" s="14" t="s">
        <v>1</v>
      </c>
      <c r="C128290" s="14" t="s">
        <v>558</v>
      </c>
      <c r="D128290" s="14" t="s">
        <v>94</v>
      </c>
      <c r="E128290" s="15">
        <v>45551</v>
      </c>
      <c r="F128290" s="14" t="s">
        <v>15</v>
      </c>
      <c r="G128290" s="16">
        <v>0.83384168346256815</v>
      </c>
    </row>
    <row r="128291" spans="1:7" x14ac:dyDescent="0.3">
      <c r="A128291" s="13" t="s">
        <v>588</v>
      </c>
      <c r="B128291" s="14" t="s">
        <v>1</v>
      </c>
      <c r="C128291" s="14" t="s">
        <v>558</v>
      </c>
      <c r="D128291" s="14" t="s">
        <v>94</v>
      </c>
      <c r="E128291" s="15">
        <v>45552</v>
      </c>
      <c r="F128291" s="14" t="s">
        <v>15</v>
      </c>
      <c r="G128291" s="16">
        <v>0.82992537853788606</v>
      </c>
    </row>
    <row r="128292" spans="1:7" x14ac:dyDescent="0.3">
      <c r="A128292" s="13" t="s">
        <v>588</v>
      </c>
      <c r="B128292" s="14" t="s">
        <v>1</v>
      </c>
      <c r="C128292" s="14" t="s">
        <v>558</v>
      </c>
      <c r="D128292" s="14" t="s">
        <v>94</v>
      </c>
      <c r="E128292" s="15">
        <v>45553</v>
      </c>
      <c r="F128292" s="14" t="s">
        <v>15</v>
      </c>
      <c r="G128292" s="16">
        <v>0.82849774375546392</v>
      </c>
    </row>
    <row r="128293" spans="1:7" x14ac:dyDescent="0.3">
      <c r="A128293" s="13" t="s">
        <v>588</v>
      </c>
      <c r="B128293" s="14" t="s">
        <v>1</v>
      </c>
      <c r="C128293" s="14" t="s">
        <v>558</v>
      </c>
      <c r="D128293" s="14" t="s">
        <v>94</v>
      </c>
      <c r="E128293" s="15">
        <v>45554</v>
      </c>
      <c r="F128293" s="14" t="s">
        <v>15</v>
      </c>
      <c r="G128293" s="16">
        <v>0.827185226285297</v>
      </c>
    </row>
    <row r="128294" spans="1:7" x14ac:dyDescent="0.3">
      <c r="A128294" s="13" t="s">
        <v>588</v>
      </c>
      <c r="B128294" s="14" t="s">
        <v>1</v>
      </c>
      <c r="C128294" s="14" t="s">
        <v>558</v>
      </c>
      <c r="D128294" s="14" t="s">
        <v>94</v>
      </c>
      <c r="E128294" s="15">
        <v>45555</v>
      </c>
      <c r="F128294" s="14" t="s">
        <v>15</v>
      </c>
      <c r="G128294" s="16">
        <v>0.82591305921324021</v>
      </c>
    </row>
    <row r="128295" spans="1:7" x14ac:dyDescent="0.3">
      <c r="A128295" s="13" t="s">
        <v>588</v>
      </c>
      <c r="B128295" s="14" t="s">
        <v>1</v>
      </c>
      <c r="C128295" s="14" t="s">
        <v>558</v>
      </c>
      <c r="D128295" s="14" t="s">
        <v>94</v>
      </c>
      <c r="E128295" s="15">
        <v>45556</v>
      </c>
      <c r="F128295" s="14" t="s">
        <v>15</v>
      </c>
      <c r="G128295" s="16">
        <v>0.82591305921324021</v>
      </c>
    </row>
    <row r="128296" spans="1:7" x14ac:dyDescent="0.3">
      <c r="A128296" s="13" t="s">
        <v>588</v>
      </c>
      <c r="B128296" s="14" t="s">
        <v>1</v>
      </c>
      <c r="C128296" s="14" t="s">
        <v>558</v>
      </c>
      <c r="D128296" s="14" t="s">
        <v>94</v>
      </c>
      <c r="E128296" s="15">
        <v>45557</v>
      </c>
      <c r="F128296" s="14" t="s">
        <v>15</v>
      </c>
      <c r="G128296" s="16">
        <v>0.82591305921324021</v>
      </c>
    </row>
    <row r="128297" spans="1:7" x14ac:dyDescent="0.3">
      <c r="A128297" s="13" t="s">
        <v>588</v>
      </c>
      <c r="B128297" s="14" t="s">
        <v>1</v>
      </c>
      <c r="C128297" s="14" t="s">
        <v>558</v>
      </c>
      <c r="D128297" s="14" t="s">
        <v>94</v>
      </c>
      <c r="E128297" s="15">
        <v>45558</v>
      </c>
      <c r="F128297" s="14" t="s">
        <v>15</v>
      </c>
      <c r="G128297" s="16">
        <v>0.82459460786099836</v>
      </c>
    </row>
    <row r="128298" spans="1:7" x14ac:dyDescent="0.3">
      <c r="A128298" s="13" t="s">
        <v>588</v>
      </c>
      <c r="B128298" s="14" t="s">
        <v>1</v>
      </c>
      <c r="C128298" s="14" t="s">
        <v>558</v>
      </c>
      <c r="D128298" s="14" t="s">
        <v>94</v>
      </c>
      <c r="E128298" s="15">
        <v>45559</v>
      </c>
      <c r="F128298" s="14" t="s">
        <v>15</v>
      </c>
      <c r="G128298" s="16">
        <v>0.83056296369687133</v>
      </c>
    </row>
    <row r="128299" spans="1:7" x14ac:dyDescent="0.3">
      <c r="A128299" s="13" t="s">
        <v>588</v>
      </c>
      <c r="B128299" s="14" t="s">
        <v>1</v>
      </c>
      <c r="C128299" s="14" t="s">
        <v>558</v>
      </c>
      <c r="D128299" s="14" t="s">
        <v>94</v>
      </c>
      <c r="E128299" s="15">
        <v>45560</v>
      </c>
      <c r="F128299" s="14" t="s">
        <v>15</v>
      </c>
      <c r="G128299" s="16">
        <v>0.82917449253614428</v>
      </c>
    </row>
    <row r="128300" spans="1:7" x14ac:dyDescent="0.3">
      <c r="A128300" s="13" t="s">
        <v>588</v>
      </c>
      <c r="B128300" s="14" t="s">
        <v>1</v>
      </c>
      <c r="C128300" s="14" t="s">
        <v>558</v>
      </c>
      <c r="D128300" s="14" t="s">
        <v>94</v>
      </c>
      <c r="E128300" s="15">
        <v>45561</v>
      </c>
      <c r="F128300" s="14" t="s">
        <v>15</v>
      </c>
      <c r="G128300" s="16">
        <v>0.8441528549147157</v>
      </c>
    </row>
    <row r="128301" spans="1:7" x14ac:dyDescent="0.3">
      <c r="A128301" s="13" t="s">
        <v>588</v>
      </c>
      <c r="B128301" s="14" t="s">
        <v>1</v>
      </c>
      <c r="C128301" s="14" t="s">
        <v>558</v>
      </c>
      <c r="D128301" s="14" t="s">
        <v>94</v>
      </c>
      <c r="E128301" s="15">
        <v>45562</v>
      </c>
      <c r="F128301" s="14" t="s">
        <v>15</v>
      </c>
      <c r="G128301" s="16">
        <v>0.84293409278133391</v>
      </c>
    </row>
    <row r="128302" spans="1:7" x14ac:dyDescent="0.3">
      <c r="A128302" s="13" t="s">
        <v>588</v>
      </c>
      <c r="B128302" s="14" t="s">
        <v>1</v>
      </c>
      <c r="C128302" s="14" t="s">
        <v>558</v>
      </c>
      <c r="D128302" s="14" t="s">
        <v>94</v>
      </c>
      <c r="E128302" s="15">
        <v>45563</v>
      </c>
      <c r="F128302" s="14" t="s">
        <v>15</v>
      </c>
      <c r="G128302" s="16">
        <v>0.84293409278133391</v>
      </c>
    </row>
    <row r="128303" spans="1:7" x14ac:dyDescent="0.3">
      <c r="A128303" s="13" t="s">
        <v>588</v>
      </c>
      <c r="B128303" s="14" t="s">
        <v>1</v>
      </c>
      <c r="C128303" s="14" t="s">
        <v>558</v>
      </c>
      <c r="D128303" s="14" t="s">
        <v>94</v>
      </c>
      <c r="E128303" s="15">
        <v>45564</v>
      </c>
      <c r="F128303" s="14" t="s">
        <v>15</v>
      </c>
      <c r="G128303" s="16">
        <v>0.84293409278133391</v>
      </c>
    </row>
    <row r="128304" spans="1:7" x14ac:dyDescent="0.3">
      <c r="A128304" s="13" t="s">
        <v>588</v>
      </c>
      <c r="B128304" s="14" t="s">
        <v>1</v>
      </c>
      <c r="C128304" s="14" t="s">
        <v>558</v>
      </c>
      <c r="D128304" s="14" t="s">
        <v>94</v>
      </c>
      <c r="E128304" s="15">
        <v>45565</v>
      </c>
      <c r="F128304" s="14" t="s">
        <v>15</v>
      </c>
      <c r="G128304" s="16">
        <v>0.86976360444011946</v>
      </c>
    </row>
    <row r="128305" spans="1:7" x14ac:dyDescent="0.3">
      <c r="A128305" s="13" t="s">
        <v>588</v>
      </c>
      <c r="B128305" s="14" t="s">
        <v>1</v>
      </c>
      <c r="C128305" s="14" t="s">
        <v>558</v>
      </c>
      <c r="D128305" s="14" t="s">
        <v>94</v>
      </c>
      <c r="E128305" s="15">
        <v>45566</v>
      </c>
      <c r="F128305" s="14" t="s">
        <v>15</v>
      </c>
      <c r="G128305" s="16">
        <v>0.86558739548055175</v>
      </c>
    </row>
    <row r="128306" spans="1:7" x14ac:dyDescent="0.3">
      <c r="A128306" s="13" t="s">
        <v>588</v>
      </c>
      <c r="B128306" s="14" t="s">
        <v>1</v>
      </c>
      <c r="C128306" s="14" t="s">
        <v>558</v>
      </c>
      <c r="D128306" s="14" t="s">
        <v>94</v>
      </c>
      <c r="E128306" s="15">
        <v>45567</v>
      </c>
      <c r="F128306" s="14" t="s">
        <v>15</v>
      </c>
      <c r="G128306" s="16">
        <v>0.8664870292479494</v>
      </c>
    </row>
    <row r="128307" spans="1:7" x14ac:dyDescent="0.3">
      <c r="A128307" s="13" t="s">
        <v>588</v>
      </c>
      <c r="B128307" s="14" t="s">
        <v>1</v>
      </c>
      <c r="C128307" s="14" t="s">
        <v>558</v>
      </c>
      <c r="D128307" s="14" t="s">
        <v>94</v>
      </c>
      <c r="E128307" s="15">
        <v>45568</v>
      </c>
      <c r="F128307" s="14" t="s">
        <v>15</v>
      </c>
      <c r="G128307" s="16">
        <v>0.86836219322847896</v>
      </c>
    </row>
    <row r="128308" spans="1:7" x14ac:dyDescent="0.3">
      <c r="A128308" s="13" t="s">
        <v>588</v>
      </c>
      <c r="B128308" s="14" t="s">
        <v>1</v>
      </c>
      <c r="C128308" s="14" t="s">
        <v>558</v>
      </c>
      <c r="D128308" s="14" t="s">
        <v>94</v>
      </c>
      <c r="E128308" s="15">
        <v>45569</v>
      </c>
      <c r="F128308" s="14" t="s">
        <v>15</v>
      </c>
      <c r="G128308" s="16">
        <v>0.86678027751210651</v>
      </c>
    </row>
    <row r="128309" spans="1:7" x14ac:dyDescent="0.3">
      <c r="A128309" s="13" t="s">
        <v>588</v>
      </c>
      <c r="B128309" s="14" t="s">
        <v>1</v>
      </c>
      <c r="C128309" s="14" t="s">
        <v>558</v>
      </c>
      <c r="D128309" s="14" t="s">
        <v>94</v>
      </c>
      <c r="E128309" s="15">
        <v>45570</v>
      </c>
      <c r="F128309" s="14" t="s">
        <v>15</v>
      </c>
      <c r="G128309" s="16">
        <v>0.86678027751210651</v>
      </c>
    </row>
    <row r="128310" spans="1:7" x14ac:dyDescent="0.3">
      <c r="A128310" s="13" t="s">
        <v>588</v>
      </c>
      <c r="B128310" s="14" t="s">
        <v>1</v>
      </c>
      <c r="C128310" s="14" t="s">
        <v>558</v>
      </c>
      <c r="D128310" s="14" t="s">
        <v>94</v>
      </c>
      <c r="E128310" s="15">
        <v>45571</v>
      </c>
      <c r="F128310" s="14" t="s">
        <v>15</v>
      </c>
      <c r="G128310" s="16">
        <v>0.86678027751210651</v>
      </c>
    </row>
    <row r="128311" spans="1:7" x14ac:dyDescent="0.3">
      <c r="A128311" s="13" t="s">
        <v>588</v>
      </c>
      <c r="B128311" s="14" t="s">
        <v>1</v>
      </c>
      <c r="C128311" s="14" t="s">
        <v>558</v>
      </c>
      <c r="D128311" s="14" t="s">
        <v>94</v>
      </c>
      <c r="E128311" s="15">
        <v>45572</v>
      </c>
      <c r="F128311" s="14" t="s">
        <v>15</v>
      </c>
      <c r="G128311" s="16">
        <v>0.85794597112365434</v>
      </c>
    </row>
    <row r="128312" spans="1:7" x14ac:dyDescent="0.3">
      <c r="A128312" s="13" t="s">
        <v>588</v>
      </c>
      <c r="B128312" s="14" t="s">
        <v>1</v>
      </c>
      <c r="C128312" s="14" t="s">
        <v>558</v>
      </c>
      <c r="D128312" s="14" t="s">
        <v>94</v>
      </c>
      <c r="E128312" s="15">
        <v>45573</v>
      </c>
      <c r="F128312" s="14" t="s">
        <v>15</v>
      </c>
      <c r="G128312" s="16">
        <v>0.85896428253255219</v>
      </c>
    </row>
    <row r="128313" spans="1:7" x14ac:dyDescent="0.3">
      <c r="A128313" s="13" t="s">
        <v>588</v>
      </c>
      <c r="B128313" s="14" t="s">
        <v>1</v>
      </c>
      <c r="C128313" s="14" t="s">
        <v>558</v>
      </c>
      <c r="D128313" s="14" t="s">
        <v>94</v>
      </c>
      <c r="E128313" s="15">
        <v>45574</v>
      </c>
      <c r="F128313" s="14" t="s">
        <v>15</v>
      </c>
      <c r="G128313" s="16">
        <v>0.86916705661715377</v>
      </c>
    </row>
    <row r="128314" spans="1:7" x14ac:dyDescent="0.3">
      <c r="A128314" s="13" t="s">
        <v>588</v>
      </c>
      <c r="B128314" s="14" t="s">
        <v>1</v>
      </c>
      <c r="C128314" s="14" t="s">
        <v>558</v>
      </c>
      <c r="D128314" s="14" t="s">
        <v>94</v>
      </c>
      <c r="E128314" s="15">
        <v>45575</v>
      </c>
      <c r="F128314" s="14" t="s">
        <v>15</v>
      </c>
      <c r="G128314" s="16">
        <v>0.87704374892835069</v>
      </c>
    </row>
    <row r="128315" spans="1:7" x14ac:dyDescent="0.3">
      <c r="A128315" s="13" t="s">
        <v>588</v>
      </c>
      <c r="B128315" s="14" t="s">
        <v>1</v>
      </c>
      <c r="C128315" s="14" t="s">
        <v>558</v>
      </c>
      <c r="D128315" s="14" t="s">
        <v>94</v>
      </c>
      <c r="E128315" s="15">
        <v>45576</v>
      </c>
      <c r="F128315" s="14" t="s">
        <v>15</v>
      </c>
      <c r="G128315" s="16">
        <v>0.87553303979687835</v>
      </c>
    </row>
    <row r="128316" spans="1:7" x14ac:dyDescent="0.3">
      <c r="A128316" s="13" t="s">
        <v>588</v>
      </c>
      <c r="B128316" s="14" t="s">
        <v>1</v>
      </c>
      <c r="C128316" s="14" t="s">
        <v>558</v>
      </c>
      <c r="D128316" s="14" t="s">
        <v>94</v>
      </c>
      <c r="E128316" s="15">
        <v>45577</v>
      </c>
      <c r="F128316" s="14" t="s">
        <v>15</v>
      </c>
      <c r="G128316" s="16">
        <v>0.87553303979687835</v>
      </c>
    </row>
    <row r="128317" spans="1:7" x14ac:dyDescent="0.3">
      <c r="A128317" s="13" t="s">
        <v>588</v>
      </c>
      <c r="B128317" s="14" t="s">
        <v>1</v>
      </c>
      <c r="C128317" s="14" t="s">
        <v>558</v>
      </c>
      <c r="D128317" s="14" t="s">
        <v>94</v>
      </c>
      <c r="E128317" s="15">
        <v>45578</v>
      </c>
      <c r="F128317" s="14" t="s">
        <v>15</v>
      </c>
      <c r="G128317" s="16">
        <v>0.87553303979687835</v>
      </c>
    </row>
    <row r="128318" spans="1:7" x14ac:dyDescent="0.3">
      <c r="A128318" s="13" t="s">
        <v>588</v>
      </c>
      <c r="B128318" s="14" t="s">
        <v>1</v>
      </c>
      <c r="C128318" s="14" t="s">
        <v>558</v>
      </c>
      <c r="D128318" s="14" t="s">
        <v>94</v>
      </c>
      <c r="E128318" s="15">
        <v>45579</v>
      </c>
      <c r="F128318" s="14" t="s">
        <v>15</v>
      </c>
      <c r="G128318" s="16">
        <v>0.87788410111982396</v>
      </c>
    </row>
    <row r="128319" spans="1:7" x14ac:dyDescent="0.3">
      <c r="A128319" s="13" t="s">
        <v>588</v>
      </c>
      <c r="B128319" s="14" t="s">
        <v>1</v>
      </c>
      <c r="C128319" s="14" t="s">
        <v>558</v>
      </c>
      <c r="D128319" s="14" t="s">
        <v>94</v>
      </c>
      <c r="E128319" s="15">
        <v>45580</v>
      </c>
      <c r="F128319" s="14" t="s">
        <v>15</v>
      </c>
      <c r="G128319" s="16">
        <v>0.87289732386880958</v>
      </c>
    </row>
    <row r="128320" spans="1:7" x14ac:dyDescent="0.3">
      <c r="A128320" s="13" t="s">
        <v>588</v>
      </c>
      <c r="B128320" s="14" t="s">
        <v>1</v>
      </c>
      <c r="C128320" s="14" t="s">
        <v>558</v>
      </c>
      <c r="D128320" s="14" t="s">
        <v>94</v>
      </c>
      <c r="E128320" s="15">
        <v>45581</v>
      </c>
      <c r="F128320" s="14" t="s">
        <v>15</v>
      </c>
      <c r="G128320" s="16">
        <v>0.8708264562694561</v>
      </c>
    </row>
    <row r="128321" spans="1:7" x14ac:dyDescent="0.3">
      <c r="A128321" s="13" t="s">
        <v>588</v>
      </c>
      <c r="B128321" s="14" t="s">
        <v>1</v>
      </c>
      <c r="C128321" s="14" t="s">
        <v>558</v>
      </c>
      <c r="D128321" s="14" t="s">
        <v>94</v>
      </c>
      <c r="E128321" s="15">
        <v>45582</v>
      </c>
      <c r="F128321" s="14" t="s">
        <v>15</v>
      </c>
      <c r="G128321" s="16">
        <v>0.86919232239082356</v>
      </c>
    </row>
    <row r="128322" spans="1:7" x14ac:dyDescent="0.3">
      <c r="A128322" s="13" t="s">
        <v>588</v>
      </c>
      <c r="B128322" s="14" t="s">
        <v>1</v>
      </c>
      <c r="C128322" s="14" t="s">
        <v>558</v>
      </c>
      <c r="D128322" s="14" t="s">
        <v>94</v>
      </c>
      <c r="E128322" s="15">
        <v>45583</v>
      </c>
      <c r="F128322" s="14" t="s">
        <v>15</v>
      </c>
      <c r="G128322" s="16">
        <v>0.86908913008754407</v>
      </c>
    </row>
    <row r="128323" spans="1:7" x14ac:dyDescent="0.3">
      <c r="A128323" s="13" t="s">
        <v>588</v>
      </c>
      <c r="B128323" s="14" t="s">
        <v>1</v>
      </c>
      <c r="C128323" s="14" t="s">
        <v>558</v>
      </c>
      <c r="D128323" s="14" t="s">
        <v>94</v>
      </c>
      <c r="E128323" s="15">
        <v>45584</v>
      </c>
      <c r="F128323" s="14" t="s">
        <v>15</v>
      </c>
      <c r="G128323" s="16">
        <v>0.86908913008754407</v>
      </c>
    </row>
    <row r="128324" spans="1:7" x14ac:dyDescent="0.3">
      <c r="A128324" s="13" t="s">
        <v>588</v>
      </c>
      <c r="B128324" s="14" t="s">
        <v>1</v>
      </c>
      <c r="C128324" s="14" t="s">
        <v>558</v>
      </c>
      <c r="D128324" s="14" t="s">
        <v>94</v>
      </c>
      <c r="E128324" s="15">
        <v>45585</v>
      </c>
      <c r="F128324" s="14" t="s">
        <v>15</v>
      </c>
      <c r="G128324" s="16">
        <v>0.86908913008754407</v>
      </c>
    </row>
    <row r="128325" spans="1:7" x14ac:dyDescent="0.3">
      <c r="A128325" s="13" t="s">
        <v>588</v>
      </c>
      <c r="B128325" s="14" t="s">
        <v>1</v>
      </c>
      <c r="C128325" s="14" t="s">
        <v>558</v>
      </c>
      <c r="D128325" s="14" t="s">
        <v>94</v>
      </c>
      <c r="E128325" s="15">
        <v>45586</v>
      </c>
      <c r="F128325" s="14" t="s">
        <v>15</v>
      </c>
      <c r="G128325" s="16">
        <v>0.86881860230974928</v>
      </c>
    </row>
    <row r="128326" spans="1:7" x14ac:dyDescent="0.3">
      <c r="A128326" s="13" t="s">
        <v>588</v>
      </c>
      <c r="B128326" s="14" t="s">
        <v>1</v>
      </c>
      <c r="C128326" s="14" t="s">
        <v>558</v>
      </c>
      <c r="D128326" s="14" t="s">
        <v>94</v>
      </c>
      <c r="E128326" s="15">
        <v>45587</v>
      </c>
      <c r="F128326" s="14" t="s">
        <v>15</v>
      </c>
      <c r="G128326" s="16">
        <v>0.86416530923135071</v>
      </c>
    </row>
    <row r="128327" spans="1:7" x14ac:dyDescent="0.3">
      <c r="A128327" s="13" t="s">
        <v>588</v>
      </c>
      <c r="B128327" s="14" t="s">
        <v>1</v>
      </c>
      <c r="C128327" s="14" t="s">
        <v>558</v>
      </c>
      <c r="D128327" s="14" t="s">
        <v>94</v>
      </c>
      <c r="E128327" s="15">
        <v>45588</v>
      </c>
      <c r="F128327" s="14" t="s">
        <v>15</v>
      </c>
      <c r="G128327" s="16">
        <v>0.86262967779516331</v>
      </c>
    </row>
    <row r="128328" spans="1:7" x14ac:dyDescent="0.3">
      <c r="A128328" s="13" t="s">
        <v>588</v>
      </c>
      <c r="B128328" s="14" t="s">
        <v>1</v>
      </c>
      <c r="C128328" s="14" t="s">
        <v>558</v>
      </c>
      <c r="D128328" s="14" t="s">
        <v>94</v>
      </c>
      <c r="E128328" s="15">
        <v>45589</v>
      </c>
      <c r="F128328" s="14" t="s">
        <v>15</v>
      </c>
      <c r="G128328" s="16">
        <v>0.86212416828719807</v>
      </c>
    </row>
    <row r="128329" spans="1:7" x14ac:dyDescent="0.3">
      <c r="A128329" s="13" t="s">
        <v>588</v>
      </c>
      <c r="B128329" s="14" t="s">
        <v>1</v>
      </c>
      <c r="C128329" s="14" t="s">
        <v>558</v>
      </c>
      <c r="D128329" s="14" t="s">
        <v>94</v>
      </c>
      <c r="E128329" s="15">
        <v>45590</v>
      </c>
      <c r="F128329" s="14" t="s">
        <v>15</v>
      </c>
      <c r="G128329" s="16">
        <v>0.86060989882648087</v>
      </c>
    </row>
    <row r="128330" spans="1:7" x14ac:dyDescent="0.3">
      <c r="A128330" s="13" t="s">
        <v>588</v>
      </c>
      <c r="B128330" s="14" t="s">
        <v>1</v>
      </c>
      <c r="C128330" s="14" t="s">
        <v>558</v>
      </c>
      <c r="D128330" s="14" t="s">
        <v>94</v>
      </c>
      <c r="E128330" s="15">
        <v>45591</v>
      </c>
      <c r="F128330" s="14" t="s">
        <v>15</v>
      </c>
      <c r="G128330" s="16">
        <v>0.86060989882648087</v>
      </c>
    </row>
    <row r="128331" spans="1:7" x14ac:dyDescent="0.3">
      <c r="A128331" s="13" t="s">
        <v>588</v>
      </c>
      <c r="B128331" s="14" t="s">
        <v>1</v>
      </c>
      <c r="C128331" s="14" t="s">
        <v>558</v>
      </c>
      <c r="D128331" s="14" t="s">
        <v>94</v>
      </c>
      <c r="E128331" s="15">
        <v>45592</v>
      </c>
      <c r="F128331" s="14" t="s">
        <v>15</v>
      </c>
      <c r="G128331" s="16">
        <v>0.86060989882648087</v>
      </c>
    </row>
    <row r="128332" spans="1:7" x14ac:dyDescent="0.3">
      <c r="A128332" s="13" t="s">
        <v>588</v>
      </c>
      <c r="B128332" s="14" t="s">
        <v>1</v>
      </c>
      <c r="C128332" s="14" t="s">
        <v>558</v>
      </c>
      <c r="D128332" s="14" t="s">
        <v>94</v>
      </c>
      <c r="E128332" s="15">
        <v>45593</v>
      </c>
      <c r="F128332" s="14" t="s">
        <v>15</v>
      </c>
      <c r="G128332" s="16">
        <v>0.86060989882648087</v>
      </c>
    </row>
    <row r="128333" spans="1:7" x14ac:dyDescent="0.3">
      <c r="A128333" s="13" t="s">
        <v>588</v>
      </c>
      <c r="B128333" s="14" t="s">
        <v>1</v>
      </c>
      <c r="C128333" s="14" t="s">
        <v>558</v>
      </c>
      <c r="D128333" s="14" t="s">
        <v>94</v>
      </c>
      <c r="E128333" s="15">
        <v>45594</v>
      </c>
      <c r="F128333" s="14" t="s">
        <v>15</v>
      </c>
      <c r="G128333" s="16">
        <v>0.85904103765067341</v>
      </c>
    </row>
    <row r="128334" spans="1:7" x14ac:dyDescent="0.3">
      <c r="A128334" s="13" t="s">
        <v>588</v>
      </c>
      <c r="B128334" s="14" t="s">
        <v>1</v>
      </c>
      <c r="C128334" s="14" t="s">
        <v>558</v>
      </c>
      <c r="D128334" s="14" t="s">
        <v>94</v>
      </c>
      <c r="E128334" s="15">
        <v>45595</v>
      </c>
      <c r="F128334" s="14" t="s">
        <v>15</v>
      </c>
      <c r="G128334" s="16">
        <v>0.8665427086147296</v>
      </c>
    </row>
    <row r="128335" spans="1:7" x14ac:dyDescent="0.3">
      <c r="A128335" s="13" t="s">
        <v>588</v>
      </c>
      <c r="B128335" s="14" t="s">
        <v>1</v>
      </c>
      <c r="C128335" s="14" t="s">
        <v>558</v>
      </c>
      <c r="D128335" s="14" t="s">
        <v>94</v>
      </c>
      <c r="E128335" s="15">
        <v>45596</v>
      </c>
      <c r="F128335" s="14" t="s">
        <v>15</v>
      </c>
      <c r="G128335" s="16">
        <v>0.86499046230873222</v>
      </c>
    </row>
    <row r="128336" spans="1:7" x14ac:dyDescent="0.3">
      <c r="A128336" s="13" t="s">
        <v>588</v>
      </c>
      <c r="B128336" s="14" t="s">
        <v>1</v>
      </c>
      <c r="C128336" s="14" t="s">
        <v>558</v>
      </c>
      <c r="D128336" s="14" t="s">
        <v>94</v>
      </c>
      <c r="E128336" s="15">
        <v>45597</v>
      </c>
      <c r="F128336" s="14" t="s">
        <v>15</v>
      </c>
      <c r="G128336" s="16">
        <v>0.86340973336877469</v>
      </c>
    </row>
    <row r="128337" spans="1:7" x14ac:dyDescent="0.3">
      <c r="A128337" s="13" t="s">
        <v>588</v>
      </c>
      <c r="B128337" s="14" t="s">
        <v>1</v>
      </c>
      <c r="C128337" s="14" t="s">
        <v>558</v>
      </c>
      <c r="D128337" s="14" t="s">
        <v>94</v>
      </c>
      <c r="E128337" s="15">
        <v>45598</v>
      </c>
      <c r="F128337" s="14" t="s">
        <v>15</v>
      </c>
      <c r="G128337" s="16">
        <v>0.86340973336877469</v>
      </c>
    </row>
    <row r="128338" spans="1:7" x14ac:dyDescent="0.3">
      <c r="A128338" s="13" t="s">
        <v>588</v>
      </c>
      <c r="B128338" s="14" t="s">
        <v>1</v>
      </c>
      <c r="C128338" s="14" t="s">
        <v>558</v>
      </c>
      <c r="D128338" s="14" t="s">
        <v>94</v>
      </c>
      <c r="E128338" s="15">
        <v>45599</v>
      </c>
      <c r="F128338" s="14" t="s">
        <v>15</v>
      </c>
      <c r="G128338" s="16">
        <v>0.86340973336877469</v>
      </c>
    </row>
    <row r="128339" spans="1:7" x14ac:dyDescent="0.3">
      <c r="A128339" s="13" t="s">
        <v>588</v>
      </c>
      <c r="B128339" s="14" t="s">
        <v>1</v>
      </c>
      <c r="C128339" s="14" t="s">
        <v>558</v>
      </c>
      <c r="D128339" s="14" t="s">
        <v>94</v>
      </c>
      <c r="E128339" s="15">
        <v>45600</v>
      </c>
      <c r="F128339" s="14" t="s">
        <v>15</v>
      </c>
      <c r="G128339" s="16">
        <v>0.86265500081365898</v>
      </c>
    </row>
    <row r="128340" spans="1:7" x14ac:dyDescent="0.3">
      <c r="A128340" s="13" t="s">
        <v>588</v>
      </c>
      <c r="B128340" s="14" t="s">
        <v>1</v>
      </c>
      <c r="C128340" s="14" t="s">
        <v>558</v>
      </c>
      <c r="D128340" s="14" t="s">
        <v>94</v>
      </c>
      <c r="E128340" s="15">
        <v>45601</v>
      </c>
      <c r="F128340" s="14" t="s">
        <v>15</v>
      </c>
      <c r="G128340" s="16">
        <v>0.85772162850131972</v>
      </c>
    </row>
    <row r="128341" spans="1:7" x14ac:dyDescent="0.3">
      <c r="A128341" s="13" t="s">
        <v>588</v>
      </c>
      <c r="B128341" s="14" t="s">
        <v>1</v>
      </c>
      <c r="C128341" s="14" t="s">
        <v>558</v>
      </c>
      <c r="D128341" s="14" t="s">
        <v>94</v>
      </c>
      <c r="E128341" s="15">
        <v>45602</v>
      </c>
      <c r="F128341" s="14" t="s">
        <v>15</v>
      </c>
      <c r="G128341" s="16">
        <v>0.85607325330570716</v>
      </c>
    </row>
    <row r="128342" spans="1:7" x14ac:dyDescent="0.3">
      <c r="A128342" s="13" t="s">
        <v>588</v>
      </c>
      <c r="B128342" s="14" t="s">
        <v>1</v>
      </c>
      <c r="C128342" s="14" t="s">
        <v>558</v>
      </c>
      <c r="D128342" s="14" t="s">
        <v>94</v>
      </c>
      <c r="E128342" s="15">
        <v>45603</v>
      </c>
      <c r="F128342" s="14" t="s">
        <v>15</v>
      </c>
      <c r="G128342" s="16">
        <v>0.85445217396763962</v>
      </c>
    </row>
    <row r="128343" spans="1:7" x14ac:dyDescent="0.3">
      <c r="A128343" s="13" t="s">
        <v>588</v>
      </c>
      <c r="B128343" s="14" t="s">
        <v>1</v>
      </c>
      <c r="C128343" s="14" t="s">
        <v>558</v>
      </c>
      <c r="D128343" s="14" t="s">
        <v>94</v>
      </c>
      <c r="E128343" s="15">
        <v>45604</v>
      </c>
      <c r="F128343" s="14" t="s">
        <v>15</v>
      </c>
      <c r="G128343" s="16">
        <v>0.85731354914903624</v>
      </c>
    </row>
    <row r="128344" spans="1:7" x14ac:dyDescent="0.3">
      <c r="A128344" s="13" t="s">
        <v>588</v>
      </c>
      <c r="B128344" s="14" t="s">
        <v>1</v>
      </c>
      <c r="C128344" s="14" t="s">
        <v>558</v>
      </c>
      <c r="D128344" s="14" t="s">
        <v>94</v>
      </c>
      <c r="E128344" s="15">
        <v>45605</v>
      </c>
      <c r="F128344" s="14" t="s">
        <v>15</v>
      </c>
      <c r="G128344" s="16">
        <v>0.85731354914903624</v>
      </c>
    </row>
    <row r="128345" spans="1:7" x14ac:dyDescent="0.3">
      <c r="A128345" s="13" t="s">
        <v>588</v>
      </c>
      <c r="B128345" s="14" t="s">
        <v>1</v>
      </c>
      <c r="C128345" s="14" t="s">
        <v>558</v>
      </c>
      <c r="D128345" s="14" t="s">
        <v>94</v>
      </c>
      <c r="E128345" s="15">
        <v>45606</v>
      </c>
      <c r="F128345" s="14" t="s">
        <v>15</v>
      </c>
      <c r="G128345" s="16">
        <v>0.85731354914903624</v>
      </c>
    </row>
    <row r="128346" spans="1:7" x14ac:dyDescent="0.3">
      <c r="A128346" s="13" t="s">
        <v>588</v>
      </c>
      <c r="B128346" s="14" t="s">
        <v>1</v>
      </c>
      <c r="C128346" s="14" t="s">
        <v>558</v>
      </c>
      <c r="D128346" s="14" t="s">
        <v>94</v>
      </c>
      <c r="E128346" s="15">
        <v>45607</v>
      </c>
      <c r="F128346" s="14" t="s">
        <v>15</v>
      </c>
      <c r="G128346" s="16">
        <v>0.85743465758819226</v>
      </c>
    </row>
    <row r="128347" spans="1:7" x14ac:dyDescent="0.3">
      <c r="A128347" s="13" t="s">
        <v>588</v>
      </c>
      <c r="B128347" s="14" t="s">
        <v>1</v>
      </c>
      <c r="C128347" s="14" t="s">
        <v>558</v>
      </c>
      <c r="D128347" s="14" t="s">
        <v>94</v>
      </c>
      <c r="E128347" s="15">
        <v>45608</v>
      </c>
      <c r="F128347" s="14" t="s">
        <v>15</v>
      </c>
      <c r="G128347" s="16">
        <v>0.87070880903482006</v>
      </c>
    </row>
    <row r="128348" spans="1:7" x14ac:dyDescent="0.3">
      <c r="A128348" s="13" t="s">
        <v>588</v>
      </c>
      <c r="B128348" s="14" t="s">
        <v>1</v>
      </c>
      <c r="C128348" s="14" t="s">
        <v>558</v>
      </c>
      <c r="D128348" s="14" t="s">
        <v>94</v>
      </c>
      <c r="E128348" s="15">
        <v>45609</v>
      </c>
      <c r="F128348" s="14" t="s">
        <v>15</v>
      </c>
      <c r="G128348" s="16">
        <v>0.86914944207033273</v>
      </c>
    </row>
    <row r="128349" spans="1:7" x14ac:dyDescent="0.3">
      <c r="A128349" s="13" t="s">
        <v>588</v>
      </c>
      <c r="B128349" s="14" t="s">
        <v>1</v>
      </c>
      <c r="C128349" s="14" t="s">
        <v>558</v>
      </c>
      <c r="D128349" s="14" t="s">
        <v>94</v>
      </c>
      <c r="E128349" s="15">
        <v>45610</v>
      </c>
      <c r="F128349" s="14" t="s">
        <v>15</v>
      </c>
      <c r="G128349" s="16">
        <v>0.86774791636904069</v>
      </c>
    </row>
    <row r="128350" spans="1:7" x14ac:dyDescent="0.3">
      <c r="A128350" s="13" t="s">
        <v>588</v>
      </c>
      <c r="B128350" s="14" t="s">
        <v>1</v>
      </c>
      <c r="C128350" s="14" t="s">
        <v>558</v>
      </c>
      <c r="D128350" s="14" t="s">
        <v>94</v>
      </c>
      <c r="E128350" s="15">
        <v>45611</v>
      </c>
      <c r="F128350" s="14" t="s">
        <v>15</v>
      </c>
      <c r="G128350" s="16">
        <v>0.86599629162532288</v>
      </c>
    </row>
    <row r="128351" spans="1:7" x14ac:dyDescent="0.3">
      <c r="A128351" s="13" t="s">
        <v>588</v>
      </c>
      <c r="B128351" s="14" t="s">
        <v>1</v>
      </c>
      <c r="C128351" s="14" t="s">
        <v>558</v>
      </c>
      <c r="D128351" s="14" t="s">
        <v>94</v>
      </c>
      <c r="E128351" s="15">
        <v>45612</v>
      </c>
      <c r="F128351" s="14" t="s">
        <v>15</v>
      </c>
      <c r="G128351" s="16">
        <v>0.86599629162532288</v>
      </c>
    </row>
    <row r="128352" spans="1:7" x14ac:dyDescent="0.3">
      <c r="A128352" s="13" t="s">
        <v>588</v>
      </c>
      <c r="B128352" s="14" t="s">
        <v>1</v>
      </c>
      <c r="C128352" s="14" t="s">
        <v>558</v>
      </c>
      <c r="D128352" s="14" t="s">
        <v>94</v>
      </c>
      <c r="E128352" s="15">
        <v>45613</v>
      </c>
      <c r="F128352" s="14" t="s">
        <v>15</v>
      </c>
      <c r="G128352" s="16">
        <v>0.86599629162532288</v>
      </c>
    </row>
    <row r="128353" spans="1:7" x14ac:dyDescent="0.3">
      <c r="A128353" s="13" t="s">
        <v>588</v>
      </c>
      <c r="B128353" s="14" t="s">
        <v>1</v>
      </c>
      <c r="C128353" s="14" t="s">
        <v>558</v>
      </c>
      <c r="D128353" s="14" t="s">
        <v>94</v>
      </c>
      <c r="E128353" s="15">
        <v>45614</v>
      </c>
      <c r="F128353" s="14" t="s">
        <v>15</v>
      </c>
      <c r="G128353" s="16">
        <v>0.86604975380882387</v>
      </c>
    </row>
    <row r="128354" spans="1:7" x14ac:dyDescent="0.3">
      <c r="A128354" s="13" t="s">
        <v>588</v>
      </c>
      <c r="B128354" s="14" t="s">
        <v>1</v>
      </c>
      <c r="C128354" s="14" t="s">
        <v>558</v>
      </c>
      <c r="D128354" s="14" t="s">
        <v>94</v>
      </c>
      <c r="E128354" s="15">
        <v>45615</v>
      </c>
      <c r="F128354" s="14" t="s">
        <v>15</v>
      </c>
      <c r="G128354" s="16">
        <v>0.86095735345687419</v>
      </c>
    </row>
    <row r="128355" spans="1:7" x14ac:dyDescent="0.3">
      <c r="A128355" s="13" t="s">
        <v>588</v>
      </c>
      <c r="B128355" s="14" t="s">
        <v>1</v>
      </c>
      <c r="C128355" s="14" t="s">
        <v>558</v>
      </c>
      <c r="D128355" s="14" t="s">
        <v>94</v>
      </c>
      <c r="E128355" s="15">
        <v>45616</v>
      </c>
      <c r="F128355" s="14" t="s">
        <v>15</v>
      </c>
      <c r="G128355" s="16">
        <v>0.86436939289483206</v>
      </c>
    </row>
    <row r="128356" spans="1:7" x14ac:dyDescent="0.3">
      <c r="A128356" s="13" t="s">
        <v>588</v>
      </c>
      <c r="B128356" s="14" t="s">
        <v>1</v>
      </c>
      <c r="C128356" s="14" t="s">
        <v>558</v>
      </c>
      <c r="D128356" s="14" t="s">
        <v>94</v>
      </c>
      <c r="E128356" s="15">
        <v>45617</v>
      </c>
      <c r="F128356" s="14" t="s">
        <v>15</v>
      </c>
      <c r="G128356" s="16">
        <v>0.8629453184416549</v>
      </c>
    </row>
    <row r="128357" spans="1:7" x14ac:dyDescent="0.3">
      <c r="A128357" s="13" t="s">
        <v>588</v>
      </c>
      <c r="B128357" s="14" t="s">
        <v>1</v>
      </c>
      <c r="C128357" s="14" t="s">
        <v>558</v>
      </c>
      <c r="D128357" s="14" t="s">
        <v>94</v>
      </c>
      <c r="E128357" s="15">
        <v>45618</v>
      </c>
      <c r="F128357" s="14" t="s">
        <v>15</v>
      </c>
      <c r="G128357" s="16">
        <v>0.86507089224575007</v>
      </c>
    </row>
    <row r="128358" spans="1:7" x14ac:dyDescent="0.3">
      <c r="A128358" s="13" t="s">
        <v>588</v>
      </c>
      <c r="B128358" s="14" t="s">
        <v>1</v>
      </c>
      <c r="C128358" s="14" t="s">
        <v>558</v>
      </c>
      <c r="D128358" s="14" t="s">
        <v>94</v>
      </c>
      <c r="E128358" s="15">
        <v>45619</v>
      </c>
      <c r="F128358" s="14" t="s">
        <v>15</v>
      </c>
      <c r="G128358" s="16">
        <v>0.86507089224575007</v>
      </c>
    </row>
    <row r="128359" spans="1:7" x14ac:dyDescent="0.3">
      <c r="A128359" s="13" t="s">
        <v>588</v>
      </c>
      <c r="B128359" s="14" t="s">
        <v>1</v>
      </c>
      <c r="C128359" s="14" t="s">
        <v>558</v>
      </c>
      <c r="D128359" s="14" t="s">
        <v>94</v>
      </c>
      <c r="E128359" s="15">
        <v>45620</v>
      </c>
      <c r="F128359" s="14" t="s">
        <v>15</v>
      </c>
      <c r="G128359" s="16">
        <v>0.86507089224575007</v>
      </c>
    </row>
    <row r="128360" spans="1:7" x14ac:dyDescent="0.3">
      <c r="A128360" s="13" t="s">
        <v>588</v>
      </c>
      <c r="B128360" s="14" t="s">
        <v>1</v>
      </c>
      <c r="C128360" s="14" t="s">
        <v>558</v>
      </c>
      <c r="D128360" s="14" t="s">
        <v>94</v>
      </c>
      <c r="E128360" s="15">
        <v>45621</v>
      </c>
      <c r="F128360" s="14" t="s">
        <v>15</v>
      </c>
      <c r="G128360" s="16">
        <v>0.86731039658568554</v>
      </c>
    </row>
    <row r="128361" spans="1:7" x14ac:dyDescent="0.3">
      <c r="A128361" s="13" t="s">
        <v>588</v>
      </c>
      <c r="B128361" s="14" t="s">
        <v>1</v>
      </c>
      <c r="C128361" s="14" t="s">
        <v>558</v>
      </c>
      <c r="D128361" s="14" t="s">
        <v>94</v>
      </c>
      <c r="E128361" s="15">
        <v>45622</v>
      </c>
      <c r="F128361" s="14" t="s">
        <v>15</v>
      </c>
      <c r="G128361" s="16">
        <v>0.86522647444576706</v>
      </c>
    </row>
    <row r="128362" spans="1:7" x14ac:dyDescent="0.3">
      <c r="A128362" s="13" t="s">
        <v>588</v>
      </c>
      <c r="B128362" s="14" t="s">
        <v>1</v>
      </c>
      <c r="C128362" s="14" t="s">
        <v>558</v>
      </c>
      <c r="D128362" s="14" t="s">
        <v>94</v>
      </c>
      <c r="E128362" s="15">
        <v>45623</v>
      </c>
      <c r="F128362" s="14" t="s">
        <v>15</v>
      </c>
      <c r="G128362" s="16">
        <v>0.87755001798397791</v>
      </c>
    </row>
    <row r="128363" spans="1:7" x14ac:dyDescent="0.3">
      <c r="A128363" s="13" t="s">
        <v>588</v>
      </c>
      <c r="B128363" s="14" t="s">
        <v>1</v>
      </c>
      <c r="C128363" s="14" t="s">
        <v>558</v>
      </c>
      <c r="D128363" s="14" t="s">
        <v>94</v>
      </c>
      <c r="E128363" s="15">
        <v>45624</v>
      </c>
      <c r="F128363" s="14" t="s">
        <v>15</v>
      </c>
      <c r="G128363" s="16">
        <v>0.87632176163927622</v>
      </c>
    </row>
    <row r="128364" spans="1:7" x14ac:dyDescent="0.3">
      <c r="A128364" s="13" t="s">
        <v>588</v>
      </c>
      <c r="B128364" s="14" t="s">
        <v>1</v>
      </c>
      <c r="C128364" s="14" t="s">
        <v>558</v>
      </c>
      <c r="D128364" s="14" t="s">
        <v>94</v>
      </c>
      <c r="E128364" s="15">
        <v>45625</v>
      </c>
      <c r="F128364" s="14" t="s">
        <v>15</v>
      </c>
      <c r="G128364" s="16">
        <v>0.8789885054886124</v>
      </c>
    </row>
    <row r="128365" spans="1:7" x14ac:dyDescent="0.3">
      <c r="A128365" s="13" t="s">
        <v>588</v>
      </c>
      <c r="B128365" s="14" t="s">
        <v>1</v>
      </c>
      <c r="C128365" s="14" t="s">
        <v>558</v>
      </c>
      <c r="D128365" s="14" t="s">
        <v>94</v>
      </c>
      <c r="E128365" s="15">
        <v>45626</v>
      </c>
      <c r="F128365" s="14" t="s">
        <v>15</v>
      </c>
      <c r="G128365" s="16">
        <v>0.8789885054886124</v>
      </c>
    </row>
    <row r="128366" spans="1:7" x14ac:dyDescent="0.3">
      <c r="A128366" s="13" t="s">
        <v>588</v>
      </c>
      <c r="B128366" s="14" t="s">
        <v>1</v>
      </c>
      <c r="C128366" s="14" t="s">
        <v>558</v>
      </c>
      <c r="D128366" s="14" t="s">
        <v>94</v>
      </c>
      <c r="E128366" s="15">
        <v>45627</v>
      </c>
      <c r="F128366" s="14" t="s">
        <v>15</v>
      </c>
      <c r="G128366" s="16">
        <v>0.8789885054886124</v>
      </c>
    </row>
    <row r="128367" spans="1:7" x14ac:dyDescent="0.3">
      <c r="A128367" s="13" t="s">
        <v>588</v>
      </c>
      <c r="B128367" s="14" t="s">
        <v>1</v>
      </c>
      <c r="C128367" s="14" t="s">
        <v>558</v>
      </c>
      <c r="D128367" s="14" t="s">
        <v>94</v>
      </c>
      <c r="E128367" s="15">
        <v>45628</v>
      </c>
      <c r="F128367" s="14" t="s">
        <v>15</v>
      </c>
      <c r="G128367" s="16">
        <v>0.87770447065240564</v>
      </c>
    </row>
    <row r="128368" spans="1:7" x14ac:dyDescent="0.3">
      <c r="A128368" s="13" t="s">
        <v>588</v>
      </c>
      <c r="B128368" s="14" t="s">
        <v>1</v>
      </c>
      <c r="C128368" s="14" t="s">
        <v>558</v>
      </c>
      <c r="D128368" s="14" t="s">
        <v>94</v>
      </c>
      <c r="E128368" s="15">
        <v>45629</v>
      </c>
      <c r="F128368" s="14" t="s">
        <v>15</v>
      </c>
      <c r="G128368" s="16">
        <v>0.87973272879047049</v>
      </c>
    </row>
    <row r="128369" spans="1:7" x14ac:dyDescent="0.3">
      <c r="A128369" s="13" t="s">
        <v>588</v>
      </c>
      <c r="B128369" s="14" t="s">
        <v>1</v>
      </c>
      <c r="C128369" s="14" t="s">
        <v>558</v>
      </c>
      <c r="D128369" s="14" t="s">
        <v>94</v>
      </c>
      <c r="E128369" s="15">
        <v>45630</v>
      </c>
      <c r="F128369" s="14" t="s">
        <v>15</v>
      </c>
      <c r="G128369" s="16">
        <v>0.87866112693254905</v>
      </c>
    </row>
    <row r="128370" spans="1:7" x14ac:dyDescent="0.3">
      <c r="A128370" s="13" t="s">
        <v>588</v>
      </c>
      <c r="B128370" s="14" t="s">
        <v>1</v>
      </c>
      <c r="C128370" s="14" t="s">
        <v>558</v>
      </c>
      <c r="D128370" s="14" t="s">
        <v>94</v>
      </c>
      <c r="E128370" s="15">
        <v>45631</v>
      </c>
      <c r="F128370" s="14" t="s">
        <v>15</v>
      </c>
      <c r="G128370" s="16">
        <v>0.87735098301521219</v>
      </c>
    </row>
    <row r="128371" spans="1:7" x14ac:dyDescent="0.3">
      <c r="A128371" s="13" t="s">
        <v>588</v>
      </c>
      <c r="B128371" s="14" t="s">
        <v>1</v>
      </c>
      <c r="C128371" s="14" t="s">
        <v>558</v>
      </c>
      <c r="D128371" s="14" t="s">
        <v>94</v>
      </c>
      <c r="E128371" s="15">
        <v>45632</v>
      </c>
      <c r="F128371" s="14" t="s">
        <v>15</v>
      </c>
      <c r="G128371" s="16">
        <v>0.87590554658656505</v>
      </c>
    </row>
    <row r="128372" spans="1:7" x14ac:dyDescent="0.3">
      <c r="A128372" s="13" t="s">
        <v>588</v>
      </c>
      <c r="B128372" s="14" t="s">
        <v>1</v>
      </c>
      <c r="C128372" s="14" t="s">
        <v>558</v>
      </c>
      <c r="D128372" s="14" t="s">
        <v>94</v>
      </c>
      <c r="E128372" s="15">
        <v>45633</v>
      </c>
      <c r="F128372" s="14" t="s">
        <v>15</v>
      </c>
      <c r="G128372" s="16">
        <v>0.87590554658656505</v>
      </c>
    </row>
    <row r="128373" spans="1:7" x14ac:dyDescent="0.3">
      <c r="A128373" s="13" t="s">
        <v>588</v>
      </c>
      <c r="B128373" s="14" t="s">
        <v>1</v>
      </c>
      <c r="C128373" s="14" t="s">
        <v>558</v>
      </c>
      <c r="D128373" s="14" t="s">
        <v>94</v>
      </c>
      <c r="E128373" s="15">
        <v>45634</v>
      </c>
      <c r="F128373" s="14" t="s">
        <v>15</v>
      </c>
      <c r="G128373" s="16">
        <v>0.87590554658656505</v>
      </c>
    </row>
    <row r="128374" spans="1:7" x14ac:dyDescent="0.3">
      <c r="A128374" s="13" t="s">
        <v>588</v>
      </c>
      <c r="B128374" s="14" t="s">
        <v>1</v>
      </c>
      <c r="C128374" s="14" t="s">
        <v>558</v>
      </c>
      <c r="D128374" s="14" t="s">
        <v>94</v>
      </c>
      <c r="E128374" s="15">
        <v>45635</v>
      </c>
      <c r="F128374" s="14" t="s">
        <v>15</v>
      </c>
      <c r="G128374" s="16">
        <v>0.87821981784064562</v>
      </c>
    </row>
    <row r="128375" spans="1:7" x14ac:dyDescent="0.3">
      <c r="A128375" s="13" t="s">
        <v>588</v>
      </c>
      <c r="B128375" s="14" t="s">
        <v>1</v>
      </c>
      <c r="C128375" s="14" t="s">
        <v>558</v>
      </c>
      <c r="D128375" s="14" t="s">
        <v>94</v>
      </c>
      <c r="E128375" s="15">
        <v>45636</v>
      </c>
      <c r="F128375" s="14" t="s">
        <v>15</v>
      </c>
      <c r="G128375" s="16">
        <v>0.89486204075305043</v>
      </c>
    </row>
    <row r="128376" spans="1:7" x14ac:dyDescent="0.3">
      <c r="A128376" s="13" t="s">
        <v>588</v>
      </c>
      <c r="B128376" s="14" t="s">
        <v>1</v>
      </c>
      <c r="C128376" s="14" t="s">
        <v>558</v>
      </c>
      <c r="D128376" s="14" t="s">
        <v>94</v>
      </c>
      <c r="E128376" s="15">
        <v>45637</v>
      </c>
      <c r="F128376" s="14" t="s">
        <v>15</v>
      </c>
      <c r="G128376" s="16">
        <v>0.90009578198803686</v>
      </c>
    </row>
    <row r="128377" spans="1:7" x14ac:dyDescent="0.3">
      <c r="A128377" s="13" t="s">
        <v>588</v>
      </c>
      <c r="B128377" s="14" t="s">
        <v>1</v>
      </c>
      <c r="C128377" s="14" t="s">
        <v>558</v>
      </c>
      <c r="D128377" s="14" t="s">
        <v>94</v>
      </c>
      <c r="E128377" s="15">
        <v>45638</v>
      </c>
      <c r="F128377" s="14" t="s">
        <v>15</v>
      </c>
      <c r="G128377" s="16">
        <v>0.89879275872918996</v>
      </c>
    </row>
    <row r="128378" spans="1:7" x14ac:dyDescent="0.3">
      <c r="A128378" s="13" t="s">
        <v>588</v>
      </c>
      <c r="B128378" s="14" t="s">
        <v>1</v>
      </c>
      <c r="C128378" s="14" t="s">
        <v>558</v>
      </c>
      <c r="D128378" s="14" t="s">
        <v>94</v>
      </c>
      <c r="E128378" s="15">
        <v>45639</v>
      </c>
      <c r="F128378" s="14" t="s">
        <v>15</v>
      </c>
      <c r="G128378" s="16">
        <v>0.94764409354476031</v>
      </c>
    </row>
    <row r="128379" spans="1:7" x14ac:dyDescent="0.3">
      <c r="A128379" s="13" t="s">
        <v>588</v>
      </c>
      <c r="B128379" s="14" t="s">
        <v>1</v>
      </c>
      <c r="C128379" s="14" t="s">
        <v>558</v>
      </c>
      <c r="D128379" s="14" t="s">
        <v>94</v>
      </c>
      <c r="E128379" s="15">
        <v>45640</v>
      </c>
      <c r="F128379" s="14" t="s">
        <v>15</v>
      </c>
      <c r="G128379" s="16">
        <v>0.94764409354476031</v>
      </c>
    </row>
    <row r="128380" spans="1:7" x14ac:dyDescent="0.3">
      <c r="A128380" s="13" t="s">
        <v>588</v>
      </c>
      <c r="B128380" s="14" t="s">
        <v>1</v>
      </c>
      <c r="C128380" s="14" t="s">
        <v>558</v>
      </c>
      <c r="D128380" s="14" t="s">
        <v>94</v>
      </c>
      <c r="E128380" s="15">
        <v>45641</v>
      </c>
      <c r="F128380" s="14" t="s">
        <v>15</v>
      </c>
      <c r="G128380" s="16">
        <v>0.94764409354476031</v>
      </c>
    </row>
    <row r="128381" spans="1:7" x14ac:dyDescent="0.3">
      <c r="A128381" s="13" t="s">
        <v>588</v>
      </c>
      <c r="B128381" s="14" t="s">
        <v>1</v>
      </c>
      <c r="C128381" s="14" t="s">
        <v>558</v>
      </c>
      <c r="D128381" s="14" t="s">
        <v>94</v>
      </c>
      <c r="E128381" s="15">
        <v>45642</v>
      </c>
      <c r="F128381" s="14" t="s">
        <v>15</v>
      </c>
      <c r="G128381" s="16">
        <v>0.94627342403025838</v>
      </c>
    </row>
    <row r="128382" spans="1:7" x14ac:dyDescent="0.3">
      <c r="A128382" s="13" t="s">
        <v>588</v>
      </c>
      <c r="B128382" s="14" t="s">
        <v>1</v>
      </c>
      <c r="C128382" s="14" t="s">
        <v>558</v>
      </c>
      <c r="D128382" s="14" t="s">
        <v>94</v>
      </c>
      <c r="E128382" s="15">
        <v>45643</v>
      </c>
      <c r="F128382" s="14" t="s">
        <v>15</v>
      </c>
      <c r="G128382" s="16">
        <v>0.94210234524387992</v>
      </c>
    </row>
    <row r="128383" spans="1:7" x14ac:dyDescent="0.3">
      <c r="A128383" s="13" t="s">
        <v>588</v>
      </c>
      <c r="B128383" s="14" t="s">
        <v>1</v>
      </c>
      <c r="C128383" s="14" t="s">
        <v>558</v>
      </c>
      <c r="D128383" s="14" t="s">
        <v>94</v>
      </c>
      <c r="E128383" s="15">
        <v>45644</v>
      </c>
      <c r="F128383" s="14" t="s">
        <v>15</v>
      </c>
      <c r="G128383" s="16">
        <v>0.95865408459499535</v>
      </c>
    </row>
    <row r="128384" spans="1:7" x14ac:dyDescent="0.3">
      <c r="A128384" s="13" t="s">
        <v>588</v>
      </c>
      <c r="B128384" s="14" t="s">
        <v>1</v>
      </c>
      <c r="C128384" s="14" t="s">
        <v>558</v>
      </c>
      <c r="D128384" s="14" t="s">
        <v>94</v>
      </c>
      <c r="E128384" s="15">
        <v>45645</v>
      </c>
      <c r="F128384" s="14" t="s">
        <v>15</v>
      </c>
      <c r="G128384" s="16">
        <v>0.96293985612553545</v>
      </c>
    </row>
    <row r="128385" spans="1:7" x14ac:dyDescent="0.3">
      <c r="A128385" s="13" t="s">
        <v>588</v>
      </c>
      <c r="B128385" s="14" t="s">
        <v>1</v>
      </c>
      <c r="C128385" s="14" t="s">
        <v>558</v>
      </c>
      <c r="D128385" s="14" t="s">
        <v>94</v>
      </c>
      <c r="E128385" s="15">
        <v>45646</v>
      </c>
      <c r="F128385" s="14" t="s">
        <v>15</v>
      </c>
      <c r="G128385" s="16">
        <v>0.96160154184427649</v>
      </c>
    </row>
    <row r="128386" spans="1:7" x14ac:dyDescent="0.3">
      <c r="A128386" s="13" t="s">
        <v>588</v>
      </c>
      <c r="B128386" s="14" t="s">
        <v>1</v>
      </c>
      <c r="C128386" s="14" t="s">
        <v>558</v>
      </c>
      <c r="D128386" s="14" t="s">
        <v>94</v>
      </c>
      <c r="E128386" s="15">
        <v>45647</v>
      </c>
      <c r="F128386" s="14" t="s">
        <v>15</v>
      </c>
      <c r="G128386" s="16">
        <v>0.96160154184427649</v>
      </c>
    </row>
    <row r="128387" spans="1:7" x14ac:dyDescent="0.3">
      <c r="A128387" s="13" t="s">
        <v>588</v>
      </c>
      <c r="B128387" s="14" t="s">
        <v>1</v>
      </c>
      <c r="C128387" s="14" t="s">
        <v>558</v>
      </c>
      <c r="D128387" s="14" t="s">
        <v>94</v>
      </c>
      <c r="E128387" s="15">
        <v>45648</v>
      </c>
      <c r="F128387" s="14" t="s">
        <v>15</v>
      </c>
      <c r="G128387" s="16">
        <v>0.96160154184427649</v>
      </c>
    </row>
    <row r="128388" spans="1:7" x14ac:dyDescent="0.3">
      <c r="A128388" s="13" t="s">
        <v>588</v>
      </c>
      <c r="B128388" s="14" t="s">
        <v>1</v>
      </c>
      <c r="C128388" s="14" t="s">
        <v>558</v>
      </c>
      <c r="D128388" s="14" t="s">
        <v>94</v>
      </c>
      <c r="E128388" s="15">
        <v>45649</v>
      </c>
      <c r="F128388" s="14" t="s">
        <v>15</v>
      </c>
      <c r="G128388" s="16">
        <v>0.96457210128315396</v>
      </c>
    </row>
    <row r="128389" spans="1:7" x14ac:dyDescent="0.3">
      <c r="A128389" s="13" t="s">
        <v>588</v>
      </c>
      <c r="B128389" s="14" t="s">
        <v>1</v>
      </c>
      <c r="C128389" s="14" t="s">
        <v>558</v>
      </c>
      <c r="D128389" s="14" t="s">
        <v>94</v>
      </c>
      <c r="E128389" s="15">
        <v>45650</v>
      </c>
      <c r="F128389" s="14" t="s">
        <v>15</v>
      </c>
      <c r="G128389" s="16">
        <v>0.96164675628517138</v>
      </c>
    </row>
    <row r="128390" spans="1:7" x14ac:dyDescent="0.3">
      <c r="A128390" s="13" t="s">
        <v>588</v>
      </c>
      <c r="B128390" s="14" t="s">
        <v>1</v>
      </c>
      <c r="C128390" s="14" t="s">
        <v>558</v>
      </c>
      <c r="D128390" s="14" t="s">
        <v>94</v>
      </c>
      <c r="E128390" s="15">
        <v>45651</v>
      </c>
      <c r="F128390" s="14" t="s">
        <v>15</v>
      </c>
      <c r="G128390" s="16">
        <v>0.96164675628517138</v>
      </c>
    </row>
    <row r="128391" spans="1:7" x14ac:dyDescent="0.3">
      <c r="A128391" s="13" t="s">
        <v>588</v>
      </c>
      <c r="B128391" s="14" t="s">
        <v>1</v>
      </c>
      <c r="C128391" s="14" t="s">
        <v>558</v>
      </c>
      <c r="D128391" s="14" t="s">
        <v>94</v>
      </c>
      <c r="E128391" s="15">
        <v>45652</v>
      </c>
      <c r="F128391" s="14" t="s">
        <v>15</v>
      </c>
      <c r="G128391" s="16">
        <v>0.96164675628517138</v>
      </c>
    </row>
    <row r="128392" spans="1:7" x14ac:dyDescent="0.3">
      <c r="A128392" s="13" t="s">
        <v>588</v>
      </c>
      <c r="B128392" s="14" t="s">
        <v>1</v>
      </c>
      <c r="C128392" s="14" t="s">
        <v>558</v>
      </c>
      <c r="D128392" s="14" t="s">
        <v>94</v>
      </c>
      <c r="E128392" s="15">
        <v>45653</v>
      </c>
      <c r="F128392" s="14" t="s">
        <v>15</v>
      </c>
      <c r="G128392" s="16">
        <v>0.96164675628517138</v>
      </c>
    </row>
    <row r="128393" spans="1:7" x14ac:dyDescent="0.3">
      <c r="A128393" s="13" t="s">
        <v>588</v>
      </c>
      <c r="B128393" s="14" t="s">
        <v>1</v>
      </c>
      <c r="C128393" s="14" t="s">
        <v>558</v>
      </c>
      <c r="D128393" s="14" t="s">
        <v>94</v>
      </c>
      <c r="E128393" s="15">
        <v>45654</v>
      </c>
      <c r="F128393" s="14" t="s">
        <v>15</v>
      </c>
      <c r="G128393" s="16">
        <v>0.96164675628517138</v>
      </c>
    </row>
    <row r="128394" spans="1:7" x14ac:dyDescent="0.3">
      <c r="A128394" s="13" t="s">
        <v>588</v>
      </c>
      <c r="B128394" s="14" t="s">
        <v>1</v>
      </c>
      <c r="C128394" s="14" t="s">
        <v>558</v>
      </c>
      <c r="D128394" s="14" t="s">
        <v>94</v>
      </c>
      <c r="E128394" s="15">
        <v>45655</v>
      </c>
      <c r="F128394" s="14" t="s">
        <v>15</v>
      </c>
      <c r="G128394" s="16">
        <v>0.96164675628517138</v>
      </c>
    </row>
    <row r="128395" spans="1:7" x14ac:dyDescent="0.3">
      <c r="A128395" s="13" t="s">
        <v>588</v>
      </c>
      <c r="B128395" s="14" t="s">
        <v>1</v>
      </c>
      <c r="C128395" s="14" t="s">
        <v>558</v>
      </c>
      <c r="D128395" s="14" t="s">
        <v>94</v>
      </c>
      <c r="E128395" s="15">
        <v>45656</v>
      </c>
      <c r="F128395" s="14" t="s">
        <v>15</v>
      </c>
      <c r="G128395" s="16">
        <v>0.96096665750854415</v>
      </c>
    </row>
    <row r="128396" spans="1:7" x14ac:dyDescent="0.3">
      <c r="A128396" s="13" t="s">
        <v>588</v>
      </c>
      <c r="B128396" s="14" t="s">
        <v>1</v>
      </c>
      <c r="C128396" s="14" t="s">
        <v>558</v>
      </c>
      <c r="D128396" s="14" t="s">
        <v>94</v>
      </c>
      <c r="E128396" s="15">
        <v>45657</v>
      </c>
      <c r="F128396" s="14" t="s">
        <v>15</v>
      </c>
      <c r="G128396" s="16">
        <v>0.98739041051153664</v>
      </c>
    </row>
    <row r="128397" spans="1:7" x14ac:dyDescent="0.3">
      <c r="A128397" s="13" t="s">
        <v>588</v>
      </c>
      <c r="B128397" s="14" t="s">
        <v>1</v>
      </c>
      <c r="C128397" s="14" t="s">
        <v>558</v>
      </c>
      <c r="D128397" s="14" t="s">
        <v>94</v>
      </c>
      <c r="E128397" s="15">
        <v>45658</v>
      </c>
      <c r="F128397" s="14" t="s">
        <v>15</v>
      </c>
      <c r="G128397" s="16">
        <v>0.98739041051153664</v>
      </c>
    </row>
    <row r="128398" spans="1:7" x14ac:dyDescent="0.3">
      <c r="A128398" s="13" t="s">
        <v>588</v>
      </c>
      <c r="B128398" s="14" t="s">
        <v>1</v>
      </c>
      <c r="C128398" s="14" t="s">
        <v>558</v>
      </c>
      <c r="D128398" s="14" t="s">
        <v>94</v>
      </c>
      <c r="E128398" s="15">
        <v>45659</v>
      </c>
      <c r="F128398" s="14" t="s">
        <v>15</v>
      </c>
      <c r="G128398" s="16">
        <v>0.98945897092554824</v>
      </c>
    </row>
    <row r="128399" spans="1:7" x14ac:dyDescent="0.3">
      <c r="A128399" s="13" t="s">
        <v>588</v>
      </c>
      <c r="B128399" s="14" t="s">
        <v>1</v>
      </c>
      <c r="C128399" s="14" t="s">
        <v>558</v>
      </c>
      <c r="D128399" s="14" t="s">
        <v>94</v>
      </c>
      <c r="E128399" s="15">
        <v>45660</v>
      </c>
      <c r="F128399" s="14" t="s">
        <v>15</v>
      </c>
      <c r="G128399" s="16">
        <v>1.0228134894087944</v>
      </c>
    </row>
    <row r="128400" spans="1:7" x14ac:dyDescent="0.3">
      <c r="A128400" s="13" t="s">
        <v>588</v>
      </c>
      <c r="B128400" s="14" t="s">
        <v>1</v>
      </c>
      <c r="C128400" s="14" t="s">
        <v>558</v>
      </c>
      <c r="D128400" s="14" t="s">
        <v>94</v>
      </c>
      <c r="E128400" s="15">
        <v>45661</v>
      </c>
      <c r="F128400" s="14" t="s">
        <v>15</v>
      </c>
      <c r="G128400" s="16">
        <v>1.0228134894087944</v>
      </c>
    </row>
    <row r="128401" spans="1:7" x14ac:dyDescent="0.3">
      <c r="A128401" s="13" t="s">
        <v>588</v>
      </c>
      <c r="B128401" s="14" t="s">
        <v>1</v>
      </c>
      <c r="C128401" s="14" t="s">
        <v>558</v>
      </c>
      <c r="D128401" s="14" t="s">
        <v>94</v>
      </c>
      <c r="E128401" s="15">
        <v>45662</v>
      </c>
      <c r="F128401" s="14" t="s">
        <v>15</v>
      </c>
      <c r="G128401" s="16">
        <v>1.0228134894087944</v>
      </c>
    </row>
    <row r="128402" spans="1:7" x14ac:dyDescent="0.3">
      <c r="A128402" s="13" t="s">
        <v>588</v>
      </c>
      <c r="B128402" s="14" t="s">
        <v>1</v>
      </c>
      <c r="C128402" s="14" t="s">
        <v>558</v>
      </c>
      <c r="D128402" s="14" t="s">
        <v>94</v>
      </c>
      <c r="E128402" s="15">
        <v>45663</v>
      </c>
      <c r="F128402" s="14" t="s">
        <v>15</v>
      </c>
      <c r="G128402" s="16">
        <v>1.021493458891553</v>
      </c>
    </row>
    <row r="128403" spans="1:7" x14ac:dyDescent="0.3">
      <c r="A128403" s="13" t="s">
        <v>588</v>
      </c>
      <c r="B128403" s="14" t="s">
        <v>1</v>
      </c>
      <c r="C128403" s="14" t="s">
        <v>558</v>
      </c>
      <c r="D128403" s="14" t="s">
        <v>94</v>
      </c>
      <c r="E128403" s="15">
        <v>45664</v>
      </c>
      <c r="F128403" s="14" t="s">
        <v>15</v>
      </c>
      <c r="G128403" s="16">
        <v>1.0238728432938629</v>
      </c>
    </row>
    <row r="128404" spans="1:7" x14ac:dyDescent="0.3">
      <c r="A128404" s="13" t="s">
        <v>588</v>
      </c>
      <c r="B128404" s="14" t="s">
        <v>1</v>
      </c>
      <c r="C128404" s="14" t="s">
        <v>558</v>
      </c>
      <c r="D128404" s="14" t="s">
        <v>94</v>
      </c>
      <c r="E128404" s="15">
        <v>45665</v>
      </c>
      <c r="F128404" s="14" t="s">
        <v>15</v>
      </c>
      <c r="G128404" s="16">
        <v>1.0224662696269384</v>
      </c>
    </row>
    <row r="128405" spans="1:7" x14ac:dyDescent="0.3">
      <c r="A128405" s="13" t="s">
        <v>588</v>
      </c>
      <c r="B128405" s="14" t="s">
        <v>1</v>
      </c>
      <c r="C128405" s="14" t="s">
        <v>558</v>
      </c>
      <c r="D128405" s="14" t="s">
        <v>94</v>
      </c>
      <c r="E128405" s="15">
        <v>45666</v>
      </c>
      <c r="F128405" s="14" t="s">
        <v>15</v>
      </c>
      <c r="G128405" s="16">
        <v>1.0210011879151575</v>
      </c>
    </row>
    <row r="128406" spans="1:7" x14ac:dyDescent="0.3">
      <c r="A128406" s="13" t="s">
        <v>588</v>
      </c>
      <c r="B128406" s="14" t="s">
        <v>1</v>
      </c>
      <c r="C128406" s="14" t="s">
        <v>558</v>
      </c>
      <c r="D128406" s="14" t="s">
        <v>94</v>
      </c>
      <c r="E128406" s="15">
        <v>45667</v>
      </c>
      <c r="F128406" s="14" t="s">
        <v>15</v>
      </c>
      <c r="G128406" s="16">
        <v>1.0196250871882622</v>
      </c>
    </row>
    <row r="128407" spans="1:7" x14ac:dyDescent="0.3">
      <c r="A128407" s="13" t="s">
        <v>588</v>
      </c>
      <c r="B128407" s="14" t="s">
        <v>1</v>
      </c>
      <c r="C128407" s="14" t="s">
        <v>558</v>
      </c>
      <c r="D128407" s="14" t="s">
        <v>94</v>
      </c>
      <c r="E128407" s="15">
        <v>45668</v>
      </c>
      <c r="F128407" s="14" t="s">
        <v>15</v>
      </c>
      <c r="G128407" s="16">
        <v>1.0196250871882622</v>
      </c>
    </row>
    <row r="128408" spans="1:7" x14ac:dyDescent="0.3">
      <c r="A128408" s="13" t="s">
        <v>588</v>
      </c>
      <c r="B128408" s="14" t="s">
        <v>1</v>
      </c>
      <c r="C128408" s="14" t="s">
        <v>558</v>
      </c>
      <c r="D128408" s="14" t="s">
        <v>94</v>
      </c>
      <c r="E128408" s="15">
        <v>45669</v>
      </c>
      <c r="F128408" s="14" t="s">
        <v>15</v>
      </c>
      <c r="G128408" s="16">
        <v>1.0196250871882622</v>
      </c>
    </row>
    <row r="128409" spans="1:7" x14ac:dyDescent="0.3">
      <c r="A128409" s="13" t="s">
        <v>588</v>
      </c>
      <c r="B128409" s="14" t="s">
        <v>1</v>
      </c>
      <c r="C128409" s="14" t="s">
        <v>558</v>
      </c>
      <c r="D128409" s="14" t="s">
        <v>94</v>
      </c>
      <c r="E128409" s="15">
        <v>45670</v>
      </c>
      <c r="F128409" s="14" t="s">
        <v>15</v>
      </c>
      <c r="G128409" s="16">
        <v>1.018141721712464</v>
      </c>
    </row>
    <row r="128410" spans="1:7" x14ac:dyDescent="0.3">
      <c r="A128410" s="13" t="s">
        <v>588</v>
      </c>
      <c r="B128410" s="14" t="s">
        <v>1</v>
      </c>
      <c r="C128410" s="14" t="s">
        <v>558</v>
      </c>
      <c r="D128410" s="14" t="s">
        <v>94</v>
      </c>
      <c r="E128410" s="15">
        <v>45671</v>
      </c>
      <c r="F128410" s="14" t="s">
        <v>15</v>
      </c>
      <c r="G128410" s="16">
        <v>1.0135830271289132</v>
      </c>
    </row>
    <row r="128411" spans="1:7" x14ac:dyDescent="0.3">
      <c r="A128411" s="13" t="s">
        <v>588</v>
      </c>
      <c r="B128411" s="14" t="s">
        <v>1</v>
      </c>
      <c r="C128411" s="14" t="s">
        <v>558</v>
      </c>
      <c r="D128411" s="14" t="s">
        <v>94</v>
      </c>
      <c r="E128411" s="15">
        <v>45672</v>
      </c>
      <c r="F128411" s="14" t="s">
        <v>15</v>
      </c>
      <c r="G128411" s="16">
        <v>1.0122020507316132</v>
      </c>
    </row>
    <row r="128412" spans="1:7" x14ac:dyDescent="0.3">
      <c r="A128412" s="13" t="s">
        <v>588</v>
      </c>
      <c r="B128412" s="14" t="s">
        <v>1</v>
      </c>
      <c r="C128412" s="14" t="s">
        <v>558</v>
      </c>
      <c r="D128412" s="14" t="s">
        <v>94</v>
      </c>
      <c r="E128412" s="15">
        <v>45673</v>
      </c>
      <c r="F128412" s="14" t="s">
        <v>15</v>
      </c>
      <c r="G128412" s="16">
        <v>1.0107918203118851</v>
      </c>
    </row>
    <row r="128413" spans="1:7" x14ac:dyDescent="0.3">
      <c r="A128413" s="13" t="s">
        <v>588</v>
      </c>
      <c r="B128413" s="14" t="s">
        <v>1</v>
      </c>
      <c r="C128413" s="14" t="s">
        <v>558</v>
      </c>
      <c r="D128413" s="14" t="s">
        <v>94</v>
      </c>
      <c r="E128413" s="15">
        <v>45674</v>
      </c>
      <c r="F128413" s="14" t="s">
        <v>15</v>
      </c>
      <c r="G128413" s="16">
        <v>1.0093754953041514</v>
      </c>
    </row>
    <row r="128414" spans="1:7" x14ac:dyDescent="0.3">
      <c r="A128414" s="13" t="s">
        <v>588</v>
      </c>
      <c r="B128414" s="14" t="s">
        <v>1</v>
      </c>
      <c r="C128414" s="14" t="s">
        <v>558</v>
      </c>
      <c r="D128414" s="14" t="s">
        <v>94</v>
      </c>
      <c r="E128414" s="15">
        <v>45675</v>
      </c>
      <c r="F128414" s="14" t="s">
        <v>15</v>
      </c>
      <c r="G128414" s="16">
        <v>1.0093754953041514</v>
      </c>
    </row>
    <row r="128415" spans="1:7" x14ac:dyDescent="0.3">
      <c r="A128415" s="13" t="s">
        <v>588</v>
      </c>
      <c r="B128415" s="14" t="s">
        <v>1</v>
      </c>
      <c r="C128415" s="14" t="s">
        <v>558</v>
      </c>
      <c r="D128415" s="14" t="s">
        <v>94</v>
      </c>
      <c r="E128415" s="15">
        <v>45676</v>
      </c>
      <c r="F128415" s="14" t="s">
        <v>15</v>
      </c>
      <c r="G128415" s="16">
        <v>1.0093754953041514</v>
      </c>
    </row>
    <row r="128416" spans="1:7" x14ac:dyDescent="0.3">
      <c r="A128416" s="13" t="s">
        <v>588</v>
      </c>
      <c r="B128416" s="14" t="s">
        <v>1</v>
      </c>
      <c r="C128416" s="14" t="s">
        <v>558</v>
      </c>
      <c r="D128416" s="14" t="s">
        <v>94</v>
      </c>
      <c r="E128416" s="15">
        <v>45677</v>
      </c>
      <c r="F128416" s="14" t="s">
        <v>15</v>
      </c>
      <c r="G128416" s="16">
        <v>1.0137283073027559</v>
      </c>
    </row>
    <row r="128417" spans="1:7" x14ac:dyDescent="0.3">
      <c r="A128417" s="13" t="s">
        <v>588</v>
      </c>
      <c r="B128417" s="14" t="s">
        <v>1</v>
      </c>
      <c r="C128417" s="14" t="s">
        <v>558</v>
      </c>
      <c r="D128417" s="14" t="s">
        <v>94</v>
      </c>
      <c r="E128417" s="15">
        <v>45678</v>
      </c>
      <c r="F128417" s="14" t="s">
        <v>15</v>
      </c>
      <c r="G128417" s="16">
        <v>1.0094353367562603</v>
      </c>
    </row>
    <row r="128418" spans="1:7" x14ac:dyDescent="0.3">
      <c r="A128418" s="13" t="s">
        <v>588</v>
      </c>
      <c r="B128418" s="14" t="s">
        <v>1</v>
      </c>
      <c r="C128418" s="14" t="s">
        <v>558</v>
      </c>
      <c r="D128418" s="14" t="s">
        <v>94</v>
      </c>
      <c r="E128418" s="15">
        <v>45679</v>
      </c>
      <c r="F128418" s="14" t="s">
        <v>15</v>
      </c>
      <c r="G128418" s="16">
        <v>1.0079909766436994</v>
      </c>
    </row>
    <row r="128419" spans="1:7" x14ac:dyDescent="0.3">
      <c r="A128419" s="13" t="s">
        <v>588</v>
      </c>
      <c r="B128419" s="14" t="s">
        <v>1</v>
      </c>
      <c r="C128419" s="14" t="s">
        <v>558</v>
      </c>
      <c r="D128419" s="14" t="s">
        <v>94</v>
      </c>
      <c r="E128419" s="15">
        <v>45680</v>
      </c>
      <c r="F128419" s="14" t="s">
        <v>15</v>
      </c>
      <c r="G128419" s="16">
        <v>1.0057969822064188</v>
      </c>
    </row>
    <row r="128420" spans="1:7" x14ac:dyDescent="0.3">
      <c r="A128420" s="13" t="s">
        <v>588</v>
      </c>
      <c r="B128420" s="14" t="s">
        <v>1</v>
      </c>
      <c r="C128420" s="14" t="s">
        <v>558</v>
      </c>
      <c r="D128420" s="14" t="s">
        <v>94</v>
      </c>
      <c r="E128420" s="15">
        <v>45681</v>
      </c>
      <c r="F128420" s="14" t="s">
        <v>15</v>
      </c>
      <c r="G128420" s="16">
        <v>1.0041600331128731</v>
      </c>
    </row>
    <row r="128421" spans="1:7" x14ac:dyDescent="0.3">
      <c r="A128421" s="13" t="s">
        <v>588</v>
      </c>
      <c r="B128421" s="14" t="s">
        <v>1</v>
      </c>
      <c r="C128421" s="14" t="s">
        <v>558</v>
      </c>
      <c r="D128421" s="14" t="s">
        <v>94</v>
      </c>
      <c r="E128421" s="15">
        <v>45682</v>
      </c>
      <c r="F128421" s="14" t="s">
        <v>15</v>
      </c>
      <c r="G128421" s="16">
        <v>1.0041600331128731</v>
      </c>
    </row>
    <row r="128422" spans="1:7" x14ac:dyDescent="0.3">
      <c r="A128422" s="13" t="s">
        <v>588</v>
      </c>
      <c r="B128422" s="14" t="s">
        <v>1</v>
      </c>
      <c r="C128422" s="14" t="s">
        <v>558</v>
      </c>
      <c r="D128422" s="14" t="s">
        <v>94</v>
      </c>
      <c r="E128422" s="15">
        <v>45683</v>
      </c>
      <c r="F128422" s="14" t="s">
        <v>15</v>
      </c>
      <c r="G128422" s="16">
        <v>1.0041600331128731</v>
      </c>
    </row>
    <row r="128423" spans="1:7" x14ac:dyDescent="0.3">
      <c r="A128423" s="13" t="s">
        <v>588</v>
      </c>
      <c r="B128423" s="14" t="s">
        <v>1</v>
      </c>
      <c r="C128423" s="14" t="s">
        <v>558</v>
      </c>
      <c r="D128423" s="14" t="s">
        <v>94</v>
      </c>
      <c r="E128423" s="15">
        <v>45684</v>
      </c>
      <c r="F128423" s="14" t="s">
        <v>15</v>
      </c>
      <c r="G128423" s="16">
        <v>1.0028131864084058</v>
      </c>
    </row>
    <row r="128424" spans="1:7" x14ac:dyDescent="0.3">
      <c r="A128424" s="13" t="s">
        <v>588</v>
      </c>
      <c r="B128424" s="14" t="s">
        <v>1</v>
      </c>
      <c r="C128424" s="14" t="s">
        <v>558</v>
      </c>
      <c r="D128424" s="14" t="s">
        <v>94</v>
      </c>
      <c r="E128424" s="15">
        <v>45685</v>
      </c>
      <c r="F128424" s="14" t="s">
        <v>15</v>
      </c>
      <c r="G128424" s="16">
        <v>0.99850802668589855</v>
      </c>
    </row>
    <row r="128425" spans="1:7" x14ac:dyDescent="0.3">
      <c r="A128425" s="13" t="s">
        <v>588</v>
      </c>
      <c r="B128425" s="14" t="s">
        <v>1</v>
      </c>
      <c r="C128425" s="14" t="s">
        <v>558</v>
      </c>
      <c r="D128425" s="14" t="s">
        <v>94</v>
      </c>
      <c r="E128425" s="15">
        <v>45686</v>
      </c>
      <c r="F128425" s="14" t="s">
        <v>15</v>
      </c>
      <c r="G128425" s="16">
        <v>0.99710023410137283</v>
      </c>
    </row>
    <row r="128426" spans="1:7" x14ac:dyDescent="0.3">
      <c r="A128426" s="13" t="s">
        <v>588</v>
      </c>
      <c r="B128426" s="14" t="s">
        <v>1</v>
      </c>
      <c r="C128426" s="14" t="s">
        <v>558</v>
      </c>
      <c r="D128426" s="14" t="s">
        <v>94</v>
      </c>
      <c r="E128426" s="15">
        <v>45687</v>
      </c>
      <c r="F128426" s="14" t="s">
        <v>15</v>
      </c>
      <c r="G128426" s="16">
        <v>0.99568512801124021</v>
      </c>
    </row>
    <row r="128427" spans="1:7" x14ac:dyDescent="0.3">
      <c r="A128427" s="13" t="s">
        <v>588</v>
      </c>
      <c r="B128427" s="14" t="s">
        <v>1</v>
      </c>
      <c r="C128427" s="14" t="s">
        <v>558</v>
      </c>
      <c r="D128427" s="14" t="s">
        <v>94</v>
      </c>
      <c r="E128427" s="15">
        <v>45688</v>
      </c>
      <c r="F128427" s="14" t="s">
        <v>15</v>
      </c>
      <c r="G128427" s="16">
        <v>0.99432852996596366</v>
      </c>
    </row>
    <row r="128428" spans="1:7" x14ac:dyDescent="0.3">
      <c r="A128428" s="13" t="s">
        <v>588</v>
      </c>
      <c r="B128428" s="14" t="s">
        <v>1</v>
      </c>
      <c r="C128428" s="14" t="s">
        <v>558</v>
      </c>
      <c r="D128428" s="14" t="s">
        <v>94</v>
      </c>
      <c r="E128428" s="15">
        <v>45689</v>
      </c>
      <c r="F128428" s="14" t="s">
        <v>15</v>
      </c>
      <c r="G128428" s="16">
        <v>0.99432852996596366</v>
      </c>
    </row>
    <row r="128429" spans="1:7" x14ac:dyDescent="0.3">
      <c r="A128429" s="13" t="s">
        <v>588</v>
      </c>
      <c r="B128429" s="14" t="s">
        <v>1</v>
      </c>
      <c r="C128429" s="14" t="s">
        <v>558</v>
      </c>
      <c r="D128429" s="14" t="s">
        <v>94</v>
      </c>
      <c r="E128429" s="15">
        <v>45690</v>
      </c>
      <c r="F128429" s="14" t="s">
        <v>15</v>
      </c>
      <c r="G128429" s="16">
        <v>0.99432852996596366</v>
      </c>
    </row>
    <row r="128430" spans="1:7" x14ac:dyDescent="0.3">
      <c r="A128430" s="13" t="s">
        <v>588</v>
      </c>
      <c r="B128430" s="14" t="s">
        <v>1</v>
      </c>
      <c r="C128430" s="14" t="s">
        <v>558</v>
      </c>
      <c r="D128430" s="14" t="s">
        <v>94</v>
      </c>
      <c r="E128430" s="15">
        <v>45691</v>
      </c>
      <c r="F128430" s="14" t="s">
        <v>15</v>
      </c>
      <c r="G128430" s="16">
        <v>0.99432852996596366</v>
      </c>
    </row>
    <row r="128431" spans="1:7" x14ac:dyDescent="0.3">
      <c r="A128431" s="13" t="s">
        <v>588</v>
      </c>
      <c r="B128431" s="14" t="s">
        <v>1</v>
      </c>
      <c r="C128431" s="14" t="s">
        <v>558</v>
      </c>
      <c r="D128431" s="14" t="s">
        <v>94</v>
      </c>
      <c r="E128431" s="15">
        <v>45692</v>
      </c>
      <c r="F128431" s="14" t="s">
        <v>15</v>
      </c>
      <c r="G128431" s="16">
        <v>0.99472717326637206</v>
      </c>
    </row>
    <row r="128432" spans="1:7" x14ac:dyDescent="0.3">
      <c r="A128432" s="13" t="s">
        <v>588</v>
      </c>
      <c r="B128432" s="14" t="s">
        <v>1</v>
      </c>
      <c r="C128432" s="14" t="s">
        <v>558</v>
      </c>
      <c r="D128432" s="14" t="s">
        <v>94</v>
      </c>
      <c r="E128432" s="15">
        <v>45693</v>
      </c>
      <c r="F128432" s="14" t="s">
        <v>15</v>
      </c>
      <c r="G128432" s="16">
        <v>0.98942250111090524</v>
      </c>
    </row>
    <row r="128433" spans="1:7" x14ac:dyDescent="0.3">
      <c r="A128433" s="13" t="s">
        <v>588</v>
      </c>
      <c r="B128433" s="14" t="s">
        <v>1</v>
      </c>
      <c r="C128433" s="14" t="s">
        <v>558</v>
      </c>
      <c r="D128433" s="14" t="s">
        <v>94</v>
      </c>
      <c r="E128433" s="15">
        <v>45694</v>
      </c>
      <c r="F128433" s="14" t="s">
        <v>15</v>
      </c>
      <c r="G128433" s="16">
        <v>0.98792450862389303</v>
      </c>
    </row>
    <row r="128434" spans="1:7" x14ac:dyDescent="0.3">
      <c r="A128434" s="13" t="s">
        <v>588</v>
      </c>
      <c r="B128434" s="14" t="s">
        <v>1</v>
      </c>
      <c r="C128434" s="14" t="s">
        <v>558</v>
      </c>
      <c r="D128434" s="14" t="s">
        <v>94</v>
      </c>
      <c r="E128434" s="15">
        <v>45695</v>
      </c>
      <c r="F128434" s="14" t="s">
        <v>15</v>
      </c>
      <c r="G128434" s="16">
        <v>0.98644479990089828</v>
      </c>
    </row>
    <row r="128435" spans="1:7" x14ac:dyDescent="0.3">
      <c r="A128435" s="13" t="s">
        <v>588</v>
      </c>
      <c r="B128435" s="14" t="s">
        <v>1</v>
      </c>
      <c r="C128435" s="14" t="s">
        <v>558</v>
      </c>
      <c r="D128435" s="14" t="s">
        <v>94</v>
      </c>
      <c r="E128435" s="15">
        <v>45696</v>
      </c>
      <c r="F128435" s="14" t="s">
        <v>15</v>
      </c>
      <c r="G128435" s="16">
        <v>0.98644479990089828</v>
      </c>
    </row>
    <row r="128436" spans="1:7" x14ac:dyDescent="0.3">
      <c r="A128436" s="13" t="s">
        <v>588</v>
      </c>
      <c r="B128436" s="14" t="s">
        <v>1</v>
      </c>
      <c r="C128436" s="14" t="s">
        <v>558</v>
      </c>
      <c r="D128436" s="14" t="s">
        <v>94</v>
      </c>
      <c r="E128436" s="15">
        <v>45697</v>
      </c>
      <c r="F128436" s="14" t="s">
        <v>15</v>
      </c>
      <c r="G128436" s="16">
        <v>0.98644479990089828</v>
      </c>
    </row>
    <row r="128437" spans="1:7" x14ac:dyDescent="0.3">
      <c r="A128437" s="13" t="s">
        <v>588</v>
      </c>
      <c r="B128437" s="14" t="s">
        <v>1</v>
      </c>
      <c r="C128437" s="14" t="s">
        <v>558</v>
      </c>
      <c r="D128437" s="14" t="s">
        <v>94</v>
      </c>
      <c r="E128437" s="15">
        <v>45698</v>
      </c>
      <c r="F128437" s="14" t="s">
        <v>15</v>
      </c>
      <c r="G128437" s="16">
        <v>0.98492121014426126</v>
      </c>
    </row>
    <row r="128438" spans="1:7" x14ac:dyDescent="0.3">
      <c r="A128438" s="13" t="s">
        <v>588</v>
      </c>
      <c r="B128438" s="14" t="s">
        <v>1</v>
      </c>
      <c r="C128438" s="14" t="s">
        <v>558</v>
      </c>
      <c r="D128438" s="14" t="s">
        <v>94</v>
      </c>
      <c r="E128438" s="15">
        <v>45699</v>
      </c>
      <c r="F128438" s="14" t="s">
        <v>15</v>
      </c>
      <c r="G128438" s="16">
        <v>0.9804063965943528</v>
      </c>
    </row>
    <row r="128439" spans="1:7" x14ac:dyDescent="0.3">
      <c r="A128439" s="13" t="s">
        <v>588</v>
      </c>
      <c r="B128439" s="14" t="s">
        <v>1</v>
      </c>
      <c r="C128439" s="14" t="s">
        <v>558</v>
      </c>
      <c r="D128439" s="14" t="s">
        <v>94</v>
      </c>
      <c r="E128439" s="15">
        <v>45700</v>
      </c>
      <c r="F128439" s="14" t="s">
        <v>15</v>
      </c>
      <c r="G128439" s="16">
        <v>0.97917290922679456</v>
      </c>
    </row>
    <row r="128440" spans="1:7" x14ac:dyDescent="0.3">
      <c r="A128440" s="13" t="s">
        <v>588</v>
      </c>
      <c r="B128440" s="14" t="s">
        <v>1</v>
      </c>
      <c r="C128440" s="14" t="s">
        <v>558</v>
      </c>
      <c r="D128440" s="14" t="s">
        <v>94</v>
      </c>
      <c r="E128440" s="15">
        <v>45701</v>
      </c>
      <c r="F128440" s="14" t="s">
        <v>15</v>
      </c>
      <c r="G128440" s="16">
        <v>0.97771635993822203</v>
      </c>
    </row>
    <row r="128441" spans="1:7" x14ac:dyDescent="0.3">
      <c r="A128441" s="13" t="s">
        <v>588</v>
      </c>
      <c r="B128441" s="14" t="s">
        <v>1</v>
      </c>
      <c r="C128441" s="14" t="s">
        <v>558</v>
      </c>
      <c r="D128441" s="14" t="s">
        <v>94</v>
      </c>
      <c r="E128441" s="15">
        <v>45702</v>
      </c>
      <c r="F128441" s="14" t="s">
        <v>15</v>
      </c>
      <c r="G128441" s="16">
        <v>0.97632075652970807</v>
      </c>
    </row>
    <row r="128442" spans="1:7" x14ac:dyDescent="0.3">
      <c r="A128442" s="13" t="s">
        <v>588</v>
      </c>
      <c r="B128442" s="14" t="s">
        <v>1</v>
      </c>
      <c r="C128442" s="14" t="s">
        <v>558</v>
      </c>
      <c r="D128442" s="14" t="s">
        <v>94</v>
      </c>
      <c r="E128442" s="15">
        <v>45703</v>
      </c>
      <c r="F128442" s="14" t="s">
        <v>15</v>
      </c>
      <c r="G128442" s="16">
        <v>0.97632075652970807</v>
      </c>
    </row>
    <row r="128443" spans="1:7" x14ac:dyDescent="0.3">
      <c r="A128443" s="13" t="s">
        <v>588</v>
      </c>
      <c r="B128443" s="14" t="s">
        <v>1</v>
      </c>
      <c r="C128443" s="14" t="s">
        <v>558</v>
      </c>
      <c r="D128443" s="14" t="s">
        <v>94</v>
      </c>
      <c r="E128443" s="15">
        <v>45704</v>
      </c>
      <c r="F128443" s="14" t="s">
        <v>15</v>
      </c>
      <c r="G128443" s="16">
        <v>0.97632075652970807</v>
      </c>
    </row>
    <row r="128444" spans="1:7" x14ac:dyDescent="0.3">
      <c r="A128444" s="13" t="s">
        <v>588</v>
      </c>
      <c r="B128444" s="14" t="s">
        <v>1</v>
      </c>
      <c r="C128444" s="14" t="s">
        <v>558</v>
      </c>
      <c r="D128444" s="14" t="s">
        <v>94</v>
      </c>
      <c r="E128444" s="15">
        <v>45705</v>
      </c>
      <c r="F128444" s="14" t="s">
        <v>15</v>
      </c>
      <c r="G128444" s="16">
        <v>0.97748609900125272</v>
      </c>
    </row>
    <row r="128445" spans="1:7" x14ac:dyDescent="0.3">
      <c r="A128445" s="13" t="s">
        <v>588</v>
      </c>
      <c r="B128445" s="14" t="s">
        <v>1</v>
      </c>
      <c r="C128445" s="14" t="s">
        <v>558</v>
      </c>
      <c r="D128445" s="14" t="s">
        <v>94</v>
      </c>
      <c r="E128445" s="15">
        <v>45706</v>
      </c>
      <c r="F128445" s="14" t="s">
        <v>15</v>
      </c>
      <c r="G128445" s="16">
        <v>0.97305051509542029</v>
      </c>
    </row>
    <row r="128446" spans="1:7" x14ac:dyDescent="0.3">
      <c r="A128446" s="13" t="s">
        <v>588</v>
      </c>
      <c r="B128446" s="14" t="s">
        <v>1</v>
      </c>
      <c r="C128446" s="14" t="s">
        <v>558</v>
      </c>
      <c r="D128446" s="14" t="s">
        <v>94</v>
      </c>
      <c r="E128446" s="15">
        <v>45707</v>
      </c>
      <c r="F128446" s="14" t="s">
        <v>15</v>
      </c>
      <c r="G128446" s="16">
        <v>1.0143072763870526</v>
      </c>
    </row>
    <row r="128447" spans="1:7" x14ac:dyDescent="0.3">
      <c r="A128447" s="13" t="s">
        <v>588</v>
      </c>
      <c r="B128447" s="14" t="s">
        <v>1</v>
      </c>
      <c r="C128447" s="14" t="s">
        <v>558</v>
      </c>
      <c r="D128447" s="14" t="s">
        <v>94</v>
      </c>
      <c r="E128447" s="15">
        <v>45708</v>
      </c>
      <c r="F128447" s="14" t="s">
        <v>15</v>
      </c>
      <c r="G128447" s="16">
        <v>1.0129311756601573</v>
      </c>
    </row>
    <row r="128448" spans="1:7" x14ac:dyDescent="0.3">
      <c r="A128448" s="13" t="s">
        <v>588</v>
      </c>
      <c r="B128448" s="14" t="s">
        <v>1</v>
      </c>
      <c r="C128448" s="14" t="s">
        <v>558</v>
      </c>
      <c r="D128448" s="14" t="s">
        <v>94</v>
      </c>
      <c r="E128448" s="15">
        <v>45709</v>
      </c>
      <c r="F128448" s="14" t="s">
        <v>15</v>
      </c>
      <c r="G128448" s="16">
        <v>1.0133956405110291</v>
      </c>
    </row>
    <row r="128449" spans="1:7" x14ac:dyDescent="0.3">
      <c r="A128449" s="13" t="s">
        <v>588</v>
      </c>
      <c r="B128449" s="14" t="s">
        <v>1</v>
      </c>
      <c r="C128449" s="14" t="s">
        <v>558</v>
      </c>
      <c r="D128449" s="14" t="s">
        <v>94</v>
      </c>
      <c r="E128449" s="15">
        <v>45710</v>
      </c>
      <c r="F128449" s="14" t="s">
        <v>15</v>
      </c>
      <c r="G128449" s="16">
        <v>1.0133956405110291</v>
      </c>
    </row>
    <row r="128450" spans="1:7" x14ac:dyDescent="0.3">
      <c r="A128450" s="13" t="s">
        <v>588</v>
      </c>
      <c r="B128450" s="14" t="s">
        <v>1</v>
      </c>
      <c r="C128450" s="14" t="s">
        <v>558</v>
      </c>
      <c r="D128450" s="14" t="s">
        <v>94</v>
      </c>
      <c r="E128450" s="15">
        <v>45711</v>
      </c>
      <c r="F128450" s="14" t="s">
        <v>15</v>
      </c>
      <c r="G128450" s="16">
        <v>1.0133956405110291</v>
      </c>
    </row>
    <row r="128451" spans="1:7" x14ac:dyDescent="0.3">
      <c r="A128451" s="13" t="s">
        <v>588</v>
      </c>
      <c r="B128451" s="14" t="s">
        <v>1</v>
      </c>
      <c r="C128451" s="14" t="s">
        <v>558</v>
      </c>
      <c r="D128451" s="14" t="s">
        <v>94</v>
      </c>
      <c r="E128451" s="15">
        <v>45712</v>
      </c>
      <c r="F128451" s="14" t="s">
        <v>15</v>
      </c>
      <c r="G128451" s="16">
        <v>1.0118732696719934</v>
      </c>
    </row>
    <row r="128452" spans="1:7" x14ac:dyDescent="0.3">
      <c r="A128452" s="13" t="s">
        <v>588</v>
      </c>
      <c r="B128452" s="14" t="s">
        <v>1</v>
      </c>
      <c r="C128452" s="14" t="s">
        <v>558</v>
      </c>
      <c r="D128452" s="14" t="s">
        <v>94</v>
      </c>
      <c r="E128452" s="15">
        <v>45713</v>
      </c>
      <c r="F128452" s="14" t="s">
        <v>15</v>
      </c>
      <c r="G128452" s="16">
        <v>1.0074218398373456</v>
      </c>
    </row>
    <row r="128453" spans="1:7" x14ac:dyDescent="0.3">
      <c r="A128453" s="13" t="s">
        <v>588</v>
      </c>
      <c r="B128453" s="14" t="s">
        <v>1</v>
      </c>
      <c r="C128453" s="14" t="s">
        <v>558</v>
      </c>
      <c r="D128453" s="14" t="s">
        <v>94</v>
      </c>
      <c r="E128453" s="15">
        <v>45714</v>
      </c>
      <c r="F128453" s="14" t="s">
        <v>15</v>
      </c>
      <c r="G128453" s="16">
        <v>1.0059116581743215</v>
      </c>
    </row>
    <row r="128454" spans="1:7" x14ac:dyDescent="0.3">
      <c r="A128454" s="13" t="s">
        <v>588</v>
      </c>
      <c r="B128454" s="14" t="s">
        <v>1</v>
      </c>
      <c r="C128454" s="14" t="s">
        <v>558</v>
      </c>
      <c r="D128454" s="14" t="s">
        <v>94</v>
      </c>
      <c r="E128454" s="15">
        <v>45715</v>
      </c>
      <c r="F128454" s="14" t="s">
        <v>15</v>
      </c>
      <c r="G128454" s="16">
        <v>1.0036835340442085</v>
      </c>
    </row>
    <row r="128455" spans="1:7" x14ac:dyDescent="0.3">
      <c r="A128455" s="13" t="s">
        <v>588</v>
      </c>
      <c r="B128455" s="14" t="s">
        <v>1</v>
      </c>
      <c r="C128455" s="14" t="s">
        <v>558</v>
      </c>
      <c r="D128455" s="14" t="s">
        <v>94</v>
      </c>
      <c r="E128455" s="15">
        <v>45716</v>
      </c>
      <c r="F128455" s="14" t="s">
        <v>15</v>
      </c>
      <c r="G128455" s="16">
        <v>1.0420929038195073</v>
      </c>
    </row>
    <row r="128456" spans="1:7" x14ac:dyDescent="0.3">
      <c r="A128456" s="13" t="s">
        <v>588</v>
      </c>
      <c r="B128456" s="14" t="s">
        <v>1</v>
      </c>
      <c r="C128456" s="14" t="s">
        <v>558</v>
      </c>
      <c r="D128456" s="14" t="s">
        <v>94</v>
      </c>
      <c r="E128456" s="15">
        <v>45717</v>
      </c>
      <c r="F128456" s="14" t="s">
        <v>15</v>
      </c>
      <c r="G128456" s="16">
        <v>1.0420929038195073</v>
      </c>
    </row>
    <row r="128457" spans="1:7" x14ac:dyDescent="0.3">
      <c r="A128457" s="13" t="s">
        <v>588</v>
      </c>
      <c r="B128457" s="14" t="s">
        <v>1</v>
      </c>
      <c r="C128457" s="14" t="s">
        <v>558</v>
      </c>
      <c r="D128457" s="14" t="s">
        <v>94</v>
      </c>
      <c r="E128457" s="15">
        <v>45718</v>
      </c>
      <c r="F128457" s="14" t="s">
        <v>15</v>
      </c>
      <c r="G128457" s="16">
        <v>1.0420929038195073</v>
      </c>
    </row>
    <row r="128458" spans="1:7" x14ac:dyDescent="0.3">
      <c r="A128458" s="13" t="s">
        <v>588</v>
      </c>
      <c r="B128458" s="14" t="s">
        <v>1</v>
      </c>
      <c r="C128458" s="14" t="s">
        <v>558</v>
      </c>
      <c r="D128458" s="14" t="s">
        <v>94</v>
      </c>
      <c r="E128458" s="15">
        <v>45719</v>
      </c>
      <c r="F128458" s="14" t="s">
        <v>15</v>
      </c>
      <c r="G128458" s="16">
        <v>1.0460385973393209</v>
      </c>
    </row>
    <row r="128459" spans="1:7" x14ac:dyDescent="0.3">
      <c r="A128459" s="13" t="s">
        <v>588</v>
      </c>
      <c r="B128459" s="14" t="s">
        <v>1</v>
      </c>
      <c r="C128459" s="14" t="s">
        <v>558</v>
      </c>
      <c r="D128459" s="14" t="s">
        <v>94</v>
      </c>
      <c r="E128459" s="15">
        <v>45720</v>
      </c>
      <c r="F128459" s="14" t="s">
        <v>15</v>
      </c>
      <c r="G128459" s="16">
        <v>1.042288045125346</v>
      </c>
    </row>
    <row r="128460" spans="1:7" x14ac:dyDescent="0.3">
      <c r="A128460" s="13" t="s">
        <v>588</v>
      </c>
      <c r="B128460" s="14" t="s">
        <v>1</v>
      </c>
      <c r="C128460" s="14" t="s">
        <v>558</v>
      </c>
      <c r="D128460" s="14" t="s">
        <v>94</v>
      </c>
      <c r="E128460" s="15">
        <v>45721</v>
      </c>
      <c r="F128460" s="14" t="s">
        <v>15</v>
      </c>
      <c r="G128460" s="16">
        <v>1.0406425636085919</v>
      </c>
    </row>
    <row r="128461" spans="1:7" x14ac:dyDescent="0.3">
      <c r="A128461" s="13" t="s">
        <v>588</v>
      </c>
      <c r="B128461" s="14" t="s">
        <v>1</v>
      </c>
      <c r="C128461" s="14" t="s">
        <v>558</v>
      </c>
      <c r="D128461" s="14" t="s">
        <v>94</v>
      </c>
      <c r="E128461" s="15">
        <v>45722</v>
      </c>
      <c r="F128461" s="14" t="s">
        <v>15</v>
      </c>
      <c r="G128461" s="16">
        <v>1.0570590031059774</v>
      </c>
    </row>
    <row r="128462" spans="1:7" x14ac:dyDescent="0.3">
      <c r="A128462" s="13" t="s">
        <v>588</v>
      </c>
      <c r="B128462" s="14" t="s">
        <v>1</v>
      </c>
      <c r="C128462" s="14" t="s">
        <v>558</v>
      </c>
      <c r="D128462" s="14" t="s">
        <v>94</v>
      </c>
      <c r="E128462" s="15">
        <v>45723</v>
      </c>
      <c r="F128462" s="14" t="s">
        <v>15</v>
      </c>
      <c r="G128462" s="16">
        <v>1.0564447258798135</v>
      </c>
    </row>
    <row r="128463" spans="1:7" x14ac:dyDescent="0.3">
      <c r="A128463" s="13" t="s">
        <v>588</v>
      </c>
      <c r="B128463" s="14" t="s">
        <v>1</v>
      </c>
      <c r="C128463" s="14" t="s">
        <v>558</v>
      </c>
      <c r="D128463" s="14" t="s">
        <v>94</v>
      </c>
      <c r="E128463" s="15">
        <v>45724</v>
      </c>
      <c r="F128463" s="14" t="s">
        <v>15</v>
      </c>
      <c r="G128463" s="16">
        <v>1.0564447258798135</v>
      </c>
    </row>
    <row r="128464" spans="1:7" x14ac:dyDescent="0.3">
      <c r="A128464" s="13" t="s">
        <v>588</v>
      </c>
      <c r="B128464" s="14" t="s">
        <v>1</v>
      </c>
      <c r="C128464" s="14" t="s">
        <v>558</v>
      </c>
      <c r="D128464" s="14" t="s">
        <v>94</v>
      </c>
      <c r="E128464" s="15">
        <v>45725</v>
      </c>
      <c r="F128464" s="14" t="s">
        <v>15</v>
      </c>
      <c r="G128464" s="16">
        <v>1.0564447258798135</v>
      </c>
    </row>
    <row r="128465" spans="1:7" x14ac:dyDescent="0.3">
      <c r="A128465" s="13" t="s">
        <v>588</v>
      </c>
      <c r="B128465" s="14" t="s">
        <v>1</v>
      </c>
      <c r="C128465" s="14" t="s">
        <v>558</v>
      </c>
      <c r="D128465" s="14" t="s">
        <v>94</v>
      </c>
      <c r="E128465" s="15">
        <v>45726</v>
      </c>
      <c r="F128465" s="14" t="s">
        <v>15</v>
      </c>
      <c r="G128465" s="16">
        <v>1.0548918821007485</v>
      </c>
    </row>
    <row r="128466" spans="1:7" x14ac:dyDescent="0.3">
      <c r="A128466" s="13" t="s">
        <v>588</v>
      </c>
      <c r="B128466" s="14" t="s">
        <v>1</v>
      </c>
      <c r="C128466" s="14" t="s">
        <v>558</v>
      </c>
      <c r="D128466" s="14" t="s">
        <v>94</v>
      </c>
      <c r="E128466" s="15">
        <v>45727</v>
      </c>
      <c r="F128466" s="14" t="s">
        <v>15</v>
      </c>
      <c r="G128466" s="16">
        <v>1.0501357228658084</v>
      </c>
    </row>
    <row r="128467" spans="1:7" x14ac:dyDescent="0.3">
      <c r="A128467" s="13" t="s">
        <v>588</v>
      </c>
      <c r="B128467" s="14" t="s">
        <v>1</v>
      </c>
      <c r="C128467" s="14" t="s">
        <v>558</v>
      </c>
      <c r="D128467" s="14" t="s">
        <v>94</v>
      </c>
      <c r="E128467" s="15">
        <v>45728</v>
      </c>
      <c r="F128467" s="14" t="s">
        <v>15</v>
      </c>
      <c r="G128467" s="16">
        <v>1.0512230546108778</v>
      </c>
    </row>
    <row r="128468" spans="1:7" x14ac:dyDescent="0.3">
      <c r="A128468" s="13" t="s">
        <v>588</v>
      </c>
      <c r="B128468" s="14" t="s">
        <v>1</v>
      </c>
      <c r="C128468" s="14" t="s">
        <v>558</v>
      </c>
      <c r="D128468" s="14" t="s">
        <v>94</v>
      </c>
      <c r="E128468" s="15">
        <v>45729</v>
      </c>
      <c r="F128468" s="14" t="s">
        <v>15</v>
      </c>
      <c r="G128468" s="16">
        <v>1.0679332532501453</v>
      </c>
    </row>
    <row r="128469" spans="1:7" x14ac:dyDescent="0.3">
      <c r="A128469" s="13" t="s">
        <v>588</v>
      </c>
      <c r="B128469" s="14" t="s">
        <v>1</v>
      </c>
      <c r="C128469" s="14" t="s">
        <v>558</v>
      </c>
      <c r="D128469" s="14" t="s">
        <v>94</v>
      </c>
      <c r="E128469" s="15">
        <v>45730</v>
      </c>
      <c r="F128469" s="14" t="s">
        <v>15</v>
      </c>
      <c r="G128469" s="16">
        <v>1.070504007715839</v>
      </c>
    </row>
    <row r="128470" spans="1:7" x14ac:dyDescent="0.3">
      <c r="A128470" s="13" t="s">
        <v>588</v>
      </c>
      <c r="B128470" s="14" t="s">
        <v>1</v>
      </c>
      <c r="C128470" s="14" t="s">
        <v>558</v>
      </c>
      <c r="D128470" s="14" t="s">
        <v>94</v>
      </c>
      <c r="E128470" s="15">
        <v>45731</v>
      </c>
      <c r="F128470" s="14" t="s">
        <v>15</v>
      </c>
      <c r="G128470" s="16">
        <v>1.070504007715839</v>
      </c>
    </row>
    <row r="128471" spans="1:7" x14ac:dyDescent="0.3">
      <c r="A128471" s="13" t="s">
        <v>588</v>
      </c>
      <c r="B128471" s="14" t="s">
        <v>1</v>
      </c>
      <c r="C128471" s="14" t="s">
        <v>558</v>
      </c>
      <c r="D128471" s="14" t="s">
        <v>94</v>
      </c>
      <c r="E128471" s="15">
        <v>45732</v>
      </c>
      <c r="F128471" s="14" t="s">
        <v>15</v>
      </c>
      <c r="G128471" s="16">
        <v>1.070504007715839</v>
      </c>
    </row>
    <row r="128472" spans="1:7" x14ac:dyDescent="0.3">
      <c r="A128472" s="13" t="s">
        <v>588</v>
      </c>
      <c r="B128472" s="14" t="s">
        <v>1</v>
      </c>
      <c r="C128472" s="14" t="s">
        <v>558</v>
      </c>
      <c r="D128472" s="14" t="s">
        <v>94</v>
      </c>
      <c r="E128472" s="15">
        <v>45733</v>
      </c>
      <c r="F128472" s="14" t="s">
        <v>15</v>
      </c>
      <c r="G128472" s="16">
        <v>1.070504007715839</v>
      </c>
    </row>
    <row r="128473" spans="1:7" x14ac:dyDescent="0.3">
      <c r="A128473" s="13" t="s">
        <v>588</v>
      </c>
      <c r="B128473" s="14" t="s">
        <v>1</v>
      </c>
      <c r="C128473" s="14" t="s">
        <v>558</v>
      </c>
      <c r="D128473" s="14" t="s">
        <v>94</v>
      </c>
      <c r="E128473" s="15">
        <v>45734</v>
      </c>
      <c r="F128473" s="14" t="s">
        <v>15</v>
      </c>
      <c r="G128473" s="16">
        <v>1.074346093239553</v>
      </c>
    </row>
    <row r="128474" spans="1:7" x14ac:dyDescent="0.3">
      <c r="A128474" s="13" t="s">
        <v>588</v>
      </c>
      <c r="B128474" s="14" t="s">
        <v>1</v>
      </c>
      <c r="C128474" s="14" t="s">
        <v>558</v>
      </c>
      <c r="D128474" s="14" t="s">
        <v>94</v>
      </c>
      <c r="E128474" s="15">
        <v>45735</v>
      </c>
      <c r="F128474" s="14" t="s">
        <v>15</v>
      </c>
      <c r="G128474" s="16">
        <v>1.1397886175736038</v>
      </c>
    </row>
    <row r="128475" spans="1:7" x14ac:dyDescent="0.3">
      <c r="A128475" s="13" t="s">
        <v>588</v>
      </c>
      <c r="B128475" s="14" t="s">
        <v>1</v>
      </c>
      <c r="C128475" s="14" t="s">
        <v>558</v>
      </c>
      <c r="D128475" s="14" t="s">
        <v>94</v>
      </c>
      <c r="E128475" s="15">
        <v>45736</v>
      </c>
      <c r="F128475" s="14" t="s">
        <v>15</v>
      </c>
      <c r="G128475" s="16">
        <v>1.1380663442479761</v>
      </c>
    </row>
    <row r="128476" spans="1:7" x14ac:dyDescent="0.3">
      <c r="A128476" s="13" t="s">
        <v>588</v>
      </c>
      <c r="B128476" s="14" t="s">
        <v>1</v>
      </c>
      <c r="C128476" s="14" t="s">
        <v>558</v>
      </c>
      <c r="D128476" s="14" t="s">
        <v>94</v>
      </c>
      <c r="E128476" s="15">
        <v>45737</v>
      </c>
      <c r="F128476" s="14" t="s">
        <v>15</v>
      </c>
      <c r="G128476" s="16">
        <v>1.1493243244572096</v>
      </c>
    </row>
    <row r="128477" spans="1:7" x14ac:dyDescent="0.3">
      <c r="A128477" s="13" t="s">
        <v>588</v>
      </c>
      <c r="B128477" s="14" t="s">
        <v>1</v>
      </c>
      <c r="C128477" s="14" t="s">
        <v>558</v>
      </c>
      <c r="D128477" s="14" t="s">
        <v>94</v>
      </c>
      <c r="E128477" s="15">
        <v>45738</v>
      </c>
      <c r="F128477" s="14" t="s">
        <v>15</v>
      </c>
      <c r="G128477" s="16">
        <v>1.1493243244572096</v>
      </c>
    </row>
    <row r="128478" spans="1:7" x14ac:dyDescent="0.3">
      <c r="A128478" s="13" t="s">
        <v>588</v>
      </c>
      <c r="B128478" s="14" t="s">
        <v>1</v>
      </c>
      <c r="C128478" s="14" t="s">
        <v>558</v>
      </c>
      <c r="D128478" s="14" t="s">
        <v>94</v>
      </c>
      <c r="E128478" s="15">
        <v>45739</v>
      </c>
      <c r="F128478" s="14" t="s">
        <v>15</v>
      </c>
      <c r="G128478" s="16">
        <v>1.1493243244572096</v>
      </c>
    </row>
    <row r="128479" spans="1:7" x14ac:dyDescent="0.3">
      <c r="A128479" s="13" t="s">
        <v>588</v>
      </c>
      <c r="B128479" s="14" t="s">
        <v>1</v>
      </c>
      <c r="C128479" s="14" t="s">
        <v>558</v>
      </c>
      <c r="D128479" s="14" t="s">
        <v>94</v>
      </c>
      <c r="E128479" s="15">
        <v>45740</v>
      </c>
      <c r="F128479" s="14" t="s">
        <v>15</v>
      </c>
      <c r="G128479" s="16">
        <v>1.169270749327584</v>
      </c>
    </row>
    <row r="128480" spans="1:7" x14ac:dyDescent="0.3">
      <c r="A128480" s="13" t="s">
        <v>588</v>
      </c>
      <c r="B128480" s="14" t="s">
        <v>1</v>
      </c>
      <c r="C128480" s="14" t="s">
        <v>558</v>
      </c>
      <c r="D128480" s="14" t="s">
        <v>94</v>
      </c>
      <c r="E128480" s="15">
        <v>45741</v>
      </c>
      <c r="F128480" s="14" t="s">
        <v>15</v>
      </c>
      <c r="G128480" s="16">
        <v>1.1643902604973244</v>
      </c>
    </row>
    <row r="128481" spans="1:7" x14ac:dyDescent="0.3">
      <c r="A128481" s="13" t="s">
        <v>588</v>
      </c>
      <c r="B128481" s="14" t="s">
        <v>1</v>
      </c>
      <c r="C128481" s="14" t="s">
        <v>558</v>
      </c>
      <c r="D128481" s="14" t="s">
        <v>94</v>
      </c>
      <c r="E128481" s="15">
        <v>45742</v>
      </c>
      <c r="F128481" s="14" t="s">
        <v>15</v>
      </c>
      <c r="G128481" s="16">
        <v>1.1627508735685765</v>
      </c>
    </row>
    <row r="128482" spans="1:7" x14ac:dyDescent="0.3">
      <c r="A128482" s="13" t="s">
        <v>588</v>
      </c>
      <c r="B128482" s="14" t="s">
        <v>1</v>
      </c>
      <c r="C128482" s="14" t="s">
        <v>558</v>
      </c>
      <c r="D128482" s="14" t="s">
        <v>94</v>
      </c>
      <c r="E128482" s="15">
        <v>45743</v>
      </c>
      <c r="F128482" s="14" t="s">
        <v>15</v>
      </c>
      <c r="G128482" s="16">
        <v>1.1676046607012618</v>
      </c>
    </row>
    <row r="128483" spans="1:7" x14ac:dyDescent="0.3">
      <c r="A128483" s="13" t="s">
        <v>588</v>
      </c>
      <c r="B128483" s="14" t="s">
        <v>1</v>
      </c>
      <c r="C128483" s="14" t="s">
        <v>558</v>
      </c>
      <c r="D128483" s="14" t="s">
        <v>94</v>
      </c>
      <c r="E128483" s="15">
        <v>45744</v>
      </c>
      <c r="F128483" s="14" t="s">
        <v>15</v>
      </c>
      <c r="G128483" s="16">
        <v>1.1659969656301443</v>
      </c>
    </row>
    <row r="128484" spans="1:7" x14ac:dyDescent="0.3">
      <c r="A128484" s="13" t="s">
        <v>588</v>
      </c>
      <c r="B128484" s="14" t="s">
        <v>1</v>
      </c>
      <c r="C128484" s="14" t="s">
        <v>558</v>
      </c>
      <c r="D128484" s="14" t="s">
        <v>94</v>
      </c>
      <c r="E128484" s="15">
        <v>45745</v>
      </c>
      <c r="F128484" s="14" t="s">
        <v>15</v>
      </c>
      <c r="G128484" s="16">
        <v>1.1659969656301443</v>
      </c>
    </row>
    <row r="128485" spans="1:7" x14ac:dyDescent="0.3">
      <c r="A128485" s="13" t="s">
        <v>588</v>
      </c>
      <c r="B128485" s="14" t="s">
        <v>1</v>
      </c>
      <c r="C128485" s="14" t="s">
        <v>558</v>
      </c>
      <c r="D128485" s="14" t="s">
        <v>94</v>
      </c>
      <c r="E128485" s="15">
        <v>45746</v>
      </c>
      <c r="F128485" s="14" t="s">
        <v>15</v>
      </c>
      <c r="G128485" s="16">
        <v>1.1659969656301443</v>
      </c>
    </row>
    <row r="128486" spans="1:7" x14ac:dyDescent="0.3">
      <c r="A128486" s="13" t="s">
        <v>588</v>
      </c>
      <c r="B128486" s="14" t="s">
        <v>1</v>
      </c>
      <c r="C128486" s="14" t="s">
        <v>558</v>
      </c>
      <c r="D128486" s="14" t="s">
        <v>94</v>
      </c>
      <c r="E128486" s="15">
        <v>45747</v>
      </c>
      <c r="F128486" s="14" t="s">
        <v>15</v>
      </c>
      <c r="G128486" s="16">
        <v>1.1885799092718496</v>
      </c>
    </row>
    <row r="128487" spans="1:7" x14ac:dyDescent="0.3">
      <c r="A128487" s="13" t="s">
        <v>589</v>
      </c>
      <c r="B128487" s="14" t="s">
        <v>1</v>
      </c>
      <c r="C128487" s="14" t="s">
        <v>565</v>
      </c>
      <c r="D128487" s="14" t="s">
        <v>31</v>
      </c>
      <c r="E128487" s="15">
        <v>45383</v>
      </c>
      <c r="F128487" s="14" t="s">
        <v>15</v>
      </c>
      <c r="G128487" s="16">
        <v>0</v>
      </c>
    </row>
    <row r="128488" spans="1:7" x14ac:dyDescent="0.3">
      <c r="A128488" s="13" t="s">
        <v>589</v>
      </c>
      <c r="B128488" s="14" t="s">
        <v>1</v>
      </c>
      <c r="C128488" s="14" t="s">
        <v>565</v>
      </c>
      <c r="D128488" s="14" t="s">
        <v>31</v>
      </c>
      <c r="E128488" s="15">
        <v>45384</v>
      </c>
      <c r="F128488" s="14" t="s">
        <v>15</v>
      </c>
      <c r="G128488" s="16">
        <v>0</v>
      </c>
    </row>
    <row r="128489" spans="1:7" x14ac:dyDescent="0.3">
      <c r="A128489" s="13" t="s">
        <v>589</v>
      </c>
      <c r="B128489" s="14" t="s">
        <v>1</v>
      </c>
      <c r="C128489" s="14" t="s">
        <v>565</v>
      </c>
      <c r="D128489" s="14" t="s">
        <v>31</v>
      </c>
      <c r="E128489" s="15">
        <v>45385</v>
      </c>
      <c r="F128489" s="14" t="s">
        <v>15</v>
      </c>
      <c r="G128489" s="16">
        <v>0</v>
      </c>
    </row>
    <row r="128490" spans="1:7" x14ac:dyDescent="0.3">
      <c r="A128490" s="13" t="s">
        <v>589</v>
      </c>
      <c r="B128490" s="14" t="s">
        <v>1</v>
      </c>
      <c r="C128490" s="14" t="s">
        <v>565</v>
      </c>
      <c r="D128490" s="14" t="s">
        <v>31</v>
      </c>
      <c r="E128490" s="15">
        <v>45386</v>
      </c>
      <c r="F128490" s="14" t="s">
        <v>15</v>
      </c>
      <c r="G128490" s="16">
        <v>0</v>
      </c>
    </row>
    <row r="128491" spans="1:7" x14ac:dyDescent="0.3">
      <c r="A128491" s="13" t="s">
        <v>589</v>
      </c>
      <c r="B128491" s="14" t="s">
        <v>1</v>
      </c>
      <c r="C128491" s="14" t="s">
        <v>565</v>
      </c>
      <c r="D128491" s="14" t="s">
        <v>31</v>
      </c>
      <c r="E128491" s="15">
        <v>45387</v>
      </c>
      <c r="F128491" s="14" t="s">
        <v>15</v>
      </c>
      <c r="G128491" s="16">
        <v>0</v>
      </c>
    </row>
    <row r="128492" spans="1:7" x14ac:dyDescent="0.3">
      <c r="A128492" s="13" t="s">
        <v>589</v>
      </c>
      <c r="B128492" s="14" t="s">
        <v>1</v>
      </c>
      <c r="C128492" s="14" t="s">
        <v>565</v>
      </c>
      <c r="D128492" s="14" t="s">
        <v>31</v>
      </c>
      <c r="E128492" s="15">
        <v>45388</v>
      </c>
      <c r="F128492" s="14" t="s">
        <v>15</v>
      </c>
      <c r="G128492" s="16">
        <v>0</v>
      </c>
    </row>
    <row r="128493" spans="1:7" x14ac:dyDescent="0.3">
      <c r="A128493" s="13" t="s">
        <v>589</v>
      </c>
      <c r="B128493" s="14" t="s">
        <v>1</v>
      </c>
      <c r="C128493" s="14" t="s">
        <v>565</v>
      </c>
      <c r="D128493" s="14" t="s">
        <v>31</v>
      </c>
      <c r="E128493" s="15">
        <v>45389</v>
      </c>
      <c r="F128493" s="14" t="s">
        <v>15</v>
      </c>
      <c r="G128493" s="16">
        <v>0</v>
      </c>
    </row>
    <row r="128494" spans="1:7" x14ac:dyDescent="0.3">
      <c r="A128494" s="13" t="s">
        <v>589</v>
      </c>
      <c r="B128494" s="14" t="s">
        <v>1</v>
      </c>
      <c r="C128494" s="14" t="s">
        <v>565</v>
      </c>
      <c r="D128494" s="14" t="s">
        <v>31</v>
      </c>
      <c r="E128494" s="15">
        <v>45390</v>
      </c>
      <c r="F128494" s="14" t="s">
        <v>15</v>
      </c>
      <c r="G128494" s="16">
        <v>0</v>
      </c>
    </row>
    <row r="128495" spans="1:7" x14ac:dyDescent="0.3">
      <c r="A128495" s="13" t="s">
        <v>589</v>
      </c>
      <c r="B128495" s="14" t="s">
        <v>1</v>
      </c>
      <c r="C128495" s="14" t="s">
        <v>565</v>
      </c>
      <c r="D128495" s="14" t="s">
        <v>31</v>
      </c>
      <c r="E128495" s="15">
        <v>45391</v>
      </c>
      <c r="F128495" s="14" t="s">
        <v>15</v>
      </c>
      <c r="G128495" s="16">
        <v>4.7283739844373333E-2</v>
      </c>
    </row>
    <row r="128496" spans="1:7" x14ac:dyDescent="0.3">
      <c r="A128496" s="13" t="s">
        <v>589</v>
      </c>
      <c r="B128496" s="14" t="s">
        <v>1</v>
      </c>
      <c r="C128496" s="14" t="s">
        <v>565</v>
      </c>
      <c r="D128496" s="14" t="s">
        <v>31</v>
      </c>
      <c r="E128496" s="15">
        <v>45392</v>
      </c>
      <c r="F128496" s="14" t="s">
        <v>15</v>
      </c>
      <c r="G128496" s="16">
        <v>4.5544993608496842E-2</v>
      </c>
    </row>
    <row r="128497" spans="1:7" x14ac:dyDescent="0.3">
      <c r="A128497" s="13" t="s">
        <v>589</v>
      </c>
      <c r="B128497" s="14" t="s">
        <v>1</v>
      </c>
      <c r="C128497" s="14" t="s">
        <v>565</v>
      </c>
      <c r="D128497" s="14" t="s">
        <v>31</v>
      </c>
      <c r="E128497" s="15">
        <v>45393</v>
      </c>
      <c r="F128497" s="14" t="s">
        <v>15</v>
      </c>
      <c r="G128497" s="16">
        <v>4.3798354509655892E-2</v>
      </c>
    </row>
    <row r="128498" spans="1:7" x14ac:dyDescent="0.3">
      <c r="A128498" s="13" t="s">
        <v>589</v>
      </c>
      <c r="B128498" s="14" t="s">
        <v>1</v>
      </c>
      <c r="C128498" s="14" t="s">
        <v>565</v>
      </c>
      <c r="D128498" s="14" t="s">
        <v>31</v>
      </c>
      <c r="E128498" s="15">
        <v>45394</v>
      </c>
      <c r="F128498" s="14" t="s">
        <v>15</v>
      </c>
      <c r="G128498" s="16">
        <v>4.5923336278858279E-2</v>
      </c>
    </row>
    <row r="128499" spans="1:7" x14ac:dyDescent="0.3">
      <c r="A128499" s="13" t="s">
        <v>589</v>
      </c>
      <c r="B128499" s="14" t="s">
        <v>1</v>
      </c>
      <c r="C128499" s="14" t="s">
        <v>565</v>
      </c>
      <c r="D128499" s="14" t="s">
        <v>31</v>
      </c>
      <c r="E128499" s="15">
        <v>45395</v>
      </c>
      <c r="F128499" s="14" t="s">
        <v>15</v>
      </c>
      <c r="G128499" s="16">
        <v>4.5923336278858279E-2</v>
      </c>
    </row>
    <row r="128500" spans="1:7" x14ac:dyDescent="0.3">
      <c r="A128500" s="13" t="s">
        <v>589</v>
      </c>
      <c r="B128500" s="14" t="s">
        <v>1</v>
      </c>
      <c r="C128500" s="14" t="s">
        <v>565</v>
      </c>
      <c r="D128500" s="14" t="s">
        <v>31</v>
      </c>
      <c r="E128500" s="15">
        <v>45396</v>
      </c>
      <c r="F128500" s="14" t="s">
        <v>15</v>
      </c>
      <c r="G128500" s="16">
        <v>4.5923336278858279E-2</v>
      </c>
    </row>
    <row r="128501" spans="1:7" x14ac:dyDescent="0.3">
      <c r="A128501" s="13" t="s">
        <v>589</v>
      </c>
      <c r="B128501" s="14" t="s">
        <v>1</v>
      </c>
      <c r="C128501" s="14" t="s">
        <v>565</v>
      </c>
      <c r="D128501" s="14" t="s">
        <v>31</v>
      </c>
      <c r="E128501" s="15">
        <v>45397</v>
      </c>
      <c r="F128501" s="14" t="s">
        <v>15</v>
      </c>
      <c r="G128501" s="16">
        <v>4.4172407580580123E-2</v>
      </c>
    </row>
    <row r="128502" spans="1:7" x14ac:dyDescent="0.3">
      <c r="A128502" s="13" t="s">
        <v>589</v>
      </c>
      <c r="B128502" s="14" t="s">
        <v>1</v>
      </c>
      <c r="C128502" s="14" t="s">
        <v>565</v>
      </c>
      <c r="D128502" s="14" t="s">
        <v>31</v>
      </c>
      <c r="E128502" s="15">
        <v>45398</v>
      </c>
      <c r="F128502" s="14" t="s">
        <v>15</v>
      </c>
      <c r="G128502" s="16">
        <v>3.8972126182857045E-2</v>
      </c>
    </row>
    <row r="128503" spans="1:7" x14ac:dyDescent="0.3">
      <c r="A128503" s="13" t="s">
        <v>589</v>
      </c>
      <c r="B128503" s="14" t="s">
        <v>1</v>
      </c>
      <c r="C128503" s="14" t="s">
        <v>565</v>
      </c>
      <c r="D128503" s="14" t="s">
        <v>31</v>
      </c>
      <c r="E128503" s="15">
        <v>45399</v>
      </c>
      <c r="F128503" s="14" t="s">
        <v>15</v>
      </c>
      <c r="G128503" s="16">
        <v>3.7263836102984706E-2</v>
      </c>
    </row>
    <row r="128504" spans="1:7" x14ac:dyDescent="0.3">
      <c r="A128504" s="13" t="s">
        <v>589</v>
      </c>
      <c r="B128504" s="14" t="s">
        <v>1</v>
      </c>
      <c r="C128504" s="14" t="s">
        <v>565</v>
      </c>
      <c r="D128504" s="14" t="s">
        <v>31</v>
      </c>
      <c r="E128504" s="15">
        <v>45400</v>
      </c>
      <c r="F128504" s="14" t="s">
        <v>15</v>
      </c>
      <c r="G128504" s="16">
        <v>0.10564391177151877</v>
      </c>
    </row>
    <row r="128505" spans="1:7" x14ac:dyDescent="0.3">
      <c r="A128505" s="13" t="s">
        <v>589</v>
      </c>
      <c r="B128505" s="14" t="s">
        <v>1</v>
      </c>
      <c r="C128505" s="14" t="s">
        <v>565</v>
      </c>
      <c r="D128505" s="14" t="s">
        <v>31</v>
      </c>
      <c r="E128505" s="15">
        <v>45401</v>
      </c>
      <c r="F128505" s="14" t="s">
        <v>15</v>
      </c>
      <c r="G128505" s="16">
        <v>0.10381697137121335</v>
      </c>
    </row>
    <row r="128506" spans="1:7" x14ac:dyDescent="0.3">
      <c r="A128506" s="13" t="s">
        <v>589</v>
      </c>
      <c r="B128506" s="14" t="s">
        <v>1</v>
      </c>
      <c r="C128506" s="14" t="s">
        <v>565</v>
      </c>
      <c r="D128506" s="14" t="s">
        <v>31</v>
      </c>
      <c r="E128506" s="15">
        <v>45402</v>
      </c>
      <c r="F128506" s="14" t="s">
        <v>15</v>
      </c>
      <c r="G128506" s="16">
        <v>0.10381697137121335</v>
      </c>
    </row>
    <row r="128507" spans="1:7" x14ac:dyDescent="0.3">
      <c r="A128507" s="13" t="s">
        <v>589</v>
      </c>
      <c r="B128507" s="14" t="s">
        <v>1</v>
      </c>
      <c r="C128507" s="14" t="s">
        <v>565</v>
      </c>
      <c r="D128507" s="14" t="s">
        <v>31</v>
      </c>
      <c r="E128507" s="15">
        <v>45403</v>
      </c>
      <c r="F128507" s="14" t="s">
        <v>15</v>
      </c>
      <c r="G128507" s="16">
        <v>0.10381697137121335</v>
      </c>
    </row>
    <row r="128508" spans="1:7" x14ac:dyDescent="0.3">
      <c r="A128508" s="13" t="s">
        <v>589</v>
      </c>
      <c r="B128508" s="14" t="s">
        <v>1</v>
      </c>
      <c r="C128508" s="14" t="s">
        <v>565</v>
      </c>
      <c r="D128508" s="14" t="s">
        <v>31</v>
      </c>
      <c r="E128508" s="15">
        <v>45404</v>
      </c>
      <c r="F128508" s="14" t="s">
        <v>15</v>
      </c>
      <c r="G128508" s="16">
        <v>0.10213596314376162</v>
      </c>
    </row>
    <row r="128509" spans="1:7" x14ac:dyDescent="0.3">
      <c r="A128509" s="13" t="s">
        <v>589</v>
      </c>
      <c r="B128509" s="14" t="s">
        <v>1</v>
      </c>
      <c r="C128509" s="14" t="s">
        <v>565</v>
      </c>
      <c r="D128509" s="14" t="s">
        <v>31</v>
      </c>
      <c r="E128509" s="15">
        <v>45405</v>
      </c>
      <c r="F128509" s="14" t="s">
        <v>15</v>
      </c>
      <c r="G128509" s="16">
        <v>9.7173325554859663E-2</v>
      </c>
    </row>
    <row r="128510" spans="1:7" x14ac:dyDescent="0.3">
      <c r="A128510" s="13" t="s">
        <v>589</v>
      </c>
      <c r="B128510" s="14" t="s">
        <v>1</v>
      </c>
      <c r="C128510" s="14" t="s">
        <v>565</v>
      </c>
      <c r="D128510" s="14" t="s">
        <v>31</v>
      </c>
      <c r="E128510" s="15">
        <v>45406</v>
      </c>
      <c r="F128510" s="14" t="s">
        <v>15</v>
      </c>
      <c r="G128510" s="16">
        <v>9.5323307109582089E-2</v>
      </c>
    </row>
    <row r="128511" spans="1:7" x14ac:dyDescent="0.3">
      <c r="A128511" s="13" t="s">
        <v>589</v>
      </c>
      <c r="B128511" s="14" t="s">
        <v>1</v>
      </c>
      <c r="C128511" s="14" t="s">
        <v>565</v>
      </c>
      <c r="D128511" s="14" t="s">
        <v>31</v>
      </c>
      <c r="E128511" s="15">
        <v>45407</v>
      </c>
      <c r="F128511" s="14" t="s">
        <v>15</v>
      </c>
      <c r="G128511" s="16">
        <v>9.1428093444634109E-2</v>
      </c>
    </row>
    <row r="128512" spans="1:7" x14ac:dyDescent="0.3">
      <c r="A128512" s="13" t="s">
        <v>589</v>
      </c>
      <c r="B128512" s="14" t="s">
        <v>1</v>
      </c>
      <c r="C128512" s="14" t="s">
        <v>565</v>
      </c>
      <c r="D128512" s="14" t="s">
        <v>31</v>
      </c>
      <c r="E128512" s="15">
        <v>45408</v>
      </c>
      <c r="F128512" s="14" t="s">
        <v>15</v>
      </c>
      <c r="G128512" s="16">
        <v>8.9891301550261218E-2</v>
      </c>
    </row>
    <row r="128513" spans="1:7" x14ac:dyDescent="0.3">
      <c r="A128513" s="13" t="s">
        <v>589</v>
      </c>
      <c r="B128513" s="14" t="s">
        <v>1</v>
      </c>
      <c r="C128513" s="14" t="s">
        <v>565</v>
      </c>
      <c r="D128513" s="14" t="s">
        <v>31</v>
      </c>
      <c r="E128513" s="15">
        <v>45409</v>
      </c>
      <c r="F128513" s="14" t="s">
        <v>15</v>
      </c>
      <c r="G128513" s="16">
        <v>8.9891301550261218E-2</v>
      </c>
    </row>
    <row r="128514" spans="1:7" x14ac:dyDescent="0.3">
      <c r="A128514" s="13" t="s">
        <v>589</v>
      </c>
      <c r="B128514" s="14" t="s">
        <v>1</v>
      </c>
      <c r="C128514" s="14" t="s">
        <v>565</v>
      </c>
      <c r="D128514" s="14" t="s">
        <v>31</v>
      </c>
      <c r="E128514" s="15">
        <v>45410</v>
      </c>
      <c r="F128514" s="14" t="s">
        <v>15</v>
      </c>
      <c r="G128514" s="16">
        <v>8.9891301550261218E-2</v>
      </c>
    </row>
    <row r="128515" spans="1:7" x14ac:dyDescent="0.3">
      <c r="A128515" s="13" t="s">
        <v>589</v>
      </c>
      <c r="B128515" s="14" t="s">
        <v>1</v>
      </c>
      <c r="C128515" s="14" t="s">
        <v>565</v>
      </c>
      <c r="D128515" s="14" t="s">
        <v>31</v>
      </c>
      <c r="E128515" s="15">
        <v>45411</v>
      </c>
      <c r="F128515" s="14" t="s">
        <v>15</v>
      </c>
      <c r="G128515" s="16">
        <v>8.5517282796132479E-2</v>
      </c>
    </row>
    <row r="128516" spans="1:7" x14ac:dyDescent="0.3">
      <c r="A128516" s="13" t="s">
        <v>589</v>
      </c>
      <c r="B128516" s="14" t="s">
        <v>1</v>
      </c>
      <c r="C128516" s="14" t="s">
        <v>565</v>
      </c>
      <c r="D128516" s="14" t="s">
        <v>31</v>
      </c>
      <c r="E128516" s="15">
        <v>45412</v>
      </c>
      <c r="F128516" s="14" t="s">
        <v>15</v>
      </c>
      <c r="G128516" s="16">
        <v>8.278995547395783E-2</v>
      </c>
    </row>
    <row r="128517" spans="1:7" x14ac:dyDescent="0.3">
      <c r="A128517" s="13" t="s">
        <v>589</v>
      </c>
      <c r="B128517" s="14" t="s">
        <v>1</v>
      </c>
      <c r="C128517" s="14" t="s">
        <v>565</v>
      </c>
      <c r="D128517" s="14" t="s">
        <v>31</v>
      </c>
      <c r="E128517" s="15">
        <v>45413</v>
      </c>
      <c r="F128517" s="14" t="s">
        <v>15</v>
      </c>
      <c r="G128517" s="16">
        <v>8.278995547395783E-2</v>
      </c>
    </row>
    <row r="128518" spans="1:7" x14ac:dyDescent="0.3">
      <c r="A128518" s="13" t="s">
        <v>589</v>
      </c>
      <c r="B128518" s="14" t="s">
        <v>1</v>
      </c>
      <c r="C128518" s="14" t="s">
        <v>565</v>
      </c>
      <c r="D128518" s="14" t="s">
        <v>31</v>
      </c>
      <c r="E128518" s="15">
        <v>45414</v>
      </c>
      <c r="F128518" s="14" t="s">
        <v>15</v>
      </c>
      <c r="G128518" s="16">
        <v>8.278995547395783E-2</v>
      </c>
    </row>
    <row r="128519" spans="1:7" x14ac:dyDescent="0.3">
      <c r="A128519" s="13" t="s">
        <v>589</v>
      </c>
      <c r="B128519" s="14" t="s">
        <v>1</v>
      </c>
      <c r="C128519" s="14" t="s">
        <v>565</v>
      </c>
      <c r="D128519" s="14" t="s">
        <v>31</v>
      </c>
      <c r="E128519" s="15">
        <v>45415</v>
      </c>
      <c r="F128519" s="14" t="s">
        <v>15</v>
      </c>
      <c r="G128519" s="16">
        <v>8.278995547395783E-2</v>
      </c>
    </row>
    <row r="128520" spans="1:7" x14ac:dyDescent="0.3">
      <c r="A128520" s="13" t="s">
        <v>589</v>
      </c>
      <c r="B128520" s="14" t="s">
        <v>1</v>
      </c>
      <c r="C128520" s="14" t="s">
        <v>565</v>
      </c>
      <c r="D128520" s="14" t="s">
        <v>31</v>
      </c>
      <c r="E128520" s="15">
        <v>45416</v>
      </c>
      <c r="F128520" s="14" t="s">
        <v>15</v>
      </c>
      <c r="G128520" s="16">
        <v>8.278995547395783E-2</v>
      </c>
    </row>
    <row r="128521" spans="1:7" x14ac:dyDescent="0.3">
      <c r="A128521" s="13" t="s">
        <v>589</v>
      </c>
      <c r="B128521" s="14" t="s">
        <v>1</v>
      </c>
      <c r="C128521" s="14" t="s">
        <v>565</v>
      </c>
      <c r="D128521" s="14" t="s">
        <v>31</v>
      </c>
      <c r="E128521" s="15">
        <v>45417</v>
      </c>
      <c r="F128521" s="14" t="s">
        <v>15</v>
      </c>
      <c r="G128521" s="16">
        <v>8.278995547395783E-2</v>
      </c>
    </row>
    <row r="128522" spans="1:7" x14ac:dyDescent="0.3">
      <c r="A128522" s="13" t="s">
        <v>589</v>
      </c>
      <c r="B128522" s="14" t="s">
        <v>1</v>
      </c>
      <c r="C128522" s="14" t="s">
        <v>565</v>
      </c>
      <c r="D128522" s="14" t="s">
        <v>31</v>
      </c>
      <c r="E128522" s="15">
        <v>45418</v>
      </c>
      <c r="F128522" s="14" t="s">
        <v>15</v>
      </c>
      <c r="G128522" s="16">
        <v>8.278995547395783E-2</v>
      </c>
    </row>
    <row r="128523" spans="1:7" x14ac:dyDescent="0.3">
      <c r="A128523" s="13" t="s">
        <v>589</v>
      </c>
      <c r="B128523" s="14" t="s">
        <v>1</v>
      </c>
      <c r="C128523" s="14" t="s">
        <v>565</v>
      </c>
      <c r="D128523" s="14" t="s">
        <v>31</v>
      </c>
      <c r="E128523" s="15">
        <v>45419</v>
      </c>
      <c r="F128523" s="14" t="s">
        <v>15</v>
      </c>
      <c r="G128523" s="16">
        <v>7.853021164883621E-2</v>
      </c>
    </row>
    <row r="128524" spans="1:7" x14ac:dyDescent="0.3">
      <c r="A128524" s="13" t="s">
        <v>589</v>
      </c>
      <c r="B128524" s="14" t="s">
        <v>1</v>
      </c>
      <c r="C128524" s="14" t="s">
        <v>565</v>
      </c>
      <c r="D128524" s="14" t="s">
        <v>31</v>
      </c>
      <c r="E128524" s="15">
        <v>45420</v>
      </c>
      <c r="F128524" s="14" t="s">
        <v>15</v>
      </c>
      <c r="G128524" s="16">
        <v>7.3642298882130364E-2</v>
      </c>
    </row>
    <row r="128525" spans="1:7" x14ac:dyDescent="0.3">
      <c r="A128525" s="13" t="s">
        <v>589</v>
      </c>
      <c r="B128525" s="14" t="s">
        <v>1</v>
      </c>
      <c r="C128525" s="14" t="s">
        <v>565</v>
      </c>
      <c r="D128525" s="14" t="s">
        <v>31</v>
      </c>
      <c r="E128525" s="15">
        <v>45421</v>
      </c>
      <c r="F128525" s="14" t="s">
        <v>15</v>
      </c>
      <c r="G128525" s="16">
        <v>7.5112945153181579E-2</v>
      </c>
    </row>
    <row r="128526" spans="1:7" x14ac:dyDescent="0.3">
      <c r="A128526" s="13" t="s">
        <v>589</v>
      </c>
      <c r="B128526" s="14" t="s">
        <v>1</v>
      </c>
      <c r="C128526" s="14" t="s">
        <v>565</v>
      </c>
      <c r="D128526" s="14" t="s">
        <v>31</v>
      </c>
      <c r="E128526" s="15">
        <v>45422</v>
      </c>
      <c r="F128526" s="14" t="s">
        <v>15</v>
      </c>
      <c r="G128526" s="16">
        <v>0.12179030722111166</v>
      </c>
    </row>
    <row r="128527" spans="1:7" x14ac:dyDescent="0.3">
      <c r="A128527" s="13" t="s">
        <v>589</v>
      </c>
      <c r="B128527" s="14" t="s">
        <v>1</v>
      </c>
      <c r="C128527" s="14" t="s">
        <v>565</v>
      </c>
      <c r="D128527" s="14" t="s">
        <v>31</v>
      </c>
      <c r="E128527" s="15">
        <v>45423</v>
      </c>
      <c r="F128527" s="14" t="s">
        <v>15</v>
      </c>
      <c r="G128527" s="16">
        <v>0.12179030722111166</v>
      </c>
    </row>
    <row r="128528" spans="1:7" x14ac:dyDescent="0.3">
      <c r="A128528" s="13" t="s">
        <v>589</v>
      </c>
      <c r="B128528" s="14" t="s">
        <v>1</v>
      </c>
      <c r="C128528" s="14" t="s">
        <v>565</v>
      </c>
      <c r="D128528" s="14" t="s">
        <v>31</v>
      </c>
      <c r="E128528" s="15">
        <v>45424</v>
      </c>
      <c r="F128528" s="14" t="s">
        <v>15</v>
      </c>
      <c r="G128528" s="16">
        <v>0.12179030722111166</v>
      </c>
    </row>
    <row r="128529" spans="1:7" x14ac:dyDescent="0.3">
      <c r="A128529" s="13" t="s">
        <v>589</v>
      </c>
      <c r="B128529" s="14" t="s">
        <v>1</v>
      </c>
      <c r="C128529" s="14" t="s">
        <v>565</v>
      </c>
      <c r="D128529" s="14" t="s">
        <v>31</v>
      </c>
      <c r="E128529" s="15">
        <v>45425</v>
      </c>
      <c r="F128529" s="14" t="s">
        <v>15</v>
      </c>
      <c r="G128529" s="16">
        <v>0.13916670241332862</v>
      </c>
    </row>
    <row r="128530" spans="1:7" x14ac:dyDescent="0.3">
      <c r="A128530" s="13" t="s">
        <v>589</v>
      </c>
      <c r="B128530" s="14" t="s">
        <v>1</v>
      </c>
      <c r="C128530" s="14" t="s">
        <v>565</v>
      </c>
      <c r="D128530" s="14" t="s">
        <v>31</v>
      </c>
      <c r="E128530" s="15">
        <v>45426</v>
      </c>
      <c r="F128530" s="14" t="s">
        <v>15</v>
      </c>
      <c r="G128530" s="16">
        <v>0.13382529319412151</v>
      </c>
    </row>
    <row r="128531" spans="1:7" x14ac:dyDescent="0.3">
      <c r="A128531" s="13" t="s">
        <v>589</v>
      </c>
      <c r="B128531" s="14" t="s">
        <v>1</v>
      </c>
      <c r="C128531" s="14" t="s">
        <v>565</v>
      </c>
      <c r="D128531" s="14" t="s">
        <v>31</v>
      </c>
      <c r="E128531" s="15">
        <v>45427</v>
      </c>
      <c r="F128531" s="14" t="s">
        <v>15</v>
      </c>
      <c r="G128531" s="16">
        <v>0.13382529319412151</v>
      </c>
    </row>
    <row r="128532" spans="1:7" x14ac:dyDescent="0.3">
      <c r="A128532" s="13" t="s">
        <v>589</v>
      </c>
      <c r="B128532" s="14" t="s">
        <v>1</v>
      </c>
      <c r="C128532" s="14" t="s">
        <v>565</v>
      </c>
      <c r="D128532" s="14" t="s">
        <v>31</v>
      </c>
      <c r="E128532" s="15">
        <v>45428</v>
      </c>
      <c r="F128532" s="14" t="s">
        <v>15</v>
      </c>
      <c r="G128532" s="16">
        <v>0.13203610126886348</v>
      </c>
    </row>
    <row r="128533" spans="1:7" x14ac:dyDescent="0.3">
      <c r="A128533" s="13" t="s">
        <v>589</v>
      </c>
      <c r="B128533" s="14" t="s">
        <v>1</v>
      </c>
      <c r="C128533" s="14" t="s">
        <v>565</v>
      </c>
      <c r="D128533" s="14" t="s">
        <v>31</v>
      </c>
      <c r="E128533" s="15">
        <v>45429</v>
      </c>
      <c r="F128533" s="14" t="s">
        <v>15</v>
      </c>
      <c r="G128533" s="16">
        <v>0.15629678880586129</v>
      </c>
    </row>
    <row r="128534" spans="1:7" x14ac:dyDescent="0.3">
      <c r="A128534" s="13" t="s">
        <v>589</v>
      </c>
      <c r="B128534" s="14" t="s">
        <v>1</v>
      </c>
      <c r="C128534" s="14" t="s">
        <v>565</v>
      </c>
      <c r="D128534" s="14" t="s">
        <v>31</v>
      </c>
      <c r="E128534" s="15">
        <v>45430</v>
      </c>
      <c r="F128534" s="14" t="s">
        <v>15</v>
      </c>
      <c r="G128534" s="16">
        <v>0.15629678880586129</v>
      </c>
    </row>
    <row r="128535" spans="1:7" x14ac:dyDescent="0.3">
      <c r="A128535" s="13" t="s">
        <v>589</v>
      </c>
      <c r="B128535" s="14" t="s">
        <v>1</v>
      </c>
      <c r="C128535" s="14" t="s">
        <v>565</v>
      </c>
      <c r="D128535" s="14" t="s">
        <v>31</v>
      </c>
      <c r="E128535" s="15">
        <v>45431</v>
      </c>
      <c r="F128535" s="14" t="s">
        <v>15</v>
      </c>
      <c r="G128535" s="16">
        <v>0.15629678880586129</v>
      </c>
    </row>
    <row r="128536" spans="1:7" x14ac:dyDescent="0.3">
      <c r="A128536" s="13" t="s">
        <v>589</v>
      </c>
      <c r="B128536" s="14" t="s">
        <v>1</v>
      </c>
      <c r="C128536" s="14" t="s">
        <v>565</v>
      </c>
      <c r="D128536" s="14" t="s">
        <v>31</v>
      </c>
      <c r="E128536" s="15">
        <v>45432</v>
      </c>
      <c r="F128536" s="14" t="s">
        <v>15</v>
      </c>
      <c r="G128536" s="16">
        <v>0.20493604207239124</v>
      </c>
    </row>
    <row r="128537" spans="1:7" x14ac:dyDescent="0.3">
      <c r="A128537" s="13" t="s">
        <v>589</v>
      </c>
      <c r="B128537" s="14" t="s">
        <v>1</v>
      </c>
      <c r="C128537" s="14" t="s">
        <v>565</v>
      </c>
      <c r="D128537" s="14" t="s">
        <v>31</v>
      </c>
      <c r="E128537" s="15">
        <v>45433</v>
      </c>
      <c r="F128537" s="14" t="s">
        <v>15</v>
      </c>
      <c r="G128537" s="16">
        <v>0.20808340697145697</v>
      </c>
    </row>
    <row r="128538" spans="1:7" x14ac:dyDescent="0.3">
      <c r="A128538" s="13" t="s">
        <v>589</v>
      </c>
      <c r="B128538" s="14" t="s">
        <v>1</v>
      </c>
      <c r="C128538" s="14" t="s">
        <v>565</v>
      </c>
      <c r="D128538" s="14" t="s">
        <v>31</v>
      </c>
      <c r="E128538" s="15">
        <v>45434</v>
      </c>
      <c r="F128538" s="14" t="s">
        <v>15</v>
      </c>
      <c r="G128538" s="16">
        <v>0.20624857370818711</v>
      </c>
    </row>
    <row r="128539" spans="1:7" x14ac:dyDescent="0.3">
      <c r="A128539" s="13" t="s">
        <v>589</v>
      </c>
      <c r="B128539" s="14" t="s">
        <v>1</v>
      </c>
      <c r="C128539" s="14" t="s">
        <v>565</v>
      </c>
      <c r="D128539" s="14" t="s">
        <v>31</v>
      </c>
      <c r="E128539" s="15">
        <v>45435</v>
      </c>
      <c r="F128539" s="14" t="s">
        <v>15</v>
      </c>
      <c r="G128539" s="16">
        <v>0.22194627705664843</v>
      </c>
    </row>
    <row r="128540" spans="1:7" x14ac:dyDescent="0.3">
      <c r="A128540" s="13" t="s">
        <v>589</v>
      </c>
      <c r="B128540" s="14" t="s">
        <v>1</v>
      </c>
      <c r="C128540" s="14" t="s">
        <v>565</v>
      </c>
      <c r="D128540" s="14" t="s">
        <v>31</v>
      </c>
      <c r="E128540" s="15">
        <v>45436</v>
      </c>
      <c r="F128540" s="14" t="s">
        <v>15</v>
      </c>
      <c r="G128540" s="16">
        <v>0.22013537975823816</v>
      </c>
    </row>
    <row r="128541" spans="1:7" x14ac:dyDescent="0.3">
      <c r="A128541" s="13" t="s">
        <v>589</v>
      </c>
      <c r="B128541" s="14" t="s">
        <v>1</v>
      </c>
      <c r="C128541" s="14" t="s">
        <v>565</v>
      </c>
      <c r="D128541" s="14" t="s">
        <v>31</v>
      </c>
      <c r="E128541" s="15">
        <v>45437</v>
      </c>
      <c r="F128541" s="14" t="s">
        <v>15</v>
      </c>
      <c r="G128541" s="16">
        <v>0.22013537975823816</v>
      </c>
    </row>
    <row r="128542" spans="1:7" x14ac:dyDescent="0.3">
      <c r="A128542" s="13" t="s">
        <v>589</v>
      </c>
      <c r="B128542" s="14" t="s">
        <v>1</v>
      </c>
      <c r="C128542" s="14" t="s">
        <v>565</v>
      </c>
      <c r="D128542" s="14" t="s">
        <v>31</v>
      </c>
      <c r="E128542" s="15">
        <v>45438</v>
      </c>
      <c r="F128542" s="14" t="s">
        <v>15</v>
      </c>
      <c r="G128542" s="16">
        <v>0.22013537975823816</v>
      </c>
    </row>
    <row r="128543" spans="1:7" x14ac:dyDescent="0.3">
      <c r="A128543" s="13" t="s">
        <v>589</v>
      </c>
      <c r="B128543" s="14" t="s">
        <v>1</v>
      </c>
      <c r="C128543" s="14" t="s">
        <v>565</v>
      </c>
      <c r="D128543" s="14" t="s">
        <v>31</v>
      </c>
      <c r="E128543" s="15">
        <v>45439</v>
      </c>
      <c r="F128543" s="14" t="s">
        <v>15</v>
      </c>
      <c r="G128543" s="16">
        <v>0.21771432983587991</v>
      </c>
    </row>
    <row r="128544" spans="1:7" x14ac:dyDescent="0.3">
      <c r="A128544" s="13" t="s">
        <v>589</v>
      </c>
      <c r="B128544" s="14" t="s">
        <v>1</v>
      </c>
      <c r="C128544" s="14" t="s">
        <v>565</v>
      </c>
      <c r="D128544" s="14" t="s">
        <v>31</v>
      </c>
      <c r="E128544" s="15">
        <v>45440</v>
      </c>
      <c r="F128544" s="14" t="s">
        <v>15</v>
      </c>
      <c r="G128544" s="16">
        <v>0.2153969166359245</v>
      </c>
    </row>
    <row r="128545" spans="1:7" x14ac:dyDescent="0.3">
      <c r="A128545" s="13" t="s">
        <v>589</v>
      </c>
      <c r="B128545" s="14" t="s">
        <v>1</v>
      </c>
      <c r="C128545" s="14" t="s">
        <v>565</v>
      </c>
      <c r="D128545" s="14" t="s">
        <v>31</v>
      </c>
      <c r="E128545" s="15">
        <v>45441</v>
      </c>
      <c r="F128545" s="14" t="s">
        <v>15</v>
      </c>
      <c r="G128545" s="16">
        <v>0.21175273033004174</v>
      </c>
    </row>
    <row r="128546" spans="1:7" x14ac:dyDescent="0.3">
      <c r="A128546" s="13" t="s">
        <v>589</v>
      </c>
      <c r="B128546" s="14" t="s">
        <v>1</v>
      </c>
      <c r="C128546" s="14" t="s">
        <v>565</v>
      </c>
      <c r="D128546" s="14" t="s">
        <v>31</v>
      </c>
      <c r="E128546" s="15">
        <v>45442</v>
      </c>
      <c r="F128546" s="14" t="s">
        <v>15</v>
      </c>
      <c r="G128546" s="16">
        <v>0.25324765573390751</v>
      </c>
    </row>
    <row r="128547" spans="1:7" x14ac:dyDescent="0.3">
      <c r="A128547" s="13" t="s">
        <v>589</v>
      </c>
      <c r="B128547" s="14" t="s">
        <v>1</v>
      </c>
      <c r="C128547" s="14" t="s">
        <v>565</v>
      </c>
      <c r="D128547" s="14" t="s">
        <v>31</v>
      </c>
      <c r="E128547" s="15">
        <v>45443</v>
      </c>
      <c r="F128547" s="14" t="s">
        <v>15</v>
      </c>
      <c r="G128547" s="16">
        <v>0.2878509106819605</v>
      </c>
    </row>
    <row r="128548" spans="1:7" x14ac:dyDescent="0.3">
      <c r="A128548" s="13" t="s">
        <v>589</v>
      </c>
      <c r="B128548" s="14" t="s">
        <v>1</v>
      </c>
      <c r="C128548" s="14" t="s">
        <v>565</v>
      </c>
      <c r="D128548" s="14" t="s">
        <v>31</v>
      </c>
      <c r="E128548" s="15">
        <v>45444</v>
      </c>
      <c r="F128548" s="14" t="s">
        <v>15</v>
      </c>
      <c r="G128548" s="16">
        <v>0.2878509106819605</v>
      </c>
    </row>
    <row r="128549" spans="1:7" x14ac:dyDescent="0.3">
      <c r="A128549" s="13" t="s">
        <v>589</v>
      </c>
      <c r="B128549" s="14" t="s">
        <v>1</v>
      </c>
      <c r="C128549" s="14" t="s">
        <v>565</v>
      </c>
      <c r="D128549" s="14" t="s">
        <v>31</v>
      </c>
      <c r="E128549" s="15">
        <v>45445</v>
      </c>
      <c r="F128549" s="14" t="s">
        <v>15</v>
      </c>
      <c r="G128549" s="16">
        <v>0.2878509106819605</v>
      </c>
    </row>
    <row r="128550" spans="1:7" x14ac:dyDescent="0.3">
      <c r="A128550" s="13" t="s">
        <v>589</v>
      </c>
      <c r="B128550" s="14" t="s">
        <v>1</v>
      </c>
      <c r="C128550" s="14" t="s">
        <v>565</v>
      </c>
      <c r="D128550" s="14" t="s">
        <v>31</v>
      </c>
      <c r="E128550" s="15">
        <v>45446</v>
      </c>
      <c r="F128550" s="14" t="s">
        <v>15</v>
      </c>
      <c r="G128550" s="16">
        <v>0.2878509106819605</v>
      </c>
    </row>
    <row r="128551" spans="1:7" x14ac:dyDescent="0.3">
      <c r="A128551" s="13" t="s">
        <v>589</v>
      </c>
      <c r="B128551" s="14" t="s">
        <v>1</v>
      </c>
      <c r="C128551" s="14" t="s">
        <v>565</v>
      </c>
      <c r="D128551" s="14" t="s">
        <v>31</v>
      </c>
      <c r="E128551" s="15">
        <v>45447</v>
      </c>
      <c r="F128551" s="14" t="s">
        <v>15</v>
      </c>
      <c r="G128551" s="16">
        <v>0.30029332280951604</v>
      </c>
    </row>
    <row r="128552" spans="1:7" x14ac:dyDescent="0.3">
      <c r="A128552" s="13" t="s">
        <v>589</v>
      </c>
      <c r="B128552" s="14" t="s">
        <v>1</v>
      </c>
      <c r="C128552" s="14" t="s">
        <v>565</v>
      </c>
      <c r="D128552" s="14" t="s">
        <v>31</v>
      </c>
      <c r="E128552" s="15">
        <v>45448</v>
      </c>
      <c r="F128552" s="14" t="s">
        <v>15</v>
      </c>
      <c r="G128552" s="16">
        <v>0.33839620456241792</v>
      </c>
    </row>
    <row r="128553" spans="1:7" x14ac:dyDescent="0.3">
      <c r="A128553" s="13" t="s">
        <v>589</v>
      </c>
      <c r="B128553" s="14" t="s">
        <v>1</v>
      </c>
      <c r="C128553" s="14" t="s">
        <v>565</v>
      </c>
      <c r="D128553" s="14" t="s">
        <v>31</v>
      </c>
      <c r="E128553" s="15">
        <v>45449</v>
      </c>
      <c r="F128553" s="14" t="s">
        <v>15</v>
      </c>
      <c r="G128553" s="16">
        <v>0.3366324070658282</v>
      </c>
    </row>
    <row r="128554" spans="1:7" x14ac:dyDescent="0.3">
      <c r="A128554" s="13" t="s">
        <v>589</v>
      </c>
      <c r="B128554" s="14" t="s">
        <v>1</v>
      </c>
      <c r="C128554" s="14" t="s">
        <v>565</v>
      </c>
      <c r="D128554" s="14" t="s">
        <v>31</v>
      </c>
      <c r="E128554" s="15">
        <v>45450</v>
      </c>
      <c r="F128554" s="14" t="s">
        <v>15</v>
      </c>
      <c r="G128554" s="16">
        <v>0.33484613206818747</v>
      </c>
    </row>
    <row r="128555" spans="1:7" x14ac:dyDescent="0.3">
      <c r="A128555" s="13" t="s">
        <v>589</v>
      </c>
      <c r="B128555" s="14" t="s">
        <v>1</v>
      </c>
      <c r="C128555" s="14" t="s">
        <v>565</v>
      </c>
      <c r="D128555" s="14" t="s">
        <v>31</v>
      </c>
      <c r="E128555" s="15">
        <v>45451</v>
      </c>
      <c r="F128555" s="14" t="s">
        <v>15</v>
      </c>
      <c r="G128555" s="16">
        <v>0.33484613206818747</v>
      </c>
    </row>
    <row r="128556" spans="1:7" x14ac:dyDescent="0.3">
      <c r="A128556" s="13" t="s">
        <v>589</v>
      </c>
      <c r="B128556" s="14" t="s">
        <v>1</v>
      </c>
      <c r="C128556" s="14" t="s">
        <v>565</v>
      </c>
      <c r="D128556" s="14" t="s">
        <v>31</v>
      </c>
      <c r="E128556" s="15">
        <v>45452</v>
      </c>
      <c r="F128556" s="14" t="s">
        <v>15</v>
      </c>
      <c r="G128556" s="16">
        <v>0.33484613206818747</v>
      </c>
    </row>
    <row r="128557" spans="1:7" x14ac:dyDescent="0.3">
      <c r="A128557" s="13" t="s">
        <v>589</v>
      </c>
      <c r="B128557" s="14" t="s">
        <v>1</v>
      </c>
      <c r="C128557" s="14" t="s">
        <v>565</v>
      </c>
      <c r="D128557" s="14" t="s">
        <v>31</v>
      </c>
      <c r="E128557" s="15">
        <v>45453</v>
      </c>
      <c r="F128557" s="14" t="s">
        <v>15</v>
      </c>
      <c r="G128557" s="16">
        <v>0.33484613206818747</v>
      </c>
    </row>
    <row r="128558" spans="1:7" x14ac:dyDescent="0.3">
      <c r="A128558" s="13" t="s">
        <v>589</v>
      </c>
      <c r="B128558" s="14" t="s">
        <v>1</v>
      </c>
      <c r="C128558" s="14" t="s">
        <v>565</v>
      </c>
      <c r="D128558" s="14" t="s">
        <v>31</v>
      </c>
      <c r="E128558" s="15">
        <v>45454</v>
      </c>
      <c r="F128558" s="14" t="s">
        <v>15</v>
      </c>
      <c r="G128558" s="16">
        <v>0.33621760280025054</v>
      </c>
    </row>
    <row r="128559" spans="1:7" x14ac:dyDescent="0.3">
      <c r="A128559" s="13" t="s">
        <v>589</v>
      </c>
      <c r="B128559" s="14" t="s">
        <v>1</v>
      </c>
      <c r="C128559" s="14" t="s">
        <v>565</v>
      </c>
      <c r="D128559" s="14" t="s">
        <v>31</v>
      </c>
      <c r="E128559" s="15">
        <v>45455</v>
      </c>
      <c r="F128559" s="14" t="s">
        <v>15</v>
      </c>
      <c r="G128559" s="16">
        <v>0.33229013134753477</v>
      </c>
    </row>
    <row r="128560" spans="1:7" x14ac:dyDescent="0.3">
      <c r="A128560" s="13" t="s">
        <v>589</v>
      </c>
      <c r="B128560" s="14" t="s">
        <v>1</v>
      </c>
      <c r="C128560" s="14" t="s">
        <v>565</v>
      </c>
      <c r="D128560" s="14" t="s">
        <v>31</v>
      </c>
      <c r="E128560" s="15">
        <v>45456</v>
      </c>
      <c r="F128560" s="14" t="s">
        <v>15</v>
      </c>
      <c r="G128560" s="16">
        <v>0.39794742666929761</v>
      </c>
    </row>
    <row r="128561" spans="1:7" x14ac:dyDescent="0.3">
      <c r="A128561" s="13" t="s">
        <v>589</v>
      </c>
      <c r="B128561" s="14" t="s">
        <v>1</v>
      </c>
      <c r="C128561" s="14" t="s">
        <v>565</v>
      </c>
      <c r="D128561" s="14" t="s">
        <v>31</v>
      </c>
      <c r="E128561" s="15">
        <v>45457</v>
      </c>
      <c r="F128561" s="14" t="s">
        <v>15</v>
      </c>
      <c r="G128561" s="16">
        <v>0.41976690316658233</v>
      </c>
    </row>
    <row r="128562" spans="1:7" x14ac:dyDescent="0.3">
      <c r="A128562" s="13" t="s">
        <v>589</v>
      </c>
      <c r="B128562" s="14" t="s">
        <v>1</v>
      </c>
      <c r="C128562" s="14" t="s">
        <v>565</v>
      </c>
      <c r="D128562" s="14" t="s">
        <v>31</v>
      </c>
      <c r="E128562" s="15">
        <v>45458</v>
      </c>
      <c r="F128562" s="14" t="s">
        <v>15</v>
      </c>
      <c r="G128562" s="16">
        <v>0.41976690316658233</v>
      </c>
    </row>
    <row r="128563" spans="1:7" x14ac:dyDescent="0.3">
      <c r="A128563" s="13" t="s">
        <v>589</v>
      </c>
      <c r="B128563" s="14" t="s">
        <v>1</v>
      </c>
      <c r="C128563" s="14" t="s">
        <v>565</v>
      </c>
      <c r="D128563" s="14" t="s">
        <v>31</v>
      </c>
      <c r="E128563" s="15">
        <v>45459</v>
      </c>
      <c r="F128563" s="14" t="s">
        <v>15</v>
      </c>
      <c r="G128563" s="16">
        <v>0.41976690316658233</v>
      </c>
    </row>
    <row r="128564" spans="1:7" x14ac:dyDescent="0.3">
      <c r="A128564" s="13" t="s">
        <v>589</v>
      </c>
      <c r="B128564" s="14" t="s">
        <v>1</v>
      </c>
      <c r="C128564" s="14" t="s">
        <v>565</v>
      </c>
      <c r="D128564" s="14" t="s">
        <v>31</v>
      </c>
      <c r="E128564" s="15">
        <v>45460</v>
      </c>
      <c r="F128564" s="14" t="s">
        <v>15</v>
      </c>
      <c r="G128564" s="16">
        <v>0.43832834309932145</v>
      </c>
    </row>
    <row r="128565" spans="1:7" x14ac:dyDescent="0.3">
      <c r="A128565" s="13" t="s">
        <v>589</v>
      </c>
      <c r="B128565" s="14" t="s">
        <v>1</v>
      </c>
      <c r="C128565" s="14" t="s">
        <v>565</v>
      </c>
      <c r="D128565" s="14" t="s">
        <v>31</v>
      </c>
      <c r="E128565" s="15">
        <v>45461</v>
      </c>
      <c r="F128565" s="14" t="s">
        <v>15</v>
      </c>
      <c r="G128565" s="16">
        <v>0.4328973670438655</v>
      </c>
    </row>
    <row r="128566" spans="1:7" x14ac:dyDescent="0.3">
      <c r="A128566" s="13" t="s">
        <v>589</v>
      </c>
      <c r="B128566" s="14" t="s">
        <v>1</v>
      </c>
      <c r="C128566" s="14" t="s">
        <v>565</v>
      </c>
      <c r="D128566" s="14" t="s">
        <v>31</v>
      </c>
      <c r="E128566" s="15">
        <v>45462</v>
      </c>
      <c r="F128566" s="14" t="s">
        <v>15</v>
      </c>
      <c r="G128566" s="16">
        <v>0.45237935501582865</v>
      </c>
    </row>
    <row r="128567" spans="1:7" x14ac:dyDescent="0.3">
      <c r="A128567" s="13" t="s">
        <v>589</v>
      </c>
      <c r="B128567" s="14" t="s">
        <v>1</v>
      </c>
      <c r="C128567" s="14" t="s">
        <v>565</v>
      </c>
      <c r="D128567" s="14" t="s">
        <v>31</v>
      </c>
      <c r="E128567" s="15">
        <v>45463</v>
      </c>
      <c r="F128567" s="14" t="s">
        <v>15</v>
      </c>
      <c r="G128567" s="16">
        <v>0.45055970693456648</v>
      </c>
    </row>
    <row r="128568" spans="1:7" x14ac:dyDescent="0.3">
      <c r="A128568" s="13" t="s">
        <v>589</v>
      </c>
      <c r="B128568" s="14" t="s">
        <v>1</v>
      </c>
      <c r="C128568" s="14" t="s">
        <v>565</v>
      </c>
      <c r="D128568" s="14" t="s">
        <v>31</v>
      </c>
      <c r="E128568" s="15">
        <v>45464</v>
      </c>
      <c r="F128568" s="14" t="s">
        <v>15</v>
      </c>
      <c r="G128568" s="16">
        <v>0.47574746270193297</v>
      </c>
    </row>
    <row r="128569" spans="1:7" x14ac:dyDescent="0.3">
      <c r="A128569" s="13" t="s">
        <v>589</v>
      </c>
      <c r="B128569" s="14" t="s">
        <v>1</v>
      </c>
      <c r="C128569" s="14" t="s">
        <v>565</v>
      </c>
      <c r="D128569" s="14" t="s">
        <v>31</v>
      </c>
      <c r="E128569" s="15">
        <v>45465</v>
      </c>
      <c r="F128569" s="14" t="s">
        <v>15</v>
      </c>
      <c r="G128569" s="16">
        <v>0.47574746270193297</v>
      </c>
    </row>
    <row r="128570" spans="1:7" x14ac:dyDescent="0.3">
      <c r="A128570" s="13" t="s">
        <v>589</v>
      </c>
      <c r="B128570" s="14" t="s">
        <v>1</v>
      </c>
      <c r="C128570" s="14" t="s">
        <v>565</v>
      </c>
      <c r="D128570" s="14" t="s">
        <v>31</v>
      </c>
      <c r="E128570" s="15">
        <v>45466</v>
      </c>
      <c r="F128570" s="14" t="s">
        <v>15</v>
      </c>
      <c r="G128570" s="16">
        <v>0.47574746270193297</v>
      </c>
    </row>
    <row r="128571" spans="1:7" x14ac:dyDescent="0.3">
      <c r="A128571" s="13" t="s">
        <v>589</v>
      </c>
      <c r="B128571" s="14" t="s">
        <v>1</v>
      </c>
      <c r="C128571" s="14" t="s">
        <v>565</v>
      </c>
      <c r="D128571" s="14" t="s">
        <v>31</v>
      </c>
      <c r="E128571" s="15">
        <v>45467</v>
      </c>
      <c r="F128571" s="14" t="s">
        <v>15</v>
      </c>
      <c r="G128571" s="16">
        <v>0.47703520045298176</v>
      </c>
    </row>
    <row r="128572" spans="1:7" x14ac:dyDescent="0.3">
      <c r="A128572" s="13" t="s">
        <v>589</v>
      </c>
      <c r="B128572" s="14" t="s">
        <v>1</v>
      </c>
      <c r="C128572" s="14" t="s">
        <v>565</v>
      </c>
      <c r="D128572" s="14" t="s">
        <v>31</v>
      </c>
      <c r="E128572" s="15">
        <v>45468</v>
      </c>
      <c r="F128572" s="14" t="s">
        <v>15</v>
      </c>
      <c r="G128572" s="16">
        <v>0.47154039515790014</v>
      </c>
    </row>
    <row r="128573" spans="1:7" x14ac:dyDescent="0.3">
      <c r="A128573" s="13" t="s">
        <v>589</v>
      </c>
      <c r="B128573" s="14" t="s">
        <v>1</v>
      </c>
      <c r="C128573" s="14" t="s">
        <v>565</v>
      </c>
      <c r="D128573" s="14" t="s">
        <v>31</v>
      </c>
      <c r="E128573" s="15">
        <v>45469</v>
      </c>
      <c r="F128573" s="14" t="s">
        <v>15</v>
      </c>
      <c r="G128573" s="16">
        <v>0.47606789577989211</v>
      </c>
    </row>
    <row r="128574" spans="1:7" x14ac:dyDescent="0.3">
      <c r="A128574" s="13" t="s">
        <v>589</v>
      </c>
      <c r="B128574" s="14" t="s">
        <v>1</v>
      </c>
      <c r="C128574" s="14" t="s">
        <v>565</v>
      </c>
      <c r="D128574" s="14" t="s">
        <v>31</v>
      </c>
      <c r="E128574" s="15">
        <v>45470</v>
      </c>
      <c r="F128574" s="14" t="s">
        <v>15</v>
      </c>
      <c r="G128574" s="16">
        <v>0.48192208371582268</v>
      </c>
    </row>
    <row r="128575" spans="1:7" x14ac:dyDescent="0.3">
      <c r="A128575" s="13" t="s">
        <v>589</v>
      </c>
      <c r="B128575" s="14" t="s">
        <v>1</v>
      </c>
      <c r="C128575" s="14" t="s">
        <v>565</v>
      </c>
      <c r="D128575" s="14" t="s">
        <v>31</v>
      </c>
      <c r="E128575" s="15">
        <v>45471</v>
      </c>
      <c r="F128575" s="14" t="s">
        <v>15</v>
      </c>
      <c r="G128575" s="16">
        <v>0.50339341632278389</v>
      </c>
    </row>
    <row r="128576" spans="1:7" x14ac:dyDescent="0.3">
      <c r="A128576" s="13" t="s">
        <v>589</v>
      </c>
      <c r="B128576" s="14" t="s">
        <v>1</v>
      </c>
      <c r="C128576" s="14" t="s">
        <v>565</v>
      </c>
      <c r="D128576" s="14" t="s">
        <v>31</v>
      </c>
      <c r="E128576" s="15">
        <v>45472</v>
      </c>
      <c r="F128576" s="14" t="s">
        <v>15</v>
      </c>
      <c r="G128576" s="16">
        <v>0.50339341632278389</v>
      </c>
    </row>
    <row r="128577" spans="1:7" x14ac:dyDescent="0.3">
      <c r="A128577" s="13" t="s">
        <v>589</v>
      </c>
      <c r="B128577" s="14" t="s">
        <v>1</v>
      </c>
      <c r="C128577" s="14" t="s">
        <v>565</v>
      </c>
      <c r="D128577" s="14" t="s">
        <v>31</v>
      </c>
      <c r="E128577" s="15">
        <v>45473</v>
      </c>
      <c r="F128577" s="14" t="s">
        <v>15</v>
      </c>
      <c r="G128577" s="16">
        <v>0.50339341632278389</v>
      </c>
    </row>
    <row r="128578" spans="1:7" x14ac:dyDescent="0.3">
      <c r="A128578" s="13" t="s">
        <v>589</v>
      </c>
      <c r="B128578" s="14" t="s">
        <v>1</v>
      </c>
      <c r="C128578" s="14" t="s">
        <v>565</v>
      </c>
      <c r="D128578" s="14" t="s">
        <v>31</v>
      </c>
      <c r="E128578" s="15">
        <v>45474</v>
      </c>
      <c r="F128578" s="14" t="s">
        <v>15</v>
      </c>
      <c r="G128578" s="16">
        <v>0.50339341632278389</v>
      </c>
    </row>
    <row r="128579" spans="1:7" x14ac:dyDescent="0.3">
      <c r="A128579" s="13" t="s">
        <v>589</v>
      </c>
      <c r="B128579" s="14" t="s">
        <v>1</v>
      </c>
      <c r="C128579" s="14" t="s">
        <v>565</v>
      </c>
      <c r="D128579" s="14" t="s">
        <v>31</v>
      </c>
      <c r="E128579" s="15">
        <v>45475</v>
      </c>
      <c r="F128579" s="14" t="s">
        <v>15</v>
      </c>
      <c r="G128579" s="16">
        <v>0.50156167157110876</v>
      </c>
    </row>
    <row r="128580" spans="1:7" x14ac:dyDescent="0.3">
      <c r="A128580" s="13" t="s">
        <v>589</v>
      </c>
      <c r="B128580" s="14" t="s">
        <v>1</v>
      </c>
      <c r="C128580" s="14" t="s">
        <v>565</v>
      </c>
      <c r="D128580" s="14" t="s">
        <v>31</v>
      </c>
      <c r="E128580" s="15">
        <v>45476</v>
      </c>
      <c r="F128580" s="14" t="s">
        <v>15</v>
      </c>
      <c r="G128580" s="16">
        <v>0.52687974536937743</v>
      </c>
    </row>
    <row r="128581" spans="1:7" x14ac:dyDescent="0.3">
      <c r="A128581" s="13" t="s">
        <v>589</v>
      </c>
      <c r="B128581" s="14" t="s">
        <v>1</v>
      </c>
      <c r="C128581" s="14" t="s">
        <v>565</v>
      </c>
      <c r="D128581" s="14" t="s">
        <v>31</v>
      </c>
      <c r="E128581" s="15">
        <v>45477</v>
      </c>
      <c r="F128581" s="14" t="s">
        <v>15</v>
      </c>
      <c r="G128581" s="16">
        <v>0.55938950420809708</v>
      </c>
    </row>
    <row r="128582" spans="1:7" x14ac:dyDescent="0.3">
      <c r="A128582" s="13" t="s">
        <v>589</v>
      </c>
      <c r="B128582" s="14" t="s">
        <v>1</v>
      </c>
      <c r="C128582" s="14" t="s">
        <v>565</v>
      </c>
      <c r="D128582" s="14" t="s">
        <v>31</v>
      </c>
      <c r="E128582" s="15">
        <v>45478</v>
      </c>
      <c r="F128582" s="14" t="s">
        <v>15</v>
      </c>
      <c r="G128582" s="16">
        <v>0.59190955808546608</v>
      </c>
    </row>
    <row r="128583" spans="1:7" x14ac:dyDescent="0.3">
      <c r="A128583" s="13" t="s">
        <v>589</v>
      </c>
      <c r="B128583" s="14" t="s">
        <v>1</v>
      </c>
      <c r="C128583" s="14" t="s">
        <v>565</v>
      </c>
      <c r="D128583" s="14" t="s">
        <v>31</v>
      </c>
      <c r="E128583" s="15">
        <v>45479</v>
      </c>
      <c r="F128583" s="14" t="s">
        <v>15</v>
      </c>
      <c r="G128583" s="16">
        <v>0.59190955808546608</v>
      </c>
    </row>
    <row r="128584" spans="1:7" x14ac:dyDescent="0.3">
      <c r="A128584" s="13" t="s">
        <v>589</v>
      </c>
      <c r="B128584" s="14" t="s">
        <v>1</v>
      </c>
      <c r="C128584" s="14" t="s">
        <v>565</v>
      </c>
      <c r="D128584" s="14" t="s">
        <v>31</v>
      </c>
      <c r="E128584" s="15">
        <v>45480</v>
      </c>
      <c r="F128584" s="14" t="s">
        <v>15</v>
      </c>
      <c r="G128584" s="16">
        <v>0.59190955808546608</v>
      </c>
    </row>
    <row r="128585" spans="1:7" x14ac:dyDescent="0.3">
      <c r="A128585" s="13" t="s">
        <v>589</v>
      </c>
      <c r="B128585" s="14" t="s">
        <v>1</v>
      </c>
      <c r="C128585" s="14" t="s">
        <v>565</v>
      </c>
      <c r="D128585" s="14" t="s">
        <v>31</v>
      </c>
      <c r="E128585" s="15">
        <v>45481</v>
      </c>
      <c r="F128585" s="14" t="s">
        <v>15</v>
      </c>
      <c r="G128585" s="16">
        <v>0.59004975935347159</v>
      </c>
    </row>
    <row r="128586" spans="1:7" x14ac:dyDescent="0.3">
      <c r="A128586" s="13" t="s">
        <v>589</v>
      </c>
      <c r="B128586" s="14" t="s">
        <v>1</v>
      </c>
      <c r="C128586" s="14" t="s">
        <v>565</v>
      </c>
      <c r="D128586" s="14" t="s">
        <v>31</v>
      </c>
      <c r="E128586" s="15">
        <v>45482</v>
      </c>
      <c r="F128586" s="14" t="s">
        <v>15</v>
      </c>
      <c r="G128586" s="16">
        <v>0.58446152658264783</v>
      </c>
    </row>
    <row r="128587" spans="1:7" x14ac:dyDescent="0.3">
      <c r="A128587" s="13" t="s">
        <v>589</v>
      </c>
      <c r="B128587" s="14" t="s">
        <v>1</v>
      </c>
      <c r="C128587" s="14" t="s">
        <v>565</v>
      </c>
      <c r="D128587" s="14" t="s">
        <v>31</v>
      </c>
      <c r="E128587" s="15">
        <v>45483</v>
      </c>
      <c r="F128587" s="14" t="s">
        <v>15</v>
      </c>
      <c r="G128587" s="16">
        <v>0.59014524583694383</v>
      </c>
    </row>
    <row r="128588" spans="1:7" x14ac:dyDescent="0.3">
      <c r="A128588" s="13" t="s">
        <v>589</v>
      </c>
      <c r="B128588" s="14" t="s">
        <v>1</v>
      </c>
      <c r="C128588" s="14" t="s">
        <v>565</v>
      </c>
      <c r="D128588" s="14" t="s">
        <v>31</v>
      </c>
      <c r="E128588" s="15">
        <v>45484</v>
      </c>
      <c r="F128588" s="14" t="s">
        <v>15</v>
      </c>
      <c r="G128588" s="16">
        <v>0.59159298564700036</v>
      </c>
    </row>
    <row r="128589" spans="1:7" x14ac:dyDescent="0.3">
      <c r="A128589" s="13" t="s">
        <v>589</v>
      </c>
      <c r="B128589" s="14" t="s">
        <v>1</v>
      </c>
      <c r="C128589" s="14" t="s">
        <v>565</v>
      </c>
      <c r="D128589" s="14" t="s">
        <v>31</v>
      </c>
      <c r="E128589" s="15">
        <v>45485</v>
      </c>
      <c r="F128589" s="14" t="s">
        <v>15</v>
      </c>
      <c r="G128589" s="16">
        <v>0.58971336896560611</v>
      </c>
    </row>
    <row r="128590" spans="1:7" x14ac:dyDescent="0.3">
      <c r="A128590" s="13" t="s">
        <v>589</v>
      </c>
      <c r="B128590" s="14" t="s">
        <v>1</v>
      </c>
      <c r="C128590" s="14" t="s">
        <v>565</v>
      </c>
      <c r="D128590" s="14" t="s">
        <v>31</v>
      </c>
      <c r="E128590" s="15">
        <v>45486</v>
      </c>
      <c r="F128590" s="14" t="s">
        <v>15</v>
      </c>
      <c r="G128590" s="16">
        <v>0.58971336896560611</v>
      </c>
    </row>
    <row r="128591" spans="1:7" x14ac:dyDescent="0.3">
      <c r="A128591" s="13" t="s">
        <v>589</v>
      </c>
      <c r="B128591" s="14" t="s">
        <v>1</v>
      </c>
      <c r="C128591" s="14" t="s">
        <v>565</v>
      </c>
      <c r="D128591" s="14" t="s">
        <v>31</v>
      </c>
      <c r="E128591" s="15">
        <v>45487</v>
      </c>
      <c r="F128591" s="14" t="s">
        <v>15</v>
      </c>
      <c r="G128591" s="16">
        <v>0.58971336896560611</v>
      </c>
    </row>
    <row r="128592" spans="1:7" x14ac:dyDescent="0.3">
      <c r="A128592" s="13" t="s">
        <v>589</v>
      </c>
      <c r="B128592" s="14" t="s">
        <v>1</v>
      </c>
      <c r="C128592" s="14" t="s">
        <v>565</v>
      </c>
      <c r="D128592" s="14" t="s">
        <v>31</v>
      </c>
      <c r="E128592" s="15">
        <v>45488</v>
      </c>
      <c r="F128592" s="14" t="s">
        <v>15</v>
      </c>
      <c r="G128592" s="16">
        <v>0.58916524394952019</v>
      </c>
    </row>
    <row r="128593" spans="1:7" x14ac:dyDescent="0.3">
      <c r="A128593" s="13" t="s">
        <v>589</v>
      </c>
      <c r="B128593" s="14" t="s">
        <v>1</v>
      </c>
      <c r="C128593" s="14" t="s">
        <v>565</v>
      </c>
      <c r="D128593" s="14" t="s">
        <v>31</v>
      </c>
      <c r="E128593" s="15">
        <v>45489</v>
      </c>
      <c r="F128593" s="14" t="s">
        <v>15</v>
      </c>
      <c r="G128593" s="16">
        <v>0.58347363183225964</v>
      </c>
    </row>
    <row r="128594" spans="1:7" x14ac:dyDescent="0.3">
      <c r="A128594" s="13" t="s">
        <v>589</v>
      </c>
      <c r="B128594" s="14" t="s">
        <v>1</v>
      </c>
      <c r="C128594" s="14" t="s">
        <v>565</v>
      </c>
      <c r="D128594" s="14" t="s">
        <v>31</v>
      </c>
      <c r="E128594" s="15">
        <v>45490</v>
      </c>
      <c r="F128594" s="14" t="s">
        <v>15</v>
      </c>
      <c r="G128594" s="16">
        <v>0.59166462195760172</v>
      </c>
    </row>
    <row r="128595" spans="1:7" x14ac:dyDescent="0.3">
      <c r="A128595" s="13" t="s">
        <v>589</v>
      </c>
      <c r="B128595" s="14" t="s">
        <v>1</v>
      </c>
      <c r="C128595" s="14" t="s">
        <v>565</v>
      </c>
      <c r="D128595" s="14" t="s">
        <v>31</v>
      </c>
      <c r="E128595" s="15">
        <v>45491</v>
      </c>
      <c r="F128595" s="14" t="s">
        <v>15</v>
      </c>
      <c r="G128595" s="16">
        <v>0.5897845763162638</v>
      </c>
    </row>
    <row r="128596" spans="1:7" x14ac:dyDescent="0.3">
      <c r="A128596" s="13" t="s">
        <v>589</v>
      </c>
      <c r="B128596" s="14" t="s">
        <v>1</v>
      </c>
      <c r="C128596" s="14" t="s">
        <v>565</v>
      </c>
      <c r="D128596" s="14" t="s">
        <v>31</v>
      </c>
      <c r="E128596" s="15">
        <v>45492</v>
      </c>
      <c r="F128596" s="14" t="s">
        <v>15</v>
      </c>
      <c r="G128596" s="16">
        <v>0.64648544538910968</v>
      </c>
    </row>
    <row r="128597" spans="1:7" x14ac:dyDescent="0.3">
      <c r="A128597" s="13" t="s">
        <v>589</v>
      </c>
      <c r="B128597" s="14" t="s">
        <v>1</v>
      </c>
      <c r="C128597" s="14" t="s">
        <v>565</v>
      </c>
      <c r="D128597" s="14" t="s">
        <v>31</v>
      </c>
      <c r="E128597" s="15">
        <v>45493</v>
      </c>
      <c r="F128597" s="14" t="s">
        <v>15</v>
      </c>
      <c r="G128597" s="16">
        <v>0.64648544538910968</v>
      </c>
    </row>
    <row r="128598" spans="1:7" x14ac:dyDescent="0.3">
      <c r="A128598" s="13" t="s">
        <v>589</v>
      </c>
      <c r="B128598" s="14" t="s">
        <v>1</v>
      </c>
      <c r="C128598" s="14" t="s">
        <v>565</v>
      </c>
      <c r="D128598" s="14" t="s">
        <v>31</v>
      </c>
      <c r="E128598" s="15">
        <v>45494</v>
      </c>
      <c r="F128598" s="14" t="s">
        <v>15</v>
      </c>
      <c r="G128598" s="16">
        <v>0.64648544538910968</v>
      </c>
    </row>
    <row r="128599" spans="1:7" x14ac:dyDescent="0.3">
      <c r="A128599" s="13" t="s">
        <v>589</v>
      </c>
      <c r="B128599" s="14" t="s">
        <v>1</v>
      </c>
      <c r="C128599" s="14" t="s">
        <v>565</v>
      </c>
      <c r="D128599" s="14" t="s">
        <v>31</v>
      </c>
      <c r="E128599" s="15">
        <v>45495</v>
      </c>
      <c r="F128599" s="14" t="s">
        <v>15</v>
      </c>
      <c r="G128599" s="16">
        <v>0.64462487452921668</v>
      </c>
    </row>
    <row r="128600" spans="1:7" x14ac:dyDescent="0.3">
      <c r="A128600" s="13" t="s">
        <v>589</v>
      </c>
      <c r="B128600" s="14" t="s">
        <v>1</v>
      </c>
      <c r="C128600" s="14" t="s">
        <v>565</v>
      </c>
      <c r="D128600" s="14" t="s">
        <v>31</v>
      </c>
      <c r="E128600" s="15">
        <v>45496</v>
      </c>
      <c r="F128600" s="14" t="s">
        <v>15</v>
      </c>
      <c r="G128600" s="16">
        <v>0.63911548459604872</v>
      </c>
    </row>
    <row r="128601" spans="1:7" x14ac:dyDescent="0.3">
      <c r="A128601" s="13" t="s">
        <v>589</v>
      </c>
      <c r="B128601" s="14" t="s">
        <v>1</v>
      </c>
      <c r="C128601" s="14" t="s">
        <v>565</v>
      </c>
      <c r="D128601" s="14" t="s">
        <v>31</v>
      </c>
      <c r="E128601" s="15">
        <v>45497</v>
      </c>
      <c r="F128601" s="14" t="s">
        <v>15</v>
      </c>
      <c r="G128601" s="16">
        <v>0.64132368459433287</v>
      </c>
    </row>
    <row r="128602" spans="1:7" x14ac:dyDescent="0.3">
      <c r="A128602" s="13" t="s">
        <v>589</v>
      </c>
      <c r="B128602" s="14" t="s">
        <v>1</v>
      </c>
      <c r="C128602" s="14" t="s">
        <v>565</v>
      </c>
      <c r="D128602" s="14" t="s">
        <v>31</v>
      </c>
      <c r="E128602" s="15">
        <v>45498</v>
      </c>
      <c r="F128602" s="14" t="s">
        <v>15</v>
      </c>
      <c r="G128602" s="16">
        <v>0.63962311579344744</v>
      </c>
    </row>
    <row r="128603" spans="1:7" x14ac:dyDescent="0.3">
      <c r="A128603" s="13" t="s">
        <v>589</v>
      </c>
      <c r="B128603" s="14" t="s">
        <v>1</v>
      </c>
      <c r="C128603" s="14" t="s">
        <v>565</v>
      </c>
      <c r="D128603" s="14" t="s">
        <v>31</v>
      </c>
      <c r="E128603" s="15">
        <v>45499</v>
      </c>
      <c r="F128603" s="14" t="s">
        <v>15</v>
      </c>
      <c r="G128603" s="16">
        <v>0.63780449721605026</v>
      </c>
    </row>
    <row r="128604" spans="1:7" x14ac:dyDescent="0.3">
      <c r="A128604" s="13" t="s">
        <v>589</v>
      </c>
      <c r="B128604" s="14" t="s">
        <v>1</v>
      </c>
      <c r="C128604" s="14" t="s">
        <v>565</v>
      </c>
      <c r="D128604" s="14" t="s">
        <v>31</v>
      </c>
      <c r="E128604" s="15">
        <v>45500</v>
      </c>
      <c r="F128604" s="14" t="s">
        <v>15</v>
      </c>
      <c r="G128604" s="16">
        <v>0.63780449721605026</v>
      </c>
    </row>
    <row r="128605" spans="1:7" x14ac:dyDescent="0.3">
      <c r="A128605" s="13" t="s">
        <v>589</v>
      </c>
      <c r="B128605" s="14" t="s">
        <v>1</v>
      </c>
      <c r="C128605" s="14" t="s">
        <v>565</v>
      </c>
      <c r="D128605" s="14" t="s">
        <v>31</v>
      </c>
      <c r="E128605" s="15">
        <v>45501</v>
      </c>
      <c r="F128605" s="14" t="s">
        <v>15</v>
      </c>
      <c r="G128605" s="16">
        <v>0.63780449721605026</v>
      </c>
    </row>
    <row r="128606" spans="1:7" x14ac:dyDescent="0.3">
      <c r="A128606" s="13" t="s">
        <v>589</v>
      </c>
      <c r="B128606" s="14" t="s">
        <v>1</v>
      </c>
      <c r="C128606" s="14" t="s">
        <v>565</v>
      </c>
      <c r="D128606" s="14" t="s">
        <v>31</v>
      </c>
      <c r="E128606" s="15">
        <v>45502</v>
      </c>
      <c r="F128606" s="14" t="s">
        <v>15</v>
      </c>
      <c r="G128606" s="16">
        <v>0.63600492446015422</v>
      </c>
    </row>
    <row r="128607" spans="1:7" x14ac:dyDescent="0.3">
      <c r="A128607" s="13" t="s">
        <v>589</v>
      </c>
      <c r="B128607" s="14" t="s">
        <v>1</v>
      </c>
      <c r="C128607" s="14" t="s">
        <v>565</v>
      </c>
      <c r="D128607" s="14" t="s">
        <v>31</v>
      </c>
      <c r="E128607" s="15">
        <v>45503</v>
      </c>
      <c r="F128607" s="14" t="s">
        <v>15</v>
      </c>
      <c r="G128607" s="16">
        <v>0.63258774375648841</v>
      </c>
    </row>
    <row r="128608" spans="1:7" x14ac:dyDescent="0.3">
      <c r="A128608" s="13" t="s">
        <v>589</v>
      </c>
      <c r="B128608" s="14" t="s">
        <v>1</v>
      </c>
      <c r="C128608" s="14" t="s">
        <v>565</v>
      </c>
      <c r="D128608" s="14" t="s">
        <v>31</v>
      </c>
      <c r="E128608" s="15">
        <v>45504</v>
      </c>
      <c r="F128608" s="14" t="s">
        <v>15</v>
      </c>
      <c r="G128608" s="16">
        <v>0.63290457357092023</v>
      </c>
    </row>
    <row r="128609" spans="1:7" x14ac:dyDescent="0.3">
      <c r="A128609" s="13" t="s">
        <v>589</v>
      </c>
      <c r="B128609" s="14" t="s">
        <v>1</v>
      </c>
      <c r="C128609" s="14" t="s">
        <v>565</v>
      </c>
      <c r="D128609" s="14" t="s">
        <v>31</v>
      </c>
      <c r="E128609" s="15">
        <v>45505</v>
      </c>
      <c r="F128609" s="14" t="s">
        <v>15</v>
      </c>
      <c r="G128609" s="16">
        <v>0.64643774504336815</v>
      </c>
    </row>
    <row r="128610" spans="1:7" x14ac:dyDescent="0.3">
      <c r="A128610" s="13" t="s">
        <v>589</v>
      </c>
      <c r="B128610" s="14" t="s">
        <v>1</v>
      </c>
      <c r="C128610" s="14" t="s">
        <v>565</v>
      </c>
      <c r="D128610" s="14" t="s">
        <v>31</v>
      </c>
      <c r="E128610" s="15">
        <v>45506</v>
      </c>
      <c r="F128610" s="14" t="s">
        <v>15</v>
      </c>
      <c r="G128610" s="16">
        <v>0.64461904067398212</v>
      </c>
    </row>
    <row r="128611" spans="1:7" x14ac:dyDescent="0.3">
      <c r="A128611" s="13" t="s">
        <v>589</v>
      </c>
      <c r="B128611" s="14" t="s">
        <v>1</v>
      </c>
      <c r="C128611" s="14" t="s">
        <v>565</v>
      </c>
      <c r="D128611" s="14" t="s">
        <v>31</v>
      </c>
      <c r="E128611" s="15">
        <v>45507</v>
      </c>
      <c r="F128611" s="14" t="s">
        <v>15</v>
      </c>
      <c r="G128611" s="16">
        <v>0.64461904067398212</v>
      </c>
    </row>
    <row r="128612" spans="1:7" x14ac:dyDescent="0.3">
      <c r="A128612" s="13" t="s">
        <v>589</v>
      </c>
      <c r="B128612" s="14" t="s">
        <v>1</v>
      </c>
      <c r="C128612" s="14" t="s">
        <v>565</v>
      </c>
      <c r="D128612" s="14" t="s">
        <v>31</v>
      </c>
      <c r="E128612" s="15">
        <v>45508</v>
      </c>
      <c r="F128612" s="14" t="s">
        <v>15</v>
      </c>
      <c r="G128612" s="16">
        <v>0.64461904067398212</v>
      </c>
    </row>
    <row r="128613" spans="1:7" x14ac:dyDescent="0.3">
      <c r="A128613" s="13" t="s">
        <v>589</v>
      </c>
      <c r="B128613" s="14" t="s">
        <v>1</v>
      </c>
      <c r="C128613" s="14" t="s">
        <v>565</v>
      </c>
      <c r="D128613" s="14" t="s">
        <v>31</v>
      </c>
      <c r="E128613" s="15">
        <v>45509</v>
      </c>
      <c r="F128613" s="14" t="s">
        <v>15</v>
      </c>
      <c r="G128613" s="16">
        <v>0.64461904067398212</v>
      </c>
    </row>
    <row r="128614" spans="1:7" x14ac:dyDescent="0.3">
      <c r="A128614" s="13" t="s">
        <v>589</v>
      </c>
      <c r="B128614" s="14" t="s">
        <v>1</v>
      </c>
      <c r="C128614" s="14" t="s">
        <v>565</v>
      </c>
      <c r="D128614" s="14" t="s">
        <v>31</v>
      </c>
      <c r="E128614" s="15">
        <v>45510</v>
      </c>
      <c r="F128614" s="14" t="s">
        <v>15</v>
      </c>
      <c r="G128614" s="16">
        <v>0.64278755329827331</v>
      </c>
    </row>
    <row r="128615" spans="1:7" x14ac:dyDescent="0.3">
      <c r="A128615" s="13" t="s">
        <v>589</v>
      </c>
      <c r="B128615" s="14" t="s">
        <v>1</v>
      </c>
      <c r="C128615" s="14" t="s">
        <v>565</v>
      </c>
      <c r="D128615" s="14" t="s">
        <v>31</v>
      </c>
      <c r="E128615" s="15">
        <v>45511</v>
      </c>
      <c r="F128615" s="14" t="s">
        <v>15</v>
      </c>
      <c r="G128615" s="16">
        <v>0.64537443913487391</v>
      </c>
    </row>
    <row r="128616" spans="1:7" x14ac:dyDescent="0.3">
      <c r="A128616" s="13" t="s">
        <v>589</v>
      </c>
      <c r="B128616" s="14" t="s">
        <v>1</v>
      </c>
      <c r="C128616" s="14" t="s">
        <v>565</v>
      </c>
      <c r="D128616" s="14" t="s">
        <v>31</v>
      </c>
      <c r="E128616" s="15">
        <v>45512</v>
      </c>
      <c r="F128616" s="14" t="s">
        <v>15</v>
      </c>
      <c r="G128616" s="16">
        <v>0.64364778956941038</v>
      </c>
    </row>
    <row r="128617" spans="1:7" x14ac:dyDescent="0.3">
      <c r="A128617" s="13" t="s">
        <v>589</v>
      </c>
      <c r="B128617" s="14" t="s">
        <v>1</v>
      </c>
      <c r="C128617" s="14" t="s">
        <v>565</v>
      </c>
      <c r="D128617" s="14" t="s">
        <v>31</v>
      </c>
      <c r="E128617" s="15">
        <v>45513</v>
      </c>
      <c r="F128617" s="14" t="s">
        <v>15</v>
      </c>
      <c r="G128617" s="16">
        <v>0.66059874228944537</v>
      </c>
    </row>
    <row r="128618" spans="1:7" x14ac:dyDescent="0.3">
      <c r="A128618" s="13" t="s">
        <v>589</v>
      </c>
      <c r="B128618" s="14" t="s">
        <v>1</v>
      </c>
      <c r="C128618" s="14" t="s">
        <v>565</v>
      </c>
      <c r="D128618" s="14" t="s">
        <v>31</v>
      </c>
      <c r="E128618" s="15">
        <v>45514</v>
      </c>
      <c r="F128618" s="14" t="s">
        <v>15</v>
      </c>
      <c r="G128618" s="16">
        <v>0.66059874228944537</v>
      </c>
    </row>
    <row r="128619" spans="1:7" x14ac:dyDescent="0.3">
      <c r="A128619" s="13" t="s">
        <v>589</v>
      </c>
      <c r="B128619" s="14" t="s">
        <v>1</v>
      </c>
      <c r="C128619" s="14" t="s">
        <v>565</v>
      </c>
      <c r="D128619" s="14" t="s">
        <v>31</v>
      </c>
      <c r="E128619" s="15">
        <v>45515</v>
      </c>
      <c r="F128619" s="14" t="s">
        <v>15</v>
      </c>
      <c r="G128619" s="16">
        <v>0.66059874228944537</v>
      </c>
    </row>
    <row r="128620" spans="1:7" x14ac:dyDescent="0.3">
      <c r="A128620" s="13" t="s">
        <v>589</v>
      </c>
      <c r="B128620" s="14" t="s">
        <v>1</v>
      </c>
      <c r="C128620" s="14" t="s">
        <v>565</v>
      </c>
      <c r="D128620" s="14" t="s">
        <v>31</v>
      </c>
      <c r="E128620" s="15">
        <v>45516</v>
      </c>
      <c r="F128620" s="14" t="s">
        <v>15</v>
      </c>
      <c r="G128620" s="16">
        <v>0.67537284749458504</v>
      </c>
    </row>
    <row r="128621" spans="1:7" x14ac:dyDescent="0.3">
      <c r="A128621" s="13" t="s">
        <v>589</v>
      </c>
      <c r="B128621" s="14" t="s">
        <v>1</v>
      </c>
      <c r="C128621" s="14" t="s">
        <v>565</v>
      </c>
      <c r="D128621" s="14" t="s">
        <v>31</v>
      </c>
      <c r="E128621" s="15">
        <v>45517</v>
      </c>
      <c r="F128621" s="14" t="s">
        <v>15</v>
      </c>
      <c r="G128621" s="16">
        <v>0.68461894622344233</v>
      </c>
    </row>
    <row r="128622" spans="1:7" x14ac:dyDescent="0.3">
      <c r="A128622" s="13" t="s">
        <v>589</v>
      </c>
      <c r="B128622" s="14" t="s">
        <v>1</v>
      </c>
      <c r="C128622" s="14" t="s">
        <v>565</v>
      </c>
      <c r="D128622" s="14" t="s">
        <v>31</v>
      </c>
      <c r="E128622" s="15">
        <v>45518</v>
      </c>
      <c r="F128622" s="14" t="s">
        <v>15</v>
      </c>
      <c r="G128622" s="16">
        <v>0.6828241031354958</v>
      </c>
    </row>
    <row r="128623" spans="1:7" x14ac:dyDescent="0.3">
      <c r="A128623" s="13" t="s">
        <v>589</v>
      </c>
      <c r="B128623" s="14" t="s">
        <v>1</v>
      </c>
      <c r="C128623" s="14" t="s">
        <v>565</v>
      </c>
      <c r="D128623" s="14" t="s">
        <v>31</v>
      </c>
      <c r="E128623" s="15">
        <v>45519</v>
      </c>
      <c r="F128623" s="14" t="s">
        <v>15</v>
      </c>
      <c r="G128623" s="16">
        <v>0.69570604877606212</v>
      </c>
    </row>
    <row r="128624" spans="1:7" x14ac:dyDescent="0.3">
      <c r="A128624" s="13" t="s">
        <v>589</v>
      </c>
      <c r="B128624" s="14" t="s">
        <v>1</v>
      </c>
      <c r="C128624" s="14" t="s">
        <v>565</v>
      </c>
      <c r="D128624" s="14" t="s">
        <v>31</v>
      </c>
      <c r="E128624" s="15">
        <v>45520</v>
      </c>
      <c r="F128624" s="14" t="s">
        <v>15</v>
      </c>
      <c r="G128624" s="16">
        <v>0.73950035791519886</v>
      </c>
    </row>
    <row r="128625" spans="1:7" x14ac:dyDescent="0.3">
      <c r="A128625" s="13" t="s">
        <v>589</v>
      </c>
      <c r="B128625" s="14" t="s">
        <v>1</v>
      </c>
      <c r="C128625" s="14" t="s">
        <v>565</v>
      </c>
      <c r="D128625" s="14" t="s">
        <v>31</v>
      </c>
      <c r="E128625" s="15">
        <v>45521</v>
      </c>
      <c r="F128625" s="14" t="s">
        <v>15</v>
      </c>
      <c r="G128625" s="16">
        <v>0.73950035791519886</v>
      </c>
    </row>
    <row r="128626" spans="1:7" x14ac:dyDescent="0.3">
      <c r="A128626" s="13" t="s">
        <v>589</v>
      </c>
      <c r="B128626" s="14" t="s">
        <v>1</v>
      </c>
      <c r="C128626" s="14" t="s">
        <v>565</v>
      </c>
      <c r="D128626" s="14" t="s">
        <v>31</v>
      </c>
      <c r="E128626" s="15">
        <v>45522</v>
      </c>
      <c r="F128626" s="14" t="s">
        <v>15</v>
      </c>
      <c r="G128626" s="16">
        <v>0.73950035791519886</v>
      </c>
    </row>
    <row r="128627" spans="1:7" x14ac:dyDescent="0.3">
      <c r="A128627" s="13" t="s">
        <v>589</v>
      </c>
      <c r="B128627" s="14" t="s">
        <v>1</v>
      </c>
      <c r="C128627" s="14" t="s">
        <v>565</v>
      </c>
      <c r="D128627" s="14" t="s">
        <v>31</v>
      </c>
      <c r="E128627" s="15">
        <v>45523</v>
      </c>
      <c r="F128627" s="14" t="s">
        <v>15</v>
      </c>
      <c r="G128627" s="16">
        <v>0.74319407798822923</v>
      </c>
    </row>
    <row r="128628" spans="1:7" x14ac:dyDescent="0.3">
      <c r="A128628" s="13" t="s">
        <v>589</v>
      </c>
      <c r="B128628" s="14" t="s">
        <v>1</v>
      </c>
      <c r="C128628" s="14" t="s">
        <v>565</v>
      </c>
      <c r="D128628" s="14" t="s">
        <v>31</v>
      </c>
      <c r="E128628" s="15">
        <v>45524</v>
      </c>
      <c r="F128628" s="14" t="s">
        <v>15</v>
      </c>
      <c r="G128628" s="16">
        <v>0.74311794722244329</v>
      </c>
    </row>
    <row r="128629" spans="1:7" x14ac:dyDescent="0.3">
      <c r="A128629" s="13" t="s">
        <v>589</v>
      </c>
      <c r="B128629" s="14" t="s">
        <v>1</v>
      </c>
      <c r="C128629" s="14" t="s">
        <v>565</v>
      </c>
      <c r="D128629" s="14" t="s">
        <v>31</v>
      </c>
      <c r="E128629" s="15">
        <v>45525</v>
      </c>
      <c r="F128629" s="14" t="s">
        <v>15</v>
      </c>
      <c r="G128629" s="16">
        <v>0.74126548933550263</v>
      </c>
    </row>
    <row r="128630" spans="1:7" x14ac:dyDescent="0.3">
      <c r="A128630" s="13" t="s">
        <v>589</v>
      </c>
      <c r="B128630" s="14" t="s">
        <v>1</v>
      </c>
      <c r="C128630" s="14" t="s">
        <v>565</v>
      </c>
      <c r="D128630" s="14" t="s">
        <v>31</v>
      </c>
      <c r="E128630" s="15">
        <v>45526</v>
      </c>
      <c r="F128630" s="14" t="s">
        <v>15</v>
      </c>
      <c r="G128630" s="16">
        <v>0.73830155671639752</v>
      </c>
    </row>
    <row r="128631" spans="1:7" x14ac:dyDescent="0.3">
      <c r="A128631" s="13" t="s">
        <v>589</v>
      </c>
      <c r="B128631" s="14" t="s">
        <v>1</v>
      </c>
      <c r="C128631" s="14" t="s">
        <v>565</v>
      </c>
      <c r="D128631" s="14" t="s">
        <v>31</v>
      </c>
      <c r="E128631" s="15">
        <v>45527</v>
      </c>
      <c r="F128631" s="14" t="s">
        <v>15</v>
      </c>
      <c r="G128631" s="16">
        <v>0.73640354093907145</v>
      </c>
    </row>
    <row r="128632" spans="1:7" x14ac:dyDescent="0.3">
      <c r="A128632" s="13" t="s">
        <v>589</v>
      </c>
      <c r="B128632" s="14" t="s">
        <v>1</v>
      </c>
      <c r="C128632" s="14" t="s">
        <v>565</v>
      </c>
      <c r="D128632" s="14" t="s">
        <v>31</v>
      </c>
      <c r="E128632" s="15">
        <v>45528</v>
      </c>
      <c r="F128632" s="14" t="s">
        <v>15</v>
      </c>
      <c r="G128632" s="16">
        <v>0.73640354093907145</v>
      </c>
    </row>
    <row r="128633" spans="1:7" x14ac:dyDescent="0.3">
      <c r="A128633" s="13" t="s">
        <v>589</v>
      </c>
      <c r="B128633" s="14" t="s">
        <v>1</v>
      </c>
      <c r="C128633" s="14" t="s">
        <v>565</v>
      </c>
      <c r="D128633" s="14" t="s">
        <v>31</v>
      </c>
      <c r="E128633" s="15">
        <v>45529</v>
      </c>
      <c r="F128633" s="14" t="s">
        <v>15</v>
      </c>
      <c r="G128633" s="16">
        <v>0.73640354093907145</v>
      </c>
    </row>
    <row r="128634" spans="1:7" x14ac:dyDescent="0.3">
      <c r="A128634" s="13" t="s">
        <v>589</v>
      </c>
      <c r="B128634" s="14" t="s">
        <v>1</v>
      </c>
      <c r="C128634" s="14" t="s">
        <v>565</v>
      </c>
      <c r="D128634" s="14" t="s">
        <v>31</v>
      </c>
      <c r="E128634" s="15">
        <v>45530</v>
      </c>
      <c r="F128634" s="14" t="s">
        <v>15</v>
      </c>
      <c r="G128634" s="16">
        <v>0.74432372420408233</v>
      </c>
    </row>
    <row r="128635" spans="1:7" x14ac:dyDescent="0.3">
      <c r="A128635" s="13" t="s">
        <v>589</v>
      </c>
      <c r="B128635" s="14" t="s">
        <v>1</v>
      </c>
      <c r="C128635" s="14" t="s">
        <v>565</v>
      </c>
      <c r="D128635" s="14" t="s">
        <v>31</v>
      </c>
      <c r="E128635" s="15">
        <v>45531</v>
      </c>
      <c r="F128635" s="14" t="s">
        <v>15</v>
      </c>
      <c r="G128635" s="16">
        <v>0.73712549140240125</v>
      </c>
    </row>
    <row r="128636" spans="1:7" x14ac:dyDescent="0.3">
      <c r="A128636" s="13" t="s">
        <v>589</v>
      </c>
      <c r="B128636" s="14" t="s">
        <v>1</v>
      </c>
      <c r="C128636" s="14" t="s">
        <v>565</v>
      </c>
      <c r="D128636" s="14" t="s">
        <v>31</v>
      </c>
      <c r="E128636" s="15">
        <v>45532</v>
      </c>
      <c r="F128636" s="14" t="s">
        <v>15</v>
      </c>
      <c r="G128636" s="16">
        <v>0.73577580660444053</v>
      </c>
    </row>
    <row r="128637" spans="1:7" x14ac:dyDescent="0.3">
      <c r="A128637" s="13" t="s">
        <v>589</v>
      </c>
      <c r="B128637" s="14" t="s">
        <v>1</v>
      </c>
      <c r="C128637" s="14" t="s">
        <v>565</v>
      </c>
      <c r="D128637" s="14" t="s">
        <v>31</v>
      </c>
      <c r="E128637" s="15">
        <v>45533</v>
      </c>
      <c r="F128637" s="14" t="s">
        <v>15</v>
      </c>
      <c r="G128637" s="16">
        <v>0.73603287712013177</v>
      </c>
    </row>
    <row r="128638" spans="1:7" x14ac:dyDescent="0.3">
      <c r="A128638" s="13" t="s">
        <v>589</v>
      </c>
      <c r="B128638" s="14" t="s">
        <v>1</v>
      </c>
      <c r="C128638" s="14" t="s">
        <v>565</v>
      </c>
      <c r="D128638" s="14" t="s">
        <v>31</v>
      </c>
      <c r="E128638" s="15">
        <v>45534</v>
      </c>
      <c r="F128638" s="14" t="s">
        <v>15</v>
      </c>
      <c r="G128638" s="16">
        <v>0.73822508146750865</v>
      </c>
    </row>
    <row r="128639" spans="1:7" x14ac:dyDescent="0.3">
      <c r="A128639" s="13" t="s">
        <v>589</v>
      </c>
      <c r="B128639" s="14" t="s">
        <v>1</v>
      </c>
      <c r="C128639" s="14" t="s">
        <v>565</v>
      </c>
      <c r="D128639" s="14" t="s">
        <v>31</v>
      </c>
      <c r="E128639" s="15">
        <v>45535</v>
      </c>
      <c r="F128639" s="14" t="s">
        <v>15</v>
      </c>
      <c r="G128639" s="16">
        <v>0.73822508146750865</v>
      </c>
    </row>
    <row r="128640" spans="1:7" x14ac:dyDescent="0.3">
      <c r="A128640" s="13" t="s">
        <v>589</v>
      </c>
      <c r="B128640" s="14" t="s">
        <v>1</v>
      </c>
      <c r="C128640" s="14" t="s">
        <v>565</v>
      </c>
      <c r="D128640" s="14" t="s">
        <v>31</v>
      </c>
      <c r="E128640" s="15">
        <v>45536</v>
      </c>
      <c r="F128640" s="14" t="s">
        <v>15</v>
      </c>
      <c r="G128640" s="16">
        <v>0.73822508146750865</v>
      </c>
    </row>
    <row r="128641" spans="1:7" x14ac:dyDescent="0.3">
      <c r="A128641" s="13" t="s">
        <v>589</v>
      </c>
      <c r="B128641" s="14" t="s">
        <v>1</v>
      </c>
      <c r="C128641" s="14" t="s">
        <v>565</v>
      </c>
      <c r="D128641" s="14" t="s">
        <v>31</v>
      </c>
      <c r="E128641" s="15">
        <v>45537</v>
      </c>
      <c r="F128641" s="14" t="s">
        <v>15</v>
      </c>
      <c r="G128641" s="16">
        <v>0.73639200075511746</v>
      </c>
    </row>
    <row r="128642" spans="1:7" x14ac:dyDescent="0.3">
      <c r="A128642" s="13" t="s">
        <v>589</v>
      </c>
      <c r="B128642" s="14" t="s">
        <v>1</v>
      </c>
      <c r="C128642" s="14" t="s">
        <v>565</v>
      </c>
      <c r="D128642" s="14" t="s">
        <v>31</v>
      </c>
      <c r="E128642" s="15">
        <v>45538</v>
      </c>
      <c r="F128642" s="14" t="s">
        <v>15</v>
      </c>
      <c r="G128642" s="16">
        <v>0.73085133452479611</v>
      </c>
    </row>
    <row r="128643" spans="1:7" x14ac:dyDescent="0.3">
      <c r="A128643" s="13" t="s">
        <v>589</v>
      </c>
      <c r="B128643" s="14" t="s">
        <v>1</v>
      </c>
      <c r="C128643" s="14" t="s">
        <v>565</v>
      </c>
      <c r="D128643" s="14" t="s">
        <v>31</v>
      </c>
      <c r="E128643" s="15">
        <v>45539</v>
      </c>
      <c r="F128643" s="14" t="s">
        <v>15</v>
      </c>
      <c r="G128643" s="16">
        <v>0.72901222535810073</v>
      </c>
    </row>
    <row r="128644" spans="1:7" x14ac:dyDescent="0.3">
      <c r="A128644" s="13" t="s">
        <v>589</v>
      </c>
      <c r="B128644" s="14" t="s">
        <v>1</v>
      </c>
      <c r="C128644" s="14" t="s">
        <v>565</v>
      </c>
      <c r="D128644" s="14" t="s">
        <v>31</v>
      </c>
      <c r="E128644" s="15">
        <v>45540</v>
      </c>
      <c r="F128644" s="14" t="s">
        <v>15</v>
      </c>
      <c r="G128644" s="16">
        <v>0.72717681938476375</v>
      </c>
    </row>
    <row r="128645" spans="1:7" x14ac:dyDescent="0.3">
      <c r="A128645" s="13" t="s">
        <v>589</v>
      </c>
      <c r="B128645" s="14" t="s">
        <v>1</v>
      </c>
      <c r="C128645" s="14" t="s">
        <v>565</v>
      </c>
      <c r="D128645" s="14" t="s">
        <v>31</v>
      </c>
      <c r="E128645" s="15">
        <v>45541</v>
      </c>
      <c r="F128645" s="14" t="s">
        <v>15</v>
      </c>
      <c r="G128645" s="16">
        <v>0.74118996141514704</v>
      </c>
    </row>
    <row r="128646" spans="1:7" x14ac:dyDescent="0.3">
      <c r="A128646" s="13" t="s">
        <v>589</v>
      </c>
      <c r="B128646" s="14" t="s">
        <v>1</v>
      </c>
      <c r="C128646" s="14" t="s">
        <v>565</v>
      </c>
      <c r="D128646" s="14" t="s">
        <v>31</v>
      </c>
      <c r="E128646" s="15">
        <v>45542</v>
      </c>
      <c r="F128646" s="14" t="s">
        <v>15</v>
      </c>
      <c r="G128646" s="16">
        <v>0.74118996141514704</v>
      </c>
    </row>
    <row r="128647" spans="1:7" x14ac:dyDescent="0.3">
      <c r="A128647" s="13" t="s">
        <v>589</v>
      </c>
      <c r="B128647" s="14" t="s">
        <v>1</v>
      </c>
      <c r="C128647" s="14" t="s">
        <v>565</v>
      </c>
      <c r="D128647" s="14" t="s">
        <v>31</v>
      </c>
      <c r="E128647" s="15">
        <v>45543</v>
      </c>
      <c r="F128647" s="14" t="s">
        <v>15</v>
      </c>
      <c r="G128647" s="16">
        <v>0.74118996141514704</v>
      </c>
    </row>
    <row r="128648" spans="1:7" x14ac:dyDescent="0.3">
      <c r="A128648" s="13" t="s">
        <v>589</v>
      </c>
      <c r="B128648" s="14" t="s">
        <v>1</v>
      </c>
      <c r="C128648" s="14" t="s">
        <v>565</v>
      </c>
      <c r="D128648" s="14" t="s">
        <v>31</v>
      </c>
      <c r="E128648" s="15">
        <v>45544</v>
      </c>
      <c r="F128648" s="14" t="s">
        <v>15</v>
      </c>
      <c r="G128648" s="16">
        <v>0.7550789172868615</v>
      </c>
    </row>
    <row r="128649" spans="1:7" x14ac:dyDescent="0.3">
      <c r="A128649" s="13" t="s">
        <v>589</v>
      </c>
      <c r="B128649" s="14" t="s">
        <v>1</v>
      </c>
      <c r="C128649" s="14" t="s">
        <v>565</v>
      </c>
      <c r="D128649" s="14" t="s">
        <v>31</v>
      </c>
      <c r="E128649" s="15">
        <v>45545</v>
      </c>
      <c r="F128649" s="14" t="s">
        <v>15</v>
      </c>
      <c r="G128649" s="16">
        <v>0.79461457763979759</v>
      </c>
    </row>
    <row r="128650" spans="1:7" x14ac:dyDescent="0.3">
      <c r="A128650" s="13" t="s">
        <v>589</v>
      </c>
      <c r="B128650" s="14" t="s">
        <v>1</v>
      </c>
      <c r="C128650" s="14" t="s">
        <v>565</v>
      </c>
      <c r="D128650" s="14" t="s">
        <v>31</v>
      </c>
      <c r="E128650" s="15">
        <v>45546</v>
      </c>
      <c r="F128650" s="14" t="s">
        <v>15</v>
      </c>
      <c r="G128650" s="16">
        <v>0.79282124804580356</v>
      </c>
    </row>
    <row r="128651" spans="1:7" x14ac:dyDescent="0.3">
      <c r="A128651" s="13" t="s">
        <v>589</v>
      </c>
      <c r="B128651" s="14" t="s">
        <v>1</v>
      </c>
      <c r="C128651" s="14" t="s">
        <v>565</v>
      </c>
      <c r="D128651" s="14" t="s">
        <v>31</v>
      </c>
      <c r="E128651" s="15">
        <v>45547</v>
      </c>
      <c r="F128651" s="14" t="s">
        <v>15</v>
      </c>
      <c r="G128651" s="16">
        <v>0.79908668360692026</v>
      </c>
    </row>
    <row r="128652" spans="1:7" x14ac:dyDescent="0.3">
      <c r="A128652" s="13" t="s">
        <v>589</v>
      </c>
      <c r="B128652" s="14" t="s">
        <v>1</v>
      </c>
      <c r="C128652" s="14" t="s">
        <v>565</v>
      </c>
      <c r="D128652" s="14" t="s">
        <v>31</v>
      </c>
      <c r="E128652" s="15">
        <v>45548</v>
      </c>
      <c r="F128652" s="14" t="s">
        <v>15</v>
      </c>
      <c r="G128652" s="16">
        <v>0.8237841854406347</v>
      </c>
    </row>
    <row r="128653" spans="1:7" x14ac:dyDescent="0.3">
      <c r="A128653" s="13" t="s">
        <v>589</v>
      </c>
      <c r="B128653" s="14" t="s">
        <v>1</v>
      </c>
      <c r="C128653" s="14" t="s">
        <v>565</v>
      </c>
      <c r="D128653" s="14" t="s">
        <v>31</v>
      </c>
      <c r="E128653" s="15">
        <v>45549</v>
      </c>
      <c r="F128653" s="14" t="s">
        <v>15</v>
      </c>
      <c r="G128653" s="16">
        <v>0.8237841854406347</v>
      </c>
    </row>
    <row r="128654" spans="1:7" x14ac:dyDescent="0.3">
      <c r="A128654" s="13" t="s">
        <v>589</v>
      </c>
      <c r="B128654" s="14" t="s">
        <v>1</v>
      </c>
      <c r="C128654" s="14" t="s">
        <v>565</v>
      </c>
      <c r="D128654" s="14" t="s">
        <v>31</v>
      </c>
      <c r="E128654" s="15">
        <v>45550</v>
      </c>
      <c r="F128654" s="14" t="s">
        <v>15</v>
      </c>
      <c r="G128654" s="16">
        <v>0.8237841854406347</v>
      </c>
    </row>
    <row r="128655" spans="1:7" x14ac:dyDescent="0.3">
      <c r="A128655" s="13" t="s">
        <v>589</v>
      </c>
      <c r="B128655" s="14" t="s">
        <v>1</v>
      </c>
      <c r="C128655" s="14" t="s">
        <v>565</v>
      </c>
      <c r="D128655" s="14" t="s">
        <v>31</v>
      </c>
      <c r="E128655" s="15">
        <v>45551</v>
      </c>
      <c r="F128655" s="14" t="s">
        <v>15</v>
      </c>
      <c r="G128655" s="16">
        <v>0.8237841854406347</v>
      </c>
    </row>
    <row r="128656" spans="1:7" x14ac:dyDescent="0.3">
      <c r="A128656" s="13" t="s">
        <v>589</v>
      </c>
      <c r="B128656" s="14" t="s">
        <v>1</v>
      </c>
      <c r="C128656" s="14" t="s">
        <v>565</v>
      </c>
      <c r="D128656" s="14" t="s">
        <v>31</v>
      </c>
      <c r="E128656" s="15">
        <v>45552</v>
      </c>
      <c r="F128656" s="14" t="s">
        <v>15</v>
      </c>
      <c r="G128656" s="16">
        <v>0.8237841854406347</v>
      </c>
    </row>
    <row r="128657" spans="1:7" x14ac:dyDescent="0.3">
      <c r="A128657" s="13" t="s">
        <v>589</v>
      </c>
      <c r="B128657" s="14" t="s">
        <v>1</v>
      </c>
      <c r="C128657" s="14" t="s">
        <v>565</v>
      </c>
      <c r="D128657" s="14" t="s">
        <v>31</v>
      </c>
      <c r="E128657" s="15">
        <v>45553</v>
      </c>
      <c r="F128657" s="14" t="s">
        <v>15</v>
      </c>
      <c r="G128657" s="16">
        <v>0.8237841854406347</v>
      </c>
    </row>
    <row r="128658" spans="1:7" x14ac:dyDescent="0.3">
      <c r="A128658" s="13" t="s">
        <v>589</v>
      </c>
      <c r="B128658" s="14" t="s">
        <v>1</v>
      </c>
      <c r="C128658" s="14" t="s">
        <v>565</v>
      </c>
      <c r="D128658" s="14" t="s">
        <v>31</v>
      </c>
      <c r="E128658" s="15">
        <v>45554</v>
      </c>
      <c r="F128658" s="14" t="s">
        <v>15</v>
      </c>
      <c r="G128658" s="16">
        <v>0.86200034801560121</v>
      </c>
    </row>
    <row r="128659" spans="1:7" x14ac:dyDescent="0.3">
      <c r="A128659" s="13" t="s">
        <v>589</v>
      </c>
      <c r="B128659" s="14" t="s">
        <v>1</v>
      </c>
      <c r="C128659" s="14" t="s">
        <v>565</v>
      </c>
      <c r="D128659" s="14" t="s">
        <v>31</v>
      </c>
      <c r="E128659" s="15">
        <v>45555</v>
      </c>
      <c r="F128659" s="14" t="s">
        <v>15</v>
      </c>
      <c r="G128659" s="16">
        <v>0.86192406549413603</v>
      </c>
    </row>
    <row r="128660" spans="1:7" x14ac:dyDescent="0.3">
      <c r="A128660" s="13" t="s">
        <v>589</v>
      </c>
      <c r="B128660" s="14" t="s">
        <v>1</v>
      </c>
      <c r="C128660" s="14" t="s">
        <v>565</v>
      </c>
      <c r="D128660" s="14" t="s">
        <v>31</v>
      </c>
      <c r="E128660" s="15">
        <v>45556</v>
      </c>
      <c r="F128660" s="14" t="s">
        <v>15</v>
      </c>
      <c r="G128660" s="16">
        <v>0.86192406549413603</v>
      </c>
    </row>
    <row r="128661" spans="1:7" x14ac:dyDescent="0.3">
      <c r="A128661" s="13" t="s">
        <v>589</v>
      </c>
      <c r="B128661" s="14" t="s">
        <v>1</v>
      </c>
      <c r="C128661" s="14" t="s">
        <v>565</v>
      </c>
      <c r="D128661" s="14" t="s">
        <v>31</v>
      </c>
      <c r="E128661" s="15">
        <v>45557</v>
      </c>
      <c r="F128661" s="14" t="s">
        <v>15</v>
      </c>
      <c r="G128661" s="16">
        <v>0.86192406549413603</v>
      </c>
    </row>
    <row r="128662" spans="1:7" x14ac:dyDescent="0.3">
      <c r="A128662" s="13" t="s">
        <v>589</v>
      </c>
      <c r="B128662" s="14" t="s">
        <v>1</v>
      </c>
      <c r="C128662" s="14" t="s">
        <v>565</v>
      </c>
      <c r="D128662" s="14" t="s">
        <v>31</v>
      </c>
      <c r="E128662" s="15">
        <v>45558</v>
      </c>
      <c r="F128662" s="14" t="s">
        <v>15</v>
      </c>
      <c r="G128662" s="16">
        <v>0.86006756983033139</v>
      </c>
    </row>
    <row r="128663" spans="1:7" x14ac:dyDescent="0.3">
      <c r="A128663" s="13" t="s">
        <v>589</v>
      </c>
      <c r="B128663" s="14" t="s">
        <v>1</v>
      </c>
      <c r="C128663" s="14" t="s">
        <v>565</v>
      </c>
      <c r="D128663" s="14" t="s">
        <v>31</v>
      </c>
      <c r="E128663" s="15">
        <v>45559</v>
      </c>
      <c r="F128663" s="14" t="s">
        <v>15</v>
      </c>
      <c r="G128663" s="16">
        <v>0.85444138870248909</v>
      </c>
    </row>
    <row r="128664" spans="1:7" x14ac:dyDescent="0.3">
      <c r="A128664" s="13" t="s">
        <v>589</v>
      </c>
      <c r="B128664" s="14" t="s">
        <v>1</v>
      </c>
      <c r="C128664" s="14" t="s">
        <v>565</v>
      </c>
      <c r="D128664" s="14" t="s">
        <v>31</v>
      </c>
      <c r="E128664" s="15">
        <v>45560</v>
      </c>
      <c r="F128664" s="14" t="s">
        <v>15</v>
      </c>
      <c r="G128664" s="16">
        <v>0.85250567657408582</v>
      </c>
    </row>
    <row r="128665" spans="1:7" x14ac:dyDescent="0.3">
      <c r="A128665" s="13" t="s">
        <v>589</v>
      </c>
      <c r="B128665" s="14" t="s">
        <v>1</v>
      </c>
      <c r="C128665" s="14" t="s">
        <v>565</v>
      </c>
      <c r="D128665" s="14" t="s">
        <v>31</v>
      </c>
      <c r="E128665" s="15">
        <v>45561</v>
      </c>
      <c r="F128665" s="14" t="s">
        <v>15</v>
      </c>
      <c r="G128665" s="16">
        <v>0.850602496697484</v>
      </c>
    </row>
    <row r="128666" spans="1:7" x14ac:dyDescent="0.3">
      <c r="A128666" s="13" t="s">
        <v>589</v>
      </c>
      <c r="B128666" s="14" t="s">
        <v>1</v>
      </c>
      <c r="C128666" s="14" t="s">
        <v>565</v>
      </c>
      <c r="D128666" s="14" t="s">
        <v>31</v>
      </c>
      <c r="E128666" s="15">
        <v>45562</v>
      </c>
      <c r="F128666" s="14" t="s">
        <v>15</v>
      </c>
      <c r="G128666" s="16">
        <v>0.84910627199195698</v>
      </c>
    </row>
    <row r="128667" spans="1:7" x14ac:dyDescent="0.3">
      <c r="A128667" s="13" t="s">
        <v>589</v>
      </c>
      <c r="B128667" s="14" t="s">
        <v>1</v>
      </c>
      <c r="C128667" s="14" t="s">
        <v>565</v>
      </c>
      <c r="D128667" s="14" t="s">
        <v>31</v>
      </c>
      <c r="E128667" s="15">
        <v>45563</v>
      </c>
      <c r="F128667" s="14" t="s">
        <v>15</v>
      </c>
      <c r="G128667" s="16">
        <v>0.84910627199195698</v>
      </c>
    </row>
    <row r="128668" spans="1:7" x14ac:dyDescent="0.3">
      <c r="A128668" s="13" t="s">
        <v>589</v>
      </c>
      <c r="B128668" s="14" t="s">
        <v>1</v>
      </c>
      <c r="C128668" s="14" t="s">
        <v>565</v>
      </c>
      <c r="D128668" s="14" t="s">
        <v>31</v>
      </c>
      <c r="E128668" s="15">
        <v>45564</v>
      </c>
      <c r="F128668" s="14" t="s">
        <v>15</v>
      </c>
      <c r="G128668" s="16">
        <v>0.84910627199195698</v>
      </c>
    </row>
    <row r="128669" spans="1:7" x14ac:dyDescent="0.3">
      <c r="A128669" s="13" t="s">
        <v>589</v>
      </c>
      <c r="B128669" s="14" t="s">
        <v>1</v>
      </c>
      <c r="C128669" s="14" t="s">
        <v>565</v>
      </c>
      <c r="D128669" s="14" t="s">
        <v>31</v>
      </c>
      <c r="E128669" s="15">
        <v>45565</v>
      </c>
      <c r="F128669" s="14" t="s">
        <v>15</v>
      </c>
      <c r="G128669" s="16">
        <v>0.8687790510401513</v>
      </c>
    </row>
    <row r="128670" spans="1:7" x14ac:dyDescent="0.3">
      <c r="A128670" s="13" t="s">
        <v>589</v>
      </c>
      <c r="B128670" s="14" t="s">
        <v>1</v>
      </c>
      <c r="C128670" s="14" t="s">
        <v>565</v>
      </c>
      <c r="D128670" s="14" t="s">
        <v>31</v>
      </c>
      <c r="E128670" s="15">
        <v>45566</v>
      </c>
      <c r="F128670" s="14" t="s">
        <v>15</v>
      </c>
      <c r="G128670" s="16">
        <v>0.8687790510401513</v>
      </c>
    </row>
    <row r="128671" spans="1:7" x14ac:dyDescent="0.3">
      <c r="A128671" s="13" t="s">
        <v>589</v>
      </c>
      <c r="B128671" s="14" t="s">
        <v>1</v>
      </c>
      <c r="C128671" s="14" t="s">
        <v>565</v>
      </c>
      <c r="D128671" s="14" t="s">
        <v>31</v>
      </c>
      <c r="E128671" s="15">
        <v>45567</v>
      </c>
      <c r="F128671" s="14" t="s">
        <v>15</v>
      </c>
      <c r="G128671" s="16">
        <v>0.8687790510401513</v>
      </c>
    </row>
    <row r="128672" spans="1:7" x14ac:dyDescent="0.3">
      <c r="A128672" s="13" t="s">
        <v>589</v>
      </c>
      <c r="B128672" s="14" t="s">
        <v>1</v>
      </c>
      <c r="C128672" s="14" t="s">
        <v>565</v>
      </c>
      <c r="D128672" s="14" t="s">
        <v>31</v>
      </c>
      <c r="E128672" s="15">
        <v>45568</v>
      </c>
      <c r="F128672" s="14" t="s">
        <v>15</v>
      </c>
      <c r="G128672" s="16">
        <v>0.8687790510401513</v>
      </c>
    </row>
    <row r="128673" spans="1:7" x14ac:dyDescent="0.3">
      <c r="A128673" s="13" t="s">
        <v>589</v>
      </c>
      <c r="B128673" s="14" t="s">
        <v>1</v>
      </c>
      <c r="C128673" s="14" t="s">
        <v>565</v>
      </c>
      <c r="D128673" s="14" t="s">
        <v>31</v>
      </c>
      <c r="E128673" s="15">
        <v>45569</v>
      </c>
      <c r="F128673" s="14" t="s">
        <v>15</v>
      </c>
      <c r="G128673" s="16">
        <v>0.8687790510401513</v>
      </c>
    </row>
    <row r="128674" spans="1:7" x14ac:dyDescent="0.3">
      <c r="A128674" s="13" t="s">
        <v>589</v>
      </c>
      <c r="B128674" s="14" t="s">
        <v>1</v>
      </c>
      <c r="C128674" s="14" t="s">
        <v>565</v>
      </c>
      <c r="D128674" s="14" t="s">
        <v>31</v>
      </c>
      <c r="E128674" s="15">
        <v>45570</v>
      </c>
      <c r="F128674" s="14" t="s">
        <v>15</v>
      </c>
      <c r="G128674" s="16">
        <v>0.8687790510401513</v>
      </c>
    </row>
    <row r="128675" spans="1:7" x14ac:dyDescent="0.3">
      <c r="A128675" s="13" t="s">
        <v>589</v>
      </c>
      <c r="B128675" s="14" t="s">
        <v>1</v>
      </c>
      <c r="C128675" s="14" t="s">
        <v>565</v>
      </c>
      <c r="D128675" s="14" t="s">
        <v>31</v>
      </c>
      <c r="E128675" s="15">
        <v>45571</v>
      </c>
      <c r="F128675" s="14" t="s">
        <v>15</v>
      </c>
      <c r="G128675" s="16">
        <v>0.8687790510401513</v>
      </c>
    </row>
    <row r="128676" spans="1:7" x14ac:dyDescent="0.3">
      <c r="A128676" s="13" t="s">
        <v>589</v>
      </c>
      <c r="B128676" s="14" t="s">
        <v>1</v>
      </c>
      <c r="C128676" s="14" t="s">
        <v>565</v>
      </c>
      <c r="D128676" s="14" t="s">
        <v>31</v>
      </c>
      <c r="E128676" s="15">
        <v>45572</v>
      </c>
      <c r="F128676" s="14" t="s">
        <v>15</v>
      </c>
      <c r="G128676" s="16">
        <v>0.8687790510401513</v>
      </c>
    </row>
    <row r="128677" spans="1:7" x14ac:dyDescent="0.3">
      <c r="A128677" s="13" t="s">
        <v>589</v>
      </c>
      <c r="B128677" s="14" t="s">
        <v>1</v>
      </c>
      <c r="C128677" s="14" t="s">
        <v>565</v>
      </c>
      <c r="D128677" s="14" t="s">
        <v>31</v>
      </c>
      <c r="E128677" s="15">
        <v>45573</v>
      </c>
      <c r="F128677" s="14" t="s">
        <v>15</v>
      </c>
      <c r="G128677" s="16">
        <v>0.86284195823262655</v>
      </c>
    </row>
    <row r="128678" spans="1:7" x14ac:dyDescent="0.3">
      <c r="A128678" s="13" t="s">
        <v>589</v>
      </c>
      <c r="B128678" s="14" t="s">
        <v>1</v>
      </c>
      <c r="C128678" s="14" t="s">
        <v>565</v>
      </c>
      <c r="D128678" s="14" t="s">
        <v>31</v>
      </c>
      <c r="E128678" s="15">
        <v>45574</v>
      </c>
      <c r="F128678" s="14" t="s">
        <v>15</v>
      </c>
      <c r="G128678" s="16">
        <v>0.85882789256407588</v>
      </c>
    </row>
    <row r="128679" spans="1:7" x14ac:dyDescent="0.3">
      <c r="A128679" s="13" t="s">
        <v>589</v>
      </c>
      <c r="B128679" s="14" t="s">
        <v>1</v>
      </c>
      <c r="C128679" s="14" t="s">
        <v>565</v>
      </c>
      <c r="D128679" s="14" t="s">
        <v>31</v>
      </c>
      <c r="E128679" s="15">
        <v>45575</v>
      </c>
      <c r="F128679" s="14" t="s">
        <v>15</v>
      </c>
      <c r="G128679" s="16">
        <v>0.85687034844706333</v>
      </c>
    </row>
    <row r="128680" spans="1:7" x14ac:dyDescent="0.3">
      <c r="A128680" s="13" t="s">
        <v>589</v>
      </c>
      <c r="B128680" s="14" t="s">
        <v>1</v>
      </c>
      <c r="C128680" s="14" t="s">
        <v>565</v>
      </c>
      <c r="D128680" s="14" t="s">
        <v>31</v>
      </c>
      <c r="E128680" s="15">
        <v>45576</v>
      </c>
      <c r="F128680" s="14" t="s">
        <v>15</v>
      </c>
      <c r="G128680" s="16">
        <v>0.85687034844706333</v>
      </c>
    </row>
    <row r="128681" spans="1:7" x14ac:dyDescent="0.3">
      <c r="A128681" s="13" t="s">
        <v>589</v>
      </c>
      <c r="B128681" s="14" t="s">
        <v>1</v>
      </c>
      <c r="C128681" s="14" t="s">
        <v>565</v>
      </c>
      <c r="D128681" s="14" t="s">
        <v>31</v>
      </c>
      <c r="E128681" s="15">
        <v>45577</v>
      </c>
      <c r="F128681" s="14" t="s">
        <v>15</v>
      </c>
      <c r="G128681" s="16">
        <v>0.85687034844706333</v>
      </c>
    </row>
    <row r="128682" spans="1:7" x14ac:dyDescent="0.3">
      <c r="A128682" s="13" t="s">
        <v>589</v>
      </c>
      <c r="B128682" s="14" t="s">
        <v>1</v>
      </c>
      <c r="C128682" s="14" t="s">
        <v>565</v>
      </c>
      <c r="D128682" s="14" t="s">
        <v>31</v>
      </c>
      <c r="E128682" s="15">
        <v>45578</v>
      </c>
      <c r="F128682" s="14" t="s">
        <v>15</v>
      </c>
      <c r="G128682" s="16">
        <v>0.85687034844706333</v>
      </c>
    </row>
    <row r="128683" spans="1:7" x14ac:dyDescent="0.3">
      <c r="A128683" s="13" t="s">
        <v>589</v>
      </c>
      <c r="B128683" s="14" t="s">
        <v>1</v>
      </c>
      <c r="C128683" s="14" t="s">
        <v>565</v>
      </c>
      <c r="D128683" s="14" t="s">
        <v>31</v>
      </c>
      <c r="E128683" s="15">
        <v>45579</v>
      </c>
      <c r="F128683" s="14" t="s">
        <v>15</v>
      </c>
      <c r="G128683" s="16">
        <v>0.85492825067772305</v>
      </c>
    </row>
    <row r="128684" spans="1:7" x14ac:dyDescent="0.3">
      <c r="A128684" s="13" t="s">
        <v>589</v>
      </c>
      <c r="B128684" s="14" t="s">
        <v>1</v>
      </c>
      <c r="C128684" s="14" t="s">
        <v>565</v>
      </c>
      <c r="D128684" s="14" t="s">
        <v>31</v>
      </c>
      <c r="E128684" s="15">
        <v>45580</v>
      </c>
      <c r="F128684" s="14" t="s">
        <v>15</v>
      </c>
      <c r="G128684" s="16">
        <v>0.84744704085764266</v>
      </c>
    </row>
    <row r="128685" spans="1:7" x14ac:dyDescent="0.3">
      <c r="A128685" s="13" t="s">
        <v>589</v>
      </c>
      <c r="B128685" s="14" t="s">
        <v>1</v>
      </c>
      <c r="C128685" s="14" t="s">
        <v>565</v>
      </c>
      <c r="D128685" s="14" t="s">
        <v>31</v>
      </c>
      <c r="E128685" s="15">
        <v>45581</v>
      </c>
      <c r="F128685" s="14" t="s">
        <v>15</v>
      </c>
      <c r="G128685" s="16">
        <v>0.85265875937168689</v>
      </c>
    </row>
    <row r="128686" spans="1:7" x14ac:dyDescent="0.3">
      <c r="A128686" s="13" t="s">
        <v>589</v>
      </c>
      <c r="B128686" s="14" t="s">
        <v>1</v>
      </c>
      <c r="C128686" s="14" t="s">
        <v>565</v>
      </c>
      <c r="D128686" s="14" t="s">
        <v>31</v>
      </c>
      <c r="E128686" s="15">
        <v>45582</v>
      </c>
      <c r="F128686" s="14" t="s">
        <v>15</v>
      </c>
      <c r="G128686" s="16">
        <v>0.85071976813037009</v>
      </c>
    </row>
    <row r="128687" spans="1:7" x14ac:dyDescent="0.3">
      <c r="A128687" s="13" t="s">
        <v>589</v>
      </c>
      <c r="B128687" s="14" t="s">
        <v>1</v>
      </c>
      <c r="C128687" s="14" t="s">
        <v>565</v>
      </c>
      <c r="D128687" s="14" t="s">
        <v>31</v>
      </c>
      <c r="E128687" s="15">
        <v>45583</v>
      </c>
      <c r="F128687" s="14" t="s">
        <v>15</v>
      </c>
      <c r="G128687" s="16">
        <v>0.84879855313274311</v>
      </c>
    </row>
    <row r="128688" spans="1:7" x14ac:dyDescent="0.3">
      <c r="A128688" s="13" t="s">
        <v>589</v>
      </c>
      <c r="B128688" s="14" t="s">
        <v>1</v>
      </c>
      <c r="C128688" s="14" t="s">
        <v>565</v>
      </c>
      <c r="D128688" s="14" t="s">
        <v>31</v>
      </c>
      <c r="E128688" s="15">
        <v>45584</v>
      </c>
      <c r="F128688" s="14" t="s">
        <v>15</v>
      </c>
      <c r="G128688" s="16">
        <v>0.84879855313274311</v>
      </c>
    </row>
    <row r="128689" spans="1:7" x14ac:dyDescent="0.3">
      <c r="A128689" s="13" t="s">
        <v>589</v>
      </c>
      <c r="B128689" s="14" t="s">
        <v>1</v>
      </c>
      <c r="C128689" s="14" t="s">
        <v>565</v>
      </c>
      <c r="D128689" s="14" t="s">
        <v>31</v>
      </c>
      <c r="E128689" s="15">
        <v>45585</v>
      </c>
      <c r="F128689" s="14" t="s">
        <v>15</v>
      </c>
      <c r="G128689" s="16">
        <v>0.84879855313274311</v>
      </c>
    </row>
    <row r="128690" spans="1:7" x14ac:dyDescent="0.3">
      <c r="A128690" s="13" t="s">
        <v>589</v>
      </c>
      <c r="B128690" s="14" t="s">
        <v>1</v>
      </c>
      <c r="C128690" s="14" t="s">
        <v>565</v>
      </c>
      <c r="D128690" s="14" t="s">
        <v>31</v>
      </c>
      <c r="E128690" s="15">
        <v>45586</v>
      </c>
      <c r="F128690" s="14" t="s">
        <v>15</v>
      </c>
      <c r="G128690" s="16">
        <v>0.85411597989203036</v>
      </c>
    </row>
    <row r="128691" spans="1:7" x14ac:dyDescent="0.3">
      <c r="A128691" s="13" t="s">
        <v>589</v>
      </c>
      <c r="B128691" s="14" t="s">
        <v>1</v>
      </c>
      <c r="C128691" s="14" t="s">
        <v>565</v>
      </c>
      <c r="D128691" s="14" t="s">
        <v>31</v>
      </c>
      <c r="E128691" s="15">
        <v>45587</v>
      </c>
      <c r="F128691" s="14" t="s">
        <v>15</v>
      </c>
      <c r="G128691" s="16">
        <v>0.84830823945970524</v>
      </c>
    </row>
    <row r="128692" spans="1:7" x14ac:dyDescent="0.3">
      <c r="A128692" s="13" t="s">
        <v>589</v>
      </c>
      <c r="B128692" s="14" t="s">
        <v>1</v>
      </c>
      <c r="C128692" s="14" t="s">
        <v>565</v>
      </c>
      <c r="D128692" s="14" t="s">
        <v>31</v>
      </c>
      <c r="E128692" s="15">
        <v>45588</v>
      </c>
      <c r="F128692" s="14" t="s">
        <v>15</v>
      </c>
      <c r="G128692" s="16">
        <v>0.84637865409490387</v>
      </c>
    </row>
    <row r="128693" spans="1:7" x14ac:dyDescent="0.3">
      <c r="A128693" s="13" t="s">
        <v>589</v>
      </c>
      <c r="B128693" s="14" t="s">
        <v>1</v>
      </c>
      <c r="C128693" s="14" t="s">
        <v>565</v>
      </c>
      <c r="D128693" s="14" t="s">
        <v>31</v>
      </c>
      <c r="E128693" s="15">
        <v>45589</v>
      </c>
      <c r="F128693" s="14" t="s">
        <v>15</v>
      </c>
      <c r="G128693" s="16">
        <v>0.84446365215332397</v>
      </c>
    </row>
    <row r="128694" spans="1:7" x14ac:dyDescent="0.3">
      <c r="A128694" s="13" t="s">
        <v>589</v>
      </c>
      <c r="B128694" s="14" t="s">
        <v>1</v>
      </c>
      <c r="C128694" s="14" t="s">
        <v>565</v>
      </c>
      <c r="D128694" s="14" t="s">
        <v>31</v>
      </c>
      <c r="E128694" s="15">
        <v>45590</v>
      </c>
      <c r="F128694" s="14" t="s">
        <v>15</v>
      </c>
      <c r="G128694" s="16">
        <v>0.84456065044929995</v>
      </c>
    </row>
    <row r="128695" spans="1:7" x14ac:dyDescent="0.3">
      <c r="A128695" s="13" t="s">
        <v>589</v>
      </c>
      <c r="B128695" s="14" t="s">
        <v>1</v>
      </c>
      <c r="C128695" s="14" t="s">
        <v>565</v>
      </c>
      <c r="D128695" s="14" t="s">
        <v>31</v>
      </c>
      <c r="E128695" s="15">
        <v>45591</v>
      </c>
      <c r="F128695" s="14" t="s">
        <v>15</v>
      </c>
      <c r="G128695" s="16">
        <v>0.84456065044929995</v>
      </c>
    </row>
    <row r="128696" spans="1:7" x14ac:dyDescent="0.3">
      <c r="A128696" s="13" t="s">
        <v>589</v>
      </c>
      <c r="B128696" s="14" t="s">
        <v>1</v>
      </c>
      <c r="C128696" s="14" t="s">
        <v>565</v>
      </c>
      <c r="D128696" s="14" t="s">
        <v>31</v>
      </c>
      <c r="E128696" s="15">
        <v>45592</v>
      </c>
      <c r="F128696" s="14" t="s">
        <v>15</v>
      </c>
      <c r="G128696" s="16">
        <v>0.84456065044929995</v>
      </c>
    </row>
    <row r="128697" spans="1:7" x14ac:dyDescent="0.3">
      <c r="A128697" s="13" t="s">
        <v>589</v>
      </c>
      <c r="B128697" s="14" t="s">
        <v>1</v>
      </c>
      <c r="C128697" s="14" t="s">
        <v>565</v>
      </c>
      <c r="D128697" s="14" t="s">
        <v>31</v>
      </c>
      <c r="E128697" s="15">
        <v>45593</v>
      </c>
      <c r="F128697" s="14" t="s">
        <v>15</v>
      </c>
      <c r="G128697" s="16">
        <v>0.84456065044929995</v>
      </c>
    </row>
    <row r="128698" spans="1:7" x14ac:dyDescent="0.3">
      <c r="A128698" s="13" t="s">
        <v>589</v>
      </c>
      <c r="B128698" s="14" t="s">
        <v>1</v>
      </c>
      <c r="C128698" s="14" t="s">
        <v>565</v>
      </c>
      <c r="D128698" s="14" t="s">
        <v>31</v>
      </c>
      <c r="E128698" s="15">
        <v>45594</v>
      </c>
      <c r="F128698" s="14" t="s">
        <v>15</v>
      </c>
      <c r="G128698" s="16">
        <v>0.84296577126024064</v>
      </c>
    </row>
    <row r="128699" spans="1:7" x14ac:dyDescent="0.3">
      <c r="A128699" s="13" t="s">
        <v>589</v>
      </c>
      <c r="B128699" s="14" t="s">
        <v>1</v>
      </c>
      <c r="C128699" s="14" t="s">
        <v>565</v>
      </c>
      <c r="D128699" s="14" t="s">
        <v>31</v>
      </c>
      <c r="E128699" s="15">
        <v>45595</v>
      </c>
      <c r="F128699" s="14" t="s">
        <v>15</v>
      </c>
      <c r="G128699" s="16">
        <v>0.86104013662048884</v>
      </c>
    </row>
    <row r="128700" spans="1:7" x14ac:dyDescent="0.3">
      <c r="A128700" s="13" t="s">
        <v>589</v>
      </c>
      <c r="B128700" s="14" t="s">
        <v>1</v>
      </c>
      <c r="C128700" s="14" t="s">
        <v>565</v>
      </c>
      <c r="D128700" s="14" t="s">
        <v>31</v>
      </c>
      <c r="E128700" s="15">
        <v>45596</v>
      </c>
      <c r="F128700" s="14" t="s">
        <v>15</v>
      </c>
      <c r="G128700" s="16">
        <v>0.8799800588470803</v>
      </c>
    </row>
    <row r="128701" spans="1:7" x14ac:dyDescent="0.3">
      <c r="A128701" s="13" t="s">
        <v>589</v>
      </c>
      <c r="B128701" s="14" t="s">
        <v>1</v>
      </c>
      <c r="C128701" s="14" t="s">
        <v>565</v>
      </c>
      <c r="D128701" s="14" t="s">
        <v>31</v>
      </c>
      <c r="E128701" s="15">
        <v>45597</v>
      </c>
      <c r="F128701" s="14" t="s">
        <v>15</v>
      </c>
      <c r="G128701" s="16">
        <v>0.87809234966719651</v>
      </c>
    </row>
    <row r="128702" spans="1:7" x14ac:dyDescent="0.3">
      <c r="A128702" s="13" t="s">
        <v>589</v>
      </c>
      <c r="B128702" s="14" t="s">
        <v>1</v>
      </c>
      <c r="C128702" s="14" t="s">
        <v>565</v>
      </c>
      <c r="D128702" s="14" t="s">
        <v>31</v>
      </c>
      <c r="E128702" s="15">
        <v>45598</v>
      </c>
      <c r="F128702" s="14" t="s">
        <v>15</v>
      </c>
      <c r="G128702" s="16">
        <v>0.87809234966719651</v>
      </c>
    </row>
    <row r="128703" spans="1:7" x14ac:dyDescent="0.3">
      <c r="A128703" s="13" t="s">
        <v>589</v>
      </c>
      <c r="B128703" s="14" t="s">
        <v>1</v>
      </c>
      <c r="C128703" s="14" t="s">
        <v>565</v>
      </c>
      <c r="D128703" s="14" t="s">
        <v>31</v>
      </c>
      <c r="E128703" s="15">
        <v>45599</v>
      </c>
      <c r="F128703" s="14" t="s">
        <v>15</v>
      </c>
      <c r="G128703" s="16">
        <v>0.87809234966719651</v>
      </c>
    </row>
    <row r="128704" spans="1:7" x14ac:dyDescent="0.3">
      <c r="A128704" s="13" t="s">
        <v>589</v>
      </c>
      <c r="B128704" s="14" t="s">
        <v>1</v>
      </c>
      <c r="C128704" s="14" t="s">
        <v>565</v>
      </c>
      <c r="D128704" s="14" t="s">
        <v>31</v>
      </c>
      <c r="E128704" s="15">
        <v>45600</v>
      </c>
      <c r="F128704" s="14" t="s">
        <v>15</v>
      </c>
      <c r="G128704" s="16">
        <v>0.87621818529440842</v>
      </c>
    </row>
    <row r="128705" spans="1:7" x14ac:dyDescent="0.3">
      <c r="A128705" s="13" t="s">
        <v>589</v>
      </c>
      <c r="B128705" s="14" t="s">
        <v>1</v>
      </c>
      <c r="C128705" s="14" t="s">
        <v>565</v>
      </c>
      <c r="D128705" s="14" t="s">
        <v>31</v>
      </c>
      <c r="E128705" s="15">
        <v>45601</v>
      </c>
      <c r="F128705" s="14" t="s">
        <v>15</v>
      </c>
      <c r="G128705" s="16">
        <v>0.87059586694774882</v>
      </c>
    </row>
    <row r="128706" spans="1:7" x14ac:dyDescent="0.3">
      <c r="A128706" s="13" t="s">
        <v>589</v>
      </c>
      <c r="B128706" s="14" t="s">
        <v>1</v>
      </c>
      <c r="C128706" s="14" t="s">
        <v>565</v>
      </c>
      <c r="D128706" s="14" t="s">
        <v>31</v>
      </c>
      <c r="E128706" s="15">
        <v>45602</v>
      </c>
      <c r="F128706" s="14" t="s">
        <v>15</v>
      </c>
      <c r="G128706" s="16">
        <v>0.86871209013121531</v>
      </c>
    </row>
    <row r="128707" spans="1:7" x14ac:dyDescent="0.3">
      <c r="A128707" s="13" t="s">
        <v>589</v>
      </c>
      <c r="B128707" s="14" t="s">
        <v>1</v>
      </c>
      <c r="C128707" s="14" t="s">
        <v>565</v>
      </c>
      <c r="D128707" s="14" t="s">
        <v>31</v>
      </c>
      <c r="E128707" s="15">
        <v>45603</v>
      </c>
      <c r="F128707" s="14" t="s">
        <v>15</v>
      </c>
      <c r="G128707" s="16">
        <v>0.87528822505497117</v>
      </c>
    </row>
    <row r="128708" spans="1:7" x14ac:dyDescent="0.3">
      <c r="A128708" s="13" t="s">
        <v>589</v>
      </c>
      <c r="B128708" s="14" t="s">
        <v>1</v>
      </c>
      <c r="C128708" s="14" t="s">
        <v>565</v>
      </c>
      <c r="D128708" s="14" t="s">
        <v>31</v>
      </c>
      <c r="E128708" s="15">
        <v>45604</v>
      </c>
      <c r="F128708" s="14" t="s">
        <v>15</v>
      </c>
      <c r="G128708" s="16">
        <v>0.87918729439564491</v>
      </c>
    </row>
    <row r="128709" spans="1:7" x14ac:dyDescent="0.3">
      <c r="A128709" s="13" t="s">
        <v>589</v>
      </c>
      <c r="B128709" s="14" t="s">
        <v>1</v>
      </c>
      <c r="C128709" s="14" t="s">
        <v>565</v>
      </c>
      <c r="D128709" s="14" t="s">
        <v>31</v>
      </c>
      <c r="E128709" s="15">
        <v>45605</v>
      </c>
      <c r="F128709" s="14" t="s">
        <v>15</v>
      </c>
      <c r="G128709" s="16">
        <v>0.87918729439564491</v>
      </c>
    </row>
    <row r="128710" spans="1:7" x14ac:dyDescent="0.3">
      <c r="A128710" s="13" t="s">
        <v>589</v>
      </c>
      <c r="B128710" s="14" t="s">
        <v>1</v>
      </c>
      <c r="C128710" s="14" t="s">
        <v>565</v>
      </c>
      <c r="D128710" s="14" t="s">
        <v>31</v>
      </c>
      <c r="E128710" s="15">
        <v>45606</v>
      </c>
      <c r="F128710" s="14" t="s">
        <v>15</v>
      </c>
      <c r="G128710" s="16">
        <v>0.87918729439564491</v>
      </c>
    </row>
    <row r="128711" spans="1:7" x14ac:dyDescent="0.3">
      <c r="A128711" s="13" t="s">
        <v>589</v>
      </c>
      <c r="B128711" s="14" t="s">
        <v>1</v>
      </c>
      <c r="C128711" s="14" t="s">
        <v>565</v>
      </c>
      <c r="D128711" s="14" t="s">
        <v>31</v>
      </c>
      <c r="E128711" s="15">
        <v>45607</v>
      </c>
      <c r="F128711" s="14" t="s">
        <v>15</v>
      </c>
      <c r="G128711" s="16">
        <v>0.87729399252121831</v>
      </c>
    </row>
    <row r="128712" spans="1:7" x14ac:dyDescent="0.3">
      <c r="A128712" s="13" t="s">
        <v>589</v>
      </c>
      <c r="B128712" s="14" t="s">
        <v>1</v>
      </c>
      <c r="C128712" s="14" t="s">
        <v>565</v>
      </c>
      <c r="D128712" s="14" t="s">
        <v>31</v>
      </c>
      <c r="E128712" s="15">
        <v>45608</v>
      </c>
      <c r="F128712" s="14" t="s">
        <v>15</v>
      </c>
      <c r="G128712" s="16">
        <v>0.87148082347328726</v>
      </c>
    </row>
    <row r="128713" spans="1:7" x14ac:dyDescent="0.3">
      <c r="A128713" s="13" t="s">
        <v>589</v>
      </c>
      <c r="B128713" s="14" t="s">
        <v>1</v>
      </c>
      <c r="C128713" s="14" t="s">
        <v>565</v>
      </c>
      <c r="D128713" s="14" t="s">
        <v>31</v>
      </c>
      <c r="E128713" s="15">
        <v>45609</v>
      </c>
      <c r="F128713" s="14" t="s">
        <v>15</v>
      </c>
      <c r="G128713" s="16">
        <v>0.88429823073505154</v>
      </c>
    </row>
    <row r="128714" spans="1:7" x14ac:dyDescent="0.3">
      <c r="A128714" s="13" t="s">
        <v>589</v>
      </c>
      <c r="B128714" s="14" t="s">
        <v>1</v>
      </c>
      <c r="C128714" s="14" t="s">
        <v>565</v>
      </c>
      <c r="D128714" s="14" t="s">
        <v>31</v>
      </c>
      <c r="E128714" s="15">
        <v>45610</v>
      </c>
      <c r="F128714" s="14" t="s">
        <v>15</v>
      </c>
      <c r="G128714" s="16">
        <v>0.88200129360917212</v>
      </c>
    </row>
    <row r="128715" spans="1:7" x14ac:dyDescent="0.3">
      <c r="A128715" s="13" t="s">
        <v>589</v>
      </c>
      <c r="B128715" s="14" t="s">
        <v>1</v>
      </c>
      <c r="C128715" s="14" t="s">
        <v>565</v>
      </c>
      <c r="D128715" s="14" t="s">
        <v>31</v>
      </c>
      <c r="E128715" s="15">
        <v>45611</v>
      </c>
      <c r="F128715" s="14" t="s">
        <v>15</v>
      </c>
      <c r="G128715" s="16">
        <v>0.92311686139874694</v>
      </c>
    </row>
    <row r="128716" spans="1:7" x14ac:dyDescent="0.3">
      <c r="A128716" s="13" t="s">
        <v>589</v>
      </c>
      <c r="B128716" s="14" t="s">
        <v>1</v>
      </c>
      <c r="C128716" s="14" t="s">
        <v>565</v>
      </c>
      <c r="D128716" s="14" t="s">
        <v>31</v>
      </c>
      <c r="E128716" s="15">
        <v>45612</v>
      </c>
      <c r="F128716" s="14" t="s">
        <v>15</v>
      </c>
      <c r="G128716" s="16">
        <v>0.92311686139874694</v>
      </c>
    </row>
    <row r="128717" spans="1:7" x14ac:dyDescent="0.3">
      <c r="A128717" s="13" t="s">
        <v>589</v>
      </c>
      <c r="B128717" s="14" t="s">
        <v>1</v>
      </c>
      <c r="C128717" s="14" t="s">
        <v>565</v>
      </c>
      <c r="D128717" s="14" t="s">
        <v>31</v>
      </c>
      <c r="E128717" s="15">
        <v>45613</v>
      </c>
      <c r="F128717" s="14" t="s">
        <v>15</v>
      </c>
      <c r="G128717" s="16">
        <v>0.92311686139874694</v>
      </c>
    </row>
    <row r="128718" spans="1:7" x14ac:dyDescent="0.3">
      <c r="A128718" s="13" t="s">
        <v>589</v>
      </c>
      <c r="B128718" s="14" t="s">
        <v>1</v>
      </c>
      <c r="C128718" s="14" t="s">
        <v>565</v>
      </c>
      <c r="D128718" s="14" t="s">
        <v>31</v>
      </c>
      <c r="E128718" s="15">
        <v>45614</v>
      </c>
      <c r="F128718" s="14" t="s">
        <v>15</v>
      </c>
      <c r="G128718" s="16">
        <v>0.92276120098016878</v>
      </c>
    </row>
    <row r="128719" spans="1:7" x14ac:dyDescent="0.3">
      <c r="A128719" s="13" t="s">
        <v>589</v>
      </c>
      <c r="B128719" s="14" t="s">
        <v>1</v>
      </c>
      <c r="C128719" s="14" t="s">
        <v>565</v>
      </c>
      <c r="D128719" s="14" t="s">
        <v>31</v>
      </c>
      <c r="E128719" s="15">
        <v>45615</v>
      </c>
      <c r="F128719" s="14" t="s">
        <v>15</v>
      </c>
      <c r="G128719" s="16">
        <v>0.91732580097143013</v>
      </c>
    </row>
    <row r="128720" spans="1:7" x14ac:dyDescent="0.3">
      <c r="A128720" s="13" t="s">
        <v>589</v>
      </c>
      <c r="B128720" s="14" t="s">
        <v>1</v>
      </c>
      <c r="C128720" s="14" t="s">
        <v>565</v>
      </c>
      <c r="D128720" s="14" t="s">
        <v>31</v>
      </c>
      <c r="E128720" s="15">
        <v>45616</v>
      </c>
      <c r="F128720" s="14" t="s">
        <v>15</v>
      </c>
      <c r="G128720" s="16">
        <v>0.91616715195670573</v>
      </c>
    </row>
    <row r="128721" spans="1:7" x14ac:dyDescent="0.3">
      <c r="A128721" s="13" t="s">
        <v>589</v>
      </c>
      <c r="B128721" s="14" t="s">
        <v>1</v>
      </c>
      <c r="C128721" s="14" t="s">
        <v>565</v>
      </c>
      <c r="D128721" s="14" t="s">
        <v>31</v>
      </c>
      <c r="E128721" s="15">
        <v>45617</v>
      </c>
      <c r="F128721" s="14" t="s">
        <v>15</v>
      </c>
      <c r="G128721" s="16">
        <v>0.94507631436331208</v>
      </c>
    </row>
    <row r="128722" spans="1:7" x14ac:dyDescent="0.3">
      <c r="A128722" s="13" t="s">
        <v>589</v>
      </c>
      <c r="B128722" s="14" t="s">
        <v>1</v>
      </c>
      <c r="C128722" s="14" t="s">
        <v>565</v>
      </c>
      <c r="D128722" s="14" t="s">
        <v>31</v>
      </c>
      <c r="E128722" s="15">
        <v>45618</v>
      </c>
      <c r="F128722" s="14" t="s">
        <v>15</v>
      </c>
      <c r="G128722" s="16">
        <v>0.95722268566579816</v>
      </c>
    </row>
    <row r="128723" spans="1:7" x14ac:dyDescent="0.3">
      <c r="A128723" s="13" t="s">
        <v>589</v>
      </c>
      <c r="B128723" s="14" t="s">
        <v>1</v>
      </c>
      <c r="C128723" s="14" t="s">
        <v>565</v>
      </c>
      <c r="D128723" s="14" t="s">
        <v>31</v>
      </c>
      <c r="E128723" s="15">
        <v>45619</v>
      </c>
      <c r="F128723" s="14" t="s">
        <v>15</v>
      </c>
      <c r="G128723" s="16">
        <v>0.95722268566579816</v>
      </c>
    </row>
    <row r="128724" spans="1:7" x14ac:dyDescent="0.3">
      <c r="A128724" s="13" t="s">
        <v>589</v>
      </c>
      <c r="B128724" s="14" t="s">
        <v>1</v>
      </c>
      <c r="C128724" s="14" t="s">
        <v>565</v>
      </c>
      <c r="D128724" s="14" t="s">
        <v>31</v>
      </c>
      <c r="E128724" s="15">
        <v>45620</v>
      </c>
      <c r="F128724" s="14" t="s">
        <v>15</v>
      </c>
      <c r="G128724" s="16">
        <v>0.95722268566579816</v>
      </c>
    </row>
    <row r="128725" spans="1:7" x14ac:dyDescent="0.3">
      <c r="A128725" s="13" t="s">
        <v>589</v>
      </c>
      <c r="B128725" s="14" t="s">
        <v>1</v>
      </c>
      <c r="C128725" s="14" t="s">
        <v>565</v>
      </c>
      <c r="D128725" s="14" t="s">
        <v>31</v>
      </c>
      <c r="E128725" s="15">
        <v>45621</v>
      </c>
      <c r="F128725" s="14" t="s">
        <v>15</v>
      </c>
      <c r="G128725" s="16">
        <v>0.95527773875270339</v>
      </c>
    </row>
    <row r="128726" spans="1:7" x14ac:dyDescent="0.3">
      <c r="A128726" s="13" t="s">
        <v>589</v>
      </c>
      <c r="B128726" s="14" t="s">
        <v>1</v>
      </c>
      <c r="C128726" s="14" t="s">
        <v>565</v>
      </c>
      <c r="D128726" s="14" t="s">
        <v>31</v>
      </c>
      <c r="E128726" s="15">
        <v>45622</v>
      </c>
      <c r="F128726" s="14" t="s">
        <v>15</v>
      </c>
      <c r="G128726" s="16">
        <v>0.95069636067781371</v>
      </c>
    </row>
    <row r="128727" spans="1:7" x14ac:dyDescent="0.3">
      <c r="A128727" s="13" t="s">
        <v>589</v>
      </c>
      <c r="B128727" s="14" t="s">
        <v>1</v>
      </c>
      <c r="C128727" s="14" t="s">
        <v>565</v>
      </c>
      <c r="D128727" s="14" t="s">
        <v>31</v>
      </c>
      <c r="E128727" s="15">
        <v>45623</v>
      </c>
      <c r="F128727" s="14" t="s">
        <v>15</v>
      </c>
      <c r="G128727" s="16">
        <v>0.94747168781518831</v>
      </c>
    </row>
    <row r="128728" spans="1:7" x14ac:dyDescent="0.3">
      <c r="A128728" s="13" t="s">
        <v>589</v>
      </c>
      <c r="B128728" s="14" t="s">
        <v>1</v>
      </c>
      <c r="C128728" s="14" t="s">
        <v>565</v>
      </c>
      <c r="D128728" s="14" t="s">
        <v>31</v>
      </c>
      <c r="E128728" s="15">
        <v>45624</v>
      </c>
      <c r="F128728" s="14" t="s">
        <v>15</v>
      </c>
      <c r="G128728" s="16">
        <v>0.94825636222523702</v>
      </c>
    </row>
    <row r="128729" spans="1:7" x14ac:dyDescent="0.3">
      <c r="A128729" s="13" t="s">
        <v>589</v>
      </c>
      <c r="B128729" s="14" t="s">
        <v>1</v>
      </c>
      <c r="C128729" s="14" t="s">
        <v>565</v>
      </c>
      <c r="D128729" s="14" t="s">
        <v>31</v>
      </c>
      <c r="E128729" s="15">
        <v>45625</v>
      </c>
      <c r="F128729" s="14" t="s">
        <v>15</v>
      </c>
      <c r="G128729" s="16">
        <v>0.94643163156114307</v>
      </c>
    </row>
    <row r="128730" spans="1:7" x14ac:dyDescent="0.3">
      <c r="A128730" s="13" t="s">
        <v>589</v>
      </c>
      <c r="B128730" s="14" t="s">
        <v>1</v>
      </c>
      <c r="C128730" s="14" t="s">
        <v>565</v>
      </c>
      <c r="D128730" s="14" t="s">
        <v>31</v>
      </c>
      <c r="E128730" s="15">
        <v>45626</v>
      </c>
      <c r="F128730" s="14" t="s">
        <v>15</v>
      </c>
      <c r="G128730" s="16">
        <v>0.94643163156114307</v>
      </c>
    </row>
    <row r="128731" spans="1:7" x14ac:dyDescent="0.3">
      <c r="A128731" s="13" t="s">
        <v>589</v>
      </c>
      <c r="B128731" s="14" t="s">
        <v>1</v>
      </c>
      <c r="C128731" s="14" t="s">
        <v>565</v>
      </c>
      <c r="D128731" s="14" t="s">
        <v>31</v>
      </c>
      <c r="E128731" s="15">
        <v>45627</v>
      </c>
      <c r="F128731" s="14" t="s">
        <v>15</v>
      </c>
      <c r="G128731" s="16">
        <v>0.94643163156114307</v>
      </c>
    </row>
    <row r="128732" spans="1:7" x14ac:dyDescent="0.3">
      <c r="A128732" s="13" t="s">
        <v>589</v>
      </c>
      <c r="B128732" s="14" t="s">
        <v>1</v>
      </c>
      <c r="C128732" s="14" t="s">
        <v>565</v>
      </c>
      <c r="D128732" s="14" t="s">
        <v>31</v>
      </c>
      <c r="E128732" s="15">
        <v>45628</v>
      </c>
      <c r="F128732" s="14" t="s">
        <v>15</v>
      </c>
      <c r="G128732" s="16">
        <v>0.9448634265978586</v>
      </c>
    </row>
    <row r="128733" spans="1:7" x14ac:dyDescent="0.3">
      <c r="A128733" s="13" t="s">
        <v>589</v>
      </c>
      <c r="B128733" s="14" t="s">
        <v>1</v>
      </c>
      <c r="C128733" s="14" t="s">
        <v>565</v>
      </c>
      <c r="D128733" s="14" t="s">
        <v>31</v>
      </c>
      <c r="E128733" s="15">
        <v>45629</v>
      </c>
      <c r="F128733" s="14" t="s">
        <v>15</v>
      </c>
      <c r="G128733" s="16">
        <v>0.93940820871717035</v>
      </c>
    </row>
    <row r="128734" spans="1:7" x14ac:dyDescent="0.3">
      <c r="A128734" s="13" t="s">
        <v>589</v>
      </c>
      <c r="B128734" s="14" t="s">
        <v>1</v>
      </c>
      <c r="C128734" s="14" t="s">
        <v>565</v>
      </c>
      <c r="D128734" s="14" t="s">
        <v>31</v>
      </c>
      <c r="E128734" s="15">
        <v>45630</v>
      </c>
      <c r="F128734" s="14" t="s">
        <v>15</v>
      </c>
      <c r="G128734" s="16">
        <v>0.93794077022223554</v>
      </c>
    </row>
    <row r="128735" spans="1:7" x14ac:dyDescent="0.3">
      <c r="A128735" s="13" t="s">
        <v>589</v>
      </c>
      <c r="B128735" s="14" t="s">
        <v>1</v>
      </c>
      <c r="C128735" s="14" t="s">
        <v>565</v>
      </c>
      <c r="D128735" s="14" t="s">
        <v>31</v>
      </c>
      <c r="E128735" s="15">
        <v>45631</v>
      </c>
      <c r="F128735" s="14" t="s">
        <v>15</v>
      </c>
      <c r="G128735" s="16">
        <v>0.93609374229705999</v>
      </c>
    </row>
    <row r="128736" spans="1:7" x14ac:dyDescent="0.3">
      <c r="A128736" s="13" t="s">
        <v>589</v>
      </c>
      <c r="B128736" s="14" t="s">
        <v>1</v>
      </c>
      <c r="C128736" s="14" t="s">
        <v>565</v>
      </c>
      <c r="D128736" s="14" t="s">
        <v>31</v>
      </c>
      <c r="E128736" s="15">
        <v>45632</v>
      </c>
      <c r="F128736" s="14" t="s">
        <v>15</v>
      </c>
      <c r="G128736" s="16">
        <v>0.93424328402402579</v>
      </c>
    </row>
    <row r="128737" spans="1:7" x14ac:dyDescent="0.3">
      <c r="A128737" s="13" t="s">
        <v>589</v>
      </c>
      <c r="B128737" s="14" t="s">
        <v>1</v>
      </c>
      <c r="C128737" s="14" t="s">
        <v>565</v>
      </c>
      <c r="D128737" s="14" t="s">
        <v>31</v>
      </c>
      <c r="E128737" s="15">
        <v>45633</v>
      </c>
      <c r="F128737" s="14" t="s">
        <v>15</v>
      </c>
      <c r="G128737" s="16">
        <v>0.93424328402402579</v>
      </c>
    </row>
    <row r="128738" spans="1:7" x14ac:dyDescent="0.3">
      <c r="A128738" s="13" t="s">
        <v>589</v>
      </c>
      <c r="B128738" s="14" t="s">
        <v>1</v>
      </c>
      <c r="C128738" s="14" t="s">
        <v>565</v>
      </c>
      <c r="D128738" s="14" t="s">
        <v>31</v>
      </c>
      <c r="E128738" s="15">
        <v>45634</v>
      </c>
      <c r="F128738" s="14" t="s">
        <v>15</v>
      </c>
      <c r="G128738" s="16">
        <v>0.93424328402402579</v>
      </c>
    </row>
    <row r="128739" spans="1:7" x14ac:dyDescent="0.3">
      <c r="A128739" s="13" t="s">
        <v>589</v>
      </c>
      <c r="B128739" s="14" t="s">
        <v>1</v>
      </c>
      <c r="C128739" s="14" t="s">
        <v>565</v>
      </c>
      <c r="D128739" s="14" t="s">
        <v>31</v>
      </c>
      <c r="E128739" s="15">
        <v>45635</v>
      </c>
      <c r="F128739" s="14" t="s">
        <v>15</v>
      </c>
      <c r="G128739" s="16">
        <v>0.93970514820369011</v>
      </c>
    </row>
    <row r="128740" spans="1:7" x14ac:dyDescent="0.3">
      <c r="A128740" s="13" t="s">
        <v>589</v>
      </c>
      <c r="B128740" s="14" t="s">
        <v>1</v>
      </c>
      <c r="C128740" s="14" t="s">
        <v>565</v>
      </c>
      <c r="D128740" s="14" t="s">
        <v>31</v>
      </c>
      <c r="E128740" s="15">
        <v>45636</v>
      </c>
      <c r="F128740" s="14" t="s">
        <v>15</v>
      </c>
      <c r="G128740" s="16">
        <v>0.93415473816992267</v>
      </c>
    </row>
    <row r="128741" spans="1:7" x14ac:dyDescent="0.3">
      <c r="A128741" s="13" t="s">
        <v>589</v>
      </c>
      <c r="B128741" s="14" t="s">
        <v>1</v>
      </c>
      <c r="C128741" s="14" t="s">
        <v>565</v>
      </c>
      <c r="D128741" s="14" t="s">
        <v>31</v>
      </c>
      <c r="E128741" s="15">
        <v>45637</v>
      </c>
      <c r="F128741" s="14" t="s">
        <v>15</v>
      </c>
      <c r="G128741" s="16">
        <v>0.93229538243212984</v>
      </c>
    </row>
    <row r="128742" spans="1:7" x14ac:dyDescent="0.3">
      <c r="A128742" s="13" t="s">
        <v>589</v>
      </c>
      <c r="B128742" s="14" t="s">
        <v>1</v>
      </c>
      <c r="C128742" s="14" t="s">
        <v>565</v>
      </c>
      <c r="D128742" s="14" t="s">
        <v>31</v>
      </c>
      <c r="E128742" s="15">
        <v>45638</v>
      </c>
      <c r="F128742" s="14" t="s">
        <v>15</v>
      </c>
      <c r="G128742" s="16">
        <v>0.93066210805790039</v>
      </c>
    </row>
    <row r="128743" spans="1:7" x14ac:dyDescent="0.3">
      <c r="A128743" s="13" t="s">
        <v>589</v>
      </c>
      <c r="B128743" s="14" t="s">
        <v>1</v>
      </c>
      <c r="C128743" s="14" t="s">
        <v>565</v>
      </c>
      <c r="D128743" s="14" t="s">
        <v>31</v>
      </c>
      <c r="E128743" s="15">
        <v>45639</v>
      </c>
      <c r="F128743" s="14" t="s">
        <v>15</v>
      </c>
      <c r="G128743" s="16">
        <v>0.9557987323812106</v>
      </c>
    </row>
    <row r="128744" spans="1:7" x14ac:dyDescent="0.3">
      <c r="A128744" s="13" t="s">
        <v>589</v>
      </c>
      <c r="B128744" s="14" t="s">
        <v>1</v>
      </c>
      <c r="C128744" s="14" t="s">
        <v>565</v>
      </c>
      <c r="D128744" s="14" t="s">
        <v>31</v>
      </c>
      <c r="E128744" s="15">
        <v>45640</v>
      </c>
      <c r="F128744" s="14" t="s">
        <v>15</v>
      </c>
      <c r="G128744" s="16">
        <v>0.9557987323812106</v>
      </c>
    </row>
    <row r="128745" spans="1:7" x14ac:dyDescent="0.3">
      <c r="A128745" s="13" t="s">
        <v>589</v>
      </c>
      <c r="B128745" s="14" t="s">
        <v>1</v>
      </c>
      <c r="C128745" s="14" t="s">
        <v>565</v>
      </c>
      <c r="D128745" s="14" t="s">
        <v>31</v>
      </c>
      <c r="E128745" s="15">
        <v>45641</v>
      </c>
      <c r="F128745" s="14" t="s">
        <v>15</v>
      </c>
      <c r="G128745" s="16">
        <v>0.9557987323812106</v>
      </c>
    </row>
    <row r="128746" spans="1:7" x14ac:dyDescent="0.3">
      <c r="A128746" s="13" t="s">
        <v>589</v>
      </c>
      <c r="B128746" s="14" t="s">
        <v>1</v>
      </c>
      <c r="C128746" s="14" t="s">
        <v>565</v>
      </c>
      <c r="D128746" s="14" t="s">
        <v>31</v>
      </c>
      <c r="E128746" s="15">
        <v>45642</v>
      </c>
      <c r="F128746" s="14" t="s">
        <v>15</v>
      </c>
      <c r="G128746" s="16">
        <v>0.95393015758354749</v>
      </c>
    </row>
    <row r="128747" spans="1:7" x14ac:dyDescent="0.3">
      <c r="A128747" s="13" t="s">
        <v>589</v>
      </c>
      <c r="B128747" s="14" t="s">
        <v>1</v>
      </c>
      <c r="C128747" s="14" t="s">
        <v>565</v>
      </c>
      <c r="D128747" s="14" t="s">
        <v>31</v>
      </c>
      <c r="E128747" s="15">
        <v>45643</v>
      </c>
      <c r="F128747" s="14" t="s">
        <v>15</v>
      </c>
      <c r="G128747" s="16">
        <v>0.94834137053311063</v>
      </c>
    </row>
    <row r="128748" spans="1:7" x14ac:dyDescent="0.3">
      <c r="A128748" s="13" t="s">
        <v>589</v>
      </c>
      <c r="B128748" s="14" t="s">
        <v>1</v>
      </c>
      <c r="C128748" s="14" t="s">
        <v>565</v>
      </c>
      <c r="D128748" s="14" t="s">
        <v>31</v>
      </c>
      <c r="E128748" s="15">
        <v>45644</v>
      </c>
      <c r="F128748" s="14" t="s">
        <v>15</v>
      </c>
      <c r="G128748" s="16">
        <v>0.94648984027637051</v>
      </c>
    </row>
    <row r="128749" spans="1:7" x14ac:dyDescent="0.3">
      <c r="A128749" s="13" t="s">
        <v>589</v>
      </c>
      <c r="B128749" s="14" t="s">
        <v>1</v>
      </c>
      <c r="C128749" s="14" t="s">
        <v>565</v>
      </c>
      <c r="D128749" s="14" t="s">
        <v>31</v>
      </c>
      <c r="E128749" s="15">
        <v>45645</v>
      </c>
      <c r="F128749" s="14" t="s">
        <v>15</v>
      </c>
      <c r="G128749" s="16">
        <v>0.94465374658499468</v>
      </c>
    </row>
    <row r="128750" spans="1:7" x14ac:dyDescent="0.3">
      <c r="A128750" s="13" t="s">
        <v>589</v>
      </c>
      <c r="B128750" s="14" t="s">
        <v>1</v>
      </c>
      <c r="C128750" s="14" t="s">
        <v>565</v>
      </c>
      <c r="D128750" s="14" t="s">
        <v>31</v>
      </c>
      <c r="E128750" s="15">
        <v>45646</v>
      </c>
      <c r="F128750" s="14" t="s">
        <v>15</v>
      </c>
      <c r="G128750" s="16">
        <v>0.94281154258649535</v>
      </c>
    </row>
    <row r="128751" spans="1:7" x14ac:dyDescent="0.3">
      <c r="A128751" s="13" t="s">
        <v>589</v>
      </c>
      <c r="B128751" s="14" t="s">
        <v>1</v>
      </c>
      <c r="C128751" s="14" t="s">
        <v>565</v>
      </c>
      <c r="D128751" s="14" t="s">
        <v>31</v>
      </c>
      <c r="E128751" s="15">
        <v>45647</v>
      </c>
      <c r="F128751" s="14" t="s">
        <v>15</v>
      </c>
      <c r="G128751" s="16">
        <v>0.94281154258649535</v>
      </c>
    </row>
    <row r="128752" spans="1:7" x14ac:dyDescent="0.3">
      <c r="A128752" s="13" t="s">
        <v>589</v>
      </c>
      <c r="B128752" s="14" t="s">
        <v>1</v>
      </c>
      <c r="C128752" s="14" t="s">
        <v>565</v>
      </c>
      <c r="D128752" s="14" t="s">
        <v>31</v>
      </c>
      <c r="E128752" s="15">
        <v>45648</v>
      </c>
      <c r="F128752" s="14" t="s">
        <v>15</v>
      </c>
      <c r="G128752" s="16">
        <v>0.94281154258649535</v>
      </c>
    </row>
    <row r="128753" spans="1:7" x14ac:dyDescent="0.3">
      <c r="A128753" s="13" t="s">
        <v>589</v>
      </c>
      <c r="B128753" s="14" t="s">
        <v>1</v>
      </c>
      <c r="C128753" s="14" t="s">
        <v>565</v>
      </c>
      <c r="D128753" s="14" t="s">
        <v>31</v>
      </c>
      <c r="E128753" s="15">
        <v>45649</v>
      </c>
      <c r="F128753" s="14" t="s">
        <v>15</v>
      </c>
      <c r="G128753" s="16">
        <v>0.9409883126995896</v>
      </c>
    </row>
    <row r="128754" spans="1:7" x14ac:dyDescent="0.3">
      <c r="A128754" s="13" t="s">
        <v>589</v>
      </c>
      <c r="B128754" s="14" t="s">
        <v>1</v>
      </c>
      <c r="C128754" s="14" t="s">
        <v>565</v>
      </c>
      <c r="D128754" s="14" t="s">
        <v>31</v>
      </c>
      <c r="E128754" s="15">
        <v>45650</v>
      </c>
      <c r="F128754" s="14" t="s">
        <v>15</v>
      </c>
      <c r="G128754" s="16">
        <v>0.93554842418589501</v>
      </c>
    </row>
    <row r="128755" spans="1:7" x14ac:dyDescent="0.3">
      <c r="A128755" s="13" t="s">
        <v>589</v>
      </c>
      <c r="B128755" s="14" t="s">
        <v>1</v>
      </c>
      <c r="C128755" s="14" t="s">
        <v>565</v>
      </c>
      <c r="D128755" s="14" t="s">
        <v>31</v>
      </c>
      <c r="E128755" s="15">
        <v>45651</v>
      </c>
      <c r="F128755" s="14" t="s">
        <v>15</v>
      </c>
      <c r="G128755" s="16">
        <v>0.93554842418589501</v>
      </c>
    </row>
    <row r="128756" spans="1:7" x14ac:dyDescent="0.3">
      <c r="A128756" s="13" t="s">
        <v>589</v>
      </c>
      <c r="B128756" s="14" t="s">
        <v>1</v>
      </c>
      <c r="C128756" s="14" t="s">
        <v>565</v>
      </c>
      <c r="D128756" s="14" t="s">
        <v>31</v>
      </c>
      <c r="E128756" s="15">
        <v>45652</v>
      </c>
      <c r="F128756" s="14" t="s">
        <v>15</v>
      </c>
      <c r="G128756" s="16">
        <v>0.93554842418589501</v>
      </c>
    </row>
    <row r="128757" spans="1:7" x14ac:dyDescent="0.3">
      <c r="A128757" s="13" t="s">
        <v>589</v>
      </c>
      <c r="B128757" s="14" t="s">
        <v>1</v>
      </c>
      <c r="C128757" s="14" t="s">
        <v>565</v>
      </c>
      <c r="D128757" s="14" t="s">
        <v>31</v>
      </c>
      <c r="E128757" s="15">
        <v>45653</v>
      </c>
      <c r="F128757" s="14" t="s">
        <v>15</v>
      </c>
      <c r="G128757" s="16">
        <v>0.93554842418589501</v>
      </c>
    </row>
    <row r="128758" spans="1:7" x14ac:dyDescent="0.3">
      <c r="A128758" s="13" t="s">
        <v>589</v>
      </c>
      <c r="B128758" s="14" t="s">
        <v>1</v>
      </c>
      <c r="C128758" s="14" t="s">
        <v>565</v>
      </c>
      <c r="D128758" s="14" t="s">
        <v>31</v>
      </c>
      <c r="E128758" s="15">
        <v>45654</v>
      </c>
      <c r="F128758" s="14" t="s">
        <v>15</v>
      </c>
      <c r="G128758" s="16">
        <v>0.93554842418589501</v>
      </c>
    </row>
    <row r="128759" spans="1:7" x14ac:dyDescent="0.3">
      <c r="A128759" s="13" t="s">
        <v>589</v>
      </c>
      <c r="B128759" s="14" t="s">
        <v>1</v>
      </c>
      <c r="C128759" s="14" t="s">
        <v>565</v>
      </c>
      <c r="D128759" s="14" t="s">
        <v>31</v>
      </c>
      <c r="E128759" s="15">
        <v>45655</v>
      </c>
      <c r="F128759" s="14" t="s">
        <v>15</v>
      </c>
      <c r="G128759" s="16">
        <v>0.93554842418589501</v>
      </c>
    </row>
    <row r="128760" spans="1:7" x14ac:dyDescent="0.3">
      <c r="A128760" s="13" t="s">
        <v>589</v>
      </c>
      <c r="B128760" s="14" t="s">
        <v>1</v>
      </c>
      <c r="C128760" s="14" t="s">
        <v>565</v>
      </c>
      <c r="D128760" s="14" t="s">
        <v>31</v>
      </c>
      <c r="E128760" s="15">
        <v>45656</v>
      </c>
      <c r="F128760" s="14" t="s">
        <v>15</v>
      </c>
      <c r="G128760" s="16">
        <v>0.93372199833653902</v>
      </c>
    </row>
    <row r="128761" spans="1:7" x14ac:dyDescent="0.3">
      <c r="A128761" s="13" t="s">
        <v>589</v>
      </c>
      <c r="B128761" s="14" t="s">
        <v>1</v>
      </c>
      <c r="C128761" s="14" t="s">
        <v>565</v>
      </c>
      <c r="D128761" s="14" t="s">
        <v>31</v>
      </c>
      <c r="E128761" s="15">
        <v>45657</v>
      </c>
      <c r="F128761" s="14" t="s">
        <v>15</v>
      </c>
      <c r="G128761" s="16">
        <v>0.96289903792457299</v>
      </c>
    </row>
    <row r="128762" spans="1:7" x14ac:dyDescent="0.3">
      <c r="A128762" s="13" t="s">
        <v>589</v>
      </c>
      <c r="B128762" s="14" t="s">
        <v>1</v>
      </c>
      <c r="C128762" s="14" t="s">
        <v>565</v>
      </c>
      <c r="D128762" s="14" t="s">
        <v>31</v>
      </c>
      <c r="E128762" s="15">
        <v>45658</v>
      </c>
      <c r="F128762" s="14" t="s">
        <v>15</v>
      </c>
      <c r="G128762" s="16">
        <v>0.96289903792457299</v>
      </c>
    </row>
    <row r="128763" spans="1:7" x14ac:dyDescent="0.3">
      <c r="A128763" s="13" t="s">
        <v>589</v>
      </c>
      <c r="B128763" s="14" t="s">
        <v>1</v>
      </c>
      <c r="C128763" s="14" t="s">
        <v>565</v>
      </c>
      <c r="D128763" s="14" t="s">
        <v>31</v>
      </c>
      <c r="E128763" s="15">
        <v>45659</v>
      </c>
      <c r="F128763" s="14" t="s">
        <v>15</v>
      </c>
      <c r="G128763" s="16">
        <v>0.96106883356092876</v>
      </c>
    </row>
    <row r="128764" spans="1:7" x14ac:dyDescent="0.3">
      <c r="A128764" s="13" t="s">
        <v>589</v>
      </c>
      <c r="B128764" s="14" t="s">
        <v>1</v>
      </c>
      <c r="C128764" s="14" t="s">
        <v>565</v>
      </c>
      <c r="D128764" s="14" t="s">
        <v>31</v>
      </c>
      <c r="E128764" s="15">
        <v>45660</v>
      </c>
      <c r="F128764" s="14" t="s">
        <v>15</v>
      </c>
      <c r="G128764" s="16">
        <v>1.0052437679767166</v>
      </c>
    </row>
    <row r="128765" spans="1:7" x14ac:dyDescent="0.3">
      <c r="A128765" s="13" t="s">
        <v>589</v>
      </c>
      <c r="B128765" s="14" t="s">
        <v>1</v>
      </c>
      <c r="C128765" s="14" t="s">
        <v>565</v>
      </c>
      <c r="D128765" s="14" t="s">
        <v>31</v>
      </c>
      <c r="E128765" s="15">
        <v>45661</v>
      </c>
      <c r="F128765" s="14" t="s">
        <v>15</v>
      </c>
      <c r="G128765" s="16">
        <v>1.0052437679767166</v>
      </c>
    </row>
    <row r="128766" spans="1:7" x14ac:dyDescent="0.3">
      <c r="A128766" s="13" t="s">
        <v>589</v>
      </c>
      <c r="B128766" s="14" t="s">
        <v>1</v>
      </c>
      <c r="C128766" s="14" t="s">
        <v>565</v>
      </c>
      <c r="D128766" s="14" t="s">
        <v>31</v>
      </c>
      <c r="E128766" s="15">
        <v>45662</v>
      </c>
      <c r="F128766" s="14" t="s">
        <v>15</v>
      </c>
      <c r="G128766" s="16">
        <v>1.0052437679767166</v>
      </c>
    </row>
    <row r="128767" spans="1:7" x14ac:dyDescent="0.3">
      <c r="A128767" s="13" t="s">
        <v>589</v>
      </c>
      <c r="B128767" s="14" t="s">
        <v>1</v>
      </c>
      <c r="C128767" s="14" t="s">
        <v>565</v>
      </c>
      <c r="D128767" s="14" t="s">
        <v>31</v>
      </c>
      <c r="E128767" s="15">
        <v>45663</v>
      </c>
      <c r="F128767" s="14" t="s">
        <v>15</v>
      </c>
      <c r="G128767" s="16">
        <v>1.0034272742220609</v>
      </c>
    </row>
    <row r="128768" spans="1:7" x14ac:dyDescent="0.3">
      <c r="A128768" s="13" t="s">
        <v>589</v>
      </c>
      <c r="B128768" s="14" t="s">
        <v>1</v>
      </c>
      <c r="C128768" s="14" t="s">
        <v>565</v>
      </c>
      <c r="D128768" s="14" t="s">
        <v>31</v>
      </c>
      <c r="E128768" s="15">
        <v>45664</v>
      </c>
      <c r="F128768" s="14" t="s">
        <v>15</v>
      </c>
      <c r="G128768" s="16">
        <v>0.99797228712298836</v>
      </c>
    </row>
    <row r="128769" spans="1:7" x14ac:dyDescent="0.3">
      <c r="A128769" s="13" t="s">
        <v>589</v>
      </c>
      <c r="B128769" s="14" t="s">
        <v>1</v>
      </c>
      <c r="C128769" s="14" t="s">
        <v>565</v>
      </c>
      <c r="D128769" s="14" t="s">
        <v>31</v>
      </c>
      <c r="E128769" s="15">
        <v>45665</v>
      </c>
      <c r="F128769" s="14" t="s">
        <v>15</v>
      </c>
      <c r="G128769" s="16">
        <v>0.99614629310383673</v>
      </c>
    </row>
    <row r="128770" spans="1:7" x14ac:dyDescent="0.3">
      <c r="A128770" s="13" t="s">
        <v>589</v>
      </c>
      <c r="B128770" s="14" t="s">
        <v>1</v>
      </c>
      <c r="C128770" s="14" t="s">
        <v>565</v>
      </c>
      <c r="D128770" s="14" t="s">
        <v>31</v>
      </c>
      <c r="E128770" s="15">
        <v>45666</v>
      </c>
      <c r="F128770" s="14" t="s">
        <v>15</v>
      </c>
      <c r="G128770" s="16">
        <v>0.994319111551623</v>
      </c>
    </row>
    <row r="128771" spans="1:7" x14ac:dyDescent="0.3">
      <c r="A128771" s="13" t="s">
        <v>589</v>
      </c>
      <c r="B128771" s="14" t="s">
        <v>1</v>
      </c>
      <c r="C128771" s="14" t="s">
        <v>565</v>
      </c>
      <c r="D128771" s="14" t="s">
        <v>31</v>
      </c>
      <c r="E128771" s="15">
        <v>45667</v>
      </c>
      <c r="F128771" s="14" t="s">
        <v>15</v>
      </c>
      <c r="G128771" s="16">
        <v>0.99951035835338065</v>
      </c>
    </row>
    <row r="128772" spans="1:7" x14ac:dyDescent="0.3">
      <c r="A128772" s="13" t="s">
        <v>589</v>
      </c>
      <c r="B128772" s="14" t="s">
        <v>1</v>
      </c>
      <c r="C128772" s="14" t="s">
        <v>565</v>
      </c>
      <c r="D128772" s="14" t="s">
        <v>31</v>
      </c>
      <c r="E128772" s="15">
        <v>45668</v>
      </c>
      <c r="F128772" s="14" t="s">
        <v>15</v>
      </c>
      <c r="G128772" s="16">
        <v>0.99951035835338065</v>
      </c>
    </row>
    <row r="128773" spans="1:7" x14ac:dyDescent="0.3">
      <c r="A128773" s="13" t="s">
        <v>589</v>
      </c>
      <c r="B128773" s="14" t="s">
        <v>1</v>
      </c>
      <c r="C128773" s="14" t="s">
        <v>565</v>
      </c>
      <c r="D128773" s="14" t="s">
        <v>31</v>
      </c>
      <c r="E128773" s="15">
        <v>45669</v>
      </c>
      <c r="F128773" s="14" t="s">
        <v>15</v>
      </c>
      <c r="G128773" s="16">
        <v>0.99951035835338065</v>
      </c>
    </row>
    <row r="128774" spans="1:7" x14ac:dyDescent="0.3">
      <c r="A128774" s="13" t="s">
        <v>589</v>
      </c>
      <c r="B128774" s="14" t="s">
        <v>1</v>
      </c>
      <c r="C128774" s="14" t="s">
        <v>565</v>
      </c>
      <c r="D128774" s="14" t="s">
        <v>31</v>
      </c>
      <c r="E128774" s="15">
        <v>45670</v>
      </c>
      <c r="F128774" s="14" t="s">
        <v>15</v>
      </c>
      <c r="G128774" s="16">
        <v>0.99770941048608197</v>
      </c>
    </row>
    <row r="128775" spans="1:7" x14ac:dyDescent="0.3">
      <c r="A128775" s="13" t="s">
        <v>589</v>
      </c>
      <c r="B128775" s="14" t="s">
        <v>1</v>
      </c>
      <c r="C128775" s="14" t="s">
        <v>565</v>
      </c>
      <c r="D128775" s="14" t="s">
        <v>31</v>
      </c>
      <c r="E128775" s="15">
        <v>45671</v>
      </c>
      <c r="F128775" s="14" t="s">
        <v>15</v>
      </c>
      <c r="G128775" s="16">
        <v>0.99233830640420695</v>
      </c>
    </row>
    <row r="128776" spans="1:7" x14ac:dyDescent="0.3">
      <c r="A128776" s="13" t="s">
        <v>589</v>
      </c>
      <c r="B128776" s="14" t="s">
        <v>1</v>
      </c>
      <c r="C128776" s="14" t="s">
        <v>565</v>
      </c>
      <c r="D128776" s="14" t="s">
        <v>31</v>
      </c>
      <c r="E128776" s="15">
        <v>45672</v>
      </c>
      <c r="F128776" s="14" t="s">
        <v>15</v>
      </c>
      <c r="G128776" s="16">
        <v>0.99058399619897963</v>
      </c>
    </row>
    <row r="128777" spans="1:7" x14ac:dyDescent="0.3">
      <c r="A128777" s="13" t="s">
        <v>589</v>
      </c>
      <c r="B128777" s="14" t="s">
        <v>1</v>
      </c>
      <c r="C128777" s="14" t="s">
        <v>565</v>
      </c>
      <c r="D128777" s="14" t="s">
        <v>31</v>
      </c>
      <c r="E128777" s="15">
        <v>45673</v>
      </c>
      <c r="F128777" s="14" t="s">
        <v>15</v>
      </c>
      <c r="G128777" s="16">
        <v>0.98881295257333313</v>
      </c>
    </row>
    <row r="128778" spans="1:7" x14ac:dyDescent="0.3">
      <c r="A128778" s="13" t="s">
        <v>589</v>
      </c>
      <c r="B128778" s="14" t="s">
        <v>1</v>
      </c>
      <c r="C128778" s="14" t="s">
        <v>565</v>
      </c>
      <c r="D128778" s="14" t="s">
        <v>31</v>
      </c>
      <c r="E128778" s="15">
        <v>45674</v>
      </c>
      <c r="F128778" s="14" t="s">
        <v>15</v>
      </c>
      <c r="G128778" s="16">
        <v>0.98704277260809548</v>
      </c>
    </row>
    <row r="128779" spans="1:7" x14ac:dyDescent="0.3">
      <c r="A128779" s="13" t="s">
        <v>589</v>
      </c>
      <c r="B128779" s="14" t="s">
        <v>1</v>
      </c>
      <c r="C128779" s="14" t="s">
        <v>565</v>
      </c>
      <c r="D128779" s="14" t="s">
        <v>31</v>
      </c>
      <c r="E128779" s="15">
        <v>45675</v>
      </c>
      <c r="F128779" s="14" t="s">
        <v>15</v>
      </c>
      <c r="G128779" s="16">
        <v>0.98704277260809548</v>
      </c>
    </row>
    <row r="128780" spans="1:7" x14ac:dyDescent="0.3">
      <c r="A128780" s="13" t="s">
        <v>589</v>
      </c>
      <c r="B128780" s="14" t="s">
        <v>1</v>
      </c>
      <c r="C128780" s="14" t="s">
        <v>565</v>
      </c>
      <c r="D128780" s="14" t="s">
        <v>31</v>
      </c>
      <c r="E128780" s="15">
        <v>45676</v>
      </c>
      <c r="F128780" s="14" t="s">
        <v>15</v>
      </c>
      <c r="G128780" s="16">
        <v>0.98704277260809548</v>
      </c>
    </row>
    <row r="128781" spans="1:7" x14ac:dyDescent="0.3">
      <c r="A128781" s="13" t="s">
        <v>589</v>
      </c>
      <c r="B128781" s="14" t="s">
        <v>1</v>
      </c>
      <c r="C128781" s="14" t="s">
        <v>565</v>
      </c>
      <c r="D128781" s="14" t="s">
        <v>31</v>
      </c>
      <c r="E128781" s="15">
        <v>45677</v>
      </c>
      <c r="F128781" s="14" t="s">
        <v>15</v>
      </c>
      <c r="G128781" s="16">
        <v>0.98524797832120914</v>
      </c>
    </row>
    <row r="128782" spans="1:7" x14ac:dyDescent="0.3">
      <c r="A128782" s="13" t="s">
        <v>589</v>
      </c>
      <c r="B128782" s="14" t="s">
        <v>1</v>
      </c>
      <c r="C128782" s="14" t="s">
        <v>565</v>
      </c>
      <c r="D128782" s="14" t="s">
        <v>31</v>
      </c>
      <c r="E128782" s="15">
        <v>45678</v>
      </c>
      <c r="F128782" s="14" t="s">
        <v>15</v>
      </c>
      <c r="G128782" s="16">
        <v>0.9798689933381044</v>
      </c>
    </row>
    <row r="128783" spans="1:7" x14ac:dyDescent="0.3">
      <c r="A128783" s="13" t="s">
        <v>589</v>
      </c>
      <c r="B128783" s="14" t="s">
        <v>1</v>
      </c>
      <c r="C128783" s="14" t="s">
        <v>565</v>
      </c>
      <c r="D128783" s="14" t="s">
        <v>31</v>
      </c>
      <c r="E128783" s="15">
        <v>45679</v>
      </c>
      <c r="F128783" s="14" t="s">
        <v>15</v>
      </c>
      <c r="G128783" s="16">
        <v>0.97827143749706114</v>
      </c>
    </row>
    <row r="128784" spans="1:7" x14ac:dyDescent="0.3">
      <c r="A128784" s="13" t="s">
        <v>589</v>
      </c>
      <c r="B128784" s="14" t="s">
        <v>1</v>
      </c>
      <c r="C128784" s="14" t="s">
        <v>565</v>
      </c>
      <c r="D128784" s="14" t="s">
        <v>31</v>
      </c>
      <c r="E128784" s="15">
        <v>45680</v>
      </c>
      <c r="F128784" s="14" t="s">
        <v>15</v>
      </c>
      <c r="G128784" s="16">
        <v>0.9764561312754676</v>
      </c>
    </row>
    <row r="128785" spans="1:7" x14ac:dyDescent="0.3">
      <c r="A128785" s="13" t="s">
        <v>589</v>
      </c>
      <c r="B128785" s="14" t="s">
        <v>1</v>
      </c>
      <c r="C128785" s="14" t="s">
        <v>565</v>
      </c>
      <c r="D128785" s="14" t="s">
        <v>31</v>
      </c>
      <c r="E128785" s="15">
        <v>45681</v>
      </c>
      <c r="F128785" s="14" t="s">
        <v>15</v>
      </c>
      <c r="G128785" s="16">
        <v>0.97464373990775333</v>
      </c>
    </row>
    <row r="128786" spans="1:7" x14ac:dyDescent="0.3">
      <c r="A128786" s="13" t="s">
        <v>589</v>
      </c>
      <c r="B128786" s="14" t="s">
        <v>1</v>
      </c>
      <c r="C128786" s="14" t="s">
        <v>565</v>
      </c>
      <c r="D128786" s="14" t="s">
        <v>31</v>
      </c>
      <c r="E128786" s="15">
        <v>45682</v>
      </c>
      <c r="F128786" s="14" t="s">
        <v>15</v>
      </c>
      <c r="G128786" s="16">
        <v>0.97464373990775333</v>
      </c>
    </row>
    <row r="128787" spans="1:7" x14ac:dyDescent="0.3">
      <c r="A128787" s="13" t="s">
        <v>589</v>
      </c>
      <c r="B128787" s="14" t="s">
        <v>1</v>
      </c>
      <c r="C128787" s="14" t="s">
        <v>565</v>
      </c>
      <c r="D128787" s="14" t="s">
        <v>31</v>
      </c>
      <c r="E128787" s="15">
        <v>45683</v>
      </c>
      <c r="F128787" s="14" t="s">
        <v>15</v>
      </c>
      <c r="G128787" s="16">
        <v>0.97464373990775333</v>
      </c>
    </row>
    <row r="128788" spans="1:7" x14ac:dyDescent="0.3">
      <c r="A128788" s="13" t="s">
        <v>589</v>
      </c>
      <c r="B128788" s="14" t="s">
        <v>1</v>
      </c>
      <c r="C128788" s="14" t="s">
        <v>565</v>
      </c>
      <c r="D128788" s="14" t="s">
        <v>31</v>
      </c>
      <c r="E128788" s="15">
        <v>45684</v>
      </c>
      <c r="F128788" s="14" t="s">
        <v>15</v>
      </c>
      <c r="G128788" s="16">
        <v>0.97703921000890959</v>
      </c>
    </row>
    <row r="128789" spans="1:7" x14ac:dyDescent="0.3">
      <c r="A128789" s="13" t="s">
        <v>589</v>
      </c>
      <c r="B128789" s="14" t="s">
        <v>1</v>
      </c>
      <c r="C128789" s="14" t="s">
        <v>565</v>
      </c>
      <c r="D128789" s="14" t="s">
        <v>31</v>
      </c>
      <c r="E128789" s="15">
        <v>45685</v>
      </c>
      <c r="F128789" s="14" t="s">
        <v>15</v>
      </c>
      <c r="G128789" s="16">
        <v>0.97703921000890959</v>
      </c>
    </row>
    <row r="128790" spans="1:7" x14ac:dyDescent="0.3">
      <c r="A128790" s="13" t="s">
        <v>589</v>
      </c>
      <c r="B128790" s="14" t="s">
        <v>1</v>
      </c>
      <c r="C128790" s="14" t="s">
        <v>565</v>
      </c>
      <c r="D128790" s="14" t="s">
        <v>31</v>
      </c>
      <c r="E128790" s="15">
        <v>45686</v>
      </c>
      <c r="F128790" s="14" t="s">
        <v>15</v>
      </c>
      <c r="G128790" s="16">
        <v>0.97703921000890959</v>
      </c>
    </row>
    <row r="128791" spans="1:7" x14ac:dyDescent="0.3">
      <c r="A128791" s="13" t="s">
        <v>589</v>
      </c>
      <c r="B128791" s="14" t="s">
        <v>1</v>
      </c>
      <c r="C128791" s="14" t="s">
        <v>565</v>
      </c>
      <c r="D128791" s="14" t="s">
        <v>31</v>
      </c>
      <c r="E128791" s="15">
        <v>45687</v>
      </c>
      <c r="F128791" s="14" t="s">
        <v>15</v>
      </c>
      <c r="G128791" s="16">
        <v>0.97703921000890959</v>
      </c>
    </row>
    <row r="128792" spans="1:7" x14ac:dyDescent="0.3">
      <c r="A128792" s="13" t="s">
        <v>589</v>
      </c>
      <c r="B128792" s="14" t="s">
        <v>1</v>
      </c>
      <c r="C128792" s="14" t="s">
        <v>565</v>
      </c>
      <c r="D128792" s="14" t="s">
        <v>31</v>
      </c>
      <c r="E128792" s="15">
        <v>45688</v>
      </c>
      <c r="F128792" s="14" t="s">
        <v>15</v>
      </c>
      <c r="G128792" s="16">
        <v>0.97703921000890959</v>
      </c>
    </row>
    <row r="128793" spans="1:7" x14ac:dyDescent="0.3">
      <c r="A128793" s="13" t="s">
        <v>589</v>
      </c>
      <c r="B128793" s="14" t="s">
        <v>1</v>
      </c>
      <c r="C128793" s="14" t="s">
        <v>565</v>
      </c>
      <c r="D128793" s="14" t="s">
        <v>31</v>
      </c>
      <c r="E128793" s="15">
        <v>45689</v>
      </c>
      <c r="F128793" s="14" t="s">
        <v>15</v>
      </c>
      <c r="G128793" s="16">
        <v>0.97703921000890959</v>
      </c>
    </row>
    <row r="128794" spans="1:7" x14ac:dyDescent="0.3">
      <c r="A128794" s="13" t="s">
        <v>589</v>
      </c>
      <c r="B128794" s="14" t="s">
        <v>1</v>
      </c>
      <c r="C128794" s="14" t="s">
        <v>565</v>
      </c>
      <c r="D128794" s="14" t="s">
        <v>31</v>
      </c>
      <c r="E128794" s="15">
        <v>45690</v>
      </c>
      <c r="F128794" s="14" t="s">
        <v>15</v>
      </c>
      <c r="G128794" s="16">
        <v>0.97703921000890959</v>
      </c>
    </row>
    <row r="128795" spans="1:7" x14ac:dyDescent="0.3">
      <c r="A128795" s="13" t="s">
        <v>589</v>
      </c>
      <c r="B128795" s="14" t="s">
        <v>1</v>
      </c>
      <c r="C128795" s="14" t="s">
        <v>565</v>
      </c>
      <c r="D128795" s="14" t="s">
        <v>31</v>
      </c>
      <c r="E128795" s="15">
        <v>45691</v>
      </c>
      <c r="F128795" s="14" t="s">
        <v>15</v>
      </c>
      <c r="G128795" s="16">
        <v>0.97703921000890959</v>
      </c>
    </row>
    <row r="128796" spans="1:7" x14ac:dyDescent="0.3">
      <c r="A128796" s="13" t="s">
        <v>589</v>
      </c>
      <c r="B128796" s="14" t="s">
        <v>1</v>
      </c>
      <c r="C128796" s="14" t="s">
        <v>565</v>
      </c>
      <c r="D128796" s="14" t="s">
        <v>31</v>
      </c>
      <c r="E128796" s="15">
        <v>45692</v>
      </c>
      <c r="F128796" s="14" t="s">
        <v>15</v>
      </c>
      <c r="G128796" s="16">
        <v>0.97703921000890959</v>
      </c>
    </row>
    <row r="128797" spans="1:7" x14ac:dyDescent="0.3">
      <c r="A128797" s="13" t="s">
        <v>589</v>
      </c>
      <c r="B128797" s="14" t="s">
        <v>1</v>
      </c>
      <c r="C128797" s="14" t="s">
        <v>565</v>
      </c>
      <c r="D128797" s="14" t="s">
        <v>31</v>
      </c>
      <c r="E128797" s="15">
        <v>45693</v>
      </c>
      <c r="F128797" s="14" t="s">
        <v>15</v>
      </c>
      <c r="G128797" s="16">
        <v>0.97157612609350519</v>
      </c>
    </row>
    <row r="128798" spans="1:7" x14ac:dyDescent="0.3">
      <c r="A128798" s="13" t="s">
        <v>589</v>
      </c>
      <c r="B128798" s="14" t="s">
        <v>1</v>
      </c>
      <c r="C128798" s="14" t="s">
        <v>565</v>
      </c>
      <c r="D128798" s="14" t="s">
        <v>31</v>
      </c>
      <c r="E128798" s="15">
        <v>45694</v>
      </c>
      <c r="F128798" s="14" t="s">
        <v>15</v>
      </c>
      <c r="G128798" s="16">
        <v>0.9562931153733204</v>
      </c>
    </row>
    <row r="128799" spans="1:7" x14ac:dyDescent="0.3">
      <c r="A128799" s="13" t="s">
        <v>589</v>
      </c>
      <c r="B128799" s="14" t="s">
        <v>1</v>
      </c>
      <c r="C128799" s="14" t="s">
        <v>565</v>
      </c>
      <c r="D128799" s="14" t="s">
        <v>31</v>
      </c>
      <c r="E128799" s="15">
        <v>45695</v>
      </c>
      <c r="F128799" s="14" t="s">
        <v>15</v>
      </c>
      <c r="G128799" s="16">
        <v>0.95446107573130767</v>
      </c>
    </row>
    <row r="128800" spans="1:7" x14ac:dyDescent="0.3">
      <c r="A128800" s="13" t="s">
        <v>589</v>
      </c>
      <c r="B128800" s="14" t="s">
        <v>1</v>
      </c>
      <c r="C128800" s="14" t="s">
        <v>565</v>
      </c>
      <c r="D128800" s="14" t="s">
        <v>31</v>
      </c>
      <c r="E128800" s="15">
        <v>45696</v>
      </c>
      <c r="F128800" s="14" t="s">
        <v>15</v>
      </c>
      <c r="G128800" s="16">
        <v>0.95446107573130767</v>
      </c>
    </row>
    <row r="128801" spans="1:7" x14ac:dyDescent="0.3">
      <c r="A128801" s="13" t="s">
        <v>589</v>
      </c>
      <c r="B128801" s="14" t="s">
        <v>1</v>
      </c>
      <c r="C128801" s="14" t="s">
        <v>565</v>
      </c>
      <c r="D128801" s="14" t="s">
        <v>31</v>
      </c>
      <c r="E128801" s="15">
        <v>45697</v>
      </c>
      <c r="F128801" s="14" t="s">
        <v>15</v>
      </c>
      <c r="G128801" s="16">
        <v>0.95446107573130767</v>
      </c>
    </row>
    <row r="128802" spans="1:7" x14ac:dyDescent="0.3">
      <c r="A128802" s="13" t="s">
        <v>589</v>
      </c>
      <c r="B128802" s="14" t="s">
        <v>1</v>
      </c>
      <c r="C128802" s="14" t="s">
        <v>565</v>
      </c>
      <c r="D128802" s="14" t="s">
        <v>31</v>
      </c>
      <c r="E128802" s="15">
        <v>45698</v>
      </c>
      <c r="F128802" s="14" t="s">
        <v>15</v>
      </c>
      <c r="G128802" s="16">
        <v>0.96035177950658313</v>
      </c>
    </row>
    <row r="128803" spans="1:7" x14ac:dyDescent="0.3">
      <c r="A128803" s="13" t="s">
        <v>589</v>
      </c>
      <c r="B128803" s="14" t="s">
        <v>1</v>
      </c>
      <c r="C128803" s="14" t="s">
        <v>565</v>
      </c>
      <c r="D128803" s="14" t="s">
        <v>31</v>
      </c>
      <c r="E128803" s="15">
        <v>45699</v>
      </c>
      <c r="F128803" s="14" t="s">
        <v>15</v>
      </c>
      <c r="G128803" s="16">
        <v>0.95477922663437254</v>
      </c>
    </row>
    <row r="128804" spans="1:7" x14ac:dyDescent="0.3">
      <c r="A128804" s="13" t="s">
        <v>589</v>
      </c>
      <c r="B128804" s="14" t="s">
        <v>1</v>
      </c>
      <c r="C128804" s="14" t="s">
        <v>565</v>
      </c>
      <c r="D128804" s="14" t="s">
        <v>31</v>
      </c>
      <c r="E128804" s="15">
        <v>45700</v>
      </c>
      <c r="F128804" s="14" t="s">
        <v>15</v>
      </c>
      <c r="G128804" s="16">
        <v>0.95292807850581673</v>
      </c>
    </row>
    <row r="128805" spans="1:7" x14ac:dyDescent="0.3">
      <c r="A128805" s="13" t="s">
        <v>589</v>
      </c>
      <c r="B128805" s="14" t="s">
        <v>1</v>
      </c>
      <c r="C128805" s="14" t="s">
        <v>565</v>
      </c>
      <c r="D128805" s="14" t="s">
        <v>31</v>
      </c>
      <c r="E128805" s="15">
        <v>45701</v>
      </c>
      <c r="F128805" s="14" t="s">
        <v>15</v>
      </c>
      <c r="G128805" s="16">
        <v>0.9510773622074653</v>
      </c>
    </row>
    <row r="128806" spans="1:7" x14ac:dyDescent="0.3">
      <c r="A128806" s="13" t="s">
        <v>589</v>
      </c>
      <c r="B128806" s="14" t="s">
        <v>1</v>
      </c>
      <c r="C128806" s="14" t="s">
        <v>565</v>
      </c>
      <c r="D128806" s="14" t="s">
        <v>31</v>
      </c>
      <c r="E128806" s="15">
        <v>45702</v>
      </c>
      <c r="F128806" s="14" t="s">
        <v>15</v>
      </c>
      <c r="G128806" s="16">
        <v>0.94921066819155231</v>
      </c>
    </row>
    <row r="128807" spans="1:7" x14ac:dyDescent="0.3">
      <c r="A128807" s="13" t="s">
        <v>589</v>
      </c>
      <c r="B128807" s="14" t="s">
        <v>1</v>
      </c>
      <c r="C128807" s="14" t="s">
        <v>565</v>
      </c>
      <c r="D128807" s="14" t="s">
        <v>31</v>
      </c>
      <c r="E128807" s="15">
        <v>45703</v>
      </c>
      <c r="F128807" s="14" t="s">
        <v>15</v>
      </c>
      <c r="G128807" s="16">
        <v>0.94921066819155231</v>
      </c>
    </row>
    <row r="128808" spans="1:7" x14ac:dyDescent="0.3">
      <c r="A128808" s="13" t="s">
        <v>589</v>
      </c>
      <c r="B128808" s="14" t="s">
        <v>1</v>
      </c>
      <c r="C128808" s="14" t="s">
        <v>565</v>
      </c>
      <c r="D128808" s="14" t="s">
        <v>31</v>
      </c>
      <c r="E128808" s="15">
        <v>45704</v>
      </c>
      <c r="F128808" s="14" t="s">
        <v>15</v>
      </c>
      <c r="G128808" s="16">
        <v>0.94921066819155231</v>
      </c>
    </row>
    <row r="128809" spans="1:7" x14ac:dyDescent="0.3">
      <c r="A128809" s="13" t="s">
        <v>589</v>
      </c>
      <c r="B128809" s="14" t="s">
        <v>1</v>
      </c>
      <c r="C128809" s="14" t="s">
        <v>565</v>
      </c>
      <c r="D128809" s="14" t="s">
        <v>31</v>
      </c>
      <c r="E128809" s="15">
        <v>45705</v>
      </c>
      <c r="F128809" s="14" t="s">
        <v>15</v>
      </c>
      <c r="G128809" s="16">
        <v>0.94734170706706655</v>
      </c>
    </row>
    <row r="128810" spans="1:7" x14ac:dyDescent="0.3">
      <c r="A128810" s="13" t="s">
        <v>589</v>
      </c>
      <c r="B128810" s="14" t="s">
        <v>1</v>
      </c>
      <c r="C128810" s="14" t="s">
        <v>565</v>
      </c>
      <c r="D128810" s="14" t="s">
        <v>31</v>
      </c>
      <c r="E128810" s="15">
        <v>45706</v>
      </c>
      <c r="F128810" s="14" t="s">
        <v>15</v>
      </c>
      <c r="G128810" s="16">
        <v>0.94166529903070639</v>
      </c>
    </row>
    <row r="128811" spans="1:7" x14ac:dyDescent="0.3">
      <c r="A128811" s="13" t="s">
        <v>589</v>
      </c>
      <c r="B128811" s="14" t="s">
        <v>1</v>
      </c>
      <c r="C128811" s="14" t="s">
        <v>565</v>
      </c>
      <c r="D128811" s="14" t="s">
        <v>31</v>
      </c>
      <c r="E128811" s="15">
        <v>45707</v>
      </c>
      <c r="F128811" s="14" t="s">
        <v>15</v>
      </c>
      <c r="G128811" s="16">
        <v>0.93975488220660153</v>
      </c>
    </row>
    <row r="128812" spans="1:7" x14ac:dyDescent="0.3">
      <c r="A128812" s="13" t="s">
        <v>589</v>
      </c>
      <c r="B128812" s="14" t="s">
        <v>1</v>
      </c>
      <c r="C128812" s="14" t="s">
        <v>565</v>
      </c>
      <c r="D128812" s="14" t="s">
        <v>31</v>
      </c>
      <c r="E128812" s="15">
        <v>45708</v>
      </c>
      <c r="F128812" s="14" t="s">
        <v>15</v>
      </c>
      <c r="G128812" s="16">
        <v>0.93783593673596066</v>
      </c>
    </row>
    <row r="128813" spans="1:7" x14ac:dyDescent="0.3">
      <c r="A128813" s="13" t="s">
        <v>589</v>
      </c>
      <c r="B128813" s="14" t="s">
        <v>1</v>
      </c>
      <c r="C128813" s="14" t="s">
        <v>565</v>
      </c>
      <c r="D128813" s="14" t="s">
        <v>31</v>
      </c>
      <c r="E128813" s="15">
        <v>45709</v>
      </c>
      <c r="F128813" s="14" t="s">
        <v>15</v>
      </c>
      <c r="G128813" s="16">
        <v>0.93591418436899132</v>
      </c>
    </row>
    <row r="128814" spans="1:7" x14ac:dyDescent="0.3">
      <c r="A128814" s="13" t="s">
        <v>589</v>
      </c>
      <c r="B128814" s="14" t="s">
        <v>1</v>
      </c>
      <c r="C128814" s="14" t="s">
        <v>565</v>
      </c>
      <c r="D128814" s="14" t="s">
        <v>31</v>
      </c>
      <c r="E128814" s="15">
        <v>45710</v>
      </c>
      <c r="F128814" s="14" t="s">
        <v>15</v>
      </c>
      <c r="G128814" s="16">
        <v>0.93591418436899132</v>
      </c>
    </row>
    <row r="128815" spans="1:7" x14ac:dyDescent="0.3">
      <c r="A128815" s="13" t="s">
        <v>589</v>
      </c>
      <c r="B128815" s="14" t="s">
        <v>1</v>
      </c>
      <c r="C128815" s="14" t="s">
        <v>565</v>
      </c>
      <c r="D128815" s="14" t="s">
        <v>31</v>
      </c>
      <c r="E128815" s="15">
        <v>45711</v>
      </c>
      <c r="F128815" s="14" t="s">
        <v>15</v>
      </c>
      <c r="G128815" s="16">
        <v>0.93591418436899132</v>
      </c>
    </row>
    <row r="128816" spans="1:7" x14ac:dyDescent="0.3">
      <c r="A128816" s="13" t="s">
        <v>589</v>
      </c>
      <c r="B128816" s="14" t="s">
        <v>1</v>
      </c>
      <c r="C128816" s="14" t="s">
        <v>565</v>
      </c>
      <c r="D128816" s="14" t="s">
        <v>31</v>
      </c>
      <c r="E128816" s="15">
        <v>45712</v>
      </c>
      <c r="F128816" s="14" t="s">
        <v>15</v>
      </c>
      <c r="G128816" s="16">
        <v>0.93400441529019318</v>
      </c>
    </row>
    <row r="128817" spans="1:7" x14ac:dyDescent="0.3">
      <c r="A128817" s="13" t="s">
        <v>589</v>
      </c>
      <c r="B128817" s="14" t="s">
        <v>1</v>
      </c>
      <c r="C128817" s="14" t="s">
        <v>565</v>
      </c>
      <c r="D128817" s="14" t="s">
        <v>31</v>
      </c>
      <c r="E128817" s="15">
        <v>45713</v>
      </c>
      <c r="F128817" s="14" t="s">
        <v>15</v>
      </c>
      <c r="G128817" s="16">
        <v>0.92818172477210481</v>
      </c>
    </row>
    <row r="128818" spans="1:7" x14ac:dyDescent="0.3">
      <c r="A128818" s="13" t="s">
        <v>589</v>
      </c>
      <c r="B128818" s="14" t="s">
        <v>1</v>
      </c>
      <c r="C128818" s="14" t="s">
        <v>565</v>
      </c>
      <c r="D128818" s="14" t="s">
        <v>31</v>
      </c>
      <c r="E128818" s="15">
        <v>45714</v>
      </c>
      <c r="F128818" s="14" t="s">
        <v>15</v>
      </c>
      <c r="G128818" s="16">
        <v>0.92625921670227784</v>
      </c>
    </row>
    <row r="128819" spans="1:7" x14ac:dyDescent="0.3">
      <c r="A128819" s="13" t="s">
        <v>589</v>
      </c>
      <c r="B128819" s="14" t="s">
        <v>1</v>
      </c>
      <c r="C128819" s="14" t="s">
        <v>565</v>
      </c>
      <c r="D128819" s="14" t="s">
        <v>31</v>
      </c>
      <c r="E128819" s="15">
        <v>45715</v>
      </c>
      <c r="F128819" s="14" t="s">
        <v>15</v>
      </c>
      <c r="G128819" s="16">
        <v>0.92480578419194093</v>
      </c>
    </row>
    <row r="128820" spans="1:7" x14ac:dyDescent="0.3">
      <c r="A128820" s="13" t="s">
        <v>589</v>
      </c>
      <c r="B128820" s="14" t="s">
        <v>1</v>
      </c>
      <c r="C128820" s="14" t="s">
        <v>565</v>
      </c>
      <c r="D128820" s="14" t="s">
        <v>31</v>
      </c>
      <c r="E128820" s="15">
        <v>45716</v>
      </c>
      <c r="F128820" s="14" t="s">
        <v>15</v>
      </c>
      <c r="G128820" s="16">
        <v>0.93765068157828857</v>
      </c>
    </row>
    <row r="128821" spans="1:7" x14ac:dyDescent="0.3">
      <c r="A128821" s="13" t="s">
        <v>589</v>
      </c>
      <c r="B128821" s="14" t="s">
        <v>1</v>
      </c>
      <c r="C128821" s="14" t="s">
        <v>565</v>
      </c>
      <c r="D128821" s="14" t="s">
        <v>31</v>
      </c>
      <c r="E128821" s="15">
        <v>45717</v>
      </c>
      <c r="F128821" s="14" t="s">
        <v>15</v>
      </c>
      <c r="G128821" s="16">
        <v>0.93765068157828857</v>
      </c>
    </row>
    <row r="128822" spans="1:7" x14ac:dyDescent="0.3">
      <c r="A128822" s="13" t="s">
        <v>589</v>
      </c>
      <c r="B128822" s="14" t="s">
        <v>1</v>
      </c>
      <c r="C128822" s="14" t="s">
        <v>565</v>
      </c>
      <c r="D128822" s="14" t="s">
        <v>31</v>
      </c>
      <c r="E128822" s="15">
        <v>45718</v>
      </c>
      <c r="F128822" s="14" t="s">
        <v>15</v>
      </c>
      <c r="G128822" s="16">
        <v>0.93765068157828857</v>
      </c>
    </row>
    <row r="128823" spans="1:7" x14ac:dyDescent="0.3">
      <c r="A128823" s="13" t="s">
        <v>589</v>
      </c>
      <c r="B128823" s="14" t="s">
        <v>1</v>
      </c>
      <c r="C128823" s="14" t="s">
        <v>565</v>
      </c>
      <c r="D128823" s="14" t="s">
        <v>31</v>
      </c>
      <c r="E128823" s="15">
        <v>45719</v>
      </c>
      <c r="F128823" s="14" t="s">
        <v>15</v>
      </c>
      <c r="G128823" s="16">
        <v>0.93573400321622058</v>
      </c>
    </row>
    <row r="128824" spans="1:7" x14ac:dyDescent="0.3">
      <c r="A128824" s="13" t="s">
        <v>589</v>
      </c>
      <c r="B128824" s="14" t="s">
        <v>1</v>
      </c>
      <c r="C128824" s="14" t="s">
        <v>565</v>
      </c>
      <c r="D128824" s="14" t="s">
        <v>31</v>
      </c>
      <c r="E128824" s="15">
        <v>45720</v>
      </c>
      <c r="F128824" s="14" t="s">
        <v>15</v>
      </c>
      <c r="G128824" s="16">
        <v>0.93011470472438762</v>
      </c>
    </row>
    <row r="128825" spans="1:7" x14ac:dyDescent="0.3">
      <c r="A128825" s="13" t="s">
        <v>589</v>
      </c>
      <c r="B128825" s="14" t="s">
        <v>1</v>
      </c>
      <c r="C128825" s="14" t="s">
        <v>565</v>
      </c>
      <c r="D128825" s="14" t="s">
        <v>31</v>
      </c>
      <c r="E128825" s="15">
        <v>45721</v>
      </c>
      <c r="F128825" s="14" t="s">
        <v>15</v>
      </c>
      <c r="G128825" s="16">
        <v>0.92824768683582137</v>
      </c>
    </row>
    <row r="128826" spans="1:7" x14ac:dyDescent="0.3">
      <c r="A128826" s="13" t="s">
        <v>589</v>
      </c>
      <c r="B128826" s="14" t="s">
        <v>1</v>
      </c>
      <c r="C128826" s="14" t="s">
        <v>565</v>
      </c>
      <c r="D128826" s="14" t="s">
        <v>31</v>
      </c>
      <c r="E128826" s="15">
        <v>45722</v>
      </c>
      <c r="F128826" s="14" t="s">
        <v>15</v>
      </c>
      <c r="G128826" s="16">
        <v>0.92710851875671008</v>
      </c>
    </row>
    <row r="128827" spans="1:7" x14ac:dyDescent="0.3">
      <c r="A128827" s="13" t="s">
        <v>589</v>
      </c>
      <c r="B128827" s="14" t="s">
        <v>1</v>
      </c>
      <c r="C128827" s="14" t="s">
        <v>565</v>
      </c>
      <c r="D128827" s="14" t="s">
        <v>31</v>
      </c>
      <c r="E128827" s="15">
        <v>45723</v>
      </c>
      <c r="F128827" s="14" t="s">
        <v>15</v>
      </c>
      <c r="G128827" s="16">
        <v>0.92521731837669952</v>
      </c>
    </row>
    <row r="128828" spans="1:7" x14ac:dyDescent="0.3">
      <c r="A128828" s="13" t="s">
        <v>589</v>
      </c>
      <c r="B128828" s="14" t="s">
        <v>1</v>
      </c>
      <c r="C128828" s="14" t="s">
        <v>565</v>
      </c>
      <c r="D128828" s="14" t="s">
        <v>31</v>
      </c>
      <c r="E128828" s="15">
        <v>45724</v>
      </c>
      <c r="F128828" s="14" t="s">
        <v>15</v>
      </c>
      <c r="G128828" s="16">
        <v>0.92521731837669952</v>
      </c>
    </row>
    <row r="128829" spans="1:7" x14ac:dyDescent="0.3">
      <c r="A128829" s="13" t="s">
        <v>589</v>
      </c>
      <c r="B128829" s="14" t="s">
        <v>1</v>
      </c>
      <c r="C128829" s="14" t="s">
        <v>565</v>
      </c>
      <c r="D128829" s="14" t="s">
        <v>31</v>
      </c>
      <c r="E128829" s="15">
        <v>45725</v>
      </c>
      <c r="F128829" s="14" t="s">
        <v>15</v>
      </c>
      <c r="G128829" s="16">
        <v>0.92521731837669952</v>
      </c>
    </row>
    <row r="128830" spans="1:7" x14ac:dyDescent="0.3">
      <c r="A128830" s="13" t="s">
        <v>589</v>
      </c>
      <c r="B128830" s="14" t="s">
        <v>1</v>
      </c>
      <c r="C128830" s="14" t="s">
        <v>565</v>
      </c>
      <c r="D128830" s="14" t="s">
        <v>31</v>
      </c>
      <c r="E128830" s="15">
        <v>45726</v>
      </c>
      <c r="F128830" s="14" t="s">
        <v>15</v>
      </c>
      <c r="G128830" s="16">
        <v>0.93067554420230492</v>
      </c>
    </row>
    <row r="128831" spans="1:7" x14ac:dyDescent="0.3">
      <c r="A128831" s="13" t="s">
        <v>589</v>
      </c>
      <c r="B128831" s="14" t="s">
        <v>1</v>
      </c>
      <c r="C128831" s="14" t="s">
        <v>565</v>
      </c>
      <c r="D128831" s="14" t="s">
        <v>31</v>
      </c>
      <c r="E128831" s="15">
        <v>45727</v>
      </c>
      <c r="F128831" s="14" t="s">
        <v>15</v>
      </c>
      <c r="G128831" s="16">
        <v>0.92814404758677405</v>
      </c>
    </row>
    <row r="128832" spans="1:7" x14ac:dyDescent="0.3">
      <c r="A128832" s="13" t="s">
        <v>589</v>
      </c>
      <c r="B128832" s="14" t="s">
        <v>1</v>
      </c>
      <c r="C128832" s="14" t="s">
        <v>565</v>
      </c>
      <c r="D128832" s="14" t="s">
        <v>31</v>
      </c>
      <c r="E128832" s="15">
        <v>45728</v>
      </c>
      <c r="F128832" s="14" t="s">
        <v>15</v>
      </c>
      <c r="G128832" s="16">
        <v>0.92625101192839487</v>
      </c>
    </row>
    <row r="128833" spans="1:7" x14ac:dyDescent="0.3">
      <c r="A128833" s="13" t="s">
        <v>589</v>
      </c>
      <c r="B128833" s="14" t="s">
        <v>1</v>
      </c>
      <c r="C128833" s="14" t="s">
        <v>565</v>
      </c>
      <c r="D128833" s="14" t="s">
        <v>31</v>
      </c>
      <c r="E128833" s="15">
        <v>45729</v>
      </c>
      <c r="F128833" s="14" t="s">
        <v>15</v>
      </c>
      <c r="G128833" s="16">
        <v>0.92437363011492402</v>
      </c>
    </row>
    <row r="128834" spans="1:7" x14ac:dyDescent="0.3">
      <c r="A128834" s="13" t="s">
        <v>589</v>
      </c>
      <c r="B128834" s="14" t="s">
        <v>1</v>
      </c>
      <c r="C128834" s="14" t="s">
        <v>565</v>
      </c>
      <c r="D128834" s="14" t="s">
        <v>31</v>
      </c>
      <c r="E128834" s="15">
        <v>45730</v>
      </c>
      <c r="F128834" s="14" t="s">
        <v>15</v>
      </c>
      <c r="G128834" s="16">
        <v>0.92248696395205931</v>
      </c>
    </row>
    <row r="128835" spans="1:7" x14ac:dyDescent="0.3">
      <c r="A128835" s="13" t="s">
        <v>589</v>
      </c>
      <c r="B128835" s="14" t="s">
        <v>1</v>
      </c>
      <c r="C128835" s="14" t="s">
        <v>565</v>
      </c>
      <c r="D128835" s="14" t="s">
        <v>31</v>
      </c>
      <c r="E128835" s="15">
        <v>45731</v>
      </c>
      <c r="F128835" s="14" t="s">
        <v>15</v>
      </c>
      <c r="G128835" s="16">
        <v>0.92248696395205931</v>
      </c>
    </row>
    <row r="128836" spans="1:7" x14ac:dyDescent="0.3">
      <c r="A128836" s="13" t="s">
        <v>589</v>
      </c>
      <c r="B128836" s="14" t="s">
        <v>1</v>
      </c>
      <c r="C128836" s="14" t="s">
        <v>565</v>
      </c>
      <c r="D128836" s="14" t="s">
        <v>31</v>
      </c>
      <c r="E128836" s="15">
        <v>45732</v>
      </c>
      <c r="F128836" s="14" t="s">
        <v>15</v>
      </c>
      <c r="G128836" s="16">
        <v>0.92248696395205931</v>
      </c>
    </row>
    <row r="128837" spans="1:7" x14ac:dyDescent="0.3">
      <c r="A128837" s="13" t="s">
        <v>589</v>
      </c>
      <c r="B128837" s="14" t="s">
        <v>1</v>
      </c>
      <c r="C128837" s="14" t="s">
        <v>565</v>
      </c>
      <c r="D128837" s="14" t="s">
        <v>31</v>
      </c>
      <c r="E128837" s="15">
        <v>45733</v>
      </c>
      <c r="F128837" s="14" t="s">
        <v>15</v>
      </c>
      <c r="G128837" s="16">
        <v>0.92248696395205931</v>
      </c>
    </row>
    <row r="128838" spans="1:7" x14ac:dyDescent="0.3">
      <c r="A128838" s="13" t="s">
        <v>589</v>
      </c>
      <c r="B128838" s="14" t="s">
        <v>1</v>
      </c>
      <c r="C128838" s="14" t="s">
        <v>565</v>
      </c>
      <c r="D128838" s="14" t="s">
        <v>31</v>
      </c>
      <c r="E128838" s="15">
        <v>45734</v>
      </c>
      <c r="F128838" s="14" t="s">
        <v>15</v>
      </c>
      <c r="G128838" s="16">
        <v>0.93507265525823779</v>
      </c>
    </row>
    <row r="128839" spans="1:7" x14ac:dyDescent="0.3">
      <c r="A128839" s="13" t="s">
        <v>589</v>
      </c>
      <c r="B128839" s="14" t="s">
        <v>1</v>
      </c>
      <c r="C128839" s="14" t="s">
        <v>565</v>
      </c>
      <c r="D128839" s="14" t="s">
        <v>31</v>
      </c>
      <c r="E128839" s="15">
        <v>45735</v>
      </c>
      <c r="F128839" s="14" t="s">
        <v>15</v>
      </c>
      <c r="G128839" s="16">
        <v>0.95613279840995047</v>
      </c>
    </row>
    <row r="128840" spans="1:7" x14ac:dyDescent="0.3">
      <c r="A128840" s="13" t="s">
        <v>589</v>
      </c>
      <c r="B128840" s="14" t="s">
        <v>1</v>
      </c>
      <c r="C128840" s="14" t="s">
        <v>565</v>
      </c>
      <c r="D128840" s="14" t="s">
        <v>31</v>
      </c>
      <c r="E128840" s="15">
        <v>45736</v>
      </c>
      <c r="F128840" s="14" t="s">
        <v>15</v>
      </c>
      <c r="G128840" s="16">
        <v>0.95420856301930601</v>
      </c>
    </row>
    <row r="128841" spans="1:7" x14ac:dyDescent="0.3">
      <c r="A128841" s="13" t="s">
        <v>589</v>
      </c>
      <c r="B128841" s="14" t="s">
        <v>1</v>
      </c>
      <c r="C128841" s="14" t="s">
        <v>565</v>
      </c>
      <c r="D128841" s="14" t="s">
        <v>31</v>
      </c>
      <c r="E128841" s="15">
        <v>45737</v>
      </c>
      <c r="F128841" s="14" t="s">
        <v>15</v>
      </c>
      <c r="G128841" s="16">
        <v>0.95228907776090954</v>
      </c>
    </row>
    <row r="128842" spans="1:7" x14ac:dyDescent="0.3">
      <c r="A128842" s="13" t="s">
        <v>589</v>
      </c>
      <c r="B128842" s="14" t="s">
        <v>1</v>
      </c>
      <c r="C128842" s="14" t="s">
        <v>565</v>
      </c>
      <c r="D128842" s="14" t="s">
        <v>31</v>
      </c>
      <c r="E128842" s="15">
        <v>45738</v>
      </c>
      <c r="F128842" s="14" t="s">
        <v>15</v>
      </c>
      <c r="G128842" s="16">
        <v>0.95228907776090954</v>
      </c>
    </row>
    <row r="128843" spans="1:7" x14ac:dyDescent="0.3">
      <c r="A128843" s="13" t="s">
        <v>589</v>
      </c>
      <c r="B128843" s="14" t="s">
        <v>1</v>
      </c>
      <c r="C128843" s="14" t="s">
        <v>565</v>
      </c>
      <c r="D128843" s="14" t="s">
        <v>31</v>
      </c>
      <c r="E128843" s="15">
        <v>45739</v>
      </c>
      <c r="F128843" s="14" t="s">
        <v>15</v>
      </c>
      <c r="G128843" s="16">
        <v>0.95228907776090954</v>
      </c>
    </row>
    <row r="128844" spans="1:7" x14ac:dyDescent="0.3">
      <c r="A128844" s="13" t="s">
        <v>589</v>
      </c>
      <c r="B128844" s="14" t="s">
        <v>1</v>
      </c>
      <c r="C128844" s="14" t="s">
        <v>565</v>
      </c>
      <c r="D128844" s="14" t="s">
        <v>31</v>
      </c>
      <c r="E128844" s="15">
        <v>45740</v>
      </c>
      <c r="F128844" s="14" t="s">
        <v>15</v>
      </c>
      <c r="G128844" s="16">
        <v>0.99960795197956687</v>
      </c>
    </row>
    <row r="128845" spans="1:7" x14ac:dyDescent="0.3">
      <c r="A128845" s="13" t="s">
        <v>589</v>
      </c>
      <c r="B128845" s="14" t="s">
        <v>1</v>
      </c>
      <c r="C128845" s="14" t="s">
        <v>565</v>
      </c>
      <c r="D128845" s="14" t="s">
        <v>31</v>
      </c>
      <c r="E128845" s="15">
        <v>45741</v>
      </c>
      <c r="F128845" s="14" t="s">
        <v>15</v>
      </c>
      <c r="G128845" s="16">
        <v>0.99391308320197025</v>
      </c>
    </row>
    <row r="128846" spans="1:7" x14ac:dyDescent="0.3">
      <c r="A128846" s="13" t="s">
        <v>589</v>
      </c>
      <c r="B128846" s="14" t="s">
        <v>1</v>
      </c>
      <c r="C128846" s="14" t="s">
        <v>565</v>
      </c>
      <c r="D128846" s="14" t="s">
        <v>31</v>
      </c>
      <c r="E128846" s="15">
        <v>45742</v>
      </c>
      <c r="F128846" s="14" t="s">
        <v>15</v>
      </c>
      <c r="G128846" s="16">
        <v>1.0164717851203759</v>
      </c>
    </row>
    <row r="128847" spans="1:7" x14ac:dyDescent="0.3">
      <c r="A128847" s="13" t="s">
        <v>589</v>
      </c>
      <c r="B128847" s="14" t="s">
        <v>1</v>
      </c>
      <c r="C128847" s="14" t="s">
        <v>565</v>
      </c>
      <c r="D128847" s="14" t="s">
        <v>31</v>
      </c>
      <c r="E128847" s="15">
        <v>45743</v>
      </c>
      <c r="F128847" s="14" t="s">
        <v>15</v>
      </c>
      <c r="G128847" s="16">
        <v>1.0147975794180581</v>
      </c>
    </row>
    <row r="128848" spans="1:7" x14ac:dyDescent="0.3">
      <c r="A128848" s="13" t="s">
        <v>589</v>
      </c>
      <c r="B128848" s="14" t="s">
        <v>1</v>
      </c>
      <c r="C128848" s="14" t="s">
        <v>565</v>
      </c>
      <c r="D128848" s="14" t="s">
        <v>31</v>
      </c>
      <c r="E128848" s="15">
        <v>45744</v>
      </c>
      <c r="F128848" s="14" t="s">
        <v>15</v>
      </c>
      <c r="G128848" s="16">
        <v>1.0643359529295933</v>
      </c>
    </row>
    <row r="128849" spans="1:7" x14ac:dyDescent="0.3">
      <c r="A128849" s="13" t="s">
        <v>589</v>
      </c>
      <c r="B128849" s="14" t="s">
        <v>1</v>
      </c>
      <c r="C128849" s="14" t="s">
        <v>565</v>
      </c>
      <c r="D128849" s="14" t="s">
        <v>31</v>
      </c>
      <c r="E128849" s="15">
        <v>45745</v>
      </c>
      <c r="F128849" s="14" t="s">
        <v>15</v>
      </c>
      <c r="G128849" s="16">
        <v>1.0643359529295933</v>
      </c>
    </row>
    <row r="128850" spans="1:7" x14ac:dyDescent="0.3">
      <c r="A128850" s="13" t="s">
        <v>589</v>
      </c>
      <c r="B128850" s="14" t="s">
        <v>1</v>
      </c>
      <c r="C128850" s="14" t="s">
        <v>565</v>
      </c>
      <c r="D128850" s="14" t="s">
        <v>31</v>
      </c>
      <c r="E128850" s="15">
        <v>45746</v>
      </c>
      <c r="F128850" s="14" t="s">
        <v>15</v>
      </c>
      <c r="G128850" s="16">
        <v>1.0643359529295933</v>
      </c>
    </row>
    <row r="128851" spans="1:7" x14ac:dyDescent="0.3">
      <c r="A128851" s="13" t="s">
        <v>589</v>
      </c>
      <c r="B128851" s="14" t="s">
        <v>1</v>
      </c>
      <c r="C128851" s="14" t="s">
        <v>565</v>
      </c>
      <c r="D128851" s="14" t="s">
        <v>31</v>
      </c>
      <c r="E128851" s="15">
        <v>45747</v>
      </c>
      <c r="F128851" s="14" t="s">
        <v>15</v>
      </c>
      <c r="G128851" s="16">
        <v>1.0643359529295933</v>
      </c>
    </row>
    <row r="128852" spans="1:7" x14ac:dyDescent="0.3">
      <c r="A128852" s="13" t="s">
        <v>590</v>
      </c>
      <c r="B128852" s="14" t="s">
        <v>1</v>
      </c>
      <c r="C128852" s="14" t="s">
        <v>565</v>
      </c>
      <c r="D128852" s="14" t="s">
        <v>94</v>
      </c>
      <c r="E128852" s="15">
        <v>45383</v>
      </c>
      <c r="F128852" s="14" t="s">
        <v>15</v>
      </c>
      <c r="G128852" s="16">
        <v>0</v>
      </c>
    </row>
    <row r="128853" spans="1:7" x14ac:dyDescent="0.3">
      <c r="A128853" s="13" t="s">
        <v>590</v>
      </c>
      <c r="B128853" s="14" t="s">
        <v>1</v>
      </c>
      <c r="C128853" s="14" t="s">
        <v>565</v>
      </c>
      <c r="D128853" s="14" t="s">
        <v>94</v>
      </c>
      <c r="E128853" s="15">
        <v>45384</v>
      </c>
      <c r="F128853" s="14" t="s">
        <v>15</v>
      </c>
      <c r="G128853" s="16">
        <v>0</v>
      </c>
    </row>
    <row r="128854" spans="1:7" x14ac:dyDescent="0.3">
      <c r="A128854" s="13" t="s">
        <v>590</v>
      </c>
      <c r="B128854" s="14" t="s">
        <v>1</v>
      </c>
      <c r="C128854" s="14" t="s">
        <v>565</v>
      </c>
      <c r="D128854" s="14" t="s">
        <v>94</v>
      </c>
      <c r="E128854" s="15">
        <v>45385</v>
      </c>
      <c r="F128854" s="14" t="s">
        <v>15</v>
      </c>
      <c r="G128854" s="16">
        <v>0</v>
      </c>
    </row>
    <row r="128855" spans="1:7" x14ac:dyDescent="0.3">
      <c r="A128855" s="13" t="s">
        <v>590</v>
      </c>
      <c r="B128855" s="14" t="s">
        <v>1</v>
      </c>
      <c r="C128855" s="14" t="s">
        <v>565</v>
      </c>
      <c r="D128855" s="14" t="s">
        <v>94</v>
      </c>
      <c r="E128855" s="15">
        <v>45386</v>
      </c>
      <c r="F128855" s="14" t="s">
        <v>15</v>
      </c>
      <c r="G128855" s="16">
        <v>0</v>
      </c>
    </row>
    <row r="128856" spans="1:7" x14ac:dyDescent="0.3">
      <c r="A128856" s="13" t="s">
        <v>590</v>
      </c>
      <c r="B128856" s="14" t="s">
        <v>1</v>
      </c>
      <c r="C128856" s="14" t="s">
        <v>565</v>
      </c>
      <c r="D128856" s="14" t="s">
        <v>94</v>
      </c>
      <c r="E128856" s="15">
        <v>45387</v>
      </c>
      <c r="F128856" s="14" t="s">
        <v>15</v>
      </c>
      <c r="G128856" s="16">
        <v>0</v>
      </c>
    </row>
    <row r="128857" spans="1:7" x14ac:dyDescent="0.3">
      <c r="A128857" s="13" t="s">
        <v>590</v>
      </c>
      <c r="B128857" s="14" t="s">
        <v>1</v>
      </c>
      <c r="C128857" s="14" t="s">
        <v>565</v>
      </c>
      <c r="D128857" s="14" t="s">
        <v>94</v>
      </c>
      <c r="E128857" s="15">
        <v>45388</v>
      </c>
      <c r="F128857" s="14" t="s">
        <v>15</v>
      </c>
      <c r="G128857" s="16">
        <v>0</v>
      </c>
    </row>
    <row r="128858" spans="1:7" x14ac:dyDescent="0.3">
      <c r="A128858" s="13" t="s">
        <v>590</v>
      </c>
      <c r="B128858" s="14" t="s">
        <v>1</v>
      </c>
      <c r="C128858" s="14" t="s">
        <v>565</v>
      </c>
      <c r="D128858" s="14" t="s">
        <v>94</v>
      </c>
      <c r="E128858" s="15">
        <v>45389</v>
      </c>
      <c r="F128858" s="14" t="s">
        <v>15</v>
      </c>
      <c r="G128858" s="16">
        <v>0</v>
      </c>
    </row>
    <row r="128859" spans="1:7" x14ac:dyDescent="0.3">
      <c r="A128859" s="13" t="s">
        <v>590</v>
      </c>
      <c r="B128859" s="14" t="s">
        <v>1</v>
      </c>
      <c r="C128859" s="14" t="s">
        <v>565</v>
      </c>
      <c r="D128859" s="14" t="s">
        <v>94</v>
      </c>
      <c r="E128859" s="15">
        <v>45390</v>
      </c>
      <c r="F128859" s="14" t="s">
        <v>15</v>
      </c>
      <c r="G128859" s="16">
        <v>0</v>
      </c>
    </row>
    <row r="128860" spans="1:7" x14ac:dyDescent="0.3">
      <c r="A128860" s="13" t="s">
        <v>590</v>
      </c>
      <c r="B128860" s="14" t="s">
        <v>1</v>
      </c>
      <c r="C128860" s="14" t="s">
        <v>565</v>
      </c>
      <c r="D128860" s="14" t="s">
        <v>94</v>
      </c>
      <c r="E128860" s="15">
        <v>45391</v>
      </c>
      <c r="F128860" s="14" t="s">
        <v>15</v>
      </c>
      <c r="G128860" s="16">
        <v>4.4756593820648075E-2</v>
      </c>
    </row>
    <row r="128861" spans="1:7" x14ac:dyDescent="0.3">
      <c r="A128861" s="13" t="s">
        <v>590</v>
      </c>
      <c r="B128861" s="14" t="s">
        <v>1</v>
      </c>
      <c r="C128861" s="14" t="s">
        <v>565</v>
      </c>
      <c r="D128861" s="14" t="s">
        <v>94</v>
      </c>
      <c r="E128861" s="15">
        <v>45392</v>
      </c>
      <c r="F128861" s="14" t="s">
        <v>15</v>
      </c>
      <c r="G128861" s="16">
        <v>4.3106254709871887E-2</v>
      </c>
    </row>
    <row r="128862" spans="1:7" x14ac:dyDescent="0.3">
      <c r="A128862" s="13" t="s">
        <v>590</v>
      </c>
      <c r="B128862" s="14" t="s">
        <v>1</v>
      </c>
      <c r="C128862" s="14" t="s">
        <v>565</v>
      </c>
      <c r="D128862" s="14" t="s">
        <v>94</v>
      </c>
      <c r="E128862" s="15">
        <v>45393</v>
      </c>
      <c r="F128862" s="14" t="s">
        <v>15</v>
      </c>
      <c r="G128862" s="16">
        <v>4.1448379804069325E-2</v>
      </c>
    </row>
    <row r="128863" spans="1:7" x14ac:dyDescent="0.3">
      <c r="A128863" s="13" t="s">
        <v>590</v>
      </c>
      <c r="B128863" s="14" t="s">
        <v>1</v>
      </c>
      <c r="C128863" s="14" t="s">
        <v>565</v>
      </c>
      <c r="D128863" s="14" t="s">
        <v>94</v>
      </c>
      <c r="E128863" s="15">
        <v>45394</v>
      </c>
      <c r="F128863" s="14" t="s">
        <v>15</v>
      </c>
      <c r="G128863" s="16">
        <v>4.3464958553127354E-2</v>
      </c>
    </row>
    <row r="128864" spans="1:7" x14ac:dyDescent="0.3">
      <c r="A128864" s="13" t="s">
        <v>590</v>
      </c>
      <c r="B128864" s="14" t="s">
        <v>1</v>
      </c>
      <c r="C128864" s="14" t="s">
        <v>565</v>
      </c>
      <c r="D128864" s="14" t="s">
        <v>94</v>
      </c>
      <c r="E128864" s="15">
        <v>45395</v>
      </c>
      <c r="F128864" s="14" t="s">
        <v>15</v>
      </c>
      <c r="G128864" s="16">
        <v>4.3464958553127354E-2</v>
      </c>
    </row>
    <row r="128865" spans="1:7" x14ac:dyDescent="0.3">
      <c r="A128865" s="13" t="s">
        <v>590</v>
      </c>
      <c r="B128865" s="14" t="s">
        <v>1</v>
      </c>
      <c r="C128865" s="14" t="s">
        <v>565</v>
      </c>
      <c r="D128865" s="14" t="s">
        <v>94</v>
      </c>
      <c r="E128865" s="15">
        <v>45396</v>
      </c>
      <c r="F128865" s="14" t="s">
        <v>15</v>
      </c>
      <c r="G128865" s="16">
        <v>4.3464958553127354E-2</v>
      </c>
    </row>
    <row r="128866" spans="1:7" x14ac:dyDescent="0.3">
      <c r="A128866" s="13" t="s">
        <v>590</v>
      </c>
      <c r="B128866" s="14" t="s">
        <v>1</v>
      </c>
      <c r="C128866" s="14" t="s">
        <v>565</v>
      </c>
      <c r="D128866" s="14" t="s">
        <v>94</v>
      </c>
      <c r="E128866" s="15">
        <v>45397</v>
      </c>
      <c r="F128866" s="14" t="s">
        <v>15</v>
      </c>
      <c r="G128866" s="16">
        <v>4.180256217030897E-2</v>
      </c>
    </row>
    <row r="128867" spans="1:7" x14ac:dyDescent="0.3">
      <c r="A128867" s="13" t="s">
        <v>590</v>
      </c>
      <c r="B128867" s="14" t="s">
        <v>1</v>
      </c>
      <c r="C128867" s="14" t="s">
        <v>565</v>
      </c>
      <c r="D128867" s="14" t="s">
        <v>94</v>
      </c>
      <c r="E128867" s="15">
        <v>45398</v>
      </c>
      <c r="F128867" s="14" t="s">
        <v>15</v>
      </c>
      <c r="G128867" s="16">
        <v>3.6865109269027883E-2</v>
      </c>
    </row>
    <row r="128868" spans="1:7" x14ac:dyDescent="0.3">
      <c r="A128868" s="13" t="s">
        <v>590</v>
      </c>
      <c r="B128868" s="14" t="s">
        <v>1</v>
      </c>
      <c r="C128868" s="14" t="s">
        <v>565</v>
      </c>
      <c r="D128868" s="14" t="s">
        <v>94</v>
      </c>
      <c r="E128868" s="15">
        <v>45399</v>
      </c>
      <c r="F128868" s="14" t="s">
        <v>15</v>
      </c>
      <c r="G128868" s="16">
        <v>3.5243406179351927E-2</v>
      </c>
    </row>
    <row r="128869" spans="1:7" x14ac:dyDescent="0.3">
      <c r="A128869" s="13" t="s">
        <v>590</v>
      </c>
      <c r="B128869" s="14" t="s">
        <v>1</v>
      </c>
      <c r="C128869" s="14" t="s">
        <v>565</v>
      </c>
      <c r="D128869" s="14" t="s">
        <v>94</v>
      </c>
      <c r="E128869" s="15">
        <v>45400</v>
      </c>
      <c r="F128869" s="14" t="s">
        <v>15</v>
      </c>
      <c r="G128869" s="16">
        <v>0.10017633760361719</v>
      </c>
    </row>
    <row r="128870" spans="1:7" x14ac:dyDescent="0.3">
      <c r="A128870" s="13" t="s">
        <v>590</v>
      </c>
      <c r="B128870" s="14" t="s">
        <v>1</v>
      </c>
      <c r="C128870" s="14" t="s">
        <v>565</v>
      </c>
      <c r="D128870" s="14" t="s">
        <v>94</v>
      </c>
      <c r="E128870" s="15">
        <v>45401</v>
      </c>
      <c r="F128870" s="14" t="s">
        <v>15</v>
      </c>
      <c r="G128870" s="16">
        <v>9.8441597588545607E-2</v>
      </c>
    </row>
    <row r="128871" spans="1:7" x14ac:dyDescent="0.3">
      <c r="A128871" s="13" t="s">
        <v>590</v>
      </c>
      <c r="B128871" s="14" t="s">
        <v>1</v>
      </c>
      <c r="C128871" s="14" t="s">
        <v>565</v>
      </c>
      <c r="D128871" s="14" t="s">
        <v>94</v>
      </c>
      <c r="E128871" s="15">
        <v>45402</v>
      </c>
      <c r="F128871" s="14" t="s">
        <v>15</v>
      </c>
      <c r="G128871" s="16">
        <v>9.8441597588545607E-2</v>
      </c>
    </row>
    <row r="128872" spans="1:7" x14ac:dyDescent="0.3">
      <c r="A128872" s="13" t="s">
        <v>590</v>
      </c>
      <c r="B128872" s="14" t="s">
        <v>1</v>
      </c>
      <c r="C128872" s="14" t="s">
        <v>565</v>
      </c>
      <c r="D128872" s="14" t="s">
        <v>94</v>
      </c>
      <c r="E128872" s="15">
        <v>45403</v>
      </c>
      <c r="F128872" s="14" t="s">
        <v>15</v>
      </c>
      <c r="G128872" s="16">
        <v>9.8441597588545607E-2</v>
      </c>
    </row>
    <row r="128873" spans="1:7" x14ac:dyDescent="0.3">
      <c r="A128873" s="13" t="s">
        <v>590</v>
      </c>
      <c r="B128873" s="14" t="s">
        <v>1</v>
      </c>
      <c r="C128873" s="14" t="s">
        <v>565</v>
      </c>
      <c r="D128873" s="14" t="s">
        <v>94</v>
      </c>
      <c r="E128873" s="15">
        <v>45404</v>
      </c>
      <c r="F128873" s="14" t="s">
        <v>15</v>
      </c>
      <c r="G128873" s="16">
        <v>9.6845516201959317E-2</v>
      </c>
    </row>
    <row r="128874" spans="1:7" x14ac:dyDescent="0.3">
      <c r="A128874" s="13" t="s">
        <v>590</v>
      </c>
      <c r="B128874" s="14" t="s">
        <v>1</v>
      </c>
      <c r="C128874" s="14" t="s">
        <v>565</v>
      </c>
      <c r="D128874" s="14" t="s">
        <v>94</v>
      </c>
      <c r="E128874" s="15">
        <v>45405</v>
      </c>
      <c r="F128874" s="14" t="s">
        <v>15</v>
      </c>
      <c r="G128874" s="16">
        <v>9.2132629992464216E-2</v>
      </c>
    </row>
    <row r="128875" spans="1:7" x14ac:dyDescent="0.3">
      <c r="A128875" s="13" t="s">
        <v>590</v>
      </c>
      <c r="B128875" s="14" t="s">
        <v>1</v>
      </c>
      <c r="C128875" s="14" t="s">
        <v>565</v>
      </c>
      <c r="D128875" s="14" t="s">
        <v>94</v>
      </c>
      <c r="E128875" s="15">
        <v>45406</v>
      </c>
      <c r="F128875" s="14" t="s">
        <v>15</v>
      </c>
      <c r="G128875" s="16">
        <v>9.0376789751318784E-2</v>
      </c>
    </row>
    <row r="128876" spans="1:7" x14ac:dyDescent="0.3">
      <c r="A128876" s="13" t="s">
        <v>590</v>
      </c>
      <c r="B128876" s="14" t="s">
        <v>1</v>
      </c>
      <c r="C128876" s="14" t="s">
        <v>565</v>
      </c>
      <c r="D128876" s="14" t="s">
        <v>94</v>
      </c>
      <c r="E128876" s="15">
        <v>45407</v>
      </c>
      <c r="F128876" s="14" t="s">
        <v>15</v>
      </c>
      <c r="G128876" s="16">
        <v>8.6678221552373799E-2</v>
      </c>
    </row>
    <row r="128877" spans="1:7" x14ac:dyDescent="0.3">
      <c r="A128877" s="13" t="s">
        <v>590</v>
      </c>
      <c r="B128877" s="14" t="s">
        <v>1</v>
      </c>
      <c r="C128877" s="14" t="s">
        <v>565</v>
      </c>
      <c r="D128877" s="14" t="s">
        <v>94</v>
      </c>
      <c r="E128877" s="15">
        <v>45408</v>
      </c>
      <c r="F128877" s="14" t="s">
        <v>15</v>
      </c>
      <c r="G128877" s="16">
        <v>8.5219291635267549E-2</v>
      </c>
    </row>
    <row r="128878" spans="1:7" x14ac:dyDescent="0.3">
      <c r="A128878" s="13" t="s">
        <v>590</v>
      </c>
      <c r="B128878" s="14" t="s">
        <v>1</v>
      </c>
      <c r="C128878" s="14" t="s">
        <v>565</v>
      </c>
      <c r="D128878" s="14" t="s">
        <v>94</v>
      </c>
      <c r="E128878" s="15">
        <v>45409</v>
      </c>
      <c r="F128878" s="14" t="s">
        <v>15</v>
      </c>
      <c r="G128878" s="16">
        <v>8.5219291635267549E-2</v>
      </c>
    </row>
    <row r="128879" spans="1:7" x14ac:dyDescent="0.3">
      <c r="A128879" s="13" t="s">
        <v>590</v>
      </c>
      <c r="B128879" s="14" t="s">
        <v>1</v>
      </c>
      <c r="C128879" s="14" t="s">
        <v>565</v>
      </c>
      <c r="D128879" s="14" t="s">
        <v>94</v>
      </c>
      <c r="E128879" s="15">
        <v>45410</v>
      </c>
      <c r="F128879" s="14" t="s">
        <v>15</v>
      </c>
      <c r="G128879" s="16">
        <v>8.5219291635267549E-2</v>
      </c>
    </row>
    <row r="128880" spans="1:7" x14ac:dyDescent="0.3">
      <c r="A128880" s="13" t="s">
        <v>590</v>
      </c>
      <c r="B128880" s="14" t="s">
        <v>1</v>
      </c>
      <c r="C128880" s="14" t="s">
        <v>565</v>
      </c>
      <c r="D128880" s="14" t="s">
        <v>94</v>
      </c>
      <c r="E128880" s="15">
        <v>45411</v>
      </c>
      <c r="F128880" s="14" t="s">
        <v>15</v>
      </c>
      <c r="G128880" s="16">
        <v>8.1065561416729506E-2</v>
      </c>
    </row>
    <row r="128881" spans="1:7" x14ac:dyDescent="0.3">
      <c r="A128881" s="13" t="s">
        <v>590</v>
      </c>
      <c r="B128881" s="14" t="s">
        <v>1</v>
      </c>
      <c r="C128881" s="14" t="s">
        <v>565</v>
      </c>
      <c r="D128881" s="14" t="s">
        <v>94</v>
      </c>
      <c r="E128881" s="15">
        <v>45412</v>
      </c>
      <c r="F128881" s="14" t="s">
        <v>15</v>
      </c>
      <c r="G128881" s="16">
        <v>7.8476262245666964E-2</v>
      </c>
    </row>
    <row r="128882" spans="1:7" x14ac:dyDescent="0.3">
      <c r="A128882" s="13" t="s">
        <v>590</v>
      </c>
      <c r="B128882" s="14" t="s">
        <v>1</v>
      </c>
      <c r="C128882" s="14" t="s">
        <v>565</v>
      </c>
      <c r="D128882" s="14" t="s">
        <v>94</v>
      </c>
      <c r="E128882" s="15">
        <v>45413</v>
      </c>
      <c r="F128882" s="14" t="s">
        <v>15</v>
      </c>
      <c r="G128882" s="16">
        <v>7.8476262245666964E-2</v>
      </c>
    </row>
    <row r="128883" spans="1:7" x14ac:dyDescent="0.3">
      <c r="A128883" s="13" t="s">
        <v>590</v>
      </c>
      <c r="B128883" s="14" t="s">
        <v>1</v>
      </c>
      <c r="C128883" s="14" t="s">
        <v>565</v>
      </c>
      <c r="D128883" s="14" t="s">
        <v>94</v>
      </c>
      <c r="E128883" s="15">
        <v>45414</v>
      </c>
      <c r="F128883" s="14" t="s">
        <v>15</v>
      </c>
      <c r="G128883" s="16">
        <v>7.8476262245666964E-2</v>
      </c>
    </row>
    <row r="128884" spans="1:7" x14ac:dyDescent="0.3">
      <c r="A128884" s="13" t="s">
        <v>590</v>
      </c>
      <c r="B128884" s="14" t="s">
        <v>1</v>
      </c>
      <c r="C128884" s="14" t="s">
        <v>565</v>
      </c>
      <c r="D128884" s="14" t="s">
        <v>94</v>
      </c>
      <c r="E128884" s="15">
        <v>45415</v>
      </c>
      <c r="F128884" s="14" t="s">
        <v>15</v>
      </c>
      <c r="G128884" s="16">
        <v>7.8476262245666964E-2</v>
      </c>
    </row>
    <row r="128885" spans="1:7" x14ac:dyDescent="0.3">
      <c r="A128885" s="13" t="s">
        <v>590</v>
      </c>
      <c r="B128885" s="14" t="s">
        <v>1</v>
      </c>
      <c r="C128885" s="14" t="s">
        <v>565</v>
      </c>
      <c r="D128885" s="14" t="s">
        <v>94</v>
      </c>
      <c r="E128885" s="15">
        <v>45416</v>
      </c>
      <c r="F128885" s="14" t="s">
        <v>15</v>
      </c>
      <c r="G128885" s="16">
        <v>7.8476262245666964E-2</v>
      </c>
    </row>
    <row r="128886" spans="1:7" x14ac:dyDescent="0.3">
      <c r="A128886" s="13" t="s">
        <v>590</v>
      </c>
      <c r="B128886" s="14" t="s">
        <v>1</v>
      </c>
      <c r="C128886" s="14" t="s">
        <v>565</v>
      </c>
      <c r="D128886" s="14" t="s">
        <v>94</v>
      </c>
      <c r="E128886" s="15">
        <v>45417</v>
      </c>
      <c r="F128886" s="14" t="s">
        <v>15</v>
      </c>
      <c r="G128886" s="16">
        <v>7.8476262245666964E-2</v>
      </c>
    </row>
    <row r="128887" spans="1:7" x14ac:dyDescent="0.3">
      <c r="A128887" s="13" t="s">
        <v>590</v>
      </c>
      <c r="B128887" s="14" t="s">
        <v>1</v>
      </c>
      <c r="C128887" s="14" t="s">
        <v>565</v>
      </c>
      <c r="D128887" s="14" t="s">
        <v>94</v>
      </c>
      <c r="E128887" s="15">
        <v>45418</v>
      </c>
      <c r="F128887" s="14" t="s">
        <v>15</v>
      </c>
      <c r="G128887" s="16">
        <v>7.8476262245666964E-2</v>
      </c>
    </row>
    <row r="128888" spans="1:7" x14ac:dyDescent="0.3">
      <c r="A128888" s="13" t="s">
        <v>590</v>
      </c>
      <c r="B128888" s="14" t="s">
        <v>1</v>
      </c>
      <c r="C128888" s="14" t="s">
        <v>565</v>
      </c>
      <c r="D128888" s="14" t="s">
        <v>94</v>
      </c>
      <c r="E128888" s="15">
        <v>45419</v>
      </c>
      <c r="F128888" s="14" t="s">
        <v>15</v>
      </c>
      <c r="G128888" s="16">
        <v>7.4431047475508716E-2</v>
      </c>
    </row>
    <row r="128889" spans="1:7" x14ac:dyDescent="0.3">
      <c r="A128889" s="13" t="s">
        <v>590</v>
      </c>
      <c r="B128889" s="14" t="s">
        <v>1</v>
      </c>
      <c r="C128889" s="14" t="s">
        <v>565</v>
      </c>
      <c r="D128889" s="14" t="s">
        <v>94</v>
      </c>
      <c r="E128889" s="15">
        <v>45420</v>
      </c>
      <c r="F128889" s="14" t="s">
        <v>15</v>
      </c>
      <c r="G128889" s="16">
        <v>6.9788997739261532E-2</v>
      </c>
    </row>
    <row r="128890" spans="1:7" x14ac:dyDescent="0.3">
      <c r="A128890" s="13" t="s">
        <v>590</v>
      </c>
      <c r="B128890" s="14" t="s">
        <v>1</v>
      </c>
      <c r="C128890" s="14" t="s">
        <v>565</v>
      </c>
      <c r="D128890" s="14" t="s">
        <v>94</v>
      </c>
      <c r="E128890" s="15">
        <v>45421</v>
      </c>
      <c r="F128890" s="14" t="s">
        <v>15</v>
      </c>
      <c r="G128890" s="16">
        <v>7.1186134137151511E-2</v>
      </c>
    </row>
    <row r="128891" spans="1:7" x14ac:dyDescent="0.3">
      <c r="A128891" s="13" t="s">
        <v>590</v>
      </c>
      <c r="B128891" s="14" t="s">
        <v>1</v>
      </c>
      <c r="C128891" s="14" t="s">
        <v>565</v>
      </c>
      <c r="D128891" s="14" t="s">
        <v>94</v>
      </c>
      <c r="E128891" s="15">
        <v>45422</v>
      </c>
      <c r="F128891" s="14" t="s">
        <v>15</v>
      </c>
      <c r="G128891" s="16">
        <v>0.11551017332328566</v>
      </c>
    </row>
    <row r="128892" spans="1:7" x14ac:dyDescent="0.3">
      <c r="A128892" s="13" t="s">
        <v>590</v>
      </c>
      <c r="B128892" s="14" t="s">
        <v>1</v>
      </c>
      <c r="C128892" s="14" t="s">
        <v>565</v>
      </c>
      <c r="D128892" s="14" t="s">
        <v>94</v>
      </c>
      <c r="E128892" s="15">
        <v>45423</v>
      </c>
      <c r="F128892" s="14" t="s">
        <v>15</v>
      </c>
      <c r="G128892" s="16">
        <v>0.11551017332328566</v>
      </c>
    </row>
    <row r="128893" spans="1:7" x14ac:dyDescent="0.3">
      <c r="A128893" s="13" t="s">
        <v>590</v>
      </c>
      <c r="B128893" s="14" t="s">
        <v>1</v>
      </c>
      <c r="C128893" s="14" t="s">
        <v>565</v>
      </c>
      <c r="D128893" s="14" t="s">
        <v>94</v>
      </c>
      <c r="E128893" s="15">
        <v>45424</v>
      </c>
      <c r="F128893" s="14" t="s">
        <v>15</v>
      </c>
      <c r="G128893" s="16">
        <v>0.11551017332328566</v>
      </c>
    </row>
    <row r="128894" spans="1:7" x14ac:dyDescent="0.3">
      <c r="A128894" s="13" t="s">
        <v>590</v>
      </c>
      <c r="B128894" s="14" t="s">
        <v>1</v>
      </c>
      <c r="C128894" s="14" t="s">
        <v>565</v>
      </c>
      <c r="D128894" s="14" t="s">
        <v>94</v>
      </c>
      <c r="E128894" s="15">
        <v>45425</v>
      </c>
      <c r="F128894" s="14" t="s">
        <v>15</v>
      </c>
      <c r="G128894" s="16">
        <v>0.13200904295403171</v>
      </c>
    </row>
    <row r="128895" spans="1:7" x14ac:dyDescent="0.3">
      <c r="A128895" s="13" t="s">
        <v>590</v>
      </c>
      <c r="B128895" s="14" t="s">
        <v>1</v>
      </c>
      <c r="C128895" s="14" t="s">
        <v>565</v>
      </c>
      <c r="D128895" s="14" t="s">
        <v>94</v>
      </c>
      <c r="E128895" s="15">
        <v>45426</v>
      </c>
      <c r="F128895" s="14" t="s">
        <v>15</v>
      </c>
      <c r="G128895" s="16">
        <v>0.12693745290128114</v>
      </c>
    </row>
    <row r="128896" spans="1:7" x14ac:dyDescent="0.3">
      <c r="A128896" s="13" t="s">
        <v>590</v>
      </c>
      <c r="B128896" s="14" t="s">
        <v>1</v>
      </c>
      <c r="C128896" s="14" t="s">
        <v>565</v>
      </c>
      <c r="D128896" s="14" t="s">
        <v>94</v>
      </c>
      <c r="E128896" s="15">
        <v>45427</v>
      </c>
      <c r="F128896" s="14" t="s">
        <v>15</v>
      </c>
      <c r="G128896" s="16">
        <v>0.12693745290128114</v>
      </c>
    </row>
    <row r="128897" spans="1:7" x14ac:dyDescent="0.3">
      <c r="A128897" s="13" t="s">
        <v>590</v>
      </c>
      <c r="B128897" s="14" t="s">
        <v>1</v>
      </c>
      <c r="C128897" s="14" t="s">
        <v>565</v>
      </c>
      <c r="D128897" s="14" t="s">
        <v>94</v>
      </c>
      <c r="E128897" s="15">
        <v>45428</v>
      </c>
      <c r="F128897" s="14" t="s">
        <v>15</v>
      </c>
      <c r="G128897" s="16">
        <v>0.12523737754333089</v>
      </c>
    </row>
    <row r="128898" spans="1:7" x14ac:dyDescent="0.3">
      <c r="A128898" s="13" t="s">
        <v>590</v>
      </c>
      <c r="B128898" s="14" t="s">
        <v>1</v>
      </c>
      <c r="C128898" s="14" t="s">
        <v>565</v>
      </c>
      <c r="D128898" s="14" t="s">
        <v>94</v>
      </c>
      <c r="E128898" s="15">
        <v>45429</v>
      </c>
      <c r="F128898" s="14" t="s">
        <v>15</v>
      </c>
      <c r="G128898" s="16">
        <v>0.14827581009796539</v>
      </c>
    </row>
    <row r="128899" spans="1:7" x14ac:dyDescent="0.3">
      <c r="A128899" s="13" t="s">
        <v>590</v>
      </c>
      <c r="B128899" s="14" t="s">
        <v>1</v>
      </c>
      <c r="C128899" s="14" t="s">
        <v>565</v>
      </c>
      <c r="D128899" s="14" t="s">
        <v>94</v>
      </c>
      <c r="E128899" s="15">
        <v>45430</v>
      </c>
      <c r="F128899" s="14" t="s">
        <v>15</v>
      </c>
      <c r="G128899" s="16">
        <v>0.14827581009796539</v>
      </c>
    </row>
    <row r="128900" spans="1:7" x14ac:dyDescent="0.3">
      <c r="A128900" s="13" t="s">
        <v>590</v>
      </c>
      <c r="B128900" s="14" t="s">
        <v>1</v>
      </c>
      <c r="C128900" s="14" t="s">
        <v>565</v>
      </c>
      <c r="D128900" s="14" t="s">
        <v>94</v>
      </c>
      <c r="E128900" s="15">
        <v>45431</v>
      </c>
      <c r="F128900" s="14" t="s">
        <v>15</v>
      </c>
      <c r="G128900" s="16">
        <v>0.14827581009796539</v>
      </c>
    </row>
    <row r="128901" spans="1:7" x14ac:dyDescent="0.3">
      <c r="A128901" s="13" t="s">
        <v>590</v>
      </c>
      <c r="B128901" s="14" t="s">
        <v>1</v>
      </c>
      <c r="C128901" s="14" t="s">
        <v>565</v>
      </c>
      <c r="D128901" s="14" t="s">
        <v>94</v>
      </c>
      <c r="E128901" s="15">
        <v>45432</v>
      </c>
      <c r="F128901" s="14" t="s">
        <v>15</v>
      </c>
      <c r="G128901" s="16">
        <v>0.1944626978146195</v>
      </c>
    </row>
    <row r="128902" spans="1:7" x14ac:dyDescent="0.3">
      <c r="A128902" s="13" t="s">
        <v>590</v>
      </c>
      <c r="B128902" s="14" t="s">
        <v>1</v>
      </c>
      <c r="C128902" s="14" t="s">
        <v>565</v>
      </c>
      <c r="D128902" s="14" t="s">
        <v>94</v>
      </c>
      <c r="E128902" s="15">
        <v>45433</v>
      </c>
      <c r="F128902" s="14" t="s">
        <v>15</v>
      </c>
      <c r="G128902" s="16">
        <v>0.19745139412207993</v>
      </c>
    </row>
    <row r="128903" spans="1:7" x14ac:dyDescent="0.3">
      <c r="A128903" s="13" t="s">
        <v>590</v>
      </c>
      <c r="B128903" s="14" t="s">
        <v>1</v>
      </c>
      <c r="C128903" s="14" t="s">
        <v>565</v>
      </c>
      <c r="D128903" s="14" t="s">
        <v>94</v>
      </c>
      <c r="E128903" s="15">
        <v>45434</v>
      </c>
      <c r="F128903" s="14" t="s">
        <v>15</v>
      </c>
      <c r="G128903" s="16">
        <v>0.19570911831198198</v>
      </c>
    </row>
    <row r="128904" spans="1:7" x14ac:dyDescent="0.3">
      <c r="A128904" s="13" t="s">
        <v>590</v>
      </c>
      <c r="B128904" s="14" t="s">
        <v>1</v>
      </c>
      <c r="C128904" s="14" t="s">
        <v>565</v>
      </c>
      <c r="D128904" s="14" t="s">
        <v>94</v>
      </c>
      <c r="E128904" s="15">
        <v>45435</v>
      </c>
      <c r="F128904" s="14" t="s">
        <v>15</v>
      </c>
      <c r="G128904" s="16">
        <v>0.21061492087415229</v>
      </c>
    </row>
    <row r="128905" spans="1:7" x14ac:dyDescent="0.3">
      <c r="A128905" s="13" t="s">
        <v>590</v>
      </c>
      <c r="B128905" s="14" t="s">
        <v>1</v>
      </c>
      <c r="C128905" s="14" t="s">
        <v>565</v>
      </c>
      <c r="D128905" s="14" t="s">
        <v>94</v>
      </c>
      <c r="E128905" s="15">
        <v>45436</v>
      </c>
      <c r="F128905" s="14" t="s">
        <v>15</v>
      </c>
      <c r="G128905" s="16">
        <v>0.20889525244913346</v>
      </c>
    </row>
    <row r="128906" spans="1:7" x14ac:dyDescent="0.3">
      <c r="A128906" s="13" t="s">
        <v>590</v>
      </c>
      <c r="B128906" s="14" t="s">
        <v>1</v>
      </c>
      <c r="C128906" s="14" t="s">
        <v>565</v>
      </c>
      <c r="D128906" s="14" t="s">
        <v>94</v>
      </c>
      <c r="E128906" s="15">
        <v>45437</v>
      </c>
      <c r="F128906" s="14" t="s">
        <v>15</v>
      </c>
      <c r="G128906" s="16">
        <v>0.20889525244913346</v>
      </c>
    </row>
    <row r="128907" spans="1:7" x14ac:dyDescent="0.3">
      <c r="A128907" s="13" t="s">
        <v>590</v>
      </c>
      <c r="B128907" s="14" t="s">
        <v>1</v>
      </c>
      <c r="C128907" s="14" t="s">
        <v>565</v>
      </c>
      <c r="D128907" s="14" t="s">
        <v>94</v>
      </c>
      <c r="E128907" s="15">
        <v>45438</v>
      </c>
      <c r="F128907" s="14" t="s">
        <v>15</v>
      </c>
      <c r="G128907" s="16">
        <v>0.20889525244913346</v>
      </c>
    </row>
    <row r="128908" spans="1:7" x14ac:dyDescent="0.3">
      <c r="A128908" s="13" t="s">
        <v>590</v>
      </c>
      <c r="B128908" s="14" t="s">
        <v>1</v>
      </c>
      <c r="C128908" s="14" t="s">
        <v>565</v>
      </c>
      <c r="D128908" s="14" t="s">
        <v>94</v>
      </c>
      <c r="E128908" s="15">
        <v>45439</v>
      </c>
      <c r="F128908" s="14" t="s">
        <v>15</v>
      </c>
      <c r="G128908" s="16">
        <v>0.2065953278070837</v>
      </c>
    </row>
    <row r="128909" spans="1:7" x14ac:dyDescent="0.3">
      <c r="A128909" s="13" t="s">
        <v>590</v>
      </c>
      <c r="B128909" s="14" t="s">
        <v>1</v>
      </c>
      <c r="C128909" s="14" t="s">
        <v>565</v>
      </c>
      <c r="D128909" s="14" t="s">
        <v>94</v>
      </c>
      <c r="E128909" s="15">
        <v>45440</v>
      </c>
      <c r="F128909" s="14" t="s">
        <v>15</v>
      </c>
      <c r="G128909" s="16">
        <v>0.20439487565938214</v>
      </c>
    </row>
    <row r="128910" spans="1:7" x14ac:dyDescent="0.3">
      <c r="A128910" s="13" t="s">
        <v>590</v>
      </c>
      <c r="B128910" s="14" t="s">
        <v>1</v>
      </c>
      <c r="C128910" s="14" t="s">
        <v>565</v>
      </c>
      <c r="D128910" s="14" t="s">
        <v>94</v>
      </c>
      <c r="E128910" s="15">
        <v>45441</v>
      </c>
      <c r="F128910" s="14" t="s">
        <v>15</v>
      </c>
      <c r="G128910" s="16">
        <v>0.20093443858327062</v>
      </c>
    </row>
    <row r="128911" spans="1:7" x14ac:dyDescent="0.3">
      <c r="A128911" s="13" t="s">
        <v>590</v>
      </c>
      <c r="B128911" s="14" t="s">
        <v>1</v>
      </c>
      <c r="C128911" s="14" t="s">
        <v>565</v>
      </c>
      <c r="D128911" s="14" t="s">
        <v>94</v>
      </c>
      <c r="E128911" s="15">
        <v>45442</v>
      </c>
      <c r="F128911" s="14" t="s">
        <v>15</v>
      </c>
      <c r="G128911" s="16">
        <v>0.24033760361718171</v>
      </c>
    </row>
    <row r="128912" spans="1:7" x14ac:dyDescent="0.3">
      <c r="A128912" s="13" t="s">
        <v>590</v>
      </c>
      <c r="B128912" s="14" t="s">
        <v>1</v>
      </c>
      <c r="C128912" s="14" t="s">
        <v>565</v>
      </c>
      <c r="D128912" s="14" t="s">
        <v>94</v>
      </c>
      <c r="E128912" s="15">
        <v>45443</v>
      </c>
      <c r="F128912" s="14" t="s">
        <v>15</v>
      </c>
      <c r="G128912" s="16">
        <v>0.27319668425018845</v>
      </c>
    </row>
    <row r="128913" spans="1:7" x14ac:dyDescent="0.3">
      <c r="A128913" s="13" t="s">
        <v>590</v>
      </c>
      <c r="B128913" s="14" t="s">
        <v>1</v>
      </c>
      <c r="C128913" s="14" t="s">
        <v>565</v>
      </c>
      <c r="D128913" s="14" t="s">
        <v>94</v>
      </c>
      <c r="E128913" s="15">
        <v>45444</v>
      </c>
      <c r="F128913" s="14" t="s">
        <v>15</v>
      </c>
      <c r="G128913" s="16">
        <v>0.27319668425018845</v>
      </c>
    </row>
    <row r="128914" spans="1:7" x14ac:dyDescent="0.3">
      <c r="A128914" s="13" t="s">
        <v>590</v>
      </c>
      <c r="B128914" s="14" t="s">
        <v>1</v>
      </c>
      <c r="C128914" s="14" t="s">
        <v>565</v>
      </c>
      <c r="D128914" s="14" t="s">
        <v>94</v>
      </c>
      <c r="E128914" s="15">
        <v>45445</v>
      </c>
      <c r="F128914" s="14" t="s">
        <v>15</v>
      </c>
      <c r="G128914" s="16">
        <v>0.27319668425018845</v>
      </c>
    </row>
    <row r="128915" spans="1:7" x14ac:dyDescent="0.3">
      <c r="A128915" s="13" t="s">
        <v>590</v>
      </c>
      <c r="B128915" s="14" t="s">
        <v>1</v>
      </c>
      <c r="C128915" s="14" t="s">
        <v>565</v>
      </c>
      <c r="D128915" s="14" t="s">
        <v>94</v>
      </c>
      <c r="E128915" s="15">
        <v>45446</v>
      </c>
      <c r="F128915" s="14" t="s">
        <v>15</v>
      </c>
      <c r="G128915" s="16">
        <v>0.27319668425018845</v>
      </c>
    </row>
    <row r="128916" spans="1:7" x14ac:dyDescent="0.3">
      <c r="A128916" s="13" t="s">
        <v>590</v>
      </c>
      <c r="B128916" s="14" t="s">
        <v>1</v>
      </c>
      <c r="C128916" s="14" t="s">
        <v>565</v>
      </c>
      <c r="D128916" s="14" t="s">
        <v>94</v>
      </c>
      <c r="E128916" s="15">
        <v>45447</v>
      </c>
      <c r="F128916" s="14" t="s">
        <v>15</v>
      </c>
      <c r="G128916" s="16">
        <v>0.28501281085154495</v>
      </c>
    </row>
    <row r="128917" spans="1:7" x14ac:dyDescent="0.3">
      <c r="A128917" s="13" t="s">
        <v>590</v>
      </c>
      <c r="B128917" s="14" t="s">
        <v>1</v>
      </c>
      <c r="C128917" s="14" t="s">
        <v>565</v>
      </c>
      <c r="D128917" s="14" t="s">
        <v>94</v>
      </c>
      <c r="E128917" s="15">
        <v>45448</v>
      </c>
      <c r="F128917" s="14" t="s">
        <v>15</v>
      </c>
      <c r="G128917" s="16">
        <v>0.32119517709118323</v>
      </c>
    </row>
    <row r="128918" spans="1:7" x14ac:dyDescent="0.3">
      <c r="A128918" s="13" t="s">
        <v>590</v>
      </c>
      <c r="B128918" s="14" t="s">
        <v>1</v>
      </c>
      <c r="C128918" s="14" t="s">
        <v>565</v>
      </c>
      <c r="D128918" s="14" t="s">
        <v>94</v>
      </c>
      <c r="E128918" s="15">
        <v>45449</v>
      </c>
      <c r="F128918" s="14" t="s">
        <v>15</v>
      </c>
      <c r="G128918" s="16">
        <v>0.3195207234363226</v>
      </c>
    </row>
    <row r="128919" spans="1:7" x14ac:dyDescent="0.3">
      <c r="A128919" s="13" t="s">
        <v>590</v>
      </c>
      <c r="B128919" s="14" t="s">
        <v>1</v>
      </c>
      <c r="C128919" s="14" t="s">
        <v>565</v>
      </c>
      <c r="D128919" s="14" t="s">
        <v>94</v>
      </c>
      <c r="E128919" s="15">
        <v>45450</v>
      </c>
      <c r="F128919" s="14" t="s">
        <v>15</v>
      </c>
      <c r="G128919" s="16">
        <v>0.31782516955538814</v>
      </c>
    </row>
    <row r="128920" spans="1:7" x14ac:dyDescent="0.3">
      <c r="A128920" s="13" t="s">
        <v>590</v>
      </c>
      <c r="B128920" s="14" t="s">
        <v>1</v>
      </c>
      <c r="C128920" s="14" t="s">
        <v>565</v>
      </c>
      <c r="D128920" s="14" t="s">
        <v>94</v>
      </c>
      <c r="E128920" s="15">
        <v>45451</v>
      </c>
      <c r="F128920" s="14" t="s">
        <v>15</v>
      </c>
      <c r="G128920" s="16">
        <v>0.31782516955538814</v>
      </c>
    </row>
    <row r="128921" spans="1:7" x14ac:dyDescent="0.3">
      <c r="A128921" s="13" t="s">
        <v>590</v>
      </c>
      <c r="B128921" s="14" t="s">
        <v>1</v>
      </c>
      <c r="C128921" s="14" t="s">
        <v>565</v>
      </c>
      <c r="D128921" s="14" t="s">
        <v>94</v>
      </c>
      <c r="E128921" s="15">
        <v>45452</v>
      </c>
      <c r="F128921" s="14" t="s">
        <v>15</v>
      </c>
      <c r="G128921" s="16">
        <v>0.31782516955538814</v>
      </c>
    </row>
    <row r="128922" spans="1:7" x14ac:dyDescent="0.3">
      <c r="A128922" s="13" t="s">
        <v>590</v>
      </c>
      <c r="B128922" s="14" t="s">
        <v>1</v>
      </c>
      <c r="C128922" s="14" t="s">
        <v>565</v>
      </c>
      <c r="D128922" s="14" t="s">
        <v>94</v>
      </c>
      <c r="E128922" s="15">
        <v>45453</v>
      </c>
      <c r="F128922" s="14" t="s">
        <v>15</v>
      </c>
      <c r="G128922" s="16">
        <v>0.31782516955538814</v>
      </c>
    </row>
    <row r="128923" spans="1:7" x14ac:dyDescent="0.3">
      <c r="A128923" s="13" t="s">
        <v>590</v>
      </c>
      <c r="B128923" s="14" t="s">
        <v>1</v>
      </c>
      <c r="C128923" s="14" t="s">
        <v>565</v>
      </c>
      <c r="D128923" s="14" t="s">
        <v>94</v>
      </c>
      <c r="E128923" s="15">
        <v>45454</v>
      </c>
      <c r="F128923" s="14" t="s">
        <v>15</v>
      </c>
      <c r="G128923" s="16">
        <v>0.3191273549359458</v>
      </c>
    </row>
    <row r="128924" spans="1:7" x14ac:dyDescent="0.3">
      <c r="A128924" s="13" t="s">
        <v>590</v>
      </c>
      <c r="B128924" s="14" t="s">
        <v>1</v>
      </c>
      <c r="C128924" s="14" t="s">
        <v>565</v>
      </c>
      <c r="D128924" s="14" t="s">
        <v>94</v>
      </c>
      <c r="E128924" s="15">
        <v>45455</v>
      </c>
      <c r="F128924" s="14" t="s">
        <v>15</v>
      </c>
      <c r="G128924" s="16">
        <v>0.31539864355689534</v>
      </c>
    </row>
    <row r="128925" spans="1:7" x14ac:dyDescent="0.3">
      <c r="A128925" s="13" t="s">
        <v>590</v>
      </c>
      <c r="B128925" s="14" t="s">
        <v>1</v>
      </c>
      <c r="C128925" s="14" t="s">
        <v>565</v>
      </c>
      <c r="D128925" s="14" t="s">
        <v>94</v>
      </c>
      <c r="E128925" s="15">
        <v>45456</v>
      </c>
      <c r="F128925" s="14" t="s">
        <v>15</v>
      </c>
      <c r="G128925" s="16">
        <v>0.37774529012810859</v>
      </c>
    </row>
    <row r="128926" spans="1:7" x14ac:dyDescent="0.3">
      <c r="A128926" s="13" t="s">
        <v>590</v>
      </c>
      <c r="B128926" s="14" t="s">
        <v>1</v>
      </c>
      <c r="C128926" s="14" t="s">
        <v>565</v>
      </c>
      <c r="D128926" s="14" t="s">
        <v>94</v>
      </c>
      <c r="E128926" s="15">
        <v>45457</v>
      </c>
      <c r="F128926" s="14" t="s">
        <v>15</v>
      </c>
      <c r="G128926" s="16">
        <v>0.39846420497362478</v>
      </c>
    </row>
    <row r="128927" spans="1:7" x14ac:dyDescent="0.3">
      <c r="A128927" s="13" t="s">
        <v>590</v>
      </c>
      <c r="B128927" s="14" t="s">
        <v>1</v>
      </c>
      <c r="C128927" s="14" t="s">
        <v>565</v>
      </c>
      <c r="D128927" s="14" t="s">
        <v>94</v>
      </c>
      <c r="E128927" s="15">
        <v>45458</v>
      </c>
      <c r="F128927" s="14" t="s">
        <v>15</v>
      </c>
      <c r="G128927" s="16">
        <v>0.39846420497362478</v>
      </c>
    </row>
    <row r="128928" spans="1:7" x14ac:dyDescent="0.3">
      <c r="A128928" s="13" t="s">
        <v>590</v>
      </c>
      <c r="B128928" s="14" t="s">
        <v>1</v>
      </c>
      <c r="C128928" s="14" t="s">
        <v>565</v>
      </c>
      <c r="D128928" s="14" t="s">
        <v>94</v>
      </c>
      <c r="E128928" s="15">
        <v>45459</v>
      </c>
      <c r="F128928" s="14" t="s">
        <v>15</v>
      </c>
      <c r="G128928" s="16">
        <v>0.39846420497362478</v>
      </c>
    </row>
    <row r="128929" spans="1:7" x14ac:dyDescent="0.3">
      <c r="A128929" s="13" t="s">
        <v>590</v>
      </c>
      <c r="B128929" s="14" t="s">
        <v>1</v>
      </c>
      <c r="C128929" s="14" t="s">
        <v>565</v>
      </c>
      <c r="D128929" s="14" t="s">
        <v>94</v>
      </c>
      <c r="E128929" s="15">
        <v>45460</v>
      </c>
      <c r="F128929" s="14" t="s">
        <v>15</v>
      </c>
      <c r="G128929" s="16">
        <v>0.41609042954031655</v>
      </c>
    </row>
    <row r="128930" spans="1:7" x14ac:dyDescent="0.3">
      <c r="A128930" s="13" t="s">
        <v>590</v>
      </c>
      <c r="B128930" s="14" t="s">
        <v>1</v>
      </c>
      <c r="C128930" s="14" t="s">
        <v>565</v>
      </c>
      <c r="D128930" s="14" t="s">
        <v>94</v>
      </c>
      <c r="E128930" s="15">
        <v>45461</v>
      </c>
      <c r="F128930" s="14" t="s">
        <v>15</v>
      </c>
      <c r="G128930" s="16">
        <v>0.41093293142426535</v>
      </c>
    </row>
    <row r="128931" spans="1:7" x14ac:dyDescent="0.3">
      <c r="A128931" s="13" t="s">
        <v>590</v>
      </c>
      <c r="B128931" s="14" t="s">
        <v>1</v>
      </c>
      <c r="C128931" s="14" t="s">
        <v>565</v>
      </c>
      <c r="D128931" s="14" t="s">
        <v>94</v>
      </c>
      <c r="E128931" s="15">
        <v>45462</v>
      </c>
      <c r="F128931" s="14" t="s">
        <v>15</v>
      </c>
      <c r="G128931" s="16">
        <v>0.42943330821401665</v>
      </c>
    </row>
    <row r="128932" spans="1:7" x14ac:dyDescent="0.3">
      <c r="A128932" s="13" t="s">
        <v>590</v>
      </c>
      <c r="B128932" s="14" t="s">
        <v>1</v>
      </c>
      <c r="C128932" s="14" t="s">
        <v>565</v>
      </c>
      <c r="D128932" s="14" t="s">
        <v>94</v>
      </c>
      <c r="E128932" s="15">
        <v>45463</v>
      </c>
      <c r="F128932" s="14" t="s">
        <v>15</v>
      </c>
      <c r="G128932" s="16">
        <v>0.4277045968349662</v>
      </c>
    </row>
    <row r="128933" spans="1:7" x14ac:dyDescent="0.3">
      <c r="A128933" s="13" t="s">
        <v>590</v>
      </c>
      <c r="B128933" s="14" t="s">
        <v>1</v>
      </c>
      <c r="C128933" s="14" t="s">
        <v>565</v>
      </c>
      <c r="D128933" s="14" t="s">
        <v>94</v>
      </c>
      <c r="E128933" s="15">
        <v>45464</v>
      </c>
      <c r="F128933" s="14" t="s">
        <v>15</v>
      </c>
      <c r="G128933" s="16">
        <v>0.45162321024868129</v>
      </c>
    </row>
    <row r="128934" spans="1:7" x14ac:dyDescent="0.3">
      <c r="A128934" s="13" t="s">
        <v>590</v>
      </c>
      <c r="B128934" s="14" t="s">
        <v>1</v>
      </c>
      <c r="C128934" s="14" t="s">
        <v>565</v>
      </c>
      <c r="D128934" s="14" t="s">
        <v>94</v>
      </c>
      <c r="E128934" s="15">
        <v>45465</v>
      </c>
      <c r="F128934" s="14" t="s">
        <v>15</v>
      </c>
      <c r="G128934" s="16">
        <v>0.45162321024868129</v>
      </c>
    </row>
    <row r="128935" spans="1:7" x14ac:dyDescent="0.3">
      <c r="A128935" s="13" t="s">
        <v>590</v>
      </c>
      <c r="B128935" s="14" t="s">
        <v>1</v>
      </c>
      <c r="C128935" s="14" t="s">
        <v>565</v>
      </c>
      <c r="D128935" s="14" t="s">
        <v>94</v>
      </c>
      <c r="E128935" s="15">
        <v>45466</v>
      </c>
      <c r="F128935" s="14" t="s">
        <v>15</v>
      </c>
      <c r="G128935" s="16">
        <v>0.45162321024868129</v>
      </c>
    </row>
    <row r="128936" spans="1:7" x14ac:dyDescent="0.3">
      <c r="A128936" s="13" t="s">
        <v>590</v>
      </c>
      <c r="B128936" s="14" t="s">
        <v>1</v>
      </c>
      <c r="C128936" s="14" t="s">
        <v>565</v>
      </c>
      <c r="D128936" s="14" t="s">
        <v>94</v>
      </c>
      <c r="E128936" s="15">
        <v>45467</v>
      </c>
      <c r="F128936" s="14" t="s">
        <v>15</v>
      </c>
      <c r="G128936" s="16">
        <v>0.4528455162019594</v>
      </c>
    </row>
    <row r="128937" spans="1:7" x14ac:dyDescent="0.3">
      <c r="A128937" s="13" t="s">
        <v>590</v>
      </c>
      <c r="B128937" s="14" t="s">
        <v>1</v>
      </c>
      <c r="C128937" s="14" t="s">
        <v>565</v>
      </c>
      <c r="D128937" s="14" t="s">
        <v>94</v>
      </c>
      <c r="E128937" s="15">
        <v>45468</v>
      </c>
      <c r="F128937" s="14" t="s">
        <v>15</v>
      </c>
      <c r="G128937" s="16">
        <v>0.44762773172569714</v>
      </c>
    </row>
    <row r="128938" spans="1:7" x14ac:dyDescent="0.3">
      <c r="A128938" s="13" t="s">
        <v>590</v>
      </c>
      <c r="B128938" s="14" t="s">
        <v>1</v>
      </c>
      <c r="C128938" s="14" t="s">
        <v>565</v>
      </c>
      <c r="D128938" s="14" t="s">
        <v>94</v>
      </c>
      <c r="E128938" s="15">
        <v>45469</v>
      </c>
      <c r="F128938" s="14" t="s">
        <v>15</v>
      </c>
      <c r="G128938" s="16">
        <v>0.45192765636774695</v>
      </c>
    </row>
    <row r="128939" spans="1:7" x14ac:dyDescent="0.3">
      <c r="A128939" s="13" t="s">
        <v>590</v>
      </c>
      <c r="B128939" s="14" t="s">
        <v>1</v>
      </c>
      <c r="C128939" s="14" t="s">
        <v>565</v>
      </c>
      <c r="D128939" s="14" t="s">
        <v>94</v>
      </c>
      <c r="E128939" s="15">
        <v>45470</v>
      </c>
      <c r="F128939" s="14" t="s">
        <v>15</v>
      </c>
      <c r="G128939" s="16">
        <v>0.45748756593820661</v>
      </c>
    </row>
    <row r="128940" spans="1:7" x14ac:dyDescent="0.3">
      <c r="A128940" s="13" t="s">
        <v>590</v>
      </c>
      <c r="B128940" s="14" t="s">
        <v>1</v>
      </c>
      <c r="C128940" s="14" t="s">
        <v>565</v>
      </c>
      <c r="D128940" s="14" t="s">
        <v>94</v>
      </c>
      <c r="E128940" s="15">
        <v>45471</v>
      </c>
      <c r="F128940" s="14" t="s">
        <v>15</v>
      </c>
      <c r="G128940" s="16">
        <v>0.47787641296156758</v>
      </c>
    </row>
    <row r="128941" spans="1:7" x14ac:dyDescent="0.3">
      <c r="A128941" s="13" t="s">
        <v>590</v>
      </c>
      <c r="B128941" s="14" t="s">
        <v>1</v>
      </c>
      <c r="C128941" s="14" t="s">
        <v>565</v>
      </c>
      <c r="D128941" s="14" t="s">
        <v>94</v>
      </c>
      <c r="E128941" s="15">
        <v>45472</v>
      </c>
      <c r="F128941" s="14" t="s">
        <v>15</v>
      </c>
      <c r="G128941" s="16">
        <v>0.47787641296156758</v>
      </c>
    </row>
    <row r="128942" spans="1:7" x14ac:dyDescent="0.3">
      <c r="A128942" s="13" t="s">
        <v>590</v>
      </c>
      <c r="B128942" s="14" t="s">
        <v>1</v>
      </c>
      <c r="C128942" s="14" t="s">
        <v>565</v>
      </c>
      <c r="D128942" s="14" t="s">
        <v>94</v>
      </c>
      <c r="E128942" s="15">
        <v>45473</v>
      </c>
      <c r="F128942" s="14" t="s">
        <v>15</v>
      </c>
      <c r="G128942" s="16">
        <v>0.47787641296156758</v>
      </c>
    </row>
    <row r="128943" spans="1:7" x14ac:dyDescent="0.3">
      <c r="A128943" s="13" t="s">
        <v>590</v>
      </c>
      <c r="B128943" s="14" t="s">
        <v>1</v>
      </c>
      <c r="C128943" s="14" t="s">
        <v>565</v>
      </c>
      <c r="D128943" s="14" t="s">
        <v>94</v>
      </c>
      <c r="E128943" s="15">
        <v>45474</v>
      </c>
      <c r="F128943" s="14" t="s">
        <v>15</v>
      </c>
      <c r="G128943" s="16">
        <v>0.47787641296156758</v>
      </c>
    </row>
    <row r="128944" spans="1:7" x14ac:dyDescent="0.3">
      <c r="A128944" s="13" t="s">
        <v>590</v>
      </c>
      <c r="B128944" s="14" t="s">
        <v>1</v>
      </c>
      <c r="C128944" s="14" t="s">
        <v>565</v>
      </c>
      <c r="D128944" s="14" t="s">
        <v>94</v>
      </c>
      <c r="E128944" s="15">
        <v>45475</v>
      </c>
      <c r="F128944" s="14" t="s">
        <v>15</v>
      </c>
      <c r="G128944" s="16">
        <v>0.47613715146948016</v>
      </c>
    </row>
    <row r="128945" spans="1:7" x14ac:dyDescent="0.3">
      <c r="A128945" s="13" t="s">
        <v>590</v>
      </c>
      <c r="B128945" s="14" t="s">
        <v>1</v>
      </c>
      <c r="C128945" s="14" t="s">
        <v>565</v>
      </c>
      <c r="D128945" s="14" t="s">
        <v>94</v>
      </c>
      <c r="E128945" s="15">
        <v>45476</v>
      </c>
      <c r="F128945" s="14" t="s">
        <v>15</v>
      </c>
      <c r="G128945" s="16">
        <v>0.50017935192162788</v>
      </c>
    </row>
    <row r="128946" spans="1:7" x14ac:dyDescent="0.3">
      <c r="A128946" s="13" t="s">
        <v>590</v>
      </c>
      <c r="B128946" s="14" t="s">
        <v>1</v>
      </c>
      <c r="C128946" s="14" t="s">
        <v>565</v>
      </c>
      <c r="D128946" s="14" t="s">
        <v>94</v>
      </c>
      <c r="E128946" s="15">
        <v>45477</v>
      </c>
      <c r="F128946" s="14" t="s">
        <v>15</v>
      </c>
      <c r="G128946" s="16">
        <v>0.5310504898266768</v>
      </c>
    </row>
    <row r="128947" spans="1:7" x14ac:dyDescent="0.3">
      <c r="A128947" s="13" t="s">
        <v>590</v>
      </c>
      <c r="B128947" s="14" t="s">
        <v>1</v>
      </c>
      <c r="C128947" s="14" t="s">
        <v>565</v>
      </c>
      <c r="D128947" s="14" t="s">
        <v>94</v>
      </c>
      <c r="E128947" s="15">
        <v>45478</v>
      </c>
      <c r="F128947" s="14" t="s">
        <v>15</v>
      </c>
      <c r="G128947" s="16">
        <v>0.56193067068575742</v>
      </c>
    </row>
    <row r="128948" spans="1:7" x14ac:dyDescent="0.3">
      <c r="A128948" s="13" t="s">
        <v>590</v>
      </c>
      <c r="B128948" s="14" t="s">
        <v>1</v>
      </c>
      <c r="C128948" s="14" t="s">
        <v>565</v>
      </c>
      <c r="D128948" s="14" t="s">
        <v>94</v>
      </c>
      <c r="E128948" s="15">
        <v>45479</v>
      </c>
      <c r="F128948" s="14" t="s">
        <v>15</v>
      </c>
      <c r="G128948" s="16">
        <v>0.56193067068575742</v>
      </c>
    </row>
    <row r="128949" spans="1:7" x14ac:dyDescent="0.3">
      <c r="A128949" s="13" t="s">
        <v>590</v>
      </c>
      <c r="B128949" s="14" t="s">
        <v>1</v>
      </c>
      <c r="C128949" s="14" t="s">
        <v>565</v>
      </c>
      <c r="D128949" s="14" t="s">
        <v>94</v>
      </c>
      <c r="E128949" s="15">
        <v>45480</v>
      </c>
      <c r="F128949" s="14" t="s">
        <v>15</v>
      </c>
      <c r="G128949" s="16">
        <v>0.56193067068575742</v>
      </c>
    </row>
    <row r="128950" spans="1:7" x14ac:dyDescent="0.3">
      <c r="A128950" s="13" t="s">
        <v>590</v>
      </c>
      <c r="B128950" s="14" t="s">
        <v>1</v>
      </c>
      <c r="C128950" s="14" t="s">
        <v>565</v>
      </c>
      <c r="D128950" s="14" t="s">
        <v>94</v>
      </c>
      <c r="E128950" s="15">
        <v>45481</v>
      </c>
      <c r="F128950" s="14" t="s">
        <v>15</v>
      </c>
      <c r="G128950" s="16">
        <v>0.56016428033157517</v>
      </c>
    </row>
    <row r="128951" spans="1:7" x14ac:dyDescent="0.3">
      <c r="A128951" s="13" t="s">
        <v>590</v>
      </c>
      <c r="B128951" s="14" t="s">
        <v>1</v>
      </c>
      <c r="C128951" s="14" t="s">
        <v>565</v>
      </c>
      <c r="D128951" s="14" t="s">
        <v>94</v>
      </c>
      <c r="E128951" s="15">
        <v>45482</v>
      </c>
      <c r="F128951" s="14" t="s">
        <v>15</v>
      </c>
      <c r="G128951" s="16">
        <v>0.55485908063300693</v>
      </c>
    </row>
    <row r="128952" spans="1:7" x14ac:dyDescent="0.3">
      <c r="A128952" s="13" t="s">
        <v>590</v>
      </c>
      <c r="B128952" s="14" t="s">
        <v>1</v>
      </c>
      <c r="C128952" s="14" t="s">
        <v>565</v>
      </c>
      <c r="D128952" s="14" t="s">
        <v>94</v>
      </c>
      <c r="E128952" s="15">
        <v>45483</v>
      </c>
      <c r="F128952" s="14" t="s">
        <v>15</v>
      </c>
      <c r="G128952" s="16">
        <v>0.56025772418990227</v>
      </c>
    </row>
    <row r="128953" spans="1:7" x14ac:dyDescent="0.3">
      <c r="A128953" s="13" t="s">
        <v>590</v>
      </c>
      <c r="B128953" s="14" t="s">
        <v>1</v>
      </c>
      <c r="C128953" s="14" t="s">
        <v>565</v>
      </c>
      <c r="D128953" s="14" t="s">
        <v>94</v>
      </c>
      <c r="E128953" s="15">
        <v>45484</v>
      </c>
      <c r="F128953" s="14" t="s">
        <v>15</v>
      </c>
      <c r="G128953" s="16">
        <v>0.56163376036171841</v>
      </c>
    </row>
    <row r="128954" spans="1:7" x14ac:dyDescent="0.3">
      <c r="A128954" s="13" t="s">
        <v>590</v>
      </c>
      <c r="B128954" s="14" t="s">
        <v>1</v>
      </c>
      <c r="C128954" s="14" t="s">
        <v>565</v>
      </c>
      <c r="D128954" s="14" t="s">
        <v>94</v>
      </c>
      <c r="E128954" s="15">
        <v>45485</v>
      </c>
      <c r="F128954" s="14" t="s">
        <v>15</v>
      </c>
      <c r="G128954" s="16">
        <v>0.5598477769404675</v>
      </c>
    </row>
    <row r="128955" spans="1:7" x14ac:dyDescent="0.3">
      <c r="A128955" s="13" t="s">
        <v>590</v>
      </c>
      <c r="B128955" s="14" t="s">
        <v>1</v>
      </c>
      <c r="C128955" s="14" t="s">
        <v>565</v>
      </c>
      <c r="D128955" s="14" t="s">
        <v>94</v>
      </c>
      <c r="E128955" s="15">
        <v>45486</v>
      </c>
      <c r="F128955" s="14" t="s">
        <v>15</v>
      </c>
      <c r="G128955" s="16">
        <v>0.5598477769404675</v>
      </c>
    </row>
    <row r="128956" spans="1:7" x14ac:dyDescent="0.3">
      <c r="A128956" s="13" t="s">
        <v>590</v>
      </c>
      <c r="B128956" s="14" t="s">
        <v>1</v>
      </c>
      <c r="C128956" s="14" t="s">
        <v>565</v>
      </c>
      <c r="D128956" s="14" t="s">
        <v>94</v>
      </c>
      <c r="E128956" s="15">
        <v>45487</v>
      </c>
      <c r="F128956" s="14" t="s">
        <v>15</v>
      </c>
      <c r="G128956" s="16">
        <v>0.5598477769404675</v>
      </c>
    </row>
    <row r="128957" spans="1:7" x14ac:dyDescent="0.3">
      <c r="A128957" s="13" t="s">
        <v>590</v>
      </c>
      <c r="B128957" s="14" t="s">
        <v>1</v>
      </c>
      <c r="C128957" s="14" t="s">
        <v>565</v>
      </c>
      <c r="D128957" s="14" t="s">
        <v>94</v>
      </c>
      <c r="E128957" s="15">
        <v>45488</v>
      </c>
      <c r="F128957" s="14" t="s">
        <v>15</v>
      </c>
      <c r="G128957" s="16">
        <v>0.5593278070836476</v>
      </c>
    </row>
    <row r="128958" spans="1:7" x14ac:dyDescent="0.3">
      <c r="A128958" s="13" t="s">
        <v>590</v>
      </c>
      <c r="B128958" s="14" t="s">
        <v>1</v>
      </c>
      <c r="C128958" s="14" t="s">
        <v>565</v>
      </c>
      <c r="D128958" s="14" t="s">
        <v>94</v>
      </c>
      <c r="E128958" s="15">
        <v>45489</v>
      </c>
      <c r="F128958" s="14" t="s">
        <v>15</v>
      </c>
      <c r="G128958" s="16">
        <v>0.55392313489073119</v>
      </c>
    </row>
    <row r="128959" spans="1:7" x14ac:dyDescent="0.3">
      <c r="A128959" s="13" t="s">
        <v>590</v>
      </c>
      <c r="B128959" s="14" t="s">
        <v>1</v>
      </c>
      <c r="C128959" s="14" t="s">
        <v>565</v>
      </c>
      <c r="D128959" s="14" t="s">
        <v>94</v>
      </c>
      <c r="E128959" s="15">
        <v>45490</v>
      </c>
      <c r="F128959" s="14" t="s">
        <v>15</v>
      </c>
      <c r="G128959" s="16">
        <v>0.56170308967596105</v>
      </c>
    </row>
    <row r="128960" spans="1:7" x14ac:dyDescent="0.3">
      <c r="A128960" s="13" t="s">
        <v>590</v>
      </c>
      <c r="B128960" s="14" t="s">
        <v>1</v>
      </c>
      <c r="C128960" s="14" t="s">
        <v>565</v>
      </c>
      <c r="D128960" s="14" t="s">
        <v>94</v>
      </c>
      <c r="E128960" s="15">
        <v>45491</v>
      </c>
      <c r="F128960" s="14" t="s">
        <v>15</v>
      </c>
      <c r="G128960" s="16">
        <v>0.55991861341371529</v>
      </c>
    </row>
    <row r="128961" spans="1:7" x14ac:dyDescent="0.3">
      <c r="A128961" s="13" t="s">
        <v>590</v>
      </c>
      <c r="B128961" s="14" t="s">
        <v>1</v>
      </c>
      <c r="C128961" s="14" t="s">
        <v>565</v>
      </c>
      <c r="D128961" s="14" t="s">
        <v>94</v>
      </c>
      <c r="E128961" s="15">
        <v>45492</v>
      </c>
      <c r="F128961" s="14" t="s">
        <v>15</v>
      </c>
      <c r="G128961" s="16">
        <v>0.61376186887716677</v>
      </c>
    </row>
    <row r="128962" spans="1:7" x14ac:dyDescent="0.3">
      <c r="A128962" s="13" t="s">
        <v>590</v>
      </c>
      <c r="B128962" s="14" t="s">
        <v>1</v>
      </c>
      <c r="C128962" s="14" t="s">
        <v>565</v>
      </c>
      <c r="D128962" s="14" t="s">
        <v>94</v>
      </c>
      <c r="E128962" s="15">
        <v>45493</v>
      </c>
      <c r="F128962" s="14" t="s">
        <v>15</v>
      </c>
      <c r="G128962" s="16">
        <v>0.61376186887716677</v>
      </c>
    </row>
    <row r="128963" spans="1:7" x14ac:dyDescent="0.3">
      <c r="A128963" s="13" t="s">
        <v>590</v>
      </c>
      <c r="B128963" s="14" t="s">
        <v>1</v>
      </c>
      <c r="C128963" s="14" t="s">
        <v>565</v>
      </c>
      <c r="D128963" s="14" t="s">
        <v>94</v>
      </c>
      <c r="E128963" s="15">
        <v>45494</v>
      </c>
      <c r="F128963" s="14" t="s">
        <v>15</v>
      </c>
      <c r="G128963" s="16">
        <v>0.61376186887716677</v>
      </c>
    </row>
    <row r="128964" spans="1:7" x14ac:dyDescent="0.3">
      <c r="A128964" s="13" t="s">
        <v>590</v>
      </c>
      <c r="B128964" s="14" t="s">
        <v>1</v>
      </c>
      <c r="C128964" s="14" t="s">
        <v>565</v>
      </c>
      <c r="D128964" s="14" t="s">
        <v>94</v>
      </c>
      <c r="E128964" s="15">
        <v>45495</v>
      </c>
      <c r="F128964" s="14" t="s">
        <v>15</v>
      </c>
      <c r="G128964" s="16">
        <v>0.61199547852298442</v>
      </c>
    </row>
    <row r="128965" spans="1:7" x14ac:dyDescent="0.3">
      <c r="A128965" s="13" t="s">
        <v>590</v>
      </c>
      <c r="B128965" s="14" t="s">
        <v>1</v>
      </c>
      <c r="C128965" s="14" t="s">
        <v>565</v>
      </c>
      <c r="D128965" s="14" t="s">
        <v>94</v>
      </c>
      <c r="E128965" s="15">
        <v>45496</v>
      </c>
      <c r="F128965" s="14" t="s">
        <v>15</v>
      </c>
      <c r="G128965" s="16">
        <v>0.60676412961567472</v>
      </c>
    </row>
    <row r="128966" spans="1:7" x14ac:dyDescent="0.3">
      <c r="A128966" s="13" t="s">
        <v>590</v>
      </c>
      <c r="B128966" s="14" t="s">
        <v>1</v>
      </c>
      <c r="C128966" s="14" t="s">
        <v>565</v>
      </c>
      <c r="D128966" s="14" t="s">
        <v>94</v>
      </c>
      <c r="E128966" s="15">
        <v>45497</v>
      </c>
      <c r="F128966" s="14" t="s">
        <v>15</v>
      </c>
      <c r="G128966" s="16">
        <v>0.60886058779201224</v>
      </c>
    </row>
    <row r="128967" spans="1:7" x14ac:dyDescent="0.3">
      <c r="A128967" s="13" t="s">
        <v>590</v>
      </c>
      <c r="B128967" s="14" t="s">
        <v>1</v>
      </c>
      <c r="C128967" s="14" t="s">
        <v>565</v>
      </c>
      <c r="D128967" s="14" t="s">
        <v>94</v>
      </c>
      <c r="E128967" s="15">
        <v>45498</v>
      </c>
      <c r="F128967" s="14" t="s">
        <v>15</v>
      </c>
      <c r="G128967" s="16">
        <v>0.60724642049736266</v>
      </c>
    </row>
    <row r="128968" spans="1:7" x14ac:dyDescent="0.3">
      <c r="A128968" s="13" t="s">
        <v>590</v>
      </c>
      <c r="B128968" s="14" t="s">
        <v>1</v>
      </c>
      <c r="C128968" s="14" t="s">
        <v>565</v>
      </c>
      <c r="D128968" s="14" t="s">
        <v>94</v>
      </c>
      <c r="E128968" s="15">
        <v>45499</v>
      </c>
      <c r="F128968" s="14" t="s">
        <v>15</v>
      </c>
      <c r="G128968" s="16">
        <v>0.60551921627731742</v>
      </c>
    </row>
    <row r="128969" spans="1:7" x14ac:dyDescent="0.3">
      <c r="A128969" s="13" t="s">
        <v>590</v>
      </c>
      <c r="B128969" s="14" t="s">
        <v>1</v>
      </c>
      <c r="C128969" s="14" t="s">
        <v>565</v>
      </c>
      <c r="D128969" s="14" t="s">
        <v>94</v>
      </c>
      <c r="E128969" s="15">
        <v>45500</v>
      </c>
      <c r="F128969" s="14" t="s">
        <v>15</v>
      </c>
      <c r="G128969" s="16">
        <v>0.60551921627731742</v>
      </c>
    </row>
    <row r="128970" spans="1:7" x14ac:dyDescent="0.3">
      <c r="A128970" s="13" t="s">
        <v>590</v>
      </c>
      <c r="B128970" s="14" t="s">
        <v>1</v>
      </c>
      <c r="C128970" s="14" t="s">
        <v>565</v>
      </c>
      <c r="D128970" s="14" t="s">
        <v>94</v>
      </c>
      <c r="E128970" s="15">
        <v>45501</v>
      </c>
      <c r="F128970" s="14" t="s">
        <v>15</v>
      </c>
      <c r="G128970" s="16">
        <v>0.60551921627731742</v>
      </c>
    </row>
    <row r="128971" spans="1:7" x14ac:dyDescent="0.3">
      <c r="A128971" s="13" t="s">
        <v>590</v>
      </c>
      <c r="B128971" s="14" t="s">
        <v>1</v>
      </c>
      <c r="C128971" s="14" t="s">
        <v>565</v>
      </c>
      <c r="D128971" s="14" t="s">
        <v>94</v>
      </c>
      <c r="E128971" s="15">
        <v>45502</v>
      </c>
      <c r="F128971" s="14" t="s">
        <v>15</v>
      </c>
      <c r="G128971" s="16">
        <v>0.60381009796533547</v>
      </c>
    </row>
    <row r="128972" spans="1:7" x14ac:dyDescent="0.3">
      <c r="A128972" s="13" t="s">
        <v>590</v>
      </c>
      <c r="B128972" s="14" t="s">
        <v>1</v>
      </c>
      <c r="C128972" s="14" t="s">
        <v>565</v>
      </c>
      <c r="D128972" s="14" t="s">
        <v>94</v>
      </c>
      <c r="E128972" s="15">
        <v>45503</v>
      </c>
      <c r="F128972" s="14" t="s">
        <v>15</v>
      </c>
      <c r="G128972" s="16">
        <v>0.60056367746797301</v>
      </c>
    </row>
    <row r="128973" spans="1:7" x14ac:dyDescent="0.3">
      <c r="A128973" s="13" t="s">
        <v>590</v>
      </c>
      <c r="B128973" s="14" t="s">
        <v>1</v>
      </c>
      <c r="C128973" s="14" t="s">
        <v>565</v>
      </c>
      <c r="D128973" s="14" t="s">
        <v>94</v>
      </c>
      <c r="E128973" s="15">
        <v>45504</v>
      </c>
      <c r="F128973" s="14" t="s">
        <v>15</v>
      </c>
      <c r="G128973" s="16">
        <v>0.60086661642803341</v>
      </c>
    </row>
    <row r="128974" spans="1:7" x14ac:dyDescent="0.3">
      <c r="A128974" s="13" t="s">
        <v>590</v>
      </c>
      <c r="B128974" s="14" t="s">
        <v>1</v>
      </c>
      <c r="C128974" s="14" t="s">
        <v>565</v>
      </c>
      <c r="D128974" s="14" t="s">
        <v>94</v>
      </c>
      <c r="E128974" s="15">
        <v>45505</v>
      </c>
      <c r="F128974" s="14" t="s">
        <v>15</v>
      </c>
      <c r="G128974" s="16">
        <v>0.61371816126601375</v>
      </c>
    </row>
    <row r="128975" spans="1:7" x14ac:dyDescent="0.3">
      <c r="A128975" s="13" t="s">
        <v>590</v>
      </c>
      <c r="B128975" s="14" t="s">
        <v>1</v>
      </c>
      <c r="C128975" s="14" t="s">
        <v>565</v>
      </c>
      <c r="D128975" s="14" t="s">
        <v>94</v>
      </c>
      <c r="E128975" s="15">
        <v>45506</v>
      </c>
      <c r="F128975" s="14" t="s">
        <v>15</v>
      </c>
      <c r="G128975" s="16">
        <v>0.61199095704596851</v>
      </c>
    </row>
    <row r="128976" spans="1:7" x14ac:dyDescent="0.3">
      <c r="A128976" s="13" t="s">
        <v>590</v>
      </c>
      <c r="B128976" s="14" t="s">
        <v>1</v>
      </c>
      <c r="C128976" s="14" t="s">
        <v>565</v>
      </c>
      <c r="D128976" s="14" t="s">
        <v>94</v>
      </c>
      <c r="E128976" s="15">
        <v>45507</v>
      </c>
      <c r="F128976" s="14" t="s">
        <v>15</v>
      </c>
      <c r="G128976" s="16">
        <v>0.61199095704596851</v>
      </c>
    </row>
    <row r="128977" spans="1:7" x14ac:dyDescent="0.3">
      <c r="A128977" s="13" t="s">
        <v>590</v>
      </c>
      <c r="B128977" s="14" t="s">
        <v>1</v>
      </c>
      <c r="C128977" s="14" t="s">
        <v>565</v>
      </c>
      <c r="D128977" s="14" t="s">
        <v>94</v>
      </c>
      <c r="E128977" s="15">
        <v>45508</v>
      </c>
      <c r="F128977" s="14" t="s">
        <v>15</v>
      </c>
      <c r="G128977" s="16">
        <v>0.61199095704596851</v>
      </c>
    </row>
    <row r="128978" spans="1:7" x14ac:dyDescent="0.3">
      <c r="A128978" s="13" t="s">
        <v>590</v>
      </c>
      <c r="B128978" s="14" t="s">
        <v>1</v>
      </c>
      <c r="C128978" s="14" t="s">
        <v>565</v>
      </c>
      <c r="D128978" s="14" t="s">
        <v>94</v>
      </c>
      <c r="E128978" s="15">
        <v>45509</v>
      </c>
      <c r="F128978" s="14" t="s">
        <v>15</v>
      </c>
      <c r="G128978" s="16">
        <v>0.61199095704596851</v>
      </c>
    </row>
    <row r="128979" spans="1:7" x14ac:dyDescent="0.3">
      <c r="A128979" s="13" t="s">
        <v>590</v>
      </c>
      <c r="B128979" s="14" t="s">
        <v>1</v>
      </c>
      <c r="C128979" s="14" t="s">
        <v>565</v>
      </c>
      <c r="D128979" s="14" t="s">
        <v>94</v>
      </c>
      <c r="E128979" s="15">
        <v>45510</v>
      </c>
      <c r="F128979" s="14" t="s">
        <v>15</v>
      </c>
      <c r="G128979" s="16">
        <v>0.61025169555388115</v>
      </c>
    </row>
    <row r="128980" spans="1:7" x14ac:dyDescent="0.3">
      <c r="A128980" s="13" t="s">
        <v>590</v>
      </c>
      <c r="B128980" s="14" t="s">
        <v>1</v>
      </c>
      <c r="C128980" s="14" t="s">
        <v>565</v>
      </c>
      <c r="D128980" s="14" t="s">
        <v>94</v>
      </c>
      <c r="E128980" s="15">
        <v>45511</v>
      </c>
      <c r="F128980" s="14" t="s">
        <v>15</v>
      </c>
      <c r="G128980" s="16">
        <v>0.61270836473247947</v>
      </c>
    </row>
    <row r="128981" spans="1:7" x14ac:dyDescent="0.3">
      <c r="A128981" s="13" t="s">
        <v>590</v>
      </c>
      <c r="B128981" s="14" t="s">
        <v>1</v>
      </c>
      <c r="C128981" s="14" t="s">
        <v>565</v>
      </c>
      <c r="D128981" s="14" t="s">
        <v>94</v>
      </c>
      <c r="E128981" s="15">
        <v>45512</v>
      </c>
      <c r="F128981" s="14" t="s">
        <v>15</v>
      </c>
      <c r="G128981" s="16">
        <v>0.61106857573474027</v>
      </c>
    </row>
    <row r="128982" spans="1:7" x14ac:dyDescent="0.3">
      <c r="A128982" s="13" t="s">
        <v>590</v>
      </c>
      <c r="B128982" s="14" t="s">
        <v>1</v>
      </c>
      <c r="C128982" s="14" t="s">
        <v>565</v>
      </c>
      <c r="D128982" s="14" t="s">
        <v>94</v>
      </c>
      <c r="E128982" s="15">
        <v>45513</v>
      </c>
      <c r="F128982" s="14" t="s">
        <v>15</v>
      </c>
      <c r="G128982" s="16">
        <v>0.62716503391107781</v>
      </c>
    </row>
    <row r="128983" spans="1:7" x14ac:dyDescent="0.3">
      <c r="A128983" s="13" t="s">
        <v>590</v>
      </c>
      <c r="B128983" s="14" t="s">
        <v>1</v>
      </c>
      <c r="C128983" s="14" t="s">
        <v>565</v>
      </c>
      <c r="D128983" s="14" t="s">
        <v>94</v>
      </c>
      <c r="E128983" s="15">
        <v>45514</v>
      </c>
      <c r="F128983" s="14" t="s">
        <v>15</v>
      </c>
      <c r="G128983" s="16">
        <v>0.62716503391107781</v>
      </c>
    </row>
    <row r="128984" spans="1:7" x14ac:dyDescent="0.3">
      <c r="A128984" s="13" t="s">
        <v>590</v>
      </c>
      <c r="B128984" s="14" t="s">
        <v>1</v>
      </c>
      <c r="C128984" s="14" t="s">
        <v>565</v>
      </c>
      <c r="D128984" s="14" t="s">
        <v>94</v>
      </c>
      <c r="E128984" s="15">
        <v>45515</v>
      </c>
      <c r="F128984" s="14" t="s">
        <v>15</v>
      </c>
      <c r="G128984" s="16">
        <v>0.62716503391107781</v>
      </c>
    </row>
    <row r="128985" spans="1:7" x14ac:dyDescent="0.3">
      <c r="A128985" s="13" t="s">
        <v>590</v>
      </c>
      <c r="B128985" s="14" t="s">
        <v>1</v>
      </c>
      <c r="C128985" s="14" t="s">
        <v>565</v>
      </c>
      <c r="D128985" s="14" t="s">
        <v>94</v>
      </c>
      <c r="E128985" s="15">
        <v>45516</v>
      </c>
      <c r="F128985" s="14" t="s">
        <v>15</v>
      </c>
      <c r="G128985" s="16">
        <v>0.64119366993217808</v>
      </c>
    </row>
    <row r="128986" spans="1:7" x14ac:dyDescent="0.3">
      <c r="A128986" s="13" t="s">
        <v>590</v>
      </c>
      <c r="B128986" s="14" t="s">
        <v>1</v>
      </c>
      <c r="C128986" s="14" t="s">
        <v>565</v>
      </c>
      <c r="D128986" s="14" t="s">
        <v>94</v>
      </c>
      <c r="E128986" s="15">
        <v>45517</v>
      </c>
      <c r="F128986" s="14" t="s">
        <v>15</v>
      </c>
      <c r="G128986" s="16">
        <v>0.64997437829691063</v>
      </c>
    </row>
    <row r="128987" spans="1:7" x14ac:dyDescent="0.3">
      <c r="A128987" s="13" t="s">
        <v>590</v>
      </c>
      <c r="B128987" s="14" t="s">
        <v>1</v>
      </c>
      <c r="C128987" s="14" t="s">
        <v>565</v>
      </c>
      <c r="D128987" s="14" t="s">
        <v>94</v>
      </c>
      <c r="E128987" s="15">
        <v>45518</v>
      </c>
      <c r="F128987" s="14" t="s">
        <v>15</v>
      </c>
      <c r="G128987" s="16">
        <v>0.64826978146194447</v>
      </c>
    </row>
    <row r="128988" spans="1:7" x14ac:dyDescent="0.3">
      <c r="A128988" s="13" t="s">
        <v>590</v>
      </c>
      <c r="B128988" s="14" t="s">
        <v>1</v>
      </c>
      <c r="C128988" s="14" t="s">
        <v>565</v>
      </c>
      <c r="D128988" s="14" t="s">
        <v>94</v>
      </c>
      <c r="E128988" s="15">
        <v>45519</v>
      </c>
      <c r="F128988" s="14" t="s">
        <v>15</v>
      </c>
      <c r="G128988" s="16">
        <v>0.66050188394875675</v>
      </c>
    </row>
    <row r="128989" spans="1:7" x14ac:dyDescent="0.3">
      <c r="A128989" s="13" t="s">
        <v>590</v>
      </c>
      <c r="B128989" s="14" t="s">
        <v>1</v>
      </c>
      <c r="C128989" s="14" t="s">
        <v>565</v>
      </c>
      <c r="D128989" s="14" t="s">
        <v>94</v>
      </c>
      <c r="E128989" s="15">
        <v>45520</v>
      </c>
      <c r="F128989" s="14" t="s">
        <v>15</v>
      </c>
      <c r="G128989" s="16">
        <v>0.70208741522230611</v>
      </c>
    </row>
    <row r="128990" spans="1:7" x14ac:dyDescent="0.3">
      <c r="A128990" s="13" t="s">
        <v>590</v>
      </c>
      <c r="B128990" s="14" t="s">
        <v>1</v>
      </c>
      <c r="C128990" s="14" t="s">
        <v>565</v>
      </c>
      <c r="D128990" s="14" t="s">
        <v>94</v>
      </c>
      <c r="E128990" s="15">
        <v>45521</v>
      </c>
      <c r="F128990" s="14" t="s">
        <v>15</v>
      </c>
      <c r="G128990" s="16">
        <v>0.70208741522230611</v>
      </c>
    </row>
    <row r="128991" spans="1:7" x14ac:dyDescent="0.3">
      <c r="A128991" s="13" t="s">
        <v>590</v>
      </c>
      <c r="B128991" s="14" t="s">
        <v>1</v>
      </c>
      <c r="C128991" s="14" t="s">
        <v>565</v>
      </c>
      <c r="D128991" s="14" t="s">
        <v>94</v>
      </c>
      <c r="E128991" s="15">
        <v>45522</v>
      </c>
      <c r="F128991" s="14" t="s">
        <v>15</v>
      </c>
      <c r="G128991" s="16">
        <v>0.70208741522230611</v>
      </c>
    </row>
    <row r="128992" spans="1:7" x14ac:dyDescent="0.3">
      <c r="A128992" s="13" t="s">
        <v>590</v>
      </c>
      <c r="B128992" s="14" t="s">
        <v>1</v>
      </c>
      <c r="C128992" s="14" t="s">
        <v>565</v>
      </c>
      <c r="D128992" s="14" t="s">
        <v>94</v>
      </c>
      <c r="E128992" s="15">
        <v>45523</v>
      </c>
      <c r="F128992" s="14" t="s">
        <v>15</v>
      </c>
      <c r="G128992" s="16">
        <v>0.70559457422758132</v>
      </c>
    </row>
    <row r="128993" spans="1:7" x14ac:dyDescent="0.3">
      <c r="A128993" s="13" t="s">
        <v>590</v>
      </c>
      <c r="B128993" s="14" t="s">
        <v>1</v>
      </c>
      <c r="C128993" s="14" t="s">
        <v>565</v>
      </c>
      <c r="D128993" s="14" t="s">
        <v>94</v>
      </c>
      <c r="E128993" s="15">
        <v>45524</v>
      </c>
      <c r="F128993" s="14" t="s">
        <v>15</v>
      </c>
      <c r="G128993" s="16">
        <v>0.70552072343632277</v>
      </c>
    </row>
    <row r="128994" spans="1:7" x14ac:dyDescent="0.3">
      <c r="A128994" s="13" t="s">
        <v>590</v>
      </c>
      <c r="B128994" s="14" t="s">
        <v>1</v>
      </c>
      <c r="C128994" s="14" t="s">
        <v>565</v>
      </c>
      <c r="D128994" s="14" t="s">
        <v>94</v>
      </c>
      <c r="E128994" s="15">
        <v>45525</v>
      </c>
      <c r="F128994" s="14" t="s">
        <v>15</v>
      </c>
      <c r="G128994" s="16">
        <v>0.70376186887716685</v>
      </c>
    </row>
    <row r="128995" spans="1:7" x14ac:dyDescent="0.3">
      <c r="A128995" s="13" t="s">
        <v>590</v>
      </c>
      <c r="B128995" s="14" t="s">
        <v>1</v>
      </c>
      <c r="C128995" s="14" t="s">
        <v>565</v>
      </c>
      <c r="D128995" s="14" t="s">
        <v>94</v>
      </c>
      <c r="E128995" s="15">
        <v>45526</v>
      </c>
      <c r="F128995" s="14" t="s">
        <v>15</v>
      </c>
      <c r="G128995" s="16">
        <v>0.70094649585531299</v>
      </c>
    </row>
    <row r="128996" spans="1:7" x14ac:dyDescent="0.3">
      <c r="A128996" s="13" t="s">
        <v>590</v>
      </c>
      <c r="B128996" s="14" t="s">
        <v>1</v>
      </c>
      <c r="C128996" s="14" t="s">
        <v>565</v>
      </c>
      <c r="D128996" s="14" t="s">
        <v>94</v>
      </c>
      <c r="E128996" s="15">
        <v>45527</v>
      </c>
      <c r="F128996" s="14" t="s">
        <v>15</v>
      </c>
      <c r="G128996" s="16">
        <v>0.69914393368500405</v>
      </c>
    </row>
    <row r="128997" spans="1:7" x14ac:dyDescent="0.3">
      <c r="A128997" s="13" t="s">
        <v>590</v>
      </c>
      <c r="B128997" s="14" t="s">
        <v>1</v>
      </c>
      <c r="C128997" s="14" t="s">
        <v>565</v>
      </c>
      <c r="D128997" s="14" t="s">
        <v>94</v>
      </c>
      <c r="E128997" s="15">
        <v>45528</v>
      </c>
      <c r="F128997" s="14" t="s">
        <v>15</v>
      </c>
      <c r="G128997" s="16">
        <v>0.69914393368500405</v>
      </c>
    </row>
    <row r="128998" spans="1:7" x14ac:dyDescent="0.3">
      <c r="A128998" s="13" t="s">
        <v>590</v>
      </c>
      <c r="B128998" s="14" t="s">
        <v>1</v>
      </c>
      <c r="C128998" s="14" t="s">
        <v>565</v>
      </c>
      <c r="D128998" s="14" t="s">
        <v>94</v>
      </c>
      <c r="E128998" s="15">
        <v>45529</v>
      </c>
      <c r="F128998" s="14" t="s">
        <v>15</v>
      </c>
      <c r="G128998" s="16">
        <v>0.69914393368500405</v>
      </c>
    </row>
    <row r="128999" spans="1:7" x14ac:dyDescent="0.3">
      <c r="A128999" s="13" t="s">
        <v>590</v>
      </c>
      <c r="B128999" s="14" t="s">
        <v>1</v>
      </c>
      <c r="C128999" s="14" t="s">
        <v>565</v>
      </c>
      <c r="D128999" s="14" t="s">
        <v>94</v>
      </c>
      <c r="E128999" s="15">
        <v>45530</v>
      </c>
      <c r="F128999" s="14" t="s">
        <v>15</v>
      </c>
      <c r="G128999" s="16">
        <v>0.70666465712132642</v>
      </c>
    </row>
    <row r="129000" spans="1:7" x14ac:dyDescent="0.3">
      <c r="A129000" s="13" t="s">
        <v>590</v>
      </c>
      <c r="B129000" s="14" t="s">
        <v>1</v>
      </c>
      <c r="C129000" s="14" t="s">
        <v>565</v>
      </c>
      <c r="D129000" s="14" t="s">
        <v>94</v>
      </c>
      <c r="E129000" s="15">
        <v>45531</v>
      </c>
      <c r="F129000" s="14" t="s">
        <v>15</v>
      </c>
      <c r="G129000" s="16">
        <v>0.69982818387339885</v>
      </c>
    </row>
    <row r="129001" spans="1:7" x14ac:dyDescent="0.3">
      <c r="A129001" s="13" t="s">
        <v>590</v>
      </c>
      <c r="B129001" s="14" t="s">
        <v>1</v>
      </c>
      <c r="C129001" s="14" t="s">
        <v>565</v>
      </c>
      <c r="D129001" s="14" t="s">
        <v>94</v>
      </c>
      <c r="E129001" s="15">
        <v>45532</v>
      </c>
      <c r="F129001" s="14" t="s">
        <v>15</v>
      </c>
      <c r="G129001" s="16">
        <v>0.69854559155990981</v>
      </c>
    </row>
    <row r="129002" spans="1:7" x14ac:dyDescent="0.3">
      <c r="A129002" s="13" t="s">
        <v>590</v>
      </c>
      <c r="B129002" s="14" t="s">
        <v>1</v>
      </c>
      <c r="C129002" s="14" t="s">
        <v>565</v>
      </c>
      <c r="D129002" s="14" t="s">
        <v>94</v>
      </c>
      <c r="E129002" s="15">
        <v>45533</v>
      </c>
      <c r="F129002" s="14" t="s">
        <v>15</v>
      </c>
      <c r="G129002" s="16">
        <v>0.69878975131876431</v>
      </c>
    </row>
    <row r="129003" spans="1:7" x14ac:dyDescent="0.3">
      <c r="A129003" s="13" t="s">
        <v>590</v>
      </c>
      <c r="B129003" s="14" t="s">
        <v>1</v>
      </c>
      <c r="C129003" s="14" t="s">
        <v>565</v>
      </c>
      <c r="D129003" s="14" t="s">
        <v>94</v>
      </c>
      <c r="E129003" s="15">
        <v>45534</v>
      </c>
      <c r="F129003" s="14" t="s">
        <v>15</v>
      </c>
      <c r="G129003" s="16">
        <v>0.70087113790504918</v>
      </c>
    </row>
    <row r="129004" spans="1:7" x14ac:dyDescent="0.3">
      <c r="A129004" s="13" t="s">
        <v>590</v>
      </c>
      <c r="B129004" s="14" t="s">
        <v>1</v>
      </c>
      <c r="C129004" s="14" t="s">
        <v>565</v>
      </c>
      <c r="D129004" s="14" t="s">
        <v>94</v>
      </c>
      <c r="E129004" s="15">
        <v>45535</v>
      </c>
      <c r="F129004" s="14" t="s">
        <v>15</v>
      </c>
      <c r="G129004" s="16">
        <v>0.70087113790504918</v>
      </c>
    </row>
    <row r="129005" spans="1:7" x14ac:dyDescent="0.3">
      <c r="A129005" s="13" t="s">
        <v>590</v>
      </c>
      <c r="B129005" s="14" t="s">
        <v>1</v>
      </c>
      <c r="C129005" s="14" t="s">
        <v>565</v>
      </c>
      <c r="D129005" s="14" t="s">
        <v>94</v>
      </c>
      <c r="E129005" s="15">
        <v>45536</v>
      </c>
      <c r="F129005" s="14" t="s">
        <v>15</v>
      </c>
      <c r="G129005" s="16">
        <v>0.70087113790504918</v>
      </c>
    </row>
    <row r="129006" spans="1:7" x14ac:dyDescent="0.3">
      <c r="A129006" s="13" t="s">
        <v>590</v>
      </c>
      <c r="B129006" s="14" t="s">
        <v>1</v>
      </c>
      <c r="C129006" s="14" t="s">
        <v>565</v>
      </c>
      <c r="D129006" s="14" t="s">
        <v>94</v>
      </c>
      <c r="E129006" s="15">
        <v>45537</v>
      </c>
      <c r="F129006" s="14" t="s">
        <v>15</v>
      </c>
      <c r="G129006" s="16">
        <v>0.69913036925395655</v>
      </c>
    </row>
    <row r="129007" spans="1:7" x14ac:dyDescent="0.3">
      <c r="A129007" s="13" t="s">
        <v>590</v>
      </c>
      <c r="B129007" s="14" t="s">
        <v>1</v>
      </c>
      <c r="C129007" s="14" t="s">
        <v>565</v>
      </c>
      <c r="D129007" s="14" t="s">
        <v>94</v>
      </c>
      <c r="E129007" s="15">
        <v>45538</v>
      </c>
      <c r="F129007" s="14" t="s">
        <v>15</v>
      </c>
      <c r="G129007" s="16">
        <v>0.69386887716654133</v>
      </c>
    </row>
    <row r="129008" spans="1:7" x14ac:dyDescent="0.3">
      <c r="A129008" s="13" t="s">
        <v>590</v>
      </c>
      <c r="B129008" s="14" t="s">
        <v>1</v>
      </c>
      <c r="C129008" s="14" t="s">
        <v>565</v>
      </c>
      <c r="D129008" s="14" t="s">
        <v>94</v>
      </c>
      <c r="E129008" s="15">
        <v>45539</v>
      </c>
      <c r="F129008" s="14" t="s">
        <v>15</v>
      </c>
      <c r="G129008" s="16">
        <v>0.69212207987942753</v>
      </c>
    </row>
    <row r="129009" spans="1:7" x14ac:dyDescent="0.3">
      <c r="A129009" s="13" t="s">
        <v>590</v>
      </c>
      <c r="B129009" s="14" t="s">
        <v>1</v>
      </c>
      <c r="C129009" s="14" t="s">
        <v>565</v>
      </c>
      <c r="D129009" s="14" t="s">
        <v>94</v>
      </c>
      <c r="E129009" s="15">
        <v>45540</v>
      </c>
      <c r="F129009" s="14" t="s">
        <v>15</v>
      </c>
      <c r="G129009" s="16">
        <v>0.69037980406932942</v>
      </c>
    </row>
    <row r="129010" spans="1:7" x14ac:dyDescent="0.3">
      <c r="A129010" s="13" t="s">
        <v>590</v>
      </c>
      <c r="B129010" s="14" t="s">
        <v>1</v>
      </c>
      <c r="C129010" s="14" t="s">
        <v>565</v>
      </c>
      <c r="D129010" s="14" t="s">
        <v>94</v>
      </c>
      <c r="E129010" s="15">
        <v>45541</v>
      </c>
      <c r="F129010" s="14" t="s">
        <v>15</v>
      </c>
      <c r="G129010" s="16">
        <v>0.70368651092690293</v>
      </c>
    </row>
    <row r="129011" spans="1:7" x14ac:dyDescent="0.3">
      <c r="A129011" s="13" t="s">
        <v>590</v>
      </c>
      <c r="B129011" s="14" t="s">
        <v>1</v>
      </c>
      <c r="C129011" s="14" t="s">
        <v>565</v>
      </c>
      <c r="D129011" s="14" t="s">
        <v>94</v>
      </c>
      <c r="E129011" s="15">
        <v>45542</v>
      </c>
      <c r="F129011" s="14" t="s">
        <v>15</v>
      </c>
      <c r="G129011" s="16">
        <v>0.70368651092690293</v>
      </c>
    </row>
    <row r="129012" spans="1:7" x14ac:dyDescent="0.3">
      <c r="A129012" s="13" t="s">
        <v>590</v>
      </c>
      <c r="B129012" s="14" t="s">
        <v>1</v>
      </c>
      <c r="C129012" s="14" t="s">
        <v>565</v>
      </c>
      <c r="D129012" s="14" t="s">
        <v>94</v>
      </c>
      <c r="E129012" s="15">
        <v>45543</v>
      </c>
      <c r="F129012" s="14" t="s">
        <v>15</v>
      </c>
      <c r="G129012" s="16">
        <v>0.70368651092690293</v>
      </c>
    </row>
    <row r="129013" spans="1:7" x14ac:dyDescent="0.3">
      <c r="A129013" s="13" t="s">
        <v>590</v>
      </c>
      <c r="B129013" s="14" t="s">
        <v>1</v>
      </c>
      <c r="C129013" s="14" t="s">
        <v>565</v>
      </c>
      <c r="D129013" s="14" t="s">
        <v>94</v>
      </c>
      <c r="E129013" s="15">
        <v>45544</v>
      </c>
      <c r="F129013" s="14" t="s">
        <v>15</v>
      </c>
      <c r="G129013" s="16">
        <v>0.71687565938206499</v>
      </c>
    </row>
    <row r="129014" spans="1:7" x14ac:dyDescent="0.3">
      <c r="A129014" s="13" t="s">
        <v>590</v>
      </c>
      <c r="B129014" s="14" t="s">
        <v>1</v>
      </c>
      <c r="C129014" s="14" t="s">
        <v>565</v>
      </c>
      <c r="D129014" s="14" t="s">
        <v>94</v>
      </c>
      <c r="E129014" s="15">
        <v>45545</v>
      </c>
      <c r="F129014" s="14" t="s">
        <v>15</v>
      </c>
      <c r="G129014" s="16">
        <v>0.7544189902034667</v>
      </c>
    </row>
    <row r="129015" spans="1:7" x14ac:dyDescent="0.3">
      <c r="A129015" s="13" t="s">
        <v>590</v>
      </c>
      <c r="B129015" s="14" t="s">
        <v>1</v>
      </c>
      <c r="C129015" s="14" t="s">
        <v>565</v>
      </c>
      <c r="D129015" s="14" t="s">
        <v>94</v>
      </c>
      <c r="E129015" s="15">
        <v>45546</v>
      </c>
      <c r="F129015" s="14" t="s">
        <v>15</v>
      </c>
      <c r="G129015" s="16">
        <v>0.75271590052750581</v>
      </c>
    </row>
    <row r="129016" spans="1:7" x14ac:dyDescent="0.3">
      <c r="A129016" s="13" t="s">
        <v>590</v>
      </c>
      <c r="B129016" s="14" t="s">
        <v>1</v>
      </c>
      <c r="C129016" s="14" t="s">
        <v>565</v>
      </c>
      <c r="D129016" s="14" t="s">
        <v>94</v>
      </c>
      <c r="E129016" s="15">
        <v>45547</v>
      </c>
      <c r="F129016" s="14" t="s">
        <v>15</v>
      </c>
      <c r="G129016" s="16">
        <v>0.75866616428033173</v>
      </c>
    </row>
    <row r="129017" spans="1:7" x14ac:dyDescent="0.3">
      <c r="A129017" s="13" t="s">
        <v>590</v>
      </c>
      <c r="B129017" s="14" t="s">
        <v>1</v>
      </c>
      <c r="C129017" s="14" t="s">
        <v>565</v>
      </c>
      <c r="D129017" s="14" t="s">
        <v>94</v>
      </c>
      <c r="E129017" s="15">
        <v>45548</v>
      </c>
      <c r="F129017" s="14" t="s">
        <v>15</v>
      </c>
      <c r="G129017" s="16">
        <v>0.78211906556141686</v>
      </c>
    </row>
    <row r="129018" spans="1:7" x14ac:dyDescent="0.3">
      <c r="A129018" s="13" t="s">
        <v>590</v>
      </c>
      <c r="B129018" s="14" t="s">
        <v>1</v>
      </c>
      <c r="C129018" s="14" t="s">
        <v>565</v>
      </c>
      <c r="D129018" s="14" t="s">
        <v>94</v>
      </c>
      <c r="E129018" s="15">
        <v>45549</v>
      </c>
      <c r="F129018" s="14" t="s">
        <v>15</v>
      </c>
      <c r="G129018" s="16">
        <v>0.78211906556141686</v>
      </c>
    </row>
    <row r="129019" spans="1:7" x14ac:dyDescent="0.3">
      <c r="A129019" s="13" t="s">
        <v>590</v>
      </c>
      <c r="B129019" s="14" t="s">
        <v>1</v>
      </c>
      <c r="C129019" s="14" t="s">
        <v>565</v>
      </c>
      <c r="D129019" s="14" t="s">
        <v>94</v>
      </c>
      <c r="E129019" s="15">
        <v>45550</v>
      </c>
      <c r="F129019" s="14" t="s">
        <v>15</v>
      </c>
      <c r="G129019" s="16">
        <v>0.78211906556141686</v>
      </c>
    </row>
    <row r="129020" spans="1:7" x14ac:dyDescent="0.3">
      <c r="A129020" s="13" t="s">
        <v>590</v>
      </c>
      <c r="B129020" s="14" t="s">
        <v>1</v>
      </c>
      <c r="C129020" s="14" t="s">
        <v>565</v>
      </c>
      <c r="D129020" s="14" t="s">
        <v>94</v>
      </c>
      <c r="E129020" s="15">
        <v>45551</v>
      </c>
      <c r="F129020" s="14" t="s">
        <v>15</v>
      </c>
      <c r="G129020" s="16">
        <v>0.78211906556141686</v>
      </c>
    </row>
    <row r="129021" spans="1:7" x14ac:dyDescent="0.3">
      <c r="A129021" s="13" t="s">
        <v>590</v>
      </c>
      <c r="B129021" s="14" t="s">
        <v>1</v>
      </c>
      <c r="C129021" s="14" t="s">
        <v>565</v>
      </c>
      <c r="D129021" s="14" t="s">
        <v>94</v>
      </c>
      <c r="E129021" s="15">
        <v>45552</v>
      </c>
      <c r="F129021" s="14" t="s">
        <v>15</v>
      </c>
      <c r="G129021" s="16">
        <v>0.78211906556141686</v>
      </c>
    </row>
    <row r="129022" spans="1:7" x14ac:dyDescent="0.3">
      <c r="A129022" s="13" t="s">
        <v>590</v>
      </c>
      <c r="B129022" s="14" t="s">
        <v>1</v>
      </c>
      <c r="C129022" s="14" t="s">
        <v>565</v>
      </c>
      <c r="D129022" s="14" t="s">
        <v>94</v>
      </c>
      <c r="E129022" s="15">
        <v>45553</v>
      </c>
      <c r="F129022" s="14" t="s">
        <v>15</v>
      </c>
      <c r="G129022" s="16">
        <v>0.78211906556141686</v>
      </c>
    </row>
    <row r="129023" spans="1:7" x14ac:dyDescent="0.3">
      <c r="A129023" s="13" t="s">
        <v>590</v>
      </c>
      <c r="B129023" s="14" t="s">
        <v>1</v>
      </c>
      <c r="C129023" s="14" t="s">
        <v>565</v>
      </c>
      <c r="D129023" s="14" t="s">
        <v>94</v>
      </c>
      <c r="E129023" s="15">
        <v>45554</v>
      </c>
      <c r="F129023" s="14" t="s">
        <v>15</v>
      </c>
      <c r="G129023" s="16">
        <v>0.81840994724943494</v>
      </c>
    </row>
    <row r="129024" spans="1:7" x14ac:dyDescent="0.3">
      <c r="A129024" s="13" t="s">
        <v>590</v>
      </c>
      <c r="B129024" s="14" t="s">
        <v>1</v>
      </c>
      <c r="C129024" s="14" t="s">
        <v>565</v>
      </c>
      <c r="D129024" s="14" t="s">
        <v>94</v>
      </c>
      <c r="E129024" s="15">
        <v>45555</v>
      </c>
      <c r="F129024" s="14" t="s">
        <v>15</v>
      </c>
      <c r="G129024" s="16">
        <v>0.81833760361718177</v>
      </c>
    </row>
    <row r="129025" spans="1:7" x14ac:dyDescent="0.3">
      <c r="A129025" s="13" t="s">
        <v>590</v>
      </c>
      <c r="B129025" s="14" t="s">
        <v>1</v>
      </c>
      <c r="C129025" s="14" t="s">
        <v>565</v>
      </c>
      <c r="D129025" s="14" t="s">
        <v>94</v>
      </c>
      <c r="E129025" s="15">
        <v>45556</v>
      </c>
      <c r="F129025" s="14" t="s">
        <v>15</v>
      </c>
      <c r="G129025" s="16">
        <v>0.81833760361718177</v>
      </c>
    </row>
    <row r="129026" spans="1:7" x14ac:dyDescent="0.3">
      <c r="A129026" s="13" t="s">
        <v>590</v>
      </c>
      <c r="B129026" s="14" t="s">
        <v>1</v>
      </c>
      <c r="C129026" s="14" t="s">
        <v>565</v>
      </c>
      <c r="D129026" s="14" t="s">
        <v>94</v>
      </c>
      <c r="E129026" s="15">
        <v>45557</v>
      </c>
      <c r="F129026" s="14" t="s">
        <v>15</v>
      </c>
      <c r="G129026" s="16">
        <v>0.81833760361718177</v>
      </c>
    </row>
    <row r="129027" spans="1:7" x14ac:dyDescent="0.3">
      <c r="A129027" s="13" t="s">
        <v>590</v>
      </c>
      <c r="B129027" s="14" t="s">
        <v>1</v>
      </c>
      <c r="C129027" s="14" t="s">
        <v>565</v>
      </c>
      <c r="D129027" s="14" t="s">
        <v>94</v>
      </c>
      <c r="E129027" s="15">
        <v>45558</v>
      </c>
      <c r="F129027" s="14" t="s">
        <v>15</v>
      </c>
      <c r="G129027" s="16">
        <v>0.81657573474001532</v>
      </c>
    </row>
    <row r="129028" spans="1:7" x14ac:dyDescent="0.3">
      <c r="A129028" s="13" t="s">
        <v>590</v>
      </c>
      <c r="B129028" s="14" t="s">
        <v>1</v>
      </c>
      <c r="C129028" s="14" t="s">
        <v>565</v>
      </c>
      <c r="D129028" s="14" t="s">
        <v>94</v>
      </c>
      <c r="E129028" s="15">
        <v>45559</v>
      </c>
      <c r="F129028" s="14" t="s">
        <v>15</v>
      </c>
      <c r="G129028" s="16">
        <v>0.81123285606631523</v>
      </c>
    </row>
    <row r="129029" spans="1:7" x14ac:dyDescent="0.3">
      <c r="A129029" s="13" t="s">
        <v>590</v>
      </c>
      <c r="B129029" s="14" t="s">
        <v>1</v>
      </c>
      <c r="C129029" s="14" t="s">
        <v>565</v>
      </c>
      <c r="D129029" s="14" t="s">
        <v>94</v>
      </c>
      <c r="E129029" s="15">
        <v>45560</v>
      </c>
      <c r="F129029" s="14" t="s">
        <v>15</v>
      </c>
      <c r="G129029" s="16">
        <v>0.80939412207987971</v>
      </c>
    </row>
    <row r="129030" spans="1:7" x14ac:dyDescent="0.3">
      <c r="A129030" s="13" t="s">
        <v>590</v>
      </c>
      <c r="B129030" s="14" t="s">
        <v>1</v>
      </c>
      <c r="C129030" s="14" t="s">
        <v>565</v>
      </c>
      <c r="D129030" s="14" t="s">
        <v>94</v>
      </c>
      <c r="E129030" s="15">
        <v>45561</v>
      </c>
      <c r="F129030" s="14" t="s">
        <v>15</v>
      </c>
      <c r="G129030" s="16">
        <v>0.80758703843255497</v>
      </c>
    </row>
    <row r="129031" spans="1:7" x14ac:dyDescent="0.3">
      <c r="A129031" s="13" t="s">
        <v>590</v>
      </c>
      <c r="B129031" s="14" t="s">
        <v>1</v>
      </c>
      <c r="C129031" s="14" t="s">
        <v>565</v>
      </c>
      <c r="D129031" s="14" t="s">
        <v>94</v>
      </c>
      <c r="E129031" s="15">
        <v>45562</v>
      </c>
      <c r="F129031" s="14" t="s">
        <v>15</v>
      </c>
      <c r="G129031" s="16">
        <v>0.80616578749058054</v>
      </c>
    </row>
    <row r="129032" spans="1:7" x14ac:dyDescent="0.3">
      <c r="A129032" s="13" t="s">
        <v>590</v>
      </c>
      <c r="B129032" s="14" t="s">
        <v>1</v>
      </c>
      <c r="C129032" s="14" t="s">
        <v>565</v>
      </c>
      <c r="D129032" s="14" t="s">
        <v>94</v>
      </c>
      <c r="E129032" s="15">
        <v>45563</v>
      </c>
      <c r="F129032" s="14" t="s">
        <v>15</v>
      </c>
      <c r="G129032" s="16">
        <v>0.80616578749058054</v>
      </c>
    </row>
    <row r="129033" spans="1:7" x14ac:dyDescent="0.3">
      <c r="A129033" s="13" t="s">
        <v>590</v>
      </c>
      <c r="B129033" s="14" t="s">
        <v>1</v>
      </c>
      <c r="C129033" s="14" t="s">
        <v>565</v>
      </c>
      <c r="D129033" s="14" t="s">
        <v>94</v>
      </c>
      <c r="E129033" s="15">
        <v>45564</v>
      </c>
      <c r="F129033" s="14" t="s">
        <v>15</v>
      </c>
      <c r="G129033" s="16">
        <v>0.80616578749058054</v>
      </c>
    </row>
    <row r="129034" spans="1:7" x14ac:dyDescent="0.3">
      <c r="A129034" s="13" t="s">
        <v>590</v>
      </c>
      <c r="B129034" s="14" t="s">
        <v>1</v>
      </c>
      <c r="C129034" s="14" t="s">
        <v>565</v>
      </c>
      <c r="D129034" s="14" t="s">
        <v>94</v>
      </c>
      <c r="E129034" s="15">
        <v>45565</v>
      </c>
      <c r="F129034" s="14" t="s">
        <v>15</v>
      </c>
      <c r="G129034" s="16">
        <v>0.82484551620195945</v>
      </c>
    </row>
    <row r="129035" spans="1:7" x14ac:dyDescent="0.3">
      <c r="A129035" s="13" t="s">
        <v>590</v>
      </c>
      <c r="B129035" s="14" t="s">
        <v>1</v>
      </c>
      <c r="C129035" s="14" t="s">
        <v>565</v>
      </c>
      <c r="D129035" s="14" t="s">
        <v>94</v>
      </c>
      <c r="E129035" s="15">
        <v>45566</v>
      </c>
      <c r="F129035" s="14" t="s">
        <v>15</v>
      </c>
      <c r="G129035" s="16">
        <v>0.82484551620195945</v>
      </c>
    </row>
    <row r="129036" spans="1:7" x14ac:dyDescent="0.3">
      <c r="A129036" s="13" t="s">
        <v>590</v>
      </c>
      <c r="B129036" s="14" t="s">
        <v>1</v>
      </c>
      <c r="C129036" s="14" t="s">
        <v>565</v>
      </c>
      <c r="D129036" s="14" t="s">
        <v>94</v>
      </c>
      <c r="E129036" s="15">
        <v>45567</v>
      </c>
      <c r="F129036" s="14" t="s">
        <v>15</v>
      </c>
      <c r="G129036" s="16">
        <v>0.82484551620195945</v>
      </c>
    </row>
    <row r="129037" spans="1:7" x14ac:dyDescent="0.3">
      <c r="A129037" s="13" t="s">
        <v>590</v>
      </c>
      <c r="B129037" s="14" t="s">
        <v>1</v>
      </c>
      <c r="C129037" s="14" t="s">
        <v>565</v>
      </c>
      <c r="D129037" s="14" t="s">
        <v>94</v>
      </c>
      <c r="E129037" s="15">
        <v>45568</v>
      </c>
      <c r="F129037" s="14" t="s">
        <v>15</v>
      </c>
      <c r="G129037" s="16">
        <v>0.82484551620195945</v>
      </c>
    </row>
    <row r="129038" spans="1:7" x14ac:dyDescent="0.3">
      <c r="A129038" s="13" t="s">
        <v>590</v>
      </c>
      <c r="B129038" s="14" t="s">
        <v>1</v>
      </c>
      <c r="C129038" s="14" t="s">
        <v>565</v>
      </c>
      <c r="D129038" s="14" t="s">
        <v>94</v>
      </c>
      <c r="E129038" s="15">
        <v>45569</v>
      </c>
      <c r="F129038" s="14" t="s">
        <v>15</v>
      </c>
      <c r="G129038" s="16">
        <v>0.82484551620195945</v>
      </c>
    </row>
    <row r="129039" spans="1:7" x14ac:dyDescent="0.3">
      <c r="A129039" s="13" t="s">
        <v>590</v>
      </c>
      <c r="B129039" s="14" t="s">
        <v>1</v>
      </c>
      <c r="C129039" s="14" t="s">
        <v>565</v>
      </c>
      <c r="D129039" s="14" t="s">
        <v>94</v>
      </c>
      <c r="E129039" s="15">
        <v>45570</v>
      </c>
      <c r="F129039" s="14" t="s">
        <v>15</v>
      </c>
      <c r="G129039" s="16">
        <v>0.82484551620195945</v>
      </c>
    </row>
    <row r="129040" spans="1:7" x14ac:dyDescent="0.3">
      <c r="A129040" s="13" t="s">
        <v>590</v>
      </c>
      <c r="B129040" s="14" t="s">
        <v>1</v>
      </c>
      <c r="C129040" s="14" t="s">
        <v>565</v>
      </c>
      <c r="D129040" s="14" t="s">
        <v>94</v>
      </c>
      <c r="E129040" s="15">
        <v>45571</v>
      </c>
      <c r="F129040" s="14" t="s">
        <v>15</v>
      </c>
      <c r="G129040" s="16">
        <v>0.82484551620195945</v>
      </c>
    </row>
    <row r="129041" spans="1:7" x14ac:dyDescent="0.3">
      <c r="A129041" s="13" t="s">
        <v>590</v>
      </c>
      <c r="B129041" s="14" t="s">
        <v>1</v>
      </c>
      <c r="C129041" s="14" t="s">
        <v>565</v>
      </c>
      <c r="D129041" s="14" t="s">
        <v>94</v>
      </c>
      <c r="E129041" s="15">
        <v>45572</v>
      </c>
      <c r="F129041" s="14" t="s">
        <v>15</v>
      </c>
      <c r="G129041" s="16">
        <v>0.82484551620195945</v>
      </c>
    </row>
    <row r="129042" spans="1:7" x14ac:dyDescent="0.3">
      <c r="A129042" s="13" t="s">
        <v>590</v>
      </c>
      <c r="B129042" s="14" t="s">
        <v>1</v>
      </c>
      <c r="C129042" s="14" t="s">
        <v>565</v>
      </c>
      <c r="D129042" s="14" t="s">
        <v>94</v>
      </c>
      <c r="E129042" s="15">
        <v>45573</v>
      </c>
      <c r="F129042" s="14" t="s">
        <v>15</v>
      </c>
      <c r="G129042" s="16">
        <v>0.81920874152223089</v>
      </c>
    </row>
    <row r="129043" spans="1:7" x14ac:dyDescent="0.3">
      <c r="A129043" s="13" t="s">
        <v>590</v>
      </c>
      <c r="B129043" s="14" t="s">
        <v>1</v>
      </c>
      <c r="C129043" s="14" t="s">
        <v>565</v>
      </c>
      <c r="D129043" s="14" t="s">
        <v>94</v>
      </c>
      <c r="E129043" s="15">
        <v>45574</v>
      </c>
      <c r="F129043" s="14" t="s">
        <v>15</v>
      </c>
      <c r="G129043" s="16">
        <v>0.81539713639789024</v>
      </c>
    </row>
    <row r="129044" spans="1:7" x14ac:dyDescent="0.3">
      <c r="A129044" s="13" t="s">
        <v>590</v>
      </c>
      <c r="B129044" s="14" t="s">
        <v>1</v>
      </c>
      <c r="C129044" s="14" t="s">
        <v>565</v>
      </c>
      <c r="D129044" s="14" t="s">
        <v>94</v>
      </c>
      <c r="E129044" s="15">
        <v>45575</v>
      </c>
      <c r="F129044" s="14" t="s">
        <v>15</v>
      </c>
      <c r="G129044" s="16">
        <v>0.81353730218538078</v>
      </c>
    </row>
    <row r="129045" spans="1:7" x14ac:dyDescent="0.3">
      <c r="A129045" s="13" t="s">
        <v>590</v>
      </c>
      <c r="B129045" s="14" t="s">
        <v>1</v>
      </c>
      <c r="C129045" s="14" t="s">
        <v>565</v>
      </c>
      <c r="D129045" s="14" t="s">
        <v>94</v>
      </c>
      <c r="E129045" s="15">
        <v>45576</v>
      </c>
      <c r="F129045" s="14" t="s">
        <v>15</v>
      </c>
      <c r="G129045" s="16">
        <v>0.81353730218538078</v>
      </c>
    </row>
    <row r="129046" spans="1:7" x14ac:dyDescent="0.3">
      <c r="A129046" s="13" t="s">
        <v>590</v>
      </c>
      <c r="B129046" s="14" t="s">
        <v>1</v>
      </c>
      <c r="C129046" s="14" t="s">
        <v>565</v>
      </c>
      <c r="D129046" s="14" t="s">
        <v>94</v>
      </c>
      <c r="E129046" s="15">
        <v>45577</v>
      </c>
      <c r="F129046" s="14" t="s">
        <v>15</v>
      </c>
      <c r="G129046" s="16">
        <v>0.81353730218538078</v>
      </c>
    </row>
    <row r="129047" spans="1:7" x14ac:dyDescent="0.3">
      <c r="A129047" s="13" t="s">
        <v>590</v>
      </c>
      <c r="B129047" s="14" t="s">
        <v>1</v>
      </c>
      <c r="C129047" s="14" t="s">
        <v>565</v>
      </c>
      <c r="D129047" s="14" t="s">
        <v>94</v>
      </c>
      <c r="E129047" s="15">
        <v>45578</v>
      </c>
      <c r="F129047" s="14" t="s">
        <v>15</v>
      </c>
      <c r="G129047" s="16">
        <v>0.81353730218538078</v>
      </c>
    </row>
    <row r="129048" spans="1:7" x14ac:dyDescent="0.3">
      <c r="A129048" s="13" t="s">
        <v>590</v>
      </c>
      <c r="B129048" s="14" t="s">
        <v>1</v>
      </c>
      <c r="C129048" s="14" t="s">
        <v>565</v>
      </c>
      <c r="D129048" s="14" t="s">
        <v>94</v>
      </c>
      <c r="E129048" s="15">
        <v>45579</v>
      </c>
      <c r="F129048" s="14" t="s">
        <v>15</v>
      </c>
      <c r="G129048" s="16">
        <v>0.81169404672192946</v>
      </c>
    </row>
    <row r="129049" spans="1:7" x14ac:dyDescent="0.3">
      <c r="A129049" s="13" t="s">
        <v>590</v>
      </c>
      <c r="B129049" s="14" t="s">
        <v>1</v>
      </c>
      <c r="C129049" s="14" t="s">
        <v>565</v>
      </c>
      <c r="D129049" s="14" t="s">
        <v>94</v>
      </c>
      <c r="E129049" s="15">
        <v>45580</v>
      </c>
      <c r="F129049" s="14" t="s">
        <v>15</v>
      </c>
      <c r="G129049" s="16">
        <v>0.80459080633006808</v>
      </c>
    </row>
    <row r="129050" spans="1:7" x14ac:dyDescent="0.3">
      <c r="A129050" s="13" t="s">
        <v>590</v>
      </c>
      <c r="B129050" s="14" t="s">
        <v>1</v>
      </c>
      <c r="C129050" s="14" t="s">
        <v>565</v>
      </c>
      <c r="D129050" s="14" t="s">
        <v>94</v>
      </c>
      <c r="E129050" s="15">
        <v>45581</v>
      </c>
      <c r="F129050" s="14" t="s">
        <v>15</v>
      </c>
      <c r="G129050" s="16">
        <v>0.80954031650339142</v>
      </c>
    </row>
    <row r="129051" spans="1:7" x14ac:dyDescent="0.3">
      <c r="A129051" s="13" t="s">
        <v>590</v>
      </c>
      <c r="B129051" s="14" t="s">
        <v>1</v>
      </c>
      <c r="C129051" s="14" t="s">
        <v>565</v>
      </c>
      <c r="D129051" s="14" t="s">
        <v>94</v>
      </c>
      <c r="E129051" s="15">
        <v>45582</v>
      </c>
      <c r="F129051" s="14" t="s">
        <v>15</v>
      </c>
      <c r="G129051" s="16">
        <v>0.80769934848264813</v>
      </c>
    </row>
    <row r="129052" spans="1:7" x14ac:dyDescent="0.3">
      <c r="A129052" s="13" t="s">
        <v>590</v>
      </c>
      <c r="B129052" s="14" t="s">
        <v>1</v>
      </c>
      <c r="C129052" s="14" t="s">
        <v>565</v>
      </c>
      <c r="D129052" s="14" t="s">
        <v>94</v>
      </c>
      <c r="E129052" s="15">
        <v>45583</v>
      </c>
      <c r="F129052" s="14" t="s">
        <v>15</v>
      </c>
      <c r="G129052" s="16">
        <v>0.80587566654660658</v>
      </c>
    </row>
    <row r="129053" spans="1:7" x14ac:dyDescent="0.3">
      <c r="A129053" s="13" t="s">
        <v>590</v>
      </c>
      <c r="B129053" s="14" t="s">
        <v>1</v>
      </c>
      <c r="C129053" s="14" t="s">
        <v>565</v>
      </c>
      <c r="D129053" s="14" t="s">
        <v>94</v>
      </c>
      <c r="E129053" s="15">
        <v>45584</v>
      </c>
      <c r="F129053" s="14" t="s">
        <v>15</v>
      </c>
      <c r="G129053" s="16">
        <v>0.80587566654660658</v>
      </c>
    </row>
    <row r="129054" spans="1:7" x14ac:dyDescent="0.3">
      <c r="A129054" s="13" t="s">
        <v>590</v>
      </c>
      <c r="B129054" s="14" t="s">
        <v>1</v>
      </c>
      <c r="C129054" s="14" t="s">
        <v>565</v>
      </c>
      <c r="D129054" s="14" t="s">
        <v>94</v>
      </c>
      <c r="E129054" s="15">
        <v>45585</v>
      </c>
      <c r="F129054" s="14" t="s">
        <v>15</v>
      </c>
      <c r="G129054" s="16">
        <v>0.80587566654660658</v>
      </c>
    </row>
    <row r="129055" spans="1:7" x14ac:dyDescent="0.3">
      <c r="A129055" s="13" t="s">
        <v>590</v>
      </c>
      <c r="B129055" s="14" t="s">
        <v>1</v>
      </c>
      <c r="C129055" s="14" t="s">
        <v>565</v>
      </c>
      <c r="D129055" s="14" t="s">
        <v>94</v>
      </c>
      <c r="E129055" s="15">
        <v>45586</v>
      </c>
      <c r="F129055" s="14" t="s">
        <v>15</v>
      </c>
      <c r="G129055" s="16">
        <v>0.81092666049647699</v>
      </c>
    </row>
    <row r="129056" spans="1:7" x14ac:dyDescent="0.3">
      <c r="A129056" s="13" t="s">
        <v>590</v>
      </c>
      <c r="B129056" s="14" t="s">
        <v>1</v>
      </c>
      <c r="C129056" s="14" t="s">
        <v>565</v>
      </c>
      <c r="D129056" s="14" t="s">
        <v>94</v>
      </c>
      <c r="E129056" s="15">
        <v>45587</v>
      </c>
      <c r="F129056" s="14" t="s">
        <v>15</v>
      </c>
      <c r="G129056" s="16">
        <v>0.8054106708681279</v>
      </c>
    </row>
    <row r="129057" spans="1:7" x14ac:dyDescent="0.3">
      <c r="A129057" s="13" t="s">
        <v>590</v>
      </c>
      <c r="B129057" s="14" t="s">
        <v>1</v>
      </c>
      <c r="C129057" s="14" t="s">
        <v>565</v>
      </c>
      <c r="D129057" s="14" t="s">
        <v>94</v>
      </c>
      <c r="E129057" s="15">
        <v>45588</v>
      </c>
      <c r="F129057" s="14" t="s">
        <v>15</v>
      </c>
      <c r="G129057" s="16">
        <v>0.80357834588973542</v>
      </c>
    </row>
    <row r="129058" spans="1:7" x14ac:dyDescent="0.3">
      <c r="A129058" s="13" t="s">
        <v>590</v>
      </c>
      <c r="B129058" s="14" t="s">
        <v>1</v>
      </c>
      <c r="C129058" s="14" t="s">
        <v>565</v>
      </c>
      <c r="D129058" s="14" t="s">
        <v>94</v>
      </c>
      <c r="E129058" s="15">
        <v>45589</v>
      </c>
      <c r="F129058" s="14" t="s">
        <v>15</v>
      </c>
      <c r="G129058" s="16">
        <v>0.80175984977910442</v>
      </c>
    </row>
    <row r="129059" spans="1:7" x14ac:dyDescent="0.3">
      <c r="A129059" s="13" t="s">
        <v>590</v>
      </c>
      <c r="B129059" s="14" t="s">
        <v>1</v>
      </c>
      <c r="C129059" s="14" t="s">
        <v>565</v>
      </c>
      <c r="D129059" s="14" t="s">
        <v>94</v>
      </c>
      <c r="E129059" s="15">
        <v>45590</v>
      </c>
      <c r="F129059" s="14" t="s">
        <v>15</v>
      </c>
      <c r="G129059" s="16">
        <v>0.80185319463649418</v>
      </c>
    </row>
    <row r="129060" spans="1:7" x14ac:dyDescent="0.3">
      <c r="A129060" s="13" t="s">
        <v>590</v>
      </c>
      <c r="B129060" s="14" t="s">
        <v>1</v>
      </c>
      <c r="C129060" s="14" t="s">
        <v>565</v>
      </c>
      <c r="D129060" s="14" t="s">
        <v>94</v>
      </c>
      <c r="E129060" s="15">
        <v>45591</v>
      </c>
      <c r="F129060" s="14" t="s">
        <v>15</v>
      </c>
      <c r="G129060" s="16">
        <v>0.80185319463649418</v>
      </c>
    </row>
    <row r="129061" spans="1:7" x14ac:dyDescent="0.3">
      <c r="A129061" s="13" t="s">
        <v>590</v>
      </c>
      <c r="B129061" s="14" t="s">
        <v>1</v>
      </c>
      <c r="C129061" s="14" t="s">
        <v>565</v>
      </c>
      <c r="D129061" s="14" t="s">
        <v>94</v>
      </c>
      <c r="E129061" s="15">
        <v>45592</v>
      </c>
      <c r="F129061" s="14" t="s">
        <v>15</v>
      </c>
      <c r="G129061" s="16">
        <v>0.80185319463649418</v>
      </c>
    </row>
    <row r="129062" spans="1:7" x14ac:dyDescent="0.3">
      <c r="A129062" s="13" t="s">
        <v>590</v>
      </c>
      <c r="B129062" s="14" t="s">
        <v>1</v>
      </c>
      <c r="C129062" s="14" t="s">
        <v>565</v>
      </c>
      <c r="D129062" s="14" t="s">
        <v>94</v>
      </c>
      <c r="E129062" s="15">
        <v>45593</v>
      </c>
      <c r="F129062" s="14" t="s">
        <v>15</v>
      </c>
      <c r="G129062" s="16">
        <v>0.80185319463649418</v>
      </c>
    </row>
    <row r="129063" spans="1:7" x14ac:dyDescent="0.3">
      <c r="A129063" s="13" t="s">
        <v>590</v>
      </c>
      <c r="B129063" s="14" t="s">
        <v>1</v>
      </c>
      <c r="C129063" s="14" t="s">
        <v>565</v>
      </c>
      <c r="D129063" s="14" t="s">
        <v>94</v>
      </c>
      <c r="E129063" s="15">
        <v>45594</v>
      </c>
      <c r="F129063" s="14" t="s">
        <v>15</v>
      </c>
      <c r="G129063" s="16">
        <v>0.80033893361661512</v>
      </c>
    </row>
    <row r="129064" spans="1:7" x14ac:dyDescent="0.3">
      <c r="A129064" s="13" t="s">
        <v>590</v>
      </c>
      <c r="B129064" s="14" t="s">
        <v>1</v>
      </c>
      <c r="C129064" s="14" t="s">
        <v>565</v>
      </c>
      <c r="D129064" s="14" t="s">
        <v>94</v>
      </c>
      <c r="E129064" s="15">
        <v>45595</v>
      </c>
      <c r="F129064" s="14" t="s">
        <v>15</v>
      </c>
      <c r="G129064" s="16">
        <v>0.81750228711704731</v>
      </c>
    </row>
    <row r="129065" spans="1:7" x14ac:dyDescent="0.3">
      <c r="A129065" s="13" t="s">
        <v>590</v>
      </c>
      <c r="B129065" s="14" t="s">
        <v>1</v>
      </c>
      <c r="C129065" s="14" t="s">
        <v>565</v>
      </c>
      <c r="D129065" s="14" t="s">
        <v>94</v>
      </c>
      <c r="E129065" s="15">
        <v>45596</v>
      </c>
      <c r="F129065" s="14" t="s">
        <v>15</v>
      </c>
      <c r="G129065" s="16">
        <v>0.83548672964081561</v>
      </c>
    </row>
    <row r="129066" spans="1:7" x14ac:dyDescent="0.3">
      <c r="A129066" s="13" t="s">
        <v>590</v>
      </c>
      <c r="B129066" s="14" t="s">
        <v>1</v>
      </c>
      <c r="C129066" s="14" t="s">
        <v>565</v>
      </c>
      <c r="D129066" s="14" t="s">
        <v>94</v>
      </c>
      <c r="E129066" s="15">
        <v>45597</v>
      </c>
      <c r="F129066" s="14" t="s">
        <v>15</v>
      </c>
      <c r="G129066" s="16">
        <v>0.8336941626572375</v>
      </c>
    </row>
    <row r="129067" spans="1:7" x14ac:dyDescent="0.3">
      <c r="A129067" s="13" t="s">
        <v>590</v>
      </c>
      <c r="B129067" s="14" t="s">
        <v>1</v>
      </c>
      <c r="C129067" s="14" t="s">
        <v>565</v>
      </c>
      <c r="D129067" s="14" t="s">
        <v>94</v>
      </c>
      <c r="E129067" s="15">
        <v>45598</v>
      </c>
      <c r="F129067" s="14" t="s">
        <v>15</v>
      </c>
      <c r="G129067" s="16">
        <v>0.8336941626572375</v>
      </c>
    </row>
    <row r="129068" spans="1:7" x14ac:dyDescent="0.3">
      <c r="A129068" s="13" t="s">
        <v>590</v>
      </c>
      <c r="B129068" s="14" t="s">
        <v>1</v>
      </c>
      <c r="C129068" s="14" t="s">
        <v>565</v>
      </c>
      <c r="D129068" s="14" t="s">
        <v>94</v>
      </c>
      <c r="E129068" s="15">
        <v>45599</v>
      </c>
      <c r="F129068" s="14" t="s">
        <v>15</v>
      </c>
      <c r="G129068" s="16">
        <v>0.8336941626572375</v>
      </c>
    </row>
    <row r="129069" spans="1:7" x14ac:dyDescent="0.3">
      <c r="A129069" s="13" t="s">
        <v>590</v>
      </c>
      <c r="B129069" s="14" t="s">
        <v>1</v>
      </c>
      <c r="C129069" s="14" t="s">
        <v>565</v>
      </c>
      <c r="D129069" s="14" t="s">
        <v>94</v>
      </c>
      <c r="E129069" s="15">
        <v>45600</v>
      </c>
      <c r="F129069" s="14" t="s">
        <v>15</v>
      </c>
      <c r="G129069" s="16">
        <v>0.8319136959329505</v>
      </c>
    </row>
    <row r="129070" spans="1:7" x14ac:dyDescent="0.3">
      <c r="A129070" s="13" t="s">
        <v>590</v>
      </c>
      <c r="B129070" s="14" t="s">
        <v>1</v>
      </c>
      <c r="C129070" s="14" t="s">
        <v>565</v>
      </c>
      <c r="D129070" s="14" t="s">
        <v>94</v>
      </c>
      <c r="E129070" s="15">
        <v>45601</v>
      </c>
      <c r="F129070" s="14" t="s">
        <v>15</v>
      </c>
      <c r="G129070" s="16">
        <v>0.82657575297703001</v>
      </c>
    </row>
    <row r="129071" spans="1:7" x14ac:dyDescent="0.3">
      <c r="A129071" s="13" t="s">
        <v>590</v>
      </c>
      <c r="B129071" s="14" t="s">
        <v>1</v>
      </c>
      <c r="C129071" s="14" t="s">
        <v>565</v>
      </c>
      <c r="D129071" s="14" t="s">
        <v>94</v>
      </c>
      <c r="E129071" s="15">
        <v>45602</v>
      </c>
      <c r="F129071" s="14" t="s">
        <v>15</v>
      </c>
      <c r="G129071" s="16">
        <v>0.82478664321039208</v>
      </c>
    </row>
    <row r="129072" spans="1:7" x14ac:dyDescent="0.3">
      <c r="A129072" s="13" t="s">
        <v>590</v>
      </c>
      <c r="B129072" s="14" t="s">
        <v>1</v>
      </c>
      <c r="C129072" s="14" t="s">
        <v>565</v>
      </c>
      <c r="D129072" s="14" t="s">
        <v>94</v>
      </c>
      <c r="E129072" s="15">
        <v>45603</v>
      </c>
      <c r="F129072" s="14" t="s">
        <v>15</v>
      </c>
      <c r="G129072" s="16">
        <v>0.83103037700468763</v>
      </c>
    </row>
    <row r="129073" spans="1:7" x14ac:dyDescent="0.3">
      <c r="A129073" s="13" t="s">
        <v>590</v>
      </c>
      <c r="B129073" s="14" t="s">
        <v>1</v>
      </c>
      <c r="C129073" s="14" t="s">
        <v>565</v>
      </c>
      <c r="D129073" s="14" t="s">
        <v>94</v>
      </c>
      <c r="E129073" s="15">
        <v>45604</v>
      </c>
      <c r="F129073" s="14" t="s">
        <v>15</v>
      </c>
      <c r="G129073" s="16">
        <v>0.83473305634781647</v>
      </c>
    </row>
    <row r="129074" spans="1:7" x14ac:dyDescent="0.3">
      <c r="A129074" s="13" t="s">
        <v>590</v>
      </c>
      <c r="B129074" s="14" t="s">
        <v>1</v>
      </c>
      <c r="C129074" s="14" t="s">
        <v>565</v>
      </c>
      <c r="D129074" s="14" t="s">
        <v>94</v>
      </c>
      <c r="E129074" s="15">
        <v>45605</v>
      </c>
      <c r="F129074" s="14" t="s">
        <v>15</v>
      </c>
      <c r="G129074" s="16">
        <v>0.83473305634781647</v>
      </c>
    </row>
    <row r="129075" spans="1:7" x14ac:dyDescent="0.3">
      <c r="A129075" s="13" t="s">
        <v>590</v>
      </c>
      <c r="B129075" s="14" t="s">
        <v>1</v>
      </c>
      <c r="C129075" s="14" t="s">
        <v>565</v>
      </c>
      <c r="D129075" s="14" t="s">
        <v>94</v>
      </c>
      <c r="E129075" s="15">
        <v>45606</v>
      </c>
      <c r="F129075" s="14" t="s">
        <v>15</v>
      </c>
      <c r="G129075" s="16">
        <v>0.83473305634781647</v>
      </c>
    </row>
    <row r="129076" spans="1:7" x14ac:dyDescent="0.3">
      <c r="A129076" s="13" t="s">
        <v>590</v>
      </c>
      <c r="B129076" s="14" t="s">
        <v>1</v>
      </c>
      <c r="C129076" s="14" t="s">
        <v>565</v>
      </c>
      <c r="D129076" s="14" t="s">
        <v>94</v>
      </c>
      <c r="E129076" s="15">
        <v>45607</v>
      </c>
      <c r="F129076" s="14" t="s">
        <v>15</v>
      </c>
      <c r="G129076" s="16">
        <v>0.83293530353882772</v>
      </c>
    </row>
    <row r="129077" spans="1:7" x14ac:dyDescent="0.3">
      <c r="A129077" s="13" t="s">
        <v>590</v>
      </c>
      <c r="B129077" s="14" t="s">
        <v>1</v>
      </c>
      <c r="C129077" s="14" t="s">
        <v>565</v>
      </c>
      <c r="D129077" s="14" t="s">
        <v>94</v>
      </c>
      <c r="E129077" s="15">
        <v>45608</v>
      </c>
      <c r="F129077" s="14" t="s">
        <v>15</v>
      </c>
      <c r="G129077" s="16">
        <v>0.82741412808506809</v>
      </c>
    </row>
    <row r="129078" spans="1:7" x14ac:dyDescent="0.3">
      <c r="A129078" s="13" t="s">
        <v>590</v>
      </c>
      <c r="B129078" s="14" t="s">
        <v>1</v>
      </c>
      <c r="C129078" s="14" t="s">
        <v>565</v>
      </c>
      <c r="D129078" s="14" t="s">
        <v>94</v>
      </c>
      <c r="E129078" s="15">
        <v>45609</v>
      </c>
      <c r="F129078" s="14" t="s">
        <v>15</v>
      </c>
      <c r="G129078" s="16">
        <v>0.83958526032361602</v>
      </c>
    </row>
    <row r="129079" spans="1:7" x14ac:dyDescent="0.3">
      <c r="A129079" s="13" t="s">
        <v>590</v>
      </c>
      <c r="B129079" s="14" t="s">
        <v>1</v>
      </c>
      <c r="C129079" s="14" t="s">
        <v>565</v>
      </c>
      <c r="D129079" s="14" t="s">
        <v>94</v>
      </c>
      <c r="E129079" s="15">
        <v>45610</v>
      </c>
      <c r="F129079" s="14" t="s">
        <v>15</v>
      </c>
      <c r="G129079" s="16">
        <v>0.83740375643424703</v>
      </c>
    </row>
    <row r="129080" spans="1:7" x14ac:dyDescent="0.3">
      <c r="A129080" s="13" t="s">
        <v>590</v>
      </c>
      <c r="B129080" s="14" t="s">
        <v>1</v>
      </c>
      <c r="C129080" s="14" t="s">
        <v>565</v>
      </c>
      <c r="D129080" s="14" t="s">
        <v>94</v>
      </c>
      <c r="E129080" s="15">
        <v>45611</v>
      </c>
      <c r="F129080" s="14" t="s">
        <v>15</v>
      </c>
      <c r="G129080" s="16">
        <v>0.87644610734176631</v>
      </c>
    </row>
    <row r="129081" spans="1:7" x14ac:dyDescent="0.3">
      <c r="A129081" s="13" t="s">
        <v>590</v>
      </c>
      <c r="B129081" s="14" t="s">
        <v>1</v>
      </c>
      <c r="C129081" s="14" t="s">
        <v>565</v>
      </c>
      <c r="D129081" s="14" t="s">
        <v>94</v>
      </c>
      <c r="E129081" s="15">
        <v>45612</v>
      </c>
      <c r="F129081" s="14" t="s">
        <v>15</v>
      </c>
      <c r="G129081" s="16">
        <v>0.87644610734176631</v>
      </c>
    </row>
    <row r="129082" spans="1:7" x14ac:dyDescent="0.3">
      <c r="A129082" s="13" t="s">
        <v>590</v>
      </c>
      <c r="B129082" s="14" t="s">
        <v>1</v>
      </c>
      <c r="C129082" s="14" t="s">
        <v>565</v>
      </c>
      <c r="D129082" s="14" t="s">
        <v>94</v>
      </c>
      <c r="E129082" s="15">
        <v>45613</v>
      </c>
      <c r="F129082" s="14" t="s">
        <v>15</v>
      </c>
      <c r="G129082" s="16">
        <v>0.87644610734176631</v>
      </c>
    </row>
    <row r="129083" spans="1:7" x14ac:dyDescent="0.3">
      <c r="A129083" s="13" t="s">
        <v>590</v>
      </c>
      <c r="B129083" s="14" t="s">
        <v>1</v>
      </c>
      <c r="C129083" s="14" t="s">
        <v>565</v>
      </c>
      <c r="D129083" s="14" t="s">
        <v>94</v>
      </c>
      <c r="E129083" s="15">
        <v>45614</v>
      </c>
      <c r="F129083" s="14" t="s">
        <v>15</v>
      </c>
      <c r="G129083" s="16">
        <v>0.87610730008161075</v>
      </c>
    </row>
    <row r="129084" spans="1:7" x14ac:dyDescent="0.3">
      <c r="A129084" s="13" t="s">
        <v>590</v>
      </c>
      <c r="B129084" s="14" t="s">
        <v>1</v>
      </c>
      <c r="C129084" s="14" t="s">
        <v>565</v>
      </c>
      <c r="D129084" s="14" t="s">
        <v>94</v>
      </c>
      <c r="E129084" s="15">
        <v>45615</v>
      </c>
      <c r="F129084" s="14" t="s">
        <v>15</v>
      </c>
      <c r="G129084" s="16">
        <v>0.87094567518964883</v>
      </c>
    </row>
    <row r="129085" spans="1:7" x14ac:dyDescent="0.3">
      <c r="A129085" s="13" t="s">
        <v>590</v>
      </c>
      <c r="B129085" s="14" t="s">
        <v>1</v>
      </c>
      <c r="C129085" s="14" t="s">
        <v>565</v>
      </c>
      <c r="D129085" s="14" t="s">
        <v>94</v>
      </c>
      <c r="E129085" s="15">
        <v>45616</v>
      </c>
      <c r="F129085" s="14" t="s">
        <v>15</v>
      </c>
      <c r="G129085" s="16">
        <v>0.86984455159414331</v>
      </c>
    </row>
    <row r="129086" spans="1:7" x14ac:dyDescent="0.3">
      <c r="A129086" s="13" t="s">
        <v>590</v>
      </c>
      <c r="B129086" s="14" t="s">
        <v>1</v>
      </c>
      <c r="C129086" s="14" t="s">
        <v>565</v>
      </c>
      <c r="D129086" s="14" t="s">
        <v>94</v>
      </c>
      <c r="E129086" s="15">
        <v>45617</v>
      </c>
      <c r="F129086" s="14" t="s">
        <v>15</v>
      </c>
      <c r="G129086" s="16">
        <v>0.89729658270909585</v>
      </c>
    </row>
    <row r="129087" spans="1:7" x14ac:dyDescent="0.3">
      <c r="A129087" s="13" t="s">
        <v>590</v>
      </c>
      <c r="B129087" s="14" t="s">
        <v>1</v>
      </c>
      <c r="C129087" s="14" t="s">
        <v>565</v>
      </c>
      <c r="D129087" s="14" t="s">
        <v>94</v>
      </c>
      <c r="E129087" s="15">
        <v>45618</v>
      </c>
      <c r="F129087" s="14" t="s">
        <v>15</v>
      </c>
      <c r="G129087" s="16">
        <v>0.90882985842214681</v>
      </c>
    </row>
    <row r="129088" spans="1:7" x14ac:dyDescent="0.3">
      <c r="A129088" s="13" t="s">
        <v>590</v>
      </c>
      <c r="B129088" s="14" t="s">
        <v>1</v>
      </c>
      <c r="C129088" s="14" t="s">
        <v>565</v>
      </c>
      <c r="D129088" s="14" t="s">
        <v>94</v>
      </c>
      <c r="E129088" s="15">
        <v>45619</v>
      </c>
      <c r="F129088" s="14" t="s">
        <v>15</v>
      </c>
      <c r="G129088" s="16">
        <v>0.90882985842214681</v>
      </c>
    </row>
    <row r="129089" spans="1:7" x14ac:dyDescent="0.3">
      <c r="A129089" s="13" t="s">
        <v>590</v>
      </c>
      <c r="B129089" s="14" t="s">
        <v>1</v>
      </c>
      <c r="C129089" s="14" t="s">
        <v>565</v>
      </c>
      <c r="D129089" s="14" t="s">
        <v>94</v>
      </c>
      <c r="E129089" s="15">
        <v>45620</v>
      </c>
      <c r="F129089" s="14" t="s">
        <v>15</v>
      </c>
      <c r="G129089" s="16">
        <v>0.90882985842214681</v>
      </c>
    </row>
    <row r="129090" spans="1:7" x14ac:dyDescent="0.3">
      <c r="A129090" s="13" t="s">
        <v>590</v>
      </c>
      <c r="B129090" s="14" t="s">
        <v>1</v>
      </c>
      <c r="C129090" s="14" t="s">
        <v>565</v>
      </c>
      <c r="D129090" s="14" t="s">
        <v>94</v>
      </c>
      <c r="E129090" s="15">
        <v>45621</v>
      </c>
      <c r="F129090" s="14" t="s">
        <v>15</v>
      </c>
      <c r="G129090" s="16">
        <v>0.90698370457599298</v>
      </c>
    </row>
    <row r="129091" spans="1:7" x14ac:dyDescent="0.3">
      <c r="A129091" s="13" t="s">
        <v>590</v>
      </c>
      <c r="B129091" s="14" t="s">
        <v>1</v>
      </c>
      <c r="C129091" s="14" t="s">
        <v>565</v>
      </c>
      <c r="D129091" s="14" t="s">
        <v>94</v>
      </c>
      <c r="E129091" s="15">
        <v>45622</v>
      </c>
      <c r="F129091" s="14" t="s">
        <v>15</v>
      </c>
      <c r="G129091" s="16">
        <v>0.90263279705654609</v>
      </c>
    </row>
    <row r="129092" spans="1:7" x14ac:dyDescent="0.3">
      <c r="A129092" s="13" t="s">
        <v>590</v>
      </c>
      <c r="B129092" s="14" t="s">
        <v>1</v>
      </c>
      <c r="C129092" s="14" t="s">
        <v>565</v>
      </c>
      <c r="D129092" s="14" t="s">
        <v>94</v>
      </c>
      <c r="E129092" s="15">
        <v>45623</v>
      </c>
      <c r="F129092" s="14" t="s">
        <v>15</v>
      </c>
      <c r="G129092" s="16">
        <v>0.89956970284738447</v>
      </c>
    </row>
    <row r="129093" spans="1:7" x14ac:dyDescent="0.3">
      <c r="A129093" s="13" t="s">
        <v>590</v>
      </c>
      <c r="B129093" s="14" t="s">
        <v>1</v>
      </c>
      <c r="C129093" s="14" t="s">
        <v>565</v>
      </c>
      <c r="D129093" s="14" t="s">
        <v>94</v>
      </c>
      <c r="E129093" s="15">
        <v>45624</v>
      </c>
      <c r="F129093" s="14" t="s">
        <v>15</v>
      </c>
      <c r="G129093" s="16">
        <v>0.90031646170650281</v>
      </c>
    </row>
    <row r="129094" spans="1:7" x14ac:dyDescent="0.3">
      <c r="A129094" s="13" t="s">
        <v>590</v>
      </c>
      <c r="B129094" s="14" t="s">
        <v>1</v>
      </c>
      <c r="C129094" s="14" t="s">
        <v>565</v>
      </c>
      <c r="D129094" s="14" t="s">
        <v>94</v>
      </c>
      <c r="E129094" s="15">
        <v>45625</v>
      </c>
      <c r="F129094" s="14" t="s">
        <v>15</v>
      </c>
      <c r="G129094" s="16">
        <v>0.89858439601938078</v>
      </c>
    </row>
    <row r="129095" spans="1:7" x14ac:dyDescent="0.3">
      <c r="A129095" s="13" t="s">
        <v>590</v>
      </c>
      <c r="B129095" s="14" t="s">
        <v>1</v>
      </c>
      <c r="C129095" s="14" t="s">
        <v>565</v>
      </c>
      <c r="D129095" s="14" t="s">
        <v>94</v>
      </c>
      <c r="E129095" s="15">
        <v>45626</v>
      </c>
      <c r="F129095" s="14" t="s">
        <v>15</v>
      </c>
      <c r="G129095" s="16">
        <v>0.89858439601938078</v>
      </c>
    </row>
    <row r="129096" spans="1:7" x14ac:dyDescent="0.3">
      <c r="A129096" s="13" t="s">
        <v>590</v>
      </c>
      <c r="B129096" s="14" t="s">
        <v>1</v>
      </c>
      <c r="C129096" s="14" t="s">
        <v>565</v>
      </c>
      <c r="D129096" s="14" t="s">
        <v>94</v>
      </c>
      <c r="E129096" s="15">
        <v>45627</v>
      </c>
      <c r="F129096" s="14" t="s">
        <v>15</v>
      </c>
      <c r="G129096" s="16">
        <v>0.89858439601938078</v>
      </c>
    </row>
    <row r="129097" spans="1:7" x14ac:dyDescent="0.3">
      <c r="A129097" s="13" t="s">
        <v>590</v>
      </c>
      <c r="B129097" s="14" t="s">
        <v>1</v>
      </c>
      <c r="C129097" s="14" t="s">
        <v>565</v>
      </c>
      <c r="D129097" s="14" t="s">
        <v>94</v>
      </c>
      <c r="E129097" s="15">
        <v>45628</v>
      </c>
      <c r="F129097" s="14" t="s">
        <v>15</v>
      </c>
      <c r="G129097" s="16">
        <v>0.89709433551808437</v>
      </c>
    </row>
    <row r="129098" spans="1:7" x14ac:dyDescent="0.3">
      <c r="A129098" s="13" t="s">
        <v>590</v>
      </c>
      <c r="B129098" s="14" t="s">
        <v>1</v>
      </c>
      <c r="C129098" s="14" t="s">
        <v>565</v>
      </c>
      <c r="D129098" s="14" t="s">
        <v>94</v>
      </c>
      <c r="E129098" s="15">
        <v>45629</v>
      </c>
      <c r="F129098" s="14" t="s">
        <v>15</v>
      </c>
      <c r="G129098" s="16">
        <v>0.89191369593295033</v>
      </c>
    </row>
    <row r="129099" spans="1:7" x14ac:dyDescent="0.3">
      <c r="A129099" s="13" t="s">
        <v>590</v>
      </c>
      <c r="B129099" s="14" t="s">
        <v>1</v>
      </c>
      <c r="C129099" s="14" t="s">
        <v>565</v>
      </c>
      <c r="D129099" s="14" t="s">
        <v>94</v>
      </c>
      <c r="E129099" s="15">
        <v>45630</v>
      </c>
      <c r="F129099" s="14" t="s">
        <v>15</v>
      </c>
      <c r="G129099" s="16">
        <v>0.89052074200341103</v>
      </c>
    </row>
    <row r="129100" spans="1:7" x14ac:dyDescent="0.3">
      <c r="A129100" s="13" t="s">
        <v>590</v>
      </c>
      <c r="B129100" s="14" t="s">
        <v>1</v>
      </c>
      <c r="C129100" s="14" t="s">
        <v>565</v>
      </c>
      <c r="D129100" s="14" t="s">
        <v>94</v>
      </c>
      <c r="E129100" s="15">
        <v>45631</v>
      </c>
      <c r="F129100" s="14" t="s">
        <v>15</v>
      </c>
      <c r="G129100" s="16">
        <v>0.88876645112716912</v>
      </c>
    </row>
    <row r="129101" spans="1:7" x14ac:dyDescent="0.3">
      <c r="A129101" s="13" t="s">
        <v>590</v>
      </c>
      <c r="B129101" s="14" t="s">
        <v>1</v>
      </c>
      <c r="C129101" s="14" t="s">
        <v>565</v>
      </c>
      <c r="D129101" s="14" t="s">
        <v>94</v>
      </c>
      <c r="E129101" s="15">
        <v>45632</v>
      </c>
      <c r="F129101" s="14" t="s">
        <v>15</v>
      </c>
      <c r="G129101" s="16">
        <v>0.88700854688146002</v>
      </c>
    </row>
    <row r="129102" spans="1:7" x14ac:dyDescent="0.3">
      <c r="A129102" s="13" t="s">
        <v>590</v>
      </c>
      <c r="B129102" s="14" t="s">
        <v>1</v>
      </c>
      <c r="C129102" s="14" t="s">
        <v>565</v>
      </c>
      <c r="D129102" s="14" t="s">
        <v>94</v>
      </c>
      <c r="E129102" s="15">
        <v>45633</v>
      </c>
      <c r="F129102" s="14" t="s">
        <v>15</v>
      </c>
      <c r="G129102" s="16">
        <v>0.88700854688146002</v>
      </c>
    </row>
    <row r="129103" spans="1:7" x14ac:dyDescent="0.3">
      <c r="A129103" s="13" t="s">
        <v>590</v>
      </c>
      <c r="B129103" s="14" t="s">
        <v>1</v>
      </c>
      <c r="C129103" s="14" t="s">
        <v>565</v>
      </c>
      <c r="D129103" s="14" t="s">
        <v>94</v>
      </c>
      <c r="E129103" s="15">
        <v>45634</v>
      </c>
      <c r="F129103" s="14" t="s">
        <v>15</v>
      </c>
      <c r="G129103" s="16">
        <v>0.88700854688146002</v>
      </c>
    </row>
    <row r="129104" spans="1:7" x14ac:dyDescent="0.3">
      <c r="A129104" s="13" t="s">
        <v>590</v>
      </c>
      <c r="B129104" s="14" t="s">
        <v>1</v>
      </c>
      <c r="C129104" s="14" t="s">
        <v>565</v>
      </c>
      <c r="D129104" s="14" t="s">
        <v>94</v>
      </c>
      <c r="E129104" s="15">
        <v>45635</v>
      </c>
      <c r="F129104" s="14" t="s">
        <v>15</v>
      </c>
      <c r="G129104" s="16">
        <v>0.89219373206664498</v>
      </c>
    </row>
    <row r="129105" spans="1:7" x14ac:dyDescent="0.3">
      <c r="A129105" s="13" t="s">
        <v>590</v>
      </c>
      <c r="B129105" s="14" t="s">
        <v>1</v>
      </c>
      <c r="C129105" s="14" t="s">
        <v>565</v>
      </c>
      <c r="D129105" s="14" t="s">
        <v>94</v>
      </c>
      <c r="E129105" s="15">
        <v>45636</v>
      </c>
      <c r="F129105" s="14" t="s">
        <v>15</v>
      </c>
      <c r="G129105" s="16">
        <v>0.88692182601425107</v>
      </c>
    </row>
    <row r="129106" spans="1:7" x14ac:dyDescent="0.3">
      <c r="A129106" s="13" t="s">
        <v>590</v>
      </c>
      <c r="B129106" s="14" t="s">
        <v>1</v>
      </c>
      <c r="C129106" s="14" t="s">
        <v>565</v>
      </c>
      <c r="D129106" s="14" t="s">
        <v>94</v>
      </c>
      <c r="E129106" s="15">
        <v>45637</v>
      </c>
      <c r="F129106" s="14" t="s">
        <v>15</v>
      </c>
      <c r="G129106" s="16">
        <v>0.88515669502960781</v>
      </c>
    </row>
    <row r="129107" spans="1:7" x14ac:dyDescent="0.3">
      <c r="A129107" s="13" t="s">
        <v>590</v>
      </c>
      <c r="B129107" s="14" t="s">
        <v>1</v>
      </c>
      <c r="C129107" s="14" t="s">
        <v>565</v>
      </c>
      <c r="D129107" s="14" t="s">
        <v>94</v>
      </c>
      <c r="E129107" s="15">
        <v>45638</v>
      </c>
      <c r="F129107" s="14" t="s">
        <v>15</v>
      </c>
      <c r="G129107" s="16">
        <v>0.88360655952825284</v>
      </c>
    </row>
    <row r="129108" spans="1:7" x14ac:dyDescent="0.3">
      <c r="A129108" s="13" t="s">
        <v>590</v>
      </c>
      <c r="B129108" s="14" t="s">
        <v>1</v>
      </c>
      <c r="C129108" s="14" t="s">
        <v>565</v>
      </c>
      <c r="D129108" s="14" t="s">
        <v>94</v>
      </c>
      <c r="E129108" s="15">
        <v>45639</v>
      </c>
      <c r="F129108" s="14" t="s">
        <v>15</v>
      </c>
      <c r="G129108" s="16">
        <v>0.90747647822744004</v>
      </c>
    </row>
    <row r="129109" spans="1:7" x14ac:dyDescent="0.3">
      <c r="A129109" s="13" t="s">
        <v>590</v>
      </c>
      <c r="B129109" s="14" t="s">
        <v>1</v>
      </c>
      <c r="C129109" s="14" t="s">
        <v>565</v>
      </c>
      <c r="D129109" s="14" t="s">
        <v>94</v>
      </c>
      <c r="E129109" s="15">
        <v>45640</v>
      </c>
      <c r="F129109" s="14" t="s">
        <v>15</v>
      </c>
      <c r="G129109" s="16">
        <v>0.90747647822744004</v>
      </c>
    </row>
    <row r="129110" spans="1:7" x14ac:dyDescent="0.3">
      <c r="A129110" s="13" t="s">
        <v>590</v>
      </c>
      <c r="B129110" s="14" t="s">
        <v>1</v>
      </c>
      <c r="C129110" s="14" t="s">
        <v>565</v>
      </c>
      <c r="D129110" s="14" t="s">
        <v>94</v>
      </c>
      <c r="E129110" s="15">
        <v>45641</v>
      </c>
      <c r="F129110" s="14" t="s">
        <v>15</v>
      </c>
      <c r="G129110" s="16">
        <v>0.90747647822744004</v>
      </c>
    </row>
    <row r="129111" spans="1:7" x14ac:dyDescent="0.3">
      <c r="A129111" s="13" t="s">
        <v>590</v>
      </c>
      <c r="B129111" s="14" t="s">
        <v>1</v>
      </c>
      <c r="C129111" s="14" t="s">
        <v>565</v>
      </c>
      <c r="D129111" s="14" t="s">
        <v>94</v>
      </c>
      <c r="E129111" s="15">
        <v>45642</v>
      </c>
      <c r="F129111" s="14" t="s">
        <v>15</v>
      </c>
      <c r="G129111" s="16">
        <v>0.90570231381912925</v>
      </c>
    </row>
    <row r="129112" spans="1:7" x14ac:dyDescent="0.3">
      <c r="A129112" s="13" t="s">
        <v>590</v>
      </c>
      <c r="B129112" s="14" t="s">
        <v>1</v>
      </c>
      <c r="C129112" s="14" t="s">
        <v>565</v>
      </c>
      <c r="D129112" s="14" t="s">
        <v>94</v>
      </c>
      <c r="E129112" s="15">
        <v>45643</v>
      </c>
      <c r="F129112" s="14" t="s">
        <v>15</v>
      </c>
      <c r="G129112" s="16">
        <v>0.90039427407206496</v>
      </c>
    </row>
    <row r="129113" spans="1:7" x14ac:dyDescent="0.3">
      <c r="A129113" s="13" t="s">
        <v>590</v>
      </c>
      <c r="B129113" s="14" t="s">
        <v>1</v>
      </c>
      <c r="C129113" s="14" t="s">
        <v>565</v>
      </c>
      <c r="D129113" s="14" t="s">
        <v>94</v>
      </c>
      <c r="E129113" s="15">
        <v>45644</v>
      </c>
      <c r="F129113" s="14" t="s">
        <v>15</v>
      </c>
      <c r="G129113" s="16">
        <v>0.89863636982635597</v>
      </c>
    </row>
    <row r="129114" spans="1:7" x14ac:dyDescent="0.3">
      <c r="A129114" s="13" t="s">
        <v>590</v>
      </c>
      <c r="B129114" s="14" t="s">
        <v>1</v>
      </c>
      <c r="C129114" s="14" t="s">
        <v>565</v>
      </c>
      <c r="D129114" s="14" t="s">
        <v>94</v>
      </c>
      <c r="E129114" s="15">
        <v>45645</v>
      </c>
      <c r="F129114" s="14" t="s">
        <v>15</v>
      </c>
      <c r="G129114" s="16">
        <v>0.89689291905851498</v>
      </c>
    </row>
    <row r="129115" spans="1:7" x14ac:dyDescent="0.3">
      <c r="A129115" s="13" t="s">
        <v>590</v>
      </c>
      <c r="B129115" s="14" t="s">
        <v>1</v>
      </c>
      <c r="C129115" s="14" t="s">
        <v>565</v>
      </c>
      <c r="D129115" s="14" t="s">
        <v>94</v>
      </c>
      <c r="E129115" s="15">
        <v>45646</v>
      </c>
      <c r="F129115" s="14" t="s">
        <v>15</v>
      </c>
      <c r="G129115" s="16">
        <v>0.89514404823647342</v>
      </c>
    </row>
    <row r="129116" spans="1:7" x14ac:dyDescent="0.3">
      <c r="A129116" s="13" t="s">
        <v>590</v>
      </c>
      <c r="B129116" s="14" t="s">
        <v>1</v>
      </c>
      <c r="C129116" s="14" t="s">
        <v>565</v>
      </c>
      <c r="D129116" s="14" t="s">
        <v>94</v>
      </c>
      <c r="E129116" s="15">
        <v>45647</v>
      </c>
      <c r="F129116" s="14" t="s">
        <v>15</v>
      </c>
      <c r="G129116" s="16">
        <v>0.89514404823647342</v>
      </c>
    </row>
    <row r="129117" spans="1:7" x14ac:dyDescent="0.3">
      <c r="A129117" s="13" t="s">
        <v>590</v>
      </c>
      <c r="B129117" s="14" t="s">
        <v>1</v>
      </c>
      <c r="C129117" s="14" t="s">
        <v>565</v>
      </c>
      <c r="D129117" s="14" t="s">
        <v>94</v>
      </c>
      <c r="E129117" s="15">
        <v>45648</v>
      </c>
      <c r="F129117" s="14" t="s">
        <v>15</v>
      </c>
      <c r="G129117" s="16">
        <v>0.89514404823647342</v>
      </c>
    </row>
    <row r="129118" spans="1:7" x14ac:dyDescent="0.3">
      <c r="A129118" s="13" t="s">
        <v>590</v>
      </c>
      <c r="B129118" s="14" t="s">
        <v>1</v>
      </c>
      <c r="C129118" s="14" t="s">
        <v>565</v>
      </c>
      <c r="D129118" s="14" t="s">
        <v>94</v>
      </c>
      <c r="E129118" s="15">
        <v>45649</v>
      </c>
      <c r="F129118" s="14" t="s">
        <v>15</v>
      </c>
      <c r="G129118" s="16">
        <v>0.89341324426176694</v>
      </c>
    </row>
    <row r="129119" spans="1:7" x14ac:dyDescent="0.3">
      <c r="A129119" s="13" t="s">
        <v>590</v>
      </c>
      <c r="B129119" s="14" t="s">
        <v>1</v>
      </c>
      <c r="C129119" s="14" t="s">
        <v>565</v>
      </c>
      <c r="D129119" s="14" t="s">
        <v>94</v>
      </c>
      <c r="E129119" s="15">
        <v>45650</v>
      </c>
      <c r="F129119" s="14" t="s">
        <v>15</v>
      </c>
      <c r="G129119" s="16">
        <v>0.88824612592391683</v>
      </c>
    </row>
    <row r="129120" spans="1:7" x14ac:dyDescent="0.3">
      <c r="A129120" s="13" t="s">
        <v>590</v>
      </c>
      <c r="B129120" s="14" t="s">
        <v>1</v>
      </c>
      <c r="C129120" s="14" t="s">
        <v>565</v>
      </c>
      <c r="D129120" s="14" t="s">
        <v>94</v>
      </c>
      <c r="E129120" s="15">
        <v>45651</v>
      </c>
      <c r="F129120" s="14" t="s">
        <v>15</v>
      </c>
      <c r="G129120" s="16">
        <v>0.88824612592391683</v>
      </c>
    </row>
    <row r="129121" spans="1:7" x14ac:dyDescent="0.3">
      <c r="A129121" s="13" t="s">
        <v>590</v>
      </c>
      <c r="B129121" s="14" t="s">
        <v>1</v>
      </c>
      <c r="C129121" s="14" t="s">
        <v>565</v>
      </c>
      <c r="D129121" s="14" t="s">
        <v>94</v>
      </c>
      <c r="E129121" s="15">
        <v>45652</v>
      </c>
      <c r="F129121" s="14" t="s">
        <v>15</v>
      </c>
      <c r="G129121" s="16">
        <v>0.88824612592391683</v>
      </c>
    </row>
    <row r="129122" spans="1:7" x14ac:dyDescent="0.3">
      <c r="A129122" s="13" t="s">
        <v>590</v>
      </c>
      <c r="B129122" s="14" t="s">
        <v>1</v>
      </c>
      <c r="C129122" s="14" t="s">
        <v>565</v>
      </c>
      <c r="D129122" s="14" t="s">
        <v>94</v>
      </c>
      <c r="E129122" s="15">
        <v>45653</v>
      </c>
      <c r="F129122" s="14" t="s">
        <v>15</v>
      </c>
      <c r="G129122" s="16">
        <v>0.88824612592391683</v>
      </c>
    </row>
    <row r="129123" spans="1:7" x14ac:dyDescent="0.3">
      <c r="A129123" s="13" t="s">
        <v>590</v>
      </c>
      <c r="B129123" s="14" t="s">
        <v>1</v>
      </c>
      <c r="C129123" s="14" t="s">
        <v>565</v>
      </c>
      <c r="D129123" s="14" t="s">
        <v>94</v>
      </c>
      <c r="E129123" s="15">
        <v>45654</v>
      </c>
      <c r="F129123" s="14" t="s">
        <v>15</v>
      </c>
      <c r="G129123" s="16">
        <v>0.88824612592391683</v>
      </c>
    </row>
    <row r="129124" spans="1:7" x14ac:dyDescent="0.3">
      <c r="A129124" s="13" t="s">
        <v>590</v>
      </c>
      <c r="B129124" s="14" t="s">
        <v>1</v>
      </c>
      <c r="C129124" s="14" t="s">
        <v>565</v>
      </c>
      <c r="D129124" s="14" t="s">
        <v>94</v>
      </c>
      <c r="E129124" s="15">
        <v>45655</v>
      </c>
      <c r="F129124" s="14" t="s">
        <v>15</v>
      </c>
      <c r="G129124" s="16">
        <v>0.88824612592391683</v>
      </c>
    </row>
    <row r="129125" spans="1:7" x14ac:dyDescent="0.3">
      <c r="A129125" s="13" t="s">
        <v>590</v>
      </c>
      <c r="B129125" s="14" t="s">
        <v>1</v>
      </c>
      <c r="C129125" s="14" t="s">
        <v>565</v>
      </c>
      <c r="D129125" s="14" t="s">
        <v>94</v>
      </c>
      <c r="E129125" s="15">
        <v>45656</v>
      </c>
      <c r="F129125" s="14" t="s">
        <v>15</v>
      </c>
      <c r="G129125" s="16">
        <v>0.88650990189501011</v>
      </c>
    </row>
    <row r="129126" spans="1:7" x14ac:dyDescent="0.3">
      <c r="A129126" s="13" t="s">
        <v>590</v>
      </c>
      <c r="B129126" s="14" t="s">
        <v>1</v>
      </c>
      <c r="C129126" s="14" t="s">
        <v>565</v>
      </c>
      <c r="D129126" s="14" t="s">
        <v>94</v>
      </c>
      <c r="E129126" s="15">
        <v>45657</v>
      </c>
      <c r="F129126" s="14" t="s">
        <v>15</v>
      </c>
      <c r="G129126" s="16">
        <v>0.9142099922292467</v>
      </c>
    </row>
    <row r="129127" spans="1:7" x14ac:dyDescent="0.3">
      <c r="A129127" s="13" t="s">
        <v>590</v>
      </c>
      <c r="B129127" s="14" t="s">
        <v>1</v>
      </c>
      <c r="C129127" s="14" t="s">
        <v>565</v>
      </c>
      <c r="D129127" s="14" t="s">
        <v>94</v>
      </c>
      <c r="E129127" s="15">
        <v>45658</v>
      </c>
      <c r="F129127" s="14" t="s">
        <v>15</v>
      </c>
      <c r="G129127" s="16">
        <v>0.9142099922292467</v>
      </c>
    </row>
    <row r="129128" spans="1:7" x14ac:dyDescent="0.3">
      <c r="A129128" s="13" t="s">
        <v>590</v>
      </c>
      <c r="B129128" s="14" t="s">
        <v>1</v>
      </c>
      <c r="C129128" s="14" t="s">
        <v>565</v>
      </c>
      <c r="D129128" s="14" t="s">
        <v>94</v>
      </c>
      <c r="E129128" s="15">
        <v>45659</v>
      </c>
      <c r="F129128" s="14" t="s">
        <v>15</v>
      </c>
      <c r="G129128" s="16">
        <v>0.91247015483087257</v>
      </c>
    </row>
    <row r="129129" spans="1:7" x14ac:dyDescent="0.3">
      <c r="A129129" s="13" t="s">
        <v>590</v>
      </c>
      <c r="B129129" s="14" t="s">
        <v>1</v>
      </c>
      <c r="C129129" s="14" t="s">
        <v>565</v>
      </c>
      <c r="D129129" s="14" t="s">
        <v>94</v>
      </c>
      <c r="E129129" s="15">
        <v>45660</v>
      </c>
      <c r="F129129" s="14" t="s">
        <v>15</v>
      </c>
      <c r="G129129" s="16">
        <v>0.95441776097360076</v>
      </c>
    </row>
    <row r="129130" spans="1:7" x14ac:dyDescent="0.3">
      <c r="A129130" s="13" t="s">
        <v>590</v>
      </c>
      <c r="B129130" s="14" t="s">
        <v>1</v>
      </c>
      <c r="C129130" s="14" t="s">
        <v>565</v>
      </c>
      <c r="D129130" s="14" t="s">
        <v>94</v>
      </c>
      <c r="E129130" s="15">
        <v>45661</v>
      </c>
      <c r="F129130" s="14" t="s">
        <v>15</v>
      </c>
      <c r="G129130" s="16">
        <v>0.95441776097360076</v>
      </c>
    </row>
    <row r="129131" spans="1:7" x14ac:dyDescent="0.3">
      <c r="A129131" s="13" t="s">
        <v>590</v>
      </c>
      <c r="B129131" s="14" t="s">
        <v>1</v>
      </c>
      <c r="C129131" s="14" t="s">
        <v>565</v>
      </c>
      <c r="D129131" s="14" t="s">
        <v>94</v>
      </c>
      <c r="E129131" s="15">
        <v>45662</v>
      </c>
      <c r="F129131" s="14" t="s">
        <v>15</v>
      </c>
      <c r="G129131" s="16">
        <v>0.95441776097360076</v>
      </c>
    </row>
    <row r="129132" spans="1:7" x14ac:dyDescent="0.3">
      <c r="A129132" s="13" t="s">
        <v>590</v>
      </c>
      <c r="B129132" s="14" t="s">
        <v>1</v>
      </c>
      <c r="C129132" s="14" t="s">
        <v>565</v>
      </c>
      <c r="D129132" s="14" t="s">
        <v>94</v>
      </c>
      <c r="E129132" s="15">
        <v>45663</v>
      </c>
      <c r="F129132" s="14" t="s">
        <v>15</v>
      </c>
      <c r="G129132" s="16">
        <v>0.95269057036836147</v>
      </c>
    </row>
    <row r="129133" spans="1:7" x14ac:dyDescent="0.3">
      <c r="A129133" s="13" t="s">
        <v>590</v>
      </c>
      <c r="B129133" s="14" t="s">
        <v>1</v>
      </c>
      <c r="C129133" s="14" t="s">
        <v>565</v>
      </c>
      <c r="D129133" s="14" t="s">
        <v>94</v>
      </c>
      <c r="E129133" s="15">
        <v>45664</v>
      </c>
      <c r="F129133" s="14" t="s">
        <v>15</v>
      </c>
      <c r="G129133" s="16">
        <v>0.94750719186790966</v>
      </c>
    </row>
    <row r="129134" spans="1:7" x14ac:dyDescent="0.3">
      <c r="A129134" s="13" t="s">
        <v>590</v>
      </c>
      <c r="B129134" s="14" t="s">
        <v>1</v>
      </c>
      <c r="C129134" s="14" t="s">
        <v>565</v>
      </c>
      <c r="D129134" s="14" t="s">
        <v>94</v>
      </c>
      <c r="E129134" s="15">
        <v>45665</v>
      </c>
      <c r="F129134" s="14" t="s">
        <v>15</v>
      </c>
      <c r="G129134" s="16">
        <v>0.94576916115426934</v>
      </c>
    </row>
    <row r="129135" spans="1:7" x14ac:dyDescent="0.3">
      <c r="A129135" s="13" t="s">
        <v>590</v>
      </c>
      <c r="B129135" s="14" t="s">
        <v>1</v>
      </c>
      <c r="C129135" s="14" t="s">
        <v>565</v>
      </c>
      <c r="D129135" s="14" t="s">
        <v>94</v>
      </c>
      <c r="E129135" s="15">
        <v>45666</v>
      </c>
      <c r="F129135" s="14" t="s">
        <v>15</v>
      </c>
      <c r="G129135" s="16">
        <v>0.94403293712536229</v>
      </c>
    </row>
    <row r="129136" spans="1:7" x14ac:dyDescent="0.3">
      <c r="A129136" s="13" t="s">
        <v>590</v>
      </c>
      <c r="B129136" s="14" t="s">
        <v>1</v>
      </c>
      <c r="C129136" s="14" t="s">
        <v>565</v>
      </c>
      <c r="D129136" s="14" t="s">
        <v>94</v>
      </c>
      <c r="E129136" s="15">
        <v>45667</v>
      </c>
      <c r="F129136" s="14" t="s">
        <v>15</v>
      </c>
      <c r="G129136" s="16">
        <v>0.94895976639365509</v>
      </c>
    </row>
    <row r="129137" spans="1:7" x14ac:dyDescent="0.3">
      <c r="A129137" s="13" t="s">
        <v>590</v>
      </c>
      <c r="B129137" s="14" t="s">
        <v>1</v>
      </c>
      <c r="C129137" s="14" t="s">
        <v>565</v>
      </c>
      <c r="D129137" s="14" t="s">
        <v>94</v>
      </c>
      <c r="E129137" s="15">
        <v>45668</v>
      </c>
      <c r="F129137" s="14" t="s">
        <v>15</v>
      </c>
      <c r="G129137" s="16">
        <v>0.94895976639365509</v>
      </c>
    </row>
    <row r="129138" spans="1:7" x14ac:dyDescent="0.3">
      <c r="A129138" s="13" t="s">
        <v>590</v>
      </c>
      <c r="B129138" s="14" t="s">
        <v>1</v>
      </c>
      <c r="C129138" s="14" t="s">
        <v>565</v>
      </c>
      <c r="D129138" s="14" t="s">
        <v>94</v>
      </c>
      <c r="E129138" s="15">
        <v>45669</v>
      </c>
      <c r="F129138" s="14" t="s">
        <v>15</v>
      </c>
      <c r="G129138" s="16">
        <v>0.94895976639365509</v>
      </c>
    </row>
    <row r="129139" spans="1:7" x14ac:dyDescent="0.3">
      <c r="A129139" s="13" t="s">
        <v>590</v>
      </c>
      <c r="B129139" s="14" t="s">
        <v>1</v>
      </c>
      <c r="C129139" s="14" t="s">
        <v>565</v>
      </c>
      <c r="D129139" s="14" t="s">
        <v>94</v>
      </c>
      <c r="E129139" s="15">
        <v>45670</v>
      </c>
      <c r="F129139" s="14" t="s">
        <v>15</v>
      </c>
      <c r="G129139" s="16">
        <v>0.9472470292662839</v>
      </c>
    </row>
    <row r="129140" spans="1:7" x14ac:dyDescent="0.3">
      <c r="A129140" s="13" t="s">
        <v>590</v>
      </c>
      <c r="B129140" s="14" t="s">
        <v>1</v>
      </c>
      <c r="C129140" s="14" t="s">
        <v>565</v>
      </c>
      <c r="D129140" s="14" t="s">
        <v>94</v>
      </c>
      <c r="E129140" s="15">
        <v>45671</v>
      </c>
      <c r="F129140" s="14" t="s">
        <v>15</v>
      </c>
      <c r="G129140" s="16">
        <v>0.94214675826357397</v>
      </c>
    </row>
    <row r="129141" spans="1:7" x14ac:dyDescent="0.3">
      <c r="A129141" s="13" t="s">
        <v>590</v>
      </c>
      <c r="B129141" s="14" t="s">
        <v>1</v>
      </c>
      <c r="C129141" s="14" t="s">
        <v>565</v>
      </c>
      <c r="D129141" s="14" t="s">
        <v>94</v>
      </c>
      <c r="E129141" s="15">
        <v>45672</v>
      </c>
      <c r="F129141" s="14" t="s">
        <v>15</v>
      </c>
      <c r="G129141" s="16">
        <v>0.94047918825454058</v>
      </c>
    </row>
    <row r="129142" spans="1:7" x14ac:dyDescent="0.3">
      <c r="A129142" s="13" t="s">
        <v>590</v>
      </c>
      <c r="B129142" s="14" t="s">
        <v>1</v>
      </c>
      <c r="C129142" s="14" t="s">
        <v>565</v>
      </c>
      <c r="D129142" s="14" t="s">
        <v>94</v>
      </c>
      <c r="E129142" s="15">
        <v>45673</v>
      </c>
      <c r="F129142" s="14" t="s">
        <v>15</v>
      </c>
      <c r="G129142" s="16">
        <v>0.9387953580829056</v>
      </c>
    </row>
    <row r="129143" spans="1:7" x14ac:dyDescent="0.3">
      <c r="A129143" s="13" t="s">
        <v>590</v>
      </c>
      <c r="B129143" s="14" t="s">
        <v>1</v>
      </c>
      <c r="C129143" s="14" t="s">
        <v>565</v>
      </c>
      <c r="D129143" s="14" t="s">
        <v>94</v>
      </c>
      <c r="E129143" s="15">
        <v>45674</v>
      </c>
      <c r="F129143" s="14" t="s">
        <v>15</v>
      </c>
      <c r="G129143" s="16">
        <v>0.93711333459600421</v>
      </c>
    </row>
    <row r="129144" spans="1:7" x14ac:dyDescent="0.3">
      <c r="A129144" s="13" t="s">
        <v>590</v>
      </c>
      <c r="B129144" s="14" t="s">
        <v>1</v>
      </c>
      <c r="C129144" s="14" t="s">
        <v>565</v>
      </c>
      <c r="D129144" s="14" t="s">
        <v>94</v>
      </c>
      <c r="E129144" s="15">
        <v>45675</v>
      </c>
      <c r="F129144" s="14" t="s">
        <v>15</v>
      </c>
      <c r="G129144" s="16">
        <v>0.93711333459600421</v>
      </c>
    </row>
    <row r="129145" spans="1:7" x14ac:dyDescent="0.3">
      <c r="A129145" s="13" t="s">
        <v>590</v>
      </c>
      <c r="B129145" s="14" t="s">
        <v>1</v>
      </c>
      <c r="C129145" s="14" t="s">
        <v>565</v>
      </c>
      <c r="D129145" s="14" t="s">
        <v>94</v>
      </c>
      <c r="E129145" s="15">
        <v>45676</v>
      </c>
      <c r="F129145" s="14" t="s">
        <v>15</v>
      </c>
      <c r="G129145" s="16">
        <v>0.93711333459600421</v>
      </c>
    </row>
    <row r="129146" spans="1:7" x14ac:dyDescent="0.3">
      <c r="A129146" s="13" t="s">
        <v>590</v>
      </c>
      <c r="B129146" s="14" t="s">
        <v>1</v>
      </c>
      <c r="C129146" s="14" t="s">
        <v>565</v>
      </c>
      <c r="D129146" s="14" t="s">
        <v>94</v>
      </c>
      <c r="E129146" s="15">
        <v>45677</v>
      </c>
      <c r="F129146" s="14" t="s">
        <v>15</v>
      </c>
      <c r="G129146" s="16">
        <v>0.93540782420756685</v>
      </c>
    </row>
    <row r="129147" spans="1:7" x14ac:dyDescent="0.3">
      <c r="A129147" s="13" t="s">
        <v>590</v>
      </c>
      <c r="B129147" s="14" t="s">
        <v>1</v>
      </c>
      <c r="C129147" s="14" t="s">
        <v>565</v>
      </c>
      <c r="D129147" s="14" t="s">
        <v>94</v>
      </c>
      <c r="E129147" s="15">
        <v>45678</v>
      </c>
      <c r="F129147" s="14" t="s">
        <v>15</v>
      </c>
      <c r="G129147" s="16">
        <v>0.93030032646592264</v>
      </c>
    </row>
    <row r="129148" spans="1:7" x14ac:dyDescent="0.3">
      <c r="A129148" s="13" t="s">
        <v>590</v>
      </c>
      <c r="B129148" s="14" t="s">
        <v>1</v>
      </c>
      <c r="C129148" s="14" t="s">
        <v>565</v>
      </c>
      <c r="D129148" s="14" t="s">
        <v>94</v>
      </c>
      <c r="E129148" s="15">
        <v>45679</v>
      </c>
      <c r="F129148" s="14" t="s">
        <v>15</v>
      </c>
      <c r="G129148" s="16">
        <v>0.92878271128977097</v>
      </c>
    </row>
    <row r="129149" spans="1:7" x14ac:dyDescent="0.3">
      <c r="A129149" s="13" t="s">
        <v>590</v>
      </c>
      <c r="B129149" s="14" t="s">
        <v>1</v>
      </c>
      <c r="C129149" s="14" t="s">
        <v>565</v>
      </c>
      <c r="D129149" s="14" t="s">
        <v>94</v>
      </c>
      <c r="E129149" s="15">
        <v>45680</v>
      </c>
      <c r="F129149" s="14" t="s">
        <v>15</v>
      </c>
      <c r="G129149" s="16">
        <v>0.92705732736926527</v>
      </c>
    </row>
    <row r="129150" spans="1:7" x14ac:dyDescent="0.3">
      <c r="A129150" s="13" t="s">
        <v>590</v>
      </c>
      <c r="B129150" s="14" t="s">
        <v>1</v>
      </c>
      <c r="C129150" s="14" t="s">
        <v>565</v>
      </c>
      <c r="D129150" s="14" t="s">
        <v>94</v>
      </c>
      <c r="E129150" s="15">
        <v>45681</v>
      </c>
      <c r="F129150" s="14" t="s">
        <v>15</v>
      </c>
      <c r="G129150" s="16">
        <v>0.92533555681822632</v>
      </c>
    </row>
    <row r="129151" spans="1:7" x14ac:dyDescent="0.3">
      <c r="A129151" s="13" t="s">
        <v>590</v>
      </c>
      <c r="B129151" s="14" t="s">
        <v>1</v>
      </c>
      <c r="C129151" s="14" t="s">
        <v>565</v>
      </c>
      <c r="D129151" s="14" t="s">
        <v>94</v>
      </c>
      <c r="E129151" s="15">
        <v>45682</v>
      </c>
      <c r="F129151" s="14" t="s">
        <v>15</v>
      </c>
      <c r="G129151" s="16">
        <v>0.92533555681822632</v>
      </c>
    </row>
    <row r="129152" spans="1:7" x14ac:dyDescent="0.3">
      <c r="A129152" s="13" t="s">
        <v>590</v>
      </c>
      <c r="B129152" s="14" t="s">
        <v>1</v>
      </c>
      <c r="C129152" s="14" t="s">
        <v>565</v>
      </c>
      <c r="D129152" s="14" t="s">
        <v>94</v>
      </c>
      <c r="E129152" s="15">
        <v>45683</v>
      </c>
      <c r="F129152" s="14" t="s">
        <v>15</v>
      </c>
      <c r="G129152" s="16">
        <v>0.92533555681822632</v>
      </c>
    </row>
    <row r="129153" spans="1:7" x14ac:dyDescent="0.3">
      <c r="A129153" s="13" t="s">
        <v>590</v>
      </c>
      <c r="B129153" s="14" t="s">
        <v>1</v>
      </c>
      <c r="C129153" s="14" t="s">
        <v>565</v>
      </c>
      <c r="D129153" s="14" t="s">
        <v>94</v>
      </c>
      <c r="E129153" s="15">
        <v>45684</v>
      </c>
      <c r="F129153" s="14" t="s">
        <v>15</v>
      </c>
      <c r="G129153" s="16">
        <v>0.92760836621298692</v>
      </c>
    </row>
    <row r="129154" spans="1:7" x14ac:dyDescent="0.3">
      <c r="A129154" s="13" t="s">
        <v>590</v>
      </c>
      <c r="B129154" s="14" t="s">
        <v>1</v>
      </c>
      <c r="C129154" s="14" t="s">
        <v>565</v>
      </c>
      <c r="D129154" s="14" t="s">
        <v>94</v>
      </c>
      <c r="E129154" s="15">
        <v>45685</v>
      </c>
      <c r="F129154" s="14" t="s">
        <v>15</v>
      </c>
      <c r="G129154" s="16">
        <v>0.92760836621298692</v>
      </c>
    </row>
    <row r="129155" spans="1:7" x14ac:dyDescent="0.3">
      <c r="A129155" s="13" t="s">
        <v>590</v>
      </c>
      <c r="B129155" s="14" t="s">
        <v>1</v>
      </c>
      <c r="C129155" s="14" t="s">
        <v>565</v>
      </c>
      <c r="D129155" s="14" t="s">
        <v>94</v>
      </c>
      <c r="E129155" s="15">
        <v>45686</v>
      </c>
      <c r="F129155" s="14" t="s">
        <v>15</v>
      </c>
      <c r="G129155" s="16">
        <v>0.92760836621298692</v>
      </c>
    </row>
    <row r="129156" spans="1:7" x14ac:dyDescent="0.3">
      <c r="A129156" s="13" t="s">
        <v>590</v>
      </c>
      <c r="B129156" s="14" t="s">
        <v>1</v>
      </c>
      <c r="C129156" s="14" t="s">
        <v>565</v>
      </c>
      <c r="D129156" s="14" t="s">
        <v>94</v>
      </c>
      <c r="E129156" s="15">
        <v>45687</v>
      </c>
      <c r="F129156" s="14" t="s">
        <v>15</v>
      </c>
      <c r="G129156" s="16">
        <v>0.92760836621298692</v>
      </c>
    </row>
    <row r="129157" spans="1:7" x14ac:dyDescent="0.3">
      <c r="A129157" s="13" t="s">
        <v>590</v>
      </c>
      <c r="B129157" s="14" t="s">
        <v>1</v>
      </c>
      <c r="C129157" s="14" t="s">
        <v>565</v>
      </c>
      <c r="D129157" s="14" t="s">
        <v>94</v>
      </c>
      <c r="E129157" s="15">
        <v>45688</v>
      </c>
      <c r="F129157" s="14" t="s">
        <v>15</v>
      </c>
      <c r="G129157" s="16">
        <v>0.92760836621298692</v>
      </c>
    </row>
    <row r="129158" spans="1:7" x14ac:dyDescent="0.3">
      <c r="A129158" s="13" t="s">
        <v>590</v>
      </c>
      <c r="B129158" s="14" t="s">
        <v>1</v>
      </c>
      <c r="C129158" s="14" t="s">
        <v>565</v>
      </c>
      <c r="D129158" s="14" t="s">
        <v>94</v>
      </c>
      <c r="E129158" s="15">
        <v>45689</v>
      </c>
      <c r="F129158" s="14" t="s">
        <v>15</v>
      </c>
      <c r="G129158" s="16">
        <v>0.92760836621298692</v>
      </c>
    </row>
    <row r="129159" spans="1:7" x14ac:dyDescent="0.3">
      <c r="A129159" s="13" t="s">
        <v>590</v>
      </c>
      <c r="B129159" s="14" t="s">
        <v>1</v>
      </c>
      <c r="C129159" s="14" t="s">
        <v>565</v>
      </c>
      <c r="D129159" s="14" t="s">
        <v>94</v>
      </c>
      <c r="E129159" s="15">
        <v>45690</v>
      </c>
      <c r="F129159" s="14" t="s">
        <v>15</v>
      </c>
      <c r="G129159" s="16">
        <v>0.92760836621298692</v>
      </c>
    </row>
    <row r="129160" spans="1:7" x14ac:dyDescent="0.3">
      <c r="A129160" s="13" t="s">
        <v>590</v>
      </c>
      <c r="B129160" s="14" t="s">
        <v>1</v>
      </c>
      <c r="C129160" s="14" t="s">
        <v>565</v>
      </c>
      <c r="D129160" s="14" t="s">
        <v>94</v>
      </c>
      <c r="E129160" s="15">
        <v>45691</v>
      </c>
      <c r="F129160" s="14" t="s">
        <v>15</v>
      </c>
      <c r="G129160" s="16">
        <v>0.92760836621298692</v>
      </c>
    </row>
    <row r="129161" spans="1:7" x14ac:dyDescent="0.3">
      <c r="A129161" s="13" t="s">
        <v>590</v>
      </c>
      <c r="B129161" s="14" t="s">
        <v>1</v>
      </c>
      <c r="C129161" s="14" t="s">
        <v>565</v>
      </c>
      <c r="D129161" s="14" t="s">
        <v>94</v>
      </c>
      <c r="E129161" s="15">
        <v>45692</v>
      </c>
      <c r="F129161" s="14" t="s">
        <v>15</v>
      </c>
      <c r="G129161" s="16">
        <v>0.92760836621298692</v>
      </c>
    </row>
    <row r="129162" spans="1:7" x14ac:dyDescent="0.3">
      <c r="A129162" s="13" t="s">
        <v>590</v>
      </c>
      <c r="B129162" s="14" t="s">
        <v>1</v>
      </c>
      <c r="C129162" s="14" t="s">
        <v>565</v>
      </c>
      <c r="D129162" s="14" t="s">
        <v>94</v>
      </c>
      <c r="E129162" s="15">
        <v>45693</v>
      </c>
      <c r="F129162" s="14" t="s">
        <v>15</v>
      </c>
      <c r="G129162" s="16">
        <v>0.92241956765833477</v>
      </c>
    </row>
    <row r="129163" spans="1:7" x14ac:dyDescent="0.3">
      <c r="A129163" s="13" t="s">
        <v>590</v>
      </c>
      <c r="B129163" s="14" t="s">
        <v>1</v>
      </c>
      <c r="C129163" s="14" t="s">
        <v>565</v>
      </c>
      <c r="D129163" s="14" t="s">
        <v>94</v>
      </c>
      <c r="E129163" s="15">
        <v>45694</v>
      </c>
      <c r="F129163" s="14" t="s">
        <v>15</v>
      </c>
      <c r="G129163" s="16">
        <v>0.90790285582454977</v>
      </c>
    </row>
    <row r="129164" spans="1:7" x14ac:dyDescent="0.3">
      <c r="A129164" s="13" t="s">
        <v>590</v>
      </c>
      <c r="B129164" s="14" t="s">
        <v>1</v>
      </c>
      <c r="C129164" s="14" t="s">
        <v>565</v>
      </c>
      <c r="D129164" s="14" t="s">
        <v>94</v>
      </c>
      <c r="E129164" s="15">
        <v>45695</v>
      </c>
      <c r="F129164" s="14" t="s">
        <v>15</v>
      </c>
      <c r="G129164" s="16">
        <v>0.90616301842617553</v>
      </c>
    </row>
    <row r="129165" spans="1:7" x14ac:dyDescent="0.3">
      <c r="A129165" s="13" t="s">
        <v>590</v>
      </c>
      <c r="B129165" s="14" t="s">
        <v>1</v>
      </c>
      <c r="C129165" s="14" t="s">
        <v>565</v>
      </c>
      <c r="D129165" s="14" t="s">
        <v>94</v>
      </c>
      <c r="E129165" s="15">
        <v>45696</v>
      </c>
      <c r="F129165" s="14" t="s">
        <v>15</v>
      </c>
      <c r="G129165" s="16">
        <v>0.90616301842617553</v>
      </c>
    </row>
    <row r="129166" spans="1:7" x14ac:dyDescent="0.3">
      <c r="A129166" s="13" t="s">
        <v>590</v>
      </c>
      <c r="B129166" s="14" t="s">
        <v>1</v>
      </c>
      <c r="C129166" s="14" t="s">
        <v>565</v>
      </c>
      <c r="D129166" s="14" t="s">
        <v>94</v>
      </c>
      <c r="E129166" s="15">
        <v>45697</v>
      </c>
      <c r="F129166" s="14" t="s">
        <v>15</v>
      </c>
      <c r="G129166" s="16">
        <v>0.90616301842617553</v>
      </c>
    </row>
    <row r="129167" spans="1:7" x14ac:dyDescent="0.3">
      <c r="A129167" s="13" t="s">
        <v>590</v>
      </c>
      <c r="B129167" s="14" t="s">
        <v>1</v>
      </c>
      <c r="C129167" s="14" t="s">
        <v>565</v>
      </c>
      <c r="D129167" s="14" t="s">
        <v>94</v>
      </c>
      <c r="E129167" s="15">
        <v>45698</v>
      </c>
      <c r="F129167" s="14" t="s">
        <v>15</v>
      </c>
      <c r="G129167" s="16">
        <v>0.91175832104586862</v>
      </c>
    </row>
    <row r="129168" spans="1:7" x14ac:dyDescent="0.3">
      <c r="A129168" s="13" t="s">
        <v>590</v>
      </c>
      <c r="B129168" s="14" t="s">
        <v>1</v>
      </c>
      <c r="C129168" s="14" t="s">
        <v>565</v>
      </c>
      <c r="D129168" s="14" t="s">
        <v>94</v>
      </c>
      <c r="E129168" s="15">
        <v>45699</v>
      </c>
      <c r="F129168" s="14" t="s">
        <v>15</v>
      </c>
      <c r="G129168" s="16">
        <v>0.90646834814613952</v>
      </c>
    </row>
    <row r="129169" spans="1:7" x14ac:dyDescent="0.3">
      <c r="A129169" s="13" t="s">
        <v>590</v>
      </c>
      <c r="B129169" s="14" t="s">
        <v>1</v>
      </c>
      <c r="C129169" s="14" t="s">
        <v>565</v>
      </c>
      <c r="D129169" s="14" t="s">
        <v>94</v>
      </c>
      <c r="E129169" s="15">
        <v>45700</v>
      </c>
      <c r="F129169" s="14" t="s">
        <v>15</v>
      </c>
      <c r="G129169" s="16">
        <v>0.90471225058516402</v>
      </c>
    </row>
    <row r="129170" spans="1:7" x14ac:dyDescent="0.3">
      <c r="A129170" s="13" t="s">
        <v>590</v>
      </c>
      <c r="B129170" s="14" t="s">
        <v>1</v>
      </c>
      <c r="C129170" s="14" t="s">
        <v>565</v>
      </c>
      <c r="D129170" s="14" t="s">
        <v>94</v>
      </c>
      <c r="E129170" s="15">
        <v>45701</v>
      </c>
      <c r="F129170" s="14" t="s">
        <v>15</v>
      </c>
      <c r="G129170" s="16">
        <v>0.90295615302418819</v>
      </c>
    </row>
    <row r="129171" spans="1:7" x14ac:dyDescent="0.3">
      <c r="A129171" s="13" t="s">
        <v>590</v>
      </c>
      <c r="B129171" s="14" t="s">
        <v>1</v>
      </c>
      <c r="C129171" s="14" t="s">
        <v>565</v>
      </c>
      <c r="D129171" s="14" t="s">
        <v>94</v>
      </c>
      <c r="E129171" s="15">
        <v>45702</v>
      </c>
      <c r="F129171" s="14" t="s">
        <v>15</v>
      </c>
      <c r="G129171" s="16">
        <v>0.90118560198534459</v>
      </c>
    </row>
    <row r="129172" spans="1:7" x14ac:dyDescent="0.3">
      <c r="A129172" s="13" t="s">
        <v>590</v>
      </c>
      <c r="B129172" s="14" t="s">
        <v>1</v>
      </c>
      <c r="C129172" s="14" t="s">
        <v>565</v>
      </c>
      <c r="D129172" s="14" t="s">
        <v>94</v>
      </c>
      <c r="E129172" s="15">
        <v>45703</v>
      </c>
      <c r="F129172" s="14" t="s">
        <v>15</v>
      </c>
      <c r="G129172" s="16">
        <v>0.90118560198534459</v>
      </c>
    </row>
    <row r="129173" spans="1:7" x14ac:dyDescent="0.3">
      <c r="A129173" s="13" t="s">
        <v>590</v>
      </c>
      <c r="B129173" s="14" t="s">
        <v>1</v>
      </c>
      <c r="C129173" s="14" t="s">
        <v>565</v>
      </c>
      <c r="D129173" s="14" t="s">
        <v>94</v>
      </c>
      <c r="E129173" s="15">
        <v>45704</v>
      </c>
      <c r="F129173" s="14" t="s">
        <v>15</v>
      </c>
      <c r="G129173" s="16">
        <v>0.90118560198534459</v>
      </c>
    </row>
    <row r="129174" spans="1:7" x14ac:dyDescent="0.3">
      <c r="A129174" s="13" t="s">
        <v>590</v>
      </c>
      <c r="B129174" s="14" t="s">
        <v>1</v>
      </c>
      <c r="C129174" s="14" t="s">
        <v>565</v>
      </c>
      <c r="D129174" s="14" t="s">
        <v>94</v>
      </c>
      <c r="E129174" s="15">
        <v>45705</v>
      </c>
      <c r="F129174" s="14" t="s">
        <v>15</v>
      </c>
      <c r="G129174" s="16">
        <v>0.8994114375770339</v>
      </c>
    </row>
    <row r="129175" spans="1:7" x14ac:dyDescent="0.3">
      <c r="A129175" s="13" t="s">
        <v>590</v>
      </c>
      <c r="B129175" s="14" t="s">
        <v>1</v>
      </c>
      <c r="C129175" s="14" t="s">
        <v>565</v>
      </c>
      <c r="D129175" s="14" t="s">
        <v>94</v>
      </c>
      <c r="E129175" s="15">
        <v>45706</v>
      </c>
      <c r="F129175" s="14" t="s">
        <v>15</v>
      </c>
      <c r="G129175" s="16">
        <v>0.89401848364749459</v>
      </c>
    </row>
    <row r="129176" spans="1:7" x14ac:dyDescent="0.3">
      <c r="A129176" s="13" t="s">
        <v>590</v>
      </c>
      <c r="B129176" s="14" t="s">
        <v>1</v>
      </c>
      <c r="C129176" s="14" t="s">
        <v>565</v>
      </c>
      <c r="D129176" s="14" t="s">
        <v>94</v>
      </c>
      <c r="E129176" s="15">
        <v>45707</v>
      </c>
      <c r="F129176" s="14" t="s">
        <v>15</v>
      </c>
      <c r="G129176" s="16">
        <v>0.89220457217504634</v>
      </c>
    </row>
    <row r="129177" spans="1:7" x14ac:dyDescent="0.3">
      <c r="A129177" s="13" t="s">
        <v>590</v>
      </c>
      <c r="B129177" s="14" t="s">
        <v>1</v>
      </c>
      <c r="C129177" s="14" t="s">
        <v>565</v>
      </c>
      <c r="D129177" s="14" t="s">
        <v>94</v>
      </c>
      <c r="E129177" s="15">
        <v>45708</v>
      </c>
      <c r="F129177" s="14" t="s">
        <v>15</v>
      </c>
      <c r="G129177" s="16">
        <v>0.89038162727893067</v>
      </c>
    </row>
    <row r="129178" spans="1:7" x14ac:dyDescent="0.3">
      <c r="A129178" s="13" t="s">
        <v>590</v>
      </c>
      <c r="B129178" s="14" t="s">
        <v>1</v>
      </c>
      <c r="C129178" s="14" t="s">
        <v>565</v>
      </c>
      <c r="D129178" s="14" t="s">
        <v>94</v>
      </c>
      <c r="E129178" s="15">
        <v>45709</v>
      </c>
      <c r="F129178" s="14" t="s">
        <v>15</v>
      </c>
      <c r="G129178" s="16">
        <v>0.88855868238281499</v>
      </c>
    </row>
    <row r="129179" spans="1:7" x14ac:dyDescent="0.3">
      <c r="A129179" s="13" t="s">
        <v>590</v>
      </c>
      <c r="B129179" s="14" t="s">
        <v>1</v>
      </c>
      <c r="C129179" s="14" t="s">
        <v>565</v>
      </c>
      <c r="D129179" s="14" t="s">
        <v>94</v>
      </c>
      <c r="E129179" s="15">
        <v>45710</v>
      </c>
      <c r="F129179" s="14" t="s">
        <v>15</v>
      </c>
      <c r="G129179" s="16">
        <v>0.88855868238281499</v>
      </c>
    </row>
    <row r="129180" spans="1:7" x14ac:dyDescent="0.3">
      <c r="A129180" s="13" t="s">
        <v>590</v>
      </c>
      <c r="B129180" s="14" t="s">
        <v>1</v>
      </c>
      <c r="C129180" s="14" t="s">
        <v>565</v>
      </c>
      <c r="D129180" s="14" t="s">
        <v>94</v>
      </c>
      <c r="E129180" s="15">
        <v>45711</v>
      </c>
      <c r="F129180" s="14" t="s">
        <v>15</v>
      </c>
      <c r="G129180" s="16">
        <v>0.88855868238281499</v>
      </c>
    </row>
    <row r="129181" spans="1:7" x14ac:dyDescent="0.3">
      <c r="A129181" s="13" t="s">
        <v>590</v>
      </c>
      <c r="B129181" s="14" t="s">
        <v>1</v>
      </c>
      <c r="C129181" s="14" t="s">
        <v>565</v>
      </c>
      <c r="D129181" s="14" t="s">
        <v>94</v>
      </c>
      <c r="E129181" s="15">
        <v>45712</v>
      </c>
      <c r="F129181" s="14" t="s">
        <v>15</v>
      </c>
      <c r="G129181" s="16">
        <v>0.88674657759510067</v>
      </c>
    </row>
    <row r="129182" spans="1:7" x14ac:dyDescent="0.3">
      <c r="A129182" s="13" t="s">
        <v>590</v>
      </c>
      <c r="B129182" s="14" t="s">
        <v>1</v>
      </c>
      <c r="C129182" s="14" t="s">
        <v>565</v>
      </c>
      <c r="D129182" s="14" t="s">
        <v>94</v>
      </c>
      <c r="E129182" s="15">
        <v>45713</v>
      </c>
      <c r="F129182" s="14" t="s">
        <v>15</v>
      </c>
      <c r="G129182" s="16">
        <v>0.88121812231054775</v>
      </c>
    </row>
    <row r="129183" spans="1:7" x14ac:dyDescent="0.3">
      <c r="A129183" s="13" t="s">
        <v>590</v>
      </c>
      <c r="B129183" s="14" t="s">
        <v>1</v>
      </c>
      <c r="C129183" s="14" t="s">
        <v>565</v>
      </c>
      <c r="D129183" s="14" t="s">
        <v>94</v>
      </c>
      <c r="E129183" s="15">
        <v>45714</v>
      </c>
      <c r="F129183" s="14" t="s">
        <v>15</v>
      </c>
      <c r="G129183" s="16">
        <v>0.87939517741443218</v>
      </c>
    </row>
    <row r="129184" spans="1:7" x14ac:dyDescent="0.3">
      <c r="A129184" s="13" t="s">
        <v>590</v>
      </c>
      <c r="B129184" s="14" t="s">
        <v>1</v>
      </c>
      <c r="C129184" s="14" t="s">
        <v>565</v>
      </c>
      <c r="D129184" s="14" t="s">
        <v>94</v>
      </c>
      <c r="E129184" s="15">
        <v>45715</v>
      </c>
      <c r="F129184" s="14" t="s">
        <v>15</v>
      </c>
      <c r="G129184" s="16">
        <v>0.87801487027802727</v>
      </c>
    </row>
    <row r="129185" spans="1:7" x14ac:dyDescent="0.3">
      <c r="A129185" s="13" t="s">
        <v>590</v>
      </c>
      <c r="B129185" s="14" t="s">
        <v>1</v>
      </c>
      <c r="C129185" s="14" t="s">
        <v>565</v>
      </c>
      <c r="D129185" s="14" t="s">
        <v>94</v>
      </c>
      <c r="E129185" s="15">
        <v>45716</v>
      </c>
      <c r="F129185" s="14" t="s">
        <v>15</v>
      </c>
      <c r="G129185" s="16">
        <v>0.89021179891398028</v>
      </c>
    </row>
    <row r="129186" spans="1:7" x14ac:dyDescent="0.3">
      <c r="A129186" s="13" t="s">
        <v>590</v>
      </c>
      <c r="B129186" s="14" t="s">
        <v>1</v>
      </c>
      <c r="C129186" s="14" t="s">
        <v>565</v>
      </c>
      <c r="D129186" s="14" t="s">
        <v>94</v>
      </c>
      <c r="E129186" s="15">
        <v>45717</v>
      </c>
      <c r="F129186" s="14" t="s">
        <v>15</v>
      </c>
      <c r="G129186" s="16">
        <v>0.89021179891398028</v>
      </c>
    </row>
    <row r="129187" spans="1:7" x14ac:dyDescent="0.3">
      <c r="A129187" s="13" t="s">
        <v>590</v>
      </c>
      <c r="B129187" s="14" t="s">
        <v>1</v>
      </c>
      <c r="C129187" s="14" t="s">
        <v>565</v>
      </c>
      <c r="D129187" s="14" t="s">
        <v>94</v>
      </c>
      <c r="E129187" s="15">
        <v>45718</v>
      </c>
      <c r="F129187" s="14" t="s">
        <v>15</v>
      </c>
      <c r="G129187" s="16">
        <v>0.89021179891398028</v>
      </c>
    </row>
    <row r="129188" spans="1:7" x14ac:dyDescent="0.3">
      <c r="A129188" s="13" t="s">
        <v>590</v>
      </c>
      <c r="B129188" s="14" t="s">
        <v>1</v>
      </c>
      <c r="C129188" s="14" t="s">
        <v>565</v>
      </c>
      <c r="D129188" s="14" t="s">
        <v>94</v>
      </c>
      <c r="E129188" s="15">
        <v>45719</v>
      </c>
      <c r="F129188" s="14" t="s">
        <v>15</v>
      </c>
      <c r="G129188" s="16">
        <v>0.88839246738733169</v>
      </c>
    </row>
    <row r="129189" spans="1:7" x14ac:dyDescent="0.3">
      <c r="A129189" s="13" t="s">
        <v>590</v>
      </c>
      <c r="B129189" s="14" t="s">
        <v>1</v>
      </c>
      <c r="C129189" s="14" t="s">
        <v>565</v>
      </c>
      <c r="D129189" s="14" t="s">
        <v>94</v>
      </c>
      <c r="E129189" s="15">
        <v>45720</v>
      </c>
      <c r="F129189" s="14" t="s">
        <v>15</v>
      </c>
      <c r="G129189" s="16">
        <v>0.88305010063033085</v>
      </c>
    </row>
    <row r="129190" spans="1:7" x14ac:dyDescent="0.3">
      <c r="A129190" s="13" t="s">
        <v>590</v>
      </c>
      <c r="B129190" s="14" t="s">
        <v>1</v>
      </c>
      <c r="C129190" s="14" t="s">
        <v>565</v>
      </c>
      <c r="D129190" s="14" t="s">
        <v>94</v>
      </c>
      <c r="E129190" s="15">
        <v>45721</v>
      </c>
      <c r="F129190" s="14" t="s">
        <v>15</v>
      </c>
      <c r="G129190" s="16">
        <v>0.88127593622202016</v>
      </c>
    </row>
    <row r="129191" spans="1:7" x14ac:dyDescent="0.3">
      <c r="A129191" s="13" t="s">
        <v>590</v>
      </c>
      <c r="B129191" s="14" t="s">
        <v>1</v>
      </c>
      <c r="C129191" s="14" t="s">
        <v>565</v>
      </c>
      <c r="D129191" s="14" t="s">
        <v>94</v>
      </c>
      <c r="E129191" s="15">
        <v>45722</v>
      </c>
      <c r="F129191" s="14" t="s">
        <v>15</v>
      </c>
      <c r="G129191" s="16">
        <v>0.88019373206664531</v>
      </c>
    </row>
    <row r="129192" spans="1:7" x14ac:dyDescent="0.3">
      <c r="A129192" s="13" t="s">
        <v>590</v>
      </c>
      <c r="B129192" s="14" t="s">
        <v>1</v>
      </c>
      <c r="C129192" s="14" t="s">
        <v>565</v>
      </c>
      <c r="D129192" s="14" t="s">
        <v>94</v>
      </c>
      <c r="E129192" s="15">
        <v>45723</v>
      </c>
      <c r="F129192" s="14" t="s">
        <v>15</v>
      </c>
      <c r="G129192" s="16">
        <v>0.87839608075679909</v>
      </c>
    </row>
    <row r="129193" spans="1:7" x14ac:dyDescent="0.3">
      <c r="A129193" s="13" t="s">
        <v>590</v>
      </c>
      <c r="B129193" s="14" t="s">
        <v>1</v>
      </c>
      <c r="C129193" s="14" t="s">
        <v>565</v>
      </c>
      <c r="D129193" s="14" t="s">
        <v>94</v>
      </c>
      <c r="E129193" s="15">
        <v>45724</v>
      </c>
      <c r="F129193" s="14" t="s">
        <v>15</v>
      </c>
      <c r="G129193" s="16">
        <v>0.87839608075679909</v>
      </c>
    </row>
    <row r="129194" spans="1:7" x14ac:dyDescent="0.3">
      <c r="A129194" s="13" t="s">
        <v>590</v>
      </c>
      <c r="B129194" s="14" t="s">
        <v>1</v>
      </c>
      <c r="C129194" s="14" t="s">
        <v>565</v>
      </c>
      <c r="D129194" s="14" t="s">
        <v>94</v>
      </c>
      <c r="E129194" s="15">
        <v>45725</v>
      </c>
      <c r="F129194" s="14" t="s">
        <v>15</v>
      </c>
      <c r="G129194" s="16">
        <v>0.87839608075679909</v>
      </c>
    </row>
    <row r="129195" spans="1:7" x14ac:dyDescent="0.3">
      <c r="A129195" s="13" t="s">
        <v>590</v>
      </c>
      <c r="B129195" s="14" t="s">
        <v>1</v>
      </c>
      <c r="C129195" s="14" t="s">
        <v>565</v>
      </c>
      <c r="D129195" s="14" t="s">
        <v>94</v>
      </c>
      <c r="E129195" s="15">
        <v>45726</v>
      </c>
      <c r="F129195" s="14" t="s">
        <v>15</v>
      </c>
      <c r="G129195" s="16">
        <v>0.88357584588778382</v>
      </c>
    </row>
    <row r="129196" spans="1:7" x14ac:dyDescent="0.3">
      <c r="A129196" s="13" t="s">
        <v>590</v>
      </c>
      <c r="B129196" s="14" t="s">
        <v>1</v>
      </c>
      <c r="C129196" s="14" t="s">
        <v>565</v>
      </c>
      <c r="D129196" s="14" t="s">
        <v>94</v>
      </c>
      <c r="E129196" s="15">
        <v>45727</v>
      </c>
      <c r="F129196" s="14" t="s">
        <v>15</v>
      </c>
      <c r="G129196" s="16">
        <v>0.88117114850747635</v>
      </c>
    </row>
    <row r="129197" spans="1:7" x14ac:dyDescent="0.3">
      <c r="A129197" s="13" t="s">
        <v>590</v>
      </c>
      <c r="B129197" s="14" t="s">
        <v>1</v>
      </c>
      <c r="C129197" s="14" t="s">
        <v>565</v>
      </c>
      <c r="D129197" s="14" t="s">
        <v>94</v>
      </c>
      <c r="E129197" s="15">
        <v>45728</v>
      </c>
      <c r="F129197" s="14" t="s">
        <v>15</v>
      </c>
      <c r="G129197" s="16">
        <v>0.87937169051289665</v>
      </c>
    </row>
    <row r="129198" spans="1:7" x14ac:dyDescent="0.3">
      <c r="A129198" s="13" t="s">
        <v>590</v>
      </c>
      <c r="B129198" s="14" t="s">
        <v>1</v>
      </c>
      <c r="C129198" s="14" t="s">
        <v>565</v>
      </c>
      <c r="D129198" s="14" t="s">
        <v>94</v>
      </c>
      <c r="E129198" s="15">
        <v>45729</v>
      </c>
      <c r="F129198" s="14" t="s">
        <v>15</v>
      </c>
      <c r="G129198" s="16">
        <v>0.87758668599618461</v>
      </c>
    </row>
    <row r="129199" spans="1:7" x14ac:dyDescent="0.3">
      <c r="A129199" s="13" t="s">
        <v>590</v>
      </c>
      <c r="B129199" s="14" t="s">
        <v>1</v>
      </c>
      <c r="C129199" s="14" t="s">
        <v>565</v>
      </c>
      <c r="D129199" s="14" t="s">
        <v>94</v>
      </c>
      <c r="E129199" s="15">
        <v>45730</v>
      </c>
      <c r="F129199" s="14" t="s">
        <v>15</v>
      </c>
      <c r="G129199" s="16">
        <v>0.87579264805580515</v>
      </c>
    </row>
    <row r="129200" spans="1:7" x14ac:dyDescent="0.3">
      <c r="A129200" s="13" t="s">
        <v>590</v>
      </c>
      <c r="B129200" s="14" t="s">
        <v>1</v>
      </c>
      <c r="C129200" s="14" t="s">
        <v>565</v>
      </c>
      <c r="D129200" s="14" t="s">
        <v>94</v>
      </c>
      <c r="E129200" s="15">
        <v>45731</v>
      </c>
      <c r="F129200" s="14" t="s">
        <v>15</v>
      </c>
      <c r="G129200" s="16">
        <v>0.87579264805580515</v>
      </c>
    </row>
    <row r="129201" spans="1:7" x14ac:dyDescent="0.3">
      <c r="A129201" s="13" t="s">
        <v>590</v>
      </c>
      <c r="B129201" s="14" t="s">
        <v>1</v>
      </c>
      <c r="C129201" s="14" t="s">
        <v>565</v>
      </c>
      <c r="D129201" s="14" t="s">
        <v>94</v>
      </c>
      <c r="E129201" s="15">
        <v>45732</v>
      </c>
      <c r="F129201" s="14" t="s">
        <v>15</v>
      </c>
      <c r="G129201" s="16">
        <v>0.87579264805580515</v>
      </c>
    </row>
    <row r="129202" spans="1:7" x14ac:dyDescent="0.3">
      <c r="A129202" s="13" t="s">
        <v>590</v>
      </c>
      <c r="B129202" s="14" t="s">
        <v>1</v>
      </c>
      <c r="C129202" s="14" t="s">
        <v>565</v>
      </c>
      <c r="D129202" s="14" t="s">
        <v>94</v>
      </c>
      <c r="E129202" s="15">
        <v>45733</v>
      </c>
      <c r="F129202" s="14" t="s">
        <v>15</v>
      </c>
      <c r="G129202" s="16">
        <v>0.87579264805580515</v>
      </c>
    </row>
    <row r="129203" spans="1:7" x14ac:dyDescent="0.3">
      <c r="A129203" s="13" t="s">
        <v>590</v>
      </c>
      <c r="B129203" s="14" t="s">
        <v>1</v>
      </c>
      <c r="C129203" s="14" t="s">
        <v>565</v>
      </c>
      <c r="D129203" s="14" t="s">
        <v>94</v>
      </c>
      <c r="E129203" s="15">
        <v>45734</v>
      </c>
      <c r="F129203" s="14" t="s">
        <v>15</v>
      </c>
      <c r="G129203" s="16">
        <v>0.88774206088326701</v>
      </c>
    </row>
    <row r="129204" spans="1:7" x14ac:dyDescent="0.3">
      <c r="A129204" s="13" t="s">
        <v>590</v>
      </c>
      <c r="B129204" s="14" t="s">
        <v>1</v>
      </c>
      <c r="C129204" s="14" t="s">
        <v>565</v>
      </c>
      <c r="D129204" s="14" t="s">
        <v>94</v>
      </c>
      <c r="E129204" s="15">
        <v>45735</v>
      </c>
      <c r="F129204" s="14" t="s">
        <v>15</v>
      </c>
      <c r="G129204" s="16">
        <v>0.90773664082906647</v>
      </c>
    </row>
    <row r="129205" spans="1:7" x14ac:dyDescent="0.3">
      <c r="A129205" s="13" t="s">
        <v>590</v>
      </c>
      <c r="B129205" s="14" t="s">
        <v>1</v>
      </c>
      <c r="C129205" s="14" t="s">
        <v>565</v>
      </c>
      <c r="D129205" s="14" t="s">
        <v>94</v>
      </c>
      <c r="E129205" s="15">
        <v>45736</v>
      </c>
      <c r="F129205" s="14" t="s">
        <v>15</v>
      </c>
      <c r="G129205" s="16">
        <v>0.90590827587875011</v>
      </c>
    </row>
    <row r="129206" spans="1:7" x14ac:dyDescent="0.3">
      <c r="A129206" s="13" t="s">
        <v>590</v>
      </c>
      <c r="B129206" s="14" t="s">
        <v>1</v>
      </c>
      <c r="C129206" s="14" t="s">
        <v>565</v>
      </c>
      <c r="D129206" s="14" t="s">
        <v>94</v>
      </c>
      <c r="E129206" s="15">
        <v>45737</v>
      </c>
      <c r="F129206" s="14" t="s">
        <v>15</v>
      </c>
      <c r="G129206" s="16">
        <v>0.90408352429790095</v>
      </c>
    </row>
    <row r="129207" spans="1:7" x14ac:dyDescent="0.3">
      <c r="A129207" s="13" t="s">
        <v>590</v>
      </c>
      <c r="B129207" s="14" t="s">
        <v>1</v>
      </c>
      <c r="C129207" s="14" t="s">
        <v>565</v>
      </c>
      <c r="D129207" s="14" t="s">
        <v>94</v>
      </c>
      <c r="E129207" s="15">
        <v>45738</v>
      </c>
      <c r="F129207" s="14" t="s">
        <v>15</v>
      </c>
      <c r="G129207" s="16">
        <v>0.90408352429790095</v>
      </c>
    </row>
    <row r="129208" spans="1:7" x14ac:dyDescent="0.3">
      <c r="A129208" s="13" t="s">
        <v>590</v>
      </c>
      <c r="B129208" s="14" t="s">
        <v>1</v>
      </c>
      <c r="C129208" s="14" t="s">
        <v>565</v>
      </c>
      <c r="D129208" s="14" t="s">
        <v>94</v>
      </c>
      <c r="E129208" s="15">
        <v>45739</v>
      </c>
      <c r="F129208" s="14" t="s">
        <v>15</v>
      </c>
      <c r="G129208" s="16">
        <v>0.90408352429790095</v>
      </c>
    </row>
    <row r="129209" spans="1:7" x14ac:dyDescent="0.3">
      <c r="A129209" s="13" t="s">
        <v>590</v>
      </c>
      <c r="B129209" s="14" t="s">
        <v>1</v>
      </c>
      <c r="C129209" s="14" t="s">
        <v>565</v>
      </c>
      <c r="D129209" s="14" t="s">
        <v>94</v>
      </c>
      <c r="E129209" s="15">
        <v>45740</v>
      </c>
      <c r="F129209" s="14" t="s">
        <v>15</v>
      </c>
      <c r="G129209" s="16">
        <v>0.94901820691059657</v>
      </c>
    </row>
    <row r="129210" spans="1:7" x14ac:dyDescent="0.3">
      <c r="A129210" s="13" t="s">
        <v>590</v>
      </c>
      <c r="B129210" s="14" t="s">
        <v>1</v>
      </c>
      <c r="C129210" s="14" t="s">
        <v>565</v>
      </c>
      <c r="D129210" s="14" t="s">
        <v>94</v>
      </c>
      <c r="E129210" s="15">
        <v>45741</v>
      </c>
      <c r="F129210" s="14" t="s">
        <v>15</v>
      </c>
      <c r="G129210" s="16">
        <v>0.94360698335953863</v>
      </c>
    </row>
    <row r="129211" spans="1:7" x14ac:dyDescent="0.3">
      <c r="A129211" s="13" t="s">
        <v>590</v>
      </c>
      <c r="B129211" s="14" t="s">
        <v>1</v>
      </c>
      <c r="C129211" s="14" t="s">
        <v>565</v>
      </c>
      <c r="D129211" s="14" t="s">
        <v>94</v>
      </c>
      <c r="E129211" s="15">
        <v>45742</v>
      </c>
      <c r="F129211" s="14" t="s">
        <v>15</v>
      </c>
      <c r="G129211" s="16">
        <v>0.96503108639541713</v>
      </c>
    </row>
    <row r="129212" spans="1:7" x14ac:dyDescent="0.3">
      <c r="A129212" s="13" t="s">
        <v>590</v>
      </c>
      <c r="B129212" s="14" t="s">
        <v>1</v>
      </c>
      <c r="C129212" s="14" t="s">
        <v>565</v>
      </c>
      <c r="D129212" s="14" t="s">
        <v>94</v>
      </c>
      <c r="E129212" s="15">
        <v>45743</v>
      </c>
      <c r="F129212" s="14" t="s">
        <v>15</v>
      </c>
      <c r="G129212" s="16">
        <v>0.96344322990967657</v>
      </c>
    </row>
    <row r="129213" spans="1:7" x14ac:dyDescent="0.3">
      <c r="A129213" s="13" t="s">
        <v>590</v>
      </c>
      <c r="B129213" s="14" t="s">
        <v>1</v>
      </c>
      <c r="C129213" s="14" t="s">
        <v>565</v>
      </c>
      <c r="D129213" s="14" t="s">
        <v>94</v>
      </c>
      <c r="E129213" s="15">
        <v>45744</v>
      </c>
      <c r="F129213" s="14" t="s">
        <v>15</v>
      </c>
      <c r="G129213" s="16">
        <v>1.0104864681801458</v>
      </c>
    </row>
    <row r="129214" spans="1:7" x14ac:dyDescent="0.3">
      <c r="A129214" s="13" t="s">
        <v>590</v>
      </c>
      <c r="B129214" s="14" t="s">
        <v>1</v>
      </c>
      <c r="C129214" s="14" t="s">
        <v>565</v>
      </c>
      <c r="D129214" s="14" t="s">
        <v>94</v>
      </c>
      <c r="E129214" s="15">
        <v>45745</v>
      </c>
      <c r="F129214" s="14" t="s">
        <v>15</v>
      </c>
      <c r="G129214" s="16">
        <v>1.0104864681801458</v>
      </c>
    </row>
    <row r="129215" spans="1:7" x14ac:dyDescent="0.3">
      <c r="A129215" s="13" t="s">
        <v>590</v>
      </c>
      <c r="B129215" s="14" t="s">
        <v>1</v>
      </c>
      <c r="C129215" s="14" t="s">
        <v>565</v>
      </c>
      <c r="D129215" s="14" t="s">
        <v>94</v>
      </c>
      <c r="E129215" s="15">
        <v>45746</v>
      </c>
      <c r="F129215" s="14" t="s">
        <v>15</v>
      </c>
      <c r="G129215" s="16">
        <v>1.0104864681801458</v>
      </c>
    </row>
    <row r="129216" spans="1:7" x14ac:dyDescent="0.3">
      <c r="A129216" s="13" t="s">
        <v>590</v>
      </c>
      <c r="B129216" s="14" t="s">
        <v>1</v>
      </c>
      <c r="C129216" s="14" t="s">
        <v>565</v>
      </c>
      <c r="D129216" s="14" t="s">
        <v>94</v>
      </c>
      <c r="E129216" s="15">
        <v>45747</v>
      </c>
      <c r="F129216" s="14" t="s">
        <v>15</v>
      </c>
      <c r="G129216" s="16">
        <v>1.0104864681801458</v>
      </c>
    </row>
    <row r="129217" spans="1:7" x14ac:dyDescent="0.3">
      <c r="A129217" s="13" t="s">
        <v>591</v>
      </c>
      <c r="B129217" s="14" t="s">
        <v>1</v>
      </c>
      <c r="C129217" s="14" t="s">
        <v>200</v>
      </c>
      <c r="D129217" s="14" t="s">
        <v>31</v>
      </c>
      <c r="E129217" s="15">
        <v>45383</v>
      </c>
      <c r="F129217" s="14" t="s">
        <v>15</v>
      </c>
      <c r="G129217" s="16">
        <v>0</v>
      </c>
    </row>
    <row r="129218" spans="1:7" x14ac:dyDescent="0.3">
      <c r="A129218" s="13" t="s">
        <v>591</v>
      </c>
      <c r="B129218" s="14" t="s">
        <v>1</v>
      </c>
      <c r="C129218" s="14" t="s">
        <v>200</v>
      </c>
      <c r="D129218" s="14" t="s">
        <v>31</v>
      </c>
      <c r="E129218" s="15">
        <v>45384</v>
      </c>
      <c r="F129218" s="14" t="s">
        <v>15</v>
      </c>
      <c r="G129218" s="16">
        <v>0</v>
      </c>
    </row>
    <row r="129219" spans="1:7" x14ac:dyDescent="0.3">
      <c r="A129219" s="13" t="s">
        <v>591</v>
      </c>
      <c r="B129219" s="14" t="s">
        <v>1</v>
      </c>
      <c r="C129219" s="14" t="s">
        <v>200</v>
      </c>
      <c r="D129219" s="14" t="s">
        <v>31</v>
      </c>
      <c r="E129219" s="15">
        <v>45385</v>
      </c>
      <c r="F129219" s="14" t="s">
        <v>15</v>
      </c>
      <c r="G129219" s="16">
        <v>4.2123700206690734E-2</v>
      </c>
    </row>
    <row r="129220" spans="1:7" x14ac:dyDescent="0.3">
      <c r="A129220" s="13" t="s">
        <v>591</v>
      </c>
      <c r="B129220" s="14" t="s">
        <v>1</v>
      </c>
      <c r="C129220" s="14" t="s">
        <v>200</v>
      </c>
      <c r="D129220" s="14" t="s">
        <v>31</v>
      </c>
      <c r="E129220" s="15">
        <v>45386</v>
      </c>
      <c r="F129220" s="14" t="s">
        <v>15</v>
      </c>
      <c r="G129220" s="16">
        <v>5.3460410640308202E-2</v>
      </c>
    </row>
    <row r="129221" spans="1:7" x14ac:dyDescent="0.3">
      <c r="A129221" s="13" t="s">
        <v>591</v>
      </c>
      <c r="B129221" s="14" t="s">
        <v>1</v>
      </c>
      <c r="C129221" s="14" t="s">
        <v>200</v>
      </c>
      <c r="D129221" s="14" t="s">
        <v>31</v>
      </c>
      <c r="E129221" s="15">
        <v>45387</v>
      </c>
      <c r="F129221" s="14" t="s">
        <v>15</v>
      </c>
      <c r="G129221" s="16">
        <v>6.245065930400466E-2</v>
      </c>
    </row>
    <row r="129222" spans="1:7" x14ac:dyDescent="0.3">
      <c r="A129222" s="13" t="s">
        <v>591</v>
      </c>
      <c r="B129222" s="14" t="s">
        <v>1</v>
      </c>
      <c r="C129222" s="14" t="s">
        <v>200</v>
      </c>
      <c r="D129222" s="14" t="s">
        <v>31</v>
      </c>
      <c r="E129222" s="15">
        <v>45388</v>
      </c>
      <c r="F129222" s="14" t="s">
        <v>15</v>
      </c>
      <c r="G129222" s="16">
        <v>6.245065930400466E-2</v>
      </c>
    </row>
    <row r="129223" spans="1:7" x14ac:dyDescent="0.3">
      <c r="A129223" s="13" t="s">
        <v>591</v>
      </c>
      <c r="B129223" s="14" t="s">
        <v>1</v>
      </c>
      <c r="C129223" s="14" t="s">
        <v>200</v>
      </c>
      <c r="D129223" s="14" t="s">
        <v>31</v>
      </c>
      <c r="E129223" s="15">
        <v>45389</v>
      </c>
      <c r="F129223" s="14" t="s">
        <v>15</v>
      </c>
      <c r="G129223" s="16">
        <v>6.245065930400466E-2</v>
      </c>
    </row>
    <row r="129224" spans="1:7" x14ac:dyDescent="0.3">
      <c r="A129224" s="13" t="s">
        <v>591</v>
      </c>
      <c r="B129224" s="14" t="s">
        <v>1</v>
      </c>
      <c r="C129224" s="14" t="s">
        <v>200</v>
      </c>
      <c r="D129224" s="14" t="s">
        <v>31</v>
      </c>
      <c r="E129224" s="15">
        <v>45390</v>
      </c>
      <c r="F129224" s="14" t="s">
        <v>15</v>
      </c>
      <c r="G129224" s="16">
        <v>6.314957488511555E-2</v>
      </c>
    </row>
    <row r="129225" spans="1:7" x14ac:dyDescent="0.3">
      <c r="A129225" s="13" t="s">
        <v>591</v>
      </c>
      <c r="B129225" s="14" t="s">
        <v>1</v>
      </c>
      <c r="C129225" s="14" t="s">
        <v>200</v>
      </c>
      <c r="D129225" s="14" t="s">
        <v>31</v>
      </c>
      <c r="E129225" s="15">
        <v>45391</v>
      </c>
      <c r="F129225" s="14" t="s">
        <v>15</v>
      </c>
      <c r="G129225" s="16">
        <v>8.7641945949542763E-2</v>
      </c>
    </row>
    <row r="129226" spans="1:7" x14ac:dyDescent="0.3">
      <c r="A129226" s="13" t="s">
        <v>591</v>
      </c>
      <c r="B129226" s="14" t="s">
        <v>1</v>
      </c>
      <c r="C129226" s="14" t="s">
        <v>200</v>
      </c>
      <c r="D129226" s="14" t="s">
        <v>31</v>
      </c>
      <c r="E129226" s="15">
        <v>45392</v>
      </c>
      <c r="F129226" s="14" t="s">
        <v>15</v>
      </c>
      <c r="G129226" s="16">
        <v>0.10840426489425581</v>
      </c>
    </row>
    <row r="129227" spans="1:7" x14ac:dyDescent="0.3">
      <c r="A129227" s="13" t="s">
        <v>591</v>
      </c>
      <c r="B129227" s="14" t="s">
        <v>1</v>
      </c>
      <c r="C129227" s="14" t="s">
        <v>200</v>
      </c>
      <c r="D129227" s="14" t="s">
        <v>31</v>
      </c>
      <c r="E129227" s="15">
        <v>45393</v>
      </c>
      <c r="F129227" s="14" t="s">
        <v>15</v>
      </c>
      <c r="G129227" s="16">
        <v>0.13643952278188792</v>
      </c>
    </row>
    <row r="129228" spans="1:7" x14ac:dyDescent="0.3">
      <c r="A129228" s="13" t="s">
        <v>591</v>
      </c>
      <c r="B129228" s="14" t="s">
        <v>1</v>
      </c>
      <c r="C129228" s="14" t="s">
        <v>200</v>
      </c>
      <c r="D129228" s="14" t="s">
        <v>31</v>
      </c>
      <c r="E129228" s="15">
        <v>45394</v>
      </c>
      <c r="F129228" s="14" t="s">
        <v>15</v>
      </c>
      <c r="G129228" s="16">
        <v>0.14255369457348366</v>
      </c>
    </row>
    <row r="129229" spans="1:7" x14ac:dyDescent="0.3">
      <c r="A129229" s="13" t="s">
        <v>591</v>
      </c>
      <c r="B129229" s="14" t="s">
        <v>1</v>
      </c>
      <c r="C129229" s="14" t="s">
        <v>200</v>
      </c>
      <c r="D129229" s="14" t="s">
        <v>31</v>
      </c>
      <c r="E129229" s="15">
        <v>45395</v>
      </c>
      <c r="F129229" s="14" t="s">
        <v>15</v>
      </c>
      <c r="G129229" s="16">
        <v>0.14255369457348366</v>
      </c>
    </row>
    <row r="129230" spans="1:7" x14ac:dyDescent="0.3">
      <c r="A129230" s="13" t="s">
        <v>591</v>
      </c>
      <c r="B129230" s="14" t="s">
        <v>1</v>
      </c>
      <c r="C129230" s="14" t="s">
        <v>200</v>
      </c>
      <c r="D129230" s="14" t="s">
        <v>31</v>
      </c>
      <c r="E129230" s="15">
        <v>45396</v>
      </c>
      <c r="F129230" s="14" t="s">
        <v>15</v>
      </c>
      <c r="G129230" s="16">
        <v>0.14255369457348366</v>
      </c>
    </row>
    <row r="129231" spans="1:7" x14ac:dyDescent="0.3">
      <c r="A129231" s="13" t="s">
        <v>591</v>
      </c>
      <c r="B129231" s="14" t="s">
        <v>1</v>
      </c>
      <c r="C129231" s="14" t="s">
        <v>200</v>
      </c>
      <c r="D129231" s="14" t="s">
        <v>31</v>
      </c>
      <c r="E129231" s="15">
        <v>45397</v>
      </c>
      <c r="F129231" s="14" t="s">
        <v>15</v>
      </c>
      <c r="G129231" s="16">
        <v>0.15180991497432483</v>
      </c>
    </row>
    <row r="129232" spans="1:7" x14ac:dyDescent="0.3">
      <c r="A129232" s="13" t="s">
        <v>591</v>
      </c>
      <c r="B129232" s="14" t="s">
        <v>1</v>
      </c>
      <c r="C129232" s="14" t="s">
        <v>200</v>
      </c>
      <c r="D129232" s="14" t="s">
        <v>31</v>
      </c>
      <c r="E129232" s="15">
        <v>45398</v>
      </c>
      <c r="F129232" s="14" t="s">
        <v>15</v>
      </c>
      <c r="G129232" s="16">
        <v>0.18005580098510993</v>
      </c>
    </row>
    <row r="129233" spans="1:7" x14ac:dyDescent="0.3">
      <c r="A129233" s="13" t="s">
        <v>591</v>
      </c>
      <c r="B129233" s="14" t="s">
        <v>1</v>
      </c>
      <c r="C129233" s="14" t="s">
        <v>200</v>
      </c>
      <c r="D129233" s="14" t="s">
        <v>31</v>
      </c>
      <c r="E129233" s="15">
        <v>45399</v>
      </c>
      <c r="F129233" s="14" t="s">
        <v>15</v>
      </c>
      <c r="G129233" s="16">
        <v>0.18881374975447865</v>
      </c>
    </row>
    <row r="129234" spans="1:7" x14ac:dyDescent="0.3">
      <c r="A129234" s="13" t="s">
        <v>591</v>
      </c>
      <c r="B129234" s="14" t="s">
        <v>1</v>
      </c>
      <c r="C129234" s="14" t="s">
        <v>200</v>
      </c>
      <c r="D129234" s="14" t="s">
        <v>31</v>
      </c>
      <c r="E129234" s="15">
        <v>45400</v>
      </c>
      <c r="F129234" s="14" t="s">
        <v>15</v>
      </c>
      <c r="G129234" s="16">
        <v>0.19741748864796749</v>
      </c>
    </row>
    <row r="129235" spans="1:7" x14ac:dyDescent="0.3">
      <c r="A129235" s="13" t="s">
        <v>591</v>
      </c>
      <c r="B129235" s="14" t="s">
        <v>1</v>
      </c>
      <c r="C129235" s="14" t="s">
        <v>200</v>
      </c>
      <c r="D129235" s="14" t="s">
        <v>31</v>
      </c>
      <c r="E129235" s="15">
        <v>45401</v>
      </c>
      <c r="F129235" s="14" t="s">
        <v>15</v>
      </c>
      <c r="G129235" s="16">
        <v>0.19307297113395541</v>
      </c>
    </row>
    <row r="129236" spans="1:7" x14ac:dyDescent="0.3">
      <c r="A129236" s="13" t="s">
        <v>591</v>
      </c>
      <c r="B129236" s="14" t="s">
        <v>1</v>
      </c>
      <c r="C129236" s="14" t="s">
        <v>200</v>
      </c>
      <c r="D129236" s="14" t="s">
        <v>31</v>
      </c>
      <c r="E129236" s="15">
        <v>45402</v>
      </c>
      <c r="F129236" s="14" t="s">
        <v>15</v>
      </c>
      <c r="G129236" s="16">
        <v>0.19307297113395541</v>
      </c>
    </row>
    <row r="129237" spans="1:7" x14ac:dyDescent="0.3">
      <c r="A129237" s="13" t="s">
        <v>591</v>
      </c>
      <c r="B129237" s="14" t="s">
        <v>1</v>
      </c>
      <c r="C129237" s="14" t="s">
        <v>200</v>
      </c>
      <c r="D129237" s="14" t="s">
        <v>31</v>
      </c>
      <c r="E129237" s="15">
        <v>45403</v>
      </c>
      <c r="F129237" s="14" t="s">
        <v>15</v>
      </c>
      <c r="G129237" s="16">
        <v>0.19307297113395541</v>
      </c>
    </row>
    <row r="129238" spans="1:7" x14ac:dyDescent="0.3">
      <c r="A129238" s="13" t="s">
        <v>591</v>
      </c>
      <c r="B129238" s="14" t="s">
        <v>1</v>
      </c>
      <c r="C129238" s="14" t="s">
        <v>200</v>
      </c>
      <c r="D129238" s="14" t="s">
        <v>31</v>
      </c>
      <c r="E129238" s="15">
        <v>45404</v>
      </c>
      <c r="F129238" s="14" t="s">
        <v>15</v>
      </c>
      <c r="G129238" s="16">
        <v>0.18886797684097748</v>
      </c>
    </row>
    <row r="129239" spans="1:7" x14ac:dyDescent="0.3">
      <c r="A129239" s="13" t="s">
        <v>591</v>
      </c>
      <c r="B129239" s="14" t="s">
        <v>1</v>
      </c>
      <c r="C129239" s="14" t="s">
        <v>200</v>
      </c>
      <c r="D129239" s="14" t="s">
        <v>31</v>
      </c>
      <c r="E129239" s="15">
        <v>45405</v>
      </c>
      <c r="F129239" s="14" t="s">
        <v>15</v>
      </c>
      <c r="G129239" s="16">
        <v>0.21740634220984828</v>
      </c>
    </row>
    <row r="129240" spans="1:7" x14ac:dyDescent="0.3">
      <c r="A129240" s="13" t="s">
        <v>591</v>
      </c>
      <c r="B129240" s="14" t="s">
        <v>1</v>
      </c>
      <c r="C129240" s="14" t="s">
        <v>200</v>
      </c>
      <c r="D129240" s="14" t="s">
        <v>31</v>
      </c>
      <c r="E129240" s="15">
        <v>45406</v>
      </c>
      <c r="F129240" s="14" t="s">
        <v>15</v>
      </c>
      <c r="G129240" s="16">
        <v>0.22788567439046128</v>
      </c>
    </row>
    <row r="129241" spans="1:7" x14ac:dyDescent="0.3">
      <c r="A129241" s="13" t="s">
        <v>591</v>
      </c>
      <c r="B129241" s="14" t="s">
        <v>1</v>
      </c>
      <c r="C129241" s="14" t="s">
        <v>200</v>
      </c>
      <c r="D129241" s="14" t="s">
        <v>31</v>
      </c>
      <c r="E129241" s="15">
        <v>45407</v>
      </c>
      <c r="F129241" s="14" t="s">
        <v>15</v>
      </c>
      <c r="G129241" s="16">
        <v>0.2357439759977574</v>
      </c>
    </row>
    <row r="129242" spans="1:7" x14ac:dyDescent="0.3">
      <c r="A129242" s="13" t="s">
        <v>591</v>
      </c>
      <c r="B129242" s="14" t="s">
        <v>1</v>
      </c>
      <c r="C129242" s="14" t="s">
        <v>200</v>
      </c>
      <c r="D129242" s="14" t="s">
        <v>31</v>
      </c>
      <c r="E129242" s="15">
        <v>45408</v>
      </c>
      <c r="F129242" s="14" t="s">
        <v>15</v>
      </c>
      <c r="G129242" s="16">
        <v>0.2437914450047122</v>
      </c>
    </row>
    <row r="129243" spans="1:7" x14ac:dyDescent="0.3">
      <c r="A129243" s="13" t="s">
        <v>591</v>
      </c>
      <c r="B129243" s="14" t="s">
        <v>1</v>
      </c>
      <c r="C129243" s="14" t="s">
        <v>200</v>
      </c>
      <c r="D129243" s="14" t="s">
        <v>31</v>
      </c>
      <c r="E129243" s="15">
        <v>45409</v>
      </c>
      <c r="F129243" s="14" t="s">
        <v>15</v>
      </c>
      <c r="G129243" s="16">
        <v>0.2437914450047122</v>
      </c>
    </row>
    <row r="129244" spans="1:7" x14ac:dyDescent="0.3">
      <c r="A129244" s="13" t="s">
        <v>591</v>
      </c>
      <c r="B129244" s="14" t="s">
        <v>1</v>
      </c>
      <c r="C129244" s="14" t="s">
        <v>200</v>
      </c>
      <c r="D129244" s="14" t="s">
        <v>31</v>
      </c>
      <c r="E129244" s="15">
        <v>45410</v>
      </c>
      <c r="F129244" s="14" t="s">
        <v>15</v>
      </c>
      <c r="G129244" s="16">
        <v>0.2437914450047122</v>
      </c>
    </row>
    <row r="129245" spans="1:7" x14ac:dyDescent="0.3">
      <c r="A129245" s="13" t="s">
        <v>591</v>
      </c>
      <c r="B129245" s="14" t="s">
        <v>1</v>
      </c>
      <c r="C129245" s="14" t="s">
        <v>200</v>
      </c>
      <c r="D129245" s="14" t="s">
        <v>31</v>
      </c>
      <c r="E129245" s="15">
        <v>45411</v>
      </c>
      <c r="F129245" s="14" t="s">
        <v>15</v>
      </c>
      <c r="G129245" s="16">
        <v>0.2520761485513156</v>
      </c>
    </row>
    <row r="129246" spans="1:7" x14ac:dyDescent="0.3">
      <c r="A129246" s="13" t="s">
        <v>591</v>
      </c>
      <c r="B129246" s="14" t="s">
        <v>1</v>
      </c>
      <c r="C129246" s="14" t="s">
        <v>200</v>
      </c>
      <c r="D129246" s="14" t="s">
        <v>31</v>
      </c>
      <c r="E129246" s="15">
        <v>45412</v>
      </c>
      <c r="F129246" s="14" t="s">
        <v>15</v>
      </c>
      <c r="G129246" s="16">
        <v>0.27581930717837505</v>
      </c>
    </row>
    <row r="129247" spans="1:7" x14ac:dyDescent="0.3">
      <c r="A129247" s="13" t="s">
        <v>591</v>
      </c>
      <c r="B129247" s="14" t="s">
        <v>1</v>
      </c>
      <c r="C129247" s="14" t="s">
        <v>200</v>
      </c>
      <c r="D129247" s="14" t="s">
        <v>31</v>
      </c>
      <c r="E129247" s="15">
        <v>45413</v>
      </c>
      <c r="F129247" s="14" t="s">
        <v>15</v>
      </c>
      <c r="G129247" s="16">
        <v>0.28279984182913909</v>
      </c>
    </row>
    <row r="129248" spans="1:7" x14ac:dyDescent="0.3">
      <c r="A129248" s="13" t="s">
        <v>591</v>
      </c>
      <c r="B129248" s="14" t="s">
        <v>1</v>
      </c>
      <c r="C129248" s="14" t="s">
        <v>200</v>
      </c>
      <c r="D129248" s="14" t="s">
        <v>31</v>
      </c>
      <c r="E129248" s="15">
        <v>45414</v>
      </c>
      <c r="F129248" s="14" t="s">
        <v>15</v>
      </c>
      <c r="G129248" s="16">
        <v>0.2936910312393583</v>
      </c>
    </row>
    <row r="129249" spans="1:7" x14ac:dyDescent="0.3">
      <c r="A129249" s="13" t="s">
        <v>591</v>
      </c>
      <c r="B129249" s="14" t="s">
        <v>1</v>
      </c>
      <c r="C129249" s="14" t="s">
        <v>200</v>
      </c>
      <c r="D129249" s="14" t="s">
        <v>31</v>
      </c>
      <c r="E129249" s="15">
        <v>45415</v>
      </c>
      <c r="F129249" s="14" t="s">
        <v>15</v>
      </c>
      <c r="G129249" s="16">
        <v>0.30136583314391885</v>
      </c>
    </row>
    <row r="129250" spans="1:7" x14ac:dyDescent="0.3">
      <c r="A129250" s="13" t="s">
        <v>591</v>
      </c>
      <c r="B129250" s="14" t="s">
        <v>1</v>
      </c>
      <c r="C129250" s="14" t="s">
        <v>200</v>
      </c>
      <c r="D129250" s="14" t="s">
        <v>31</v>
      </c>
      <c r="E129250" s="15">
        <v>45416</v>
      </c>
      <c r="F129250" s="14" t="s">
        <v>15</v>
      </c>
      <c r="G129250" s="16">
        <v>0.30136583314391885</v>
      </c>
    </row>
    <row r="129251" spans="1:7" x14ac:dyDescent="0.3">
      <c r="A129251" s="13" t="s">
        <v>591</v>
      </c>
      <c r="B129251" s="14" t="s">
        <v>1</v>
      </c>
      <c r="C129251" s="14" t="s">
        <v>200</v>
      </c>
      <c r="D129251" s="14" t="s">
        <v>31</v>
      </c>
      <c r="E129251" s="15">
        <v>45417</v>
      </c>
      <c r="F129251" s="14" t="s">
        <v>15</v>
      </c>
      <c r="G129251" s="16">
        <v>0.30136583314391885</v>
      </c>
    </row>
    <row r="129252" spans="1:7" x14ac:dyDescent="0.3">
      <c r="A129252" s="13" t="s">
        <v>591</v>
      </c>
      <c r="B129252" s="14" t="s">
        <v>1</v>
      </c>
      <c r="C129252" s="14" t="s">
        <v>200</v>
      </c>
      <c r="D129252" s="14" t="s">
        <v>31</v>
      </c>
      <c r="E129252" s="15">
        <v>45418</v>
      </c>
      <c r="F129252" s="14" t="s">
        <v>15</v>
      </c>
      <c r="G129252" s="16">
        <v>0.30136583314391885</v>
      </c>
    </row>
    <row r="129253" spans="1:7" x14ac:dyDescent="0.3">
      <c r="A129253" s="13" t="s">
        <v>591</v>
      </c>
      <c r="B129253" s="14" t="s">
        <v>1</v>
      </c>
      <c r="C129253" s="14" t="s">
        <v>200</v>
      </c>
      <c r="D129253" s="14" t="s">
        <v>31</v>
      </c>
      <c r="E129253" s="15">
        <v>45419</v>
      </c>
      <c r="F129253" s="14" t="s">
        <v>15</v>
      </c>
      <c r="G129253" s="16">
        <v>0.30706483357516773</v>
      </c>
    </row>
    <row r="129254" spans="1:7" x14ac:dyDescent="0.3">
      <c r="A129254" s="13" t="s">
        <v>591</v>
      </c>
      <c r="B129254" s="14" t="s">
        <v>1</v>
      </c>
      <c r="C129254" s="14" t="s">
        <v>200</v>
      </c>
      <c r="D129254" s="14" t="s">
        <v>31</v>
      </c>
      <c r="E129254" s="15">
        <v>45420</v>
      </c>
      <c r="F129254" s="14" t="s">
        <v>15</v>
      </c>
      <c r="G129254" s="16">
        <v>0.33563000133840554</v>
      </c>
    </row>
    <row r="129255" spans="1:7" x14ac:dyDescent="0.3">
      <c r="A129255" s="13" t="s">
        <v>591</v>
      </c>
      <c r="B129255" s="14" t="s">
        <v>1</v>
      </c>
      <c r="C129255" s="14" t="s">
        <v>200</v>
      </c>
      <c r="D129255" s="14" t="s">
        <v>31</v>
      </c>
      <c r="E129255" s="15">
        <v>45421</v>
      </c>
      <c r="F129255" s="14" t="s">
        <v>15</v>
      </c>
      <c r="G129255" s="16">
        <v>0.34376840256804125</v>
      </c>
    </row>
    <row r="129256" spans="1:7" x14ac:dyDescent="0.3">
      <c r="A129256" s="13" t="s">
        <v>591</v>
      </c>
      <c r="B129256" s="14" t="s">
        <v>1</v>
      </c>
      <c r="C129256" s="14" t="s">
        <v>200</v>
      </c>
      <c r="D129256" s="14" t="s">
        <v>31</v>
      </c>
      <c r="E129256" s="15">
        <v>45422</v>
      </c>
      <c r="F129256" s="14" t="s">
        <v>15</v>
      </c>
      <c r="G129256" s="16">
        <v>0.35112076321987534</v>
      </c>
    </row>
    <row r="129257" spans="1:7" x14ac:dyDescent="0.3">
      <c r="A129257" s="13" t="s">
        <v>591</v>
      </c>
      <c r="B129257" s="14" t="s">
        <v>1</v>
      </c>
      <c r="C129257" s="14" t="s">
        <v>200</v>
      </c>
      <c r="D129257" s="14" t="s">
        <v>31</v>
      </c>
      <c r="E129257" s="15">
        <v>45423</v>
      </c>
      <c r="F129257" s="14" t="s">
        <v>15</v>
      </c>
      <c r="G129257" s="16">
        <v>0.35112076321987534</v>
      </c>
    </row>
    <row r="129258" spans="1:7" x14ac:dyDescent="0.3">
      <c r="A129258" s="13" t="s">
        <v>591</v>
      </c>
      <c r="B129258" s="14" t="s">
        <v>1</v>
      </c>
      <c r="C129258" s="14" t="s">
        <v>200</v>
      </c>
      <c r="D129258" s="14" t="s">
        <v>31</v>
      </c>
      <c r="E129258" s="15">
        <v>45424</v>
      </c>
      <c r="F129258" s="14" t="s">
        <v>15</v>
      </c>
      <c r="G129258" s="16">
        <v>0.35112076321987534</v>
      </c>
    </row>
    <row r="129259" spans="1:7" x14ac:dyDescent="0.3">
      <c r="A129259" s="13" t="s">
        <v>591</v>
      </c>
      <c r="B129259" s="14" t="s">
        <v>1</v>
      </c>
      <c r="C129259" s="14" t="s">
        <v>200</v>
      </c>
      <c r="D129259" s="14" t="s">
        <v>31</v>
      </c>
      <c r="E129259" s="15">
        <v>45425</v>
      </c>
      <c r="F129259" s="14" t="s">
        <v>15</v>
      </c>
      <c r="G129259" s="16">
        <v>0.35699960644300865</v>
      </c>
    </row>
    <row r="129260" spans="1:7" x14ac:dyDescent="0.3">
      <c r="A129260" s="13" t="s">
        <v>591</v>
      </c>
      <c r="B129260" s="14" t="s">
        <v>1</v>
      </c>
      <c r="C129260" s="14" t="s">
        <v>200</v>
      </c>
      <c r="D129260" s="14" t="s">
        <v>31</v>
      </c>
      <c r="E129260" s="15">
        <v>45426</v>
      </c>
      <c r="F129260" s="14" t="s">
        <v>15</v>
      </c>
      <c r="G129260" s="16">
        <v>0.38533163704010803</v>
      </c>
    </row>
    <row r="129261" spans="1:7" x14ac:dyDescent="0.3">
      <c r="A129261" s="13" t="s">
        <v>591</v>
      </c>
      <c r="B129261" s="14" t="s">
        <v>1</v>
      </c>
      <c r="C129261" s="14" t="s">
        <v>200</v>
      </c>
      <c r="D129261" s="14" t="s">
        <v>31</v>
      </c>
      <c r="E129261" s="15">
        <v>45427</v>
      </c>
      <c r="F129261" s="14" t="s">
        <v>15</v>
      </c>
      <c r="G129261" s="16">
        <v>0.39306652372181988</v>
      </c>
    </row>
    <row r="129262" spans="1:7" x14ac:dyDescent="0.3">
      <c r="A129262" s="13" t="s">
        <v>591</v>
      </c>
      <c r="B129262" s="14" t="s">
        <v>1</v>
      </c>
      <c r="C129262" s="14" t="s">
        <v>200</v>
      </c>
      <c r="D129262" s="14" t="s">
        <v>31</v>
      </c>
      <c r="E129262" s="15">
        <v>45428</v>
      </c>
      <c r="F129262" s="14" t="s">
        <v>15</v>
      </c>
      <c r="G129262" s="16">
        <v>0.40199075975947235</v>
      </c>
    </row>
    <row r="129263" spans="1:7" x14ac:dyDescent="0.3">
      <c r="A129263" s="13" t="s">
        <v>591</v>
      </c>
      <c r="B129263" s="14" t="s">
        <v>1</v>
      </c>
      <c r="C129263" s="14" t="s">
        <v>200</v>
      </c>
      <c r="D129263" s="14" t="s">
        <v>31</v>
      </c>
      <c r="E129263" s="15">
        <v>45429</v>
      </c>
      <c r="F129263" s="14" t="s">
        <v>15</v>
      </c>
      <c r="G129263" s="16">
        <v>0.4101495321977997</v>
      </c>
    </row>
    <row r="129264" spans="1:7" x14ac:dyDescent="0.3">
      <c r="A129264" s="13" t="s">
        <v>591</v>
      </c>
      <c r="B129264" s="14" t="s">
        <v>1</v>
      </c>
      <c r="C129264" s="14" t="s">
        <v>200</v>
      </c>
      <c r="D129264" s="14" t="s">
        <v>31</v>
      </c>
      <c r="E129264" s="15">
        <v>45430</v>
      </c>
      <c r="F129264" s="14" t="s">
        <v>15</v>
      </c>
      <c r="G129264" s="16">
        <v>0.4101495321977997</v>
      </c>
    </row>
    <row r="129265" spans="1:7" x14ac:dyDescent="0.3">
      <c r="A129265" s="13" t="s">
        <v>591</v>
      </c>
      <c r="B129265" s="14" t="s">
        <v>1</v>
      </c>
      <c r="C129265" s="14" t="s">
        <v>200</v>
      </c>
      <c r="D129265" s="14" t="s">
        <v>31</v>
      </c>
      <c r="E129265" s="15">
        <v>45431</v>
      </c>
      <c r="F129265" s="14" t="s">
        <v>15</v>
      </c>
      <c r="G129265" s="16">
        <v>0.4101495321977997</v>
      </c>
    </row>
    <row r="129266" spans="1:7" x14ac:dyDescent="0.3">
      <c r="A129266" s="13" t="s">
        <v>591</v>
      </c>
      <c r="B129266" s="14" t="s">
        <v>1</v>
      </c>
      <c r="C129266" s="14" t="s">
        <v>200</v>
      </c>
      <c r="D129266" s="14" t="s">
        <v>31</v>
      </c>
      <c r="E129266" s="15">
        <v>45432</v>
      </c>
      <c r="F129266" s="14" t="s">
        <v>15</v>
      </c>
      <c r="G129266" s="16">
        <v>0.41574338426903379</v>
      </c>
    </row>
    <row r="129267" spans="1:7" x14ac:dyDescent="0.3">
      <c r="A129267" s="13" t="s">
        <v>591</v>
      </c>
      <c r="B129267" s="14" t="s">
        <v>1</v>
      </c>
      <c r="C129267" s="14" t="s">
        <v>200</v>
      </c>
      <c r="D129267" s="14" t="s">
        <v>31</v>
      </c>
      <c r="E129267" s="15">
        <v>45433</v>
      </c>
      <c r="F129267" s="14" t="s">
        <v>15</v>
      </c>
      <c r="G129267" s="16">
        <v>0.44080923107256142</v>
      </c>
    </row>
    <row r="129268" spans="1:7" x14ac:dyDescent="0.3">
      <c r="A129268" s="13" t="s">
        <v>591</v>
      </c>
      <c r="B129268" s="14" t="s">
        <v>1</v>
      </c>
      <c r="C129268" s="14" t="s">
        <v>200</v>
      </c>
      <c r="D129268" s="14" t="s">
        <v>31</v>
      </c>
      <c r="E129268" s="15">
        <v>45434</v>
      </c>
      <c r="F129268" s="14" t="s">
        <v>15</v>
      </c>
      <c r="G129268" s="16">
        <v>0.44991022335532682</v>
      </c>
    </row>
    <row r="129269" spans="1:7" x14ac:dyDescent="0.3">
      <c r="A129269" s="13" t="s">
        <v>591</v>
      </c>
      <c r="B129269" s="14" t="s">
        <v>1</v>
      </c>
      <c r="C129269" s="14" t="s">
        <v>200</v>
      </c>
      <c r="D129269" s="14" t="s">
        <v>31</v>
      </c>
      <c r="E129269" s="15">
        <v>45435</v>
      </c>
      <c r="F129269" s="14" t="s">
        <v>15</v>
      </c>
      <c r="G129269" s="16">
        <v>0.45786384331824365</v>
      </c>
    </row>
    <row r="129270" spans="1:7" x14ac:dyDescent="0.3">
      <c r="A129270" s="13" t="s">
        <v>591</v>
      </c>
      <c r="B129270" s="14" t="s">
        <v>1</v>
      </c>
      <c r="C129270" s="14" t="s">
        <v>200</v>
      </c>
      <c r="D129270" s="14" t="s">
        <v>31</v>
      </c>
      <c r="E129270" s="15">
        <v>45436</v>
      </c>
      <c r="F129270" s="14" t="s">
        <v>15</v>
      </c>
      <c r="G129270" s="16">
        <v>0.46566560518000405</v>
      </c>
    </row>
    <row r="129271" spans="1:7" x14ac:dyDescent="0.3">
      <c r="A129271" s="13" t="s">
        <v>591</v>
      </c>
      <c r="B129271" s="14" t="s">
        <v>1</v>
      </c>
      <c r="C129271" s="14" t="s">
        <v>200</v>
      </c>
      <c r="D129271" s="14" t="s">
        <v>31</v>
      </c>
      <c r="E129271" s="15">
        <v>45437</v>
      </c>
      <c r="F129271" s="14" t="s">
        <v>15</v>
      </c>
      <c r="G129271" s="16">
        <v>0.46566560518000405</v>
      </c>
    </row>
    <row r="129272" spans="1:7" x14ac:dyDescent="0.3">
      <c r="A129272" s="13" t="s">
        <v>591</v>
      </c>
      <c r="B129272" s="14" t="s">
        <v>1</v>
      </c>
      <c r="C129272" s="14" t="s">
        <v>200</v>
      </c>
      <c r="D129272" s="14" t="s">
        <v>31</v>
      </c>
      <c r="E129272" s="15">
        <v>45438</v>
      </c>
      <c r="F129272" s="14" t="s">
        <v>15</v>
      </c>
      <c r="G129272" s="16">
        <v>0.46566560518000405</v>
      </c>
    </row>
    <row r="129273" spans="1:7" x14ac:dyDescent="0.3">
      <c r="A129273" s="13" t="s">
        <v>591</v>
      </c>
      <c r="B129273" s="14" t="s">
        <v>1</v>
      </c>
      <c r="C129273" s="14" t="s">
        <v>200</v>
      </c>
      <c r="D129273" s="14" t="s">
        <v>31</v>
      </c>
      <c r="E129273" s="15">
        <v>45439</v>
      </c>
      <c r="F129273" s="14" t="s">
        <v>15</v>
      </c>
      <c r="G129273" s="16">
        <v>0.46566560518000405</v>
      </c>
    </row>
    <row r="129274" spans="1:7" x14ac:dyDescent="0.3">
      <c r="A129274" s="13" t="s">
        <v>591</v>
      </c>
      <c r="B129274" s="14" t="s">
        <v>1</v>
      </c>
      <c r="C129274" s="14" t="s">
        <v>200</v>
      </c>
      <c r="D129274" s="14" t="s">
        <v>31</v>
      </c>
      <c r="E129274" s="15">
        <v>45440</v>
      </c>
      <c r="F129274" s="14" t="s">
        <v>15</v>
      </c>
      <c r="G129274" s="16">
        <v>0.47359247507090146</v>
      </c>
    </row>
    <row r="129275" spans="1:7" x14ac:dyDescent="0.3">
      <c r="A129275" s="13" t="s">
        <v>591</v>
      </c>
      <c r="B129275" s="14" t="s">
        <v>1</v>
      </c>
      <c r="C129275" s="14" t="s">
        <v>200</v>
      </c>
      <c r="D129275" s="14" t="s">
        <v>31</v>
      </c>
      <c r="E129275" s="15">
        <v>45441</v>
      </c>
      <c r="F129275" s="14" t="s">
        <v>15</v>
      </c>
      <c r="G129275" s="16">
        <v>0.49064605799525707</v>
      </c>
    </row>
    <row r="129276" spans="1:7" x14ac:dyDescent="0.3">
      <c r="A129276" s="13" t="s">
        <v>591</v>
      </c>
      <c r="B129276" s="14" t="s">
        <v>1</v>
      </c>
      <c r="C129276" s="14" t="s">
        <v>200</v>
      </c>
      <c r="D129276" s="14" t="s">
        <v>31</v>
      </c>
      <c r="E129276" s="15">
        <v>45442</v>
      </c>
      <c r="F129276" s="14" t="s">
        <v>15</v>
      </c>
      <c r="G129276" s="16">
        <v>0.49394784043399598</v>
      </c>
    </row>
    <row r="129277" spans="1:7" x14ac:dyDescent="0.3">
      <c r="A129277" s="13" t="s">
        <v>591</v>
      </c>
      <c r="B129277" s="14" t="s">
        <v>1</v>
      </c>
      <c r="C129277" s="14" t="s">
        <v>200</v>
      </c>
      <c r="D129277" s="14" t="s">
        <v>31</v>
      </c>
      <c r="E129277" s="15">
        <v>45443</v>
      </c>
      <c r="F129277" s="14" t="s">
        <v>15</v>
      </c>
      <c r="G129277" s="16">
        <v>0.5009287866243296</v>
      </c>
    </row>
    <row r="129278" spans="1:7" x14ac:dyDescent="0.3">
      <c r="A129278" s="13" t="s">
        <v>591</v>
      </c>
      <c r="B129278" s="14" t="s">
        <v>1</v>
      </c>
      <c r="C129278" s="14" t="s">
        <v>200</v>
      </c>
      <c r="D129278" s="14" t="s">
        <v>31</v>
      </c>
      <c r="E129278" s="15">
        <v>45444</v>
      </c>
      <c r="F129278" s="14" t="s">
        <v>15</v>
      </c>
      <c r="G129278" s="16">
        <v>0.5009287866243296</v>
      </c>
    </row>
    <row r="129279" spans="1:7" x14ac:dyDescent="0.3">
      <c r="A129279" s="13" t="s">
        <v>591</v>
      </c>
      <c r="B129279" s="14" t="s">
        <v>1</v>
      </c>
      <c r="C129279" s="14" t="s">
        <v>200</v>
      </c>
      <c r="D129279" s="14" t="s">
        <v>31</v>
      </c>
      <c r="E129279" s="15">
        <v>45445</v>
      </c>
      <c r="F129279" s="14" t="s">
        <v>15</v>
      </c>
      <c r="G129279" s="16">
        <v>0.5009287866243296</v>
      </c>
    </row>
    <row r="129280" spans="1:7" x14ac:dyDescent="0.3">
      <c r="A129280" s="13" t="s">
        <v>591</v>
      </c>
      <c r="B129280" s="14" t="s">
        <v>1</v>
      </c>
      <c r="C129280" s="14" t="s">
        <v>200</v>
      </c>
      <c r="D129280" s="14" t="s">
        <v>31</v>
      </c>
      <c r="E129280" s="15">
        <v>45446</v>
      </c>
      <c r="F129280" s="14" t="s">
        <v>15</v>
      </c>
      <c r="G129280" s="16">
        <v>0.5009287866243296</v>
      </c>
    </row>
    <row r="129281" spans="1:7" x14ac:dyDescent="0.3">
      <c r="A129281" s="13" t="s">
        <v>591</v>
      </c>
      <c r="B129281" s="14" t="s">
        <v>1</v>
      </c>
      <c r="C129281" s="14" t="s">
        <v>200</v>
      </c>
      <c r="D129281" s="14" t="s">
        <v>31</v>
      </c>
      <c r="E129281" s="15">
        <v>45447</v>
      </c>
      <c r="F129281" s="14" t="s">
        <v>15</v>
      </c>
      <c r="G129281" s="16">
        <v>0.51003142506537313</v>
      </c>
    </row>
    <row r="129282" spans="1:7" x14ac:dyDescent="0.3">
      <c r="A129282" s="13" t="s">
        <v>591</v>
      </c>
      <c r="B129282" s="14" t="s">
        <v>1</v>
      </c>
      <c r="C129282" s="14" t="s">
        <v>200</v>
      </c>
      <c r="D129282" s="14" t="s">
        <v>31</v>
      </c>
      <c r="E129282" s="15">
        <v>45448</v>
      </c>
      <c r="F129282" s="14" t="s">
        <v>15</v>
      </c>
      <c r="G129282" s="16">
        <v>0.54005159097668287</v>
      </c>
    </row>
    <row r="129283" spans="1:7" x14ac:dyDescent="0.3">
      <c r="A129283" s="13" t="s">
        <v>591</v>
      </c>
      <c r="B129283" s="14" t="s">
        <v>1</v>
      </c>
      <c r="C129283" s="14" t="s">
        <v>200</v>
      </c>
      <c r="D129283" s="14" t="s">
        <v>31</v>
      </c>
      <c r="E129283" s="15">
        <v>45449</v>
      </c>
      <c r="F129283" s="14" t="s">
        <v>15</v>
      </c>
      <c r="G129283" s="16">
        <v>0.54753687890947511</v>
      </c>
    </row>
    <row r="129284" spans="1:7" x14ac:dyDescent="0.3">
      <c r="A129284" s="13" t="s">
        <v>591</v>
      </c>
      <c r="B129284" s="14" t="s">
        <v>1</v>
      </c>
      <c r="C129284" s="14" t="s">
        <v>200</v>
      </c>
      <c r="D129284" s="14" t="s">
        <v>31</v>
      </c>
      <c r="E129284" s="15">
        <v>45450</v>
      </c>
      <c r="F129284" s="14" t="s">
        <v>15</v>
      </c>
      <c r="G129284" s="16">
        <v>0.55500982065518134</v>
      </c>
    </row>
    <row r="129285" spans="1:7" x14ac:dyDescent="0.3">
      <c r="A129285" s="13" t="s">
        <v>591</v>
      </c>
      <c r="B129285" s="14" t="s">
        <v>1</v>
      </c>
      <c r="C129285" s="14" t="s">
        <v>200</v>
      </c>
      <c r="D129285" s="14" t="s">
        <v>31</v>
      </c>
      <c r="E129285" s="15">
        <v>45451</v>
      </c>
      <c r="F129285" s="14" t="s">
        <v>15</v>
      </c>
      <c r="G129285" s="16">
        <v>0.55500982065518134</v>
      </c>
    </row>
    <row r="129286" spans="1:7" x14ac:dyDescent="0.3">
      <c r="A129286" s="13" t="s">
        <v>591</v>
      </c>
      <c r="B129286" s="14" t="s">
        <v>1</v>
      </c>
      <c r="C129286" s="14" t="s">
        <v>200</v>
      </c>
      <c r="D129286" s="14" t="s">
        <v>31</v>
      </c>
      <c r="E129286" s="15">
        <v>45452</v>
      </c>
      <c r="F129286" s="14" t="s">
        <v>15</v>
      </c>
      <c r="G129286" s="16">
        <v>0.55500982065518134</v>
      </c>
    </row>
    <row r="129287" spans="1:7" x14ac:dyDescent="0.3">
      <c r="A129287" s="13" t="s">
        <v>591</v>
      </c>
      <c r="B129287" s="14" t="s">
        <v>1</v>
      </c>
      <c r="C129287" s="14" t="s">
        <v>200</v>
      </c>
      <c r="D129287" s="14" t="s">
        <v>31</v>
      </c>
      <c r="E129287" s="15">
        <v>45453</v>
      </c>
      <c r="F129287" s="14" t="s">
        <v>15</v>
      </c>
      <c r="G129287" s="16">
        <v>0.56281631522199138</v>
      </c>
    </row>
    <row r="129288" spans="1:7" x14ac:dyDescent="0.3">
      <c r="A129288" s="13" t="s">
        <v>591</v>
      </c>
      <c r="B129288" s="14" t="s">
        <v>1</v>
      </c>
      <c r="C129288" s="14" t="s">
        <v>200</v>
      </c>
      <c r="D129288" s="14" t="s">
        <v>31</v>
      </c>
      <c r="E129288" s="15">
        <v>45454</v>
      </c>
      <c r="F129288" s="14" t="s">
        <v>15</v>
      </c>
      <c r="G129288" s="16">
        <v>0.58492525021844877</v>
      </c>
    </row>
    <row r="129289" spans="1:7" x14ac:dyDescent="0.3">
      <c r="A129289" s="13" t="s">
        <v>591</v>
      </c>
      <c r="B129289" s="14" t="s">
        <v>1</v>
      </c>
      <c r="C129289" s="14" t="s">
        <v>200</v>
      </c>
      <c r="D129289" s="14" t="s">
        <v>31</v>
      </c>
      <c r="E129289" s="15">
        <v>45455</v>
      </c>
      <c r="F129289" s="14" t="s">
        <v>15</v>
      </c>
      <c r="G129289" s="16">
        <v>0.59476181604438128</v>
      </c>
    </row>
    <row r="129290" spans="1:7" x14ac:dyDescent="0.3">
      <c r="A129290" s="13" t="s">
        <v>591</v>
      </c>
      <c r="B129290" s="14" t="s">
        <v>1</v>
      </c>
      <c r="C129290" s="14" t="s">
        <v>200</v>
      </c>
      <c r="D129290" s="14" t="s">
        <v>31</v>
      </c>
      <c r="E129290" s="15">
        <v>45456</v>
      </c>
      <c r="F129290" s="14" t="s">
        <v>15</v>
      </c>
      <c r="G129290" s="16">
        <v>0.60028336462105147</v>
      </c>
    </row>
    <row r="129291" spans="1:7" x14ac:dyDescent="0.3">
      <c r="A129291" s="13" t="s">
        <v>591</v>
      </c>
      <c r="B129291" s="14" t="s">
        <v>1</v>
      </c>
      <c r="C129291" s="14" t="s">
        <v>200</v>
      </c>
      <c r="D129291" s="14" t="s">
        <v>31</v>
      </c>
      <c r="E129291" s="15">
        <v>45457</v>
      </c>
      <c r="F129291" s="14" t="s">
        <v>15</v>
      </c>
      <c r="G129291" s="16">
        <v>0.60770445559607456</v>
      </c>
    </row>
    <row r="129292" spans="1:7" x14ac:dyDescent="0.3">
      <c r="A129292" s="13" t="s">
        <v>591</v>
      </c>
      <c r="B129292" s="14" t="s">
        <v>1</v>
      </c>
      <c r="C129292" s="14" t="s">
        <v>200</v>
      </c>
      <c r="D129292" s="14" t="s">
        <v>31</v>
      </c>
      <c r="E129292" s="15">
        <v>45458</v>
      </c>
      <c r="F129292" s="14" t="s">
        <v>15</v>
      </c>
      <c r="G129292" s="16">
        <v>0.60770445559607456</v>
      </c>
    </row>
    <row r="129293" spans="1:7" x14ac:dyDescent="0.3">
      <c r="A129293" s="13" t="s">
        <v>591</v>
      </c>
      <c r="B129293" s="14" t="s">
        <v>1</v>
      </c>
      <c r="C129293" s="14" t="s">
        <v>200</v>
      </c>
      <c r="D129293" s="14" t="s">
        <v>31</v>
      </c>
      <c r="E129293" s="15">
        <v>45459</v>
      </c>
      <c r="F129293" s="14" t="s">
        <v>15</v>
      </c>
      <c r="G129293" s="16">
        <v>0.60770445559607456</v>
      </c>
    </row>
    <row r="129294" spans="1:7" x14ac:dyDescent="0.3">
      <c r="A129294" s="13" t="s">
        <v>591</v>
      </c>
      <c r="B129294" s="14" t="s">
        <v>1</v>
      </c>
      <c r="C129294" s="14" t="s">
        <v>200</v>
      </c>
      <c r="D129294" s="14" t="s">
        <v>31</v>
      </c>
      <c r="E129294" s="15">
        <v>45460</v>
      </c>
      <c r="F129294" s="14" t="s">
        <v>15</v>
      </c>
      <c r="G129294" s="16">
        <v>0.62488286110177305</v>
      </c>
    </row>
    <row r="129295" spans="1:7" x14ac:dyDescent="0.3">
      <c r="A129295" s="13" t="s">
        <v>591</v>
      </c>
      <c r="B129295" s="14" t="s">
        <v>1</v>
      </c>
      <c r="C129295" s="14" t="s">
        <v>200</v>
      </c>
      <c r="D129295" s="14" t="s">
        <v>31</v>
      </c>
      <c r="E129295" s="15">
        <v>45461</v>
      </c>
      <c r="F129295" s="14" t="s">
        <v>15</v>
      </c>
      <c r="G129295" s="16">
        <v>0.64581375553904641</v>
      </c>
    </row>
    <row r="129296" spans="1:7" x14ac:dyDescent="0.3">
      <c r="A129296" s="13" t="s">
        <v>591</v>
      </c>
      <c r="B129296" s="14" t="s">
        <v>1</v>
      </c>
      <c r="C129296" s="14" t="s">
        <v>200</v>
      </c>
      <c r="D129296" s="14" t="s">
        <v>31</v>
      </c>
      <c r="E129296" s="15">
        <v>45462</v>
      </c>
      <c r="F129296" s="14" t="s">
        <v>15</v>
      </c>
      <c r="G129296" s="16">
        <v>0.64581375553904641</v>
      </c>
    </row>
    <row r="129297" spans="1:7" x14ac:dyDescent="0.3">
      <c r="A129297" s="13" t="s">
        <v>591</v>
      </c>
      <c r="B129297" s="14" t="s">
        <v>1</v>
      </c>
      <c r="C129297" s="14" t="s">
        <v>200</v>
      </c>
      <c r="D129297" s="14" t="s">
        <v>31</v>
      </c>
      <c r="E129297" s="15">
        <v>45463</v>
      </c>
      <c r="F129297" s="14" t="s">
        <v>15</v>
      </c>
      <c r="G129297" s="16">
        <v>0.65288979275314751</v>
      </c>
    </row>
    <row r="129298" spans="1:7" x14ac:dyDescent="0.3">
      <c r="A129298" s="13" t="s">
        <v>591</v>
      </c>
      <c r="B129298" s="14" t="s">
        <v>1</v>
      </c>
      <c r="C129298" s="14" t="s">
        <v>200</v>
      </c>
      <c r="D129298" s="14" t="s">
        <v>31</v>
      </c>
      <c r="E129298" s="15">
        <v>45464</v>
      </c>
      <c r="F129298" s="14" t="s">
        <v>15</v>
      </c>
      <c r="G129298" s="16">
        <v>0.66694491122940047</v>
      </c>
    </row>
    <row r="129299" spans="1:7" x14ac:dyDescent="0.3">
      <c r="A129299" s="13" t="s">
        <v>591</v>
      </c>
      <c r="B129299" s="14" t="s">
        <v>1</v>
      </c>
      <c r="C129299" s="14" t="s">
        <v>200</v>
      </c>
      <c r="D129299" s="14" t="s">
        <v>31</v>
      </c>
      <c r="E129299" s="15">
        <v>45465</v>
      </c>
      <c r="F129299" s="14" t="s">
        <v>15</v>
      </c>
      <c r="G129299" s="16">
        <v>0.66694491122940047</v>
      </c>
    </row>
    <row r="129300" spans="1:7" x14ac:dyDescent="0.3">
      <c r="A129300" s="13" t="s">
        <v>591</v>
      </c>
      <c r="B129300" s="14" t="s">
        <v>1</v>
      </c>
      <c r="C129300" s="14" t="s">
        <v>200</v>
      </c>
      <c r="D129300" s="14" t="s">
        <v>31</v>
      </c>
      <c r="E129300" s="15">
        <v>45466</v>
      </c>
      <c r="F129300" s="14" t="s">
        <v>15</v>
      </c>
      <c r="G129300" s="16">
        <v>0.66694491122940047</v>
      </c>
    </row>
    <row r="129301" spans="1:7" x14ac:dyDescent="0.3">
      <c r="A129301" s="13" t="s">
        <v>591</v>
      </c>
      <c r="B129301" s="14" t="s">
        <v>1</v>
      </c>
      <c r="C129301" s="14" t="s">
        <v>200</v>
      </c>
      <c r="D129301" s="14" t="s">
        <v>31</v>
      </c>
      <c r="E129301" s="15">
        <v>45467</v>
      </c>
      <c r="F129301" s="14" t="s">
        <v>15</v>
      </c>
      <c r="G129301" s="16">
        <v>0.67494320007741182</v>
      </c>
    </row>
    <row r="129302" spans="1:7" x14ac:dyDescent="0.3">
      <c r="A129302" s="13" t="s">
        <v>591</v>
      </c>
      <c r="B129302" s="14" t="s">
        <v>1</v>
      </c>
      <c r="C129302" s="14" t="s">
        <v>200</v>
      </c>
      <c r="D129302" s="14" t="s">
        <v>31</v>
      </c>
      <c r="E129302" s="15">
        <v>45468</v>
      </c>
      <c r="F129302" s="14" t="s">
        <v>15</v>
      </c>
      <c r="G129302" s="16">
        <v>0.69762161729572936</v>
      </c>
    </row>
    <row r="129303" spans="1:7" x14ac:dyDescent="0.3">
      <c r="A129303" s="13" t="s">
        <v>591</v>
      </c>
      <c r="B129303" s="14" t="s">
        <v>1</v>
      </c>
      <c r="C129303" s="14" t="s">
        <v>200</v>
      </c>
      <c r="D129303" s="14" t="s">
        <v>31</v>
      </c>
      <c r="E129303" s="15">
        <v>45469</v>
      </c>
      <c r="F129303" s="14" t="s">
        <v>15</v>
      </c>
      <c r="G129303" s="16">
        <v>0.7052687618208473</v>
      </c>
    </row>
    <row r="129304" spans="1:7" x14ac:dyDescent="0.3">
      <c r="A129304" s="13" t="s">
        <v>591</v>
      </c>
      <c r="B129304" s="14" t="s">
        <v>1</v>
      </c>
      <c r="C129304" s="14" t="s">
        <v>200</v>
      </c>
      <c r="D129304" s="14" t="s">
        <v>31</v>
      </c>
      <c r="E129304" s="15">
        <v>45470</v>
      </c>
      <c r="F129304" s="14" t="s">
        <v>15</v>
      </c>
      <c r="G129304" s="16">
        <v>0.71409630410651248</v>
      </c>
    </row>
    <row r="129305" spans="1:7" x14ac:dyDescent="0.3">
      <c r="A129305" s="13" t="s">
        <v>591</v>
      </c>
      <c r="B129305" s="14" t="s">
        <v>1</v>
      </c>
      <c r="C129305" s="14" t="s">
        <v>200</v>
      </c>
      <c r="D129305" s="14" t="s">
        <v>31</v>
      </c>
      <c r="E129305" s="15">
        <v>45471</v>
      </c>
      <c r="F129305" s="14" t="s">
        <v>15</v>
      </c>
      <c r="G129305" s="16">
        <v>0.71951102341670392</v>
      </c>
    </row>
    <row r="129306" spans="1:7" x14ac:dyDescent="0.3">
      <c r="A129306" s="13" t="s">
        <v>591</v>
      </c>
      <c r="B129306" s="14" t="s">
        <v>1</v>
      </c>
      <c r="C129306" s="14" t="s">
        <v>200</v>
      </c>
      <c r="D129306" s="14" t="s">
        <v>31</v>
      </c>
      <c r="E129306" s="15">
        <v>45472</v>
      </c>
      <c r="F129306" s="14" t="s">
        <v>15</v>
      </c>
      <c r="G129306" s="16">
        <v>0.71951102341670392</v>
      </c>
    </row>
    <row r="129307" spans="1:7" x14ac:dyDescent="0.3">
      <c r="A129307" s="13" t="s">
        <v>591</v>
      </c>
      <c r="B129307" s="14" t="s">
        <v>1</v>
      </c>
      <c r="C129307" s="14" t="s">
        <v>200</v>
      </c>
      <c r="D129307" s="14" t="s">
        <v>31</v>
      </c>
      <c r="E129307" s="15">
        <v>45473</v>
      </c>
      <c r="F129307" s="14" t="s">
        <v>15</v>
      </c>
      <c r="G129307" s="16">
        <v>0.71951102341670392</v>
      </c>
    </row>
    <row r="129308" spans="1:7" x14ac:dyDescent="0.3">
      <c r="A129308" s="13" t="s">
        <v>591</v>
      </c>
      <c r="B129308" s="14" t="s">
        <v>1</v>
      </c>
      <c r="C129308" s="14" t="s">
        <v>200</v>
      </c>
      <c r="D129308" s="14" t="s">
        <v>31</v>
      </c>
      <c r="E129308" s="15">
        <v>45474</v>
      </c>
      <c r="F129308" s="14" t="s">
        <v>15</v>
      </c>
      <c r="G129308" s="16">
        <v>0.72701410272595823</v>
      </c>
    </row>
    <row r="129309" spans="1:7" x14ac:dyDescent="0.3">
      <c r="A129309" s="13" t="s">
        <v>591</v>
      </c>
      <c r="B129309" s="14" t="s">
        <v>1</v>
      </c>
      <c r="C129309" s="14" t="s">
        <v>200</v>
      </c>
      <c r="D129309" s="14" t="s">
        <v>31</v>
      </c>
      <c r="E129309" s="15">
        <v>45475</v>
      </c>
      <c r="F129309" s="14" t="s">
        <v>15</v>
      </c>
      <c r="G129309" s="16">
        <v>0.75176120274312341</v>
      </c>
    </row>
    <row r="129310" spans="1:7" x14ac:dyDescent="0.3">
      <c r="A129310" s="13" t="s">
        <v>591</v>
      </c>
      <c r="B129310" s="14" t="s">
        <v>1</v>
      </c>
      <c r="C129310" s="14" t="s">
        <v>200</v>
      </c>
      <c r="D129310" s="14" t="s">
        <v>31</v>
      </c>
      <c r="E129310" s="15">
        <v>45476</v>
      </c>
      <c r="F129310" s="14" t="s">
        <v>15</v>
      </c>
      <c r="G129310" s="16">
        <v>0.75861961949293633</v>
      </c>
    </row>
    <row r="129311" spans="1:7" x14ac:dyDescent="0.3">
      <c r="A129311" s="13" t="s">
        <v>591</v>
      </c>
      <c r="B129311" s="14" t="s">
        <v>1</v>
      </c>
      <c r="C129311" s="14" t="s">
        <v>200</v>
      </c>
      <c r="D129311" s="14" t="s">
        <v>31</v>
      </c>
      <c r="E129311" s="15">
        <v>45477</v>
      </c>
      <c r="F129311" s="14" t="s">
        <v>15</v>
      </c>
      <c r="G129311" s="16">
        <v>0.75861961949293633</v>
      </c>
    </row>
    <row r="129312" spans="1:7" x14ac:dyDescent="0.3">
      <c r="A129312" s="13" t="s">
        <v>591</v>
      </c>
      <c r="B129312" s="14" t="s">
        <v>1</v>
      </c>
      <c r="C129312" s="14" t="s">
        <v>200</v>
      </c>
      <c r="D129312" s="14" t="s">
        <v>31</v>
      </c>
      <c r="E129312" s="15">
        <v>45478</v>
      </c>
      <c r="F129312" s="14" t="s">
        <v>15</v>
      </c>
      <c r="G129312" s="16">
        <v>0.76614706105007646</v>
      </c>
    </row>
    <row r="129313" spans="1:7" x14ac:dyDescent="0.3">
      <c r="A129313" s="13" t="s">
        <v>591</v>
      </c>
      <c r="B129313" s="14" t="s">
        <v>1</v>
      </c>
      <c r="C129313" s="14" t="s">
        <v>200</v>
      </c>
      <c r="D129313" s="14" t="s">
        <v>31</v>
      </c>
      <c r="E129313" s="15">
        <v>45479</v>
      </c>
      <c r="F129313" s="14" t="s">
        <v>15</v>
      </c>
      <c r="G129313" s="16">
        <v>0.76614706105007646</v>
      </c>
    </row>
    <row r="129314" spans="1:7" x14ac:dyDescent="0.3">
      <c r="A129314" s="13" t="s">
        <v>591</v>
      </c>
      <c r="B129314" s="14" t="s">
        <v>1</v>
      </c>
      <c r="C129314" s="14" t="s">
        <v>200</v>
      </c>
      <c r="D129314" s="14" t="s">
        <v>31</v>
      </c>
      <c r="E129314" s="15">
        <v>45480</v>
      </c>
      <c r="F129314" s="14" t="s">
        <v>15</v>
      </c>
      <c r="G129314" s="16">
        <v>0.76614706105007646</v>
      </c>
    </row>
    <row r="129315" spans="1:7" x14ac:dyDescent="0.3">
      <c r="A129315" s="13" t="s">
        <v>591</v>
      </c>
      <c r="B129315" s="14" t="s">
        <v>1</v>
      </c>
      <c r="C129315" s="14" t="s">
        <v>200</v>
      </c>
      <c r="D129315" s="14" t="s">
        <v>31</v>
      </c>
      <c r="E129315" s="15">
        <v>45481</v>
      </c>
      <c r="F129315" s="14" t="s">
        <v>15</v>
      </c>
      <c r="G129315" s="16">
        <v>0.77922347306799133</v>
      </c>
    </row>
    <row r="129316" spans="1:7" x14ac:dyDescent="0.3">
      <c r="A129316" s="13" t="s">
        <v>591</v>
      </c>
      <c r="B129316" s="14" t="s">
        <v>1</v>
      </c>
      <c r="C129316" s="14" t="s">
        <v>200</v>
      </c>
      <c r="D129316" s="14" t="s">
        <v>31</v>
      </c>
      <c r="E129316" s="15">
        <v>45482</v>
      </c>
      <c r="F129316" s="14" t="s">
        <v>15</v>
      </c>
      <c r="G129316" s="16">
        <v>0.80272153937623847</v>
      </c>
    </row>
    <row r="129317" spans="1:7" x14ac:dyDescent="0.3">
      <c r="A129317" s="13" t="s">
        <v>591</v>
      </c>
      <c r="B129317" s="14" t="s">
        <v>1</v>
      </c>
      <c r="C129317" s="14" t="s">
        <v>200</v>
      </c>
      <c r="D129317" s="14" t="s">
        <v>31</v>
      </c>
      <c r="E129317" s="15">
        <v>45483</v>
      </c>
      <c r="F129317" s="14" t="s">
        <v>15</v>
      </c>
      <c r="G129317" s="16">
        <v>0.81068211359050357</v>
      </c>
    </row>
    <row r="129318" spans="1:7" x14ac:dyDescent="0.3">
      <c r="A129318" s="13" t="s">
        <v>591</v>
      </c>
      <c r="B129318" s="14" t="s">
        <v>1</v>
      </c>
      <c r="C129318" s="14" t="s">
        <v>200</v>
      </c>
      <c r="D129318" s="14" t="s">
        <v>31</v>
      </c>
      <c r="E129318" s="15">
        <v>45484</v>
      </c>
      <c r="F129318" s="14" t="s">
        <v>15</v>
      </c>
      <c r="G129318" s="16">
        <v>0.81683332239447559</v>
      </c>
    </row>
    <row r="129319" spans="1:7" x14ac:dyDescent="0.3">
      <c r="A129319" s="13" t="s">
        <v>591</v>
      </c>
      <c r="B129319" s="14" t="s">
        <v>1</v>
      </c>
      <c r="C129319" s="14" t="s">
        <v>200</v>
      </c>
      <c r="D129319" s="14" t="s">
        <v>31</v>
      </c>
      <c r="E129319" s="15">
        <v>45485</v>
      </c>
      <c r="F129319" s="14" t="s">
        <v>15</v>
      </c>
      <c r="G129319" s="16">
        <v>0.82434858282767287</v>
      </c>
    </row>
    <row r="129320" spans="1:7" x14ac:dyDescent="0.3">
      <c r="A129320" s="13" t="s">
        <v>591</v>
      </c>
      <c r="B129320" s="14" t="s">
        <v>1</v>
      </c>
      <c r="C129320" s="14" t="s">
        <v>200</v>
      </c>
      <c r="D129320" s="14" t="s">
        <v>31</v>
      </c>
      <c r="E129320" s="15">
        <v>45486</v>
      </c>
      <c r="F129320" s="14" t="s">
        <v>15</v>
      </c>
      <c r="G129320" s="16">
        <v>0.82434858282767287</v>
      </c>
    </row>
    <row r="129321" spans="1:7" x14ac:dyDescent="0.3">
      <c r="A129321" s="13" t="s">
        <v>591</v>
      </c>
      <c r="B129321" s="14" t="s">
        <v>1</v>
      </c>
      <c r="C129321" s="14" t="s">
        <v>200</v>
      </c>
      <c r="D129321" s="14" t="s">
        <v>31</v>
      </c>
      <c r="E129321" s="15">
        <v>45487</v>
      </c>
      <c r="F129321" s="14" t="s">
        <v>15</v>
      </c>
      <c r="G129321" s="16">
        <v>0.82434858282767287</v>
      </c>
    </row>
    <row r="129322" spans="1:7" x14ac:dyDescent="0.3">
      <c r="A129322" s="13" t="s">
        <v>591</v>
      </c>
      <c r="B129322" s="14" t="s">
        <v>1</v>
      </c>
      <c r="C129322" s="14" t="s">
        <v>200</v>
      </c>
      <c r="D129322" s="14" t="s">
        <v>31</v>
      </c>
      <c r="E129322" s="15">
        <v>45488</v>
      </c>
      <c r="F129322" s="14" t="s">
        <v>15</v>
      </c>
      <c r="G129322" s="16">
        <v>0.82634743388140486</v>
      </c>
    </row>
    <row r="129323" spans="1:7" x14ac:dyDescent="0.3">
      <c r="A129323" s="13" t="s">
        <v>591</v>
      </c>
      <c r="B129323" s="14" t="s">
        <v>1</v>
      </c>
      <c r="C129323" s="14" t="s">
        <v>200</v>
      </c>
      <c r="D129323" s="14" t="s">
        <v>31</v>
      </c>
      <c r="E129323" s="15">
        <v>45489</v>
      </c>
      <c r="F129323" s="14" t="s">
        <v>15</v>
      </c>
      <c r="G129323" s="16">
        <v>0.8500701482254458</v>
      </c>
    </row>
    <row r="129324" spans="1:7" x14ac:dyDescent="0.3">
      <c r="A129324" s="13" t="s">
        <v>591</v>
      </c>
      <c r="B129324" s="14" t="s">
        <v>1</v>
      </c>
      <c r="C129324" s="14" t="s">
        <v>200</v>
      </c>
      <c r="D129324" s="14" t="s">
        <v>31</v>
      </c>
      <c r="E129324" s="15">
        <v>45490</v>
      </c>
      <c r="F129324" s="14" t="s">
        <v>15</v>
      </c>
      <c r="G129324" s="16">
        <v>0.84649566657051734</v>
      </c>
    </row>
    <row r="129325" spans="1:7" x14ac:dyDescent="0.3">
      <c r="A129325" s="13" t="s">
        <v>591</v>
      </c>
      <c r="B129325" s="14" t="s">
        <v>1</v>
      </c>
      <c r="C129325" s="14" t="s">
        <v>200</v>
      </c>
      <c r="D129325" s="14" t="s">
        <v>31</v>
      </c>
      <c r="E129325" s="15">
        <v>45491</v>
      </c>
      <c r="F129325" s="14" t="s">
        <v>15</v>
      </c>
      <c r="G129325" s="16">
        <v>0.8543953351650676</v>
      </c>
    </row>
    <row r="129326" spans="1:7" x14ac:dyDescent="0.3">
      <c r="A129326" s="13" t="s">
        <v>591</v>
      </c>
      <c r="B129326" s="14" t="s">
        <v>1</v>
      </c>
      <c r="C129326" s="14" t="s">
        <v>200</v>
      </c>
      <c r="D129326" s="14" t="s">
        <v>31</v>
      </c>
      <c r="E129326" s="15">
        <v>45492</v>
      </c>
      <c r="F129326" s="14" t="s">
        <v>15</v>
      </c>
      <c r="G129326" s="16">
        <v>0.86264825635396314</v>
      </c>
    </row>
    <row r="129327" spans="1:7" x14ac:dyDescent="0.3">
      <c r="A129327" s="13" t="s">
        <v>591</v>
      </c>
      <c r="B129327" s="14" t="s">
        <v>1</v>
      </c>
      <c r="C129327" s="14" t="s">
        <v>200</v>
      </c>
      <c r="D129327" s="14" t="s">
        <v>31</v>
      </c>
      <c r="E129327" s="15">
        <v>45493</v>
      </c>
      <c r="F129327" s="14" t="s">
        <v>15</v>
      </c>
      <c r="G129327" s="16">
        <v>0.86264825635396314</v>
      </c>
    </row>
    <row r="129328" spans="1:7" x14ac:dyDescent="0.3">
      <c r="A129328" s="13" t="s">
        <v>591</v>
      </c>
      <c r="B129328" s="14" t="s">
        <v>1</v>
      </c>
      <c r="C129328" s="14" t="s">
        <v>200</v>
      </c>
      <c r="D129328" s="14" t="s">
        <v>31</v>
      </c>
      <c r="E129328" s="15">
        <v>45494</v>
      </c>
      <c r="F129328" s="14" t="s">
        <v>15</v>
      </c>
      <c r="G129328" s="16">
        <v>0.86264825635396314</v>
      </c>
    </row>
    <row r="129329" spans="1:7" x14ac:dyDescent="0.3">
      <c r="A129329" s="13" t="s">
        <v>591</v>
      </c>
      <c r="B129329" s="14" t="s">
        <v>1</v>
      </c>
      <c r="C129329" s="14" t="s">
        <v>200</v>
      </c>
      <c r="D129329" s="14" t="s">
        <v>31</v>
      </c>
      <c r="E129329" s="15">
        <v>45495</v>
      </c>
      <c r="F129329" s="14" t="s">
        <v>15</v>
      </c>
      <c r="G129329" s="16">
        <v>0.87034014308433305</v>
      </c>
    </row>
    <row r="129330" spans="1:7" x14ac:dyDescent="0.3">
      <c r="A129330" s="13" t="s">
        <v>591</v>
      </c>
      <c r="B129330" s="14" t="s">
        <v>1</v>
      </c>
      <c r="C129330" s="14" t="s">
        <v>200</v>
      </c>
      <c r="D129330" s="14" t="s">
        <v>31</v>
      </c>
      <c r="E129330" s="15">
        <v>45496</v>
      </c>
      <c r="F129330" s="14" t="s">
        <v>15</v>
      </c>
      <c r="G129330" s="16">
        <v>0.89403404438520129</v>
      </c>
    </row>
    <row r="129331" spans="1:7" x14ac:dyDescent="0.3">
      <c r="A129331" s="13" t="s">
        <v>591</v>
      </c>
      <c r="B129331" s="14" t="s">
        <v>1</v>
      </c>
      <c r="C129331" s="14" t="s">
        <v>200</v>
      </c>
      <c r="D129331" s="14" t="s">
        <v>31</v>
      </c>
      <c r="E129331" s="15">
        <v>45497</v>
      </c>
      <c r="F129331" s="14" t="s">
        <v>15</v>
      </c>
      <c r="G129331" s="16">
        <v>0.90167790937695003</v>
      </c>
    </row>
    <row r="129332" spans="1:7" x14ac:dyDescent="0.3">
      <c r="A129332" s="13" t="s">
        <v>591</v>
      </c>
      <c r="B129332" s="14" t="s">
        <v>1</v>
      </c>
      <c r="C129332" s="14" t="s">
        <v>200</v>
      </c>
      <c r="D129332" s="14" t="s">
        <v>31</v>
      </c>
      <c r="E129332" s="15">
        <v>45498</v>
      </c>
      <c r="F129332" s="14" t="s">
        <v>15</v>
      </c>
      <c r="G129332" s="16">
        <v>0.90937003035970354</v>
      </c>
    </row>
    <row r="129333" spans="1:7" x14ac:dyDescent="0.3">
      <c r="A129333" s="13" t="s">
        <v>591</v>
      </c>
      <c r="B129333" s="14" t="s">
        <v>1</v>
      </c>
      <c r="C129333" s="14" t="s">
        <v>200</v>
      </c>
      <c r="D129333" s="14" t="s">
        <v>31</v>
      </c>
      <c r="E129333" s="15">
        <v>45499</v>
      </c>
      <c r="F129333" s="14" t="s">
        <v>15</v>
      </c>
      <c r="G129333" s="16">
        <v>0.91712657074792436</v>
      </c>
    </row>
    <row r="129334" spans="1:7" x14ac:dyDescent="0.3">
      <c r="A129334" s="13" t="s">
        <v>591</v>
      </c>
      <c r="B129334" s="14" t="s">
        <v>1</v>
      </c>
      <c r="C129334" s="14" t="s">
        <v>200</v>
      </c>
      <c r="D129334" s="14" t="s">
        <v>31</v>
      </c>
      <c r="E129334" s="15">
        <v>45500</v>
      </c>
      <c r="F129334" s="14" t="s">
        <v>15</v>
      </c>
      <c r="G129334" s="16">
        <v>0.91712657074792436</v>
      </c>
    </row>
    <row r="129335" spans="1:7" x14ac:dyDescent="0.3">
      <c r="A129335" s="13" t="s">
        <v>591</v>
      </c>
      <c r="B129335" s="14" t="s">
        <v>1</v>
      </c>
      <c r="C129335" s="14" t="s">
        <v>200</v>
      </c>
      <c r="D129335" s="14" t="s">
        <v>31</v>
      </c>
      <c r="E129335" s="15">
        <v>45501</v>
      </c>
      <c r="F129335" s="14" t="s">
        <v>15</v>
      </c>
      <c r="G129335" s="16">
        <v>0.91712657074792436</v>
      </c>
    </row>
    <row r="129336" spans="1:7" x14ac:dyDescent="0.3">
      <c r="A129336" s="13" t="s">
        <v>591</v>
      </c>
      <c r="B129336" s="14" t="s">
        <v>1</v>
      </c>
      <c r="C129336" s="14" t="s">
        <v>200</v>
      </c>
      <c r="D129336" s="14" t="s">
        <v>31</v>
      </c>
      <c r="E129336" s="15">
        <v>45502</v>
      </c>
      <c r="F129336" s="14" t="s">
        <v>15</v>
      </c>
      <c r="G129336" s="16">
        <v>0.92963820026917721</v>
      </c>
    </row>
    <row r="129337" spans="1:7" x14ac:dyDescent="0.3">
      <c r="A129337" s="13" t="s">
        <v>591</v>
      </c>
      <c r="B129337" s="14" t="s">
        <v>1</v>
      </c>
      <c r="C129337" s="14" t="s">
        <v>200</v>
      </c>
      <c r="D129337" s="14" t="s">
        <v>31</v>
      </c>
      <c r="E129337" s="15">
        <v>45503</v>
      </c>
      <c r="F129337" s="14" t="s">
        <v>15</v>
      </c>
      <c r="G129337" s="16">
        <v>0.95151828536446548</v>
      </c>
    </row>
    <row r="129338" spans="1:7" x14ac:dyDescent="0.3">
      <c r="A129338" s="13" t="s">
        <v>591</v>
      </c>
      <c r="B129338" s="14" t="s">
        <v>1</v>
      </c>
      <c r="C129338" s="14" t="s">
        <v>200</v>
      </c>
      <c r="D129338" s="14" t="s">
        <v>31</v>
      </c>
      <c r="E129338" s="15">
        <v>45504</v>
      </c>
      <c r="F129338" s="14" t="s">
        <v>15</v>
      </c>
      <c r="G129338" s="16">
        <v>0.95911834516049632</v>
      </c>
    </row>
    <row r="129339" spans="1:7" x14ac:dyDescent="0.3">
      <c r="A129339" s="13" t="s">
        <v>591</v>
      </c>
      <c r="B129339" s="14" t="s">
        <v>1</v>
      </c>
      <c r="C129339" s="14" t="s">
        <v>200</v>
      </c>
      <c r="D129339" s="14" t="s">
        <v>31</v>
      </c>
      <c r="E129339" s="15">
        <v>45505</v>
      </c>
      <c r="F129339" s="14" t="s">
        <v>15</v>
      </c>
      <c r="G129339" s="16">
        <v>0.96750760123659929</v>
      </c>
    </row>
    <row r="129340" spans="1:7" x14ac:dyDescent="0.3">
      <c r="A129340" s="13" t="s">
        <v>591</v>
      </c>
      <c r="B129340" s="14" t="s">
        <v>1</v>
      </c>
      <c r="C129340" s="14" t="s">
        <v>200</v>
      </c>
      <c r="D129340" s="14" t="s">
        <v>31</v>
      </c>
      <c r="E129340" s="15">
        <v>45506</v>
      </c>
      <c r="F129340" s="14" t="s">
        <v>15</v>
      </c>
      <c r="G129340" s="16">
        <v>0.98338004970418491</v>
      </c>
    </row>
    <row r="129341" spans="1:7" x14ac:dyDescent="0.3">
      <c r="A129341" s="13" t="s">
        <v>591</v>
      </c>
      <c r="B129341" s="14" t="s">
        <v>1</v>
      </c>
      <c r="C129341" s="14" t="s">
        <v>200</v>
      </c>
      <c r="D129341" s="14" t="s">
        <v>31</v>
      </c>
      <c r="E129341" s="15">
        <v>45507</v>
      </c>
      <c r="F129341" s="14" t="s">
        <v>15</v>
      </c>
      <c r="G129341" s="16">
        <v>0.98338004970418491</v>
      </c>
    </row>
    <row r="129342" spans="1:7" x14ac:dyDescent="0.3">
      <c r="A129342" s="13" t="s">
        <v>591</v>
      </c>
      <c r="B129342" s="14" t="s">
        <v>1</v>
      </c>
      <c r="C129342" s="14" t="s">
        <v>200</v>
      </c>
      <c r="D129342" s="14" t="s">
        <v>31</v>
      </c>
      <c r="E129342" s="15">
        <v>45508</v>
      </c>
      <c r="F129342" s="14" t="s">
        <v>15</v>
      </c>
      <c r="G129342" s="16">
        <v>0.98338004970418491</v>
      </c>
    </row>
    <row r="129343" spans="1:7" x14ac:dyDescent="0.3">
      <c r="A129343" s="13" t="s">
        <v>591</v>
      </c>
      <c r="B129343" s="14" t="s">
        <v>1</v>
      </c>
      <c r="C129343" s="14" t="s">
        <v>200</v>
      </c>
      <c r="D129343" s="14" t="s">
        <v>31</v>
      </c>
      <c r="E129343" s="15">
        <v>45509</v>
      </c>
      <c r="F129343" s="14" t="s">
        <v>15</v>
      </c>
      <c r="G129343" s="16">
        <v>0.98338004970418491</v>
      </c>
    </row>
    <row r="129344" spans="1:7" x14ac:dyDescent="0.3">
      <c r="A129344" s="13" t="s">
        <v>591</v>
      </c>
      <c r="B129344" s="14" t="s">
        <v>1</v>
      </c>
      <c r="C129344" s="14" t="s">
        <v>200</v>
      </c>
      <c r="D129344" s="14" t="s">
        <v>31</v>
      </c>
      <c r="E129344" s="15">
        <v>45510</v>
      </c>
      <c r="F129344" s="14" t="s">
        <v>15</v>
      </c>
      <c r="G129344" s="16">
        <v>0.99869310347992946</v>
      </c>
    </row>
    <row r="129345" spans="1:7" x14ac:dyDescent="0.3">
      <c r="A129345" s="13" t="s">
        <v>591</v>
      </c>
      <c r="B129345" s="14" t="s">
        <v>1</v>
      </c>
      <c r="C129345" s="14" t="s">
        <v>200</v>
      </c>
      <c r="D129345" s="14" t="s">
        <v>31</v>
      </c>
      <c r="E129345" s="15">
        <v>45511</v>
      </c>
      <c r="F129345" s="14" t="s">
        <v>15</v>
      </c>
      <c r="G129345" s="16">
        <v>1.0292989177111334</v>
      </c>
    </row>
    <row r="129346" spans="1:7" x14ac:dyDescent="0.3">
      <c r="A129346" s="13" t="s">
        <v>591</v>
      </c>
      <c r="B129346" s="14" t="s">
        <v>1</v>
      </c>
      <c r="C129346" s="14" t="s">
        <v>200</v>
      </c>
      <c r="D129346" s="14" t="s">
        <v>31</v>
      </c>
      <c r="E129346" s="15">
        <v>45512</v>
      </c>
      <c r="F129346" s="14" t="s">
        <v>15</v>
      </c>
      <c r="G129346" s="16">
        <v>1.0363823156358487</v>
      </c>
    </row>
    <row r="129347" spans="1:7" x14ac:dyDescent="0.3">
      <c r="A129347" s="13" t="s">
        <v>591</v>
      </c>
      <c r="B129347" s="14" t="s">
        <v>1</v>
      </c>
      <c r="C129347" s="14" t="s">
        <v>200</v>
      </c>
      <c r="D129347" s="14" t="s">
        <v>31</v>
      </c>
      <c r="E129347" s="15">
        <v>45513</v>
      </c>
      <c r="F129347" s="14" t="s">
        <v>15</v>
      </c>
      <c r="G129347" s="16">
        <v>1.0431513993486514</v>
      </c>
    </row>
    <row r="129348" spans="1:7" x14ac:dyDescent="0.3">
      <c r="A129348" s="13" t="s">
        <v>591</v>
      </c>
      <c r="B129348" s="14" t="s">
        <v>1</v>
      </c>
      <c r="C129348" s="14" t="s">
        <v>200</v>
      </c>
      <c r="D129348" s="14" t="s">
        <v>31</v>
      </c>
      <c r="E129348" s="15">
        <v>45514</v>
      </c>
      <c r="F129348" s="14" t="s">
        <v>15</v>
      </c>
      <c r="G129348" s="16">
        <v>1.0431513993486514</v>
      </c>
    </row>
    <row r="129349" spans="1:7" x14ac:dyDescent="0.3">
      <c r="A129349" s="13" t="s">
        <v>591</v>
      </c>
      <c r="B129349" s="14" t="s">
        <v>1</v>
      </c>
      <c r="C129349" s="14" t="s">
        <v>200</v>
      </c>
      <c r="D129349" s="14" t="s">
        <v>31</v>
      </c>
      <c r="E129349" s="15">
        <v>45515</v>
      </c>
      <c r="F129349" s="14" t="s">
        <v>15</v>
      </c>
      <c r="G129349" s="16">
        <v>1.0431513993486514</v>
      </c>
    </row>
    <row r="129350" spans="1:7" x14ac:dyDescent="0.3">
      <c r="A129350" s="13" t="s">
        <v>591</v>
      </c>
      <c r="B129350" s="14" t="s">
        <v>1</v>
      </c>
      <c r="C129350" s="14" t="s">
        <v>200</v>
      </c>
      <c r="D129350" s="14" t="s">
        <v>31</v>
      </c>
      <c r="E129350" s="15">
        <v>45516</v>
      </c>
      <c r="F129350" s="14" t="s">
        <v>15</v>
      </c>
      <c r="G129350" s="16">
        <v>1.0487934019126344</v>
      </c>
    </row>
    <row r="129351" spans="1:7" x14ac:dyDescent="0.3">
      <c r="A129351" s="13" t="s">
        <v>591</v>
      </c>
      <c r="B129351" s="14" t="s">
        <v>1</v>
      </c>
      <c r="C129351" s="14" t="s">
        <v>200</v>
      </c>
      <c r="D129351" s="14" t="s">
        <v>31</v>
      </c>
      <c r="E129351" s="15">
        <v>45517</v>
      </c>
      <c r="F129351" s="14" t="s">
        <v>15</v>
      </c>
      <c r="G129351" s="16">
        <v>1.06931839979643</v>
      </c>
    </row>
    <row r="129352" spans="1:7" x14ac:dyDescent="0.3">
      <c r="A129352" s="13" t="s">
        <v>591</v>
      </c>
      <c r="B129352" s="14" t="s">
        <v>1</v>
      </c>
      <c r="C129352" s="14" t="s">
        <v>200</v>
      </c>
      <c r="D129352" s="14" t="s">
        <v>31</v>
      </c>
      <c r="E129352" s="15">
        <v>45518</v>
      </c>
      <c r="F129352" s="14" t="s">
        <v>15</v>
      </c>
      <c r="G129352" s="16">
        <v>1.0774163497786375</v>
      </c>
    </row>
    <row r="129353" spans="1:7" x14ac:dyDescent="0.3">
      <c r="A129353" s="13" t="s">
        <v>591</v>
      </c>
      <c r="B129353" s="14" t="s">
        <v>1</v>
      </c>
      <c r="C129353" s="14" t="s">
        <v>200</v>
      </c>
      <c r="D129353" s="14" t="s">
        <v>31</v>
      </c>
      <c r="E129353" s="15">
        <v>45519</v>
      </c>
      <c r="F129353" s="14" t="s">
        <v>15</v>
      </c>
      <c r="G129353" s="16">
        <v>1.084584911765653</v>
      </c>
    </row>
    <row r="129354" spans="1:7" x14ac:dyDescent="0.3">
      <c r="A129354" s="13" t="s">
        <v>591</v>
      </c>
      <c r="B129354" s="14" t="s">
        <v>1</v>
      </c>
      <c r="C129354" s="14" t="s">
        <v>200</v>
      </c>
      <c r="D129354" s="14" t="s">
        <v>31</v>
      </c>
      <c r="E129354" s="15">
        <v>45520</v>
      </c>
      <c r="F129354" s="14" t="s">
        <v>15</v>
      </c>
      <c r="G129354" s="16">
        <v>1.0917066718805937</v>
      </c>
    </row>
    <row r="129355" spans="1:7" x14ac:dyDescent="0.3">
      <c r="A129355" s="13" t="s">
        <v>591</v>
      </c>
      <c r="B129355" s="14" t="s">
        <v>1</v>
      </c>
      <c r="C129355" s="14" t="s">
        <v>200</v>
      </c>
      <c r="D129355" s="14" t="s">
        <v>31</v>
      </c>
      <c r="E129355" s="15">
        <v>45521</v>
      </c>
      <c r="F129355" s="14" t="s">
        <v>15</v>
      </c>
      <c r="G129355" s="16">
        <v>1.0917066718805937</v>
      </c>
    </row>
    <row r="129356" spans="1:7" x14ac:dyDescent="0.3">
      <c r="A129356" s="13" t="s">
        <v>591</v>
      </c>
      <c r="B129356" s="14" t="s">
        <v>1</v>
      </c>
      <c r="C129356" s="14" t="s">
        <v>200</v>
      </c>
      <c r="D129356" s="14" t="s">
        <v>31</v>
      </c>
      <c r="E129356" s="15">
        <v>45522</v>
      </c>
      <c r="F129356" s="14" t="s">
        <v>15</v>
      </c>
      <c r="G129356" s="16">
        <v>1.0917066718805937</v>
      </c>
    </row>
    <row r="129357" spans="1:7" x14ac:dyDescent="0.3">
      <c r="A129357" s="13" t="s">
        <v>591</v>
      </c>
      <c r="B129357" s="14" t="s">
        <v>1</v>
      </c>
      <c r="C129357" s="14" t="s">
        <v>200</v>
      </c>
      <c r="D129357" s="14" t="s">
        <v>31</v>
      </c>
      <c r="E129357" s="15">
        <v>45523</v>
      </c>
      <c r="F129357" s="14" t="s">
        <v>15</v>
      </c>
      <c r="G129357" s="16">
        <v>1.0987302247885575</v>
      </c>
    </row>
    <row r="129358" spans="1:7" x14ac:dyDescent="0.3">
      <c r="A129358" s="13" t="s">
        <v>591</v>
      </c>
      <c r="B129358" s="14" t="s">
        <v>1</v>
      </c>
      <c r="C129358" s="14" t="s">
        <v>200</v>
      </c>
      <c r="D129358" s="14" t="s">
        <v>31</v>
      </c>
      <c r="E129358" s="15">
        <v>45524</v>
      </c>
      <c r="F129358" s="14" t="s">
        <v>15</v>
      </c>
      <c r="G129358" s="16">
        <v>1.1191999811184288</v>
      </c>
    </row>
    <row r="129359" spans="1:7" x14ac:dyDescent="0.3">
      <c r="A129359" s="13" t="s">
        <v>591</v>
      </c>
      <c r="B129359" s="14" t="s">
        <v>1</v>
      </c>
      <c r="C129359" s="14" t="s">
        <v>200</v>
      </c>
      <c r="D129359" s="14" t="s">
        <v>31</v>
      </c>
      <c r="E129359" s="15">
        <v>45525</v>
      </c>
      <c r="F129359" s="14" t="s">
        <v>15</v>
      </c>
      <c r="G129359" s="16">
        <v>1.1250665303691971</v>
      </c>
    </row>
    <row r="129360" spans="1:7" x14ac:dyDescent="0.3">
      <c r="A129360" s="13" t="s">
        <v>591</v>
      </c>
      <c r="B129360" s="14" t="s">
        <v>1</v>
      </c>
      <c r="C129360" s="14" t="s">
        <v>200</v>
      </c>
      <c r="D129360" s="14" t="s">
        <v>31</v>
      </c>
      <c r="E129360" s="15">
        <v>45526</v>
      </c>
      <c r="F129360" s="14" t="s">
        <v>15</v>
      </c>
      <c r="G129360" s="16">
        <v>1.1359644087419829</v>
      </c>
    </row>
    <row r="129361" spans="1:7" x14ac:dyDescent="0.3">
      <c r="A129361" s="13" t="s">
        <v>591</v>
      </c>
      <c r="B129361" s="14" t="s">
        <v>1</v>
      </c>
      <c r="C129361" s="14" t="s">
        <v>200</v>
      </c>
      <c r="D129361" s="14" t="s">
        <v>31</v>
      </c>
      <c r="E129361" s="15">
        <v>45527</v>
      </c>
      <c r="F129361" s="14" t="s">
        <v>15</v>
      </c>
      <c r="G129361" s="16">
        <v>1.1403726832683196</v>
      </c>
    </row>
    <row r="129362" spans="1:7" x14ac:dyDescent="0.3">
      <c r="A129362" s="13" t="s">
        <v>591</v>
      </c>
      <c r="B129362" s="14" t="s">
        <v>1</v>
      </c>
      <c r="C129362" s="14" t="s">
        <v>200</v>
      </c>
      <c r="D129362" s="14" t="s">
        <v>31</v>
      </c>
      <c r="E129362" s="15">
        <v>45528</v>
      </c>
      <c r="F129362" s="14" t="s">
        <v>15</v>
      </c>
      <c r="G129362" s="16">
        <v>1.1403726832683196</v>
      </c>
    </row>
    <row r="129363" spans="1:7" x14ac:dyDescent="0.3">
      <c r="A129363" s="13" t="s">
        <v>591</v>
      </c>
      <c r="B129363" s="14" t="s">
        <v>1</v>
      </c>
      <c r="C129363" s="14" t="s">
        <v>200</v>
      </c>
      <c r="D129363" s="14" t="s">
        <v>31</v>
      </c>
      <c r="E129363" s="15">
        <v>45529</v>
      </c>
      <c r="F129363" s="14" t="s">
        <v>15</v>
      </c>
      <c r="G129363" s="16">
        <v>1.1403726832683196</v>
      </c>
    </row>
    <row r="129364" spans="1:7" x14ac:dyDescent="0.3">
      <c r="A129364" s="13" t="s">
        <v>591</v>
      </c>
      <c r="B129364" s="14" t="s">
        <v>1</v>
      </c>
      <c r="C129364" s="14" t="s">
        <v>200</v>
      </c>
      <c r="D129364" s="14" t="s">
        <v>31</v>
      </c>
      <c r="E129364" s="15">
        <v>45530</v>
      </c>
      <c r="F129364" s="14" t="s">
        <v>15</v>
      </c>
      <c r="G129364" s="16">
        <v>1.1562100772545167</v>
      </c>
    </row>
    <row r="129365" spans="1:7" x14ac:dyDescent="0.3">
      <c r="A129365" s="13" t="s">
        <v>591</v>
      </c>
      <c r="B129365" s="14" t="s">
        <v>1</v>
      </c>
      <c r="C129365" s="14" t="s">
        <v>200</v>
      </c>
      <c r="D129365" s="14" t="s">
        <v>31</v>
      </c>
      <c r="E129365" s="15">
        <v>45531</v>
      </c>
      <c r="F129365" s="14" t="s">
        <v>15</v>
      </c>
      <c r="G129365" s="16">
        <v>1.1765685832327346</v>
      </c>
    </row>
    <row r="129366" spans="1:7" x14ac:dyDescent="0.3">
      <c r="A129366" s="13" t="s">
        <v>591</v>
      </c>
      <c r="B129366" s="14" t="s">
        <v>1</v>
      </c>
      <c r="C129366" s="14" t="s">
        <v>200</v>
      </c>
      <c r="D129366" s="14" t="s">
        <v>31</v>
      </c>
      <c r="E129366" s="15">
        <v>45532</v>
      </c>
      <c r="F129366" s="14" t="s">
        <v>15</v>
      </c>
      <c r="G129366" s="16">
        <v>1.1827975273071649</v>
      </c>
    </row>
    <row r="129367" spans="1:7" x14ac:dyDescent="0.3">
      <c r="A129367" s="13" t="s">
        <v>591</v>
      </c>
      <c r="B129367" s="14" t="s">
        <v>1</v>
      </c>
      <c r="C129367" s="14" t="s">
        <v>200</v>
      </c>
      <c r="D129367" s="14" t="s">
        <v>31</v>
      </c>
      <c r="E129367" s="15">
        <v>45533</v>
      </c>
      <c r="F129367" s="14" t="s">
        <v>15</v>
      </c>
      <c r="G129367" s="16">
        <v>1.1887781401368698</v>
      </c>
    </row>
    <row r="129368" spans="1:7" x14ac:dyDescent="0.3">
      <c r="A129368" s="13" t="s">
        <v>591</v>
      </c>
      <c r="B129368" s="14" t="s">
        <v>1</v>
      </c>
      <c r="C129368" s="14" t="s">
        <v>200</v>
      </c>
      <c r="D129368" s="14" t="s">
        <v>31</v>
      </c>
      <c r="E129368" s="15">
        <v>45534</v>
      </c>
      <c r="F129368" s="14" t="s">
        <v>15</v>
      </c>
      <c r="G129368" s="16">
        <v>1.1995049231412507</v>
      </c>
    </row>
    <row r="129369" spans="1:7" x14ac:dyDescent="0.3">
      <c r="A129369" s="13" t="s">
        <v>591</v>
      </c>
      <c r="B129369" s="14" t="s">
        <v>1</v>
      </c>
      <c r="C129369" s="14" t="s">
        <v>200</v>
      </c>
      <c r="D129369" s="14" t="s">
        <v>31</v>
      </c>
      <c r="E129369" s="15">
        <v>45535</v>
      </c>
      <c r="F129369" s="14" t="s">
        <v>15</v>
      </c>
      <c r="G129369" s="16">
        <v>1.1995049231412507</v>
      </c>
    </row>
    <row r="129370" spans="1:7" x14ac:dyDescent="0.3">
      <c r="A129370" s="13" t="s">
        <v>591</v>
      </c>
      <c r="B129370" s="14" t="s">
        <v>1</v>
      </c>
      <c r="C129370" s="14" t="s">
        <v>200</v>
      </c>
      <c r="D129370" s="14" t="s">
        <v>31</v>
      </c>
      <c r="E129370" s="15">
        <v>45536</v>
      </c>
      <c r="F129370" s="14" t="s">
        <v>15</v>
      </c>
      <c r="G129370" s="16">
        <v>1.1995049231412507</v>
      </c>
    </row>
    <row r="129371" spans="1:7" x14ac:dyDescent="0.3">
      <c r="A129371" s="13" t="s">
        <v>591</v>
      </c>
      <c r="B129371" s="14" t="s">
        <v>1</v>
      </c>
      <c r="C129371" s="14" t="s">
        <v>200</v>
      </c>
      <c r="D129371" s="14" t="s">
        <v>31</v>
      </c>
      <c r="E129371" s="15">
        <v>45537</v>
      </c>
      <c r="F129371" s="14" t="s">
        <v>15</v>
      </c>
      <c r="G129371" s="16">
        <v>1.1995049231412507</v>
      </c>
    </row>
    <row r="129372" spans="1:7" x14ac:dyDescent="0.3">
      <c r="A129372" s="13" t="s">
        <v>591</v>
      </c>
      <c r="B129372" s="14" t="s">
        <v>1</v>
      </c>
      <c r="C129372" s="14" t="s">
        <v>200</v>
      </c>
      <c r="D129372" s="14" t="s">
        <v>31</v>
      </c>
      <c r="E129372" s="15">
        <v>45538</v>
      </c>
      <c r="F129372" s="14" t="s">
        <v>15</v>
      </c>
      <c r="G129372" s="16">
        <v>1.2061875640520789</v>
      </c>
    </row>
    <row r="129373" spans="1:7" x14ac:dyDescent="0.3">
      <c r="A129373" s="13" t="s">
        <v>591</v>
      </c>
      <c r="B129373" s="14" t="s">
        <v>1</v>
      </c>
      <c r="C129373" s="14" t="s">
        <v>200</v>
      </c>
      <c r="D129373" s="14" t="s">
        <v>31</v>
      </c>
      <c r="E129373" s="15">
        <v>45539</v>
      </c>
      <c r="F129373" s="14" t="s">
        <v>15</v>
      </c>
      <c r="G129373" s="16">
        <v>1.2296564764137652</v>
      </c>
    </row>
    <row r="129374" spans="1:7" x14ac:dyDescent="0.3">
      <c r="A129374" s="13" t="s">
        <v>591</v>
      </c>
      <c r="B129374" s="14" t="s">
        <v>1</v>
      </c>
      <c r="C129374" s="14" t="s">
        <v>200</v>
      </c>
      <c r="D129374" s="14" t="s">
        <v>31</v>
      </c>
      <c r="E129374" s="15">
        <v>45540</v>
      </c>
      <c r="F129374" s="14" t="s">
        <v>15</v>
      </c>
      <c r="G129374" s="16">
        <v>1.236429652093525</v>
      </c>
    </row>
    <row r="129375" spans="1:7" x14ac:dyDescent="0.3">
      <c r="A129375" s="13" t="s">
        <v>591</v>
      </c>
      <c r="B129375" s="14" t="s">
        <v>1</v>
      </c>
      <c r="C129375" s="14" t="s">
        <v>200</v>
      </c>
      <c r="D129375" s="14" t="s">
        <v>31</v>
      </c>
      <c r="E129375" s="15">
        <v>45541</v>
      </c>
      <c r="F129375" s="14" t="s">
        <v>15</v>
      </c>
      <c r="G129375" s="16">
        <v>1.2437588237836172</v>
      </c>
    </row>
    <row r="129376" spans="1:7" x14ac:dyDescent="0.3">
      <c r="A129376" s="13" t="s">
        <v>591</v>
      </c>
      <c r="B129376" s="14" t="s">
        <v>1</v>
      </c>
      <c r="C129376" s="14" t="s">
        <v>200</v>
      </c>
      <c r="D129376" s="14" t="s">
        <v>31</v>
      </c>
      <c r="E129376" s="15">
        <v>45542</v>
      </c>
      <c r="F129376" s="14" t="s">
        <v>15</v>
      </c>
      <c r="G129376" s="16">
        <v>1.2437588237836172</v>
      </c>
    </row>
    <row r="129377" spans="1:7" x14ac:dyDescent="0.3">
      <c r="A129377" s="13" t="s">
        <v>591</v>
      </c>
      <c r="B129377" s="14" t="s">
        <v>1</v>
      </c>
      <c r="C129377" s="14" t="s">
        <v>200</v>
      </c>
      <c r="D129377" s="14" t="s">
        <v>31</v>
      </c>
      <c r="E129377" s="15">
        <v>45543</v>
      </c>
      <c r="F129377" s="14" t="s">
        <v>15</v>
      </c>
      <c r="G129377" s="16">
        <v>1.2437588237836172</v>
      </c>
    </row>
    <row r="129378" spans="1:7" x14ac:dyDescent="0.3">
      <c r="A129378" s="13" t="s">
        <v>591</v>
      </c>
      <c r="B129378" s="14" t="s">
        <v>1</v>
      </c>
      <c r="C129378" s="14" t="s">
        <v>200</v>
      </c>
      <c r="D129378" s="14" t="s">
        <v>31</v>
      </c>
      <c r="E129378" s="15">
        <v>45544</v>
      </c>
      <c r="F129378" s="14" t="s">
        <v>15</v>
      </c>
      <c r="G129378" s="16">
        <v>1.2532091688452345</v>
      </c>
    </row>
    <row r="129379" spans="1:7" x14ac:dyDescent="0.3">
      <c r="A129379" s="13" t="s">
        <v>591</v>
      </c>
      <c r="B129379" s="14" t="s">
        <v>1</v>
      </c>
      <c r="C129379" s="14" t="s">
        <v>200</v>
      </c>
      <c r="D129379" s="14" t="s">
        <v>31</v>
      </c>
      <c r="E129379" s="15">
        <v>45545</v>
      </c>
      <c r="F129379" s="14" t="s">
        <v>15</v>
      </c>
      <c r="G129379" s="16">
        <v>1.2720500665781389</v>
      </c>
    </row>
    <row r="129380" spans="1:7" x14ac:dyDescent="0.3">
      <c r="A129380" s="13" t="s">
        <v>591</v>
      </c>
      <c r="B129380" s="14" t="s">
        <v>1</v>
      </c>
      <c r="C129380" s="14" t="s">
        <v>200</v>
      </c>
      <c r="D129380" s="14" t="s">
        <v>31</v>
      </c>
      <c r="E129380" s="15">
        <v>45546</v>
      </c>
      <c r="F129380" s="14" t="s">
        <v>15</v>
      </c>
      <c r="G129380" s="16">
        <v>1.2805564460122785</v>
      </c>
    </row>
    <row r="129381" spans="1:7" x14ac:dyDescent="0.3">
      <c r="A129381" s="13" t="s">
        <v>591</v>
      </c>
      <c r="B129381" s="14" t="s">
        <v>1</v>
      </c>
      <c r="C129381" s="14" t="s">
        <v>200</v>
      </c>
      <c r="D129381" s="14" t="s">
        <v>31</v>
      </c>
      <c r="E129381" s="15">
        <v>45547</v>
      </c>
      <c r="F129381" s="14" t="s">
        <v>15</v>
      </c>
      <c r="G129381" s="16">
        <v>1.2872112103982098</v>
      </c>
    </row>
    <row r="129382" spans="1:7" x14ac:dyDescent="0.3">
      <c r="A129382" s="13" t="s">
        <v>591</v>
      </c>
      <c r="B129382" s="14" t="s">
        <v>1</v>
      </c>
      <c r="C129382" s="14" t="s">
        <v>200</v>
      </c>
      <c r="D129382" s="14" t="s">
        <v>31</v>
      </c>
      <c r="E129382" s="15">
        <v>45548</v>
      </c>
      <c r="F129382" s="14" t="s">
        <v>15</v>
      </c>
      <c r="G129382" s="16">
        <v>1.2934554993487299</v>
      </c>
    </row>
    <row r="129383" spans="1:7" x14ac:dyDescent="0.3">
      <c r="A129383" s="13" t="s">
        <v>591</v>
      </c>
      <c r="B129383" s="14" t="s">
        <v>1</v>
      </c>
      <c r="C129383" s="14" t="s">
        <v>200</v>
      </c>
      <c r="D129383" s="14" t="s">
        <v>31</v>
      </c>
      <c r="E129383" s="15">
        <v>45549</v>
      </c>
      <c r="F129383" s="14" t="s">
        <v>15</v>
      </c>
      <c r="G129383" s="16">
        <v>1.2934554993487299</v>
      </c>
    </row>
    <row r="129384" spans="1:7" x14ac:dyDescent="0.3">
      <c r="A129384" s="13" t="s">
        <v>591</v>
      </c>
      <c r="B129384" s="14" t="s">
        <v>1</v>
      </c>
      <c r="C129384" s="14" t="s">
        <v>200</v>
      </c>
      <c r="D129384" s="14" t="s">
        <v>31</v>
      </c>
      <c r="E129384" s="15">
        <v>45550</v>
      </c>
      <c r="F129384" s="14" t="s">
        <v>15</v>
      </c>
      <c r="G129384" s="16">
        <v>1.2934554993487299</v>
      </c>
    </row>
    <row r="129385" spans="1:7" x14ac:dyDescent="0.3">
      <c r="A129385" s="13" t="s">
        <v>591</v>
      </c>
      <c r="B129385" s="14" t="s">
        <v>1</v>
      </c>
      <c r="C129385" s="14" t="s">
        <v>200</v>
      </c>
      <c r="D129385" s="14" t="s">
        <v>31</v>
      </c>
      <c r="E129385" s="15">
        <v>45551</v>
      </c>
      <c r="F129385" s="14" t="s">
        <v>15</v>
      </c>
      <c r="G129385" s="16">
        <v>1.3000816199659595</v>
      </c>
    </row>
    <row r="129386" spans="1:7" x14ac:dyDescent="0.3">
      <c r="A129386" s="13" t="s">
        <v>591</v>
      </c>
      <c r="B129386" s="14" t="s">
        <v>1</v>
      </c>
      <c r="C129386" s="14" t="s">
        <v>200</v>
      </c>
      <c r="D129386" s="14" t="s">
        <v>31</v>
      </c>
      <c r="E129386" s="15">
        <v>45552</v>
      </c>
      <c r="F129386" s="14" t="s">
        <v>15</v>
      </c>
      <c r="G129386" s="16">
        <v>1.3178335429923347</v>
      </c>
    </row>
    <row r="129387" spans="1:7" x14ac:dyDescent="0.3">
      <c r="A129387" s="13" t="s">
        <v>591</v>
      </c>
      <c r="B129387" s="14" t="s">
        <v>1</v>
      </c>
      <c r="C129387" s="14" t="s">
        <v>200</v>
      </c>
      <c r="D129387" s="14" t="s">
        <v>31</v>
      </c>
      <c r="E129387" s="15">
        <v>45553</v>
      </c>
      <c r="F129387" s="14" t="s">
        <v>15</v>
      </c>
      <c r="G129387" s="16">
        <v>1.3247765353008254</v>
      </c>
    </row>
    <row r="129388" spans="1:7" x14ac:dyDescent="0.3">
      <c r="A129388" s="13" t="s">
        <v>591</v>
      </c>
      <c r="B129388" s="14" t="s">
        <v>1</v>
      </c>
      <c r="C129388" s="14" t="s">
        <v>200</v>
      </c>
      <c r="D129388" s="14" t="s">
        <v>31</v>
      </c>
      <c r="E129388" s="15">
        <v>45554</v>
      </c>
      <c r="F129388" s="14" t="s">
        <v>15</v>
      </c>
      <c r="G129388" s="16">
        <v>1.3316448492123441</v>
      </c>
    </row>
    <row r="129389" spans="1:7" x14ac:dyDescent="0.3">
      <c r="A129389" s="13" t="s">
        <v>591</v>
      </c>
      <c r="B129389" s="14" t="s">
        <v>1</v>
      </c>
      <c r="C129389" s="14" t="s">
        <v>200</v>
      </c>
      <c r="D129389" s="14" t="s">
        <v>31</v>
      </c>
      <c r="E129389" s="15">
        <v>45555</v>
      </c>
      <c r="F129389" s="14" t="s">
        <v>15</v>
      </c>
      <c r="G129389" s="16">
        <v>1.3401376740059374</v>
      </c>
    </row>
    <row r="129390" spans="1:7" x14ac:dyDescent="0.3">
      <c r="A129390" s="13" t="s">
        <v>591</v>
      </c>
      <c r="B129390" s="14" t="s">
        <v>1</v>
      </c>
      <c r="C129390" s="14" t="s">
        <v>200</v>
      </c>
      <c r="D129390" s="14" t="s">
        <v>31</v>
      </c>
      <c r="E129390" s="15">
        <v>45556</v>
      </c>
      <c r="F129390" s="14" t="s">
        <v>15</v>
      </c>
      <c r="G129390" s="16">
        <v>1.3401376740059374</v>
      </c>
    </row>
    <row r="129391" spans="1:7" x14ac:dyDescent="0.3">
      <c r="A129391" s="13" t="s">
        <v>591</v>
      </c>
      <c r="B129391" s="14" t="s">
        <v>1</v>
      </c>
      <c r="C129391" s="14" t="s">
        <v>200</v>
      </c>
      <c r="D129391" s="14" t="s">
        <v>31</v>
      </c>
      <c r="E129391" s="15">
        <v>45557</v>
      </c>
      <c r="F129391" s="14" t="s">
        <v>15</v>
      </c>
      <c r="G129391" s="16">
        <v>1.3401376740059374</v>
      </c>
    </row>
    <row r="129392" spans="1:7" x14ac:dyDescent="0.3">
      <c r="A129392" s="13" t="s">
        <v>591</v>
      </c>
      <c r="B129392" s="14" t="s">
        <v>1</v>
      </c>
      <c r="C129392" s="14" t="s">
        <v>200</v>
      </c>
      <c r="D129392" s="14" t="s">
        <v>31</v>
      </c>
      <c r="E129392" s="15">
        <v>45558</v>
      </c>
      <c r="F129392" s="14" t="s">
        <v>15</v>
      </c>
      <c r="G129392" s="16">
        <v>1.3474727278985308</v>
      </c>
    </row>
    <row r="129393" spans="1:7" x14ac:dyDescent="0.3">
      <c r="A129393" s="13" t="s">
        <v>591</v>
      </c>
      <c r="B129393" s="14" t="s">
        <v>1</v>
      </c>
      <c r="C129393" s="14" t="s">
        <v>200</v>
      </c>
      <c r="D129393" s="14" t="s">
        <v>31</v>
      </c>
      <c r="E129393" s="15">
        <v>45559</v>
      </c>
      <c r="F129393" s="14" t="s">
        <v>15</v>
      </c>
      <c r="G129393" s="16">
        <v>1.3684404254575266</v>
      </c>
    </row>
    <row r="129394" spans="1:7" x14ac:dyDescent="0.3">
      <c r="A129394" s="13" t="s">
        <v>591</v>
      </c>
      <c r="B129394" s="14" t="s">
        <v>1</v>
      </c>
      <c r="C129394" s="14" t="s">
        <v>200</v>
      </c>
      <c r="D129394" s="14" t="s">
        <v>31</v>
      </c>
      <c r="E129394" s="15">
        <v>45560</v>
      </c>
      <c r="F129394" s="14" t="s">
        <v>15</v>
      </c>
      <c r="G129394" s="16">
        <v>1.3751847016206504</v>
      </c>
    </row>
    <row r="129395" spans="1:7" x14ac:dyDescent="0.3">
      <c r="A129395" s="13" t="s">
        <v>591</v>
      </c>
      <c r="B129395" s="14" t="s">
        <v>1</v>
      </c>
      <c r="C129395" s="14" t="s">
        <v>200</v>
      </c>
      <c r="D129395" s="14" t="s">
        <v>31</v>
      </c>
      <c r="E129395" s="15">
        <v>45561</v>
      </c>
      <c r="F129395" s="14" t="s">
        <v>15</v>
      </c>
      <c r="G129395" s="16">
        <v>1.3821724498177372</v>
      </c>
    </row>
    <row r="129396" spans="1:7" x14ac:dyDescent="0.3">
      <c r="A129396" s="13" t="s">
        <v>591</v>
      </c>
      <c r="B129396" s="14" t="s">
        <v>1</v>
      </c>
      <c r="C129396" s="14" t="s">
        <v>200</v>
      </c>
      <c r="D129396" s="14" t="s">
        <v>31</v>
      </c>
      <c r="E129396" s="15">
        <v>45562</v>
      </c>
      <c r="F129396" s="14" t="s">
        <v>15</v>
      </c>
      <c r="G129396" s="16">
        <v>1.3891251605477517</v>
      </c>
    </row>
    <row r="129397" spans="1:7" x14ac:dyDescent="0.3">
      <c r="A129397" s="13" t="s">
        <v>591</v>
      </c>
      <c r="B129397" s="14" t="s">
        <v>1</v>
      </c>
      <c r="C129397" s="14" t="s">
        <v>200</v>
      </c>
      <c r="D129397" s="14" t="s">
        <v>31</v>
      </c>
      <c r="E129397" s="15">
        <v>45563</v>
      </c>
      <c r="F129397" s="14" t="s">
        <v>15</v>
      </c>
      <c r="G129397" s="16">
        <v>1.3891251605477517</v>
      </c>
    </row>
    <row r="129398" spans="1:7" x14ac:dyDescent="0.3">
      <c r="A129398" s="13" t="s">
        <v>591</v>
      </c>
      <c r="B129398" s="14" t="s">
        <v>1</v>
      </c>
      <c r="C129398" s="14" t="s">
        <v>200</v>
      </c>
      <c r="D129398" s="14" t="s">
        <v>31</v>
      </c>
      <c r="E129398" s="15">
        <v>45564</v>
      </c>
      <c r="F129398" s="14" t="s">
        <v>15</v>
      </c>
      <c r="G129398" s="16">
        <v>1.3891251605477517</v>
      </c>
    </row>
    <row r="129399" spans="1:7" x14ac:dyDescent="0.3">
      <c r="A129399" s="13" t="s">
        <v>591</v>
      </c>
      <c r="B129399" s="14" t="s">
        <v>1</v>
      </c>
      <c r="C129399" s="14" t="s">
        <v>200</v>
      </c>
      <c r="D129399" s="14" t="s">
        <v>31</v>
      </c>
      <c r="E129399" s="15">
        <v>45565</v>
      </c>
      <c r="F129399" s="14" t="s">
        <v>15</v>
      </c>
      <c r="G129399" s="16">
        <v>1.3969387188264222</v>
      </c>
    </row>
    <row r="129400" spans="1:7" x14ac:dyDescent="0.3">
      <c r="A129400" s="13" t="s">
        <v>591</v>
      </c>
      <c r="B129400" s="14" t="s">
        <v>1</v>
      </c>
      <c r="C129400" s="14" t="s">
        <v>200</v>
      </c>
      <c r="D129400" s="14" t="s">
        <v>31</v>
      </c>
      <c r="E129400" s="15">
        <v>45566</v>
      </c>
      <c r="F129400" s="14" t="s">
        <v>15</v>
      </c>
      <c r="G129400" s="16">
        <v>1.4079642154186909</v>
      </c>
    </row>
    <row r="129401" spans="1:7" x14ac:dyDescent="0.3">
      <c r="A129401" s="13" t="s">
        <v>591</v>
      </c>
      <c r="B129401" s="14" t="s">
        <v>1</v>
      </c>
      <c r="C129401" s="14" t="s">
        <v>200</v>
      </c>
      <c r="D129401" s="14" t="s">
        <v>31</v>
      </c>
      <c r="E129401" s="15">
        <v>45567</v>
      </c>
      <c r="F129401" s="14" t="s">
        <v>15</v>
      </c>
      <c r="G129401" s="16">
        <v>1.4180122434040185</v>
      </c>
    </row>
    <row r="129402" spans="1:7" x14ac:dyDescent="0.3">
      <c r="A129402" s="13" t="s">
        <v>591</v>
      </c>
      <c r="B129402" s="14" t="s">
        <v>1</v>
      </c>
      <c r="C129402" s="14" t="s">
        <v>200</v>
      </c>
      <c r="D129402" s="14" t="s">
        <v>31</v>
      </c>
      <c r="E129402" s="15">
        <v>45568</v>
      </c>
      <c r="F129402" s="14" t="s">
        <v>15</v>
      </c>
      <c r="G129402" s="16">
        <v>1.424694628566912</v>
      </c>
    </row>
    <row r="129403" spans="1:7" x14ac:dyDescent="0.3">
      <c r="A129403" s="13" t="s">
        <v>591</v>
      </c>
      <c r="B129403" s="14" t="s">
        <v>1</v>
      </c>
      <c r="C129403" s="14" t="s">
        <v>200</v>
      </c>
      <c r="D129403" s="14" t="s">
        <v>31</v>
      </c>
      <c r="E129403" s="15">
        <v>45569</v>
      </c>
      <c r="F129403" s="14" t="s">
        <v>15</v>
      </c>
      <c r="G129403" s="16">
        <v>1.4314501576391683</v>
      </c>
    </row>
    <row r="129404" spans="1:7" x14ac:dyDescent="0.3">
      <c r="A129404" s="13" t="s">
        <v>591</v>
      </c>
      <c r="B129404" s="14" t="s">
        <v>1</v>
      </c>
      <c r="C129404" s="14" t="s">
        <v>200</v>
      </c>
      <c r="D129404" s="14" t="s">
        <v>31</v>
      </c>
      <c r="E129404" s="15">
        <v>45570</v>
      </c>
      <c r="F129404" s="14" t="s">
        <v>15</v>
      </c>
      <c r="G129404" s="16">
        <v>1.4314501576391683</v>
      </c>
    </row>
    <row r="129405" spans="1:7" x14ac:dyDescent="0.3">
      <c r="A129405" s="13" t="s">
        <v>591</v>
      </c>
      <c r="B129405" s="14" t="s">
        <v>1</v>
      </c>
      <c r="C129405" s="14" t="s">
        <v>200</v>
      </c>
      <c r="D129405" s="14" t="s">
        <v>31</v>
      </c>
      <c r="E129405" s="15">
        <v>45571</v>
      </c>
      <c r="F129405" s="14" t="s">
        <v>15</v>
      </c>
      <c r="G129405" s="16">
        <v>1.4314501576391683</v>
      </c>
    </row>
    <row r="129406" spans="1:7" x14ac:dyDescent="0.3">
      <c r="A129406" s="13" t="s">
        <v>591</v>
      </c>
      <c r="B129406" s="14" t="s">
        <v>1</v>
      </c>
      <c r="C129406" s="14" t="s">
        <v>200</v>
      </c>
      <c r="D129406" s="14" t="s">
        <v>31</v>
      </c>
      <c r="E129406" s="15">
        <v>45572</v>
      </c>
      <c r="F129406" s="14" t="s">
        <v>15</v>
      </c>
      <c r="G129406" s="16">
        <v>1.4447896615458278</v>
      </c>
    </row>
    <row r="129407" spans="1:7" x14ac:dyDescent="0.3">
      <c r="A129407" s="13" t="s">
        <v>591</v>
      </c>
      <c r="B129407" s="14" t="s">
        <v>1</v>
      </c>
      <c r="C129407" s="14" t="s">
        <v>200</v>
      </c>
      <c r="D129407" s="14" t="s">
        <v>31</v>
      </c>
      <c r="E129407" s="15">
        <v>45573</v>
      </c>
      <c r="F129407" s="14" t="s">
        <v>15</v>
      </c>
      <c r="G129407" s="16">
        <v>1.4645916600178437</v>
      </c>
    </row>
    <row r="129408" spans="1:7" x14ac:dyDescent="0.3">
      <c r="A129408" s="13" t="s">
        <v>591</v>
      </c>
      <c r="B129408" s="14" t="s">
        <v>1</v>
      </c>
      <c r="C129408" s="14" t="s">
        <v>200</v>
      </c>
      <c r="D129408" s="14" t="s">
        <v>31</v>
      </c>
      <c r="E129408" s="15">
        <v>45574</v>
      </c>
      <c r="F129408" s="14" t="s">
        <v>15</v>
      </c>
      <c r="G129408" s="16">
        <v>1.4712180363830081</v>
      </c>
    </row>
    <row r="129409" spans="1:7" x14ac:dyDescent="0.3">
      <c r="A129409" s="13" t="s">
        <v>591</v>
      </c>
      <c r="B129409" s="14" t="s">
        <v>1</v>
      </c>
      <c r="C129409" s="14" t="s">
        <v>200</v>
      </c>
      <c r="D129409" s="14" t="s">
        <v>31</v>
      </c>
      <c r="E129409" s="15">
        <v>45575</v>
      </c>
      <c r="F129409" s="14" t="s">
        <v>15</v>
      </c>
      <c r="G129409" s="16">
        <v>1.4767508345788161</v>
      </c>
    </row>
    <row r="129410" spans="1:7" x14ac:dyDescent="0.3">
      <c r="A129410" s="13" t="s">
        <v>591</v>
      </c>
      <c r="B129410" s="14" t="s">
        <v>1</v>
      </c>
      <c r="C129410" s="14" t="s">
        <v>200</v>
      </c>
      <c r="D129410" s="14" t="s">
        <v>31</v>
      </c>
      <c r="E129410" s="15">
        <v>45576</v>
      </c>
      <c r="F129410" s="14" t="s">
        <v>15</v>
      </c>
      <c r="G129410" s="16">
        <v>1.4829928217979227</v>
      </c>
    </row>
    <row r="129411" spans="1:7" x14ac:dyDescent="0.3">
      <c r="A129411" s="13" t="s">
        <v>591</v>
      </c>
      <c r="B129411" s="14" t="s">
        <v>1</v>
      </c>
      <c r="C129411" s="14" t="s">
        <v>200</v>
      </c>
      <c r="D129411" s="14" t="s">
        <v>31</v>
      </c>
      <c r="E129411" s="15">
        <v>45577</v>
      </c>
      <c r="F129411" s="14" t="s">
        <v>15</v>
      </c>
      <c r="G129411" s="16">
        <v>1.4829928217979227</v>
      </c>
    </row>
    <row r="129412" spans="1:7" x14ac:dyDescent="0.3">
      <c r="A129412" s="13" t="s">
        <v>591</v>
      </c>
      <c r="B129412" s="14" t="s">
        <v>1</v>
      </c>
      <c r="C129412" s="14" t="s">
        <v>200</v>
      </c>
      <c r="D129412" s="14" t="s">
        <v>31</v>
      </c>
      <c r="E129412" s="15">
        <v>45578</v>
      </c>
      <c r="F129412" s="14" t="s">
        <v>15</v>
      </c>
      <c r="G129412" s="16">
        <v>1.4829928217979227</v>
      </c>
    </row>
    <row r="129413" spans="1:7" x14ac:dyDescent="0.3">
      <c r="A129413" s="13" t="s">
        <v>591</v>
      </c>
      <c r="B129413" s="14" t="s">
        <v>1</v>
      </c>
      <c r="C129413" s="14" t="s">
        <v>200</v>
      </c>
      <c r="D129413" s="14" t="s">
        <v>31</v>
      </c>
      <c r="E129413" s="15">
        <v>45579</v>
      </c>
      <c r="F129413" s="14" t="s">
        <v>15</v>
      </c>
      <c r="G129413" s="16">
        <v>1.4829928217979227</v>
      </c>
    </row>
    <row r="129414" spans="1:7" x14ac:dyDescent="0.3">
      <c r="A129414" s="13" t="s">
        <v>591</v>
      </c>
      <c r="B129414" s="14" t="s">
        <v>1</v>
      </c>
      <c r="C129414" s="14" t="s">
        <v>200</v>
      </c>
      <c r="D129414" s="14" t="s">
        <v>31</v>
      </c>
      <c r="E129414" s="15">
        <v>45580</v>
      </c>
      <c r="F129414" s="14" t="s">
        <v>15</v>
      </c>
      <c r="G129414" s="16">
        <v>1.4894915799436044</v>
      </c>
    </row>
    <row r="129415" spans="1:7" x14ac:dyDescent="0.3">
      <c r="A129415" s="13" t="s">
        <v>591</v>
      </c>
      <c r="B129415" s="14" t="s">
        <v>1</v>
      </c>
      <c r="C129415" s="14" t="s">
        <v>200</v>
      </c>
      <c r="D129415" s="14" t="s">
        <v>31</v>
      </c>
      <c r="E129415" s="15">
        <v>45581</v>
      </c>
      <c r="F129415" s="14" t="s">
        <v>15</v>
      </c>
      <c r="G129415" s="16">
        <v>1.5158870159236124</v>
      </c>
    </row>
    <row r="129416" spans="1:7" x14ac:dyDescent="0.3">
      <c r="A129416" s="13" t="s">
        <v>591</v>
      </c>
      <c r="B129416" s="14" t="s">
        <v>1</v>
      </c>
      <c r="C129416" s="14" t="s">
        <v>200</v>
      </c>
      <c r="D129416" s="14" t="s">
        <v>31</v>
      </c>
      <c r="E129416" s="15">
        <v>45582</v>
      </c>
      <c r="F129416" s="14" t="s">
        <v>15</v>
      </c>
      <c r="G129416" s="16">
        <v>1.5250629260251631</v>
      </c>
    </row>
    <row r="129417" spans="1:7" x14ac:dyDescent="0.3">
      <c r="A129417" s="13" t="s">
        <v>591</v>
      </c>
      <c r="B129417" s="14" t="s">
        <v>1</v>
      </c>
      <c r="C129417" s="14" t="s">
        <v>200</v>
      </c>
      <c r="D129417" s="14" t="s">
        <v>31</v>
      </c>
      <c r="E129417" s="15">
        <v>45583</v>
      </c>
      <c r="F129417" s="14" t="s">
        <v>15</v>
      </c>
      <c r="G129417" s="16">
        <v>1.5398875181695477</v>
      </c>
    </row>
    <row r="129418" spans="1:7" x14ac:dyDescent="0.3">
      <c r="A129418" s="13" t="s">
        <v>591</v>
      </c>
      <c r="B129418" s="14" t="s">
        <v>1</v>
      </c>
      <c r="C129418" s="14" t="s">
        <v>200</v>
      </c>
      <c r="D129418" s="14" t="s">
        <v>31</v>
      </c>
      <c r="E129418" s="15">
        <v>45584</v>
      </c>
      <c r="F129418" s="14" t="s">
        <v>15</v>
      </c>
      <c r="G129418" s="16">
        <v>1.5398875181695477</v>
      </c>
    </row>
    <row r="129419" spans="1:7" x14ac:dyDescent="0.3">
      <c r="A129419" s="13" t="s">
        <v>591</v>
      </c>
      <c r="B129419" s="14" t="s">
        <v>1</v>
      </c>
      <c r="C129419" s="14" t="s">
        <v>200</v>
      </c>
      <c r="D129419" s="14" t="s">
        <v>31</v>
      </c>
      <c r="E129419" s="15">
        <v>45585</v>
      </c>
      <c r="F129419" s="14" t="s">
        <v>15</v>
      </c>
      <c r="G129419" s="16">
        <v>1.5398875181695477</v>
      </c>
    </row>
    <row r="129420" spans="1:7" x14ac:dyDescent="0.3">
      <c r="A129420" s="13" t="s">
        <v>591</v>
      </c>
      <c r="B129420" s="14" t="s">
        <v>1</v>
      </c>
      <c r="C129420" s="14" t="s">
        <v>200</v>
      </c>
      <c r="D129420" s="14" t="s">
        <v>31</v>
      </c>
      <c r="E129420" s="15">
        <v>45586</v>
      </c>
      <c r="F129420" s="14" t="s">
        <v>15</v>
      </c>
      <c r="G129420" s="16">
        <v>1.5523745382381495</v>
      </c>
    </row>
    <row r="129421" spans="1:7" x14ac:dyDescent="0.3">
      <c r="A129421" s="13" t="s">
        <v>591</v>
      </c>
      <c r="B129421" s="14" t="s">
        <v>1</v>
      </c>
      <c r="C129421" s="14" t="s">
        <v>200</v>
      </c>
      <c r="D129421" s="14" t="s">
        <v>31</v>
      </c>
      <c r="E129421" s="15">
        <v>45587</v>
      </c>
      <c r="F129421" s="14" t="s">
        <v>15</v>
      </c>
      <c r="G129421" s="16">
        <v>1.5734632881255322</v>
      </c>
    </row>
    <row r="129422" spans="1:7" x14ac:dyDescent="0.3">
      <c r="A129422" s="13" t="s">
        <v>591</v>
      </c>
      <c r="B129422" s="14" t="s">
        <v>1</v>
      </c>
      <c r="C129422" s="14" t="s">
        <v>200</v>
      </c>
      <c r="D129422" s="14" t="s">
        <v>31</v>
      </c>
      <c r="E129422" s="15">
        <v>45588</v>
      </c>
      <c r="F129422" s="14" t="s">
        <v>15</v>
      </c>
      <c r="G129422" s="16">
        <v>1.5807773263160452</v>
      </c>
    </row>
    <row r="129423" spans="1:7" x14ac:dyDescent="0.3">
      <c r="A129423" s="13" t="s">
        <v>591</v>
      </c>
      <c r="B129423" s="14" t="s">
        <v>1</v>
      </c>
      <c r="C129423" s="14" t="s">
        <v>200</v>
      </c>
      <c r="D129423" s="14" t="s">
        <v>31</v>
      </c>
      <c r="E129423" s="15">
        <v>45589</v>
      </c>
      <c r="F129423" s="14" t="s">
        <v>15</v>
      </c>
      <c r="G129423" s="16">
        <v>1.587897532134235</v>
      </c>
    </row>
    <row r="129424" spans="1:7" x14ac:dyDescent="0.3">
      <c r="A129424" s="13" t="s">
        <v>591</v>
      </c>
      <c r="B129424" s="14" t="s">
        <v>1</v>
      </c>
      <c r="C129424" s="14" t="s">
        <v>200</v>
      </c>
      <c r="D129424" s="14" t="s">
        <v>31</v>
      </c>
      <c r="E129424" s="15">
        <v>45590</v>
      </c>
      <c r="F129424" s="14" t="s">
        <v>15</v>
      </c>
      <c r="G129424" s="16">
        <v>1.5949510678535783</v>
      </c>
    </row>
    <row r="129425" spans="1:7" x14ac:dyDescent="0.3">
      <c r="A129425" s="13" t="s">
        <v>591</v>
      </c>
      <c r="B129425" s="14" t="s">
        <v>1</v>
      </c>
      <c r="C129425" s="14" t="s">
        <v>200</v>
      </c>
      <c r="D129425" s="14" t="s">
        <v>31</v>
      </c>
      <c r="E129425" s="15">
        <v>45591</v>
      </c>
      <c r="F129425" s="14" t="s">
        <v>15</v>
      </c>
      <c r="G129425" s="16">
        <v>1.5949510678535783</v>
      </c>
    </row>
    <row r="129426" spans="1:7" x14ac:dyDescent="0.3">
      <c r="A129426" s="13" t="s">
        <v>591</v>
      </c>
      <c r="B129426" s="14" t="s">
        <v>1</v>
      </c>
      <c r="C129426" s="14" t="s">
        <v>200</v>
      </c>
      <c r="D129426" s="14" t="s">
        <v>31</v>
      </c>
      <c r="E129426" s="15">
        <v>45592</v>
      </c>
      <c r="F129426" s="14" t="s">
        <v>15</v>
      </c>
      <c r="G129426" s="16">
        <v>1.5949510678535783</v>
      </c>
    </row>
    <row r="129427" spans="1:7" x14ac:dyDescent="0.3">
      <c r="A129427" s="13" t="s">
        <v>591</v>
      </c>
      <c r="B129427" s="14" t="s">
        <v>1</v>
      </c>
      <c r="C129427" s="14" t="s">
        <v>200</v>
      </c>
      <c r="D129427" s="14" t="s">
        <v>31</v>
      </c>
      <c r="E129427" s="15">
        <v>45593</v>
      </c>
      <c r="F129427" s="14" t="s">
        <v>15</v>
      </c>
      <c r="G129427" s="16">
        <v>1.5949510678535783</v>
      </c>
    </row>
    <row r="129428" spans="1:7" x14ac:dyDescent="0.3">
      <c r="A129428" s="13" t="s">
        <v>591</v>
      </c>
      <c r="B129428" s="14" t="s">
        <v>1</v>
      </c>
      <c r="C129428" s="14" t="s">
        <v>200</v>
      </c>
      <c r="D129428" s="14" t="s">
        <v>31</v>
      </c>
      <c r="E129428" s="15">
        <v>45594</v>
      </c>
      <c r="F129428" s="14" t="s">
        <v>15</v>
      </c>
      <c r="G129428" s="16">
        <v>1.6024469803298902</v>
      </c>
    </row>
    <row r="129429" spans="1:7" x14ac:dyDescent="0.3">
      <c r="A129429" s="13" t="s">
        <v>591</v>
      </c>
      <c r="B129429" s="14" t="s">
        <v>1</v>
      </c>
      <c r="C129429" s="14" t="s">
        <v>200</v>
      </c>
      <c r="D129429" s="14" t="s">
        <v>31</v>
      </c>
      <c r="E129429" s="15">
        <v>45595</v>
      </c>
      <c r="F129429" s="14" t="s">
        <v>15</v>
      </c>
      <c r="G129429" s="16">
        <v>1.6313075313699061</v>
      </c>
    </row>
    <row r="129430" spans="1:7" x14ac:dyDescent="0.3">
      <c r="A129430" s="13" t="s">
        <v>591</v>
      </c>
      <c r="B129430" s="14" t="s">
        <v>1</v>
      </c>
      <c r="C129430" s="14" t="s">
        <v>200</v>
      </c>
      <c r="D129430" s="14" t="s">
        <v>31</v>
      </c>
      <c r="E129430" s="15">
        <v>45596</v>
      </c>
      <c r="F129430" s="14" t="s">
        <v>15</v>
      </c>
      <c r="G129430" s="16">
        <v>1.6383614258925192</v>
      </c>
    </row>
    <row r="129431" spans="1:7" x14ac:dyDescent="0.3">
      <c r="A129431" s="13" t="s">
        <v>591</v>
      </c>
      <c r="B129431" s="14" t="s">
        <v>1</v>
      </c>
      <c r="C129431" s="14" t="s">
        <v>200</v>
      </c>
      <c r="D129431" s="14" t="s">
        <v>31</v>
      </c>
      <c r="E129431" s="15">
        <v>45597</v>
      </c>
      <c r="F129431" s="14" t="s">
        <v>15</v>
      </c>
      <c r="G129431" s="16">
        <v>1.6447554432562264</v>
      </c>
    </row>
    <row r="129432" spans="1:7" x14ac:dyDescent="0.3">
      <c r="A129432" s="13" t="s">
        <v>591</v>
      </c>
      <c r="B129432" s="14" t="s">
        <v>1</v>
      </c>
      <c r="C129432" s="14" t="s">
        <v>200</v>
      </c>
      <c r="D129432" s="14" t="s">
        <v>31</v>
      </c>
      <c r="E129432" s="15">
        <v>45598</v>
      </c>
      <c r="F129432" s="14" t="s">
        <v>15</v>
      </c>
      <c r="G129432" s="16">
        <v>1.6447554432562264</v>
      </c>
    </row>
    <row r="129433" spans="1:7" x14ac:dyDescent="0.3">
      <c r="A129433" s="13" t="s">
        <v>591</v>
      </c>
      <c r="B129433" s="14" t="s">
        <v>1</v>
      </c>
      <c r="C129433" s="14" t="s">
        <v>200</v>
      </c>
      <c r="D129433" s="14" t="s">
        <v>31</v>
      </c>
      <c r="E129433" s="15">
        <v>45599</v>
      </c>
      <c r="F129433" s="14" t="s">
        <v>15</v>
      </c>
      <c r="G129433" s="16">
        <v>1.6447554432562264</v>
      </c>
    </row>
    <row r="129434" spans="1:7" x14ac:dyDescent="0.3">
      <c r="A129434" s="13" t="s">
        <v>591</v>
      </c>
      <c r="B129434" s="14" t="s">
        <v>1</v>
      </c>
      <c r="C129434" s="14" t="s">
        <v>200</v>
      </c>
      <c r="D129434" s="14" t="s">
        <v>31</v>
      </c>
      <c r="E129434" s="15">
        <v>45600</v>
      </c>
      <c r="F129434" s="14" t="s">
        <v>15</v>
      </c>
      <c r="G129434" s="16">
        <v>1.6539648315055446</v>
      </c>
    </row>
    <row r="129435" spans="1:7" x14ac:dyDescent="0.3">
      <c r="A129435" s="13" t="s">
        <v>591</v>
      </c>
      <c r="B129435" s="14" t="s">
        <v>1</v>
      </c>
      <c r="C129435" s="14" t="s">
        <v>200</v>
      </c>
      <c r="D129435" s="14" t="s">
        <v>31</v>
      </c>
      <c r="E129435" s="15">
        <v>45601</v>
      </c>
      <c r="F129435" s="14" t="s">
        <v>15</v>
      </c>
      <c r="G129435" s="16">
        <v>1.6844042055808901</v>
      </c>
    </row>
    <row r="129436" spans="1:7" x14ac:dyDescent="0.3">
      <c r="A129436" s="13" t="s">
        <v>591</v>
      </c>
      <c r="B129436" s="14" t="s">
        <v>1</v>
      </c>
      <c r="C129436" s="14" t="s">
        <v>200</v>
      </c>
      <c r="D129436" s="14" t="s">
        <v>31</v>
      </c>
      <c r="E129436" s="15">
        <v>45602</v>
      </c>
      <c r="F129436" s="14" t="s">
        <v>15</v>
      </c>
      <c r="G129436" s="16">
        <v>1.6910179195165962</v>
      </c>
    </row>
    <row r="129437" spans="1:7" x14ac:dyDescent="0.3">
      <c r="A129437" s="13" t="s">
        <v>591</v>
      </c>
      <c r="B129437" s="14" t="s">
        <v>1</v>
      </c>
      <c r="C129437" s="14" t="s">
        <v>200</v>
      </c>
      <c r="D129437" s="14" t="s">
        <v>31</v>
      </c>
      <c r="E129437" s="15">
        <v>45603</v>
      </c>
      <c r="F129437" s="14" t="s">
        <v>15</v>
      </c>
      <c r="G129437" s="16">
        <v>1.69060291803417</v>
      </c>
    </row>
    <row r="129438" spans="1:7" x14ac:dyDescent="0.3">
      <c r="A129438" s="13" t="s">
        <v>591</v>
      </c>
      <c r="B129438" s="14" t="s">
        <v>1</v>
      </c>
      <c r="C129438" s="14" t="s">
        <v>200</v>
      </c>
      <c r="D129438" s="14" t="s">
        <v>31</v>
      </c>
      <c r="E129438" s="15">
        <v>45604</v>
      </c>
      <c r="F129438" s="14" t="s">
        <v>15</v>
      </c>
      <c r="G129438" s="16">
        <v>1.6995493003514182</v>
      </c>
    </row>
    <row r="129439" spans="1:7" x14ac:dyDescent="0.3">
      <c r="A129439" s="13" t="s">
        <v>591</v>
      </c>
      <c r="B129439" s="14" t="s">
        <v>1</v>
      </c>
      <c r="C129439" s="14" t="s">
        <v>200</v>
      </c>
      <c r="D129439" s="14" t="s">
        <v>31</v>
      </c>
      <c r="E129439" s="15">
        <v>45605</v>
      </c>
      <c r="F129439" s="14" t="s">
        <v>15</v>
      </c>
      <c r="G129439" s="16">
        <v>1.6995493003514182</v>
      </c>
    </row>
    <row r="129440" spans="1:7" x14ac:dyDescent="0.3">
      <c r="A129440" s="13" t="s">
        <v>591</v>
      </c>
      <c r="B129440" s="14" t="s">
        <v>1</v>
      </c>
      <c r="C129440" s="14" t="s">
        <v>200</v>
      </c>
      <c r="D129440" s="14" t="s">
        <v>31</v>
      </c>
      <c r="E129440" s="15">
        <v>45606</v>
      </c>
      <c r="F129440" s="14" t="s">
        <v>15</v>
      </c>
      <c r="G129440" s="16">
        <v>1.6995493003514182</v>
      </c>
    </row>
    <row r="129441" spans="1:7" x14ac:dyDescent="0.3">
      <c r="A129441" s="13" t="s">
        <v>591</v>
      </c>
      <c r="B129441" s="14" t="s">
        <v>1</v>
      </c>
      <c r="C129441" s="14" t="s">
        <v>200</v>
      </c>
      <c r="D129441" s="14" t="s">
        <v>31</v>
      </c>
      <c r="E129441" s="15">
        <v>45607</v>
      </c>
      <c r="F129441" s="14" t="s">
        <v>15</v>
      </c>
      <c r="G129441" s="16">
        <v>1.6995493003514182</v>
      </c>
    </row>
    <row r="129442" spans="1:7" x14ac:dyDescent="0.3">
      <c r="A129442" s="13" t="s">
        <v>591</v>
      </c>
      <c r="B129442" s="14" t="s">
        <v>1</v>
      </c>
      <c r="C129442" s="14" t="s">
        <v>200</v>
      </c>
      <c r="D129442" s="14" t="s">
        <v>31</v>
      </c>
      <c r="E129442" s="15">
        <v>45608</v>
      </c>
      <c r="F129442" s="14" t="s">
        <v>15</v>
      </c>
      <c r="G129442" s="16">
        <v>1.7079505096937069</v>
      </c>
    </row>
    <row r="129443" spans="1:7" x14ac:dyDescent="0.3">
      <c r="A129443" s="13" t="s">
        <v>591</v>
      </c>
      <c r="B129443" s="14" t="s">
        <v>1</v>
      </c>
      <c r="C129443" s="14" t="s">
        <v>200</v>
      </c>
      <c r="D129443" s="14" t="s">
        <v>31</v>
      </c>
      <c r="E129443" s="15">
        <v>45609</v>
      </c>
      <c r="F129443" s="14" t="s">
        <v>15</v>
      </c>
      <c r="G129443" s="16">
        <v>1.7287948919059626</v>
      </c>
    </row>
    <row r="129444" spans="1:7" x14ac:dyDescent="0.3">
      <c r="A129444" s="13" t="s">
        <v>591</v>
      </c>
      <c r="B129444" s="14" t="s">
        <v>1</v>
      </c>
      <c r="C129444" s="14" t="s">
        <v>200</v>
      </c>
      <c r="D129444" s="14" t="s">
        <v>31</v>
      </c>
      <c r="E129444" s="15">
        <v>45610</v>
      </c>
      <c r="F129444" s="14" t="s">
        <v>15</v>
      </c>
      <c r="G129444" s="16">
        <v>1.7356902479226177</v>
      </c>
    </row>
    <row r="129445" spans="1:7" x14ac:dyDescent="0.3">
      <c r="A129445" s="13" t="s">
        <v>591</v>
      </c>
      <c r="B129445" s="14" t="s">
        <v>1</v>
      </c>
      <c r="C129445" s="14" t="s">
        <v>200</v>
      </c>
      <c r="D129445" s="14" t="s">
        <v>31</v>
      </c>
      <c r="E129445" s="15">
        <v>45611</v>
      </c>
      <c r="F129445" s="14" t="s">
        <v>15</v>
      </c>
      <c r="G129445" s="16">
        <v>1.7438890844369366</v>
      </c>
    </row>
    <row r="129446" spans="1:7" x14ac:dyDescent="0.3">
      <c r="A129446" s="13" t="s">
        <v>591</v>
      </c>
      <c r="B129446" s="14" t="s">
        <v>1</v>
      </c>
      <c r="C129446" s="14" t="s">
        <v>200</v>
      </c>
      <c r="D129446" s="14" t="s">
        <v>31</v>
      </c>
      <c r="E129446" s="15">
        <v>45612</v>
      </c>
      <c r="F129446" s="14" t="s">
        <v>15</v>
      </c>
      <c r="G129446" s="16">
        <v>1.7438890844369366</v>
      </c>
    </row>
    <row r="129447" spans="1:7" x14ac:dyDescent="0.3">
      <c r="A129447" s="13" t="s">
        <v>591</v>
      </c>
      <c r="B129447" s="14" t="s">
        <v>1</v>
      </c>
      <c r="C129447" s="14" t="s">
        <v>200</v>
      </c>
      <c r="D129447" s="14" t="s">
        <v>31</v>
      </c>
      <c r="E129447" s="15">
        <v>45613</v>
      </c>
      <c r="F129447" s="14" t="s">
        <v>15</v>
      </c>
      <c r="G129447" s="16">
        <v>1.7438890844369366</v>
      </c>
    </row>
    <row r="129448" spans="1:7" x14ac:dyDescent="0.3">
      <c r="A129448" s="13" t="s">
        <v>591</v>
      </c>
      <c r="B129448" s="14" t="s">
        <v>1</v>
      </c>
      <c r="C129448" s="14" t="s">
        <v>200</v>
      </c>
      <c r="D129448" s="14" t="s">
        <v>31</v>
      </c>
      <c r="E129448" s="15">
        <v>45614</v>
      </c>
      <c r="F129448" s="14" t="s">
        <v>15</v>
      </c>
      <c r="G129448" s="16">
        <v>1.7505395457084605</v>
      </c>
    </row>
    <row r="129449" spans="1:7" x14ac:dyDescent="0.3">
      <c r="A129449" s="13" t="s">
        <v>591</v>
      </c>
      <c r="B129449" s="14" t="s">
        <v>1</v>
      </c>
      <c r="C129449" s="14" t="s">
        <v>200</v>
      </c>
      <c r="D129449" s="14" t="s">
        <v>31</v>
      </c>
      <c r="E129449" s="15">
        <v>45615</v>
      </c>
      <c r="F129449" s="14" t="s">
        <v>15</v>
      </c>
      <c r="G129449" s="16">
        <v>1.7713112206919905</v>
      </c>
    </row>
    <row r="129450" spans="1:7" x14ac:dyDescent="0.3">
      <c r="A129450" s="13" t="s">
        <v>591</v>
      </c>
      <c r="B129450" s="14" t="s">
        <v>1</v>
      </c>
      <c r="C129450" s="14" t="s">
        <v>200</v>
      </c>
      <c r="D129450" s="14" t="s">
        <v>31</v>
      </c>
      <c r="E129450" s="15">
        <v>45616</v>
      </c>
      <c r="F129450" s="14" t="s">
        <v>15</v>
      </c>
      <c r="G129450" s="16">
        <v>1.7810791684457445</v>
      </c>
    </row>
    <row r="129451" spans="1:7" x14ac:dyDescent="0.3">
      <c r="A129451" s="13" t="s">
        <v>591</v>
      </c>
      <c r="B129451" s="14" t="s">
        <v>1</v>
      </c>
      <c r="C129451" s="14" t="s">
        <v>200</v>
      </c>
      <c r="D129451" s="14" t="s">
        <v>31</v>
      </c>
      <c r="E129451" s="15">
        <v>45617</v>
      </c>
      <c r="F129451" s="14" t="s">
        <v>15</v>
      </c>
      <c r="G129451" s="16">
        <v>1.7880825082387921</v>
      </c>
    </row>
    <row r="129452" spans="1:7" x14ac:dyDescent="0.3">
      <c r="A129452" s="13" t="s">
        <v>591</v>
      </c>
      <c r="B129452" s="14" t="s">
        <v>1</v>
      </c>
      <c r="C129452" s="14" t="s">
        <v>200</v>
      </c>
      <c r="D129452" s="14" t="s">
        <v>31</v>
      </c>
      <c r="E129452" s="15">
        <v>45618</v>
      </c>
      <c r="F129452" s="14" t="s">
        <v>15</v>
      </c>
      <c r="G129452" s="16">
        <v>1.7985243621336255</v>
      </c>
    </row>
    <row r="129453" spans="1:7" x14ac:dyDescent="0.3">
      <c r="A129453" s="13" t="s">
        <v>591</v>
      </c>
      <c r="B129453" s="14" t="s">
        <v>1</v>
      </c>
      <c r="C129453" s="14" t="s">
        <v>200</v>
      </c>
      <c r="D129453" s="14" t="s">
        <v>31</v>
      </c>
      <c r="E129453" s="15">
        <v>45619</v>
      </c>
      <c r="F129453" s="14" t="s">
        <v>15</v>
      </c>
      <c r="G129453" s="16">
        <v>1.7985243621336255</v>
      </c>
    </row>
    <row r="129454" spans="1:7" x14ac:dyDescent="0.3">
      <c r="A129454" s="13" t="s">
        <v>591</v>
      </c>
      <c r="B129454" s="14" t="s">
        <v>1</v>
      </c>
      <c r="C129454" s="14" t="s">
        <v>200</v>
      </c>
      <c r="D129454" s="14" t="s">
        <v>31</v>
      </c>
      <c r="E129454" s="15">
        <v>45620</v>
      </c>
      <c r="F129454" s="14" t="s">
        <v>15</v>
      </c>
      <c r="G129454" s="16">
        <v>1.7985243621336255</v>
      </c>
    </row>
    <row r="129455" spans="1:7" x14ac:dyDescent="0.3">
      <c r="A129455" s="13" t="s">
        <v>591</v>
      </c>
      <c r="B129455" s="14" t="s">
        <v>1</v>
      </c>
      <c r="C129455" s="14" t="s">
        <v>200</v>
      </c>
      <c r="D129455" s="14" t="s">
        <v>31</v>
      </c>
      <c r="E129455" s="15">
        <v>45621</v>
      </c>
      <c r="F129455" s="14" t="s">
        <v>15</v>
      </c>
      <c r="G129455" s="16">
        <v>1.803983760813832</v>
      </c>
    </row>
    <row r="129456" spans="1:7" x14ac:dyDescent="0.3">
      <c r="A129456" s="13" t="s">
        <v>591</v>
      </c>
      <c r="B129456" s="14" t="s">
        <v>1</v>
      </c>
      <c r="C129456" s="14" t="s">
        <v>200</v>
      </c>
      <c r="D129456" s="14" t="s">
        <v>31</v>
      </c>
      <c r="E129456" s="15">
        <v>45622</v>
      </c>
      <c r="F129456" s="14" t="s">
        <v>15</v>
      </c>
      <c r="G129456" s="16">
        <v>1.8280831088384173</v>
      </c>
    </row>
    <row r="129457" spans="1:7" x14ac:dyDescent="0.3">
      <c r="A129457" s="13" t="s">
        <v>591</v>
      </c>
      <c r="B129457" s="14" t="s">
        <v>1</v>
      </c>
      <c r="C129457" s="14" t="s">
        <v>200</v>
      </c>
      <c r="D129457" s="14" t="s">
        <v>31</v>
      </c>
      <c r="E129457" s="15">
        <v>45623</v>
      </c>
      <c r="F129457" s="14" t="s">
        <v>15</v>
      </c>
      <c r="G129457" s="16">
        <v>1.8351998961158327</v>
      </c>
    </row>
    <row r="129458" spans="1:7" x14ac:dyDescent="0.3">
      <c r="A129458" s="13" t="s">
        <v>591</v>
      </c>
      <c r="B129458" s="14" t="s">
        <v>1</v>
      </c>
      <c r="C129458" s="14" t="s">
        <v>200</v>
      </c>
      <c r="D129458" s="14" t="s">
        <v>31</v>
      </c>
      <c r="E129458" s="15">
        <v>45624</v>
      </c>
      <c r="F129458" s="14" t="s">
        <v>15</v>
      </c>
      <c r="G129458" s="16">
        <v>1.8351998961158327</v>
      </c>
    </row>
    <row r="129459" spans="1:7" x14ac:dyDescent="0.3">
      <c r="A129459" s="13" t="s">
        <v>591</v>
      </c>
      <c r="B129459" s="14" t="s">
        <v>1</v>
      </c>
      <c r="C129459" s="14" t="s">
        <v>200</v>
      </c>
      <c r="D129459" s="14" t="s">
        <v>31</v>
      </c>
      <c r="E129459" s="15">
        <v>45625</v>
      </c>
      <c r="F129459" s="14" t="s">
        <v>15</v>
      </c>
      <c r="G129459" s="16">
        <v>1.8444239044575437</v>
      </c>
    </row>
    <row r="129460" spans="1:7" x14ac:dyDescent="0.3">
      <c r="A129460" s="13" t="s">
        <v>591</v>
      </c>
      <c r="B129460" s="14" t="s">
        <v>1</v>
      </c>
      <c r="C129460" s="14" t="s">
        <v>200</v>
      </c>
      <c r="D129460" s="14" t="s">
        <v>31</v>
      </c>
      <c r="E129460" s="15">
        <v>45626</v>
      </c>
      <c r="F129460" s="14" t="s">
        <v>15</v>
      </c>
      <c r="G129460" s="16">
        <v>1.8444239044575437</v>
      </c>
    </row>
    <row r="129461" spans="1:7" x14ac:dyDescent="0.3">
      <c r="A129461" s="13" t="s">
        <v>591</v>
      </c>
      <c r="B129461" s="14" t="s">
        <v>1</v>
      </c>
      <c r="C129461" s="14" t="s">
        <v>200</v>
      </c>
      <c r="D129461" s="14" t="s">
        <v>31</v>
      </c>
      <c r="E129461" s="15">
        <v>45627</v>
      </c>
      <c r="F129461" s="14" t="s">
        <v>15</v>
      </c>
      <c r="G129461" s="16">
        <v>1.8444239044575437</v>
      </c>
    </row>
    <row r="129462" spans="1:7" x14ac:dyDescent="0.3">
      <c r="A129462" s="13" t="s">
        <v>591</v>
      </c>
      <c r="B129462" s="14" t="s">
        <v>1</v>
      </c>
      <c r="C129462" s="14" t="s">
        <v>200</v>
      </c>
      <c r="D129462" s="14" t="s">
        <v>31</v>
      </c>
      <c r="E129462" s="15">
        <v>45628</v>
      </c>
      <c r="F129462" s="14" t="s">
        <v>15</v>
      </c>
      <c r="G129462" s="16">
        <v>1.8596033780658558</v>
      </c>
    </row>
    <row r="129463" spans="1:7" x14ac:dyDescent="0.3">
      <c r="A129463" s="13" t="s">
        <v>591</v>
      </c>
      <c r="B129463" s="14" t="s">
        <v>1</v>
      </c>
      <c r="C129463" s="14" t="s">
        <v>200</v>
      </c>
      <c r="D129463" s="14" t="s">
        <v>31</v>
      </c>
      <c r="E129463" s="15">
        <v>45629</v>
      </c>
      <c r="F129463" s="14" t="s">
        <v>15</v>
      </c>
      <c r="G129463" s="16">
        <v>1.8811868302510619</v>
      </c>
    </row>
    <row r="129464" spans="1:7" x14ac:dyDescent="0.3">
      <c r="A129464" s="13" t="s">
        <v>591</v>
      </c>
      <c r="B129464" s="14" t="s">
        <v>1</v>
      </c>
      <c r="C129464" s="14" t="s">
        <v>200</v>
      </c>
      <c r="D129464" s="14" t="s">
        <v>31</v>
      </c>
      <c r="E129464" s="15">
        <v>45630</v>
      </c>
      <c r="F129464" s="14" t="s">
        <v>15</v>
      </c>
      <c r="G129464" s="16">
        <v>1.8871158487502802</v>
      </c>
    </row>
    <row r="129465" spans="1:7" x14ac:dyDescent="0.3">
      <c r="A129465" s="13" t="s">
        <v>591</v>
      </c>
      <c r="B129465" s="14" t="s">
        <v>1</v>
      </c>
      <c r="C129465" s="14" t="s">
        <v>200</v>
      </c>
      <c r="D129465" s="14" t="s">
        <v>31</v>
      </c>
      <c r="E129465" s="15">
        <v>45631</v>
      </c>
      <c r="F129465" s="14" t="s">
        <v>15</v>
      </c>
      <c r="G129465" s="16">
        <v>1.8915745350858175</v>
      </c>
    </row>
    <row r="129466" spans="1:7" x14ac:dyDescent="0.3">
      <c r="A129466" s="13" t="s">
        <v>591</v>
      </c>
      <c r="B129466" s="14" t="s">
        <v>1</v>
      </c>
      <c r="C129466" s="14" t="s">
        <v>200</v>
      </c>
      <c r="D129466" s="14" t="s">
        <v>31</v>
      </c>
      <c r="E129466" s="15">
        <v>45632</v>
      </c>
      <c r="F129466" s="14" t="s">
        <v>15</v>
      </c>
      <c r="G129466" s="16">
        <v>1.899123214297908</v>
      </c>
    </row>
    <row r="129467" spans="1:7" x14ac:dyDescent="0.3">
      <c r="A129467" s="13" t="s">
        <v>591</v>
      </c>
      <c r="B129467" s="14" t="s">
        <v>1</v>
      </c>
      <c r="C129467" s="14" t="s">
        <v>200</v>
      </c>
      <c r="D129467" s="14" t="s">
        <v>31</v>
      </c>
      <c r="E129467" s="15">
        <v>45633</v>
      </c>
      <c r="F129467" s="14" t="s">
        <v>15</v>
      </c>
      <c r="G129467" s="16">
        <v>1.899123214297908</v>
      </c>
    </row>
    <row r="129468" spans="1:7" x14ac:dyDescent="0.3">
      <c r="A129468" s="13" t="s">
        <v>591</v>
      </c>
      <c r="B129468" s="14" t="s">
        <v>1</v>
      </c>
      <c r="C129468" s="14" t="s">
        <v>200</v>
      </c>
      <c r="D129468" s="14" t="s">
        <v>31</v>
      </c>
      <c r="E129468" s="15">
        <v>45634</v>
      </c>
      <c r="F129468" s="14" t="s">
        <v>15</v>
      </c>
      <c r="G129468" s="16">
        <v>1.899123214297908</v>
      </c>
    </row>
    <row r="129469" spans="1:7" x14ac:dyDescent="0.3">
      <c r="A129469" s="13" t="s">
        <v>591</v>
      </c>
      <c r="B129469" s="14" t="s">
        <v>1</v>
      </c>
      <c r="C129469" s="14" t="s">
        <v>200</v>
      </c>
      <c r="D129469" s="14" t="s">
        <v>31</v>
      </c>
      <c r="E129469" s="15">
        <v>45635</v>
      </c>
      <c r="F129469" s="14" t="s">
        <v>15</v>
      </c>
      <c r="G129469" s="16">
        <v>1.9063064870777899</v>
      </c>
    </row>
    <row r="129470" spans="1:7" x14ac:dyDescent="0.3">
      <c r="A129470" s="13" t="s">
        <v>591</v>
      </c>
      <c r="B129470" s="14" t="s">
        <v>1</v>
      </c>
      <c r="C129470" s="14" t="s">
        <v>200</v>
      </c>
      <c r="D129470" s="14" t="s">
        <v>31</v>
      </c>
      <c r="E129470" s="15">
        <v>45636</v>
      </c>
      <c r="F129470" s="14" t="s">
        <v>15</v>
      </c>
      <c r="G129470" s="16">
        <v>1.9310319069172714</v>
      </c>
    </row>
    <row r="129471" spans="1:7" x14ac:dyDescent="0.3">
      <c r="A129471" s="13" t="s">
        <v>591</v>
      </c>
      <c r="B129471" s="14" t="s">
        <v>1</v>
      </c>
      <c r="C129471" s="14" t="s">
        <v>200</v>
      </c>
      <c r="D129471" s="14" t="s">
        <v>31</v>
      </c>
      <c r="E129471" s="15">
        <v>45637</v>
      </c>
      <c r="F129471" s="14" t="s">
        <v>15</v>
      </c>
      <c r="G129471" s="16">
        <v>1.9382832481877741</v>
      </c>
    </row>
    <row r="129472" spans="1:7" x14ac:dyDescent="0.3">
      <c r="A129472" s="13" t="s">
        <v>591</v>
      </c>
      <c r="B129472" s="14" t="s">
        <v>1</v>
      </c>
      <c r="C129472" s="14" t="s">
        <v>200</v>
      </c>
      <c r="D129472" s="14" t="s">
        <v>31</v>
      </c>
      <c r="E129472" s="15">
        <v>45638</v>
      </c>
      <c r="F129472" s="14" t="s">
        <v>15</v>
      </c>
      <c r="G129472" s="16">
        <v>1.9457804802848608</v>
      </c>
    </row>
    <row r="129473" spans="1:7" x14ac:dyDescent="0.3">
      <c r="A129473" s="13" t="s">
        <v>591</v>
      </c>
      <c r="B129473" s="14" t="s">
        <v>1</v>
      </c>
      <c r="C129473" s="14" t="s">
        <v>200</v>
      </c>
      <c r="D129473" s="14" t="s">
        <v>31</v>
      </c>
      <c r="E129473" s="15">
        <v>45639</v>
      </c>
      <c r="F129473" s="14" t="s">
        <v>15</v>
      </c>
      <c r="G129473" s="16">
        <v>1.9544728684381958</v>
      </c>
    </row>
    <row r="129474" spans="1:7" x14ac:dyDescent="0.3">
      <c r="A129474" s="13" t="s">
        <v>591</v>
      </c>
      <c r="B129474" s="14" t="s">
        <v>1</v>
      </c>
      <c r="C129474" s="14" t="s">
        <v>200</v>
      </c>
      <c r="D129474" s="14" t="s">
        <v>31</v>
      </c>
      <c r="E129474" s="15">
        <v>45640</v>
      </c>
      <c r="F129474" s="14" t="s">
        <v>15</v>
      </c>
      <c r="G129474" s="16">
        <v>1.9544728684381958</v>
      </c>
    </row>
    <row r="129475" spans="1:7" x14ac:dyDescent="0.3">
      <c r="A129475" s="13" t="s">
        <v>591</v>
      </c>
      <c r="B129475" s="14" t="s">
        <v>1</v>
      </c>
      <c r="C129475" s="14" t="s">
        <v>200</v>
      </c>
      <c r="D129475" s="14" t="s">
        <v>31</v>
      </c>
      <c r="E129475" s="15">
        <v>45641</v>
      </c>
      <c r="F129475" s="14" t="s">
        <v>15</v>
      </c>
      <c r="G129475" s="16">
        <v>1.9544728684381958</v>
      </c>
    </row>
    <row r="129476" spans="1:7" x14ac:dyDescent="0.3">
      <c r="A129476" s="13" t="s">
        <v>591</v>
      </c>
      <c r="B129476" s="14" t="s">
        <v>1</v>
      </c>
      <c r="C129476" s="14" t="s">
        <v>200</v>
      </c>
      <c r="D129476" s="14" t="s">
        <v>31</v>
      </c>
      <c r="E129476" s="15">
        <v>45642</v>
      </c>
      <c r="F129476" s="14" t="s">
        <v>15</v>
      </c>
      <c r="G129476" s="16">
        <v>1.9621146801200118</v>
      </c>
    </row>
    <row r="129477" spans="1:7" x14ac:dyDescent="0.3">
      <c r="A129477" s="13" t="s">
        <v>591</v>
      </c>
      <c r="B129477" s="14" t="s">
        <v>1</v>
      </c>
      <c r="C129477" s="14" t="s">
        <v>200</v>
      </c>
      <c r="D129477" s="14" t="s">
        <v>31</v>
      </c>
      <c r="E129477" s="15">
        <v>45643</v>
      </c>
      <c r="F129477" s="14" t="s">
        <v>15</v>
      </c>
      <c r="G129477" s="16">
        <v>1.9837548560474019</v>
      </c>
    </row>
    <row r="129478" spans="1:7" x14ac:dyDescent="0.3">
      <c r="A129478" s="13" t="s">
        <v>591</v>
      </c>
      <c r="B129478" s="14" t="s">
        <v>1</v>
      </c>
      <c r="C129478" s="14" t="s">
        <v>200</v>
      </c>
      <c r="D129478" s="14" t="s">
        <v>31</v>
      </c>
      <c r="E129478" s="15">
        <v>45644</v>
      </c>
      <c r="F129478" s="14" t="s">
        <v>15</v>
      </c>
      <c r="G129478" s="16">
        <v>1.9912085559702539</v>
      </c>
    </row>
    <row r="129479" spans="1:7" x14ac:dyDescent="0.3">
      <c r="A129479" s="13" t="s">
        <v>591</v>
      </c>
      <c r="B129479" s="14" t="s">
        <v>1</v>
      </c>
      <c r="C129479" s="14" t="s">
        <v>200</v>
      </c>
      <c r="D129479" s="14" t="s">
        <v>31</v>
      </c>
      <c r="E129479" s="15">
        <v>45645</v>
      </c>
      <c r="F129479" s="14" t="s">
        <v>15</v>
      </c>
      <c r="G129479" s="16">
        <v>2.0008945330215653</v>
      </c>
    </row>
    <row r="129480" spans="1:7" x14ac:dyDescent="0.3">
      <c r="A129480" s="13" t="s">
        <v>591</v>
      </c>
      <c r="B129480" s="14" t="s">
        <v>1</v>
      </c>
      <c r="C129480" s="14" t="s">
        <v>200</v>
      </c>
      <c r="D129480" s="14" t="s">
        <v>31</v>
      </c>
      <c r="E129480" s="15">
        <v>45646</v>
      </c>
      <c r="F129480" s="14" t="s">
        <v>15</v>
      </c>
      <c r="G129480" s="16">
        <v>2.0119007221932899</v>
      </c>
    </row>
    <row r="129481" spans="1:7" x14ac:dyDescent="0.3">
      <c r="A129481" s="13" t="s">
        <v>591</v>
      </c>
      <c r="B129481" s="14" t="s">
        <v>1</v>
      </c>
      <c r="C129481" s="14" t="s">
        <v>200</v>
      </c>
      <c r="D129481" s="14" t="s">
        <v>31</v>
      </c>
      <c r="E129481" s="15">
        <v>45647</v>
      </c>
      <c r="F129481" s="14" t="s">
        <v>15</v>
      </c>
      <c r="G129481" s="16">
        <v>2.0119007221932899</v>
      </c>
    </row>
    <row r="129482" spans="1:7" x14ac:dyDescent="0.3">
      <c r="A129482" s="13" t="s">
        <v>591</v>
      </c>
      <c r="B129482" s="14" t="s">
        <v>1</v>
      </c>
      <c r="C129482" s="14" t="s">
        <v>200</v>
      </c>
      <c r="D129482" s="14" t="s">
        <v>31</v>
      </c>
      <c r="E129482" s="15">
        <v>45648</v>
      </c>
      <c r="F129482" s="14" t="s">
        <v>15</v>
      </c>
      <c r="G129482" s="16">
        <v>2.0119007221932899</v>
      </c>
    </row>
    <row r="129483" spans="1:7" x14ac:dyDescent="0.3">
      <c r="A129483" s="13" t="s">
        <v>591</v>
      </c>
      <c r="B129483" s="14" t="s">
        <v>1</v>
      </c>
      <c r="C129483" s="14" t="s">
        <v>200</v>
      </c>
      <c r="D129483" s="14" t="s">
        <v>31</v>
      </c>
      <c r="E129483" s="15">
        <v>45649</v>
      </c>
      <c r="F129483" s="14" t="s">
        <v>15</v>
      </c>
      <c r="G129483" s="16">
        <v>2.0201934058377473</v>
      </c>
    </row>
    <row r="129484" spans="1:7" x14ac:dyDescent="0.3">
      <c r="A129484" s="13" t="s">
        <v>591</v>
      </c>
      <c r="B129484" s="14" t="s">
        <v>1</v>
      </c>
      <c r="C129484" s="14" t="s">
        <v>200</v>
      </c>
      <c r="D129484" s="14" t="s">
        <v>31</v>
      </c>
      <c r="E129484" s="15">
        <v>45650</v>
      </c>
      <c r="F129484" s="14" t="s">
        <v>15</v>
      </c>
      <c r="G129484" s="16">
        <v>2.0424308959619029</v>
      </c>
    </row>
    <row r="129485" spans="1:7" x14ac:dyDescent="0.3">
      <c r="A129485" s="13" t="s">
        <v>591</v>
      </c>
      <c r="B129485" s="14" t="s">
        <v>1</v>
      </c>
      <c r="C129485" s="14" t="s">
        <v>200</v>
      </c>
      <c r="D129485" s="14" t="s">
        <v>31</v>
      </c>
      <c r="E129485" s="15">
        <v>45651</v>
      </c>
      <c r="F129485" s="14" t="s">
        <v>15</v>
      </c>
      <c r="G129485" s="16">
        <v>2.0424308959619029</v>
      </c>
    </row>
    <row r="129486" spans="1:7" x14ac:dyDescent="0.3">
      <c r="A129486" s="13" t="s">
        <v>591</v>
      </c>
      <c r="B129486" s="14" t="s">
        <v>1</v>
      </c>
      <c r="C129486" s="14" t="s">
        <v>200</v>
      </c>
      <c r="D129486" s="14" t="s">
        <v>31</v>
      </c>
      <c r="E129486" s="15">
        <v>45652</v>
      </c>
      <c r="F129486" s="14" t="s">
        <v>15</v>
      </c>
      <c r="G129486" s="16">
        <v>2.0424308959619029</v>
      </c>
    </row>
    <row r="129487" spans="1:7" x14ac:dyDescent="0.3">
      <c r="A129487" s="13" t="s">
        <v>591</v>
      </c>
      <c r="B129487" s="14" t="s">
        <v>1</v>
      </c>
      <c r="C129487" s="14" t="s">
        <v>200</v>
      </c>
      <c r="D129487" s="14" t="s">
        <v>31</v>
      </c>
      <c r="E129487" s="15">
        <v>45653</v>
      </c>
      <c r="F129487" s="14" t="s">
        <v>15</v>
      </c>
      <c r="G129487" s="16">
        <v>2.0424308959619029</v>
      </c>
    </row>
    <row r="129488" spans="1:7" x14ac:dyDescent="0.3">
      <c r="A129488" s="13" t="s">
        <v>591</v>
      </c>
      <c r="B129488" s="14" t="s">
        <v>1</v>
      </c>
      <c r="C129488" s="14" t="s">
        <v>200</v>
      </c>
      <c r="D129488" s="14" t="s">
        <v>31</v>
      </c>
      <c r="E129488" s="15">
        <v>45654</v>
      </c>
      <c r="F129488" s="14" t="s">
        <v>15</v>
      </c>
      <c r="G129488" s="16">
        <v>2.0424308959619029</v>
      </c>
    </row>
    <row r="129489" spans="1:7" x14ac:dyDescent="0.3">
      <c r="A129489" s="13" t="s">
        <v>591</v>
      </c>
      <c r="B129489" s="14" t="s">
        <v>1</v>
      </c>
      <c r="C129489" s="14" t="s">
        <v>200</v>
      </c>
      <c r="D129489" s="14" t="s">
        <v>31</v>
      </c>
      <c r="E129489" s="15">
        <v>45655</v>
      </c>
      <c r="F129489" s="14" t="s">
        <v>15</v>
      </c>
      <c r="G129489" s="16">
        <v>2.0424308959619029</v>
      </c>
    </row>
    <row r="129490" spans="1:7" x14ac:dyDescent="0.3">
      <c r="A129490" s="13" t="s">
        <v>591</v>
      </c>
      <c r="B129490" s="14" t="s">
        <v>1</v>
      </c>
      <c r="C129490" s="14" t="s">
        <v>200</v>
      </c>
      <c r="D129490" s="14" t="s">
        <v>31</v>
      </c>
      <c r="E129490" s="15">
        <v>45656</v>
      </c>
      <c r="F129490" s="14" t="s">
        <v>15</v>
      </c>
      <c r="G129490" s="16">
        <v>2.0498049188143384</v>
      </c>
    </row>
    <row r="129491" spans="1:7" x14ac:dyDescent="0.3">
      <c r="A129491" s="13" t="s">
        <v>591</v>
      </c>
      <c r="B129491" s="14" t="s">
        <v>1</v>
      </c>
      <c r="C129491" s="14" t="s">
        <v>200</v>
      </c>
      <c r="D129491" s="14" t="s">
        <v>31</v>
      </c>
      <c r="E129491" s="15">
        <v>45657</v>
      </c>
      <c r="F129491" s="14" t="s">
        <v>15</v>
      </c>
      <c r="G129491" s="16">
        <v>2.0982303096323704</v>
      </c>
    </row>
    <row r="129492" spans="1:7" x14ac:dyDescent="0.3">
      <c r="A129492" s="13" t="s">
        <v>591</v>
      </c>
      <c r="B129492" s="14" t="s">
        <v>1</v>
      </c>
      <c r="C129492" s="14" t="s">
        <v>200</v>
      </c>
      <c r="D129492" s="14" t="s">
        <v>31</v>
      </c>
      <c r="E129492" s="15">
        <v>45658</v>
      </c>
      <c r="F129492" s="14" t="s">
        <v>15</v>
      </c>
      <c r="G129492" s="16">
        <v>2.0982303096323704</v>
      </c>
    </row>
    <row r="129493" spans="1:7" x14ac:dyDescent="0.3">
      <c r="A129493" s="13" t="s">
        <v>591</v>
      </c>
      <c r="B129493" s="14" t="s">
        <v>1</v>
      </c>
      <c r="C129493" s="14" t="s">
        <v>200</v>
      </c>
      <c r="D129493" s="14" t="s">
        <v>31</v>
      </c>
      <c r="E129493" s="15">
        <v>45659</v>
      </c>
      <c r="F129493" s="14" t="s">
        <v>15</v>
      </c>
      <c r="G129493" s="16">
        <v>2.1065572913534969</v>
      </c>
    </row>
    <row r="129494" spans="1:7" x14ac:dyDescent="0.3">
      <c r="A129494" s="13" t="s">
        <v>591</v>
      </c>
      <c r="B129494" s="14" t="s">
        <v>1</v>
      </c>
      <c r="C129494" s="14" t="s">
        <v>200</v>
      </c>
      <c r="D129494" s="14" t="s">
        <v>31</v>
      </c>
      <c r="E129494" s="15">
        <v>45660</v>
      </c>
      <c r="F129494" s="14" t="s">
        <v>15</v>
      </c>
      <c r="G129494" s="16">
        <v>2.1171173416971603</v>
      </c>
    </row>
    <row r="129495" spans="1:7" x14ac:dyDescent="0.3">
      <c r="A129495" s="13" t="s">
        <v>591</v>
      </c>
      <c r="B129495" s="14" t="s">
        <v>1</v>
      </c>
      <c r="C129495" s="14" t="s">
        <v>200</v>
      </c>
      <c r="D129495" s="14" t="s">
        <v>31</v>
      </c>
      <c r="E129495" s="15">
        <v>45661</v>
      </c>
      <c r="F129495" s="14" t="s">
        <v>15</v>
      </c>
      <c r="G129495" s="16">
        <v>2.1171173416971603</v>
      </c>
    </row>
    <row r="129496" spans="1:7" x14ac:dyDescent="0.3">
      <c r="A129496" s="13" t="s">
        <v>591</v>
      </c>
      <c r="B129496" s="14" t="s">
        <v>1</v>
      </c>
      <c r="C129496" s="14" t="s">
        <v>200</v>
      </c>
      <c r="D129496" s="14" t="s">
        <v>31</v>
      </c>
      <c r="E129496" s="15">
        <v>45662</v>
      </c>
      <c r="F129496" s="14" t="s">
        <v>15</v>
      </c>
      <c r="G129496" s="16">
        <v>2.1171173416971603</v>
      </c>
    </row>
    <row r="129497" spans="1:7" x14ac:dyDescent="0.3">
      <c r="A129497" s="13" t="s">
        <v>591</v>
      </c>
      <c r="B129497" s="14" t="s">
        <v>1</v>
      </c>
      <c r="C129497" s="14" t="s">
        <v>200</v>
      </c>
      <c r="D129497" s="14" t="s">
        <v>31</v>
      </c>
      <c r="E129497" s="15">
        <v>45663</v>
      </c>
      <c r="F129497" s="14" t="s">
        <v>15</v>
      </c>
      <c r="G129497" s="16">
        <v>2.1246517740158648</v>
      </c>
    </row>
    <row r="129498" spans="1:7" x14ac:dyDescent="0.3">
      <c r="A129498" s="13" t="s">
        <v>591</v>
      </c>
      <c r="B129498" s="14" t="s">
        <v>1</v>
      </c>
      <c r="C129498" s="14" t="s">
        <v>200</v>
      </c>
      <c r="D129498" s="14" t="s">
        <v>31</v>
      </c>
      <c r="E129498" s="15">
        <v>45664</v>
      </c>
      <c r="F129498" s="14" t="s">
        <v>15</v>
      </c>
      <c r="G129498" s="16">
        <v>2.1488231480014561</v>
      </c>
    </row>
    <row r="129499" spans="1:7" x14ac:dyDescent="0.3">
      <c r="A129499" s="13" t="s">
        <v>591</v>
      </c>
      <c r="B129499" s="14" t="s">
        <v>1</v>
      </c>
      <c r="C129499" s="14" t="s">
        <v>200</v>
      </c>
      <c r="D129499" s="14" t="s">
        <v>31</v>
      </c>
      <c r="E129499" s="15">
        <v>45665</v>
      </c>
      <c r="F129499" s="14" t="s">
        <v>15</v>
      </c>
      <c r="G129499" s="16">
        <v>2.1558402070251712</v>
      </c>
    </row>
    <row r="129500" spans="1:7" x14ac:dyDescent="0.3">
      <c r="A129500" s="13" t="s">
        <v>591</v>
      </c>
      <c r="B129500" s="14" t="s">
        <v>1</v>
      </c>
      <c r="C129500" s="14" t="s">
        <v>200</v>
      </c>
      <c r="D129500" s="14" t="s">
        <v>31</v>
      </c>
      <c r="E129500" s="15">
        <v>45666</v>
      </c>
      <c r="F129500" s="14" t="s">
        <v>15</v>
      </c>
      <c r="G129500" s="16">
        <v>2.1558402070251712</v>
      </c>
    </row>
    <row r="129501" spans="1:7" x14ac:dyDescent="0.3">
      <c r="A129501" s="13" t="s">
        <v>591</v>
      </c>
      <c r="B129501" s="14" t="s">
        <v>1</v>
      </c>
      <c r="C129501" s="14" t="s">
        <v>200</v>
      </c>
      <c r="D129501" s="14" t="s">
        <v>31</v>
      </c>
      <c r="E129501" s="15">
        <v>45667</v>
      </c>
      <c r="F129501" s="14" t="s">
        <v>15</v>
      </c>
      <c r="G129501" s="16">
        <v>2.1698530183640061</v>
      </c>
    </row>
    <row r="129502" spans="1:7" x14ac:dyDescent="0.3">
      <c r="A129502" s="13" t="s">
        <v>591</v>
      </c>
      <c r="B129502" s="14" t="s">
        <v>1</v>
      </c>
      <c r="C129502" s="14" t="s">
        <v>200</v>
      </c>
      <c r="D129502" s="14" t="s">
        <v>31</v>
      </c>
      <c r="E129502" s="15">
        <v>45668</v>
      </c>
      <c r="F129502" s="14" t="s">
        <v>15</v>
      </c>
      <c r="G129502" s="16">
        <v>2.1698530183640061</v>
      </c>
    </row>
    <row r="129503" spans="1:7" x14ac:dyDescent="0.3">
      <c r="A129503" s="13" t="s">
        <v>591</v>
      </c>
      <c r="B129503" s="14" t="s">
        <v>1</v>
      </c>
      <c r="C129503" s="14" t="s">
        <v>200</v>
      </c>
      <c r="D129503" s="14" t="s">
        <v>31</v>
      </c>
      <c r="E129503" s="15">
        <v>45669</v>
      </c>
      <c r="F129503" s="14" t="s">
        <v>15</v>
      </c>
      <c r="G129503" s="16">
        <v>2.1698530183640061</v>
      </c>
    </row>
    <row r="129504" spans="1:7" x14ac:dyDescent="0.3">
      <c r="A129504" s="13" t="s">
        <v>591</v>
      </c>
      <c r="B129504" s="14" t="s">
        <v>1</v>
      </c>
      <c r="C129504" s="14" t="s">
        <v>200</v>
      </c>
      <c r="D129504" s="14" t="s">
        <v>31</v>
      </c>
      <c r="E129504" s="15">
        <v>45670</v>
      </c>
      <c r="F129504" s="14" t="s">
        <v>15</v>
      </c>
      <c r="G129504" s="16">
        <v>2.1829682754195394</v>
      </c>
    </row>
    <row r="129505" spans="1:7" x14ac:dyDescent="0.3">
      <c r="A129505" s="13" t="s">
        <v>591</v>
      </c>
      <c r="B129505" s="14" t="s">
        <v>1</v>
      </c>
      <c r="C129505" s="14" t="s">
        <v>200</v>
      </c>
      <c r="D129505" s="14" t="s">
        <v>31</v>
      </c>
      <c r="E129505" s="15">
        <v>45671</v>
      </c>
      <c r="F129505" s="14" t="s">
        <v>15</v>
      </c>
      <c r="G129505" s="16">
        <v>2.202831810975455</v>
      </c>
    </row>
    <row r="129506" spans="1:7" x14ac:dyDescent="0.3">
      <c r="A129506" s="13" t="s">
        <v>591</v>
      </c>
      <c r="B129506" s="14" t="s">
        <v>1</v>
      </c>
      <c r="C129506" s="14" t="s">
        <v>200</v>
      </c>
      <c r="D129506" s="14" t="s">
        <v>31</v>
      </c>
      <c r="E129506" s="15">
        <v>45672</v>
      </c>
      <c r="F129506" s="14" t="s">
        <v>15</v>
      </c>
      <c r="G129506" s="16">
        <v>2.2101005651156513</v>
      </c>
    </row>
    <row r="129507" spans="1:7" x14ac:dyDescent="0.3">
      <c r="A129507" s="13" t="s">
        <v>591</v>
      </c>
      <c r="B129507" s="14" t="s">
        <v>1</v>
      </c>
      <c r="C129507" s="14" t="s">
        <v>200</v>
      </c>
      <c r="D129507" s="14" t="s">
        <v>31</v>
      </c>
      <c r="E129507" s="15">
        <v>45673</v>
      </c>
      <c r="F129507" s="14" t="s">
        <v>15</v>
      </c>
      <c r="G129507" s="16">
        <v>2.2157578373151043</v>
      </c>
    </row>
    <row r="129508" spans="1:7" x14ac:dyDescent="0.3">
      <c r="A129508" s="13" t="s">
        <v>591</v>
      </c>
      <c r="B129508" s="14" t="s">
        <v>1</v>
      </c>
      <c r="C129508" s="14" t="s">
        <v>200</v>
      </c>
      <c r="D129508" s="14" t="s">
        <v>31</v>
      </c>
      <c r="E129508" s="15">
        <v>45674</v>
      </c>
      <c r="F129508" s="14" t="s">
        <v>15</v>
      </c>
      <c r="G129508" s="16">
        <v>2.2221868666869411</v>
      </c>
    </row>
    <row r="129509" spans="1:7" x14ac:dyDescent="0.3">
      <c r="A129509" s="13" t="s">
        <v>591</v>
      </c>
      <c r="B129509" s="14" t="s">
        <v>1</v>
      </c>
      <c r="C129509" s="14" t="s">
        <v>200</v>
      </c>
      <c r="D129509" s="14" t="s">
        <v>31</v>
      </c>
      <c r="E129509" s="15">
        <v>45675</v>
      </c>
      <c r="F129509" s="14" t="s">
        <v>15</v>
      </c>
      <c r="G129509" s="16">
        <v>2.2221868666869411</v>
      </c>
    </row>
    <row r="129510" spans="1:7" x14ac:dyDescent="0.3">
      <c r="A129510" s="13" t="s">
        <v>591</v>
      </c>
      <c r="B129510" s="14" t="s">
        <v>1</v>
      </c>
      <c r="C129510" s="14" t="s">
        <v>200</v>
      </c>
      <c r="D129510" s="14" t="s">
        <v>31</v>
      </c>
      <c r="E129510" s="15">
        <v>45676</v>
      </c>
      <c r="F129510" s="14" t="s">
        <v>15</v>
      </c>
      <c r="G129510" s="16">
        <v>2.2221868666869411</v>
      </c>
    </row>
    <row r="129511" spans="1:7" x14ac:dyDescent="0.3">
      <c r="A129511" s="13" t="s">
        <v>591</v>
      </c>
      <c r="B129511" s="14" t="s">
        <v>1</v>
      </c>
      <c r="C129511" s="14" t="s">
        <v>200</v>
      </c>
      <c r="D129511" s="14" t="s">
        <v>31</v>
      </c>
      <c r="E129511" s="15">
        <v>45677</v>
      </c>
      <c r="F129511" s="14" t="s">
        <v>15</v>
      </c>
      <c r="G129511" s="16">
        <v>2.2221868666869411</v>
      </c>
    </row>
    <row r="129512" spans="1:7" x14ac:dyDescent="0.3">
      <c r="A129512" s="13" t="s">
        <v>591</v>
      </c>
      <c r="B129512" s="14" t="s">
        <v>1</v>
      </c>
      <c r="C129512" s="14" t="s">
        <v>200</v>
      </c>
      <c r="D129512" s="14" t="s">
        <v>31</v>
      </c>
      <c r="E129512" s="15">
        <v>45678</v>
      </c>
      <c r="F129512" s="14" t="s">
        <v>15</v>
      </c>
      <c r="G129512" s="16">
        <v>2.2301834391954589</v>
      </c>
    </row>
    <row r="129513" spans="1:7" x14ac:dyDescent="0.3">
      <c r="A129513" s="13" t="s">
        <v>591</v>
      </c>
      <c r="B129513" s="14" t="s">
        <v>1</v>
      </c>
      <c r="C129513" s="14" t="s">
        <v>200</v>
      </c>
      <c r="D129513" s="14" t="s">
        <v>31</v>
      </c>
      <c r="E129513" s="15">
        <v>45679</v>
      </c>
      <c r="F129513" s="14" t="s">
        <v>15</v>
      </c>
      <c r="G129513" s="16">
        <v>2.2558847946247758</v>
      </c>
    </row>
    <row r="129514" spans="1:7" x14ac:dyDescent="0.3">
      <c r="A129514" s="13" t="s">
        <v>591</v>
      </c>
      <c r="B129514" s="14" t="s">
        <v>1</v>
      </c>
      <c r="C129514" s="14" t="s">
        <v>200</v>
      </c>
      <c r="D129514" s="14" t="s">
        <v>31</v>
      </c>
      <c r="E129514" s="15">
        <v>45680</v>
      </c>
      <c r="F129514" s="14" t="s">
        <v>15</v>
      </c>
      <c r="G129514" s="16">
        <v>2.262731764602254</v>
      </c>
    </row>
    <row r="129515" spans="1:7" x14ac:dyDescent="0.3">
      <c r="A129515" s="13" t="s">
        <v>591</v>
      </c>
      <c r="B129515" s="14" t="s">
        <v>1</v>
      </c>
      <c r="C129515" s="14" t="s">
        <v>200</v>
      </c>
      <c r="D129515" s="14" t="s">
        <v>31</v>
      </c>
      <c r="E129515" s="15">
        <v>45681</v>
      </c>
      <c r="F129515" s="14" t="s">
        <v>15</v>
      </c>
      <c r="G129515" s="16">
        <v>2.2689265664463742</v>
      </c>
    </row>
    <row r="129516" spans="1:7" x14ac:dyDescent="0.3">
      <c r="A129516" s="13" t="s">
        <v>591</v>
      </c>
      <c r="B129516" s="14" t="s">
        <v>1</v>
      </c>
      <c r="C129516" s="14" t="s">
        <v>200</v>
      </c>
      <c r="D129516" s="14" t="s">
        <v>31</v>
      </c>
      <c r="E129516" s="15">
        <v>45682</v>
      </c>
      <c r="F129516" s="14" t="s">
        <v>15</v>
      </c>
      <c r="G129516" s="16">
        <v>2.2689265664463742</v>
      </c>
    </row>
    <row r="129517" spans="1:7" x14ac:dyDescent="0.3">
      <c r="A129517" s="13" t="s">
        <v>591</v>
      </c>
      <c r="B129517" s="14" t="s">
        <v>1</v>
      </c>
      <c r="C129517" s="14" t="s">
        <v>200</v>
      </c>
      <c r="D129517" s="14" t="s">
        <v>31</v>
      </c>
      <c r="E129517" s="15">
        <v>45683</v>
      </c>
      <c r="F129517" s="14" t="s">
        <v>15</v>
      </c>
      <c r="G129517" s="16">
        <v>2.2689265664463742</v>
      </c>
    </row>
    <row r="129518" spans="1:7" x14ac:dyDescent="0.3">
      <c r="A129518" s="13" t="s">
        <v>591</v>
      </c>
      <c r="B129518" s="14" t="s">
        <v>1</v>
      </c>
      <c r="C129518" s="14" t="s">
        <v>200</v>
      </c>
      <c r="D129518" s="14" t="s">
        <v>31</v>
      </c>
      <c r="E129518" s="15">
        <v>45684</v>
      </c>
      <c r="F129518" s="14" t="s">
        <v>15</v>
      </c>
      <c r="G129518" s="16">
        <v>2.2742049298250704</v>
      </c>
    </row>
    <row r="129519" spans="1:7" x14ac:dyDescent="0.3">
      <c r="A129519" s="13" t="s">
        <v>591</v>
      </c>
      <c r="B129519" s="14" t="s">
        <v>1</v>
      </c>
      <c r="C129519" s="14" t="s">
        <v>200</v>
      </c>
      <c r="D129519" s="14" t="s">
        <v>31</v>
      </c>
      <c r="E129519" s="15">
        <v>45685</v>
      </c>
      <c r="F129519" s="14" t="s">
        <v>15</v>
      </c>
      <c r="G129519" s="16">
        <v>2.2949920268862698</v>
      </c>
    </row>
    <row r="129520" spans="1:7" x14ac:dyDescent="0.3">
      <c r="A129520" s="13" t="s">
        <v>591</v>
      </c>
      <c r="B129520" s="14" t="s">
        <v>1</v>
      </c>
      <c r="C129520" s="14" t="s">
        <v>200</v>
      </c>
      <c r="D129520" s="14" t="s">
        <v>31</v>
      </c>
      <c r="E129520" s="15">
        <v>45686</v>
      </c>
      <c r="F129520" s="14" t="s">
        <v>15</v>
      </c>
      <c r="G129520" s="16">
        <v>2.3018536194676349</v>
      </c>
    </row>
    <row r="129521" spans="1:7" x14ac:dyDescent="0.3">
      <c r="A129521" s="13" t="s">
        <v>591</v>
      </c>
      <c r="B129521" s="14" t="s">
        <v>1</v>
      </c>
      <c r="C129521" s="14" t="s">
        <v>200</v>
      </c>
      <c r="D129521" s="14" t="s">
        <v>31</v>
      </c>
      <c r="E129521" s="15">
        <v>45687</v>
      </c>
      <c r="F129521" s="14" t="s">
        <v>15</v>
      </c>
      <c r="G129521" s="16">
        <v>2.3072077545210177</v>
      </c>
    </row>
    <row r="129522" spans="1:7" x14ac:dyDescent="0.3">
      <c r="A129522" s="13" t="s">
        <v>591</v>
      </c>
      <c r="B129522" s="14" t="s">
        <v>1</v>
      </c>
      <c r="C129522" s="14" t="s">
        <v>200</v>
      </c>
      <c r="D129522" s="14" t="s">
        <v>31</v>
      </c>
      <c r="E129522" s="15">
        <v>45688</v>
      </c>
      <c r="F129522" s="14" t="s">
        <v>15</v>
      </c>
      <c r="G129522" s="16">
        <v>2.3139941071587464</v>
      </c>
    </row>
    <row r="129523" spans="1:7" x14ac:dyDescent="0.3">
      <c r="A129523" s="13" t="s">
        <v>591</v>
      </c>
      <c r="B129523" s="14" t="s">
        <v>1</v>
      </c>
      <c r="C129523" s="14" t="s">
        <v>200</v>
      </c>
      <c r="D129523" s="14" t="s">
        <v>31</v>
      </c>
      <c r="E129523" s="15">
        <v>45689</v>
      </c>
      <c r="F129523" s="14" t="s">
        <v>15</v>
      </c>
      <c r="G129523" s="16">
        <v>2.3139941071587464</v>
      </c>
    </row>
    <row r="129524" spans="1:7" x14ac:dyDescent="0.3">
      <c r="A129524" s="13" t="s">
        <v>591</v>
      </c>
      <c r="B129524" s="14" t="s">
        <v>1</v>
      </c>
      <c r="C129524" s="14" t="s">
        <v>200</v>
      </c>
      <c r="D129524" s="14" t="s">
        <v>31</v>
      </c>
      <c r="E129524" s="15">
        <v>45690</v>
      </c>
      <c r="F129524" s="14" t="s">
        <v>15</v>
      </c>
      <c r="G129524" s="16">
        <v>2.3139941071587464</v>
      </c>
    </row>
    <row r="129525" spans="1:7" x14ac:dyDescent="0.3">
      <c r="A129525" s="13" t="s">
        <v>591</v>
      </c>
      <c r="B129525" s="14" t="s">
        <v>1</v>
      </c>
      <c r="C129525" s="14" t="s">
        <v>200</v>
      </c>
      <c r="D129525" s="14" t="s">
        <v>31</v>
      </c>
      <c r="E129525" s="15">
        <v>45691</v>
      </c>
      <c r="F129525" s="14" t="s">
        <v>15</v>
      </c>
      <c r="G129525" s="16">
        <v>2.3139941071587464</v>
      </c>
    </row>
    <row r="129526" spans="1:7" x14ac:dyDescent="0.3">
      <c r="A129526" s="13" t="s">
        <v>591</v>
      </c>
      <c r="B129526" s="14" t="s">
        <v>1</v>
      </c>
      <c r="C129526" s="14" t="s">
        <v>200</v>
      </c>
      <c r="D129526" s="14" t="s">
        <v>31</v>
      </c>
      <c r="E129526" s="15">
        <v>45692</v>
      </c>
      <c r="F129526" s="14" t="s">
        <v>15</v>
      </c>
      <c r="G129526" s="16">
        <v>2.3209883666371951</v>
      </c>
    </row>
    <row r="129527" spans="1:7" x14ac:dyDescent="0.3">
      <c r="A129527" s="13" t="s">
        <v>591</v>
      </c>
      <c r="B129527" s="14" t="s">
        <v>1</v>
      </c>
      <c r="C129527" s="14" t="s">
        <v>200</v>
      </c>
      <c r="D129527" s="14" t="s">
        <v>31</v>
      </c>
      <c r="E129527" s="15">
        <v>45693</v>
      </c>
      <c r="F129527" s="14" t="s">
        <v>15</v>
      </c>
      <c r="G129527" s="16">
        <v>2.3498870208727753</v>
      </c>
    </row>
    <row r="129528" spans="1:7" x14ac:dyDescent="0.3">
      <c r="A129528" s="13" t="s">
        <v>591</v>
      </c>
      <c r="B129528" s="14" t="s">
        <v>1</v>
      </c>
      <c r="C129528" s="14" t="s">
        <v>200</v>
      </c>
      <c r="D129528" s="14" t="s">
        <v>31</v>
      </c>
      <c r="E129528" s="15">
        <v>45694</v>
      </c>
      <c r="F129528" s="14" t="s">
        <v>15</v>
      </c>
      <c r="G129528" s="16">
        <v>2.3574834657658417</v>
      </c>
    </row>
    <row r="129529" spans="1:7" x14ac:dyDescent="0.3">
      <c r="A129529" s="13" t="s">
        <v>591</v>
      </c>
      <c r="B129529" s="14" t="s">
        <v>1</v>
      </c>
      <c r="C129529" s="14" t="s">
        <v>200</v>
      </c>
      <c r="D129529" s="14" t="s">
        <v>31</v>
      </c>
      <c r="E129529" s="15">
        <v>45695</v>
      </c>
      <c r="F129529" s="14" t="s">
        <v>15</v>
      </c>
      <c r="G129529" s="16">
        <v>2.3647576816423439</v>
      </c>
    </row>
    <row r="129530" spans="1:7" x14ac:dyDescent="0.3">
      <c r="A129530" s="13" t="s">
        <v>591</v>
      </c>
      <c r="B129530" s="14" t="s">
        <v>1</v>
      </c>
      <c r="C129530" s="14" t="s">
        <v>200</v>
      </c>
      <c r="D129530" s="14" t="s">
        <v>31</v>
      </c>
      <c r="E129530" s="15">
        <v>45696</v>
      </c>
      <c r="F129530" s="14" t="s">
        <v>15</v>
      </c>
      <c r="G129530" s="16">
        <v>2.3647576816423439</v>
      </c>
    </row>
    <row r="129531" spans="1:7" x14ac:dyDescent="0.3">
      <c r="A129531" s="13" t="s">
        <v>591</v>
      </c>
      <c r="B129531" s="14" t="s">
        <v>1</v>
      </c>
      <c r="C129531" s="14" t="s">
        <v>200</v>
      </c>
      <c r="D129531" s="14" t="s">
        <v>31</v>
      </c>
      <c r="E129531" s="15">
        <v>45697</v>
      </c>
      <c r="F129531" s="14" t="s">
        <v>15</v>
      </c>
      <c r="G129531" s="16">
        <v>2.3647576816423439</v>
      </c>
    </row>
    <row r="129532" spans="1:7" x14ac:dyDescent="0.3">
      <c r="A129532" s="13" t="s">
        <v>591</v>
      </c>
      <c r="B129532" s="14" t="s">
        <v>1</v>
      </c>
      <c r="C129532" s="14" t="s">
        <v>200</v>
      </c>
      <c r="D129532" s="14" t="s">
        <v>31</v>
      </c>
      <c r="E129532" s="15">
        <v>45698</v>
      </c>
      <c r="F129532" s="14" t="s">
        <v>15</v>
      </c>
      <c r="G129532" s="16">
        <v>2.3722188009830742</v>
      </c>
    </row>
    <row r="129533" spans="1:7" x14ac:dyDescent="0.3">
      <c r="A129533" s="13" t="s">
        <v>591</v>
      </c>
      <c r="B129533" s="14" t="s">
        <v>1</v>
      </c>
      <c r="C129533" s="14" t="s">
        <v>200</v>
      </c>
      <c r="D129533" s="14" t="s">
        <v>31</v>
      </c>
      <c r="E129533" s="15">
        <v>45699</v>
      </c>
      <c r="F129533" s="14" t="s">
        <v>15</v>
      </c>
      <c r="G129533" s="16">
        <v>2.3949328913710488</v>
      </c>
    </row>
    <row r="129534" spans="1:7" x14ac:dyDescent="0.3">
      <c r="A129534" s="13" t="s">
        <v>591</v>
      </c>
      <c r="B129534" s="14" t="s">
        <v>1</v>
      </c>
      <c r="C129534" s="14" t="s">
        <v>200</v>
      </c>
      <c r="D129534" s="14" t="s">
        <v>31</v>
      </c>
      <c r="E129534" s="15">
        <v>45700</v>
      </c>
      <c r="F129534" s="14" t="s">
        <v>15</v>
      </c>
      <c r="G129534" s="16">
        <v>2.4025918146625407</v>
      </c>
    </row>
    <row r="129535" spans="1:7" x14ac:dyDescent="0.3">
      <c r="A129535" s="13" t="s">
        <v>591</v>
      </c>
      <c r="B129535" s="14" t="s">
        <v>1</v>
      </c>
      <c r="C129535" s="14" t="s">
        <v>200</v>
      </c>
      <c r="D129535" s="14" t="s">
        <v>31</v>
      </c>
      <c r="E129535" s="15">
        <v>45701</v>
      </c>
      <c r="F129535" s="14" t="s">
        <v>15</v>
      </c>
      <c r="G129535" s="16">
        <v>2.4126161435318916</v>
      </c>
    </row>
    <row r="129536" spans="1:7" x14ac:dyDescent="0.3">
      <c r="A129536" s="13" t="s">
        <v>591</v>
      </c>
      <c r="B129536" s="14" t="s">
        <v>1</v>
      </c>
      <c r="C129536" s="14" t="s">
        <v>200</v>
      </c>
      <c r="D129536" s="14" t="s">
        <v>31</v>
      </c>
      <c r="E129536" s="15">
        <v>45702</v>
      </c>
      <c r="F129536" s="14" t="s">
        <v>15</v>
      </c>
      <c r="G129536" s="16">
        <v>2.4201647326304183</v>
      </c>
    </row>
    <row r="129537" spans="1:7" x14ac:dyDescent="0.3">
      <c r="A129537" s="13" t="s">
        <v>591</v>
      </c>
      <c r="B129537" s="14" t="s">
        <v>1</v>
      </c>
      <c r="C129537" s="14" t="s">
        <v>200</v>
      </c>
      <c r="D129537" s="14" t="s">
        <v>31</v>
      </c>
      <c r="E129537" s="15">
        <v>45703</v>
      </c>
      <c r="F129537" s="14" t="s">
        <v>15</v>
      </c>
      <c r="G129537" s="16">
        <v>2.4201647326304183</v>
      </c>
    </row>
    <row r="129538" spans="1:7" x14ac:dyDescent="0.3">
      <c r="A129538" s="13" t="s">
        <v>591</v>
      </c>
      <c r="B129538" s="14" t="s">
        <v>1</v>
      </c>
      <c r="C129538" s="14" t="s">
        <v>200</v>
      </c>
      <c r="D129538" s="14" t="s">
        <v>31</v>
      </c>
      <c r="E129538" s="15">
        <v>45704</v>
      </c>
      <c r="F129538" s="14" t="s">
        <v>15</v>
      </c>
      <c r="G129538" s="16">
        <v>2.4201647326304183</v>
      </c>
    </row>
    <row r="129539" spans="1:7" x14ac:dyDescent="0.3">
      <c r="A129539" s="13" t="s">
        <v>591</v>
      </c>
      <c r="B129539" s="14" t="s">
        <v>1</v>
      </c>
      <c r="C129539" s="14" t="s">
        <v>200</v>
      </c>
      <c r="D129539" s="14" t="s">
        <v>31</v>
      </c>
      <c r="E129539" s="15">
        <v>45705</v>
      </c>
      <c r="F129539" s="14" t="s">
        <v>15</v>
      </c>
      <c r="G129539" s="16">
        <v>2.4201647326304183</v>
      </c>
    </row>
    <row r="129540" spans="1:7" x14ac:dyDescent="0.3">
      <c r="A129540" s="13" t="s">
        <v>591</v>
      </c>
      <c r="B129540" s="14" t="s">
        <v>1</v>
      </c>
      <c r="C129540" s="14" t="s">
        <v>200</v>
      </c>
      <c r="D129540" s="14" t="s">
        <v>31</v>
      </c>
      <c r="E129540" s="15">
        <v>45706</v>
      </c>
      <c r="F129540" s="14" t="s">
        <v>15</v>
      </c>
      <c r="G129540" s="16">
        <v>2.4280929776989559</v>
      </c>
    </row>
    <row r="129541" spans="1:7" x14ac:dyDescent="0.3">
      <c r="A129541" s="13" t="s">
        <v>591</v>
      </c>
      <c r="B129541" s="14" t="s">
        <v>1</v>
      </c>
      <c r="C129541" s="14" t="s">
        <v>200</v>
      </c>
      <c r="D129541" s="14" t="s">
        <v>31</v>
      </c>
      <c r="E129541" s="15">
        <v>45707</v>
      </c>
      <c r="F129541" s="14" t="s">
        <v>15</v>
      </c>
      <c r="G129541" s="16">
        <v>2.456814033763691</v>
      </c>
    </row>
    <row r="129542" spans="1:7" x14ac:dyDescent="0.3">
      <c r="A129542" s="13" t="s">
        <v>591</v>
      </c>
      <c r="B129542" s="14" t="s">
        <v>1</v>
      </c>
      <c r="C129542" s="14" t="s">
        <v>200</v>
      </c>
      <c r="D129542" s="14" t="s">
        <v>31</v>
      </c>
      <c r="E129542" s="15">
        <v>45708</v>
      </c>
      <c r="F129542" s="14" t="s">
        <v>15</v>
      </c>
      <c r="G129542" s="16">
        <v>2.4648201774311169</v>
      </c>
    </row>
    <row r="129543" spans="1:7" x14ac:dyDescent="0.3">
      <c r="A129543" s="13" t="s">
        <v>591</v>
      </c>
      <c r="B129543" s="14" t="s">
        <v>1</v>
      </c>
      <c r="C129543" s="14" t="s">
        <v>200</v>
      </c>
      <c r="D129543" s="14" t="s">
        <v>31</v>
      </c>
      <c r="E129543" s="15">
        <v>45709</v>
      </c>
      <c r="F129543" s="14" t="s">
        <v>15</v>
      </c>
      <c r="G129543" s="16">
        <v>2.47269418593251</v>
      </c>
    </row>
    <row r="129544" spans="1:7" x14ac:dyDescent="0.3">
      <c r="A129544" s="13" t="s">
        <v>591</v>
      </c>
      <c r="B129544" s="14" t="s">
        <v>1</v>
      </c>
      <c r="C129544" s="14" t="s">
        <v>200</v>
      </c>
      <c r="D129544" s="14" t="s">
        <v>31</v>
      </c>
      <c r="E129544" s="15">
        <v>45710</v>
      </c>
      <c r="F129544" s="14" t="s">
        <v>15</v>
      </c>
      <c r="G129544" s="16">
        <v>2.47269418593251</v>
      </c>
    </row>
    <row r="129545" spans="1:7" x14ac:dyDescent="0.3">
      <c r="A129545" s="13" t="s">
        <v>591</v>
      </c>
      <c r="B129545" s="14" t="s">
        <v>1</v>
      </c>
      <c r="C129545" s="14" t="s">
        <v>200</v>
      </c>
      <c r="D129545" s="14" t="s">
        <v>31</v>
      </c>
      <c r="E129545" s="15">
        <v>45711</v>
      </c>
      <c r="F129545" s="14" t="s">
        <v>15</v>
      </c>
      <c r="G129545" s="16">
        <v>2.47269418593251</v>
      </c>
    </row>
    <row r="129546" spans="1:7" x14ac:dyDescent="0.3">
      <c r="A129546" s="13" t="s">
        <v>591</v>
      </c>
      <c r="B129546" s="14" t="s">
        <v>1</v>
      </c>
      <c r="C129546" s="14" t="s">
        <v>200</v>
      </c>
      <c r="D129546" s="14" t="s">
        <v>31</v>
      </c>
      <c r="E129546" s="15">
        <v>45712</v>
      </c>
      <c r="F129546" s="14" t="s">
        <v>15</v>
      </c>
      <c r="G129546" s="16">
        <v>2.4812078668875759</v>
      </c>
    </row>
    <row r="129547" spans="1:7" x14ac:dyDescent="0.3">
      <c r="A129547" s="13" t="s">
        <v>591</v>
      </c>
      <c r="B129547" s="14" t="s">
        <v>1</v>
      </c>
      <c r="C129547" s="14" t="s">
        <v>200</v>
      </c>
      <c r="D129547" s="14" t="s">
        <v>31</v>
      </c>
      <c r="E129547" s="15">
        <v>45713</v>
      </c>
      <c r="F129547" s="14" t="s">
        <v>15</v>
      </c>
      <c r="G129547" s="16">
        <v>2.503686134554683</v>
      </c>
    </row>
    <row r="129548" spans="1:7" x14ac:dyDescent="0.3">
      <c r="A129548" s="13" t="s">
        <v>591</v>
      </c>
      <c r="B129548" s="14" t="s">
        <v>1</v>
      </c>
      <c r="C129548" s="14" t="s">
        <v>200</v>
      </c>
      <c r="D129548" s="14" t="s">
        <v>31</v>
      </c>
      <c r="E129548" s="15">
        <v>45714</v>
      </c>
      <c r="F129548" s="14" t="s">
        <v>15</v>
      </c>
      <c r="G129548" s="16">
        <v>2.5114681535843508</v>
      </c>
    </row>
    <row r="129549" spans="1:7" x14ac:dyDescent="0.3">
      <c r="A129549" s="13" t="s">
        <v>591</v>
      </c>
      <c r="B129549" s="14" t="s">
        <v>1</v>
      </c>
      <c r="C129549" s="14" t="s">
        <v>200</v>
      </c>
      <c r="D129549" s="14" t="s">
        <v>31</v>
      </c>
      <c r="E129549" s="15">
        <v>45715</v>
      </c>
      <c r="F129549" s="14" t="s">
        <v>15</v>
      </c>
      <c r="G129549" s="16">
        <v>2.5195301290120722</v>
      </c>
    </row>
    <row r="129550" spans="1:7" x14ac:dyDescent="0.3">
      <c r="A129550" s="13" t="s">
        <v>591</v>
      </c>
      <c r="B129550" s="14" t="s">
        <v>1</v>
      </c>
      <c r="C129550" s="14" t="s">
        <v>200</v>
      </c>
      <c r="D129550" s="14" t="s">
        <v>31</v>
      </c>
      <c r="E129550" s="15">
        <v>45716</v>
      </c>
      <c r="F129550" s="14" t="s">
        <v>15</v>
      </c>
      <c r="G129550" s="16">
        <v>2.5273552182568251</v>
      </c>
    </row>
    <row r="129551" spans="1:7" x14ac:dyDescent="0.3">
      <c r="A129551" s="13" t="s">
        <v>591</v>
      </c>
      <c r="B129551" s="14" t="s">
        <v>1</v>
      </c>
      <c r="C129551" s="14" t="s">
        <v>200</v>
      </c>
      <c r="D129551" s="14" t="s">
        <v>31</v>
      </c>
      <c r="E129551" s="15">
        <v>45717</v>
      </c>
      <c r="F129551" s="14" t="s">
        <v>15</v>
      </c>
      <c r="G129551" s="16">
        <v>2.5273552182568251</v>
      </c>
    </row>
    <row r="129552" spans="1:7" x14ac:dyDescent="0.3">
      <c r="A129552" s="13" t="s">
        <v>591</v>
      </c>
      <c r="B129552" s="14" t="s">
        <v>1</v>
      </c>
      <c r="C129552" s="14" t="s">
        <v>200</v>
      </c>
      <c r="D129552" s="14" t="s">
        <v>31</v>
      </c>
      <c r="E129552" s="15">
        <v>45718</v>
      </c>
      <c r="F129552" s="14" t="s">
        <v>15</v>
      </c>
      <c r="G129552" s="16">
        <v>2.5273552182568251</v>
      </c>
    </row>
    <row r="129553" spans="1:7" x14ac:dyDescent="0.3">
      <c r="A129553" s="13" t="s">
        <v>591</v>
      </c>
      <c r="B129553" s="14" t="s">
        <v>1</v>
      </c>
      <c r="C129553" s="14" t="s">
        <v>200</v>
      </c>
      <c r="D129553" s="14" t="s">
        <v>31</v>
      </c>
      <c r="E129553" s="15">
        <v>45719</v>
      </c>
      <c r="F129553" s="14" t="s">
        <v>15</v>
      </c>
      <c r="G129553" s="16">
        <v>2.5384430092270449</v>
      </c>
    </row>
    <row r="129554" spans="1:7" x14ac:dyDescent="0.3">
      <c r="A129554" s="13" t="s">
        <v>591</v>
      </c>
      <c r="B129554" s="14" t="s">
        <v>1</v>
      </c>
      <c r="C129554" s="14" t="s">
        <v>200</v>
      </c>
      <c r="D129554" s="14" t="s">
        <v>31</v>
      </c>
      <c r="E129554" s="15">
        <v>45720</v>
      </c>
      <c r="F129554" s="14" t="s">
        <v>15</v>
      </c>
      <c r="G129554" s="16">
        <v>2.5611347669109015</v>
      </c>
    </row>
    <row r="129555" spans="1:7" x14ac:dyDescent="0.3">
      <c r="A129555" s="13" t="s">
        <v>591</v>
      </c>
      <c r="B129555" s="14" t="s">
        <v>1</v>
      </c>
      <c r="C129555" s="14" t="s">
        <v>200</v>
      </c>
      <c r="D129555" s="14" t="s">
        <v>31</v>
      </c>
      <c r="E129555" s="15">
        <v>45721</v>
      </c>
      <c r="F129555" s="14" t="s">
        <v>15</v>
      </c>
      <c r="G129555" s="16">
        <v>2.5686612891708354</v>
      </c>
    </row>
    <row r="129556" spans="1:7" x14ac:dyDescent="0.3">
      <c r="A129556" s="13" t="s">
        <v>591</v>
      </c>
      <c r="B129556" s="14" t="s">
        <v>1</v>
      </c>
      <c r="C129556" s="14" t="s">
        <v>200</v>
      </c>
      <c r="D129556" s="14" t="s">
        <v>31</v>
      </c>
      <c r="E129556" s="15">
        <v>45722</v>
      </c>
      <c r="F129556" s="14" t="s">
        <v>15</v>
      </c>
      <c r="G129556" s="16">
        <v>2.5763005384134616</v>
      </c>
    </row>
    <row r="129557" spans="1:7" x14ac:dyDescent="0.3">
      <c r="A129557" s="13" t="s">
        <v>591</v>
      </c>
      <c r="B129557" s="14" t="s">
        <v>1</v>
      </c>
      <c r="C129557" s="14" t="s">
        <v>200</v>
      </c>
      <c r="D129557" s="14" t="s">
        <v>31</v>
      </c>
      <c r="E129557" s="15">
        <v>45723</v>
      </c>
      <c r="F129557" s="14" t="s">
        <v>15</v>
      </c>
      <c r="G129557" s="16">
        <v>2.5838135015316093</v>
      </c>
    </row>
    <row r="129558" spans="1:7" x14ac:dyDescent="0.3">
      <c r="A129558" s="13" t="s">
        <v>591</v>
      </c>
      <c r="B129558" s="14" t="s">
        <v>1</v>
      </c>
      <c r="C129558" s="14" t="s">
        <v>200</v>
      </c>
      <c r="D129558" s="14" t="s">
        <v>31</v>
      </c>
      <c r="E129558" s="15">
        <v>45724</v>
      </c>
      <c r="F129558" s="14" t="s">
        <v>15</v>
      </c>
      <c r="G129558" s="16">
        <v>2.5838135015316093</v>
      </c>
    </row>
    <row r="129559" spans="1:7" x14ac:dyDescent="0.3">
      <c r="A129559" s="13" t="s">
        <v>591</v>
      </c>
      <c r="B129559" s="14" t="s">
        <v>1</v>
      </c>
      <c r="C129559" s="14" t="s">
        <v>200</v>
      </c>
      <c r="D129559" s="14" t="s">
        <v>31</v>
      </c>
      <c r="E129559" s="15">
        <v>45725</v>
      </c>
      <c r="F129559" s="14" t="s">
        <v>15</v>
      </c>
      <c r="G129559" s="16">
        <v>2.5838135015316093</v>
      </c>
    </row>
    <row r="129560" spans="1:7" x14ac:dyDescent="0.3">
      <c r="A129560" s="13" t="s">
        <v>591</v>
      </c>
      <c r="B129560" s="14" t="s">
        <v>1</v>
      </c>
      <c r="C129560" s="14" t="s">
        <v>200</v>
      </c>
      <c r="D129560" s="14" t="s">
        <v>31</v>
      </c>
      <c r="E129560" s="15">
        <v>45726</v>
      </c>
      <c r="F129560" s="14" t="s">
        <v>15</v>
      </c>
      <c r="G129560" s="16">
        <v>2.5914048949796964</v>
      </c>
    </row>
    <row r="129561" spans="1:7" x14ac:dyDescent="0.3">
      <c r="A129561" s="13" t="s">
        <v>591</v>
      </c>
      <c r="B129561" s="14" t="s">
        <v>1</v>
      </c>
      <c r="C129561" s="14" t="s">
        <v>200</v>
      </c>
      <c r="D129561" s="14" t="s">
        <v>31</v>
      </c>
      <c r="E129561" s="15">
        <v>45727</v>
      </c>
      <c r="F129561" s="14" t="s">
        <v>15</v>
      </c>
      <c r="G129561" s="16">
        <v>2.6146879375916359</v>
      </c>
    </row>
    <row r="129562" spans="1:7" x14ac:dyDescent="0.3">
      <c r="A129562" s="13" t="s">
        <v>591</v>
      </c>
      <c r="B129562" s="14" t="s">
        <v>1</v>
      </c>
      <c r="C129562" s="14" t="s">
        <v>200</v>
      </c>
      <c r="D129562" s="14" t="s">
        <v>31</v>
      </c>
      <c r="E129562" s="15">
        <v>45728</v>
      </c>
      <c r="F129562" s="14" t="s">
        <v>15</v>
      </c>
      <c r="G129562" s="16">
        <v>2.6237442500836701</v>
      </c>
    </row>
    <row r="129563" spans="1:7" x14ac:dyDescent="0.3">
      <c r="A129563" s="13" t="s">
        <v>591</v>
      </c>
      <c r="B129563" s="14" t="s">
        <v>1</v>
      </c>
      <c r="C129563" s="14" t="s">
        <v>200</v>
      </c>
      <c r="D129563" s="14" t="s">
        <v>31</v>
      </c>
      <c r="E129563" s="15">
        <v>45729</v>
      </c>
      <c r="F129563" s="14" t="s">
        <v>15</v>
      </c>
      <c r="G129563" s="16">
        <v>2.6319341068290214</v>
      </c>
    </row>
    <row r="129564" spans="1:7" x14ac:dyDescent="0.3">
      <c r="A129564" s="13" t="s">
        <v>591</v>
      </c>
      <c r="B129564" s="14" t="s">
        <v>1</v>
      </c>
      <c r="C129564" s="14" t="s">
        <v>200</v>
      </c>
      <c r="D129564" s="14" t="s">
        <v>31</v>
      </c>
      <c r="E129564" s="15">
        <v>45730</v>
      </c>
      <c r="F129564" s="14" t="s">
        <v>15</v>
      </c>
      <c r="G129564" s="16">
        <v>2.6392854237078369</v>
      </c>
    </row>
    <row r="129565" spans="1:7" x14ac:dyDescent="0.3">
      <c r="A129565" s="13" t="s">
        <v>591</v>
      </c>
      <c r="B129565" s="14" t="s">
        <v>1</v>
      </c>
      <c r="C129565" s="14" t="s">
        <v>200</v>
      </c>
      <c r="D129565" s="14" t="s">
        <v>31</v>
      </c>
      <c r="E129565" s="15">
        <v>45731</v>
      </c>
      <c r="F129565" s="14" t="s">
        <v>15</v>
      </c>
      <c r="G129565" s="16">
        <v>2.6392854237078369</v>
      </c>
    </row>
    <row r="129566" spans="1:7" x14ac:dyDescent="0.3">
      <c r="A129566" s="13" t="s">
        <v>591</v>
      </c>
      <c r="B129566" s="14" t="s">
        <v>1</v>
      </c>
      <c r="C129566" s="14" t="s">
        <v>200</v>
      </c>
      <c r="D129566" s="14" t="s">
        <v>31</v>
      </c>
      <c r="E129566" s="15">
        <v>45732</v>
      </c>
      <c r="F129566" s="14" t="s">
        <v>15</v>
      </c>
      <c r="G129566" s="16">
        <v>2.6392854237078369</v>
      </c>
    </row>
    <row r="129567" spans="1:7" x14ac:dyDescent="0.3">
      <c r="A129567" s="13" t="s">
        <v>591</v>
      </c>
      <c r="B129567" s="14" t="s">
        <v>1</v>
      </c>
      <c r="C129567" s="14" t="s">
        <v>200</v>
      </c>
      <c r="D129567" s="14" t="s">
        <v>31</v>
      </c>
      <c r="E129567" s="15">
        <v>45733</v>
      </c>
      <c r="F129567" s="14" t="s">
        <v>15</v>
      </c>
      <c r="G129567" s="16">
        <v>2.6392854237078369</v>
      </c>
    </row>
    <row r="129568" spans="1:7" x14ac:dyDescent="0.3">
      <c r="A129568" s="13" t="s">
        <v>591</v>
      </c>
      <c r="B129568" s="14" t="s">
        <v>1</v>
      </c>
      <c r="C129568" s="14" t="s">
        <v>200</v>
      </c>
      <c r="D129568" s="14" t="s">
        <v>31</v>
      </c>
      <c r="E129568" s="15">
        <v>45734</v>
      </c>
      <c r="F129568" s="14" t="s">
        <v>15</v>
      </c>
      <c r="G129568" s="16">
        <v>2.6470953586176527</v>
      </c>
    </row>
    <row r="129569" spans="1:7" x14ac:dyDescent="0.3">
      <c r="A129569" s="13" t="s">
        <v>591</v>
      </c>
      <c r="B129569" s="14" t="s">
        <v>1</v>
      </c>
      <c r="C129569" s="14" t="s">
        <v>200</v>
      </c>
      <c r="D129569" s="14" t="s">
        <v>31</v>
      </c>
      <c r="E129569" s="15">
        <v>45735</v>
      </c>
      <c r="F129569" s="14" t="s">
        <v>15</v>
      </c>
      <c r="G129569" s="16">
        <v>2.6750802330430612</v>
      </c>
    </row>
    <row r="129570" spans="1:7" x14ac:dyDescent="0.3">
      <c r="A129570" s="13" t="s">
        <v>591</v>
      </c>
      <c r="B129570" s="14" t="s">
        <v>1</v>
      </c>
      <c r="C129570" s="14" t="s">
        <v>200</v>
      </c>
      <c r="D129570" s="14" t="s">
        <v>31</v>
      </c>
      <c r="E129570" s="15">
        <v>45736</v>
      </c>
      <c r="F129570" s="14" t="s">
        <v>15</v>
      </c>
      <c r="G129570" s="16">
        <v>2.6832318051527806</v>
      </c>
    </row>
    <row r="129571" spans="1:7" x14ac:dyDescent="0.3">
      <c r="A129571" s="13" t="s">
        <v>591</v>
      </c>
      <c r="B129571" s="14" t="s">
        <v>1</v>
      </c>
      <c r="C129571" s="14" t="s">
        <v>200</v>
      </c>
      <c r="D129571" s="14" t="s">
        <v>31</v>
      </c>
      <c r="E129571" s="15">
        <v>45737</v>
      </c>
      <c r="F129571" s="14" t="s">
        <v>15</v>
      </c>
      <c r="G129571" s="16">
        <v>2.6859097378293257</v>
      </c>
    </row>
    <row r="129572" spans="1:7" x14ac:dyDescent="0.3">
      <c r="A129572" s="13" t="s">
        <v>591</v>
      </c>
      <c r="B129572" s="14" t="s">
        <v>1</v>
      </c>
      <c r="C129572" s="14" t="s">
        <v>200</v>
      </c>
      <c r="D129572" s="14" t="s">
        <v>31</v>
      </c>
      <c r="E129572" s="15">
        <v>45738</v>
      </c>
      <c r="F129572" s="14" t="s">
        <v>15</v>
      </c>
      <c r="G129572" s="16">
        <v>2.6859097378293257</v>
      </c>
    </row>
    <row r="129573" spans="1:7" x14ac:dyDescent="0.3">
      <c r="A129573" s="13" t="s">
        <v>591</v>
      </c>
      <c r="B129573" s="14" t="s">
        <v>1</v>
      </c>
      <c r="C129573" s="14" t="s">
        <v>200</v>
      </c>
      <c r="D129573" s="14" t="s">
        <v>31</v>
      </c>
      <c r="E129573" s="15">
        <v>45739</v>
      </c>
      <c r="F129573" s="14" t="s">
        <v>15</v>
      </c>
      <c r="G129573" s="16">
        <v>2.6859097378293257</v>
      </c>
    </row>
    <row r="129574" spans="1:7" x14ac:dyDescent="0.3">
      <c r="A129574" s="13" t="s">
        <v>591</v>
      </c>
      <c r="B129574" s="14" t="s">
        <v>1</v>
      </c>
      <c r="C129574" s="14" t="s">
        <v>200</v>
      </c>
      <c r="D129574" s="14" t="s">
        <v>31</v>
      </c>
      <c r="E129574" s="15">
        <v>45740</v>
      </c>
      <c r="F129574" s="14" t="s">
        <v>15</v>
      </c>
      <c r="G129574" s="16">
        <v>2.6930515526742704</v>
      </c>
    </row>
    <row r="129575" spans="1:7" x14ac:dyDescent="0.3">
      <c r="A129575" s="13" t="s">
        <v>591</v>
      </c>
      <c r="B129575" s="14" t="s">
        <v>1</v>
      </c>
      <c r="C129575" s="14" t="s">
        <v>200</v>
      </c>
      <c r="D129575" s="14" t="s">
        <v>31</v>
      </c>
      <c r="E129575" s="15">
        <v>45741</v>
      </c>
      <c r="F129575" s="14" t="s">
        <v>15</v>
      </c>
      <c r="G129575" s="16">
        <v>2.7153352067769179</v>
      </c>
    </row>
    <row r="129576" spans="1:7" x14ac:dyDescent="0.3">
      <c r="A129576" s="13" t="s">
        <v>591</v>
      </c>
      <c r="B129576" s="14" t="s">
        <v>1</v>
      </c>
      <c r="C129576" s="14" t="s">
        <v>200</v>
      </c>
      <c r="D129576" s="14" t="s">
        <v>31</v>
      </c>
      <c r="E129576" s="15">
        <v>45742</v>
      </c>
      <c r="F129576" s="14" t="s">
        <v>15</v>
      </c>
      <c r="G129576" s="16">
        <v>2.7223169705756813</v>
      </c>
    </row>
    <row r="129577" spans="1:7" x14ac:dyDescent="0.3">
      <c r="A129577" s="13" t="s">
        <v>591</v>
      </c>
      <c r="B129577" s="14" t="s">
        <v>1</v>
      </c>
      <c r="C129577" s="14" t="s">
        <v>200</v>
      </c>
      <c r="D129577" s="14" t="s">
        <v>31</v>
      </c>
      <c r="E129577" s="15">
        <v>45743</v>
      </c>
      <c r="F129577" s="14" t="s">
        <v>15</v>
      </c>
      <c r="G129577" s="16">
        <v>2.7292960757191929</v>
      </c>
    </row>
    <row r="129578" spans="1:7" x14ac:dyDescent="0.3">
      <c r="A129578" s="13" t="s">
        <v>591</v>
      </c>
      <c r="B129578" s="14" t="s">
        <v>1</v>
      </c>
      <c r="C129578" s="14" t="s">
        <v>200</v>
      </c>
      <c r="D129578" s="14" t="s">
        <v>31</v>
      </c>
      <c r="E129578" s="15">
        <v>45744</v>
      </c>
      <c r="F129578" s="14" t="s">
        <v>15</v>
      </c>
      <c r="G129578" s="16">
        <v>2.7363605236962987</v>
      </c>
    </row>
    <row r="129579" spans="1:7" x14ac:dyDescent="0.3">
      <c r="A129579" s="13" t="s">
        <v>591</v>
      </c>
      <c r="B129579" s="14" t="s">
        <v>1</v>
      </c>
      <c r="C129579" s="14" t="s">
        <v>200</v>
      </c>
      <c r="D129579" s="14" t="s">
        <v>31</v>
      </c>
      <c r="E129579" s="15">
        <v>45745</v>
      </c>
      <c r="F129579" s="14" t="s">
        <v>15</v>
      </c>
      <c r="G129579" s="16">
        <v>2.7363605236962987</v>
      </c>
    </row>
    <row r="129580" spans="1:7" x14ac:dyDescent="0.3">
      <c r="A129580" s="13" t="s">
        <v>591</v>
      </c>
      <c r="B129580" s="14" t="s">
        <v>1</v>
      </c>
      <c r="C129580" s="14" t="s">
        <v>200</v>
      </c>
      <c r="D129580" s="14" t="s">
        <v>31</v>
      </c>
      <c r="E129580" s="15">
        <v>45746</v>
      </c>
      <c r="F129580" s="14" t="s">
        <v>15</v>
      </c>
      <c r="G129580" s="16">
        <v>2.7363605236962987</v>
      </c>
    </row>
    <row r="129581" spans="1:7" x14ac:dyDescent="0.3">
      <c r="A129581" s="13" t="s">
        <v>591</v>
      </c>
      <c r="B129581" s="14" t="s">
        <v>1</v>
      </c>
      <c r="C129581" s="14" t="s">
        <v>200</v>
      </c>
      <c r="D129581" s="14" t="s">
        <v>31</v>
      </c>
      <c r="E129581" s="15">
        <v>45747</v>
      </c>
      <c r="F129581" s="14" t="s">
        <v>15</v>
      </c>
      <c r="G129581" s="16">
        <v>2.7435555116462864</v>
      </c>
    </row>
    <row r="129582" spans="1:7" x14ac:dyDescent="0.3">
      <c r="A129582" s="13" t="s">
        <v>592</v>
      </c>
      <c r="B129582" s="14" t="s">
        <v>1</v>
      </c>
      <c r="C129582" s="14" t="s">
        <v>200</v>
      </c>
      <c r="D129582" s="14" t="s">
        <v>94</v>
      </c>
      <c r="E129582" s="15">
        <v>45383</v>
      </c>
      <c r="F129582" s="14" t="s">
        <v>15</v>
      </c>
      <c r="G129582" s="16">
        <v>0</v>
      </c>
    </row>
    <row r="129583" spans="1:7" x14ac:dyDescent="0.3">
      <c r="A129583" s="13" t="s">
        <v>592</v>
      </c>
      <c r="B129583" s="14" t="s">
        <v>1</v>
      </c>
      <c r="C129583" s="14" t="s">
        <v>200</v>
      </c>
      <c r="D129583" s="14" t="s">
        <v>94</v>
      </c>
      <c r="E129583" s="15">
        <v>45384</v>
      </c>
      <c r="F129583" s="14" t="s">
        <v>15</v>
      </c>
      <c r="G129583" s="16">
        <v>0</v>
      </c>
    </row>
    <row r="129584" spans="1:7" x14ac:dyDescent="0.3">
      <c r="A129584" s="13" t="s">
        <v>592</v>
      </c>
      <c r="B129584" s="14" t="s">
        <v>1</v>
      </c>
      <c r="C129584" s="14" t="s">
        <v>200</v>
      </c>
      <c r="D129584" s="14" t="s">
        <v>94</v>
      </c>
      <c r="E129584" s="15">
        <v>45385</v>
      </c>
      <c r="F129584" s="14" t="s">
        <v>15</v>
      </c>
      <c r="G129584" s="16">
        <v>3.960548180283726E-2</v>
      </c>
    </row>
    <row r="129585" spans="1:7" x14ac:dyDescent="0.3">
      <c r="A129585" s="13" t="s">
        <v>592</v>
      </c>
      <c r="B129585" s="14" t="s">
        <v>1</v>
      </c>
      <c r="C129585" s="14" t="s">
        <v>200</v>
      </c>
      <c r="D129585" s="14" t="s">
        <v>94</v>
      </c>
      <c r="E129585" s="15">
        <v>45386</v>
      </c>
      <c r="F129585" s="14" t="s">
        <v>15</v>
      </c>
      <c r="G129585" s="16">
        <v>4.9725504992699135E-2</v>
      </c>
    </row>
    <row r="129586" spans="1:7" x14ac:dyDescent="0.3">
      <c r="A129586" s="13" t="s">
        <v>592</v>
      </c>
      <c r="B129586" s="14" t="s">
        <v>1</v>
      </c>
      <c r="C129586" s="14" t="s">
        <v>200</v>
      </c>
      <c r="D129586" s="14" t="s">
        <v>94</v>
      </c>
      <c r="E129586" s="15">
        <v>45387</v>
      </c>
      <c r="F129586" s="14" t="s">
        <v>15</v>
      </c>
      <c r="G129586" s="16">
        <v>5.7809733999115813E-2</v>
      </c>
    </row>
    <row r="129587" spans="1:7" x14ac:dyDescent="0.3">
      <c r="A129587" s="13" t="s">
        <v>592</v>
      </c>
      <c r="B129587" s="14" t="s">
        <v>1</v>
      </c>
      <c r="C129587" s="14" t="s">
        <v>200</v>
      </c>
      <c r="D129587" s="14" t="s">
        <v>94</v>
      </c>
      <c r="E129587" s="15">
        <v>45388</v>
      </c>
      <c r="F129587" s="14" t="s">
        <v>15</v>
      </c>
      <c r="G129587" s="16">
        <v>5.7809733999115813E-2</v>
      </c>
    </row>
    <row r="129588" spans="1:7" x14ac:dyDescent="0.3">
      <c r="A129588" s="13" t="s">
        <v>592</v>
      </c>
      <c r="B129588" s="14" t="s">
        <v>1</v>
      </c>
      <c r="C129588" s="14" t="s">
        <v>200</v>
      </c>
      <c r="D129588" s="14" t="s">
        <v>94</v>
      </c>
      <c r="E129588" s="15">
        <v>45389</v>
      </c>
      <c r="F129588" s="14" t="s">
        <v>15</v>
      </c>
      <c r="G129588" s="16">
        <v>5.7809733999115813E-2</v>
      </c>
    </row>
    <row r="129589" spans="1:7" x14ac:dyDescent="0.3">
      <c r="A129589" s="13" t="s">
        <v>592</v>
      </c>
      <c r="B129589" s="14" t="s">
        <v>1</v>
      </c>
      <c r="C129589" s="14" t="s">
        <v>200</v>
      </c>
      <c r="D129589" s="14" t="s">
        <v>94</v>
      </c>
      <c r="E129589" s="15">
        <v>45390</v>
      </c>
      <c r="F129589" s="14" t="s">
        <v>15</v>
      </c>
      <c r="G129589" s="16">
        <v>5.865682654020811E-2</v>
      </c>
    </row>
    <row r="129590" spans="1:7" x14ac:dyDescent="0.3">
      <c r="A129590" s="13" t="s">
        <v>592</v>
      </c>
      <c r="B129590" s="14" t="s">
        <v>1</v>
      </c>
      <c r="C129590" s="14" t="s">
        <v>200</v>
      </c>
      <c r="D129590" s="14" t="s">
        <v>94</v>
      </c>
      <c r="E129590" s="15">
        <v>45391</v>
      </c>
      <c r="F129590" s="14" t="s">
        <v>15</v>
      </c>
      <c r="G129590" s="16">
        <v>8.0286916844163933E-2</v>
      </c>
    </row>
    <row r="129591" spans="1:7" x14ac:dyDescent="0.3">
      <c r="A129591" s="13" t="s">
        <v>592</v>
      </c>
      <c r="B129591" s="14" t="s">
        <v>1</v>
      </c>
      <c r="C129591" s="14" t="s">
        <v>200</v>
      </c>
      <c r="D129591" s="14" t="s">
        <v>94</v>
      </c>
      <c r="E129591" s="15">
        <v>45392</v>
      </c>
      <c r="F129591" s="14" t="s">
        <v>15</v>
      </c>
      <c r="G129591" s="16">
        <v>9.8650787908746165E-2</v>
      </c>
    </row>
    <row r="129592" spans="1:7" x14ac:dyDescent="0.3">
      <c r="A129592" s="13" t="s">
        <v>592</v>
      </c>
      <c r="B129592" s="14" t="s">
        <v>1</v>
      </c>
      <c r="C129592" s="14" t="s">
        <v>200</v>
      </c>
      <c r="D129592" s="14" t="s">
        <v>94</v>
      </c>
      <c r="E129592" s="15">
        <v>45393</v>
      </c>
      <c r="F129592" s="14" t="s">
        <v>15</v>
      </c>
      <c r="G129592" s="16">
        <v>0.12336812653484965</v>
      </c>
    </row>
    <row r="129593" spans="1:7" x14ac:dyDescent="0.3">
      <c r="A129593" s="13" t="s">
        <v>592</v>
      </c>
      <c r="B129593" s="14" t="s">
        <v>1</v>
      </c>
      <c r="C129593" s="14" t="s">
        <v>200</v>
      </c>
      <c r="D129593" s="14" t="s">
        <v>94</v>
      </c>
      <c r="E129593" s="15">
        <v>45394</v>
      </c>
      <c r="F129593" s="14" t="s">
        <v>15</v>
      </c>
      <c r="G129593" s="16">
        <v>0.12894676270010302</v>
      </c>
    </row>
    <row r="129594" spans="1:7" x14ac:dyDescent="0.3">
      <c r="A129594" s="13" t="s">
        <v>592</v>
      </c>
      <c r="B129594" s="14" t="s">
        <v>1</v>
      </c>
      <c r="C129594" s="14" t="s">
        <v>200</v>
      </c>
      <c r="D129594" s="14" t="s">
        <v>94</v>
      </c>
      <c r="E129594" s="15">
        <v>45395</v>
      </c>
      <c r="F129594" s="14" t="s">
        <v>15</v>
      </c>
      <c r="G129594" s="16">
        <v>0.12894676270010302</v>
      </c>
    </row>
    <row r="129595" spans="1:7" x14ac:dyDescent="0.3">
      <c r="A129595" s="13" t="s">
        <v>592</v>
      </c>
      <c r="B129595" s="14" t="s">
        <v>1</v>
      </c>
      <c r="C129595" s="14" t="s">
        <v>200</v>
      </c>
      <c r="D129595" s="14" t="s">
        <v>94</v>
      </c>
      <c r="E129595" s="15">
        <v>45396</v>
      </c>
      <c r="F129595" s="14" t="s">
        <v>15</v>
      </c>
      <c r="G129595" s="16">
        <v>0.12894676270010302</v>
      </c>
    </row>
    <row r="129596" spans="1:7" x14ac:dyDescent="0.3">
      <c r="A129596" s="13" t="s">
        <v>592</v>
      </c>
      <c r="B129596" s="14" t="s">
        <v>1</v>
      </c>
      <c r="C129596" s="14" t="s">
        <v>200</v>
      </c>
      <c r="D129596" s="14" t="s">
        <v>94</v>
      </c>
      <c r="E129596" s="15">
        <v>45397</v>
      </c>
      <c r="F129596" s="14" t="s">
        <v>15</v>
      </c>
      <c r="G129596" s="16">
        <v>0.13725470535305212</v>
      </c>
    </row>
    <row r="129597" spans="1:7" x14ac:dyDescent="0.3">
      <c r="A129597" s="13" t="s">
        <v>592</v>
      </c>
      <c r="B129597" s="14" t="s">
        <v>1</v>
      </c>
      <c r="C129597" s="14" t="s">
        <v>200</v>
      </c>
      <c r="D129597" s="14" t="s">
        <v>94</v>
      </c>
      <c r="E129597" s="15">
        <v>45398</v>
      </c>
      <c r="F129597" s="14" t="s">
        <v>15</v>
      </c>
      <c r="G129597" s="16">
        <v>0.16217338626103481</v>
      </c>
    </row>
    <row r="129598" spans="1:7" x14ac:dyDescent="0.3">
      <c r="A129598" s="13" t="s">
        <v>592</v>
      </c>
      <c r="B129598" s="14" t="s">
        <v>1</v>
      </c>
      <c r="C129598" s="14" t="s">
        <v>200</v>
      </c>
      <c r="D129598" s="14" t="s">
        <v>94</v>
      </c>
      <c r="E129598" s="15">
        <v>45399</v>
      </c>
      <c r="F129598" s="14" t="s">
        <v>15</v>
      </c>
      <c r="G129598" s="16">
        <v>0.17006745866789894</v>
      </c>
    </row>
    <row r="129599" spans="1:7" x14ac:dyDescent="0.3">
      <c r="A129599" s="13" t="s">
        <v>592</v>
      </c>
      <c r="B129599" s="14" t="s">
        <v>1</v>
      </c>
      <c r="C129599" s="14" t="s">
        <v>200</v>
      </c>
      <c r="D129599" s="14" t="s">
        <v>94</v>
      </c>
      <c r="E129599" s="15">
        <v>45400</v>
      </c>
      <c r="F129599" s="14" t="s">
        <v>15</v>
      </c>
      <c r="G129599" s="16">
        <v>0.17781611720451695</v>
      </c>
    </row>
    <row r="129600" spans="1:7" x14ac:dyDescent="0.3">
      <c r="A129600" s="13" t="s">
        <v>592</v>
      </c>
      <c r="B129600" s="14" t="s">
        <v>1</v>
      </c>
      <c r="C129600" s="14" t="s">
        <v>200</v>
      </c>
      <c r="D129600" s="14" t="s">
        <v>94</v>
      </c>
      <c r="E129600" s="15">
        <v>45401</v>
      </c>
      <c r="F129600" s="14" t="s">
        <v>15</v>
      </c>
      <c r="G129600" s="16">
        <v>0.1742448652265936</v>
      </c>
    </row>
    <row r="129601" spans="1:7" x14ac:dyDescent="0.3">
      <c r="A129601" s="13" t="s">
        <v>592</v>
      </c>
      <c r="B129601" s="14" t="s">
        <v>1</v>
      </c>
      <c r="C129601" s="14" t="s">
        <v>200</v>
      </c>
      <c r="D129601" s="14" t="s">
        <v>94</v>
      </c>
      <c r="E129601" s="15">
        <v>45402</v>
      </c>
      <c r="F129601" s="14" t="s">
        <v>15</v>
      </c>
      <c r="G129601" s="16">
        <v>0.1742448652265936</v>
      </c>
    </row>
    <row r="129602" spans="1:7" x14ac:dyDescent="0.3">
      <c r="A129602" s="13" t="s">
        <v>592</v>
      </c>
      <c r="B129602" s="14" t="s">
        <v>1</v>
      </c>
      <c r="C129602" s="14" t="s">
        <v>200</v>
      </c>
      <c r="D129602" s="14" t="s">
        <v>94</v>
      </c>
      <c r="E129602" s="15">
        <v>45403</v>
      </c>
      <c r="F129602" s="14" t="s">
        <v>15</v>
      </c>
      <c r="G129602" s="16">
        <v>0.1742448652265936</v>
      </c>
    </row>
    <row r="129603" spans="1:7" x14ac:dyDescent="0.3">
      <c r="A129603" s="13" t="s">
        <v>592</v>
      </c>
      <c r="B129603" s="14" t="s">
        <v>1</v>
      </c>
      <c r="C129603" s="14" t="s">
        <v>200</v>
      </c>
      <c r="D129603" s="14" t="s">
        <v>94</v>
      </c>
      <c r="E129603" s="15">
        <v>45404</v>
      </c>
      <c r="F129603" s="14" t="s">
        <v>15</v>
      </c>
      <c r="G129603" s="16">
        <v>0.17079665575426306</v>
      </c>
    </row>
    <row r="129604" spans="1:7" x14ac:dyDescent="0.3">
      <c r="A129604" s="13" t="s">
        <v>592</v>
      </c>
      <c r="B129604" s="14" t="s">
        <v>1</v>
      </c>
      <c r="C129604" s="14" t="s">
        <v>200</v>
      </c>
      <c r="D129604" s="14" t="s">
        <v>94</v>
      </c>
      <c r="E129604" s="15">
        <v>45405</v>
      </c>
      <c r="F129604" s="14" t="s">
        <v>15</v>
      </c>
      <c r="G129604" s="16">
        <v>0.19596142167343142</v>
      </c>
    </row>
    <row r="129605" spans="1:7" x14ac:dyDescent="0.3">
      <c r="A129605" s="13" t="s">
        <v>592</v>
      </c>
      <c r="B129605" s="14" t="s">
        <v>1</v>
      </c>
      <c r="C129605" s="14" t="s">
        <v>200</v>
      </c>
      <c r="D129605" s="14" t="s">
        <v>94</v>
      </c>
      <c r="E129605" s="15">
        <v>45406</v>
      </c>
      <c r="F129605" s="14" t="s">
        <v>15</v>
      </c>
      <c r="G129605" s="16">
        <v>0.20534318982973623</v>
      </c>
    </row>
    <row r="129606" spans="1:7" x14ac:dyDescent="0.3">
      <c r="A129606" s="13" t="s">
        <v>592</v>
      </c>
      <c r="B129606" s="14" t="s">
        <v>1</v>
      </c>
      <c r="C129606" s="14" t="s">
        <v>200</v>
      </c>
      <c r="D129606" s="14" t="s">
        <v>94</v>
      </c>
      <c r="E129606" s="15">
        <v>45407</v>
      </c>
      <c r="F129606" s="14" t="s">
        <v>15</v>
      </c>
      <c r="G129606" s="16">
        <v>0.21244307879141019</v>
      </c>
    </row>
    <row r="129607" spans="1:7" x14ac:dyDescent="0.3">
      <c r="A129607" s="13" t="s">
        <v>592</v>
      </c>
      <c r="B129607" s="14" t="s">
        <v>1</v>
      </c>
      <c r="C129607" s="14" t="s">
        <v>200</v>
      </c>
      <c r="D129607" s="14" t="s">
        <v>94</v>
      </c>
      <c r="E129607" s="15">
        <v>45408</v>
      </c>
      <c r="F129607" s="14" t="s">
        <v>15</v>
      </c>
      <c r="G129607" s="16">
        <v>0.21969956730565685</v>
      </c>
    </row>
    <row r="129608" spans="1:7" x14ac:dyDescent="0.3">
      <c r="A129608" s="13" t="s">
        <v>592</v>
      </c>
      <c r="B129608" s="14" t="s">
        <v>1</v>
      </c>
      <c r="C129608" s="14" t="s">
        <v>200</v>
      </c>
      <c r="D129608" s="14" t="s">
        <v>94</v>
      </c>
      <c r="E129608" s="15">
        <v>45409</v>
      </c>
      <c r="F129608" s="14" t="s">
        <v>15</v>
      </c>
      <c r="G129608" s="16">
        <v>0.21969956730565685</v>
      </c>
    </row>
    <row r="129609" spans="1:7" x14ac:dyDescent="0.3">
      <c r="A129609" s="13" t="s">
        <v>592</v>
      </c>
      <c r="B129609" s="14" t="s">
        <v>1</v>
      </c>
      <c r="C129609" s="14" t="s">
        <v>200</v>
      </c>
      <c r="D129609" s="14" t="s">
        <v>94</v>
      </c>
      <c r="E129609" s="15">
        <v>45410</v>
      </c>
      <c r="F129609" s="14" t="s">
        <v>15</v>
      </c>
      <c r="G129609" s="16">
        <v>0.21969956730565685</v>
      </c>
    </row>
    <row r="129610" spans="1:7" x14ac:dyDescent="0.3">
      <c r="A129610" s="13" t="s">
        <v>592</v>
      </c>
      <c r="B129610" s="14" t="s">
        <v>1</v>
      </c>
      <c r="C129610" s="14" t="s">
        <v>200</v>
      </c>
      <c r="D129610" s="14" t="s">
        <v>94</v>
      </c>
      <c r="E129610" s="15">
        <v>45411</v>
      </c>
      <c r="F129610" s="14" t="s">
        <v>15</v>
      </c>
      <c r="G129610" s="16">
        <v>0.22716858378410931</v>
      </c>
    </row>
    <row r="129611" spans="1:7" x14ac:dyDescent="0.3">
      <c r="A129611" s="13" t="s">
        <v>592</v>
      </c>
      <c r="B129611" s="14" t="s">
        <v>1</v>
      </c>
      <c r="C129611" s="14" t="s">
        <v>200</v>
      </c>
      <c r="D129611" s="14" t="s">
        <v>94</v>
      </c>
      <c r="E129611" s="15">
        <v>45412</v>
      </c>
      <c r="F129611" s="14" t="s">
        <v>15</v>
      </c>
      <c r="G129611" s="16">
        <v>0.24814990451312108</v>
      </c>
    </row>
    <row r="129612" spans="1:7" x14ac:dyDescent="0.3">
      <c r="A129612" s="13" t="s">
        <v>592</v>
      </c>
      <c r="B129612" s="14" t="s">
        <v>1</v>
      </c>
      <c r="C129612" s="14" t="s">
        <v>200</v>
      </c>
      <c r="D129612" s="14" t="s">
        <v>94</v>
      </c>
      <c r="E129612" s="15">
        <v>45413</v>
      </c>
      <c r="F129612" s="14" t="s">
        <v>15</v>
      </c>
      <c r="G129612" s="16">
        <v>0.25447798139425809</v>
      </c>
    </row>
    <row r="129613" spans="1:7" x14ac:dyDescent="0.3">
      <c r="A129613" s="13" t="s">
        <v>592</v>
      </c>
      <c r="B129613" s="14" t="s">
        <v>1</v>
      </c>
      <c r="C129613" s="14" t="s">
        <v>200</v>
      </c>
      <c r="D129613" s="14" t="s">
        <v>94</v>
      </c>
      <c r="E129613" s="15">
        <v>45414</v>
      </c>
      <c r="F129613" s="14" t="s">
        <v>15</v>
      </c>
      <c r="G129613" s="16">
        <v>0.26421769138501483</v>
      </c>
    </row>
    <row r="129614" spans="1:7" x14ac:dyDescent="0.3">
      <c r="A129614" s="13" t="s">
        <v>592</v>
      </c>
      <c r="B129614" s="14" t="s">
        <v>1</v>
      </c>
      <c r="C129614" s="14" t="s">
        <v>200</v>
      </c>
      <c r="D129614" s="14" t="s">
        <v>94</v>
      </c>
      <c r="E129614" s="15">
        <v>45415</v>
      </c>
      <c r="F129614" s="14" t="s">
        <v>15</v>
      </c>
      <c r="G129614" s="16">
        <v>0.27114979511178944</v>
      </c>
    </row>
    <row r="129615" spans="1:7" x14ac:dyDescent="0.3">
      <c r="A129615" s="13" t="s">
        <v>592</v>
      </c>
      <c r="B129615" s="14" t="s">
        <v>1</v>
      </c>
      <c r="C129615" s="14" t="s">
        <v>200</v>
      </c>
      <c r="D129615" s="14" t="s">
        <v>94</v>
      </c>
      <c r="E129615" s="15">
        <v>45416</v>
      </c>
      <c r="F129615" s="14" t="s">
        <v>15</v>
      </c>
      <c r="G129615" s="16">
        <v>0.27114979511178944</v>
      </c>
    </row>
    <row r="129616" spans="1:7" x14ac:dyDescent="0.3">
      <c r="A129616" s="13" t="s">
        <v>592</v>
      </c>
      <c r="B129616" s="14" t="s">
        <v>1</v>
      </c>
      <c r="C129616" s="14" t="s">
        <v>200</v>
      </c>
      <c r="D129616" s="14" t="s">
        <v>94</v>
      </c>
      <c r="E129616" s="15">
        <v>45417</v>
      </c>
      <c r="F129616" s="14" t="s">
        <v>15</v>
      </c>
      <c r="G129616" s="16">
        <v>0.27114979511178944</v>
      </c>
    </row>
    <row r="129617" spans="1:7" x14ac:dyDescent="0.3">
      <c r="A129617" s="13" t="s">
        <v>592</v>
      </c>
      <c r="B129617" s="14" t="s">
        <v>1</v>
      </c>
      <c r="C129617" s="14" t="s">
        <v>200</v>
      </c>
      <c r="D129617" s="14" t="s">
        <v>94</v>
      </c>
      <c r="E129617" s="15">
        <v>45418</v>
      </c>
      <c r="F129617" s="14" t="s">
        <v>15</v>
      </c>
      <c r="G129617" s="16">
        <v>0.27114979511178944</v>
      </c>
    </row>
    <row r="129618" spans="1:7" x14ac:dyDescent="0.3">
      <c r="A129618" s="13" t="s">
        <v>592</v>
      </c>
      <c r="B129618" s="14" t="s">
        <v>1</v>
      </c>
      <c r="C129618" s="14" t="s">
        <v>200</v>
      </c>
      <c r="D129618" s="14" t="s">
        <v>94</v>
      </c>
      <c r="E129618" s="15">
        <v>45419</v>
      </c>
      <c r="F129618" s="14" t="s">
        <v>15</v>
      </c>
      <c r="G129618" s="16">
        <v>0.27634811807793769</v>
      </c>
    </row>
    <row r="129619" spans="1:7" x14ac:dyDescent="0.3">
      <c r="A129619" s="13" t="s">
        <v>592</v>
      </c>
      <c r="B129619" s="14" t="s">
        <v>1</v>
      </c>
      <c r="C129619" s="14" t="s">
        <v>200</v>
      </c>
      <c r="D129619" s="14" t="s">
        <v>94</v>
      </c>
      <c r="E129619" s="15">
        <v>45420</v>
      </c>
      <c r="F129619" s="14" t="s">
        <v>15</v>
      </c>
      <c r="G129619" s="16">
        <v>0.30153525536175929</v>
      </c>
    </row>
    <row r="129620" spans="1:7" x14ac:dyDescent="0.3">
      <c r="A129620" s="13" t="s">
        <v>592</v>
      </c>
      <c r="B129620" s="14" t="s">
        <v>1</v>
      </c>
      <c r="C129620" s="14" t="s">
        <v>200</v>
      </c>
      <c r="D129620" s="14" t="s">
        <v>94</v>
      </c>
      <c r="E129620" s="15">
        <v>45421</v>
      </c>
      <c r="F129620" s="14" t="s">
        <v>15</v>
      </c>
      <c r="G129620" s="16">
        <v>0.30887004365229231</v>
      </c>
    </row>
    <row r="129621" spans="1:7" x14ac:dyDescent="0.3">
      <c r="A129621" s="13" t="s">
        <v>592</v>
      </c>
      <c r="B129621" s="14" t="s">
        <v>1</v>
      </c>
      <c r="C129621" s="14" t="s">
        <v>200</v>
      </c>
      <c r="D129621" s="14" t="s">
        <v>94</v>
      </c>
      <c r="E129621" s="15">
        <v>45422</v>
      </c>
      <c r="F129621" s="14" t="s">
        <v>15</v>
      </c>
      <c r="G129621" s="16">
        <v>0.31552250532090143</v>
      </c>
    </row>
    <row r="129622" spans="1:7" x14ac:dyDescent="0.3">
      <c r="A129622" s="13" t="s">
        <v>592</v>
      </c>
      <c r="B129622" s="14" t="s">
        <v>1</v>
      </c>
      <c r="C129622" s="14" t="s">
        <v>200</v>
      </c>
      <c r="D129622" s="14" t="s">
        <v>94</v>
      </c>
      <c r="E129622" s="15">
        <v>45423</v>
      </c>
      <c r="F129622" s="14" t="s">
        <v>15</v>
      </c>
      <c r="G129622" s="16">
        <v>0.31552250532090143</v>
      </c>
    </row>
    <row r="129623" spans="1:7" x14ac:dyDescent="0.3">
      <c r="A129623" s="13" t="s">
        <v>592</v>
      </c>
      <c r="B129623" s="14" t="s">
        <v>1</v>
      </c>
      <c r="C129623" s="14" t="s">
        <v>200</v>
      </c>
      <c r="D129623" s="14" t="s">
        <v>94</v>
      </c>
      <c r="E129623" s="15">
        <v>45424</v>
      </c>
      <c r="F129623" s="14" t="s">
        <v>15</v>
      </c>
      <c r="G129623" s="16">
        <v>0.31552250532090143</v>
      </c>
    </row>
    <row r="129624" spans="1:7" x14ac:dyDescent="0.3">
      <c r="A129624" s="13" t="s">
        <v>592</v>
      </c>
      <c r="B129624" s="14" t="s">
        <v>1</v>
      </c>
      <c r="C129624" s="14" t="s">
        <v>200</v>
      </c>
      <c r="D129624" s="14" t="s">
        <v>94</v>
      </c>
      <c r="E129624" s="15">
        <v>45425</v>
      </c>
      <c r="F129624" s="14" t="s">
        <v>15</v>
      </c>
      <c r="G129624" s="16">
        <v>0.32088861352194897</v>
      </c>
    </row>
    <row r="129625" spans="1:7" x14ac:dyDescent="0.3">
      <c r="A129625" s="13" t="s">
        <v>592</v>
      </c>
      <c r="B129625" s="14" t="s">
        <v>1</v>
      </c>
      <c r="C129625" s="14" t="s">
        <v>200</v>
      </c>
      <c r="D129625" s="14" t="s">
        <v>94</v>
      </c>
      <c r="E129625" s="15">
        <v>45426</v>
      </c>
      <c r="F129625" s="14" t="s">
        <v>15</v>
      </c>
      <c r="G129625" s="16">
        <v>0.34588559420621795</v>
      </c>
    </row>
    <row r="129626" spans="1:7" x14ac:dyDescent="0.3">
      <c r="A129626" s="13" t="s">
        <v>592</v>
      </c>
      <c r="B129626" s="14" t="s">
        <v>1</v>
      </c>
      <c r="C129626" s="14" t="s">
        <v>200</v>
      </c>
      <c r="D129626" s="14" t="s">
        <v>94</v>
      </c>
      <c r="E129626" s="15">
        <v>45427</v>
      </c>
      <c r="F129626" s="14" t="s">
        <v>15</v>
      </c>
      <c r="G129626" s="16">
        <v>0.35287362634462571</v>
      </c>
    </row>
    <row r="129627" spans="1:7" x14ac:dyDescent="0.3">
      <c r="A129627" s="13" t="s">
        <v>592</v>
      </c>
      <c r="B129627" s="14" t="s">
        <v>1</v>
      </c>
      <c r="C129627" s="14" t="s">
        <v>200</v>
      </c>
      <c r="D129627" s="14" t="s">
        <v>94</v>
      </c>
      <c r="E129627" s="15">
        <v>45428</v>
      </c>
      <c r="F129627" s="14" t="s">
        <v>15</v>
      </c>
      <c r="G129627" s="16">
        <v>0.36090192693940926</v>
      </c>
    </row>
    <row r="129628" spans="1:7" x14ac:dyDescent="0.3">
      <c r="A129628" s="13" t="s">
        <v>592</v>
      </c>
      <c r="B129628" s="14" t="s">
        <v>1</v>
      </c>
      <c r="C129628" s="14" t="s">
        <v>200</v>
      </c>
      <c r="D129628" s="14" t="s">
        <v>94</v>
      </c>
      <c r="E129628" s="15">
        <v>45429</v>
      </c>
      <c r="F129628" s="14" t="s">
        <v>15</v>
      </c>
      <c r="G129628" s="16">
        <v>0.3682590865945955</v>
      </c>
    </row>
    <row r="129629" spans="1:7" x14ac:dyDescent="0.3">
      <c r="A129629" s="13" t="s">
        <v>592</v>
      </c>
      <c r="B129629" s="14" t="s">
        <v>1</v>
      </c>
      <c r="C129629" s="14" t="s">
        <v>200</v>
      </c>
      <c r="D129629" s="14" t="s">
        <v>94</v>
      </c>
      <c r="E129629" s="15">
        <v>45430</v>
      </c>
      <c r="F129629" s="14" t="s">
        <v>15</v>
      </c>
      <c r="G129629" s="16">
        <v>0.3682590865945955</v>
      </c>
    </row>
    <row r="129630" spans="1:7" x14ac:dyDescent="0.3">
      <c r="A129630" s="13" t="s">
        <v>592</v>
      </c>
      <c r="B129630" s="14" t="s">
        <v>1</v>
      </c>
      <c r="C129630" s="14" t="s">
        <v>200</v>
      </c>
      <c r="D129630" s="14" t="s">
        <v>94</v>
      </c>
      <c r="E129630" s="15">
        <v>45431</v>
      </c>
      <c r="F129630" s="14" t="s">
        <v>15</v>
      </c>
      <c r="G129630" s="16">
        <v>0.3682590865945955</v>
      </c>
    </row>
    <row r="129631" spans="1:7" x14ac:dyDescent="0.3">
      <c r="A129631" s="13" t="s">
        <v>592</v>
      </c>
      <c r="B129631" s="14" t="s">
        <v>1</v>
      </c>
      <c r="C129631" s="14" t="s">
        <v>200</v>
      </c>
      <c r="D129631" s="14" t="s">
        <v>94</v>
      </c>
      <c r="E129631" s="15">
        <v>45432</v>
      </c>
      <c r="F129631" s="14" t="s">
        <v>15</v>
      </c>
      <c r="G129631" s="16">
        <v>0.37337910978445737</v>
      </c>
    </row>
    <row r="129632" spans="1:7" x14ac:dyDescent="0.3">
      <c r="A129632" s="13" t="s">
        <v>592</v>
      </c>
      <c r="B129632" s="14" t="s">
        <v>1</v>
      </c>
      <c r="C129632" s="14" t="s">
        <v>200</v>
      </c>
      <c r="D129632" s="14" t="s">
        <v>94</v>
      </c>
      <c r="E129632" s="15">
        <v>45433</v>
      </c>
      <c r="F129632" s="14" t="s">
        <v>15</v>
      </c>
      <c r="G129632" s="16">
        <v>0.39550137011078457</v>
      </c>
    </row>
    <row r="129633" spans="1:7" x14ac:dyDescent="0.3">
      <c r="A129633" s="13" t="s">
        <v>592</v>
      </c>
      <c r="B129633" s="14" t="s">
        <v>1</v>
      </c>
      <c r="C129633" s="14" t="s">
        <v>200</v>
      </c>
      <c r="D129633" s="14" t="s">
        <v>94</v>
      </c>
      <c r="E129633" s="15">
        <v>45434</v>
      </c>
      <c r="F129633" s="14" t="s">
        <v>15</v>
      </c>
      <c r="G129633" s="16">
        <v>0.4036862702581408</v>
      </c>
    </row>
    <row r="129634" spans="1:7" x14ac:dyDescent="0.3">
      <c r="A129634" s="13" t="s">
        <v>592</v>
      </c>
      <c r="B129634" s="14" t="s">
        <v>1</v>
      </c>
      <c r="C129634" s="14" t="s">
        <v>200</v>
      </c>
      <c r="D129634" s="14" t="s">
        <v>94</v>
      </c>
      <c r="E129634" s="15">
        <v>45435</v>
      </c>
      <c r="F129634" s="14" t="s">
        <v>15</v>
      </c>
      <c r="G129634" s="16">
        <v>0.41085327331377447</v>
      </c>
    </row>
    <row r="129635" spans="1:7" x14ac:dyDescent="0.3">
      <c r="A129635" s="13" t="s">
        <v>592</v>
      </c>
      <c r="B129635" s="14" t="s">
        <v>1</v>
      </c>
      <c r="C129635" s="14" t="s">
        <v>200</v>
      </c>
      <c r="D129635" s="14" t="s">
        <v>94</v>
      </c>
      <c r="E129635" s="15">
        <v>45436</v>
      </c>
      <c r="F129635" s="14" t="s">
        <v>15</v>
      </c>
      <c r="G129635" s="16">
        <v>0.41788604818148872</v>
      </c>
    </row>
    <row r="129636" spans="1:7" x14ac:dyDescent="0.3">
      <c r="A129636" s="13" t="s">
        <v>592</v>
      </c>
      <c r="B129636" s="14" t="s">
        <v>1</v>
      </c>
      <c r="C129636" s="14" t="s">
        <v>200</v>
      </c>
      <c r="D129636" s="14" t="s">
        <v>94</v>
      </c>
      <c r="E129636" s="15">
        <v>45437</v>
      </c>
      <c r="F129636" s="14" t="s">
        <v>15</v>
      </c>
      <c r="G129636" s="16">
        <v>0.41788604818148872</v>
      </c>
    </row>
    <row r="129637" spans="1:7" x14ac:dyDescent="0.3">
      <c r="A129637" s="13" t="s">
        <v>592</v>
      </c>
      <c r="B129637" s="14" t="s">
        <v>1</v>
      </c>
      <c r="C129637" s="14" t="s">
        <v>200</v>
      </c>
      <c r="D129637" s="14" t="s">
        <v>94</v>
      </c>
      <c r="E129637" s="15">
        <v>45438</v>
      </c>
      <c r="F129637" s="14" t="s">
        <v>15</v>
      </c>
      <c r="G129637" s="16">
        <v>0.41788604818148872</v>
      </c>
    </row>
    <row r="129638" spans="1:7" x14ac:dyDescent="0.3">
      <c r="A129638" s="13" t="s">
        <v>592</v>
      </c>
      <c r="B129638" s="14" t="s">
        <v>1</v>
      </c>
      <c r="C129638" s="14" t="s">
        <v>200</v>
      </c>
      <c r="D129638" s="14" t="s">
        <v>94</v>
      </c>
      <c r="E129638" s="15">
        <v>45439</v>
      </c>
      <c r="F129638" s="14" t="s">
        <v>15</v>
      </c>
      <c r="G129638" s="16">
        <v>0.41788604818148872</v>
      </c>
    </row>
    <row r="129639" spans="1:7" x14ac:dyDescent="0.3">
      <c r="A129639" s="13" t="s">
        <v>592</v>
      </c>
      <c r="B129639" s="14" t="s">
        <v>1</v>
      </c>
      <c r="C129639" s="14" t="s">
        <v>200</v>
      </c>
      <c r="D129639" s="14" t="s">
        <v>94</v>
      </c>
      <c r="E129639" s="15">
        <v>45440</v>
      </c>
      <c r="F129639" s="14" t="s">
        <v>15</v>
      </c>
      <c r="G129639" s="16">
        <v>0.42501949419014251</v>
      </c>
    </row>
    <row r="129640" spans="1:7" x14ac:dyDescent="0.3">
      <c r="A129640" s="13" t="s">
        <v>592</v>
      </c>
      <c r="B129640" s="14" t="s">
        <v>1</v>
      </c>
      <c r="C129640" s="14" t="s">
        <v>200</v>
      </c>
      <c r="D129640" s="14" t="s">
        <v>94</v>
      </c>
      <c r="E129640" s="15">
        <v>45441</v>
      </c>
      <c r="F129640" s="14" t="s">
        <v>15</v>
      </c>
      <c r="G129640" s="16">
        <v>0.4401395173800044</v>
      </c>
    </row>
    <row r="129641" spans="1:7" x14ac:dyDescent="0.3">
      <c r="A129641" s="13" t="s">
        <v>592</v>
      </c>
      <c r="B129641" s="14" t="s">
        <v>1</v>
      </c>
      <c r="C129641" s="14" t="s">
        <v>200</v>
      </c>
      <c r="D129641" s="14" t="s">
        <v>94</v>
      </c>
      <c r="E129641" s="15">
        <v>45442</v>
      </c>
      <c r="F129641" s="14" t="s">
        <v>15</v>
      </c>
      <c r="G129641" s="16">
        <v>0.44326848911572758</v>
      </c>
    </row>
    <row r="129642" spans="1:7" x14ac:dyDescent="0.3">
      <c r="A129642" s="13" t="s">
        <v>592</v>
      </c>
      <c r="B129642" s="14" t="s">
        <v>1</v>
      </c>
      <c r="C129642" s="14" t="s">
        <v>200</v>
      </c>
      <c r="D129642" s="14" t="s">
        <v>94</v>
      </c>
      <c r="E129642" s="15">
        <v>45443</v>
      </c>
      <c r="F129642" s="14" t="s">
        <v>15</v>
      </c>
      <c r="G129642" s="16">
        <v>0.44959656599686459</v>
      </c>
    </row>
    <row r="129643" spans="1:7" x14ac:dyDescent="0.3">
      <c r="A129643" s="13" t="s">
        <v>592</v>
      </c>
      <c r="B129643" s="14" t="s">
        <v>1</v>
      </c>
      <c r="C129643" s="14" t="s">
        <v>200</v>
      </c>
      <c r="D129643" s="14" t="s">
        <v>94</v>
      </c>
      <c r="E129643" s="15">
        <v>45444</v>
      </c>
      <c r="F129643" s="14" t="s">
        <v>15</v>
      </c>
      <c r="G129643" s="16">
        <v>0.44959656599686459</v>
      </c>
    </row>
    <row r="129644" spans="1:7" x14ac:dyDescent="0.3">
      <c r="A129644" s="13" t="s">
        <v>592</v>
      </c>
      <c r="B129644" s="14" t="s">
        <v>1</v>
      </c>
      <c r="C129644" s="14" t="s">
        <v>200</v>
      </c>
      <c r="D129644" s="14" t="s">
        <v>94</v>
      </c>
      <c r="E129644" s="15">
        <v>45445</v>
      </c>
      <c r="F129644" s="14" t="s">
        <v>15</v>
      </c>
      <c r="G129644" s="16">
        <v>0.44959656599686459</v>
      </c>
    </row>
    <row r="129645" spans="1:7" x14ac:dyDescent="0.3">
      <c r="A129645" s="13" t="s">
        <v>592</v>
      </c>
      <c r="B129645" s="14" t="s">
        <v>1</v>
      </c>
      <c r="C129645" s="14" t="s">
        <v>200</v>
      </c>
      <c r="D129645" s="14" t="s">
        <v>94</v>
      </c>
      <c r="E129645" s="15">
        <v>45446</v>
      </c>
      <c r="F129645" s="14" t="s">
        <v>15</v>
      </c>
      <c r="G129645" s="16">
        <v>0.44959656599686459</v>
      </c>
    </row>
    <row r="129646" spans="1:7" x14ac:dyDescent="0.3">
      <c r="A129646" s="13" t="s">
        <v>592</v>
      </c>
      <c r="B129646" s="14" t="s">
        <v>1</v>
      </c>
      <c r="C129646" s="14" t="s">
        <v>200</v>
      </c>
      <c r="D129646" s="14" t="s">
        <v>94</v>
      </c>
      <c r="E129646" s="15">
        <v>45447</v>
      </c>
      <c r="F129646" s="14" t="s">
        <v>15</v>
      </c>
      <c r="G129646" s="16">
        <v>0.45778146614422088</v>
      </c>
    </row>
    <row r="129647" spans="1:7" x14ac:dyDescent="0.3">
      <c r="A129647" s="13" t="s">
        <v>592</v>
      </c>
      <c r="B129647" s="14" t="s">
        <v>1</v>
      </c>
      <c r="C129647" s="14" t="s">
        <v>200</v>
      </c>
      <c r="D129647" s="14" t="s">
        <v>94</v>
      </c>
      <c r="E129647" s="15">
        <v>45448</v>
      </c>
      <c r="F129647" s="14" t="s">
        <v>15</v>
      </c>
      <c r="G129647" s="16">
        <v>0.48425495689560399</v>
      </c>
    </row>
    <row r="129648" spans="1:7" x14ac:dyDescent="0.3">
      <c r="A129648" s="13" t="s">
        <v>592</v>
      </c>
      <c r="B129648" s="14" t="s">
        <v>1</v>
      </c>
      <c r="C129648" s="14" t="s">
        <v>200</v>
      </c>
      <c r="D129648" s="14" t="s">
        <v>94</v>
      </c>
      <c r="E129648" s="15">
        <v>45449</v>
      </c>
      <c r="F129648" s="14" t="s">
        <v>15</v>
      </c>
      <c r="G129648" s="16">
        <v>0.4910192753874793</v>
      </c>
    </row>
    <row r="129649" spans="1:7" x14ac:dyDescent="0.3">
      <c r="A129649" s="13" t="s">
        <v>592</v>
      </c>
      <c r="B129649" s="14" t="s">
        <v>1</v>
      </c>
      <c r="C129649" s="14" t="s">
        <v>200</v>
      </c>
      <c r="D129649" s="14" t="s">
        <v>94</v>
      </c>
      <c r="E129649" s="15">
        <v>45450</v>
      </c>
      <c r="F129649" s="14" t="s">
        <v>15</v>
      </c>
      <c r="G129649" s="16">
        <v>0.497772408197028</v>
      </c>
    </row>
    <row r="129650" spans="1:7" x14ac:dyDescent="0.3">
      <c r="A129650" s="13" t="s">
        <v>592</v>
      </c>
      <c r="B129650" s="14" t="s">
        <v>1</v>
      </c>
      <c r="C129650" s="14" t="s">
        <v>200</v>
      </c>
      <c r="D129650" s="14" t="s">
        <v>94</v>
      </c>
      <c r="E129650" s="15">
        <v>45451</v>
      </c>
      <c r="F129650" s="14" t="s">
        <v>15</v>
      </c>
      <c r="G129650" s="16">
        <v>0.497772408197028</v>
      </c>
    </row>
    <row r="129651" spans="1:7" x14ac:dyDescent="0.3">
      <c r="A129651" s="13" t="s">
        <v>592</v>
      </c>
      <c r="B129651" s="14" t="s">
        <v>1</v>
      </c>
      <c r="C129651" s="14" t="s">
        <v>200</v>
      </c>
      <c r="D129651" s="14" t="s">
        <v>94</v>
      </c>
      <c r="E129651" s="15">
        <v>45452</v>
      </c>
      <c r="F129651" s="14" t="s">
        <v>15</v>
      </c>
      <c r="G129651" s="16">
        <v>0.497772408197028</v>
      </c>
    </row>
    <row r="129652" spans="1:7" x14ac:dyDescent="0.3">
      <c r="A129652" s="13" t="s">
        <v>592</v>
      </c>
      <c r="B129652" s="14" t="s">
        <v>1</v>
      </c>
      <c r="C129652" s="14" t="s">
        <v>200</v>
      </c>
      <c r="D129652" s="14" t="s">
        <v>94</v>
      </c>
      <c r="E129652" s="15">
        <v>45453</v>
      </c>
      <c r="F129652" s="14" t="s">
        <v>15</v>
      </c>
      <c r="G129652" s="16">
        <v>0.50481636874706892</v>
      </c>
    </row>
    <row r="129653" spans="1:7" x14ac:dyDescent="0.3">
      <c r="A129653" s="13" t="s">
        <v>592</v>
      </c>
      <c r="B129653" s="14" t="s">
        <v>1</v>
      </c>
      <c r="C129653" s="14" t="s">
        <v>200</v>
      </c>
      <c r="D129653" s="14" t="s">
        <v>94</v>
      </c>
      <c r="E129653" s="15">
        <v>45454</v>
      </c>
      <c r="F129653" s="14" t="s">
        <v>15</v>
      </c>
      <c r="G129653" s="16">
        <v>0.52435473645594632</v>
      </c>
    </row>
    <row r="129654" spans="1:7" x14ac:dyDescent="0.3">
      <c r="A129654" s="13" t="s">
        <v>592</v>
      </c>
      <c r="B129654" s="14" t="s">
        <v>1</v>
      </c>
      <c r="C129654" s="14" t="s">
        <v>200</v>
      </c>
      <c r="D129654" s="14" t="s">
        <v>94</v>
      </c>
      <c r="E129654" s="15">
        <v>45455</v>
      </c>
      <c r="F129654" s="14" t="s">
        <v>15</v>
      </c>
      <c r="G129654" s="16">
        <v>0.53316603481359348</v>
      </c>
    </row>
    <row r="129655" spans="1:7" x14ac:dyDescent="0.3">
      <c r="A129655" s="13" t="s">
        <v>592</v>
      </c>
      <c r="B129655" s="14" t="s">
        <v>1</v>
      </c>
      <c r="C129655" s="14" t="s">
        <v>200</v>
      </c>
      <c r="D129655" s="14" t="s">
        <v>94</v>
      </c>
      <c r="E129655" s="15">
        <v>45456</v>
      </c>
      <c r="F129655" s="14" t="s">
        <v>15</v>
      </c>
      <c r="G129655" s="16">
        <v>0.53821894390949565</v>
      </c>
    </row>
    <row r="129656" spans="1:7" x14ac:dyDescent="0.3">
      <c r="A129656" s="13" t="s">
        <v>592</v>
      </c>
      <c r="B129656" s="14" t="s">
        <v>1</v>
      </c>
      <c r="C129656" s="14" t="s">
        <v>200</v>
      </c>
      <c r="D129656" s="14" t="s">
        <v>94</v>
      </c>
      <c r="E129656" s="15">
        <v>45457</v>
      </c>
      <c r="F129656" s="14" t="s">
        <v>15</v>
      </c>
      <c r="G129656" s="16">
        <v>0.54492733398973781</v>
      </c>
    </row>
    <row r="129657" spans="1:7" x14ac:dyDescent="0.3">
      <c r="A129657" s="13" t="s">
        <v>592</v>
      </c>
      <c r="B129657" s="14" t="s">
        <v>1</v>
      </c>
      <c r="C129657" s="14" t="s">
        <v>200</v>
      </c>
      <c r="D129657" s="14" t="s">
        <v>94</v>
      </c>
      <c r="E129657" s="15">
        <v>45458</v>
      </c>
      <c r="F129657" s="14" t="s">
        <v>15</v>
      </c>
      <c r="G129657" s="16">
        <v>0.54492733398973781</v>
      </c>
    </row>
    <row r="129658" spans="1:7" x14ac:dyDescent="0.3">
      <c r="A129658" s="13" t="s">
        <v>592</v>
      </c>
      <c r="B129658" s="14" t="s">
        <v>1</v>
      </c>
      <c r="C129658" s="14" t="s">
        <v>200</v>
      </c>
      <c r="D129658" s="14" t="s">
        <v>94</v>
      </c>
      <c r="E129658" s="15">
        <v>45459</v>
      </c>
      <c r="F129658" s="14" t="s">
        <v>15</v>
      </c>
      <c r="G129658" s="16">
        <v>0.54492733398973781</v>
      </c>
    </row>
    <row r="129659" spans="1:7" x14ac:dyDescent="0.3">
      <c r="A129659" s="13" t="s">
        <v>592</v>
      </c>
      <c r="B129659" s="14" t="s">
        <v>1</v>
      </c>
      <c r="C129659" s="14" t="s">
        <v>200</v>
      </c>
      <c r="D129659" s="14" t="s">
        <v>94</v>
      </c>
      <c r="E129659" s="15">
        <v>45460</v>
      </c>
      <c r="F129659" s="14" t="s">
        <v>15</v>
      </c>
      <c r="G129659" s="16">
        <v>0.56017039968519244</v>
      </c>
    </row>
    <row r="129660" spans="1:7" x14ac:dyDescent="0.3">
      <c r="A129660" s="13" t="s">
        <v>592</v>
      </c>
      <c r="B129660" s="14" t="s">
        <v>1</v>
      </c>
      <c r="C129660" s="14" t="s">
        <v>200</v>
      </c>
      <c r="D129660" s="14" t="s">
        <v>94</v>
      </c>
      <c r="E129660" s="15">
        <v>45461</v>
      </c>
      <c r="F129660" s="14" t="s">
        <v>15</v>
      </c>
      <c r="G129660" s="16">
        <v>0.57867968462002084</v>
      </c>
    </row>
    <row r="129661" spans="1:7" x14ac:dyDescent="0.3">
      <c r="A129661" s="13" t="s">
        <v>592</v>
      </c>
      <c r="B129661" s="14" t="s">
        <v>1</v>
      </c>
      <c r="C129661" s="14" t="s">
        <v>200</v>
      </c>
      <c r="D129661" s="14" t="s">
        <v>94</v>
      </c>
      <c r="E129661" s="15">
        <v>45462</v>
      </c>
      <c r="F129661" s="14" t="s">
        <v>15</v>
      </c>
      <c r="G129661" s="16">
        <v>0.57867968462002084</v>
      </c>
    </row>
    <row r="129662" spans="1:7" x14ac:dyDescent="0.3">
      <c r="A129662" s="13" t="s">
        <v>592</v>
      </c>
      <c r="B129662" s="14" t="s">
        <v>1</v>
      </c>
      <c r="C129662" s="14" t="s">
        <v>200</v>
      </c>
      <c r="D129662" s="14" t="s">
        <v>94</v>
      </c>
      <c r="E129662" s="15">
        <v>45463</v>
      </c>
      <c r="F129662" s="14" t="s">
        <v>15</v>
      </c>
      <c r="G129662" s="16">
        <v>0.58509724695977083</v>
      </c>
    </row>
    <row r="129663" spans="1:7" x14ac:dyDescent="0.3">
      <c r="A129663" s="13" t="s">
        <v>592</v>
      </c>
      <c r="B129663" s="14" t="s">
        <v>1</v>
      </c>
      <c r="C129663" s="14" t="s">
        <v>200</v>
      </c>
      <c r="D129663" s="14" t="s">
        <v>94</v>
      </c>
      <c r="E129663" s="15">
        <v>45464</v>
      </c>
      <c r="F129663" s="14" t="s">
        <v>15</v>
      </c>
      <c r="G129663" s="16">
        <v>0.59758863480287649</v>
      </c>
    </row>
    <row r="129664" spans="1:7" x14ac:dyDescent="0.3">
      <c r="A129664" s="13" t="s">
        <v>592</v>
      </c>
      <c r="B129664" s="14" t="s">
        <v>1</v>
      </c>
      <c r="C129664" s="14" t="s">
        <v>200</v>
      </c>
      <c r="D129664" s="14" t="s">
        <v>94</v>
      </c>
      <c r="E129664" s="15">
        <v>45465</v>
      </c>
      <c r="F129664" s="14" t="s">
        <v>15</v>
      </c>
      <c r="G129664" s="16">
        <v>0.59758863480287649</v>
      </c>
    </row>
    <row r="129665" spans="1:7" x14ac:dyDescent="0.3">
      <c r="A129665" s="13" t="s">
        <v>592</v>
      </c>
      <c r="B129665" s="14" t="s">
        <v>1</v>
      </c>
      <c r="C129665" s="14" t="s">
        <v>200</v>
      </c>
      <c r="D129665" s="14" t="s">
        <v>94</v>
      </c>
      <c r="E129665" s="15">
        <v>45466</v>
      </c>
      <c r="F129665" s="14" t="s">
        <v>15</v>
      </c>
      <c r="G129665" s="16">
        <v>0.59758863480287649</v>
      </c>
    </row>
    <row r="129666" spans="1:7" x14ac:dyDescent="0.3">
      <c r="A129666" s="13" t="s">
        <v>592</v>
      </c>
      <c r="B129666" s="14" t="s">
        <v>1</v>
      </c>
      <c r="C129666" s="14" t="s">
        <v>200</v>
      </c>
      <c r="D129666" s="14" t="s">
        <v>94</v>
      </c>
      <c r="E129666" s="15">
        <v>45467</v>
      </c>
      <c r="F129666" s="14" t="s">
        <v>15</v>
      </c>
      <c r="G129666" s="16">
        <v>0.60481156627014332</v>
      </c>
    </row>
    <row r="129667" spans="1:7" x14ac:dyDescent="0.3">
      <c r="A129667" s="13" t="s">
        <v>592</v>
      </c>
      <c r="B129667" s="14" t="s">
        <v>1</v>
      </c>
      <c r="C129667" s="14" t="s">
        <v>200</v>
      </c>
      <c r="D129667" s="14" t="s">
        <v>94</v>
      </c>
      <c r="E129667" s="15">
        <v>45468</v>
      </c>
      <c r="F129667" s="14" t="s">
        <v>15</v>
      </c>
      <c r="G129667" s="16">
        <v>0.62485328968371889</v>
      </c>
    </row>
    <row r="129668" spans="1:7" x14ac:dyDescent="0.3">
      <c r="A129668" s="13" t="s">
        <v>592</v>
      </c>
      <c r="B129668" s="14" t="s">
        <v>1</v>
      </c>
      <c r="C129668" s="14" t="s">
        <v>200</v>
      </c>
      <c r="D129668" s="14" t="s">
        <v>94</v>
      </c>
      <c r="E129668" s="15">
        <v>45469</v>
      </c>
      <c r="F129668" s="14" t="s">
        <v>15</v>
      </c>
      <c r="G129668" s="16">
        <v>0.63176302204584023</v>
      </c>
    </row>
    <row r="129669" spans="1:7" x14ac:dyDescent="0.3">
      <c r="A129669" s="13" t="s">
        <v>592</v>
      </c>
      <c r="B129669" s="14" t="s">
        <v>1</v>
      </c>
      <c r="C129669" s="14" t="s">
        <v>200</v>
      </c>
      <c r="D129669" s="14" t="s">
        <v>94</v>
      </c>
      <c r="E129669" s="15">
        <v>45470</v>
      </c>
      <c r="F129669" s="14" t="s">
        <v>15</v>
      </c>
      <c r="G129669" s="16">
        <v>0.63970183718201079</v>
      </c>
    </row>
    <row r="129670" spans="1:7" x14ac:dyDescent="0.3">
      <c r="A129670" s="13" t="s">
        <v>592</v>
      </c>
      <c r="B129670" s="14" t="s">
        <v>1</v>
      </c>
      <c r="C129670" s="14" t="s">
        <v>200</v>
      </c>
      <c r="D129670" s="14" t="s">
        <v>94</v>
      </c>
      <c r="E129670" s="15">
        <v>45471</v>
      </c>
      <c r="F129670" s="14" t="s">
        <v>15</v>
      </c>
      <c r="G129670" s="16">
        <v>0.64466526081929998</v>
      </c>
    </row>
    <row r="129671" spans="1:7" x14ac:dyDescent="0.3">
      <c r="A129671" s="13" t="s">
        <v>592</v>
      </c>
      <c r="B129671" s="14" t="s">
        <v>1</v>
      </c>
      <c r="C129671" s="14" t="s">
        <v>200</v>
      </c>
      <c r="D129671" s="14" t="s">
        <v>94</v>
      </c>
      <c r="E129671" s="15">
        <v>45472</v>
      </c>
      <c r="F129671" s="14" t="s">
        <v>15</v>
      </c>
      <c r="G129671" s="16">
        <v>0.64466526081929998</v>
      </c>
    </row>
    <row r="129672" spans="1:7" x14ac:dyDescent="0.3">
      <c r="A129672" s="13" t="s">
        <v>592</v>
      </c>
      <c r="B129672" s="14" t="s">
        <v>1</v>
      </c>
      <c r="C129672" s="14" t="s">
        <v>200</v>
      </c>
      <c r="D129672" s="14" t="s">
        <v>94</v>
      </c>
      <c r="E129672" s="15">
        <v>45473</v>
      </c>
      <c r="F129672" s="14" t="s">
        <v>15</v>
      </c>
      <c r="G129672" s="16">
        <v>0.64466526081929998</v>
      </c>
    </row>
    <row r="129673" spans="1:7" x14ac:dyDescent="0.3">
      <c r="A129673" s="13" t="s">
        <v>592</v>
      </c>
      <c r="B129673" s="14" t="s">
        <v>1</v>
      </c>
      <c r="C129673" s="14" t="s">
        <v>200</v>
      </c>
      <c r="D129673" s="14" t="s">
        <v>94</v>
      </c>
      <c r="E129673" s="15">
        <v>45474</v>
      </c>
      <c r="F129673" s="14" t="s">
        <v>15</v>
      </c>
      <c r="G129673" s="16">
        <v>0.65145195067582851</v>
      </c>
    </row>
    <row r="129674" spans="1:7" x14ac:dyDescent="0.3">
      <c r="A129674" s="13" t="s">
        <v>592</v>
      </c>
      <c r="B129674" s="14" t="s">
        <v>1</v>
      </c>
      <c r="C129674" s="14" t="s">
        <v>200</v>
      </c>
      <c r="D129674" s="14" t="s">
        <v>94</v>
      </c>
      <c r="E129674" s="15">
        <v>45475</v>
      </c>
      <c r="F129674" s="14" t="s">
        <v>15</v>
      </c>
      <c r="G129674" s="16">
        <v>0.67330575462631681</v>
      </c>
    </row>
    <row r="129675" spans="1:7" x14ac:dyDescent="0.3">
      <c r="A129675" s="13" t="s">
        <v>592</v>
      </c>
      <c r="B129675" s="14" t="s">
        <v>1</v>
      </c>
      <c r="C129675" s="14" t="s">
        <v>200</v>
      </c>
      <c r="D129675" s="14" t="s">
        <v>94</v>
      </c>
      <c r="E129675" s="15">
        <v>45476</v>
      </c>
      <c r="F129675" s="14" t="s">
        <v>15</v>
      </c>
      <c r="G129675" s="16">
        <v>0.67952197468418762</v>
      </c>
    </row>
    <row r="129676" spans="1:7" x14ac:dyDescent="0.3">
      <c r="A129676" s="13" t="s">
        <v>592</v>
      </c>
      <c r="B129676" s="14" t="s">
        <v>1</v>
      </c>
      <c r="C129676" s="14" t="s">
        <v>200</v>
      </c>
      <c r="D129676" s="14" t="s">
        <v>94</v>
      </c>
      <c r="E129676" s="15">
        <v>45477</v>
      </c>
      <c r="F129676" s="14" t="s">
        <v>15</v>
      </c>
      <c r="G129676" s="16">
        <v>0.67952197468418762</v>
      </c>
    </row>
    <row r="129677" spans="1:7" x14ac:dyDescent="0.3">
      <c r="A129677" s="13" t="s">
        <v>592</v>
      </c>
      <c r="B129677" s="14" t="s">
        <v>1</v>
      </c>
      <c r="C129677" s="14" t="s">
        <v>200</v>
      </c>
      <c r="D129677" s="14" t="s">
        <v>94</v>
      </c>
      <c r="E129677" s="15">
        <v>45478</v>
      </c>
      <c r="F129677" s="14" t="s">
        <v>15</v>
      </c>
      <c r="G129677" s="16">
        <v>0.68631985022304276</v>
      </c>
    </row>
    <row r="129678" spans="1:7" x14ac:dyDescent="0.3">
      <c r="A129678" s="13" t="s">
        <v>592</v>
      </c>
      <c r="B129678" s="14" t="s">
        <v>1</v>
      </c>
      <c r="C129678" s="14" t="s">
        <v>200</v>
      </c>
      <c r="D129678" s="14" t="s">
        <v>94</v>
      </c>
      <c r="E129678" s="15">
        <v>45479</v>
      </c>
      <c r="F129678" s="14" t="s">
        <v>15</v>
      </c>
      <c r="G129678" s="16">
        <v>0.68631985022304276</v>
      </c>
    </row>
    <row r="129679" spans="1:7" x14ac:dyDescent="0.3">
      <c r="A129679" s="13" t="s">
        <v>592</v>
      </c>
      <c r="B129679" s="14" t="s">
        <v>1</v>
      </c>
      <c r="C129679" s="14" t="s">
        <v>200</v>
      </c>
      <c r="D129679" s="14" t="s">
        <v>94</v>
      </c>
      <c r="E129679" s="15">
        <v>45480</v>
      </c>
      <c r="F129679" s="14" t="s">
        <v>15</v>
      </c>
      <c r="G129679" s="16">
        <v>0.68631985022304276</v>
      </c>
    </row>
    <row r="129680" spans="1:7" x14ac:dyDescent="0.3">
      <c r="A129680" s="13" t="s">
        <v>592</v>
      </c>
      <c r="B129680" s="14" t="s">
        <v>1</v>
      </c>
      <c r="C129680" s="14" t="s">
        <v>200</v>
      </c>
      <c r="D129680" s="14" t="s">
        <v>94</v>
      </c>
      <c r="E129680" s="15">
        <v>45481</v>
      </c>
      <c r="F129680" s="14" t="s">
        <v>15</v>
      </c>
      <c r="G129680" s="16">
        <v>0.69797231189165188</v>
      </c>
    </row>
    <row r="129681" spans="1:7" x14ac:dyDescent="0.3">
      <c r="A129681" s="13" t="s">
        <v>592</v>
      </c>
      <c r="B129681" s="14" t="s">
        <v>1</v>
      </c>
      <c r="C129681" s="14" t="s">
        <v>200</v>
      </c>
      <c r="D129681" s="14" t="s">
        <v>94</v>
      </c>
      <c r="E129681" s="15">
        <v>45482</v>
      </c>
      <c r="F129681" s="14" t="s">
        <v>15</v>
      </c>
      <c r="G129681" s="16">
        <v>0.71875229033878441</v>
      </c>
    </row>
    <row r="129682" spans="1:7" x14ac:dyDescent="0.3">
      <c r="A129682" s="13" t="s">
        <v>592</v>
      </c>
      <c r="B129682" s="14" t="s">
        <v>1</v>
      </c>
      <c r="C129682" s="14" t="s">
        <v>200</v>
      </c>
      <c r="D129682" s="14" t="s">
        <v>94</v>
      </c>
      <c r="E129682" s="15">
        <v>45483</v>
      </c>
      <c r="F129682" s="14" t="s">
        <v>15</v>
      </c>
      <c r="G129682" s="16">
        <v>0.72593047907674468</v>
      </c>
    </row>
    <row r="129683" spans="1:7" x14ac:dyDescent="0.3">
      <c r="A129683" s="13" t="s">
        <v>592</v>
      </c>
      <c r="B129683" s="14" t="s">
        <v>1</v>
      </c>
      <c r="C129683" s="14" t="s">
        <v>200</v>
      </c>
      <c r="D129683" s="14" t="s">
        <v>94</v>
      </c>
      <c r="E129683" s="15">
        <v>45484</v>
      </c>
      <c r="F129683" s="14" t="s">
        <v>15</v>
      </c>
      <c r="G129683" s="16">
        <v>0.73153148660665135</v>
      </c>
    </row>
    <row r="129684" spans="1:7" x14ac:dyDescent="0.3">
      <c r="A129684" s="13" t="s">
        <v>592</v>
      </c>
      <c r="B129684" s="14" t="s">
        <v>1</v>
      </c>
      <c r="C129684" s="14" t="s">
        <v>200</v>
      </c>
      <c r="D129684" s="14" t="s">
        <v>94</v>
      </c>
      <c r="E129684" s="15">
        <v>45485</v>
      </c>
      <c r="F129684" s="14" t="s">
        <v>15</v>
      </c>
      <c r="G129684" s="16">
        <v>0.73831817646317999</v>
      </c>
    </row>
    <row r="129685" spans="1:7" x14ac:dyDescent="0.3">
      <c r="A129685" s="13" t="s">
        <v>592</v>
      </c>
      <c r="B129685" s="14" t="s">
        <v>1</v>
      </c>
      <c r="C129685" s="14" t="s">
        <v>200</v>
      </c>
      <c r="D129685" s="14" t="s">
        <v>94</v>
      </c>
      <c r="E129685" s="15">
        <v>45486</v>
      </c>
      <c r="F129685" s="14" t="s">
        <v>15</v>
      </c>
      <c r="G129685" s="16">
        <v>0.73831817646317999</v>
      </c>
    </row>
    <row r="129686" spans="1:7" x14ac:dyDescent="0.3">
      <c r="A129686" s="13" t="s">
        <v>592</v>
      </c>
      <c r="B129686" s="14" t="s">
        <v>1</v>
      </c>
      <c r="C129686" s="14" t="s">
        <v>200</v>
      </c>
      <c r="D129686" s="14" t="s">
        <v>94</v>
      </c>
      <c r="E129686" s="15">
        <v>45487</v>
      </c>
      <c r="F129686" s="14" t="s">
        <v>15</v>
      </c>
      <c r="G129686" s="16">
        <v>0.73831817646317999</v>
      </c>
    </row>
    <row r="129687" spans="1:7" x14ac:dyDescent="0.3">
      <c r="A129687" s="13" t="s">
        <v>592</v>
      </c>
      <c r="B129687" s="14" t="s">
        <v>1</v>
      </c>
      <c r="C129687" s="14" t="s">
        <v>200</v>
      </c>
      <c r="D129687" s="14" t="s">
        <v>94</v>
      </c>
      <c r="E129687" s="15">
        <v>45488</v>
      </c>
      <c r="F129687" s="14" t="s">
        <v>15</v>
      </c>
      <c r="G129687" s="16">
        <v>0.74029502291926108</v>
      </c>
    </row>
    <row r="129688" spans="1:7" x14ac:dyDescent="0.3">
      <c r="A129688" s="13" t="s">
        <v>592</v>
      </c>
      <c r="B129688" s="14" t="s">
        <v>1</v>
      </c>
      <c r="C129688" s="14" t="s">
        <v>200</v>
      </c>
      <c r="D129688" s="14" t="s">
        <v>94</v>
      </c>
      <c r="E129688" s="15">
        <v>45489</v>
      </c>
      <c r="F129688" s="14" t="s">
        <v>15</v>
      </c>
      <c r="G129688" s="16">
        <v>0.76124278660129296</v>
      </c>
    </row>
    <row r="129689" spans="1:7" x14ac:dyDescent="0.3">
      <c r="A129689" s="13" t="s">
        <v>592</v>
      </c>
      <c r="B129689" s="14" t="s">
        <v>1</v>
      </c>
      <c r="C129689" s="14" t="s">
        <v>200</v>
      </c>
      <c r="D129689" s="14" t="s">
        <v>94</v>
      </c>
      <c r="E129689" s="15">
        <v>45490</v>
      </c>
      <c r="F129689" s="14" t="s">
        <v>15</v>
      </c>
      <c r="G129689" s="16">
        <v>0.75835386124529358</v>
      </c>
    </row>
    <row r="129690" spans="1:7" x14ac:dyDescent="0.3">
      <c r="A129690" s="13" t="s">
        <v>592</v>
      </c>
      <c r="B129690" s="14" t="s">
        <v>1</v>
      </c>
      <c r="C129690" s="14" t="s">
        <v>200</v>
      </c>
      <c r="D129690" s="14" t="s">
        <v>94</v>
      </c>
      <c r="E129690" s="15">
        <v>45491</v>
      </c>
      <c r="F129690" s="14" t="s">
        <v>15</v>
      </c>
      <c r="G129690" s="16">
        <v>0.7654761215716207</v>
      </c>
    </row>
    <row r="129691" spans="1:7" x14ac:dyDescent="0.3">
      <c r="A129691" s="13" t="s">
        <v>592</v>
      </c>
      <c r="B129691" s="14" t="s">
        <v>1</v>
      </c>
      <c r="C129691" s="14" t="s">
        <v>200</v>
      </c>
      <c r="D129691" s="14" t="s">
        <v>94</v>
      </c>
      <c r="E129691" s="15">
        <v>45492</v>
      </c>
      <c r="F129691" s="14" t="s">
        <v>15</v>
      </c>
      <c r="G129691" s="16">
        <v>0.77291158100309332</v>
      </c>
    </row>
    <row r="129692" spans="1:7" x14ac:dyDescent="0.3">
      <c r="A129692" s="13" t="s">
        <v>592</v>
      </c>
      <c r="B129692" s="14" t="s">
        <v>1</v>
      </c>
      <c r="C129692" s="14" t="s">
        <v>200</v>
      </c>
      <c r="D129692" s="14" t="s">
        <v>94</v>
      </c>
      <c r="E129692" s="15">
        <v>45493</v>
      </c>
      <c r="F129692" s="14" t="s">
        <v>15</v>
      </c>
      <c r="G129692" s="16">
        <v>0.77291158100309332</v>
      </c>
    </row>
    <row r="129693" spans="1:7" x14ac:dyDescent="0.3">
      <c r="A129693" s="13" t="s">
        <v>592</v>
      </c>
      <c r="B129693" s="14" t="s">
        <v>1</v>
      </c>
      <c r="C129693" s="14" t="s">
        <v>200</v>
      </c>
      <c r="D129693" s="14" t="s">
        <v>94</v>
      </c>
      <c r="E129693" s="15">
        <v>45494</v>
      </c>
      <c r="F129693" s="14" t="s">
        <v>15</v>
      </c>
      <c r="G129693" s="16">
        <v>0.77291158100309332</v>
      </c>
    </row>
    <row r="129694" spans="1:7" x14ac:dyDescent="0.3">
      <c r="A129694" s="13" t="s">
        <v>592</v>
      </c>
      <c r="B129694" s="14" t="s">
        <v>1</v>
      </c>
      <c r="C129694" s="14" t="s">
        <v>200</v>
      </c>
      <c r="D129694" s="14" t="s">
        <v>94</v>
      </c>
      <c r="E129694" s="15">
        <v>45495</v>
      </c>
      <c r="F129694" s="14" t="s">
        <v>15</v>
      </c>
      <c r="G129694" s="16">
        <v>0.77985487041219459</v>
      </c>
    </row>
    <row r="129695" spans="1:7" x14ac:dyDescent="0.3">
      <c r="A129695" s="13" t="s">
        <v>592</v>
      </c>
      <c r="B129695" s="14" t="s">
        <v>1</v>
      </c>
      <c r="C129695" s="14" t="s">
        <v>200</v>
      </c>
      <c r="D129695" s="14" t="s">
        <v>94</v>
      </c>
      <c r="E129695" s="15">
        <v>45496</v>
      </c>
      <c r="F129695" s="14" t="s">
        <v>15</v>
      </c>
      <c r="G129695" s="16">
        <v>0.80078026272957314</v>
      </c>
    </row>
    <row r="129696" spans="1:7" x14ac:dyDescent="0.3">
      <c r="A129696" s="13" t="s">
        <v>592</v>
      </c>
      <c r="B129696" s="14" t="s">
        <v>1</v>
      </c>
      <c r="C129696" s="14" t="s">
        <v>200</v>
      </c>
      <c r="D129696" s="14" t="s">
        <v>94</v>
      </c>
      <c r="E129696" s="15">
        <v>45497</v>
      </c>
      <c r="F129696" s="14" t="s">
        <v>15</v>
      </c>
      <c r="G129696" s="16">
        <v>0.80768999509169459</v>
      </c>
    </row>
    <row r="129697" spans="1:7" x14ac:dyDescent="0.3">
      <c r="A129697" s="13" t="s">
        <v>592</v>
      </c>
      <c r="B129697" s="14" t="s">
        <v>1</v>
      </c>
      <c r="C129697" s="14" t="s">
        <v>200</v>
      </c>
      <c r="D129697" s="14" t="s">
        <v>94</v>
      </c>
      <c r="E129697" s="15">
        <v>45498</v>
      </c>
      <c r="F129697" s="14" t="s">
        <v>15</v>
      </c>
      <c r="G129697" s="16">
        <v>0.81463328450079575</v>
      </c>
    </row>
    <row r="129698" spans="1:7" x14ac:dyDescent="0.3">
      <c r="A129698" s="13" t="s">
        <v>592</v>
      </c>
      <c r="B129698" s="14" t="s">
        <v>1</v>
      </c>
      <c r="C129698" s="14" t="s">
        <v>200</v>
      </c>
      <c r="D129698" s="14" t="s">
        <v>94</v>
      </c>
      <c r="E129698" s="15">
        <v>45499</v>
      </c>
      <c r="F129698" s="14" t="s">
        <v>15</v>
      </c>
      <c r="G129698" s="16">
        <v>0.82163250232153018</v>
      </c>
    </row>
    <row r="129699" spans="1:7" x14ac:dyDescent="0.3">
      <c r="A129699" s="13" t="s">
        <v>592</v>
      </c>
      <c r="B129699" s="14" t="s">
        <v>1</v>
      </c>
      <c r="C129699" s="14" t="s">
        <v>200</v>
      </c>
      <c r="D129699" s="14" t="s">
        <v>94</v>
      </c>
      <c r="E129699" s="15">
        <v>45500</v>
      </c>
      <c r="F129699" s="14" t="s">
        <v>15</v>
      </c>
      <c r="G129699" s="16">
        <v>0.82163250232153018</v>
      </c>
    </row>
    <row r="129700" spans="1:7" x14ac:dyDescent="0.3">
      <c r="A129700" s="13" t="s">
        <v>592</v>
      </c>
      <c r="B129700" s="14" t="s">
        <v>1</v>
      </c>
      <c r="C129700" s="14" t="s">
        <v>200</v>
      </c>
      <c r="D129700" s="14" t="s">
        <v>94</v>
      </c>
      <c r="E129700" s="15">
        <v>45501</v>
      </c>
      <c r="F129700" s="14" t="s">
        <v>15</v>
      </c>
      <c r="G129700" s="16">
        <v>0.82163250232153018</v>
      </c>
    </row>
    <row r="129701" spans="1:7" x14ac:dyDescent="0.3">
      <c r="A129701" s="13" t="s">
        <v>592</v>
      </c>
      <c r="B129701" s="14" t="s">
        <v>1</v>
      </c>
      <c r="C129701" s="14" t="s">
        <v>200</v>
      </c>
      <c r="D129701" s="14" t="s">
        <v>94</v>
      </c>
      <c r="E129701" s="15">
        <v>45502</v>
      </c>
      <c r="F129701" s="14" t="s">
        <v>15</v>
      </c>
      <c r="G129701" s="16">
        <v>0.83280397965009445</v>
      </c>
    </row>
    <row r="129702" spans="1:7" x14ac:dyDescent="0.3">
      <c r="A129702" s="13" t="s">
        <v>592</v>
      </c>
      <c r="B129702" s="14" t="s">
        <v>1</v>
      </c>
      <c r="C129702" s="14" t="s">
        <v>200</v>
      </c>
      <c r="D129702" s="14" t="s">
        <v>94</v>
      </c>
      <c r="E129702" s="15">
        <v>45503</v>
      </c>
      <c r="F129702" s="14" t="s">
        <v>15</v>
      </c>
      <c r="G129702" s="16">
        <v>0.8521521907594195</v>
      </c>
    </row>
    <row r="129703" spans="1:7" x14ac:dyDescent="0.3">
      <c r="A129703" s="13" t="s">
        <v>592</v>
      </c>
      <c r="B129703" s="14" t="s">
        <v>1</v>
      </c>
      <c r="C129703" s="14" t="s">
        <v>200</v>
      </c>
      <c r="D129703" s="14" t="s">
        <v>94</v>
      </c>
      <c r="E129703" s="15">
        <v>45504</v>
      </c>
      <c r="F129703" s="14" t="s">
        <v>15</v>
      </c>
      <c r="G129703" s="16">
        <v>0.85902836607456101</v>
      </c>
    </row>
    <row r="129704" spans="1:7" x14ac:dyDescent="0.3">
      <c r="A129704" s="13" t="s">
        <v>592</v>
      </c>
      <c r="B129704" s="14" t="s">
        <v>1</v>
      </c>
      <c r="C129704" s="14" t="s">
        <v>200</v>
      </c>
      <c r="D129704" s="14" t="s">
        <v>94</v>
      </c>
      <c r="E129704" s="15">
        <v>45505</v>
      </c>
      <c r="F129704" s="14" t="s">
        <v>15</v>
      </c>
      <c r="G129704" s="16">
        <v>0.86658686801162654</v>
      </c>
    </row>
    <row r="129705" spans="1:7" x14ac:dyDescent="0.3">
      <c r="A129705" s="13" t="s">
        <v>592</v>
      </c>
      <c r="B129705" s="14" t="s">
        <v>1</v>
      </c>
      <c r="C129705" s="14" t="s">
        <v>200</v>
      </c>
      <c r="D129705" s="14" t="s">
        <v>94</v>
      </c>
      <c r="E129705" s="15">
        <v>45506</v>
      </c>
      <c r="F129705" s="14" t="s">
        <v>15</v>
      </c>
      <c r="G129705" s="16">
        <v>0.88067780842743915</v>
      </c>
    </row>
    <row r="129706" spans="1:7" x14ac:dyDescent="0.3">
      <c r="A129706" s="13" t="s">
        <v>592</v>
      </c>
      <c r="B129706" s="14" t="s">
        <v>1</v>
      </c>
      <c r="C129706" s="14" t="s">
        <v>200</v>
      </c>
      <c r="D129706" s="14" t="s">
        <v>94</v>
      </c>
      <c r="E129706" s="15">
        <v>45507</v>
      </c>
      <c r="F129706" s="14" t="s">
        <v>15</v>
      </c>
      <c r="G129706" s="16">
        <v>0.88067780842743915</v>
      </c>
    </row>
    <row r="129707" spans="1:7" x14ac:dyDescent="0.3">
      <c r="A129707" s="13" t="s">
        <v>592</v>
      </c>
      <c r="B129707" s="14" t="s">
        <v>1</v>
      </c>
      <c r="C129707" s="14" t="s">
        <v>200</v>
      </c>
      <c r="D129707" s="14" t="s">
        <v>94</v>
      </c>
      <c r="E129707" s="15">
        <v>45508</v>
      </c>
      <c r="F129707" s="14" t="s">
        <v>15</v>
      </c>
      <c r="G129707" s="16">
        <v>0.88067780842743915</v>
      </c>
    </row>
    <row r="129708" spans="1:7" x14ac:dyDescent="0.3">
      <c r="A129708" s="13" t="s">
        <v>592</v>
      </c>
      <c r="B129708" s="14" t="s">
        <v>1</v>
      </c>
      <c r="C129708" s="14" t="s">
        <v>200</v>
      </c>
      <c r="D129708" s="14" t="s">
        <v>94</v>
      </c>
      <c r="E129708" s="15">
        <v>45509</v>
      </c>
      <c r="F129708" s="14" t="s">
        <v>15</v>
      </c>
      <c r="G129708" s="16">
        <v>0.88067780842743915</v>
      </c>
    </row>
    <row r="129709" spans="1:7" x14ac:dyDescent="0.3">
      <c r="A129709" s="13" t="s">
        <v>592</v>
      </c>
      <c r="B129709" s="14" t="s">
        <v>1</v>
      </c>
      <c r="C129709" s="14" t="s">
        <v>200</v>
      </c>
      <c r="D129709" s="14" t="s">
        <v>94</v>
      </c>
      <c r="E129709" s="15">
        <v>45510</v>
      </c>
      <c r="F129709" s="14" t="s">
        <v>15</v>
      </c>
      <c r="G129709" s="16">
        <v>0.89427657882088052</v>
      </c>
    </row>
    <row r="129710" spans="1:7" x14ac:dyDescent="0.3">
      <c r="A129710" s="13" t="s">
        <v>592</v>
      </c>
      <c r="B129710" s="14" t="s">
        <v>1</v>
      </c>
      <c r="C129710" s="14" t="s">
        <v>200</v>
      </c>
      <c r="D129710" s="14" t="s">
        <v>94</v>
      </c>
      <c r="E129710" s="15">
        <v>45511</v>
      </c>
      <c r="F129710" s="14" t="s">
        <v>15</v>
      </c>
      <c r="G129710" s="16">
        <v>0.92124223959463492</v>
      </c>
    </row>
    <row r="129711" spans="1:7" x14ac:dyDescent="0.3">
      <c r="A129711" s="13" t="s">
        <v>592</v>
      </c>
      <c r="B129711" s="14" t="s">
        <v>1</v>
      </c>
      <c r="C129711" s="14" t="s">
        <v>200</v>
      </c>
      <c r="D129711" s="14" t="s">
        <v>94</v>
      </c>
      <c r="E129711" s="15">
        <v>45512</v>
      </c>
      <c r="F129711" s="14" t="s">
        <v>15</v>
      </c>
      <c r="G129711" s="16">
        <v>0.9276486162520583</v>
      </c>
    </row>
    <row r="129712" spans="1:7" x14ac:dyDescent="0.3">
      <c r="A129712" s="13" t="s">
        <v>592</v>
      </c>
      <c r="B129712" s="14" t="s">
        <v>1</v>
      </c>
      <c r="C129712" s="14" t="s">
        <v>200</v>
      </c>
      <c r="D129712" s="14" t="s">
        <v>94</v>
      </c>
      <c r="E129712" s="15">
        <v>45513</v>
      </c>
      <c r="F129712" s="14" t="s">
        <v>15</v>
      </c>
      <c r="G129712" s="16">
        <v>0.93377535085131602</v>
      </c>
    </row>
    <row r="129713" spans="1:7" x14ac:dyDescent="0.3">
      <c r="A129713" s="13" t="s">
        <v>592</v>
      </c>
      <c r="B129713" s="14" t="s">
        <v>1</v>
      </c>
      <c r="C129713" s="14" t="s">
        <v>200</v>
      </c>
      <c r="D129713" s="14" t="s">
        <v>94</v>
      </c>
      <c r="E129713" s="15">
        <v>45514</v>
      </c>
      <c r="F129713" s="14" t="s">
        <v>15</v>
      </c>
      <c r="G129713" s="16">
        <v>0.93377535085131602</v>
      </c>
    </row>
    <row r="129714" spans="1:7" x14ac:dyDescent="0.3">
      <c r="A129714" s="13" t="s">
        <v>592</v>
      </c>
      <c r="B129714" s="14" t="s">
        <v>1</v>
      </c>
      <c r="C129714" s="14" t="s">
        <v>200</v>
      </c>
      <c r="D129714" s="14" t="s">
        <v>94</v>
      </c>
      <c r="E129714" s="15">
        <v>45515</v>
      </c>
      <c r="F129714" s="14" t="s">
        <v>15</v>
      </c>
      <c r="G129714" s="16">
        <v>0.93377535085131602</v>
      </c>
    </row>
    <row r="129715" spans="1:7" x14ac:dyDescent="0.3">
      <c r="A129715" s="13" t="s">
        <v>592</v>
      </c>
      <c r="B129715" s="14" t="s">
        <v>1</v>
      </c>
      <c r="C129715" s="14" t="s">
        <v>200</v>
      </c>
      <c r="D129715" s="14" t="s">
        <v>94</v>
      </c>
      <c r="E129715" s="15">
        <v>45516</v>
      </c>
      <c r="F129715" s="14" t="s">
        <v>15</v>
      </c>
      <c r="G129715" s="16">
        <v>0.93891774540583117</v>
      </c>
    </row>
    <row r="129716" spans="1:7" x14ac:dyDescent="0.3">
      <c r="A129716" s="13" t="s">
        <v>592</v>
      </c>
      <c r="B129716" s="14" t="s">
        <v>1</v>
      </c>
      <c r="C129716" s="14" t="s">
        <v>200</v>
      </c>
      <c r="D129716" s="14" t="s">
        <v>94</v>
      </c>
      <c r="E129716" s="15">
        <v>45517</v>
      </c>
      <c r="F129716" s="14" t="s">
        <v>15</v>
      </c>
      <c r="G129716" s="16">
        <v>0.95709145987086075</v>
      </c>
    </row>
    <row r="129717" spans="1:7" x14ac:dyDescent="0.3">
      <c r="A129717" s="13" t="s">
        <v>592</v>
      </c>
      <c r="B129717" s="14" t="s">
        <v>1</v>
      </c>
      <c r="C129717" s="14" t="s">
        <v>200</v>
      </c>
      <c r="D129717" s="14" t="s">
        <v>94</v>
      </c>
      <c r="E129717" s="15">
        <v>45518</v>
      </c>
      <c r="F129717" s="14" t="s">
        <v>15</v>
      </c>
      <c r="G129717" s="16">
        <v>0.96439269111441395</v>
      </c>
    </row>
    <row r="129718" spans="1:7" x14ac:dyDescent="0.3">
      <c r="A129718" s="13" t="s">
        <v>592</v>
      </c>
      <c r="B129718" s="14" t="s">
        <v>1</v>
      </c>
      <c r="C129718" s="14" t="s">
        <v>200</v>
      </c>
      <c r="D129718" s="14" t="s">
        <v>94</v>
      </c>
      <c r="E129718" s="15">
        <v>45519</v>
      </c>
      <c r="F129718" s="14" t="s">
        <v>15</v>
      </c>
      <c r="G129718" s="16">
        <v>0.9708773675481237</v>
      </c>
    </row>
    <row r="129719" spans="1:7" x14ac:dyDescent="0.3">
      <c r="A129719" s="13" t="s">
        <v>592</v>
      </c>
      <c r="B129719" s="14" t="s">
        <v>1</v>
      </c>
      <c r="C129719" s="14" t="s">
        <v>200</v>
      </c>
      <c r="D129719" s="14" t="s">
        <v>94</v>
      </c>
      <c r="E129719" s="15">
        <v>45520</v>
      </c>
      <c r="F129719" s="14" t="s">
        <v>15</v>
      </c>
      <c r="G129719" s="16">
        <v>0.97731730125252703</v>
      </c>
    </row>
    <row r="129720" spans="1:7" x14ac:dyDescent="0.3">
      <c r="A129720" s="13" t="s">
        <v>592</v>
      </c>
      <c r="B129720" s="14" t="s">
        <v>1</v>
      </c>
      <c r="C129720" s="14" t="s">
        <v>200</v>
      </c>
      <c r="D129720" s="14" t="s">
        <v>94</v>
      </c>
      <c r="E129720" s="15">
        <v>45521</v>
      </c>
      <c r="F129720" s="14" t="s">
        <v>15</v>
      </c>
      <c r="G129720" s="16">
        <v>0.97731730125252703</v>
      </c>
    </row>
    <row r="129721" spans="1:7" x14ac:dyDescent="0.3">
      <c r="A129721" s="13" t="s">
        <v>592</v>
      </c>
      <c r="B129721" s="14" t="s">
        <v>1</v>
      </c>
      <c r="C129721" s="14" t="s">
        <v>200</v>
      </c>
      <c r="D129721" s="14" t="s">
        <v>94</v>
      </c>
      <c r="E129721" s="15">
        <v>45522</v>
      </c>
      <c r="F129721" s="14" t="s">
        <v>15</v>
      </c>
      <c r="G129721" s="16">
        <v>0.97731730125252703</v>
      </c>
    </row>
    <row r="129722" spans="1:7" x14ac:dyDescent="0.3">
      <c r="A129722" s="13" t="s">
        <v>592</v>
      </c>
      <c r="B129722" s="14" t="s">
        <v>1</v>
      </c>
      <c r="C129722" s="14" t="s">
        <v>200</v>
      </c>
      <c r="D129722" s="14" t="s">
        <v>94</v>
      </c>
      <c r="E129722" s="15">
        <v>45523</v>
      </c>
      <c r="F129722" s="14" t="s">
        <v>15</v>
      </c>
      <c r="G129722" s="16">
        <v>0.98367893518064387</v>
      </c>
    </row>
    <row r="129723" spans="1:7" x14ac:dyDescent="0.3">
      <c r="A129723" s="13" t="s">
        <v>592</v>
      </c>
      <c r="B129723" s="14" t="s">
        <v>1</v>
      </c>
      <c r="C129723" s="14" t="s">
        <v>200</v>
      </c>
      <c r="D129723" s="14" t="s">
        <v>94</v>
      </c>
      <c r="E129723" s="15">
        <v>45524</v>
      </c>
      <c r="F129723" s="14" t="s">
        <v>15</v>
      </c>
      <c r="G129723" s="16">
        <v>1.0017967212340404</v>
      </c>
    </row>
    <row r="129724" spans="1:7" x14ac:dyDescent="0.3">
      <c r="A129724" s="13" t="s">
        <v>592</v>
      </c>
      <c r="B129724" s="14" t="s">
        <v>1</v>
      </c>
      <c r="C129724" s="14" t="s">
        <v>200</v>
      </c>
      <c r="D129724" s="14" t="s">
        <v>94</v>
      </c>
      <c r="E129724" s="15">
        <v>45525</v>
      </c>
      <c r="F129724" s="14" t="s">
        <v>15</v>
      </c>
      <c r="G129724" s="16">
        <v>1.0071516437527614</v>
      </c>
    </row>
    <row r="129725" spans="1:7" x14ac:dyDescent="0.3">
      <c r="A129725" s="13" t="s">
        <v>592</v>
      </c>
      <c r="B129725" s="14" t="s">
        <v>1</v>
      </c>
      <c r="C129725" s="14" t="s">
        <v>200</v>
      </c>
      <c r="D129725" s="14" t="s">
        <v>94</v>
      </c>
      <c r="E129725" s="15">
        <v>45526</v>
      </c>
      <c r="F129725" s="14" t="s">
        <v>15</v>
      </c>
      <c r="G129725" s="16">
        <v>1.016891353743518</v>
      </c>
    </row>
    <row r="129726" spans="1:7" x14ac:dyDescent="0.3">
      <c r="A129726" s="13" t="s">
        <v>592</v>
      </c>
      <c r="B129726" s="14" t="s">
        <v>1</v>
      </c>
      <c r="C129726" s="14" t="s">
        <v>200</v>
      </c>
      <c r="D129726" s="14" t="s">
        <v>94</v>
      </c>
      <c r="E129726" s="15">
        <v>45527</v>
      </c>
      <c r="F129726" s="14" t="s">
        <v>15</v>
      </c>
      <c r="G129726" s="16">
        <v>1.0209599227946775</v>
      </c>
    </row>
    <row r="129727" spans="1:7" x14ac:dyDescent="0.3">
      <c r="A129727" s="13" t="s">
        <v>592</v>
      </c>
      <c r="B129727" s="14" t="s">
        <v>1</v>
      </c>
      <c r="C129727" s="14" t="s">
        <v>200</v>
      </c>
      <c r="D129727" s="14" t="s">
        <v>94</v>
      </c>
      <c r="E129727" s="15">
        <v>45528</v>
      </c>
      <c r="F129727" s="14" t="s">
        <v>15</v>
      </c>
      <c r="G129727" s="16">
        <v>1.0209599227946775</v>
      </c>
    </row>
    <row r="129728" spans="1:7" x14ac:dyDescent="0.3">
      <c r="A129728" s="13" t="s">
        <v>592</v>
      </c>
      <c r="B129728" s="14" t="s">
        <v>1</v>
      </c>
      <c r="C129728" s="14" t="s">
        <v>200</v>
      </c>
      <c r="D129728" s="14" t="s">
        <v>94</v>
      </c>
      <c r="E129728" s="15">
        <v>45529</v>
      </c>
      <c r="F129728" s="14" t="s">
        <v>15</v>
      </c>
      <c r="G129728" s="16">
        <v>1.0209599227946775</v>
      </c>
    </row>
    <row r="129729" spans="1:7" x14ac:dyDescent="0.3">
      <c r="A129729" s="13" t="s">
        <v>592</v>
      </c>
      <c r="B129729" s="14" t="s">
        <v>1</v>
      </c>
      <c r="C129729" s="14" t="s">
        <v>200</v>
      </c>
      <c r="D129729" s="14" t="s">
        <v>94</v>
      </c>
      <c r="E129729" s="15">
        <v>45530</v>
      </c>
      <c r="F129729" s="14" t="s">
        <v>15</v>
      </c>
      <c r="G129729" s="16">
        <v>1.0350173061635104</v>
      </c>
    </row>
    <row r="129730" spans="1:7" x14ac:dyDescent="0.3">
      <c r="A129730" s="13" t="s">
        <v>592</v>
      </c>
      <c r="B129730" s="14" t="s">
        <v>1</v>
      </c>
      <c r="C129730" s="14" t="s">
        <v>200</v>
      </c>
      <c r="D129730" s="14" t="s">
        <v>94</v>
      </c>
      <c r="E129730" s="15">
        <v>45531</v>
      </c>
      <c r="F129730" s="14" t="s">
        <v>15</v>
      </c>
      <c r="G129730" s="16">
        <v>1.0530344210759672</v>
      </c>
    </row>
    <row r="129731" spans="1:7" x14ac:dyDescent="0.3">
      <c r="A129731" s="13" t="s">
        <v>592</v>
      </c>
      <c r="B129731" s="14" t="s">
        <v>1</v>
      </c>
      <c r="C129731" s="14" t="s">
        <v>200</v>
      </c>
      <c r="D129731" s="14" t="s">
        <v>94</v>
      </c>
      <c r="E129731" s="15">
        <v>45532</v>
      </c>
      <c r="F129731" s="14" t="s">
        <v>15</v>
      </c>
      <c r="G129731" s="16">
        <v>1.0587137283821602</v>
      </c>
    </row>
    <row r="129732" spans="1:7" x14ac:dyDescent="0.3">
      <c r="A129732" s="13" t="s">
        <v>592</v>
      </c>
      <c r="B129732" s="14" t="s">
        <v>1</v>
      </c>
      <c r="C129732" s="14" t="s">
        <v>200</v>
      </c>
      <c r="D129732" s="14" t="s">
        <v>94</v>
      </c>
      <c r="E129732" s="15">
        <v>45533</v>
      </c>
      <c r="F129732" s="14" t="s">
        <v>15</v>
      </c>
      <c r="G129732" s="16">
        <v>1.0641581363594941</v>
      </c>
    </row>
    <row r="129733" spans="1:7" x14ac:dyDescent="0.3">
      <c r="A129733" s="13" t="s">
        <v>592</v>
      </c>
      <c r="B129733" s="14" t="s">
        <v>1</v>
      </c>
      <c r="C129733" s="14" t="s">
        <v>200</v>
      </c>
      <c r="D129733" s="14" t="s">
        <v>94</v>
      </c>
      <c r="E129733" s="15">
        <v>45534</v>
      </c>
      <c r="F129733" s="14" t="s">
        <v>15</v>
      </c>
      <c r="G129733" s="16">
        <v>1.0737636181623313</v>
      </c>
    </row>
    <row r="129734" spans="1:7" x14ac:dyDescent="0.3">
      <c r="A129734" s="13" t="s">
        <v>592</v>
      </c>
      <c r="B129734" s="14" t="s">
        <v>1</v>
      </c>
      <c r="C129734" s="14" t="s">
        <v>200</v>
      </c>
      <c r="D129734" s="14" t="s">
        <v>94</v>
      </c>
      <c r="E129734" s="15">
        <v>45535</v>
      </c>
      <c r="F129734" s="14" t="s">
        <v>15</v>
      </c>
      <c r="G129734" s="16">
        <v>1.0737636181623313</v>
      </c>
    </row>
    <row r="129735" spans="1:7" x14ac:dyDescent="0.3">
      <c r="A129735" s="13" t="s">
        <v>592</v>
      </c>
      <c r="B129735" s="14" t="s">
        <v>1</v>
      </c>
      <c r="C129735" s="14" t="s">
        <v>200</v>
      </c>
      <c r="D129735" s="14" t="s">
        <v>94</v>
      </c>
      <c r="E129735" s="15">
        <v>45536</v>
      </c>
      <c r="F129735" s="14" t="s">
        <v>15</v>
      </c>
      <c r="G129735" s="16">
        <v>1.0737636181623313</v>
      </c>
    </row>
    <row r="129736" spans="1:7" x14ac:dyDescent="0.3">
      <c r="A129736" s="13" t="s">
        <v>592</v>
      </c>
      <c r="B129736" s="14" t="s">
        <v>1</v>
      </c>
      <c r="C129736" s="14" t="s">
        <v>200</v>
      </c>
      <c r="D129736" s="14" t="s">
        <v>94</v>
      </c>
      <c r="E129736" s="15">
        <v>45537</v>
      </c>
      <c r="F129736" s="14" t="s">
        <v>15</v>
      </c>
      <c r="G129736" s="16">
        <v>1.0737636181623313</v>
      </c>
    </row>
    <row r="129737" spans="1:7" x14ac:dyDescent="0.3">
      <c r="A129737" s="13" t="s">
        <v>592</v>
      </c>
      <c r="B129737" s="14" t="s">
        <v>1</v>
      </c>
      <c r="C129737" s="14" t="s">
        <v>200</v>
      </c>
      <c r="D129737" s="14" t="s">
        <v>94</v>
      </c>
      <c r="E129737" s="15">
        <v>45538</v>
      </c>
      <c r="F129737" s="14" t="s">
        <v>15</v>
      </c>
      <c r="G129737" s="16">
        <v>1.0798232386676294</v>
      </c>
    </row>
    <row r="129738" spans="1:7" x14ac:dyDescent="0.3">
      <c r="A129738" s="13" t="s">
        <v>592</v>
      </c>
      <c r="B129738" s="14" t="s">
        <v>1</v>
      </c>
      <c r="C129738" s="14" t="s">
        <v>200</v>
      </c>
      <c r="D129738" s="14" t="s">
        <v>94</v>
      </c>
      <c r="E129738" s="15">
        <v>45539</v>
      </c>
      <c r="F129738" s="14" t="s">
        <v>15</v>
      </c>
      <c r="G129738" s="16">
        <v>1.1005584743854555</v>
      </c>
    </row>
    <row r="129739" spans="1:7" x14ac:dyDescent="0.3">
      <c r="A129739" s="13" t="s">
        <v>592</v>
      </c>
      <c r="B129739" s="14" t="s">
        <v>1</v>
      </c>
      <c r="C129739" s="14" t="s">
        <v>200</v>
      </c>
      <c r="D129739" s="14" t="s">
        <v>94</v>
      </c>
      <c r="E129739" s="15">
        <v>45540</v>
      </c>
      <c r="F129739" s="14" t="s">
        <v>15</v>
      </c>
      <c r="G129739" s="16">
        <v>1.1067075803493667</v>
      </c>
    </row>
    <row r="129740" spans="1:7" x14ac:dyDescent="0.3">
      <c r="A129740" s="13" t="s">
        <v>592</v>
      </c>
      <c r="B129740" s="14" t="s">
        <v>1</v>
      </c>
      <c r="C129740" s="14" t="s">
        <v>200</v>
      </c>
      <c r="D129740" s="14" t="s">
        <v>94</v>
      </c>
      <c r="E129740" s="15">
        <v>45541</v>
      </c>
      <c r="F129740" s="14" t="s">
        <v>15</v>
      </c>
      <c r="G129740" s="16">
        <v>1.1133376706533225</v>
      </c>
    </row>
    <row r="129741" spans="1:7" x14ac:dyDescent="0.3">
      <c r="A129741" s="13" t="s">
        <v>592</v>
      </c>
      <c r="B129741" s="14" t="s">
        <v>1</v>
      </c>
      <c r="C129741" s="14" t="s">
        <v>200</v>
      </c>
      <c r="D129741" s="14" t="s">
        <v>94</v>
      </c>
      <c r="E129741" s="15">
        <v>45542</v>
      </c>
      <c r="F129741" s="14" t="s">
        <v>15</v>
      </c>
      <c r="G129741" s="16">
        <v>1.1133376706533225</v>
      </c>
    </row>
    <row r="129742" spans="1:7" x14ac:dyDescent="0.3">
      <c r="A129742" s="13" t="s">
        <v>592</v>
      </c>
      <c r="B129742" s="14" t="s">
        <v>1</v>
      </c>
      <c r="C129742" s="14" t="s">
        <v>200</v>
      </c>
      <c r="D129742" s="14" t="s">
        <v>94</v>
      </c>
      <c r="E129742" s="15">
        <v>45543</v>
      </c>
      <c r="F129742" s="14" t="s">
        <v>15</v>
      </c>
      <c r="G129742" s="16">
        <v>1.1133376706533225</v>
      </c>
    </row>
    <row r="129743" spans="1:7" x14ac:dyDescent="0.3">
      <c r="A129743" s="13" t="s">
        <v>592</v>
      </c>
      <c r="B129743" s="14" t="s">
        <v>1</v>
      </c>
      <c r="C129743" s="14" t="s">
        <v>200</v>
      </c>
      <c r="D129743" s="14" t="s">
        <v>94</v>
      </c>
      <c r="E129743" s="15">
        <v>45544</v>
      </c>
      <c r="F129743" s="14" t="s">
        <v>15</v>
      </c>
      <c r="G129743" s="16">
        <v>1.1218245842234975</v>
      </c>
    </row>
    <row r="129744" spans="1:7" x14ac:dyDescent="0.3">
      <c r="A129744" s="13" t="s">
        <v>592</v>
      </c>
      <c r="B129744" s="14" t="s">
        <v>1</v>
      </c>
      <c r="C129744" s="14" t="s">
        <v>200</v>
      </c>
      <c r="D129744" s="14" t="s">
        <v>94</v>
      </c>
      <c r="E129744" s="15">
        <v>45545</v>
      </c>
      <c r="F129744" s="14" t="s">
        <v>15</v>
      </c>
      <c r="G129744" s="16">
        <v>1.138521788621413</v>
      </c>
    </row>
    <row r="129745" spans="1:7" x14ac:dyDescent="0.3">
      <c r="A129745" s="13" t="s">
        <v>592</v>
      </c>
      <c r="B129745" s="14" t="s">
        <v>1</v>
      </c>
      <c r="C129745" s="14" t="s">
        <v>200</v>
      </c>
      <c r="D129745" s="14" t="s">
        <v>94</v>
      </c>
      <c r="E129745" s="15">
        <v>45546</v>
      </c>
      <c r="F129745" s="14" t="s">
        <v>15</v>
      </c>
      <c r="G129745" s="16">
        <v>1.1461697760170915</v>
      </c>
    </row>
    <row r="129746" spans="1:7" x14ac:dyDescent="0.3">
      <c r="A129746" s="13" t="s">
        <v>592</v>
      </c>
      <c r="B129746" s="14" t="s">
        <v>1</v>
      </c>
      <c r="C129746" s="14" t="s">
        <v>200</v>
      </c>
      <c r="D129746" s="14" t="s">
        <v>94</v>
      </c>
      <c r="E129746" s="15">
        <v>45547</v>
      </c>
      <c r="F129746" s="14" t="s">
        <v>15</v>
      </c>
      <c r="G129746" s="16">
        <v>1.1521958394754097</v>
      </c>
    </row>
    <row r="129747" spans="1:7" x14ac:dyDescent="0.3">
      <c r="A129747" s="13" t="s">
        <v>592</v>
      </c>
      <c r="B129747" s="14" t="s">
        <v>1</v>
      </c>
      <c r="C129747" s="14" t="s">
        <v>200</v>
      </c>
      <c r="D129747" s="14" t="s">
        <v>94</v>
      </c>
      <c r="E129747" s="15">
        <v>45548</v>
      </c>
      <c r="F129747" s="14" t="s">
        <v>15</v>
      </c>
      <c r="G129747" s="16">
        <v>1.1578863324639295</v>
      </c>
    </row>
    <row r="129748" spans="1:7" x14ac:dyDescent="0.3">
      <c r="A129748" s="13" t="s">
        <v>592</v>
      </c>
      <c r="B129748" s="14" t="s">
        <v>1</v>
      </c>
      <c r="C129748" s="14" t="s">
        <v>200</v>
      </c>
      <c r="D129748" s="14" t="s">
        <v>94</v>
      </c>
      <c r="E129748" s="15">
        <v>45549</v>
      </c>
      <c r="F129748" s="14" t="s">
        <v>15</v>
      </c>
      <c r="G129748" s="16">
        <v>1.1578863324639295</v>
      </c>
    </row>
    <row r="129749" spans="1:7" x14ac:dyDescent="0.3">
      <c r="A129749" s="13" t="s">
        <v>592</v>
      </c>
      <c r="B129749" s="14" t="s">
        <v>1</v>
      </c>
      <c r="C129749" s="14" t="s">
        <v>200</v>
      </c>
      <c r="D129749" s="14" t="s">
        <v>94</v>
      </c>
      <c r="E129749" s="15">
        <v>45550</v>
      </c>
      <c r="F129749" s="14" t="s">
        <v>15</v>
      </c>
      <c r="G129749" s="16">
        <v>1.1578863324639295</v>
      </c>
    </row>
    <row r="129750" spans="1:7" x14ac:dyDescent="0.3">
      <c r="A129750" s="13" t="s">
        <v>592</v>
      </c>
      <c r="B129750" s="14" t="s">
        <v>1</v>
      </c>
      <c r="C129750" s="14" t="s">
        <v>200</v>
      </c>
      <c r="D129750" s="14" t="s">
        <v>94</v>
      </c>
      <c r="E129750" s="15">
        <v>45551</v>
      </c>
      <c r="F129750" s="14" t="s">
        <v>15</v>
      </c>
      <c r="G129750" s="16">
        <v>1.1638900245575945</v>
      </c>
    </row>
    <row r="129751" spans="1:7" x14ac:dyDescent="0.3">
      <c r="A129751" s="13" t="s">
        <v>592</v>
      </c>
      <c r="B129751" s="14" t="s">
        <v>1</v>
      </c>
      <c r="C129751" s="14" t="s">
        <v>200</v>
      </c>
      <c r="D129751" s="14" t="s">
        <v>94</v>
      </c>
      <c r="E129751" s="15">
        <v>45552</v>
      </c>
      <c r="F129751" s="14" t="s">
        <v>15</v>
      </c>
      <c r="G129751" s="16">
        <v>1.1796252602754207</v>
      </c>
    </row>
    <row r="129752" spans="1:7" x14ac:dyDescent="0.3">
      <c r="A129752" s="13" t="s">
        <v>592</v>
      </c>
      <c r="B129752" s="14" t="s">
        <v>1</v>
      </c>
      <c r="C129752" s="14" t="s">
        <v>200</v>
      </c>
      <c r="D129752" s="14" t="s">
        <v>94</v>
      </c>
      <c r="E129752" s="15">
        <v>45553</v>
      </c>
      <c r="F129752" s="14" t="s">
        <v>15</v>
      </c>
      <c r="G129752" s="16">
        <v>1.1859309657919046</v>
      </c>
    </row>
    <row r="129753" spans="1:7" x14ac:dyDescent="0.3">
      <c r="A129753" s="13" t="s">
        <v>592</v>
      </c>
      <c r="B129753" s="14" t="s">
        <v>1</v>
      </c>
      <c r="C129753" s="14" t="s">
        <v>200</v>
      </c>
      <c r="D129753" s="14" t="s">
        <v>94</v>
      </c>
      <c r="E129753" s="15">
        <v>45554</v>
      </c>
      <c r="F129753" s="14" t="s">
        <v>15</v>
      </c>
      <c r="G129753" s="16">
        <v>1.192158371532102</v>
      </c>
    </row>
    <row r="129754" spans="1:7" x14ac:dyDescent="0.3">
      <c r="A129754" s="13" t="s">
        <v>592</v>
      </c>
      <c r="B129754" s="14" t="s">
        <v>1</v>
      </c>
      <c r="C129754" s="14" t="s">
        <v>200</v>
      </c>
      <c r="D129754" s="14" t="s">
        <v>94</v>
      </c>
      <c r="E129754" s="15">
        <v>45555</v>
      </c>
      <c r="F129754" s="14" t="s">
        <v>15</v>
      </c>
      <c r="G129754" s="16">
        <v>1.1998063589277808</v>
      </c>
    </row>
    <row r="129755" spans="1:7" x14ac:dyDescent="0.3">
      <c r="A129755" s="13" t="s">
        <v>592</v>
      </c>
      <c r="B129755" s="14" t="s">
        <v>1</v>
      </c>
      <c r="C129755" s="14" t="s">
        <v>200</v>
      </c>
      <c r="D129755" s="14" t="s">
        <v>94</v>
      </c>
      <c r="E129755" s="15">
        <v>45556</v>
      </c>
      <c r="F129755" s="14" t="s">
        <v>15</v>
      </c>
      <c r="G129755" s="16">
        <v>1.1998063589277808</v>
      </c>
    </row>
    <row r="129756" spans="1:7" x14ac:dyDescent="0.3">
      <c r="A129756" s="13" t="s">
        <v>592</v>
      </c>
      <c r="B129756" s="14" t="s">
        <v>1</v>
      </c>
      <c r="C129756" s="14" t="s">
        <v>200</v>
      </c>
      <c r="D129756" s="14" t="s">
        <v>94</v>
      </c>
      <c r="E129756" s="15">
        <v>45557</v>
      </c>
      <c r="F129756" s="14" t="s">
        <v>15</v>
      </c>
      <c r="G129756" s="16">
        <v>1.1998063589277808</v>
      </c>
    </row>
    <row r="129757" spans="1:7" x14ac:dyDescent="0.3">
      <c r="A129757" s="13" t="s">
        <v>592</v>
      </c>
      <c r="B129757" s="14" t="s">
        <v>1</v>
      </c>
      <c r="C129757" s="14" t="s">
        <v>200</v>
      </c>
      <c r="D129757" s="14" t="s">
        <v>94</v>
      </c>
      <c r="E129757" s="15">
        <v>45558</v>
      </c>
      <c r="F129757" s="14" t="s">
        <v>15</v>
      </c>
      <c r="G129757" s="16">
        <v>1.2064476349140631</v>
      </c>
    </row>
    <row r="129758" spans="1:7" x14ac:dyDescent="0.3">
      <c r="A129758" s="13" t="s">
        <v>592</v>
      </c>
      <c r="B129758" s="14" t="s">
        <v>1</v>
      </c>
      <c r="C129758" s="14" t="s">
        <v>200</v>
      </c>
      <c r="D129758" s="14" t="s">
        <v>94</v>
      </c>
      <c r="E129758" s="15">
        <v>45559</v>
      </c>
      <c r="F129758" s="14" t="s">
        <v>15</v>
      </c>
      <c r="G129758" s="16">
        <v>1.2249904768958715</v>
      </c>
    </row>
    <row r="129759" spans="1:7" x14ac:dyDescent="0.3">
      <c r="A129759" s="13" t="s">
        <v>592</v>
      </c>
      <c r="B129759" s="14" t="s">
        <v>1</v>
      </c>
      <c r="C129759" s="14" t="s">
        <v>200</v>
      </c>
      <c r="D129759" s="14" t="s">
        <v>94</v>
      </c>
      <c r="E129759" s="15">
        <v>45560</v>
      </c>
      <c r="F129759" s="14" t="s">
        <v>15</v>
      </c>
      <c r="G129759" s="16">
        <v>1.2311172114951292</v>
      </c>
    </row>
    <row r="129760" spans="1:7" x14ac:dyDescent="0.3">
      <c r="A129760" s="13" t="s">
        <v>592</v>
      </c>
      <c r="B129760" s="14" t="s">
        <v>1</v>
      </c>
      <c r="C129760" s="14" t="s">
        <v>200</v>
      </c>
      <c r="D129760" s="14" t="s">
        <v>94</v>
      </c>
      <c r="E129760" s="15">
        <v>45561</v>
      </c>
      <c r="F129760" s="14" t="s">
        <v>15</v>
      </c>
      <c r="G129760" s="16">
        <v>1.2374452883762663</v>
      </c>
    </row>
    <row r="129761" spans="1:7" x14ac:dyDescent="0.3">
      <c r="A129761" s="13" t="s">
        <v>592</v>
      </c>
      <c r="B129761" s="14" t="s">
        <v>1</v>
      </c>
      <c r="C129761" s="14" t="s">
        <v>200</v>
      </c>
      <c r="D129761" s="14" t="s">
        <v>94</v>
      </c>
      <c r="E129761" s="15">
        <v>45562</v>
      </c>
      <c r="F129761" s="14" t="s">
        <v>15</v>
      </c>
      <c r="G129761" s="16">
        <v>1.24375099389275</v>
      </c>
    </row>
    <row r="129762" spans="1:7" x14ac:dyDescent="0.3">
      <c r="A129762" s="13" t="s">
        <v>592</v>
      </c>
      <c r="B129762" s="14" t="s">
        <v>1</v>
      </c>
      <c r="C129762" s="14" t="s">
        <v>200</v>
      </c>
      <c r="D129762" s="14" t="s">
        <v>94</v>
      </c>
      <c r="E129762" s="15">
        <v>45563</v>
      </c>
      <c r="F129762" s="14" t="s">
        <v>15</v>
      </c>
      <c r="G129762" s="16">
        <v>1.24375099389275</v>
      </c>
    </row>
    <row r="129763" spans="1:7" x14ac:dyDescent="0.3">
      <c r="A129763" s="13" t="s">
        <v>592</v>
      </c>
      <c r="B129763" s="14" t="s">
        <v>1</v>
      </c>
      <c r="C129763" s="14" t="s">
        <v>200</v>
      </c>
      <c r="D129763" s="14" t="s">
        <v>94</v>
      </c>
      <c r="E129763" s="15">
        <v>45564</v>
      </c>
      <c r="F129763" s="14" t="s">
        <v>15</v>
      </c>
      <c r="G129763" s="16">
        <v>1.24375099389275</v>
      </c>
    </row>
    <row r="129764" spans="1:7" x14ac:dyDescent="0.3">
      <c r="A129764" s="13" t="s">
        <v>592</v>
      </c>
      <c r="B129764" s="14" t="s">
        <v>1</v>
      </c>
      <c r="C129764" s="14" t="s">
        <v>200</v>
      </c>
      <c r="D129764" s="14" t="s">
        <v>94</v>
      </c>
      <c r="E129764" s="15">
        <v>45565</v>
      </c>
      <c r="F129764" s="14" t="s">
        <v>15</v>
      </c>
      <c r="G129764" s="16">
        <v>1.2508061401251174</v>
      </c>
    </row>
    <row r="129765" spans="1:7" x14ac:dyDescent="0.3">
      <c r="A129765" s="13" t="s">
        <v>592</v>
      </c>
      <c r="B129765" s="14" t="s">
        <v>1</v>
      </c>
      <c r="C129765" s="14" t="s">
        <v>200</v>
      </c>
      <c r="D129765" s="14" t="s">
        <v>94</v>
      </c>
      <c r="E129765" s="15">
        <v>45566</v>
      </c>
      <c r="F129765" s="14" t="s">
        <v>15</v>
      </c>
      <c r="G129765" s="16">
        <v>1.2606577069391403</v>
      </c>
    </row>
    <row r="129766" spans="1:7" x14ac:dyDescent="0.3">
      <c r="A129766" s="13" t="s">
        <v>592</v>
      </c>
      <c r="B129766" s="14" t="s">
        <v>1</v>
      </c>
      <c r="C129766" s="14" t="s">
        <v>200</v>
      </c>
      <c r="D129766" s="14" t="s">
        <v>94</v>
      </c>
      <c r="E129766" s="15">
        <v>45567</v>
      </c>
      <c r="F129766" s="14" t="s">
        <v>15</v>
      </c>
      <c r="G129766" s="16">
        <v>1.2696703475786664</v>
      </c>
    </row>
    <row r="129767" spans="1:7" x14ac:dyDescent="0.3">
      <c r="A129767" s="13" t="s">
        <v>592</v>
      </c>
      <c r="B129767" s="14" t="s">
        <v>1</v>
      </c>
      <c r="C129767" s="14" t="s">
        <v>200</v>
      </c>
      <c r="D129767" s="14" t="s">
        <v>94</v>
      </c>
      <c r="E129767" s="15">
        <v>45568</v>
      </c>
      <c r="F129767" s="14" t="s">
        <v>15</v>
      </c>
      <c r="G129767" s="16">
        <v>1.2757299680839647</v>
      </c>
    </row>
    <row r="129768" spans="1:7" x14ac:dyDescent="0.3">
      <c r="A129768" s="13" t="s">
        <v>592</v>
      </c>
      <c r="B129768" s="14" t="s">
        <v>1</v>
      </c>
      <c r="C129768" s="14" t="s">
        <v>200</v>
      </c>
      <c r="D129768" s="14" t="s">
        <v>94</v>
      </c>
      <c r="E129768" s="15">
        <v>45569</v>
      </c>
      <c r="F129768" s="14" t="s">
        <v>15</v>
      </c>
      <c r="G129768" s="16">
        <v>1.2818790740478756</v>
      </c>
    </row>
    <row r="129769" spans="1:7" x14ac:dyDescent="0.3">
      <c r="A129769" s="13" t="s">
        <v>592</v>
      </c>
      <c r="B129769" s="14" t="s">
        <v>1</v>
      </c>
      <c r="C129769" s="14" t="s">
        <v>200</v>
      </c>
      <c r="D129769" s="14" t="s">
        <v>94</v>
      </c>
      <c r="E129769" s="15">
        <v>45570</v>
      </c>
      <c r="F129769" s="14" t="s">
        <v>15</v>
      </c>
      <c r="G129769" s="16">
        <v>1.2818790740478756</v>
      </c>
    </row>
    <row r="129770" spans="1:7" x14ac:dyDescent="0.3">
      <c r="A129770" s="13" t="s">
        <v>592</v>
      </c>
      <c r="B129770" s="14" t="s">
        <v>1</v>
      </c>
      <c r="C129770" s="14" t="s">
        <v>200</v>
      </c>
      <c r="D129770" s="14" t="s">
        <v>94</v>
      </c>
      <c r="E129770" s="15">
        <v>45571</v>
      </c>
      <c r="F129770" s="14" t="s">
        <v>15</v>
      </c>
      <c r="G129770" s="16">
        <v>1.2818790740478756</v>
      </c>
    </row>
    <row r="129771" spans="1:7" x14ac:dyDescent="0.3">
      <c r="A129771" s="13" t="s">
        <v>592</v>
      </c>
      <c r="B129771" s="14" t="s">
        <v>1</v>
      </c>
      <c r="C129771" s="14" t="s">
        <v>200</v>
      </c>
      <c r="D129771" s="14" t="s">
        <v>94</v>
      </c>
      <c r="E129771" s="15">
        <v>45572</v>
      </c>
      <c r="F129771" s="14" t="s">
        <v>15</v>
      </c>
      <c r="G129771" s="16">
        <v>1.2937664350453437</v>
      </c>
    </row>
    <row r="129772" spans="1:7" x14ac:dyDescent="0.3">
      <c r="A129772" s="13" t="s">
        <v>592</v>
      </c>
      <c r="B129772" s="14" t="s">
        <v>1</v>
      </c>
      <c r="C129772" s="14" t="s">
        <v>200</v>
      </c>
      <c r="D129772" s="14" t="s">
        <v>94</v>
      </c>
      <c r="E129772" s="15">
        <v>45573</v>
      </c>
      <c r="F129772" s="14" t="s">
        <v>15</v>
      </c>
      <c r="G129772" s="16">
        <v>1.3113025656177559</v>
      </c>
    </row>
    <row r="129773" spans="1:7" x14ac:dyDescent="0.3">
      <c r="A129773" s="13" t="s">
        <v>592</v>
      </c>
      <c r="B129773" s="14" t="s">
        <v>1</v>
      </c>
      <c r="C129773" s="14" t="s">
        <v>200</v>
      </c>
      <c r="D129773" s="14" t="s">
        <v>94</v>
      </c>
      <c r="E129773" s="15">
        <v>45574</v>
      </c>
      <c r="F129773" s="14" t="s">
        <v>15</v>
      </c>
      <c r="G129773" s="16">
        <v>1.3173174433937478</v>
      </c>
    </row>
    <row r="129774" spans="1:7" x14ac:dyDescent="0.3">
      <c r="A129774" s="13" t="s">
        <v>592</v>
      </c>
      <c r="B129774" s="14" t="s">
        <v>1</v>
      </c>
      <c r="C129774" s="14" t="s">
        <v>200</v>
      </c>
      <c r="D129774" s="14" t="s">
        <v>94</v>
      </c>
      <c r="E129774" s="15">
        <v>45575</v>
      </c>
      <c r="F129774" s="14" t="s">
        <v>15</v>
      </c>
      <c r="G129774" s="16">
        <v>1.3223703524896497</v>
      </c>
    </row>
    <row r="129775" spans="1:7" x14ac:dyDescent="0.3">
      <c r="A129775" s="13" t="s">
        <v>592</v>
      </c>
      <c r="B129775" s="14" t="s">
        <v>1</v>
      </c>
      <c r="C129775" s="14" t="s">
        <v>200</v>
      </c>
      <c r="D129775" s="14" t="s">
        <v>94</v>
      </c>
      <c r="E129775" s="15">
        <v>45576</v>
      </c>
      <c r="F129775" s="14" t="s">
        <v>15</v>
      </c>
      <c r="G129775" s="16">
        <v>1.3280384741135163</v>
      </c>
    </row>
    <row r="129776" spans="1:7" x14ac:dyDescent="0.3">
      <c r="A129776" s="13" t="s">
        <v>592</v>
      </c>
      <c r="B129776" s="14" t="s">
        <v>1</v>
      </c>
      <c r="C129776" s="14" t="s">
        <v>200</v>
      </c>
      <c r="D129776" s="14" t="s">
        <v>94</v>
      </c>
      <c r="E129776" s="15">
        <v>45577</v>
      </c>
      <c r="F129776" s="14" t="s">
        <v>15</v>
      </c>
      <c r="G129776" s="16">
        <v>1.3280384741135163</v>
      </c>
    </row>
    <row r="129777" spans="1:7" x14ac:dyDescent="0.3">
      <c r="A129777" s="13" t="s">
        <v>592</v>
      </c>
      <c r="B129777" s="14" t="s">
        <v>1</v>
      </c>
      <c r="C129777" s="14" t="s">
        <v>200</v>
      </c>
      <c r="D129777" s="14" t="s">
        <v>94</v>
      </c>
      <c r="E129777" s="15">
        <v>45578</v>
      </c>
      <c r="F129777" s="14" t="s">
        <v>15</v>
      </c>
      <c r="G129777" s="16">
        <v>1.3280384741135163</v>
      </c>
    </row>
    <row r="129778" spans="1:7" x14ac:dyDescent="0.3">
      <c r="A129778" s="13" t="s">
        <v>592</v>
      </c>
      <c r="B129778" s="14" t="s">
        <v>1</v>
      </c>
      <c r="C129778" s="14" t="s">
        <v>200</v>
      </c>
      <c r="D129778" s="14" t="s">
        <v>94</v>
      </c>
      <c r="E129778" s="15">
        <v>45579</v>
      </c>
      <c r="F129778" s="14" t="s">
        <v>15</v>
      </c>
      <c r="G129778" s="16">
        <v>1.3280384741135163</v>
      </c>
    </row>
    <row r="129779" spans="1:7" x14ac:dyDescent="0.3">
      <c r="A129779" s="13" t="s">
        <v>592</v>
      </c>
      <c r="B129779" s="14" t="s">
        <v>1</v>
      </c>
      <c r="C129779" s="14" t="s">
        <v>200</v>
      </c>
      <c r="D129779" s="14" t="s">
        <v>94</v>
      </c>
      <c r="E129779" s="15">
        <v>45580</v>
      </c>
      <c r="F129779" s="14" t="s">
        <v>15</v>
      </c>
      <c r="G129779" s="16">
        <v>1.3339414950662416</v>
      </c>
    </row>
    <row r="129780" spans="1:7" x14ac:dyDescent="0.3">
      <c r="A129780" s="13" t="s">
        <v>592</v>
      </c>
      <c r="B129780" s="14" t="s">
        <v>1</v>
      </c>
      <c r="C129780" s="14" t="s">
        <v>200</v>
      </c>
      <c r="D129780" s="14" t="s">
        <v>94</v>
      </c>
      <c r="E129780" s="15">
        <v>45581</v>
      </c>
      <c r="F129780" s="14" t="s">
        <v>15</v>
      </c>
      <c r="G129780" s="16">
        <v>1.3572494377191908</v>
      </c>
    </row>
    <row r="129781" spans="1:7" x14ac:dyDescent="0.3">
      <c r="A129781" s="13" t="s">
        <v>592</v>
      </c>
      <c r="B129781" s="14" t="s">
        <v>1</v>
      </c>
      <c r="C129781" s="14" t="s">
        <v>200</v>
      </c>
      <c r="D129781" s="14" t="s">
        <v>94</v>
      </c>
      <c r="E129781" s="15">
        <v>45582</v>
      </c>
      <c r="F129781" s="14" t="s">
        <v>15</v>
      </c>
      <c r="G129781" s="16">
        <v>1.3654790805958537</v>
      </c>
    </row>
    <row r="129782" spans="1:7" x14ac:dyDescent="0.3">
      <c r="A129782" s="13" t="s">
        <v>592</v>
      </c>
      <c r="B129782" s="14" t="s">
        <v>1</v>
      </c>
      <c r="C129782" s="14" t="s">
        <v>200</v>
      </c>
      <c r="D129782" s="14" t="s">
        <v>94</v>
      </c>
      <c r="E129782" s="15">
        <v>45583</v>
      </c>
      <c r="F129782" s="14" t="s">
        <v>15</v>
      </c>
      <c r="G129782" s="16">
        <v>1.3786527950608831</v>
      </c>
    </row>
    <row r="129783" spans="1:7" x14ac:dyDescent="0.3">
      <c r="A129783" s="13" t="s">
        <v>592</v>
      </c>
      <c r="B129783" s="14" t="s">
        <v>1</v>
      </c>
      <c r="C129783" s="14" t="s">
        <v>200</v>
      </c>
      <c r="D129783" s="14" t="s">
        <v>94</v>
      </c>
      <c r="E129783" s="15">
        <v>45584</v>
      </c>
      <c r="F129783" s="14" t="s">
        <v>15</v>
      </c>
      <c r="G129783" s="16">
        <v>1.3786527950608831</v>
      </c>
    </row>
    <row r="129784" spans="1:7" x14ac:dyDescent="0.3">
      <c r="A129784" s="13" t="s">
        <v>592</v>
      </c>
      <c r="B129784" s="14" t="s">
        <v>1</v>
      </c>
      <c r="C129784" s="14" t="s">
        <v>200</v>
      </c>
      <c r="D129784" s="14" t="s">
        <v>94</v>
      </c>
      <c r="E129784" s="15">
        <v>45585</v>
      </c>
      <c r="F129784" s="14" t="s">
        <v>15</v>
      </c>
      <c r="G129784" s="16">
        <v>1.3786527950608831</v>
      </c>
    </row>
    <row r="129785" spans="1:7" x14ac:dyDescent="0.3">
      <c r="A129785" s="13" t="s">
        <v>592</v>
      </c>
      <c r="B129785" s="14" t="s">
        <v>1</v>
      </c>
      <c r="C129785" s="14" t="s">
        <v>200</v>
      </c>
      <c r="D129785" s="14" t="s">
        <v>94</v>
      </c>
      <c r="E129785" s="15">
        <v>45586</v>
      </c>
      <c r="F129785" s="14" t="s">
        <v>15</v>
      </c>
      <c r="G129785" s="16">
        <v>1.389779529660141</v>
      </c>
    </row>
    <row r="129786" spans="1:7" x14ac:dyDescent="0.3">
      <c r="A129786" s="13" t="s">
        <v>592</v>
      </c>
      <c r="B129786" s="14" t="s">
        <v>1</v>
      </c>
      <c r="C129786" s="14" t="s">
        <v>200</v>
      </c>
      <c r="D129786" s="14" t="s">
        <v>94</v>
      </c>
      <c r="E129786" s="15">
        <v>45587</v>
      </c>
      <c r="F129786" s="14" t="s">
        <v>15</v>
      </c>
      <c r="G129786" s="16">
        <v>1.4084342284652154</v>
      </c>
    </row>
    <row r="129787" spans="1:7" x14ac:dyDescent="0.3">
      <c r="A129787" s="13" t="s">
        <v>592</v>
      </c>
      <c r="B129787" s="14" t="s">
        <v>1</v>
      </c>
      <c r="C129787" s="14" t="s">
        <v>200</v>
      </c>
      <c r="D129787" s="14" t="s">
        <v>94</v>
      </c>
      <c r="E129787" s="15">
        <v>45588</v>
      </c>
      <c r="F129787" s="14" t="s">
        <v>15</v>
      </c>
      <c r="G129787" s="16">
        <v>1.4150531330868448</v>
      </c>
    </row>
    <row r="129788" spans="1:7" x14ac:dyDescent="0.3">
      <c r="A129788" s="13" t="s">
        <v>592</v>
      </c>
      <c r="B129788" s="14" t="s">
        <v>1</v>
      </c>
      <c r="C129788" s="14" t="s">
        <v>200</v>
      </c>
      <c r="D129788" s="14" t="s">
        <v>94</v>
      </c>
      <c r="E129788" s="15">
        <v>45589</v>
      </c>
      <c r="F129788" s="14" t="s">
        <v>15</v>
      </c>
      <c r="G129788" s="16">
        <v>1.4215042524735744</v>
      </c>
    </row>
    <row r="129789" spans="1:7" x14ac:dyDescent="0.3">
      <c r="A129789" s="13" t="s">
        <v>592</v>
      </c>
      <c r="B129789" s="14" t="s">
        <v>1</v>
      </c>
      <c r="C129789" s="14" t="s">
        <v>200</v>
      </c>
      <c r="D129789" s="14" t="s">
        <v>94</v>
      </c>
      <c r="E129789" s="15">
        <v>45590</v>
      </c>
      <c r="F129789" s="14" t="s">
        <v>15</v>
      </c>
      <c r="G129789" s="16">
        <v>1.4278882577663445</v>
      </c>
    </row>
    <row r="129790" spans="1:7" x14ac:dyDescent="0.3">
      <c r="A129790" s="13" t="s">
        <v>592</v>
      </c>
      <c r="B129790" s="14" t="s">
        <v>1</v>
      </c>
      <c r="C129790" s="14" t="s">
        <v>200</v>
      </c>
      <c r="D129790" s="14" t="s">
        <v>94</v>
      </c>
      <c r="E129790" s="15">
        <v>45591</v>
      </c>
      <c r="F129790" s="14" t="s">
        <v>15</v>
      </c>
      <c r="G129790" s="16">
        <v>1.4278882577663445</v>
      </c>
    </row>
    <row r="129791" spans="1:7" x14ac:dyDescent="0.3">
      <c r="A129791" s="13" t="s">
        <v>592</v>
      </c>
      <c r="B129791" s="14" t="s">
        <v>1</v>
      </c>
      <c r="C129791" s="14" t="s">
        <v>200</v>
      </c>
      <c r="D129791" s="14" t="s">
        <v>94</v>
      </c>
      <c r="E129791" s="15">
        <v>45592</v>
      </c>
      <c r="F129791" s="14" t="s">
        <v>15</v>
      </c>
      <c r="G129791" s="16">
        <v>1.4278882577663445</v>
      </c>
    </row>
    <row r="129792" spans="1:7" x14ac:dyDescent="0.3">
      <c r="A129792" s="13" t="s">
        <v>592</v>
      </c>
      <c r="B129792" s="14" t="s">
        <v>1</v>
      </c>
      <c r="C129792" s="14" t="s">
        <v>200</v>
      </c>
      <c r="D129792" s="14" t="s">
        <v>94</v>
      </c>
      <c r="E129792" s="15">
        <v>45593</v>
      </c>
      <c r="F129792" s="14" t="s">
        <v>15</v>
      </c>
      <c r="G129792" s="16">
        <v>1.4278882577663445</v>
      </c>
    </row>
    <row r="129793" spans="1:7" x14ac:dyDescent="0.3">
      <c r="A129793" s="13" t="s">
        <v>592</v>
      </c>
      <c r="B129793" s="14" t="s">
        <v>1</v>
      </c>
      <c r="C129793" s="14" t="s">
        <v>200</v>
      </c>
      <c r="D129793" s="14" t="s">
        <v>94</v>
      </c>
      <c r="E129793" s="15">
        <v>45594</v>
      </c>
      <c r="F129793" s="14" t="s">
        <v>15</v>
      </c>
      <c r="G129793" s="16">
        <v>1.4346637619405465</v>
      </c>
    </row>
    <row r="129794" spans="1:7" x14ac:dyDescent="0.3">
      <c r="A129794" s="13" t="s">
        <v>592</v>
      </c>
      <c r="B129794" s="14" t="s">
        <v>1</v>
      </c>
      <c r="C129794" s="14" t="s">
        <v>200</v>
      </c>
      <c r="D129794" s="14" t="s">
        <v>94</v>
      </c>
      <c r="E129794" s="15">
        <v>45595</v>
      </c>
      <c r="F129794" s="14" t="s">
        <v>15</v>
      </c>
      <c r="G129794" s="16">
        <v>1.4601193556002068</v>
      </c>
    </row>
    <row r="129795" spans="1:7" x14ac:dyDescent="0.3">
      <c r="A129795" s="13" t="s">
        <v>592</v>
      </c>
      <c r="B129795" s="14" t="s">
        <v>1</v>
      </c>
      <c r="C129795" s="14" t="s">
        <v>200</v>
      </c>
      <c r="D129795" s="14" t="s">
        <v>94</v>
      </c>
      <c r="E129795" s="15">
        <v>45596</v>
      </c>
      <c r="F129795" s="14" t="s">
        <v>15</v>
      </c>
      <c r="G129795" s="16">
        <v>1.4664921752106503</v>
      </c>
    </row>
    <row r="129796" spans="1:7" x14ac:dyDescent="0.3">
      <c r="A129796" s="13" t="s">
        <v>592</v>
      </c>
      <c r="B129796" s="14" t="s">
        <v>1</v>
      </c>
      <c r="C129796" s="14" t="s">
        <v>200</v>
      </c>
      <c r="D129796" s="14" t="s">
        <v>94</v>
      </c>
      <c r="E129796" s="15">
        <v>45597</v>
      </c>
      <c r="F129796" s="14" t="s">
        <v>15</v>
      </c>
      <c r="G129796" s="16">
        <v>1.4723057107047628</v>
      </c>
    </row>
    <row r="129797" spans="1:7" x14ac:dyDescent="0.3">
      <c r="A129797" s="13" t="s">
        <v>592</v>
      </c>
      <c r="B129797" s="14" t="s">
        <v>1</v>
      </c>
      <c r="C129797" s="14" t="s">
        <v>200</v>
      </c>
      <c r="D129797" s="14" t="s">
        <v>94</v>
      </c>
      <c r="E129797" s="15">
        <v>45598</v>
      </c>
      <c r="F129797" s="14" t="s">
        <v>15</v>
      </c>
      <c r="G129797" s="16">
        <v>1.4723057107047628</v>
      </c>
    </row>
    <row r="129798" spans="1:7" x14ac:dyDescent="0.3">
      <c r="A129798" s="13" t="s">
        <v>592</v>
      </c>
      <c r="B129798" s="14" t="s">
        <v>1</v>
      </c>
      <c r="C129798" s="14" t="s">
        <v>200</v>
      </c>
      <c r="D129798" s="14" t="s">
        <v>94</v>
      </c>
      <c r="E129798" s="15">
        <v>45599</v>
      </c>
      <c r="F129798" s="14" t="s">
        <v>15</v>
      </c>
      <c r="G129798" s="16">
        <v>1.4723057107047628</v>
      </c>
    </row>
    <row r="129799" spans="1:7" x14ac:dyDescent="0.3">
      <c r="A129799" s="13" t="s">
        <v>592</v>
      </c>
      <c r="B129799" s="14" t="s">
        <v>1</v>
      </c>
      <c r="C129799" s="14" t="s">
        <v>200</v>
      </c>
      <c r="D129799" s="14" t="s">
        <v>94</v>
      </c>
      <c r="E129799" s="15">
        <v>45600</v>
      </c>
      <c r="F129799" s="14" t="s">
        <v>15</v>
      </c>
      <c r="G129799" s="16">
        <v>1.4805689106284055</v>
      </c>
    </row>
    <row r="129800" spans="1:7" x14ac:dyDescent="0.3">
      <c r="A129800" s="13" t="s">
        <v>592</v>
      </c>
      <c r="B129800" s="14" t="s">
        <v>1</v>
      </c>
      <c r="C129800" s="14" t="s">
        <v>200</v>
      </c>
      <c r="D129800" s="14" t="s">
        <v>94</v>
      </c>
      <c r="E129800" s="15">
        <v>45601</v>
      </c>
      <c r="F129800" s="14" t="s">
        <v>15</v>
      </c>
      <c r="G129800" s="16">
        <v>1.5074003432142404</v>
      </c>
    </row>
    <row r="129801" spans="1:7" x14ac:dyDescent="0.3">
      <c r="A129801" s="13" t="s">
        <v>592</v>
      </c>
      <c r="B129801" s="14" t="s">
        <v>1</v>
      </c>
      <c r="C129801" s="14" t="s">
        <v>200</v>
      </c>
      <c r="D129801" s="14" t="s">
        <v>94</v>
      </c>
      <c r="E129801" s="15">
        <v>45602</v>
      </c>
      <c r="F129801" s="14" t="s">
        <v>15</v>
      </c>
      <c r="G129801" s="16">
        <v>1.5133928496255789</v>
      </c>
    </row>
    <row r="129802" spans="1:7" x14ac:dyDescent="0.3">
      <c r="A129802" s="13" t="s">
        <v>592</v>
      </c>
      <c r="B129802" s="14" t="s">
        <v>1</v>
      </c>
      <c r="C129802" s="14" t="s">
        <v>200</v>
      </c>
      <c r="D129802" s="14" t="s">
        <v>94</v>
      </c>
      <c r="E129802" s="15">
        <v>45603</v>
      </c>
      <c r="F129802" s="14" t="s">
        <v>15</v>
      </c>
      <c r="G129802" s="16">
        <v>1.5132556021219286</v>
      </c>
    </row>
    <row r="129803" spans="1:7" x14ac:dyDescent="0.3">
      <c r="A129803" s="13" t="s">
        <v>592</v>
      </c>
      <c r="B129803" s="14" t="s">
        <v>1</v>
      </c>
      <c r="C129803" s="14" t="s">
        <v>200</v>
      </c>
      <c r="D129803" s="14" t="s">
        <v>94</v>
      </c>
      <c r="E129803" s="15">
        <v>45604</v>
      </c>
      <c r="F129803" s="14" t="s">
        <v>15</v>
      </c>
      <c r="G129803" s="16">
        <v>1.5212950883990388</v>
      </c>
    </row>
    <row r="129804" spans="1:7" x14ac:dyDescent="0.3">
      <c r="A129804" s="13" t="s">
        <v>592</v>
      </c>
      <c r="B129804" s="14" t="s">
        <v>1</v>
      </c>
      <c r="C129804" s="14" t="s">
        <v>200</v>
      </c>
      <c r="D129804" s="14" t="s">
        <v>94</v>
      </c>
      <c r="E129804" s="15">
        <v>45605</v>
      </c>
      <c r="F129804" s="14" t="s">
        <v>15</v>
      </c>
      <c r="G129804" s="16">
        <v>1.5212950883990388</v>
      </c>
    </row>
    <row r="129805" spans="1:7" x14ac:dyDescent="0.3">
      <c r="A129805" s="13" t="s">
        <v>592</v>
      </c>
      <c r="B129805" s="14" t="s">
        <v>1</v>
      </c>
      <c r="C129805" s="14" t="s">
        <v>200</v>
      </c>
      <c r="D129805" s="14" t="s">
        <v>94</v>
      </c>
      <c r="E129805" s="15">
        <v>45606</v>
      </c>
      <c r="F129805" s="14" t="s">
        <v>15</v>
      </c>
      <c r="G129805" s="16">
        <v>1.5212950883990388</v>
      </c>
    </row>
    <row r="129806" spans="1:7" x14ac:dyDescent="0.3">
      <c r="A129806" s="13" t="s">
        <v>592</v>
      </c>
      <c r="B129806" s="14" t="s">
        <v>1</v>
      </c>
      <c r="C129806" s="14" t="s">
        <v>200</v>
      </c>
      <c r="D129806" s="14" t="s">
        <v>94</v>
      </c>
      <c r="E129806" s="15">
        <v>45607</v>
      </c>
      <c r="F129806" s="14" t="s">
        <v>15</v>
      </c>
      <c r="G129806" s="16">
        <v>1.5212950883990388</v>
      </c>
    </row>
    <row r="129807" spans="1:7" x14ac:dyDescent="0.3">
      <c r="A129807" s="13" t="s">
        <v>592</v>
      </c>
      <c r="B129807" s="14" t="s">
        <v>1</v>
      </c>
      <c r="C129807" s="14" t="s">
        <v>200</v>
      </c>
      <c r="D129807" s="14" t="s">
        <v>94</v>
      </c>
      <c r="E129807" s="15">
        <v>45608</v>
      </c>
      <c r="F129807" s="14" t="s">
        <v>15</v>
      </c>
      <c r="G129807" s="16">
        <v>1.528853590336104</v>
      </c>
    </row>
    <row r="129808" spans="1:7" x14ac:dyDescent="0.3">
      <c r="A129808" s="13" t="s">
        <v>592</v>
      </c>
      <c r="B129808" s="14" t="s">
        <v>1</v>
      </c>
      <c r="C129808" s="14" t="s">
        <v>200</v>
      </c>
      <c r="D129808" s="14" t="s">
        <v>94</v>
      </c>
      <c r="E129808" s="15">
        <v>45609</v>
      </c>
      <c r="F129808" s="14" t="s">
        <v>15</v>
      </c>
      <c r="G129808" s="16">
        <v>1.5473069468592993</v>
      </c>
    </row>
    <row r="129809" spans="1:7" x14ac:dyDescent="0.3">
      <c r="A129809" s="13" t="s">
        <v>592</v>
      </c>
      <c r="B129809" s="14" t="s">
        <v>1</v>
      </c>
      <c r="C129809" s="14" t="s">
        <v>200</v>
      </c>
      <c r="D129809" s="14" t="s">
        <v>94</v>
      </c>
      <c r="E129809" s="15">
        <v>45610</v>
      </c>
      <c r="F129809" s="14" t="s">
        <v>15</v>
      </c>
      <c r="G129809" s="16">
        <v>1.5535455382818235</v>
      </c>
    </row>
    <row r="129810" spans="1:7" x14ac:dyDescent="0.3">
      <c r="A129810" s="13" t="s">
        <v>592</v>
      </c>
      <c r="B129810" s="14" t="s">
        <v>1</v>
      </c>
      <c r="C129810" s="14" t="s">
        <v>200</v>
      </c>
      <c r="D129810" s="14" t="s">
        <v>94</v>
      </c>
      <c r="E129810" s="15">
        <v>45611</v>
      </c>
      <c r="F129810" s="14" t="s">
        <v>15</v>
      </c>
      <c r="G129810" s="16">
        <v>1.560925069301663</v>
      </c>
    </row>
    <row r="129811" spans="1:7" x14ac:dyDescent="0.3">
      <c r="A129811" s="13" t="s">
        <v>592</v>
      </c>
      <c r="B129811" s="14" t="s">
        <v>1</v>
      </c>
      <c r="C129811" s="14" t="s">
        <v>200</v>
      </c>
      <c r="D129811" s="14" t="s">
        <v>94</v>
      </c>
      <c r="E129811" s="15">
        <v>45612</v>
      </c>
      <c r="F129811" s="14" t="s">
        <v>15</v>
      </c>
      <c r="G129811" s="16">
        <v>1.560925069301663</v>
      </c>
    </row>
    <row r="129812" spans="1:7" x14ac:dyDescent="0.3">
      <c r="A129812" s="13" t="s">
        <v>592</v>
      </c>
      <c r="B129812" s="14" t="s">
        <v>1</v>
      </c>
      <c r="C129812" s="14" t="s">
        <v>200</v>
      </c>
      <c r="D129812" s="14" t="s">
        <v>94</v>
      </c>
      <c r="E129812" s="15">
        <v>45613</v>
      </c>
      <c r="F129812" s="14" t="s">
        <v>15</v>
      </c>
      <c r="G129812" s="16">
        <v>1.560925069301663</v>
      </c>
    </row>
    <row r="129813" spans="1:7" x14ac:dyDescent="0.3">
      <c r="A129813" s="13" t="s">
        <v>592</v>
      </c>
      <c r="B129813" s="14" t="s">
        <v>1</v>
      </c>
      <c r="C129813" s="14" t="s">
        <v>200</v>
      </c>
      <c r="D129813" s="14" t="s">
        <v>94</v>
      </c>
      <c r="E129813" s="15">
        <v>45614</v>
      </c>
      <c r="F129813" s="14" t="s">
        <v>15</v>
      </c>
      <c r="G129813" s="16">
        <v>1.566962318442308</v>
      </c>
    </row>
    <row r="129814" spans="1:7" x14ac:dyDescent="0.3">
      <c r="A129814" s="13" t="s">
        <v>592</v>
      </c>
      <c r="B129814" s="14" t="s">
        <v>1</v>
      </c>
      <c r="C129814" s="14" t="s">
        <v>200</v>
      </c>
      <c r="D129814" s="14" t="s">
        <v>94</v>
      </c>
      <c r="E129814" s="15">
        <v>45615</v>
      </c>
      <c r="F129814" s="14" t="s">
        <v>15</v>
      </c>
      <c r="G129814" s="16">
        <v>1.5853485608715434</v>
      </c>
    </row>
    <row r="129815" spans="1:7" x14ac:dyDescent="0.3">
      <c r="A129815" s="13" t="s">
        <v>592</v>
      </c>
      <c r="B129815" s="14" t="s">
        <v>1</v>
      </c>
      <c r="C129815" s="14" t="s">
        <v>200</v>
      </c>
      <c r="D129815" s="14" t="s">
        <v>94</v>
      </c>
      <c r="E129815" s="15">
        <v>45616</v>
      </c>
      <c r="F129815" s="14" t="s">
        <v>15</v>
      </c>
      <c r="G129815" s="16">
        <v>1.5941039308175575</v>
      </c>
    </row>
    <row r="129816" spans="1:7" x14ac:dyDescent="0.3">
      <c r="A129816" s="13" t="s">
        <v>592</v>
      </c>
      <c r="B129816" s="14" t="s">
        <v>1</v>
      </c>
      <c r="C129816" s="14" t="s">
        <v>200</v>
      </c>
      <c r="D129816" s="14" t="s">
        <v>94</v>
      </c>
      <c r="E129816" s="15">
        <v>45617</v>
      </c>
      <c r="F129816" s="14" t="s">
        <v>15</v>
      </c>
      <c r="G129816" s="16">
        <v>1.6004431933810213</v>
      </c>
    </row>
    <row r="129817" spans="1:7" x14ac:dyDescent="0.3">
      <c r="A129817" s="13" t="s">
        <v>592</v>
      </c>
      <c r="B129817" s="14" t="s">
        <v>1</v>
      </c>
      <c r="C129817" s="14" t="s">
        <v>200</v>
      </c>
      <c r="D129817" s="14" t="s">
        <v>94</v>
      </c>
      <c r="E129817" s="15">
        <v>45618</v>
      </c>
      <c r="F129817" s="14" t="s">
        <v>15</v>
      </c>
      <c r="G129817" s="16">
        <v>1.6097914044903463</v>
      </c>
    </row>
    <row r="129818" spans="1:7" x14ac:dyDescent="0.3">
      <c r="A129818" s="13" t="s">
        <v>592</v>
      </c>
      <c r="B129818" s="14" t="s">
        <v>1</v>
      </c>
      <c r="C129818" s="14" t="s">
        <v>200</v>
      </c>
      <c r="D129818" s="14" t="s">
        <v>94</v>
      </c>
      <c r="E129818" s="15">
        <v>45619</v>
      </c>
      <c r="F129818" s="14" t="s">
        <v>15</v>
      </c>
      <c r="G129818" s="16">
        <v>1.6097914044903463</v>
      </c>
    </row>
    <row r="129819" spans="1:7" x14ac:dyDescent="0.3">
      <c r="A129819" s="13" t="s">
        <v>592</v>
      </c>
      <c r="B129819" s="14" t="s">
        <v>1</v>
      </c>
      <c r="C129819" s="14" t="s">
        <v>200</v>
      </c>
      <c r="D129819" s="14" t="s">
        <v>94</v>
      </c>
      <c r="E129819" s="15">
        <v>45620</v>
      </c>
      <c r="F129819" s="14" t="s">
        <v>15</v>
      </c>
      <c r="G129819" s="16">
        <v>1.6097914044903463</v>
      </c>
    </row>
    <row r="129820" spans="1:7" x14ac:dyDescent="0.3">
      <c r="A129820" s="13" t="s">
        <v>592</v>
      </c>
      <c r="B129820" s="14" t="s">
        <v>1</v>
      </c>
      <c r="C129820" s="14" t="s">
        <v>200</v>
      </c>
      <c r="D129820" s="14" t="s">
        <v>94</v>
      </c>
      <c r="E129820" s="15">
        <v>45621</v>
      </c>
      <c r="F129820" s="14" t="s">
        <v>15</v>
      </c>
      <c r="G129820" s="16">
        <v>1.6147771994922886</v>
      </c>
    </row>
    <row r="129821" spans="1:7" x14ac:dyDescent="0.3">
      <c r="A129821" s="13" t="s">
        <v>592</v>
      </c>
      <c r="B129821" s="14" t="s">
        <v>1</v>
      </c>
      <c r="C129821" s="14" t="s">
        <v>200</v>
      </c>
      <c r="D129821" s="14" t="s">
        <v>94</v>
      </c>
      <c r="E129821" s="15">
        <v>45622</v>
      </c>
      <c r="F129821" s="14" t="s">
        <v>15</v>
      </c>
      <c r="G129821" s="16">
        <v>1.636071719326446</v>
      </c>
    </row>
    <row r="129822" spans="1:7" x14ac:dyDescent="0.3">
      <c r="A129822" s="13" t="s">
        <v>592</v>
      </c>
      <c r="B129822" s="14" t="s">
        <v>1</v>
      </c>
      <c r="C129822" s="14" t="s">
        <v>200</v>
      </c>
      <c r="D129822" s="14" t="s">
        <v>94</v>
      </c>
      <c r="E129822" s="15">
        <v>45623</v>
      </c>
      <c r="F129822" s="14" t="s">
        <v>15</v>
      </c>
      <c r="G129822" s="16">
        <v>1.6425116530308492</v>
      </c>
    </row>
    <row r="129823" spans="1:7" x14ac:dyDescent="0.3">
      <c r="A129823" s="13" t="s">
        <v>592</v>
      </c>
      <c r="B129823" s="14" t="s">
        <v>1</v>
      </c>
      <c r="C129823" s="14" t="s">
        <v>200</v>
      </c>
      <c r="D129823" s="14" t="s">
        <v>94</v>
      </c>
      <c r="E129823" s="15">
        <v>45624</v>
      </c>
      <c r="F129823" s="14" t="s">
        <v>15</v>
      </c>
      <c r="G129823" s="16">
        <v>1.6425116530308492</v>
      </c>
    </row>
    <row r="129824" spans="1:7" x14ac:dyDescent="0.3">
      <c r="A129824" s="13" t="s">
        <v>592</v>
      </c>
      <c r="B129824" s="14" t="s">
        <v>1</v>
      </c>
      <c r="C129824" s="14" t="s">
        <v>200</v>
      </c>
      <c r="D129824" s="14" t="s">
        <v>94</v>
      </c>
      <c r="E129824" s="15">
        <v>45625</v>
      </c>
      <c r="F129824" s="14" t="s">
        <v>15</v>
      </c>
      <c r="G129824" s="16">
        <v>1.6508084100014717</v>
      </c>
    </row>
    <row r="129825" spans="1:7" x14ac:dyDescent="0.3">
      <c r="A129825" s="13" t="s">
        <v>592</v>
      </c>
      <c r="B129825" s="14" t="s">
        <v>1</v>
      </c>
      <c r="C129825" s="14" t="s">
        <v>200</v>
      </c>
      <c r="D129825" s="14" t="s">
        <v>94</v>
      </c>
      <c r="E129825" s="15">
        <v>45626</v>
      </c>
      <c r="F129825" s="14" t="s">
        <v>15</v>
      </c>
      <c r="G129825" s="16">
        <v>1.6508084100014717</v>
      </c>
    </row>
    <row r="129826" spans="1:7" x14ac:dyDescent="0.3">
      <c r="A129826" s="13" t="s">
        <v>592</v>
      </c>
      <c r="B129826" s="14" t="s">
        <v>1</v>
      </c>
      <c r="C129826" s="14" t="s">
        <v>200</v>
      </c>
      <c r="D129826" s="14" t="s">
        <v>94</v>
      </c>
      <c r="E129826" s="15">
        <v>45627</v>
      </c>
      <c r="F129826" s="14" t="s">
        <v>15</v>
      </c>
      <c r="G129826" s="16">
        <v>1.6508084100014717</v>
      </c>
    </row>
    <row r="129827" spans="1:7" x14ac:dyDescent="0.3">
      <c r="A129827" s="13" t="s">
        <v>592</v>
      </c>
      <c r="B129827" s="14" t="s">
        <v>1</v>
      </c>
      <c r="C129827" s="14" t="s">
        <v>200</v>
      </c>
      <c r="D129827" s="14" t="s">
        <v>94</v>
      </c>
      <c r="E129827" s="15">
        <v>45628</v>
      </c>
      <c r="F129827" s="14" t="s">
        <v>15</v>
      </c>
      <c r="G129827" s="16">
        <v>1.6643065092539735</v>
      </c>
    </row>
    <row r="129828" spans="1:7" x14ac:dyDescent="0.3">
      <c r="A129828" s="13" t="s">
        <v>592</v>
      </c>
      <c r="B129828" s="14" t="s">
        <v>1</v>
      </c>
      <c r="C129828" s="14" t="s">
        <v>200</v>
      </c>
      <c r="D129828" s="14" t="s">
        <v>94</v>
      </c>
      <c r="E129828" s="15">
        <v>45629</v>
      </c>
      <c r="F129828" s="14" t="s">
        <v>15</v>
      </c>
      <c r="G129828" s="16">
        <v>1.6833862639874595</v>
      </c>
    </row>
    <row r="129829" spans="1:7" x14ac:dyDescent="0.3">
      <c r="A129829" s="13" t="s">
        <v>592</v>
      </c>
      <c r="B129829" s="14" t="s">
        <v>1</v>
      </c>
      <c r="C129829" s="14" t="s">
        <v>200</v>
      </c>
      <c r="D129829" s="14" t="s">
        <v>94</v>
      </c>
      <c r="E129829" s="15">
        <v>45630</v>
      </c>
      <c r="F129829" s="14" t="s">
        <v>15</v>
      </c>
      <c r="G129829" s="16">
        <v>1.688785929235487</v>
      </c>
    </row>
    <row r="129830" spans="1:7" x14ac:dyDescent="0.3">
      <c r="A129830" s="13" t="s">
        <v>592</v>
      </c>
      <c r="B129830" s="14" t="s">
        <v>1</v>
      </c>
      <c r="C129830" s="14" t="s">
        <v>200</v>
      </c>
      <c r="D129830" s="14" t="s">
        <v>94</v>
      </c>
      <c r="E129830" s="15">
        <v>45631</v>
      </c>
      <c r="F129830" s="14" t="s">
        <v>15</v>
      </c>
      <c r="G129830" s="16">
        <v>1.6928992410159529</v>
      </c>
    </row>
    <row r="129831" spans="1:7" x14ac:dyDescent="0.3">
      <c r="A129831" s="13" t="s">
        <v>592</v>
      </c>
      <c r="B129831" s="14" t="s">
        <v>1</v>
      </c>
      <c r="C129831" s="14" t="s">
        <v>200</v>
      </c>
      <c r="D129831" s="14" t="s">
        <v>94</v>
      </c>
      <c r="E129831" s="15">
        <v>45632</v>
      </c>
      <c r="F129831" s="14" t="s">
        <v>15</v>
      </c>
      <c r="G129831" s="16">
        <v>1.6997083022371346</v>
      </c>
    </row>
    <row r="129832" spans="1:7" x14ac:dyDescent="0.3">
      <c r="A129832" s="13" t="s">
        <v>592</v>
      </c>
      <c r="B129832" s="14" t="s">
        <v>1</v>
      </c>
      <c r="C129832" s="14" t="s">
        <v>200</v>
      </c>
      <c r="D129832" s="14" t="s">
        <v>94</v>
      </c>
      <c r="E129832" s="15">
        <v>45633</v>
      </c>
      <c r="F129832" s="14" t="s">
        <v>15</v>
      </c>
      <c r="G129832" s="16">
        <v>1.6997083022371346</v>
      </c>
    </row>
    <row r="129833" spans="1:7" x14ac:dyDescent="0.3">
      <c r="A129833" s="13" t="s">
        <v>592</v>
      </c>
      <c r="B129833" s="14" t="s">
        <v>1</v>
      </c>
      <c r="C129833" s="14" t="s">
        <v>200</v>
      </c>
      <c r="D129833" s="14" t="s">
        <v>94</v>
      </c>
      <c r="E129833" s="15">
        <v>45634</v>
      </c>
      <c r="F129833" s="14" t="s">
        <v>15</v>
      </c>
      <c r="G129833" s="16">
        <v>1.6997083022371346</v>
      </c>
    </row>
    <row r="129834" spans="1:7" x14ac:dyDescent="0.3">
      <c r="A129834" s="13" t="s">
        <v>592</v>
      </c>
      <c r="B129834" s="14" t="s">
        <v>1</v>
      </c>
      <c r="C129834" s="14" t="s">
        <v>200</v>
      </c>
      <c r="D129834" s="14" t="s">
        <v>94</v>
      </c>
      <c r="E129834" s="15">
        <v>45635</v>
      </c>
      <c r="F129834" s="14" t="s">
        <v>15</v>
      </c>
      <c r="G129834" s="16">
        <v>1.7062153500354977</v>
      </c>
    </row>
    <row r="129835" spans="1:7" x14ac:dyDescent="0.3">
      <c r="A129835" s="13" t="s">
        <v>592</v>
      </c>
      <c r="B129835" s="14" t="s">
        <v>1</v>
      </c>
      <c r="C129835" s="14" t="s">
        <v>200</v>
      </c>
      <c r="D129835" s="14" t="s">
        <v>94</v>
      </c>
      <c r="E129835" s="15">
        <v>45636</v>
      </c>
      <c r="F129835" s="14" t="s">
        <v>15</v>
      </c>
      <c r="G129835" s="16">
        <v>1.7280467826213328</v>
      </c>
    </row>
    <row r="129836" spans="1:7" x14ac:dyDescent="0.3">
      <c r="A129836" s="13" t="s">
        <v>592</v>
      </c>
      <c r="B129836" s="14" t="s">
        <v>1</v>
      </c>
      <c r="C129836" s="14" t="s">
        <v>200</v>
      </c>
      <c r="D129836" s="14" t="s">
        <v>94</v>
      </c>
      <c r="E129836" s="15">
        <v>45637</v>
      </c>
      <c r="F129836" s="14" t="s">
        <v>15</v>
      </c>
      <c r="G129836" s="16">
        <v>1.734609758831329</v>
      </c>
    </row>
    <row r="129837" spans="1:7" x14ac:dyDescent="0.3">
      <c r="A129837" s="13" t="s">
        <v>592</v>
      </c>
      <c r="B129837" s="14" t="s">
        <v>1</v>
      </c>
      <c r="C129837" s="14" t="s">
        <v>200</v>
      </c>
      <c r="D129837" s="14" t="s">
        <v>94</v>
      </c>
      <c r="E129837" s="15">
        <v>45638</v>
      </c>
      <c r="F129837" s="14" t="s">
        <v>15</v>
      </c>
      <c r="G129837" s="16">
        <v>1.7413852630055306</v>
      </c>
    </row>
    <row r="129838" spans="1:7" x14ac:dyDescent="0.3">
      <c r="A129838" s="13" t="s">
        <v>592</v>
      </c>
      <c r="B129838" s="14" t="s">
        <v>1</v>
      </c>
      <c r="C129838" s="14" t="s">
        <v>200</v>
      </c>
      <c r="D129838" s="14" t="s">
        <v>94</v>
      </c>
      <c r="E129838" s="15">
        <v>45639</v>
      </c>
      <c r="F129838" s="14" t="s">
        <v>15</v>
      </c>
      <c r="G129838" s="16">
        <v>1.7492010356361085</v>
      </c>
    </row>
    <row r="129839" spans="1:7" x14ac:dyDescent="0.3">
      <c r="A129839" s="13" t="s">
        <v>592</v>
      </c>
      <c r="B129839" s="14" t="s">
        <v>1</v>
      </c>
      <c r="C129839" s="14" t="s">
        <v>200</v>
      </c>
      <c r="D129839" s="14" t="s">
        <v>94</v>
      </c>
      <c r="E129839" s="15">
        <v>45640</v>
      </c>
      <c r="F129839" s="14" t="s">
        <v>15</v>
      </c>
      <c r="G129839" s="16">
        <v>1.7492010356361085</v>
      </c>
    </row>
    <row r="129840" spans="1:7" x14ac:dyDescent="0.3">
      <c r="A129840" s="13" t="s">
        <v>592</v>
      </c>
      <c r="B129840" s="14" t="s">
        <v>1</v>
      </c>
      <c r="C129840" s="14" t="s">
        <v>200</v>
      </c>
      <c r="D129840" s="14" t="s">
        <v>94</v>
      </c>
      <c r="E129840" s="15">
        <v>45641</v>
      </c>
      <c r="F129840" s="14" t="s">
        <v>15</v>
      </c>
      <c r="G129840" s="16">
        <v>1.7492010356361085</v>
      </c>
    </row>
    <row r="129841" spans="1:7" x14ac:dyDescent="0.3">
      <c r="A129841" s="13" t="s">
        <v>592</v>
      </c>
      <c r="B129841" s="14" t="s">
        <v>1</v>
      </c>
      <c r="C129841" s="14" t="s">
        <v>200</v>
      </c>
      <c r="D129841" s="14" t="s">
        <v>94</v>
      </c>
      <c r="E129841" s="15">
        <v>45642</v>
      </c>
      <c r="F129841" s="14" t="s">
        <v>15</v>
      </c>
      <c r="G129841" s="16">
        <v>1.7560995823159031</v>
      </c>
    </row>
    <row r="129842" spans="1:7" x14ac:dyDescent="0.3">
      <c r="A129842" s="13" t="s">
        <v>592</v>
      </c>
      <c r="B129842" s="14" t="s">
        <v>1</v>
      </c>
      <c r="C129842" s="14" t="s">
        <v>200</v>
      </c>
      <c r="D129842" s="14" t="s">
        <v>94</v>
      </c>
      <c r="E129842" s="15">
        <v>45643</v>
      </c>
      <c r="F129842" s="14" t="s">
        <v>15</v>
      </c>
      <c r="G129842" s="16">
        <v>1.775246451143349</v>
      </c>
    </row>
    <row r="129843" spans="1:7" x14ac:dyDescent="0.3">
      <c r="A129843" s="13" t="s">
        <v>592</v>
      </c>
      <c r="B129843" s="14" t="s">
        <v>1</v>
      </c>
      <c r="C129843" s="14" t="s">
        <v>200</v>
      </c>
      <c r="D129843" s="14" t="s">
        <v>94</v>
      </c>
      <c r="E129843" s="15">
        <v>45644</v>
      </c>
      <c r="F129843" s="14" t="s">
        <v>15</v>
      </c>
      <c r="G129843" s="16">
        <v>1.7819772125882445</v>
      </c>
    </row>
    <row r="129844" spans="1:7" x14ac:dyDescent="0.3">
      <c r="A129844" s="13" t="s">
        <v>592</v>
      </c>
      <c r="B129844" s="14" t="s">
        <v>1</v>
      </c>
      <c r="C129844" s="14" t="s">
        <v>200</v>
      </c>
      <c r="D129844" s="14" t="s">
        <v>94</v>
      </c>
      <c r="E129844" s="15">
        <v>45645</v>
      </c>
      <c r="F129844" s="14" t="s">
        <v>15</v>
      </c>
      <c r="G129844" s="16">
        <v>1.7906654684402985</v>
      </c>
    </row>
    <row r="129845" spans="1:7" x14ac:dyDescent="0.3">
      <c r="A129845" s="13" t="s">
        <v>592</v>
      </c>
      <c r="B129845" s="14" t="s">
        <v>1</v>
      </c>
      <c r="C129845" s="14" t="s">
        <v>200</v>
      </c>
      <c r="D129845" s="14" t="s">
        <v>94</v>
      </c>
      <c r="E129845" s="15">
        <v>45646</v>
      </c>
      <c r="F129845" s="14" t="s">
        <v>15</v>
      </c>
      <c r="G129845" s="16">
        <v>1.8004946638896682</v>
      </c>
    </row>
    <row r="129846" spans="1:7" x14ac:dyDescent="0.3">
      <c r="A129846" s="13" t="s">
        <v>592</v>
      </c>
      <c r="B129846" s="14" t="s">
        <v>1</v>
      </c>
      <c r="C129846" s="14" t="s">
        <v>200</v>
      </c>
      <c r="D129846" s="14" t="s">
        <v>94</v>
      </c>
      <c r="E129846" s="15">
        <v>45647</v>
      </c>
      <c r="F129846" s="14" t="s">
        <v>15</v>
      </c>
      <c r="G129846" s="16">
        <v>1.8004946638896682</v>
      </c>
    </row>
    <row r="129847" spans="1:7" x14ac:dyDescent="0.3">
      <c r="A129847" s="13" t="s">
        <v>592</v>
      </c>
      <c r="B129847" s="14" t="s">
        <v>1</v>
      </c>
      <c r="C129847" s="14" t="s">
        <v>200</v>
      </c>
      <c r="D129847" s="14" t="s">
        <v>94</v>
      </c>
      <c r="E129847" s="15">
        <v>45648</v>
      </c>
      <c r="F129847" s="14" t="s">
        <v>15</v>
      </c>
      <c r="G129847" s="16">
        <v>1.8004946638896682</v>
      </c>
    </row>
    <row r="129848" spans="1:7" x14ac:dyDescent="0.3">
      <c r="A129848" s="13" t="s">
        <v>592</v>
      </c>
      <c r="B129848" s="14" t="s">
        <v>1</v>
      </c>
      <c r="C129848" s="14" t="s">
        <v>200</v>
      </c>
      <c r="D129848" s="14" t="s">
        <v>94</v>
      </c>
      <c r="E129848" s="15">
        <v>45649</v>
      </c>
      <c r="F129848" s="14" t="s">
        <v>15</v>
      </c>
      <c r="G129848" s="16">
        <v>1.8079636803681207</v>
      </c>
    </row>
    <row r="129849" spans="1:7" x14ac:dyDescent="0.3">
      <c r="A129849" s="13" t="s">
        <v>592</v>
      </c>
      <c r="B129849" s="14" t="s">
        <v>1</v>
      </c>
      <c r="C129849" s="14" t="s">
        <v>200</v>
      </c>
      <c r="D129849" s="14" t="s">
        <v>94</v>
      </c>
      <c r="E129849" s="15">
        <v>45650</v>
      </c>
      <c r="F129849" s="14" t="s">
        <v>15</v>
      </c>
      <c r="G129849" s="16">
        <v>1.8276474619472445</v>
      </c>
    </row>
    <row r="129850" spans="1:7" x14ac:dyDescent="0.3">
      <c r="A129850" s="13" t="s">
        <v>592</v>
      </c>
      <c r="B129850" s="14" t="s">
        <v>1</v>
      </c>
      <c r="C129850" s="14" t="s">
        <v>200</v>
      </c>
      <c r="D129850" s="14" t="s">
        <v>94</v>
      </c>
      <c r="E129850" s="15">
        <v>45651</v>
      </c>
      <c r="F129850" s="14" t="s">
        <v>15</v>
      </c>
      <c r="G129850" s="16">
        <v>1.8276474619472445</v>
      </c>
    </row>
    <row r="129851" spans="1:7" x14ac:dyDescent="0.3">
      <c r="A129851" s="13" t="s">
        <v>592</v>
      </c>
      <c r="B129851" s="14" t="s">
        <v>1</v>
      </c>
      <c r="C129851" s="14" t="s">
        <v>200</v>
      </c>
      <c r="D129851" s="14" t="s">
        <v>94</v>
      </c>
      <c r="E129851" s="15">
        <v>45652</v>
      </c>
      <c r="F129851" s="14" t="s">
        <v>15</v>
      </c>
      <c r="G129851" s="16">
        <v>1.8276474619472445</v>
      </c>
    </row>
    <row r="129852" spans="1:7" x14ac:dyDescent="0.3">
      <c r="A129852" s="13" t="s">
        <v>592</v>
      </c>
      <c r="B129852" s="14" t="s">
        <v>1</v>
      </c>
      <c r="C129852" s="14" t="s">
        <v>200</v>
      </c>
      <c r="D129852" s="14" t="s">
        <v>94</v>
      </c>
      <c r="E129852" s="15">
        <v>45653</v>
      </c>
      <c r="F129852" s="14" t="s">
        <v>15</v>
      </c>
      <c r="G129852" s="16">
        <v>1.8276474619472445</v>
      </c>
    </row>
    <row r="129853" spans="1:7" x14ac:dyDescent="0.3">
      <c r="A129853" s="13" t="s">
        <v>592</v>
      </c>
      <c r="B129853" s="14" t="s">
        <v>1</v>
      </c>
      <c r="C129853" s="14" t="s">
        <v>200</v>
      </c>
      <c r="D129853" s="14" t="s">
        <v>94</v>
      </c>
      <c r="E129853" s="15">
        <v>45654</v>
      </c>
      <c r="F129853" s="14" t="s">
        <v>15</v>
      </c>
      <c r="G129853" s="16">
        <v>1.8276474619472445</v>
      </c>
    </row>
    <row r="129854" spans="1:7" x14ac:dyDescent="0.3">
      <c r="A129854" s="13" t="s">
        <v>592</v>
      </c>
      <c r="B129854" s="14" t="s">
        <v>1</v>
      </c>
      <c r="C129854" s="14" t="s">
        <v>200</v>
      </c>
      <c r="D129854" s="14" t="s">
        <v>94</v>
      </c>
      <c r="E129854" s="15">
        <v>45655</v>
      </c>
      <c r="F129854" s="14" t="s">
        <v>15</v>
      </c>
      <c r="G129854" s="16">
        <v>1.8276474619472445</v>
      </c>
    </row>
    <row r="129855" spans="1:7" x14ac:dyDescent="0.3">
      <c r="A129855" s="13" t="s">
        <v>592</v>
      </c>
      <c r="B129855" s="14" t="s">
        <v>1</v>
      </c>
      <c r="C129855" s="14" t="s">
        <v>200</v>
      </c>
      <c r="D129855" s="14" t="s">
        <v>94</v>
      </c>
      <c r="E129855" s="15">
        <v>45656</v>
      </c>
      <c r="F129855" s="14" t="s">
        <v>15</v>
      </c>
      <c r="G129855" s="16">
        <v>1.8343222949805067</v>
      </c>
    </row>
    <row r="129856" spans="1:7" x14ac:dyDescent="0.3">
      <c r="A129856" s="13" t="s">
        <v>592</v>
      </c>
      <c r="B129856" s="14" t="s">
        <v>1</v>
      </c>
      <c r="C129856" s="14" t="s">
        <v>200</v>
      </c>
      <c r="D129856" s="14" t="s">
        <v>94</v>
      </c>
      <c r="E129856" s="15">
        <v>45657</v>
      </c>
      <c r="F129856" s="14" t="s">
        <v>15</v>
      </c>
      <c r="G129856" s="16">
        <v>1.8768919825998986</v>
      </c>
    </row>
    <row r="129857" spans="1:7" x14ac:dyDescent="0.3">
      <c r="A129857" s="13" t="s">
        <v>592</v>
      </c>
      <c r="B129857" s="14" t="s">
        <v>1</v>
      </c>
      <c r="C129857" s="14" t="s">
        <v>200</v>
      </c>
      <c r="D129857" s="14" t="s">
        <v>94</v>
      </c>
      <c r="E129857" s="15">
        <v>45658</v>
      </c>
      <c r="F129857" s="14" t="s">
        <v>15</v>
      </c>
      <c r="G129857" s="16">
        <v>1.8768919825998986</v>
      </c>
    </row>
    <row r="129858" spans="1:7" x14ac:dyDescent="0.3">
      <c r="A129858" s="13" t="s">
        <v>592</v>
      </c>
      <c r="B129858" s="14" t="s">
        <v>1</v>
      </c>
      <c r="C129858" s="14" t="s">
        <v>200</v>
      </c>
      <c r="D129858" s="14" t="s">
        <v>94</v>
      </c>
      <c r="E129858" s="15">
        <v>45659</v>
      </c>
      <c r="F129858" s="14" t="s">
        <v>15</v>
      </c>
      <c r="G129858" s="16">
        <v>1.884394556125331</v>
      </c>
    </row>
    <row r="129859" spans="1:7" x14ac:dyDescent="0.3">
      <c r="A129859" s="13" t="s">
        <v>592</v>
      </c>
      <c r="B129859" s="14" t="s">
        <v>1</v>
      </c>
      <c r="C129859" s="14" t="s">
        <v>200</v>
      </c>
      <c r="D129859" s="14" t="s">
        <v>94</v>
      </c>
      <c r="E129859" s="15">
        <v>45660</v>
      </c>
      <c r="F129859" s="14" t="s">
        <v>15</v>
      </c>
      <c r="G129859" s="16">
        <v>1.8938658097402488</v>
      </c>
    </row>
    <row r="129860" spans="1:7" x14ac:dyDescent="0.3">
      <c r="A129860" s="13" t="s">
        <v>592</v>
      </c>
      <c r="B129860" s="14" t="s">
        <v>1</v>
      </c>
      <c r="C129860" s="14" t="s">
        <v>200</v>
      </c>
      <c r="D129860" s="14" t="s">
        <v>94</v>
      </c>
      <c r="E129860" s="15">
        <v>45661</v>
      </c>
      <c r="F129860" s="14" t="s">
        <v>15</v>
      </c>
      <c r="G129860" s="16">
        <v>1.8938658097402488</v>
      </c>
    </row>
    <row r="129861" spans="1:7" x14ac:dyDescent="0.3">
      <c r="A129861" s="13" t="s">
        <v>592</v>
      </c>
      <c r="B129861" s="14" t="s">
        <v>1</v>
      </c>
      <c r="C129861" s="14" t="s">
        <v>200</v>
      </c>
      <c r="D129861" s="14" t="s">
        <v>94</v>
      </c>
      <c r="E129861" s="15">
        <v>45662</v>
      </c>
      <c r="F129861" s="14" t="s">
        <v>15</v>
      </c>
      <c r="G129861" s="16">
        <v>1.8938658097402488</v>
      </c>
    </row>
    <row r="129862" spans="1:7" x14ac:dyDescent="0.3">
      <c r="A129862" s="13" t="s">
        <v>592</v>
      </c>
      <c r="B129862" s="14" t="s">
        <v>1</v>
      </c>
      <c r="C129862" s="14" t="s">
        <v>200</v>
      </c>
      <c r="D129862" s="14" t="s">
        <v>94</v>
      </c>
      <c r="E129862" s="15">
        <v>45663</v>
      </c>
      <c r="F129862" s="14" t="s">
        <v>15</v>
      </c>
      <c r="G129862" s="16">
        <v>1.9006748709614305</v>
      </c>
    </row>
    <row r="129863" spans="1:7" x14ac:dyDescent="0.3">
      <c r="A129863" s="13" t="s">
        <v>592</v>
      </c>
      <c r="B129863" s="14" t="s">
        <v>1</v>
      </c>
      <c r="C129863" s="14" t="s">
        <v>200</v>
      </c>
      <c r="D129863" s="14" t="s">
        <v>94</v>
      </c>
      <c r="E129863" s="15">
        <v>45664</v>
      </c>
      <c r="F129863" s="14" t="s">
        <v>15</v>
      </c>
      <c r="G129863" s="16">
        <v>1.9220588762542008</v>
      </c>
    </row>
    <row r="129864" spans="1:7" x14ac:dyDescent="0.3">
      <c r="A129864" s="13" t="s">
        <v>592</v>
      </c>
      <c r="B129864" s="14" t="s">
        <v>1</v>
      </c>
      <c r="C129864" s="14" t="s">
        <v>200</v>
      </c>
      <c r="D129864" s="14" t="s">
        <v>94</v>
      </c>
      <c r="E129864" s="15">
        <v>45665</v>
      </c>
      <c r="F129864" s="14" t="s">
        <v>15</v>
      </c>
      <c r="G129864" s="16">
        <v>1.9284205101823177</v>
      </c>
    </row>
    <row r="129865" spans="1:7" x14ac:dyDescent="0.3">
      <c r="A129865" s="13" t="s">
        <v>592</v>
      </c>
      <c r="B129865" s="14" t="s">
        <v>1</v>
      </c>
      <c r="C129865" s="14" t="s">
        <v>200</v>
      </c>
      <c r="D129865" s="14" t="s">
        <v>94</v>
      </c>
      <c r="E129865" s="15">
        <v>45666</v>
      </c>
      <c r="F129865" s="14" t="s">
        <v>15</v>
      </c>
      <c r="G129865" s="16">
        <v>1.9284205101823177</v>
      </c>
    </row>
    <row r="129866" spans="1:7" x14ac:dyDescent="0.3">
      <c r="A129866" s="13" t="s">
        <v>592</v>
      </c>
      <c r="B129866" s="14" t="s">
        <v>1</v>
      </c>
      <c r="C129866" s="14" t="s">
        <v>200</v>
      </c>
      <c r="D129866" s="14" t="s">
        <v>94</v>
      </c>
      <c r="E129866" s="15">
        <v>45667</v>
      </c>
      <c r="F129866" s="14" t="s">
        <v>15</v>
      </c>
      <c r="G129866" s="16">
        <v>1.9409007123430968</v>
      </c>
    </row>
    <row r="129867" spans="1:7" x14ac:dyDescent="0.3">
      <c r="A129867" s="13" t="s">
        <v>592</v>
      </c>
      <c r="B129867" s="14" t="s">
        <v>1</v>
      </c>
      <c r="C129867" s="14" t="s">
        <v>200</v>
      </c>
      <c r="D129867" s="14" t="s">
        <v>94</v>
      </c>
      <c r="E129867" s="15">
        <v>45668</v>
      </c>
      <c r="F129867" s="14" t="s">
        <v>15</v>
      </c>
      <c r="G129867" s="16">
        <v>1.9409007123430968</v>
      </c>
    </row>
    <row r="129868" spans="1:7" x14ac:dyDescent="0.3">
      <c r="A129868" s="13" t="s">
        <v>592</v>
      </c>
      <c r="B129868" s="14" t="s">
        <v>1</v>
      </c>
      <c r="C129868" s="14" t="s">
        <v>200</v>
      </c>
      <c r="D129868" s="14" t="s">
        <v>94</v>
      </c>
      <c r="E129868" s="15">
        <v>45669</v>
      </c>
      <c r="F129868" s="14" t="s">
        <v>15</v>
      </c>
      <c r="G129868" s="16">
        <v>1.9409007123430968</v>
      </c>
    </row>
    <row r="129869" spans="1:7" x14ac:dyDescent="0.3">
      <c r="A129869" s="13" t="s">
        <v>592</v>
      </c>
      <c r="B129869" s="14" t="s">
        <v>1</v>
      </c>
      <c r="C129869" s="14" t="s">
        <v>200</v>
      </c>
      <c r="D129869" s="14" t="s">
        <v>94</v>
      </c>
      <c r="E129869" s="15">
        <v>45670</v>
      </c>
      <c r="F129869" s="14" t="s">
        <v>15</v>
      </c>
      <c r="G129869" s="16">
        <v>1.952609102423339</v>
      </c>
    </row>
    <row r="129870" spans="1:7" x14ac:dyDescent="0.3">
      <c r="A129870" s="13" t="s">
        <v>592</v>
      </c>
      <c r="B129870" s="14" t="s">
        <v>1</v>
      </c>
      <c r="C129870" s="14" t="s">
        <v>200</v>
      </c>
      <c r="D129870" s="14" t="s">
        <v>94</v>
      </c>
      <c r="E129870" s="15">
        <v>45671</v>
      </c>
      <c r="F129870" s="14" t="s">
        <v>15</v>
      </c>
      <c r="G129870" s="16">
        <v>1.9702459041366907</v>
      </c>
    </row>
    <row r="129871" spans="1:7" x14ac:dyDescent="0.3">
      <c r="A129871" s="13" t="s">
        <v>592</v>
      </c>
      <c r="B129871" s="14" t="s">
        <v>1</v>
      </c>
      <c r="C129871" s="14" t="s">
        <v>200</v>
      </c>
      <c r="D129871" s="14" t="s">
        <v>94</v>
      </c>
      <c r="E129871" s="15">
        <v>45672</v>
      </c>
      <c r="F129871" s="14" t="s">
        <v>15</v>
      </c>
      <c r="G129871" s="16">
        <v>1.9768312517113402</v>
      </c>
    </row>
    <row r="129872" spans="1:7" x14ac:dyDescent="0.3">
      <c r="A129872" s="13" t="s">
        <v>592</v>
      </c>
      <c r="B129872" s="14" t="s">
        <v>1</v>
      </c>
      <c r="C129872" s="14" t="s">
        <v>200</v>
      </c>
      <c r="D129872" s="14" t="s">
        <v>94</v>
      </c>
      <c r="E129872" s="15">
        <v>45673</v>
      </c>
      <c r="F129872" s="14" t="s">
        <v>15</v>
      </c>
      <c r="G129872" s="16">
        <v>1.9820072033128351</v>
      </c>
    </row>
    <row r="129873" spans="1:7" x14ac:dyDescent="0.3">
      <c r="A129873" s="13" t="s">
        <v>592</v>
      </c>
      <c r="B129873" s="14" t="s">
        <v>1</v>
      </c>
      <c r="C129873" s="14" t="s">
        <v>200</v>
      </c>
      <c r="D129873" s="14" t="s">
        <v>94</v>
      </c>
      <c r="E129873" s="15">
        <v>45674</v>
      </c>
      <c r="F129873" s="14" t="s">
        <v>15</v>
      </c>
      <c r="G129873" s="16">
        <v>1.9878542958539274</v>
      </c>
    </row>
    <row r="129874" spans="1:7" x14ac:dyDescent="0.3">
      <c r="A129874" s="13" t="s">
        <v>592</v>
      </c>
      <c r="B129874" s="14" t="s">
        <v>1</v>
      </c>
      <c r="C129874" s="14" t="s">
        <v>200</v>
      </c>
      <c r="D129874" s="14" t="s">
        <v>94</v>
      </c>
      <c r="E129874" s="15">
        <v>45675</v>
      </c>
      <c r="F129874" s="14" t="s">
        <v>15</v>
      </c>
      <c r="G129874" s="16">
        <v>1.9878542958539274</v>
      </c>
    </row>
    <row r="129875" spans="1:7" x14ac:dyDescent="0.3">
      <c r="A129875" s="13" t="s">
        <v>592</v>
      </c>
      <c r="B129875" s="14" t="s">
        <v>1</v>
      </c>
      <c r="C129875" s="14" t="s">
        <v>200</v>
      </c>
      <c r="D129875" s="14" t="s">
        <v>94</v>
      </c>
      <c r="E129875" s="15">
        <v>45676</v>
      </c>
      <c r="F129875" s="14" t="s">
        <v>15</v>
      </c>
      <c r="G129875" s="16">
        <v>1.9878542958539274</v>
      </c>
    </row>
    <row r="129876" spans="1:7" x14ac:dyDescent="0.3">
      <c r="A129876" s="13" t="s">
        <v>592</v>
      </c>
      <c r="B129876" s="14" t="s">
        <v>1</v>
      </c>
      <c r="C129876" s="14" t="s">
        <v>200</v>
      </c>
      <c r="D129876" s="14" t="s">
        <v>94</v>
      </c>
      <c r="E129876" s="15">
        <v>45677</v>
      </c>
      <c r="F129876" s="14" t="s">
        <v>15</v>
      </c>
      <c r="G129876" s="16">
        <v>1.9878542958539274</v>
      </c>
    </row>
    <row r="129877" spans="1:7" x14ac:dyDescent="0.3">
      <c r="A129877" s="13" t="s">
        <v>592</v>
      </c>
      <c r="B129877" s="14" t="s">
        <v>1</v>
      </c>
      <c r="C129877" s="14" t="s">
        <v>200</v>
      </c>
      <c r="D129877" s="14" t="s">
        <v>94</v>
      </c>
      <c r="E129877" s="15">
        <v>45678</v>
      </c>
      <c r="F129877" s="14" t="s">
        <v>15</v>
      </c>
      <c r="G129877" s="16">
        <v>1.9950660416388677</v>
      </c>
    </row>
    <row r="129878" spans="1:7" x14ac:dyDescent="0.3">
      <c r="A129878" s="13" t="s">
        <v>592</v>
      </c>
      <c r="B129878" s="14" t="s">
        <v>1</v>
      </c>
      <c r="C129878" s="14" t="s">
        <v>200</v>
      </c>
      <c r="D129878" s="14" t="s">
        <v>94</v>
      </c>
      <c r="E129878" s="15">
        <v>45679</v>
      </c>
      <c r="F129878" s="14" t="s">
        <v>15</v>
      </c>
      <c r="G129878" s="16">
        <v>2.0177364003991993</v>
      </c>
    </row>
    <row r="129879" spans="1:7" x14ac:dyDescent="0.3">
      <c r="A129879" s="13" t="s">
        <v>592</v>
      </c>
      <c r="B129879" s="14" t="s">
        <v>1</v>
      </c>
      <c r="C129879" s="14" t="s">
        <v>200</v>
      </c>
      <c r="D129879" s="14" t="s">
        <v>94</v>
      </c>
      <c r="E129879" s="15">
        <v>45680</v>
      </c>
      <c r="F129879" s="14" t="s">
        <v>15</v>
      </c>
      <c r="G129879" s="16">
        <v>2.0239414347747431</v>
      </c>
    </row>
    <row r="129880" spans="1:7" x14ac:dyDescent="0.3">
      <c r="A129880" s="13" t="s">
        <v>592</v>
      </c>
      <c r="B129880" s="14" t="s">
        <v>1</v>
      </c>
      <c r="C129880" s="14" t="s">
        <v>200</v>
      </c>
      <c r="D129880" s="14" t="s">
        <v>94</v>
      </c>
      <c r="E129880" s="15">
        <v>45681</v>
      </c>
      <c r="F129880" s="14" t="s">
        <v>15</v>
      </c>
      <c r="G129880" s="16">
        <v>2.0295759993516298</v>
      </c>
    </row>
    <row r="129881" spans="1:7" x14ac:dyDescent="0.3">
      <c r="A129881" s="13" t="s">
        <v>592</v>
      </c>
      <c r="B129881" s="14" t="s">
        <v>1</v>
      </c>
      <c r="C129881" s="14" t="s">
        <v>200</v>
      </c>
      <c r="D129881" s="14" t="s">
        <v>94</v>
      </c>
      <c r="E129881" s="15">
        <v>45682</v>
      </c>
      <c r="F129881" s="14" t="s">
        <v>15</v>
      </c>
      <c r="G129881" s="16">
        <v>2.0295759993516298</v>
      </c>
    </row>
    <row r="129882" spans="1:7" x14ac:dyDescent="0.3">
      <c r="A129882" s="13" t="s">
        <v>592</v>
      </c>
      <c r="B129882" s="14" t="s">
        <v>1</v>
      </c>
      <c r="C129882" s="14" t="s">
        <v>200</v>
      </c>
      <c r="D129882" s="14" t="s">
        <v>94</v>
      </c>
      <c r="E129882" s="15">
        <v>45683</v>
      </c>
      <c r="F129882" s="14" t="s">
        <v>15</v>
      </c>
      <c r="G129882" s="16">
        <v>2.0295759993516298</v>
      </c>
    </row>
    <row r="129883" spans="1:7" x14ac:dyDescent="0.3">
      <c r="A129883" s="13" t="s">
        <v>592</v>
      </c>
      <c r="B129883" s="14" t="s">
        <v>1</v>
      </c>
      <c r="C129883" s="14" t="s">
        <v>200</v>
      </c>
      <c r="D129883" s="14" t="s">
        <v>94</v>
      </c>
      <c r="E129883" s="15">
        <v>45684</v>
      </c>
      <c r="F129883" s="14" t="s">
        <v>15</v>
      </c>
      <c r="G129883" s="16">
        <v>2.034416380483326</v>
      </c>
    </row>
    <row r="129884" spans="1:7" x14ac:dyDescent="0.3">
      <c r="A129884" s="13" t="s">
        <v>592</v>
      </c>
      <c r="B129884" s="14" t="s">
        <v>1</v>
      </c>
      <c r="C129884" s="14" t="s">
        <v>200</v>
      </c>
      <c r="D129884" s="14" t="s">
        <v>94</v>
      </c>
      <c r="E129884" s="15">
        <v>45685</v>
      </c>
      <c r="F129884" s="14" t="s">
        <v>15</v>
      </c>
      <c r="G129884" s="16">
        <v>2.052824994277215</v>
      </c>
    </row>
    <row r="129885" spans="1:7" x14ac:dyDescent="0.3">
      <c r="A129885" s="13" t="s">
        <v>592</v>
      </c>
      <c r="B129885" s="14" t="s">
        <v>1</v>
      </c>
      <c r="C129885" s="14" t="s">
        <v>200</v>
      </c>
      <c r="D129885" s="14" t="s">
        <v>94</v>
      </c>
      <c r="E129885" s="15">
        <v>45686</v>
      </c>
      <c r="F129885" s="14" t="s">
        <v>15</v>
      </c>
      <c r="G129885" s="16">
        <v>2.0590524000174124</v>
      </c>
    </row>
    <row r="129886" spans="1:7" x14ac:dyDescent="0.3">
      <c r="A129886" s="13" t="s">
        <v>592</v>
      </c>
      <c r="B129886" s="14" t="s">
        <v>1</v>
      </c>
      <c r="C129886" s="14" t="s">
        <v>200</v>
      </c>
      <c r="D129886" s="14" t="s">
        <v>94</v>
      </c>
      <c r="E129886" s="15">
        <v>45687</v>
      </c>
      <c r="F129886" s="14" t="s">
        <v>15</v>
      </c>
      <c r="G129886" s="16">
        <v>2.0639598952430687</v>
      </c>
    </row>
    <row r="129887" spans="1:7" x14ac:dyDescent="0.3">
      <c r="A129887" s="13" t="s">
        <v>592</v>
      </c>
      <c r="B129887" s="14" t="s">
        <v>1</v>
      </c>
      <c r="C129887" s="14" t="s">
        <v>200</v>
      </c>
      <c r="D129887" s="14" t="s">
        <v>94</v>
      </c>
      <c r="E129887" s="15">
        <v>45688</v>
      </c>
      <c r="F129887" s="14" t="s">
        <v>15</v>
      </c>
      <c r="G129887" s="16">
        <v>2.070120186889306</v>
      </c>
    </row>
    <row r="129888" spans="1:7" x14ac:dyDescent="0.3">
      <c r="A129888" s="13" t="s">
        <v>592</v>
      </c>
      <c r="B129888" s="14" t="s">
        <v>1</v>
      </c>
      <c r="C129888" s="14" t="s">
        <v>200</v>
      </c>
      <c r="D129888" s="14" t="s">
        <v>94</v>
      </c>
      <c r="E129888" s="15">
        <v>45689</v>
      </c>
      <c r="F129888" s="14" t="s">
        <v>15</v>
      </c>
      <c r="G129888" s="16">
        <v>2.070120186889306</v>
      </c>
    </row>
    <row r="129889" spans="1:7" x14ac:dyDescent="0.3">
      <c r="A129889" s="13" t="s">
        <v>592</v>
      </c>
      <c r="B129889" s="14" t="s">
        <v>1</v>
      </c>
      <c r="C129889" s="14" t="s">
        <v>200</v>
      </c>
      <c r="D129889" s="14" t="s">
        <v>94</v>
      </c>
      <c r="E129889" s="15">
        <v>45690</v>
      </c>
      <c r="F129889" s="14" t="s">
        <v>15</v>
      </c>
      <c r="G129889" s="16">
        <v>2.070120186889306</v>
      </c>
    </row>
    <row r="129890" spans="1:7" x14ac:dyDescent="0.3">
      <c r="A129890" s="13" t="s">
        <v>592</v>
      </c>
      <c r="B129890" s="14" t="s">
        <v>1</v>
      </c>
      <c r="C129890" s="14" t="s">
        <v>200</v>
      </c>
      <c r="D129890" s="14" t="s">
        <v>94</v>
      </c>
      <c r="E129890" s="15">
        <v>45691</v>
      </c>
      <c r="F129890" s="14" t="s">
        <v>15</v>
      </c>
      <c r="G129890" s="16">
        <v>2.070120186889306</v>
      </c>
    </row>
    <row r="129891" spans="1:7" x14ac:dyDescent="0.3">
      <c r="A129891" s="13" t="s">
        <v>592</v>
      </c>
      <c r="B129891" s="14" t="s">
        <v>1</v>
      </c>
      <c r="C129891" s="14" t="s">
        <v>200</v>
      </c>
      <c r="D129891" s="14" t="s">
        <v>94</v>
      </c>
      <c r="E129891" s="15">
        <v>45692</v>
      </c>
      <c r="F129891" s="14" t="s">
        <v>15</v>
      </c>
      <c r="G129891" s="16">
        <v>2.0764594494527699</v>
      </c>
    </row>
    <row r="129892" spans="1:7" x14ac:dyDescent="0.3">
      <c r="A129892" s="13" t="s">
        <v>592</v>
      </c>
      <c r="B129892" s="14" t="s">
        <v>1</v>
      </c>
      <c r="C129892" s="14" t="s">
        <v>200</v>
      </c>
      <c r="D129892" s="14" t="s">
        <v>94</v>
      </c>
      <c r="E129892" s="15">
        <v>45693</v>
      </c>
      <c r="F129892" s="14" t="s">
        <v>15</v>
      </c>
      <c r="G129892" s="16">
        <v>2.1019374144770833</v>
      </c>
    </row>
    <row r="129893" spans="1:7" x14ac:dyDescent="0.3">
      <c r="A129893" s="13" t="s">
        <v>592</v>
      </c>
      <c r="B129893" s="14" t="s">
        <v>1</v>
      </c>
      <c r="C129893" s="14" t="s">
        <v>200</v>
      </c>
      <c r="D129893" s="14" t="s">
        <v>94</v>
      </c>
      <c r="E129893" s="15">
        <v>45694</v>
      </c>
      <c r="F129893" s="14" t="s">
        <v>15</v>
      </c>
      <c r="G129893" s="16">
        <v>2.1088135897922249</v>
      </c>
    </row>
    <row r="129894" spans="1:7" x14ac:dyDescent="0.3">
      <c r="A129894" s="13" t="s">
        <v>592</v>
      </c>
      <c r="B129894" s="14" t="s">
        <v>1</v>
      </c>
      <c r="C129894" s="14" t="s">
        <v>200</v>
      </c>
      <c r="D129894" s="14" t="s">
        <v>94</v>
      </c>
      <c r="E129894" s="15">
        <v>45695</v>
      </c>
      <c r="F129894" s="14" t="s">
        <v>15</v>
      </c>
      <c r="G129894" s="16">
        <v>2.1153989373668742</v>
      </c>
    </row>
    <row r="129895" spans="1:7" x14ac:dyDescent="0.3">
      <c r="A129895" s="13" t="s">
        <v>592</v>
      </c>
      <c r="B129895" s="14" t="s">
        <v>1</v>
      </c>
      <c r="C129895" s="14" t="s">
        <v>200</v>
      </c>
      <c r="D129895" s="14" t="s">
        <v>94</v>
      </c>
      <c r="E129895" s="15">
        <v>45696</v>
      </c>
      <c r="F129895" s="14" t="s">
        <v>15</v>
      </c>
      <c r="G129895" s="16">
        <v>2.1153989373668742</v>
      </c>
    </row>
    <row r="129896" spans="1:7" x14ac:dyDescent="0.3">
      <c r="A129896" s="13" t="s">
        <v>592</v>
      </c>
      <c r="B129896" s="14" t="s">
        <v>1</v>
      </c>
      <c r="C129896" s="14" t="s">
        <v>200</v>
      </c>
      <c r="D129896" s="14" t="s">
        <v>94</v>
      </c>
      <c r="E129896" s="15">
        <v>45697</v>
      </c>
      <c r="F129896" s="14" t="s">
        <v>15</v>
      </c>
      <c r="G129896" s="16">
        <v>2.1153989373668742</v>
      </c>
    </row>
    <row r="129897" spans="1:7" x14ac:dyDescent="0.3">
      <c r="A129897" s="13" t="s">
        <v>592</v>
      </c>
      <c r="B129897" s="14" t="s">
        <v>1</v>
      </c>
      <c r="C129897" s="14" t="s">
        <v>200</v>
      </c>
      <c r="D129897" s="14" t="s">
        <v>94</v>
      </c>
      <c r="E129897" s="15">
        <v>45698</v>
      </c>
      <c r="F129897" s="14" t="s">
        <v>15</v>
      </c>
      <c r="G129897" s="16">
        <v>2.1221520701764232</v>
      </c>
    </row>
    <row r="129898" spans="1:7" x14ac:dyDescent="0.3">
      <c r="A129898" s="13" t="s">
        <v>592</v>
      </c>
      <c r="B129898" s="14" t="s">
        <v>1</v>
      </c>
      <c r="C129898" s="14" t="s">
        <v>200</v>
      </c>
      <c r="D129898" s="14" t="s">
        <v>94</v>
      </c>
      <c r="E129898" s="15">
        <v>45699</v>
      </c>
      <c r="F129898" s="14" t="s">
        <v>15</v>
      </c>
      <c r="G129898" s="16">
        <v>2.1422497220016314</v>
      </c>
    </row>
    <row r="129899" spans="1:7" x14ac:dyDescent="0.3">
      <c r="A129899" s="13" t="s">
        <v>592</v>
      </c>
      <c r="B129899" s="14" t="s">
        <v>1</v>
      </c>
      <c r="C129899" s="14" t="s">
        <v>200</v>
      </c>
      <c r="D129899" s="14" t="s">
        <v>94</v>
      </c>
      <c r="E129899" s="15">
        <v>45700</v>
      </c>
      <c r="F129899" s="14" t="s">
        <v>15</v>
      </c>
      <c r="G129899" s="16">
        <v>2.1491706400460795</v>
      </c>
    </row>
    <row r="129900" spans="1:7" x14ac:dyDescent="0.3">
      <c r="A129900" s="13" t="s">
        <v>592</v>
      </c>
      <c r="B129900" s="14" t="s">
        <v>1</v>
      </c>
      <c r="C129900" s="14" t="s">
        <v>200</v>
      </c>
      <c r="D129900" s="14" t="s">
        <v>94</v>
      </c>
      <c r="E129900" s="15">
        <v>45701</v>
      </c>
      <c r="F129900" s="14" t="s">
        <v>15</v>
      </c>
      <c r="G129900" s="16">
        <v>2.1581609093209524</v>
      </c>
    </row>
    <row r="129901" spans="1:7" x14ac:dyDescent="0.3">
      <c r="A129901" s="13" t="s">
        <v>592</v>
      </c>
      <c r="B129901" s="14" t="s">
        <v>1</v>
      </c>
      <c r="C129901" s="14" t="s">
        <v>200</v>
      </c>
      <c r="D129901" s="14" t="s">
        <v>94</v>
      </c>
      <c r="E129901" s="15">
        <v>45702</v>
      </c>
      <c r="F129901" s="14" t="s">
        <v>15</v>
      </c>
      <c r="G129901" s="16">
        <v>2.1649923419067876</v>
      </c>
    </row>
    <row r="129902" spans="1:7" x14ac:dyDescent="0.3">
      <c r="A129902" s="13" t="s">
        <v>592</v>
      </c>
      <c r="B129902" s="14" t="s">
        <v>1</v>
      </c>
      <c r="C129902" s="14" t="s">
        <v>200</v>
      </c>
      <c r="D129902" s="14" t="s">
        <v>94</v>
      </c>
      <c r="E129902" s="15">
        <v>45703</v>
      </c>
      <c r="F129902" s="14" t="s">
        <v>15</v>
      </c>
      <c r="G129902" s="16">
        <v>2.1649923419067876</v>
      </c>
    </row>
    <row r="129903" spans="1:7" x14ac:dyDescent="0.3">
      <c r="A129903" s="13" t="s">
        <v>592</v>
      </c>
      <c r="B129903" s="14" t="s">
        <v>1</v>
      </c>
      <c r="C129903" s="14" t="s">
        <v>200</v>
      </c>
      <c r="D129903" s="14" t="s">
        <v>94</v>
      </c>
      <c r="E129903" s="15">
        <v>45704</v>
      </c>
      <c r="F129903" s="14" t="s">
        <v>15</v>
      </c>
      <c r="G129903" s="16">
        <v>2.1649923419067876</v>
      </c>
    </row>
    <row r="129904" spans="1:7" x14ac:dyDescent="0.3">
      <c r="A129904" s="13" t="s">
        <v>592</v>
      </c>
      <c r="B129904" s="14" t="s">
        <v>1</v>
      </c>
      <c r="C129904" s="14" t="s">
        <v>200</v>
      </c>
      <c r="D129904" s="14" t="s">
        <v>94</v>
      </c>
      <c r="E129904" s="15">
        <v>45705</v>
      </c>
      <c r="F129904" s="14" t="s">
        <v>15</v>
      </c>
      <c r="G129904" s="16">
        <v>2.1649923419067876</v>
      </c>
    </row>
    <row r="129905" spans="1:7" x14ac:dyDescent="0.3">
      <c r="A129905" s="13" t="s">
        <v>592</v>
      </c>
      <c r="B129905" s="14" t="s">
        <v>1</v>
      </c>
      <c r="C129905" s="14" t="s">
        <v>200</v>
      </c>
      <c r="D129905" s="14" t="s">
        <v>94</v>
      </c>
      <c r="E129905" s="15">
        <v>45706</v>
      </c>
      <c r="F129905" s="14" t="s">
        <v>15</v>
      </c>
      <c r="G129905" s="16">
        <v>2.1721481592800949</v>
      </c>
    </row>
    <row r="129906" spans="1:7" x14ac:dyDescent="0.3">
      <c r="A129906" s="13" t="s">
        <v>592</v>
      </c>
      <c r="B129906" s="14" t="s">
        <v>1</v>
      </c>
      <c r="C129906" s="14" t="s">
        <v>200</v>
      </c>
      <c r="D129906" s="14" t="s">
        <v>94</v>
      </c>
      <c r="E129906" s="15">
        <v>45707</v>
      </c>
      <c r="F129906" s="14" t="s">
        <v>15</v>
      </c>
      <c r="G129906" s="16">
        <v>2.1974918961164893</v>
      </c>
    </row>
    <row r="129907" spans="1:7" x14ac:dyDescent="0.3">
      <c r="A129907" s="13" t="s">
        <v>592</v>
      </c>
      <c r="B129907" s="14" t="s">
        <v>1</v>
      </c>
      <c r="C129907" s="14" t="s">
        <v>200</v>
      </c>
      <c r="D129907" s="14" t="s">
        <v>94</v>
      </c>
      <c r="E129907" s="15">
        <v>45708</v>
      </c>
      <c r="F129907" s="14" t="s">
        <v>15</v>
      </c>
      <c r="G129907" s="16">
        <v>2.2047148275837558</v>
      </c>
    </row>
    <row r="129908" spans="1:7" x14ac:dyDescent="0.3">
      <c r="A129908" s="13" t="s">
        <v>592</v>
      </c>
      <c r="B129908" s="14" t="s">
        <v>1</v>
      </c>
      <c r="C129908" s="14" t="s">
        <v>200</v>
      </c>
      <c r="D129908" s="14" t="s">
        <v>94</v>
      </c>
      <c r="E129908" s="15">
        <v>45709</v>
      </c>
      <c r="F129908" s="14" t="s">
        <v>15</v>
      </c>
      <c r="G129908" s="16">
        <v>2.21181471654543</v>
      </c>
    </row>
    <row r="129909" spans="1:7" x14ac:dyDescent="0.3">
      <c r="A129909" s="13" t="s">
        <v>592</v>
      </c>
      <c r="B129909" s="14" t="s">
        <v>1</v>
      </c>
      <c r="C129909" s="14" t="s">
        <v>200</v>
      </c>
      <c r="D129909" s="14" t="s">
        <v>94</v>
      </c>
      <c r="E129909" s="15">
        <v>45710</v>
      </c>
      <c r="F129909" s="14" t="s">
        <v>15</v>
      </c>
      <c r="G129909" s="16">
        <v>2.21181471654543</v>
      </c>
    </row>
    <row r="129910" spans="1:7" x14ac:dyDescent="0.3">
      <c r="A129910" s="13" t="s">
        <v>592</v>
      </c>
      <c r="B129910" s="14" t="s">
        <v>1</v>
      </c>
      <c r="C129910" s="14" t="s">
        <v>200</v>
      </c>
      <c r="D129910" s="14" t="s">
        <v>94</v>
      </c>
      <c r="E129910" s="15">
        <v>45711</v>
      </c>
      <c r="F129910" s="14" t="s">
        <v>15</v>
      </c>
      <c r="G129910" s="16">
        <v>2.21181471654543</v>
      </c>
    </row>
    <row r="129911" spans="1:7" x14ac:dyDescent="0.3">
      <c r="A129911" s="13" t="s">
        <v>592</v>
      </c>
      <c r="B129911" s="14" t="s">
        <v>1</v>
      </c>
      <c r="C129911" s="14" t="s">
        <v>200</v>
      </c>
      <c r="D129911" s="14" t="s">
        <v>94</v>
      </c>
      <c r="E129911" s="15">
        <v>45712</v>
      </c>
      <c r="F129911" s="14" t="s">
        <v>15</v>
      </c>
      <c r="G129911" s="16">
        <v>2.2194850753057618</v>
      </c>
    </row>
    <row r="129912" spans="1:7" x14ac:dyDescent="0.3">
      <c r="A129912" s="13" t="s">
        <v>592</v>
      </c>
      <c r="B129912" s="14" t="s">
        <v>1</v>
      </c>
      <c r="C129912" s="14" t="s">
        <v>200</v>
      </c>
      <c r="D129912" s="14" t="s">
        <v>94</v>
      </c>
      <c r="E129912" s="15">
        <v>45713</v>
      </c>
      <c r="F129912" s="14" t="s">
        <v>15</v>
      </c>
      <c r="G129912" s="16">
        <v>2.2393701991667645</v>
      </c>
    </row>
    <row r="129913" spans="1:7" x14ac:dyDescent="0.3">
      <c r="A129913" s="13" t="s">
        <v>592</v>
      </c>
      <c r="B129913" s="14" t="s">
        <v>1</v>
      </c>
      <c r="C129913" s="14" t="s">
        <v>200</v>
      </c>
      <c r="D129913" s="14" t="s">
        <v>94</v>
      </c>
      <c r="E129913" s="15">
        <v>45714</v>
      </c>
      <c r="F129913" s="14" t="s">
        <v>15</v>
      </c>
      <c r="G129913" s="16">
        <v>2.246391788352152</v>
      </c>
    </row>
    <row r="129914" spans="1:7" x14ac:dyDescent="0.3">
      <c r="A129914" s="13" t="s">
        <v>592</v>
      </c>
      <c r="B129914" s="14" t="s">
        <v>1</v>
      </c>
      <c r="C129914" s="14" t="s">
        <v>200</v>
      </c>
      <c r="D129914" s="14" t="s">
        <v>94</v>
      </c>
      <c r="E129914" s="15">
        <v>45715</v>
      </c>
      <c r="F129914" s="14" t="s">
        <v>15</v>
      </c>
      <c r="G129914" s="16">
        <v>2.253659462548725</v>
      </c>
    </row>
    <row r="129915" spans="1:7" x14ac:dyDescent="0.3">
      <c r="A129915" s="13" t="s">
        <v>592</v>
      </c>
      <c r="B129915" s="14" t="s">
        <v>1</v>
      </c>
      <c r="C129915" s="14" t="s">
        <v>200</v>
      </c>
      <c r="D129915" s="14" t="s">
        <v>94</v>
      </c>
      <c r="E129915" s="15">
        <v>45716</v>
      </c>
      <c r="F129915" s="14" t="s">
        <v>15</v>
      </c>
      <c r="G129915" s="16">
        <v>2.2607146087810923</v>
      </c>
    </row>
    <row r="129916" spans="1:7" x14ac:dyDescent="0.3">
      <c r="A129916" s="13" t="s">
        <v>592</v>
      </c>
      <c r="B129916" s="14" t="s">
        <v>1</v>
      </c>
      <c r="C129916" s="14" t="s">
        <v>200</v>
      </c>
      <c r="D129916" s="14" t="s">
        <v>94</v>
      </c>
      <c r="E129916" s="15">
        <v>45717</v>
      </c>
      <c r="F129916" s="14" t="s">
        <v>15</v>
      </c>
      <c r="G129916" s="16">
        <v>2.2607146087810923</v>
      </c>
    </row>
    <row r="129917" spans="1:7" x14ac:dyDescent="0.3">
      <c r="A129917" s="13" t="s">
        <v>592</v>
      </c>
      <c r="B129917" s="14" t="s">
        <v>1</v>
      </c>
      <c r="C129917" s="14" t="s">
        <v>200</v>
      </c>
      <c r="D129917" s="14" t="s">
        <v>94</v>
      </c>
      <c r="E129917" s="15">
        <v>45718</v>
      </c>
      <c r="F129917" s="14" t="s">
        <v>15</v>
      </c>
      <c r="G129917" s="16">
        <v>2.2607146087810923</v>
      </c>
    </row>
    <row r="129918" spans="1:7" x14ac:dyDescent="0.3">
      <c r="A129918" s="13" t="s">
        <v>592</v>
      </c>
      <c r="B129918" s="14" t="s">
        <v>1</v>
      </c>
      <c r="C129918" s="14" t="s">
        <v>200</v>
      </c>
      <c r="D129918" s="14" t="s">
        <v>94</v>
      </c>
      <c r="E129918" s="15">
        <v>45719</v>
      </c>
      <c r="F129918" s="14" t="s">
        <v>15</v>
      </c>
      <c r="G129918" s="16">
        <v>2.2706444753714017</v>
      </c>
    </row>
    <row r="129919" spans="1:7" x14ac:dyDescent="0.3">
      <c r="A129919" s="13" t="s">
        <v>592</v>
      </c>
      <c r="B129919" s="14" t="s">
        <v>1</v>
      </c>
      <c r="C129919" s="14" t="s">
        <v>200</v>
      </c>
      <c r="D129919" s="14" t="s">
        <v>94</v>
      </c>
      <c r="E129919" s="15">
        <v>45720</v>
      </c>
      <c r="F129919" s="14" t="s">
        <v>15</v>
      </c>
      <c r="G129919" s="16">
        <v>2.2907309415142838</v>
      </c>
    </row>
    <row r="129920" spans="1:7" x14ac:dyDescent="0.3">
      <c r="A129920" s="13" t="s">
        <v>592</v>
      </c>
      <c r="B129920" s="14" t="s">
        <v>1</v>
      </c>
      <c r="C129920" s="14" t="s">
        <v>200</v>
      </c>
      <c r="D129920" s="14" t="s">
        <v>94</v>
      </c>
      <c r="E129920" s="15">
        <v>45721</v>
      </c>
      <c r="F129920" s="14" t="s">
        <v>15</v>
      </c>
      <c r="G129920" s="16">
        <v>2.2975288170531392</v>
      </c>
    </row>
    <row r="129921" spans="1:7" x14ac:dyDescent="0.3">
      <c r="A129921" s="13" t="s">
        <v>592</v>
      </c>
      <c r="B129921" s="14" t="s">
        <v>1</v>
      </c>
      <c r="C129921" s="14" t="s">
        <v>200</v>
      </c>
      <c r="D129921" s="14" t="s">
        <v>94</v>
      </c>
      <c r="E129921" s="15">
        <v>45722</v>
      </c>
      <c r="F129921" s="14" t="s">
        <v>15</v>
      </c>
      <c r="G129921" s="16">
        <v>2.3044161780506074</v>
      </c>
    </row>
    <row r="129922" spans="1:7" x14ac:dyDescent="0.3">
      <c r="A129922" s="13" t="s">
        <v>592</v>
      </c>
      <c r="B129922" s="14" t="s">
        <v>1</v>
      </c>
      <c r="C129922" s="14" t="s">
        <v>200</v>
      </c>
      <c r="D129922" s="14" t="s">
        <v>94</v>
      </c>
      <c r="E129922" s="15">
        <v>45723</v>
      </c>
      <c r="F129922" s="14" t="s">
        <v>15</v>
      </c>
      <c r="G129922" s="16">
        <v>2.3112069383726155</v>
      </c>
    </row>
    <row r="129923" spans="1:7" x14ac:dyDescent="0.3">
      <c r="A129923" s="13" t="s">
        <v>592</v>
      </c>
      <c r="B129923" s="14" t="s">
        <v>1</v>
      </c>
      <c r="C129923" s="14" t="s">
        <v>200</v>
      </c>
      <c r="D129923" s="14" t="s">
        <v>94</v>
      </c>
      <c r="E129923" s="15">
        <v>45724</v>
      </c>
      <c r="F129923" s="14" t="s">
        <v>15</v>
      </c>
      <c r="G129923" s="16">
        <v>2.3112069383726155</v>
      </c>
    </row>
    <row r="129924" spans="1:7" x14ac:dyDescent="0.3">
      <c r="A129924" s="13" t="s">
        <v>592</v>
      </c>
      <c r="B129924" s="14" t="s">
        <v>1</v>
      </c>
      <c r="C129924" s="14" t="s">
        <v>200</v>
      </c>
      <c r="D129924" s="14" t="s">
        <v>94</v>
      </c>
      <c r="E129924" s="15">
        <v>45725</v>
      </c>
      <c r="F129924" s="14" t="s">
        <v>15</v>
      </c>
      <c r="G129924" s="16">
        <v>2.3112069383726155</v>
      </c>
    </row>
    <row r="129925" spans="1:7" x14ac:dyDescent="0.3">
      <c r="A129925" s="13" t="s">
        <v>592</v>
      </c>
      <c r="B129925" s="14" t="s">
        <v>1</v>
      </c>
      <c r="C129925" s="14" t="s">
        <v>200</v>
      </c>
      <c r="D129925" s="14" t="s">
        <v>94</v>
      </c>
      <c r="E129925" s="15">
        <v>45726</v>
      </c>
      <c r="F129925" s="14" t="s">
        <v>15</v>
      </c>
      <c r="G129925" s="16">
        <v>2.3180700925170177</v>
      </c>
    </row>
    <row r="129926" spans="1:7" x14ac:dyDescent="0.3">
      <c r="A129926" s="13" t="s">
        <v>592</v>
      </c>
      <c r="B129926" s="14" t="s">
        <v>1</v>
      </c>
      <c r="C129926" s="14" t="s">
        <v>200</v>
      </c>
      <c r="D129926" s="14" t="s">
        <v>94</v>
      </c>
      <c r="E129926" s="15">
        <v>45727</v>
      </c>
      <c r="F129926" s="14" t="s">
        <v>15</v>
      </c>
      <c r="G129926" s="16">
        <v>2.3386398103679835</v>
      </c>
    </row>
    <row r="129927" spans="1:7" x14ac:dyDescent="0.3">
      <c r="A129927" s="13" t="s">
        <v>592</v>
      </c>
      <c r="B129927" s="14" t="s">
        <v>1</v>
      </c>
      <c r="C129927" s="14" t="s">
        <v>200</v>
      </c>
      <c r="D129927" s="14" t="s">
        <v>94</v>
      </c>
      <c r="E129927" s="15">
        <v>45728</v>
      </c>
      <c r="F129927" s="14" t="s">
        <v>15</v>
      </c>
      <c r="G129927" s="16">
        <v>2.3467819220413437</v>
      </c>
    </row>
    <row r="129928" spans="1:7" x14ac:dyDescent="0.3">
      <c r="A129928" s="13" t="s">
        <v>592</v>
      </c>
      <c r="B129928" s="14" t="s">
        <v>1</v>
      </c>
      <c r="C129928" s="14" t="s">
        <v>200</v>
      </c>
      <c r="D129928" s="14" t="s">
        <v>94</v>
      </c>
      <c r="E129928" s="15">
        <v>45729</v>
      </c>
      <c r="F129928" s="14" t="s">
        <v>15</v>
      </c>
      <c r="G129928" s="16">
        <v>2.3541663117069813</v>
      </c>
    </row>
    <row r="129929" spans="1:7" x14ac:dyDescent="0.3">
      <c r="A129929" s="13" t="s">
        <v>592</v>
      </c>
      <c r="B129929" s="14" t="s">
        <v>1</v>
      </c>
      <c r="C129929" s="14" t="s">
        <v>200</v>
      </c>
      <c r="D129929" s="14" t="s">
        <v>94</v>
      </c>
      <c r="E129929" s="15">
        <v>45730</v>
      </c>
      <c r="F129929" s="14" t="s">
        <v>15</v>
      </c>
      <c r="G129929" s="16">
        <v>2.3608195237664416</v>
      </c>
    </row>
    <row r="129930" spans="1:7" x14ac:dyDescent="0.3">
      <c r="A129930" s="13" t="s">
        <v>592</v>
      </c>
      <c r="B129930" s="14" t="s">
        <v>1</v>
      </c>
      <c r="C129930" s="14" t="s">
        <v>200</v>
      </c>
      <c r="D129930" s="14" t="s">
        <v>94</v>
      </c>
      <c r="E129930" s="15">
        <v>45731</v>
      </c>
      <c r="F129930" s="14" t="s">
        <v>15</v>
      </c>
      <c r="G129930" s="16">
        <v>2.3608195237664416</v>
      </c>
    </row>
    <row r="129931" spans="1:7" x14ac:dyDescent="0.3">
      <c r="A129931" s="13" t="s">
        <v>592</v>
      </c>
      <c r="B129931" s="14" t="s">
        <v>1</v>
      </c>
      <c r="C129931" s="14" t="s">
        <v>200</v>
      </c>
      <c r="D129931" s="14" t="s">
        <v>94</v>
      </c>
      <c r="E129931" s="15">
        <v>45732</v>
      </c>
      <c r="F129931" s="14" t="s">
        <v>15</v>
      </c>
      <c r="G129931" s="16">
        <v>2.3608195237664416</v>
      </c>
    </row>
    <row r="129932" spans="1:7" x14ac:dyDescent="0.3">
      <c r="A129932" s="13" t="s">
        <v>592</v>
      </c>
      <c r="B129932" s="14" t="s">
        <v>1</v>
      </c>
      <c r="C129932" s="14" t="s">
        <v>200</v>
      </c>
      <c r="D129932" s="14" t="s">
        <v>94</v>
      </c>
      <c r="E129932" s="15">
        <v>45733</v>
      </c>
      <c r="F129932" s="14" t="s">
        <v>15</v>
      </c>
      <c r="G129932" s="16">
        <v>2.3608195237664416</v>
      </c>
    </row>
    <row r="129933" spans="1:7" x14ac:dyDescent="0.3">
      <c r="A129933" s="13" t="s">
        <v>592</v>
      </c>
      <c r="B129933" s="14" t="s">
        <v>1</v>
      </c>
      <c r="C129933" s="14" t="s">
        <v>200</v>
      </c>
      <c r="D129933" s="14" t="s">
        <v>94</v>
      </c>
      <c r="E129933" s="15">
        <v>45734</v>
      </c>
      <c r="F129933" s="14" t="s">
        <v>15</v>
      </c>
      <c r="G129933" s="16">
        <v>2.3678733149764808</v>
      </c>
    </row>
    <row r="129934" spans="1:7" x14ac:dyDescent="0.3">
      <c r="A129934" s="13" t="s">
        <v>592</v>
      </c>
      <c r="B129934" s="14" t="s">
        <v>1</v>
      </c>
      <c r="C129934" s="14" t="s">
        <v>200</v>
      </c>
      <c r="D129934" s="14" t="s">
        <v>94</v>
      </c>
      <c r="E129934" s="15">
        <v>45735</v>
      </c>
      <c r="F129934" s="14" t="s">
        <v>15</v>
      </c>
      <c r="G129934" s="16">
        <v>2.392547762557176</v>
      </c>
    </row>
    <row r="129935" spans="1:7" x14ac:dyDescent="0.3">
      <c r="A129935" s="13" t="s">
        <v>592</v>
      </c>
      <c r="B129935" s="14" t="s">
        <v>1</v>
      </c>
      <c r="C129935" s="14" t="s">
        <v>200</v>
      </c>
      <c r="D129935" s="14" t="s">
        <v>94</v>
      </c>
      <c r="E129935" s="15">
        <v>45736</v>
      </c>
      <c r="F129935" s="14" t="s">
        <v>15</v>
      </c>
      <c r="G129935" s="16">
        <v>2.3999007815664437</v>
      </c>
    </row>
    <row r="129936" spans="1:7" x14ac:dyDescent="0.3">
      <c r="A129936" s="13" t="s">
        <v>592</v>
      </c>
      <c r="B129936" s="14" t="s">
        <v>1</v>
      </c>
      <c r="C129936" s="14" t="s">
        <v>200</v>
      </c>
      <c r="D129936" s="14" t="s">
        <v>94</v>
      </c>
      <c r="E129936" s="15">
        <v>45737</v>
      </c>
      <c r="F129936" s="14" t="s">
        <v>15</v>
      </c>
      <c r="G129936" s="16">
        <v>2.4024661557880655</v>
      </c>
    </row>
    <row r="129937" spans="1:7" x14ac:dyDescent="0.3">
      <c r="A129937" s="13" t="s">
        <v>592</v>
      </c>
      <c r="B129937" s="14" t="s">
        <v>1</v>
      </c>
      <c r="C129937" s="14" t="s">
        <v>200</v>
      </c>
      <c r="D129937" s="14" t="s">
        <v>94</v>
      </c>
      <c r="E129937" s="15">
        <v>45738</v>
      </c>
      <c r="F129937" s="14" t="s">
        <v>15</v>
      </c>
      <c r="G129937" s="16">
        <v>2.4024661557880655</v>
      </c>
    </row>
    <row r="129938" spans="1:7" x14ac:dyDescent="0.3">
      <c r="A129938" s="13" t="s">
        <v>592</v>
      </c>
      <c r="B129938" s="14" t="s">
        <v>1</v>
      </c>
      <c r="C129938" s="14" t="s">
        <v>200</v>
      </c>
      <c r="D129938" s="14" t="s">
        <v>94</v>
      </c>
      <c r="E129938" s="15">
        <v>45739</v>
      </c>
      <c r="F129938" s="14" t="s">
        <v>15</v>
      </c>
      <c r="G129938" s="16">
        <v>2.4024661557880655</v>
      </c>
    </row>
    <row r="129939" spans="1:7" x14ac:dyDescent="0.3">
      <c r="A129939" s="13" t="s">
        <v>592</v>
      </c>
      <c r="B129939" s="14" t="s">
        <v>1</v>
      </c>
      <c r="C129939" s="14" t="s">
        <v>200</v>
      </c>
      <c r="D129939" s="14" t="s">
        <v>94</v>
      </c>
      <c r="E129939" s="15">
        <v>45740</v>
      </c>
      <c r="F129939" s="14" t="s">
        <v>15</v>
      </c>
      <c r="G129939" s="16">
        <v>2.4089287307818887</v>
      </c>
    </row>
    <row r="129940" spans="1:7" x14ac:dyDescent="0.3">
      <c r="A129940" s="13" t="s">
        <v>592</v>
      </c>
      <c r="B129940" s="14" t="s">
        <v>1</v>
      </c>
      <c r="C129940" s="14" t="s">
        <v>200</v>
      </c>
      <c r="D129940" s="14" t="s">
        <v>94</v>
      </c>
      <c r="E129940" s="15">
        <v>45741</v>
      </c>
      <c r="F129940" s="14" t="s">
        <v>15</v>
      </c>
      <c r="G129940" s="16">
        <v>2.4286321358915419</v>
      </c>
    </row>
    <row r="129941" spans="1:7" x14ac:dyDescent="0.3">
      <c r="A129941" s="13" t="s">
        <v>592</v>
      </c>
      <c r="B129941" s="14" t="s">
        <v>1</v>
      </c>
      <c r="C129941" s="14" t="s">
        <v>200</v>
      </c>
      <c r="D129941" s="14" t="s">
        <v>94</v>
      </c>
      <c r="E129941" s="15">
        <v>45742</v>
      </c>
      <c r="F129941" s="14" t="s">
        <v>15</v>
      </c>
      <c r="G129941" s="16">
        <v>2.4349547494954038</v>
      </c>
    </row>
    <row r="129942" spans="1:7" x14ac:dyDescent="0.3">
      <c r="A129942" s="13" t="s">
        <v>592</v>
      </c>
      <c r="B129942" s="14" t="s">
        <v>1</v>
      </c>
      <c r="C129942" s="14" t="s">
        <v>200</v>
      </c>
      <c r="D129942" s="14" t="s">
        <v>94</v>
      </c>
      <c r="E129942" s="15">
        <v>45743</v>
      </c>
      <c r="F129942" s="14" t="s">
        <v>15</v>
      </c>
      <c r="G129942" s="16">
        <v>2.4412773630992657</v>
      </c>
    </row>
    <row r="129943" spans="1:7" x14ac:dyDescent="0.3">
      <c r="A129943" s="13" t="s">
        <v>592</v>
      </c>
      <c r="B129943" s="14" t="s">
        <v>1</v>
      </c>
      <c r="C129943" s="14" t="s">
        <v>200</v>
      </c>
      <c r="D129943" s="14" t="s">
        <v>94</v>
      </c>
      <c r="E129943" s="15">
        <v>45744</v>
      </c>
      <c r="F129943" s="14" t="s">
        <v>15</v>
      </c>
      <c r="G129943" s="16">
        <v>2.4476723705255208</v>
      </c>
    </row>
    <row r="129944" spans="1:7" x14ac:dyDescent="0.3">
      <c r="A129944" s="13" t="s">
        <v>592</v>
      </c>
      <c r="B129944" s="14" t="s">
        <v>1</v>
      </c>
      <c r="C129944" s="14" t="s">
        <v>200</v>
      </c>
      <c r="D129944" s="14" t="s">
        <v>94</v>
      </c>
      <c r="E129944" s="15">
        <v>45745</v>
      </c>
      <c r="F129944" s="14" t="s">
        <v>15</v>
      </c>
      <c r="G129944" s="16">
        <v>2.4476723705255208</v>
      </c>
    </row>
    <row r="129945" spans="1:7" x14ac:dyDescent="0.3">
      <c r="A129945" s="13" t="s">
        <v>592</v>
      </c>
      <c r="B129945" s="14" t="s">
        <v>1</v>
      </c>
      <c r="C129945" s="14" t="s">
        <v>200</v>
      </c>
      <c r="D129945" s="14" t="s">
        <v>94</v>
      </c>
      <c r="E129945" s="15">
        <v>45746</v>
      </c>
      <c r="F129945" s="14" t="s">
        <v>15</v>
      </c>
      <c r="G129945" s="16">
        <v>2.4476723705255208</v>
      </c>
    </row>
    <row r="129946" spans="1:7" x14ac:dyDescent="0.3">
      <c r="A129946" s="13" t="s">
        <v>592</v>
      </c>
      <c r="B129946" s="14" t="s">
        <v>1</v>
      </c>
      <c r="C129946" s="14" t="s">
        <v>200</v>
      </c>
      <c r="D129946" s="14" t="s">
        <v>94</v>
      </c>
      <c r="E129946" s="15">
        <v>45747</v>
      </c>
      <c r="F129946" s="14" t="s">
        <v>15</v>
      </c>
      <c r="G129946" s="16">
        <v>2.4541807949401933</v>
      </c>
    </row>
    <row r="129947" spans="1:7" x14ac:dyDescent="0.3">
      <c r="A129947" s="13" t="s">
        <v>593</v>
      </c>
      <c r="B129947" s="14" t="s">
        <v>1</v>
      </c>
      <c r="C129947" s="14" t="s">
        <v>252</v>
      </c>
      <c r="D129947" s="14" t="s">
        <v>31</v>
      </c>
      <c r="E129947" s="15">
        <v>45383</v>
      </c>
      <c r="F129947" s="14" t="s">
        <v>15</v>
      </c>
      <c r="G129947" s="16">
        <v>0</v>
      </c>
    </row>
    <row r="129948" spans="1:7" x14ac:dyDescent="0.3">
      <c r="A129948" s="13" t="s">
        <v>593</v>
      </c>
      <c r="B129948" s="14" t="s">
        <v>1</v>
      </c>
      <c r="C129948" s="14" t="s">
        <v>252</v>
      </c>
      <c r="D129948" s="14" t="s">
        <v>31</v>
      </c>
      <c r="E129948" s="15">
        <v>45384</v>
      </c>
      <c r="F129948" s="14" t="s">
        <v>15</v>
      </c>
      <c r="G129948" s="16">
        <v>0</v>
      </c>
    </row>
    <row r="129949" spans="1:7" x14ac:dyDescent="0.3">
      <c r="A129949" s="13" t="s">
        <v>593</v>
      </c>
      <c r="B129949" s="14" t="s">
        <v>1</v>
      </c>
      <c r="C129949" s="14" t="s">
        <v>252</v>
      </c>
      <c r="D129949" s="14" t="s">
        <v>31</v>
      </c>
      <c r="E129949" s="15">
        <v>45385</v>
      </c>
      <c r="F129949" s="14" t="s">
        <v>15</v>
      </c>
      <c r="G129949" s="16">
        <v>0</v>
      </c>
    </row>
    <row r="129950" spans="1:7" x14ac:dyDescent="0.3">
      <c r="A129950" s="13" t="s">
        <v>593</v>
      </c>
      <c r="B129950" s="14" t="s">
        <v>1</v>
      </c>
      <c r="C129950" s="14" t="s">
        <v>252</v>
      </c>
      <c r="D129950" s="14" t="s">
        <v>31</v>
      </c>
      <c r="E129950" s="15">
        <v>45386</v>
      </c>
      <c r="F129950" s="14" t="s">
        <v>15</v>
      </c>
      <c r="G129950" s="16">
        <v>0</v>
      </c>
    </row>
    <row r="129951" spans="1:7" x14ac:dyDescent="0.3">
      <c r="A129951" s="13" t="s">
        <v>593</v>
      </c>
      <c r="B129951" s="14" t="s">
        <v>1</v>
      </c>
      <c r="C129951" s="14" t="s">
        <v>252</v>
      </c>
      <c r="D129951" s="14" t="s">
        <v>31</v>
      </c>
      <c r="E129951" s="15">
        <v>45387</v>
      </c>
      <c r="F129951" s="14" t="s">
        <v>15</v>
      </c>
      <c r="G129951" s="16">
        <v>0</v>
      </c>
    </row>
    <row r="129952" spans="1:7" x14ac:dyDescent="0.3">
      <c r="A129952" s="13" t="s">
        <v>593</v>
      </c>
      <c r="B129952" s="14" t="s">
        <v>1</v>
      </c>
      <c r="C129952" s="14" t="s">
        <v>252</v>
      </c>
      <c r="D129952" s="14" t="s">
        <v>31</v>
      </c>
      <c r="E129952" s="15">
        <v>45388</v>
      </c>
      <c r="F129952" s="14" t="s">
        <v>15</v>
      </c>
      <c r="G129952" s="16">
        <v>0</v>
      </c>
    </row>
    <row r="129953" spans="1:7" x14ac:dyDescent="0.3">
      <c r="A129953" s="13" t="s">
        <v>593</v>
      </c>
      <c r="B129953" s="14" t="s">
        <v>1</v>
      </c>
      <c r="C129953" s="14" t="s">
        <v>252</v>
      </c>
      <c r="D129953" s="14" t="s">
        <v>31</v>
      </c>
      <c r="E129953" s="15">
        <v>45389</v>
      </c>
      <c r="F129953" s="14" t="s">
        <v>15</v>
      </c>
      <c r="G129953" s="16">
        <v>0</v>
      </c>
    </row>
    <row r="129954" spans="1:7" x14ac:dyDescent="0.3">
      <c r="A129954" s="13" t="s">
        <v>593</v>
      </c>
      <c r="B129954" s="14" t="s">
        <v>1</v>
      </c>
      <c r="C129954" s="14" t="s">
        <v>252</v>
      </c>
      <c r="D129954" s="14" t="s">
        <v>31</v>
      </c>
      <c r="E129954" s="15">
        <v>45390</v>
      </c>
      <c r="F129954" s="14" t="s">
        <v>15</v>
      </c>
      <c r="G129954" s="16">
        <v>0</v>
      </c>
    </row>
    <row r="129955" spans="1:7" x14ac:dyDescent="0.3">
      <c r="A129955" s="13" t="s">
        <v>593</v>
      </c>
      <c r="B129955" s="14" t="s">
        <v>1</v>
      </c>
      <c r="C129955" s="14" t="s">
        <v>252</v>
      </c>
      <c r="D129955" s="14" t="s">
        <v>31</v>
      </c>
      <c r="E129955" s="15">
        <v>45391</v>
      </c>
      <c r="F129955" s="14" t="s">
        <v>15</v>
      </c>
      <c r="G129955" s="16">
        <v>0</v>
      </c>
    </row>
    <row r="129956" spans="1:7" x14ac:dyDescent="0.3">
      <c r="A129956" s="13" t="s">
        <v>593</v>
      </c>
      <c r="B129956" s="14" t="s">
        <v>1</v>
      </c>
      <c r="C129956" s="14" t="s">
        <v>252</v>
      </c>
      <c r="D129956" s="14" t="s">
        <v>31</v>
      </c>
      <c r="E129956" s="15">
        <v>45392</v>
      </c>
      <c r="F129956" s="14" t="s">
        <v>15</v>
      </c>
      <c r="G129956" s="16">
        <v>0</v>
      </c>
    </row>
    <row r="129957" spans="1:7" x14ac:dyDescent="0.3">
      <c r="A129957" s="13" t="s">
        <v>593</v>
      </c>
      <c r="B129957" s="14" t="s">
        <v>1</v>
      </c>
      <c r="C129957" s="14" t="s">
        <v>252</v>
      </c>
      <c r="D129957" s="14" t="s">
        <v>31</v>
      </c>
      <c r="E129957" s="15">
        <v>45393</v>
      </c>
      <c r="F129957" s="14" t="s">
        <v>15</v>
      </c>
      <c r="G129957" s="16">
        <v>0</v>
      </c>
    </row>
    <row r="129958" spans="1:7" x14ac:dyDescent="0.3">
      <c r="A129958" s="13" t="s">
        <v>593</v>
      </c>
      <c r="B129958" s="14" t="s">
        <v>1</v>
      </c>
      <c r="C129958" s="14" t="s">
        <v>252</v>
      </c>
      <c r="D129958" s="14" t="s">
        <v>31</v>
      </c>
      <c r="E129958" s="15">
        <v>45394</v>
      </c>
      <c r="F129958" s="14" t="s">
        <v>15</v>
      </c>
      <c r="G129958" s="16">
        <v>0</v>
      </c>
    </row>
    <row r="129959" spans="1:7" x14ac:dyDescent="0.3">
      <c r="A129959" s="13" t="s">
        <v>593</v>
      </c>
      <c r="B129959" s="14" t="s">
        <v>1</v>
      </c>
      <c r="C129959" s="14" t="s">
        <v>252</v>
      </c>
      <c r="D129959" s="14" t="s">
        <v>31</v>
      </c>
      <c r="E129959" s="15">
        <v>45395</v>
      </c>
      <c r="F129959" s="14" t="s">
        <v>15</v>
      </c>
      <c r="G129959" s="16">
        <v>0</v>
      </c>
    </row>
    <row r="129960" spans="1:7" x14ac:dyDescent="0.3">
      <c r="A129960" s="13" t="s">
        <v>593</v>
      </c>
      <c r="B129960" s="14" t="s">
        <v>1</v>
      </c>
      <c r="C129960" s="14" t="s">
        <v>252</v>
      </c>
      <c r="D129960" s="14" t="s">
        <v>31</v>
      </c>
      <c r="E129960" s="15">
        <v>45396</v>
      </c>
      <c r="F129960" s="14" t="s">
        <v>15</v>
      </c>
      <c r="G129960" s="16">
        <v>0</v>
      </c>
    </row>
    <row r="129961" spans="1:7" x14ac:dyDescent="0.3">
      <c r="A129961" s="13" t="s">
        <v>593</v>
      </c>
      <c r="B129961" s="14" t="s">
        <v>1</v>
      </c>
      <c r="C129961" s="14" t="s">
        <v>252</v>
      </c>
      <c r="D129961" s="14" t="s">
        <v>31</v>
      </c>
      <c r="E129961" s="15">
        <v>45397</v>
      </c>
      <c r="F129961" s="14" t="s">
        <v>15</v>
      </c>
      <c r="G129961" s="16">
        <v>0</v>
      </c>
    </row>
    <row r="129962" spans="1:7" x14ac:dyDescent="0.3">
      <c r="A129962" s="13" t="s">
        <v>593</v>
      </c>
      <c r="B129962" s="14" t="s">
        <v>1</v>
      </c>
      <c r="C129962" s="14" t="s">
        <v>252</v>
      </c>
      <c r="D129962" s="14" t="s">
        <v>31</v>
      </c>
      <c r="E129962" s="15">
        <v>45398</v>
      </c>
      <c r="F129962" s="14" t="s">
        <v>15</v>
      </c>
      <c r="G129962" s="16">
        <v>0</v>
      </c>
    </row>
    <row r="129963" spans="1:7" x14ac:dyDescent="0.3">
      <c r="A129963" s="13" t="s">
        <v>593</v>
      </c>
      <c r="B129963" s="14" t="s">
        <v>1</v>
      </c>
      <c r="C129963" s="14" t="s">
        <v>252</v>
      </c>
      <c r="D129963" s="14" t="s">
        <v>31</v>
      </c>
      <c r="E129963" s="15">
        <v>45399</v>
      </c>
      <c r="F129963" s="14" t="s">
        <v>15</v>
      </c>
      <c r="G129963" s="16">
        <v>0</v>
      </c>
    </row>
    <row r="129964" spans="1:7" x14ac:dyDescent="0.3">
      <c r="A129964" s="13" t="s">
        <v>593</v>
      </c>
      <c r="B129964" s="14" t="s">
        <v>1</v>
      </c>
      <c r="C129964" s="14" t="s">
        <v>252</v>
      </c>
      <c r="D129964" s="14" t="s">
        <v>31</v>
      </c>
      <c r="E129964" s="15">
        <v>45400</v>
      </c>
      <c r="F129964" s="14" t="s">
        <v>15</v>
      </c>
      <c r="G129964" s="16">
        <v>0</v>
      </c>
    </row>
    <row r="129965" spans="1:7" x14ac:dyDescent="0.3">
      <c r="A129965" s="13" t="s">
        <v>593</v>
      </c>
      <c r="B129965" s="14" t="s">
        <v>1</v>
      </c>
      <c r="C129965" s="14" t="s">
        <v>252</v>
      </c>
      <c r="D129965" s="14" t="s">
        <v>31</v>
      </c>
      <c r="E129965" s="15">
        <v>45401</v>
      </c>
      <c r="F129965" s="14" t="s">
        <v>15</v>
      </c>
      <c r="G129965" s="16">
        <v>0</v>
      </c>
    </row>
    <row r="129966" spans="1:7" x14ac:dyDescent="0.3">
      <c r="A129966" s="13" t="s">
        <v>593</v>
      </c>
      <c r="B129966" s="14" t="s">
        <v>1</v>
      </c>
      <c r="C129966" s="14" t="s">
        <v>252</v>
      </c>
      <c r="D129966" s="14" t="s">
        <v>31</v>
      </c>
      <c r="E129966" s="15">
        <v>45402</v>
      </c>
      <c r="F129966" s="14" t="s">
        <v>15</v>
      </c>
      <c r="G129966" s="16">
        <v>0</v>
      </c>
    </row>
    <row r="129967" spans="1:7" x14ac:dyDescent="0.3">
      <c r="A129967" s="13" t="s">
        <v>593</v>
      </c>
      <c r="B129967" s="14" t="s">
        <v>1</v>
      </c>
      <c r="C129967" s="14" t="s">
        <v>252</v>
      </c>
      <c r="D129967" s="14" t="s">
        <v>31</v>
      </c>
      <c r="E129967" s="15">
        <v>45403</v>
      </c>
      <c r="F129967" s="14" t="s">
        <v>15</v>
      </c>
      <c r="G129967" s="16">
        <v>0</v>
      </c>
    </row>
    <row r="129968" spans="1:7" x14ac:dyDescent="0.3">
      <c r="A129968" s="13" t="s">
        <v>593</v>
      </c>
      <c r="B129968" s="14" t="s">
        <v>1</v>
      </c>
      <c r="C129968" s="14" t="s">
        <v>252</v>
      </c>
      <c r="D129968" s="14" t="s">
        <v>31</v>
      </c>
      <c r="E129968" s="15">
        <v>45404</v>
      </c>
      <c r="F129968" s="14" t="s">
        <v>15</v>
      </c>
      <c r="G129968" s="16">
        <v>0</v>
      </c>
    </row>
    <row r="129969" spans="1:7" x14ac:dyDescent="0.3">
      <c r="A129969" s="13" t="s">
        <v>593</v>
      </c>
      <c r="B129969" s="14" t="s">
        <v>1</v>
      </c>
      <c r="C129969" s="14" t="s">
        <v>252</v>
      </c>
      <c r="D129969" s="14" t="s">
        <v>31</v>
      </c>
      <c r="E129969" s="15">
        <v>45405</v>
      </c>
      <c r="F129969" s="14" t="s">
        <v>15</v>
      </c>
      <c r="G129969" s="16">
        <v>0</v>
      </c>
    </row>
    <row r="129970" spans="1:7" x14ac:dyDescent="0.3">
      <c r="A129970" s="13" t="s">
        <v>593</v>
      </c>
      <c r="B129970" s="14" t="s">
        <v>1</v>
      </c>
      <c r="C129970" s="14" t="s">
        <v>252</v>
      </c>
      <c r="D129970" s="14" t="s">
        <v>31</v>
      </c>
      <c r="E129970" s="15">
        <v>45406</v>
      </c>
      <c r="F129970" s="14" t="s">
        <v>15</v>
      </c>
      <c r="G129970" s="16">
        <v>0</v>
      </c>
    </row>
    <row r="129971" spans="1:7" x14ac:dyDescent="0.3">
      <c r="A129971" s="13" t="s">
        <v>593</v>
      </c>
      <c r="B129971" s="14" t="s">
        <v>1</v>
      </c>
      <c r="C129971" s="14" t="s">
        <v>252</v>
      </c>
      <c r="D129971" s="14" t="s">
        <v>31</v>
      </c>
      <c r="E129971" s="15">
        <v>45407</v>
      </c>
      <c r="F129971" s="14" t="s">
        <v>15</v>
      </c>
      <c r="G129971" s="16">
        <v>0</v>
      </c>
    </row>
    <row r="129972" spans="1:7" x14ac:dyDescent="0.3">
      <c r="A129972" s="13" t="s">
        <v>593</v>
      </c>
      <c r="B129972" s="14" t="s">
        <v>1</v>
      </c>
      <c r="C129972" s="14" t="s">
        <v>252</v>
      </c>
      <c r="D129972" s="14" t="s">
        <v>31</v>
      </c>
      <c r="E129972" s="15">
        <v>45408</v>
      </c>
      <c r="F129972" s="14" t="s">
        <v>15</v>
      </c>
      <c r="G129972" s="16">
        <v>0</v>
      </c>
    </row>
    <row r="129973" spans="1:7" x14ac:dyDescent="0.3">
      <c r="A129973" s="13" t="s">
        <v>593</v>
      </c>
      <c r="B129973" s="14" t="s">
        <v>1</v>
      </c>
      <c r="C129973" s="14" t="s">
        <v>252</v>
      </c>
      <c r="D129973" s="14" t="s">
        <v>31</v>
      </c>
      <c r="E129973" s="15">
        <v>45409</v>
      </c>
      <c r="F129973" s="14" t="s">
        <v>15</v>
      </c>
      <c r="G129973" s="16">
        <v>0</v>
      </c>
    </row>
    <row r="129974" spans="1:7" x14ac:dyDescent="0.3">
      <c r="A129974" s="13" t="s">
        <v>593</v>
      </c>
      <c r="B129974" s="14" t="s">
        <v>1</v>
      </c>
      <c r="C129974" s="14" t="s">
        <v>252</v>
      </c>
      <c r="D129974" s="14" t="s">
        <v>31</v>
      </c>
      <c r="E129974" s="15">
        <v>45410</v>
      </c>
      <c r="F129974" s="14" t="s">
        <v>15</v>
      </c>
      <c r="G129974" s="16">
        <v>0</v>
      </c>
    </row>
    <row r="129975" spans="1:7" x14ac:dyDescent="0.3">
      <c r="A129975" s="13" t="s">
        <v>593</v>
      </c>
      <c r="B129975" s="14" t="s">
        <v>1</v>
      </c>
      <c r="C129975" s="14" t="s">
        <v>252</v>
      </c>
      <c r="D129975" s="14" t="s">
        <v>31</v>
      </c>
      <c r="E129975" s="15">
        <v>45411</v>
      </c>
      <c r="F129975" s="14" t="s">
        <v>15</v>
      </c>
      <c r="G129975" s="16">
        <v>0</v>
      </c>
    </row>
    <row r="129976" spans="1:7" x14ac:dyDescent="0.3">
      <c r="A129976" s="13" t="s">
        <v>593</v>
      </c>
      <c r="B129976" s="14" t="s">
        <v>1</v>
      </c>
      <c r="C129976" s="14" t="s">
        <v>252</v>
      </c>
      <c r="D129976" s="14" t="s">
        <v>31</v>
      </c>
      <c r="E129976" s="15">
        <v>45412</v>
      </c>
      <c r="F129976" s="14" t="s">
        <v>15</v>
      </c>
      <c r="G129976" s="16">
        <v>0</v>
      </c>
    </row>
    <row r="129977" spans="1:7" x14ac:dyDescent="0.3">
      <c r="A129977" s="13" t="s">
        <v>593</v>
      </c>
      <c r="B129977" s="14" t="s">
        <v>1</v>
      </c>
      <c r="C129977" s="14" t="s">
        <v>252</v>
      </c>
      <c r="D129977" s="14" t="s">
        <v>31</v>
      </c>
      <c r="E129977" s="15">
        <v>45413</v>
      </c>
      <c r="F129977" s="14" t="s">
        <v>15</v>
      </c>
      <c r="G129977" s="16">
        <v>0</v>
      </c>
    </row>
    <row r="129978" spans="1:7" x14ac:dyDescent="0.3">
      <c r="A129978" s="13" t="s">
        <v>593</v>
      </c>
      <c r="B129978" s="14" t="s">
        <v>1</v>
      </c>
      <c r="C129978" s="14" t="s">
        <v>252</v>
      </c>
      <c r="D129978" s="14" t="s">
        <v>31</v>
      </c>
      <c r="E129978" s="15">
        <v>45414</v>
      </c>
      <c r="F129978" s="14" t="s">
        <v>15</v>
      </c>
      <c r="G129978" s="16">
        <v>0</v>
      </c>
    </row>
    <row r="129979" spans="1:7" x14ac:dyDescent="0.3">
      <c r="A129979" s="13" t="s">
        <v>593</v>
      </c>
      <c r="B129979" s="14" t="s">
        <v>1</v>
      </c>
      <c r="C129979" s="14" t="s">
        <v>252</v>
      </c>
      <c r="D129979" s="14" t="s">
        <v>31</v>
      </c>
      <c r="E129979" s="15">
        <v>45415</v>
      </c>
      <c r="F129979" s="14" t="s">
        <v>15</v>
      </c>
      <c r="G129979" s="16">
        <v>0</v>
      </c>
    </row>
    <row r="129980" spans="1:7" x14ac:dyDescent="0.3">
      <c r="A129980" s="13" t="s">
        <v>593</v>
      </c>
      <c r="B129980" s="14" t="s">
        <v>1</v>
      </c>
      <c r="C129980" s="14" t="s">
        <v>252</v>
      </c>
      <c r="D129980" s="14" t="s">
        <v>31</v>
      </c>
      <c r="E129980" s="15">
        <v>45416</v>
      </c>
      <c r="F129980" s="14" t="s">
        <v>15</v>
      </c>
      <c r="G129980" s="16">
        <v>0</v>
      </c>
    </row>
    <row r="129981" spans="1:7" x14ac:dyDescent="0.3">
      <c r="A129981" s="13" t="s">
        <v>593</v>
      </c>
      <c r="B129981" s="14" t="s">
        <v>1</v>
      </c>
      <c r="C129981" s="14" t="s">
        <v>252</v>
      </c>
      <c r="D129981" s="14" t="s">
        <v>31</v>
      </c>
      <c r="E129981" s="15">
        <v>45417</v>
      </c>
      <c r="F129981" s="14" t="s">
        <v>15</v>
      </c>
      <c r="G129981" s="16">
        <v>0</v>
      </c>
    </row>
    <row r="129982" spans="1:7" x14ac:dyDescent="0.3">
      <c r="A129982" s="13" t="s">
        <v>593</v>
      </c>
      <c r="B129982" s="14" t="s">
        <v>1</v>
      </c>
      <c r="C129982" s="14" t="s">
        <v>252</v>
      </c>
      <c r="D129982" s="14" t="s">
        <v>31</v>
      </c>
      <c r="E129982" s="15">
        <v>45418</v>
      </c>
      <c r="F129982" s="14" t="s">
        <v>15</v>
      </c>
      <c r="G129982" s="16">
        <v>0</v>
      </c>
    </row>
    <row r="129983" spans="1:7" x14ac:dyDescent="0.3">
      <c r="A129983" s="13" t="s">
        <v>593</v>
      </c>
      <c r="B129983" s="14" t="s">
        <v>1</v>
      </c>
      <c r="C129983" s="14" t="s">
        <v>252</v>
      </c>
      <c r="D129983" s="14" t="s">
        <v>31</v>
      </c>
      <c r="E129983" s="15">
        <v>45419</v>
      </c>
      <c r="F129983" s="14" t="s">
        <v>15</v>
      </c>
      <c r="G129983" s="16">
        <v>0</v>
      </c>
    </row>
    <row r="129984" spans="1:7" x14ac:dyDescent="0.3">
      <c r="A129984" s="13" t="s">
        <v>593</v>
      </c>
      <c r="B129984" s="14" t="s">
        <v>1</v>
      </c>
      <c r="C129984" s="14" t="s">
        <v>252</v>
      </c>
      <c r="D129984" s="14" t="s">
        <v>31</v>
      </c>
      <c r="E129984" s="15">
        <v>45420</v>
      </c>
      <c r="F129984" s="14" t="s">
        <v>15</v>
      </c>
      <c r="G129984" s="16">
        <v>0</v>
      </c>
    </row>
    <row r="129985" spans="1:7" x14ac:dyDescent="0.3">
      <c r="A129985" s="13" t="s">
        <v>593</v>
      </c>
      <c r="B129985" s="14" t="s">
        <v>1</v>
      </c>
      <c r="C129985" s="14" t="s">
        <v>252</v>
      </c>
      <c r="D129985" s="14" t="s">
        <v>31</v>
      </c>
      <c r="E129985" s="15">
        <v>45421</v>
      </c>
      <c r="F129985" s="14" t="s">
        <v>15</v>
      </c>
      <c r="G129985" s="16">
        <v>0</v>
      </c>
    </row>
    <row r="129986" spans="1:7" x14ac:dyDescent="0.3">
      <c r="A129986" s="13" t="s">
        <v>593</v>
      </c>
      <c r="B129986" s="14" t="s">
        <v>1</v>
      </c>
      <c r="C129986" s="14" t="s">
        <v>252</v>
      </c>
      <c r="D129986" s="14" t="s">
        <v>31</v>
      </c>
      <c r="E129986" s="15">
        <v>45422</v>
      </c>
      <c r="F129986" s="14" t="s">
        <v>15</v>
      </c>
      <c r="G129986" s="16">
        <v>0</v>
      </c>
    </row>
    <row r="129987" spans="1:7" x14ac:dyDescent="0.3">
      <c r="A129987" s="13" t="s">
        <v>593</v>
      </c>
      <c r="B129987" s="14" t="s">
        <v>1</v>
      </c>
      <c r="C129987" s="14" t="s">
        <v>252</v>
      </c>
      <c r="D129987" s="14" t="s">
        <v>31</v>
      </c>
      <c r="E129987" s="15">
        <v>45423</v>
      </c>
      <c r="F129987" s="14" t="s">
        <v>15</v>
      </c>
      <c r="G129987" s="16">
        <v>0</v>
      </c>
    </row>
    <row r="129988" spans="1:7" x14ac:dyDescent="0.3">
      <c r="A129988" s="13" t="s">
        <v>593</v>
      </c>
      <c r="B129988" s="14" t="s">
        <v>1</v>
      </c>
      <c r="C129988" s="14" t="s">
        <v>252</v>
      </c>
      <c r="D129988" s="14" t="s">
        <v>31</v>
      </c>
      <c r="E129988" s="15">
        <v>45424</v>
      </c>
      <c r="F129988" s="14" t="s">
        <v>15</v>
      </c>
      <c r="G129988" s="16">
        <v>0</v>
      </c>
    </row>
    <row r="129989" spans="1:7" x14ac:dyDescent="0.3">
      <c r="A129989" s="13" t="s">
        <v>593</v>
      </c>
      <c r="B129989" s="14" t="s">
        <v>1</v>
      </c>
      <c r="C129989" s="14" t="s">
        <v>252</v>
      </c>
      <c r="D129989" s="14" t="s">
        <v>31</v>
      </c>
      <c r="E129989" s="15">
        <v>45425</v>
      </c>
      <c r="F129989" s="14" t="s">
        <v>15</v>
      </c>
      <c r="G129989" s="16">
        <v>0</v>
      </c>
    </row>
    <row r="129990" spans="1:7" x14ac:dyDescent="0.3">
      <c r="A129990" s="13" t="s">
        <v>593</v>
      </c>
      <c r="B129990" s="14" t="s">
        <v>1</v>
      </c>
      <c r="C129990" s="14" t="s">
        <v>252</v>
      </c>
      <c r="D129990" s="14" t="s">
        <v>31</v>
      </c>
      <c r="E129990" s="15">
        <v>45426</v>
      </c>
      <c r="F129990" s="14" t="s">
        <v>15</v>
      </c>
      <c r="G129990" s="16">
        <v>0</v>
      </c>
    </row>
    <row r="129991" spans="1:7" x14ac:dyDescent="0.3">
      <c r="A129991" s="13" t="s">
        <v>593</v>
      </c>
      <c r="B129991" s="14" t="s">
        <v>1</v>
      </c>
      <c r="C129991" s="14" t="s">
        <v>252</v>
      </c>
      <c r="D129991" s="14" t="s">
        <v>31</v>
      </c>
      <c r="E129991" s="15">
        <v>45427</v>
      </c>
      <c r="F129991" s="14" t="s">
        <v>15</v>
      </c>
      <c r="G129991" s="16">
        <v>0</v>
      </c>
    </row>
    <row r="129992" spans="1:7" x14ac:dyDescent="0.3">
      <c r="A129992" s="13" t="s">
        <v>593</v>
      </c>
      <c r="B129992" s="14" t="s">
        <v>1</v>
      </c>
      <c r="C129992" s="14" t="s">
        <v>252</v>
      </c>
      <c r="D129992" s="14" t="s">
        <v>31</v>
      </c>
      <c r="E129992" s="15">
        <v>45428</v>
      </c>
      <c r="F129992" s="14" t="s">
        <v>15</v>
      </c>
      <c r="G129992" s="16">
        <v>0</v>
      </c>
    </row>
    <row r="129993" spans="1:7" x14ac:dyDescent="0.3">
      <c r="A129993" s="13" t="s">
        <v>593</v>
      </c>
      <c r="B129993" s="14" t="s">
        <v>1</v>
      </c>
      <c r="C129993" s="14" t="s">
        <v>252</v>
      </c>
      <c r="D129993" s="14" t="s">
        <v>31</v>
      </c>
      <c r="E129993" s="15">
        <v>45429</v>
      </c>
      <c r="F129993" s="14" t="s">
        <v>15</v>
      </c>
      <c r="G129993" s="16">
        <v>0</v>
      </c>
    </row>
    <row r="129994" spans="1:7" x14ac:dyDescent="0.3">
      <c r="A129994" s="13" t="s">
        <v>593</v>
      </c>
      <c r="B129994" s="14" t="s">
        <v>1</v>
      </c>
      <c r="C129994" s="14" t="s">
        <v>252</v>
      </c>
      <c r="D129994" s="14" t="s">
        <v>31</v>
      </c>
      <c r="E129994" s="15">
        <v>45430</v>
      </c>
      <c r="F129994" s="14" t="s">
        <v>15</v>
      </c>
      <c r="G129994" s="16">
        <v>0</v>
      </c>
    </row>
    <row r="129995" spans="1:7" x14ac:dyDescent="0.3">
      <c r="A129995" s="13" t="s">
        <v>593</v>
      </c>
      <c r="B129995" s="14" t="s">
        <v>1</v>
      </c>
      <c r="C129995" s="14" t="s">
        <v>252</v>
      </c>
      <c r="D129995" s="14" t="s">
        <v>31</v>
      </c>
      <c r="E129995" s="15">
        <v>45431</v>
      </c>
      <c r="F129995" s="14" t="s">
        <v>15</v>
      </c>
      <c r="G129995" s="16">
        <v>0</v>
      </c>
    </row>
    <row r="129996" spans="1:7" x14ac:dyDescent="0.3">
      <c r="A129996" s="13" t="s">
        <v>593</v>
      </c>
      <c r="B129996" s="14" t="s">
        <v>1</v>
      </c>
      <c r="C129996" s="14" t="s">
        <v>252</v>
      </c>
      <c r="D129996" s="14" t="s">
        <v>31</v>
      </c>
      <c r="E129996" s="15">
        <v>45432</v>
      </c>
      <c r="F129996" s="14" t="s">
        <v>15</v>
      </c>
      <c r="G129996" s="16">
        <v>0</v>
      </c>
    </row>
    <row r="129997" spans="1:7" x14ac:dyDescent="0.3">
      <c r="A129997" s="13" t="s">
        <v>593</v>
      </c>
      <c r="B129997" s="14" t="s">
        <v>1</v>
      </c>
      <c r="C129997" s="14" t="s">
        <v>252</v>
      </c>
      <c r="D129997" s="14" t="s">
        <v>31</v>
      </c>
      <c r="E129997" s="15">
        <v>45433</v>
      </c>
      <c r="F129997" s="14" t="s">
        <v>15</v>
      </c>
      <c r="G129997" s="16">
        <v>0</v>
      </c>
    </row>
    <row r="129998" spans="1:7" x14ac:dyDescent="0.3">
      <c r="A129998" s="13" t="s">
        <v>593</v>
      </c>
      <c r="B129998" s="14" t="s">
        <v>1</v>
      </c>
      <c r="C129998" s="14" t="s">
        <v>252</v>
      </c>
      <c r="D129998" s="14" t="s">
        <v>31</v>
      </c>
      <c r="E129998" s="15">
        <v>45434</v>
      </c>
      <c r="F129998" s="14" t="s">
        <v>15</v>
      </c>
      <c r="G129998" s="16">
        <v>0</v>
      </c>
    </row>
    <row r="129999" spans="1:7" x14ac:dyDescent="0.3">
      <c r="A129999" s="13" t="s">
        <v>593</v>
      </c>
      <c r="B129999" s="14" t="s">
        <v>1</v>
      </c>
      <c r="C129999" s="14" t="s">
        <v>252</v>
      </c>
      <c r="D129999" s="14" t="s">
        <v>31</v>
      </c>
      <c r="E129999" s="15">
        <v>45435</v>
      </c>
      <c r="F129999" s="14" t="s">
        <v>15</v>
      </c>
      <c r="G129999" s="16">
        <v>0</v>
      </c>
    </row>
    <row r="130000" spans="1:7" x14ac:dyDescent="0.3">
      <c r="A130000" s="13" t="s">
        <v>593</v>
      </c>
      <c r="B130000" s="14" t="s">
        <v>1</v>
      </c>
      <c r="C130000" s="14" t="s">
        <v>252</v>
      </c>
      <c r="D130000" s="14" t="s">
        <v>31</v>
      </c>
      <c r="E130000" s="15">
        <v>45436</v>
      </c>
      <c r="F130000" s="14" t="s">
        <v>15</v>
      </c>
      <c r="G130000" s="16">
        <v>0</v>
      </c>
    </row>
    <row r="130001" spans="1:7" x14ac:dyDescent="0.3">
      <c r="A130001" s="13" t="s">
        <v>593</v>
      </c>
      <c r="B130001" s="14" t="s">
        <v>1</v>
      </c>
      <c r="C130001" s="14" t="s">
        <v>252</v>
      </c>
      <c r="D130001" s="14" t="s">
        <v>31</v>
      </c>
      <c r="E130001" s="15">
        <v>45437</v>
      </c>
      <c r="F130001" s="14" t="s">
        <v>15</v>
      </c>
      <c r="G130001" s="16">
        <v>0</v>
      </c>
    </row>
    <row r="130002" spans="1:7" x14ac:dyDescent="0.3">
      <c r="A130002" s="13" t="s">
        <v>593</v>
      </c>
      <c r="B130002" s="14" t="s">
        <v>1</v>
      </c>
      <c r="C130002" s="14" t="s">
        <v>252</v>
      </c>
      <c r="D130002" s="14" t="s">
        <v>31</v>
      </c>
      <c r="E130002" s="15">
        <v>45438</v>
      </c>
      <c r="F130002" s="14" t="s">
        <v>15</v>
      </c>
      <c r="G130002" s="16">
        <v>0</v>
      </c>
    </row>
    <row r="130003" spans="1:7" x14ac:dyDescent="0.3">
      <c r="A130003" s="13" t="s">
        <v>593</v>
      </c>
      <c r="B130003" s="14" t="s">
        <v>1</v>
      </c>
      <c r="C130003" s="14" t="s">
        <v>252</v>
      </c>
      <c r="D130003" s="14" t="s">
        <v>31</v>
      </c>
      <c r="E130003" s="15">
        <v>45439</v>
      </c>
      <c r="F130003" s="14" t="s">
        <v>15</v>
      </c>
      <c r="G130003" s="16">
        <v>0</v>
      </c>
    </row>
    <row r="130004" spans="1:7" x14ac:dyDescent="0.3">
      <c r="A130004" s="13" t="s">
        <v>593</v>
      </c>
      <c r="B130004" s="14" t="s">
        <v>1</v>
      </c>
      <c r="C130004" s="14" t="s">
        <v>252</v>
      </c>
      <c r="D130004" s="14" t="s">
        <v>31</v>
      </c>
      <c r="E130004" s="15">
        <v>45440</v>
      </c>
      <c r="F130004" s="14" t="s">
        <v>15</v>
      </c>
      <c r="G130004" s="16">
        <v>0</v>
      </c>
    </row>
    <row r="130005" spans="1:7" x14ac:dyDescent="0.3">
      <c r="A130005" s="13" t="s">
        <v>593</v>
      </c>
      <c r="B130005" s="14" t="s">
        <v>1</v>
      </c>
      <c r="C130005" s="14" t="s">
        <v>252</v>
      </c>
      <c r="D130005" s="14" t="s">
        <v>31</v>
      </c>
      <c r="E130005" s="15">
        <v>45441</v>
      </c>
      <c r="F130005" s="14" t="s">
        <v>15</v>
      </c>
      <c r="G130005" s="16">
        <v>0</v>
      </c>
    </row>
    <row r="130006" spans="1:7" x14ac:dyDescent="0.3">
      <c r="A130006" s="13" t="s">
        <v>593</v>
      </c>
      <c r="B130006" s="14" t="s">
        <v>1</v>
      </c>
      <c r="C130006" s="14" t="s">
        <v>252</v>
      </c>
      <c r="D130006" s="14" t="s">
        <v>31</v>
      </c>
      <c r="E130006" s="15">
        <v>45442</v>
      </c>
      <c r="F130006" s="14" t="s">
        <v>15</v>
      </c>
      <c r="G130006" s="16">
        <v>0</v>
      </c>
    </row>
    <row r="130007" spans="1:7" x14ac:dyDescent="0.3">
      <c r="A130007" s="13" t="s">
        <v>593</v>
      </c>
      <c r="B130007" s="14" t="s">
        <v>1</v>
      </c>
      <c r="C130007" s="14" t="s">
        <v>252</v>
      </c>
      <c r="D130007" s="14" t="s">
        <v>31</v>
      </c>
      <c r="E130007" s="15">
        <v>45443</v>
      </c>
      <c r="F130007" s="14" t="s">
        <v>15</v>
      </c>
      <c r="G130007" s="16">
        <v>0</v>
      </c>
    </row>
    <row r="130008" spans="1:7" x14ac:dyDescent="0.3">
      <c r="A130008" s="13" t="s">
        <v>593</v>
      </c>
      <c r="B130008" s="14" t="s">
        <v>1</v>
      </c>
      <c r="C130008" s="14" t="s">
        <v>252</v>
      </c>
      <c r="D130008" s="14" t="s">
        <v>31</v>
      </c>
      <c r="E130008" s="15">
        <v>45444</v>
      </c>
      <c r="F130008" s="14" t="s">
        <v>15</v>
      </c>
      <c r="G130008" s="16">
        <v>0</v>
      </c>
    </row>
    <row r="130009" spans="1:7" x14ac:dyDescent="0.3">
      <c r="A130009" s="13" t="s">
        <v>593</v>
      </c>
      <c r="B130009" s="14" t="s">
        <v>1</v>
      </c>
      <c r="C130009" s="14" t="s">
        <v>252</v>
      </c>
      <c r="D130009" s="14" t="s">
        <v>31</v>
      </c>
      <c r="E130009" s="15">
        <v>45445</v>
      </c>
      <c r="F130009" s="14" t="s">
        <v>15</v>
      </c>
      <c r="G130009" s="16">
        <v>0</v>
      </c>
    </row>
    <row r="130010" spans="1:7" x14ac:dyDescent="0.3">
      <c r="A130010" s="13" t="s">
        <v>593</v>
      </c>
      <c r="B130010" s="14" t="s">
        <v>1</v>
      </c>
      <c r="C130010" s="14" t="s">
        <v>252</v>
      </c>
      <c r="D130010" s="14" t="s">
        <v>31</v>
      </c>
      <c r="E130010" s="15">
        <v>45446</v>
      </c>
      <c r="F130010" s="14" t="s">
        <v>15</v>
      </c>
      <c r="G130010" s="16">
        <v>0</v>
      </c>
    </row>
    <row r="130011" spans="1:7" x14ac:dyDescent="0.3">
      <c r="A130011" s="13" t="s">
        <v>593</v>
      </c>
      <c r="B130011" s="14" t="s">
        <v>1</v>
      </c>
      <c r="C130011" s="14" t="s">
        <v>252</v>
      </c>
      <c r="D130011" s="14" t="s">
        <v>31</v>
      </c>
      <c r="E130011" s="15">
        <v>45447</v>
      </c>
      <c r="F130011" s="14" t="s">
        <v>15</v>
      </c>
      <c r="G130011" s="16">
        <v>0</v>
      </c>
    </row>
    <row r="130012" spans="1:7" x14ac:dyDescent="0.3">
      <c r="A130012" s="13" t="s">
        <v>593</v>
      </c>
      <c r="B130012" s="14" t="s">
        <v>1</v>
      </c>
      <c r="C130012" s="14" t="s">
        <v>252</v>
      </c>
      <c r="D130012" s="14" t="s">
        <v>31</v>
      </c>
      <c r="E130012" s="15">
        <v>45448</v>
      </c>
      <c r="F130012" s="14" t="s">
        <v>15</v>
      </c>
      <c r="G130012" s="16">
        <v>0</v>
      </c>
    </row>
    <row r="130013" spans="1:7" x14ac:dyDescent="0.3">
      <c r="A130013" s="13" t="s">
        <v>593</v>
      </c>
      <c r="B130013" s="14" t="s">
        <v>1</v>
      </c>
      <c r="C130013" s="14" t="s">
        <v>252</v>
      </c>
      <c r="D130013" s="14" t="s">
        <v>31</v>
      </c>
      <c r="E130013" s="15">
        <v>45449</v>
      </c>
      <c r="F130013" s="14" t="s">
        <v>15</v>
      </c>
      <c r="G130013" s="16">
        <v>0</v>
      </c>
    </row>
    <row r="130014" spans="1:7" x14ac:dyDescent="0.3">
      <c r="A130014" s="13" t="s">
        <v>593</v>
      </c>
      <c r="B130014" s="14" t="s">
        <v>1</v>
      </c>
      <c r="C130014" s="14" t="s">
        <v>252</v>
      </c>
      <c r="D130014" s="14" t="s">
        <v>31</v>
      </c>
      <c r="E130014" s="15">
        <v>45450</v>
      </c>
      <c r="F130014" s="14" t="s">
        <v>15</v>
      </c>
      <c r="G130014" s="16">
        <v>0</v>
      </c>
    </row>
    <row r="130015" spans="1:7" x14ac:dyDescent="0.3">
      <c r="A130015" s="13" t="s">
        <v>593</v>
      </c>
      <c r="B130015" s="14" t="s">
        <v>1</v>
      </c>
      <c r="C130015" s="14" t="s">
        <v>252</v>
      </c>
      <c r="D130015" s="14" t="s">
        <v>31</v>
      </c>
      <c r="E130015" s="15">
        <v>45451</v>
      </c>
      <c r="F130015" s="14" t="s">
        <v>15</v>
      </c>
      <c r="G130015" s="16">
        <v>0</v>
      </c>
    </row>
    <row r="130016" spans="1:7" x14ac:dyDescent="0.3">
      <c r="A130016" s="13" t="s">
        <v>593</v>
      </c>
      <c r="B130016" s="14" t="s">
        <v>1</v>
      </c>
      <c r="C130016" s="14" t="s">
        <v>252</v>
      </c>
      <c r="D130016" s="14" t="s">
        <v>31</v>
      </c>
      <c r="E130016" s="15">
        <v>45452</v>
      </c>
      <c r="F130016" s="14" t="s">
        <v>15</v>
      </c>
      <c r="G130016" s="16">
        <v>0</v>
      </c>
    </row>
    <row r="130017" spans="1:7" x14ac:dyDescent="0.3">
      <c r="A130017" s="13" t="s">
        <v>593</v>
      </c>
      <c r="B130017" s="14" t="s">
        <v>1</v>
      </c>
      <c r="C130017" s="14" t="s">
        <v>252</v>
      </c>
      <c r="D130017" s="14" t="s">
        <v>31</v>
      </c>
      <c r="E130017" s="15">
        <v>45453</v>
      </c>
      <c r="F130017" s="14" t="s">
        <v>15</v>
      </c>
      <c r="G130017" s="16">
        <v>0</v>
      </c>
    </row>
    <row r="130018" spans="1:7" x14ac:dyDescent="0.3">
      <c r="A130018" s="13" t="s">
        <v>593</v>
      </c>
      <c r="B130018" s="14" t="s">
        <v>1</v>
      </c>
      <c r="C130018" s="14" t="s">
        <v>252</v>
      </c>
      <c r="D130018" s="14" t="s">
        <v>31</v>
      </c>
      <c r="E130018" s="15">
        <v>45454</v>
      </c>
      <c r="F130018" s="14" t="s">
        <v>15</v>
      </c>
      <c r="G130018" s="16">
        <v>0</v>
      </c>
    </row>
    <row r="130019" spans="1:7" x14ac:dyDescent="0.3">
      <c r="A130019" s="13" t="s">
        <v>593</v>
      </c>
      <c r="B130019" s="14" t="s">
        <v>1</v>
      </c>
      <c r="C130019" s="14" t="s">
        <v>252</v>
      </c>
      <c r="D130019" s="14" t="s">
        <v>31</v>
      </c>
      <c r="E130019" s="15">
        <v>45455</v>
      </c>
      <c r="F130019" s="14" t="s">
        <v>15</v>
      </c>
      <c r="G130019" s="16">
        <v>0</v>
      </c>
    </row>
    <row r="130020" spans="1:7" x14ac:dyDescent="0.3">
      <c r="A130020" s="13" t="s">
        <v>593</v>
      </c>
      <c r="B130020" s="14" t="s">
        <v>1</v>
      </c>
      <c r="C130020" s="14" t="s">
        <v>252</v>
      </c>
      <c r="D130020" s="14" t="s">
        <v>31</v>
      </c>
      <c r="E130020" s="15">
        <v>45456</v>
      </c>
      <c r="F130020" s="14" t="s">
        <v>15</v>
      </c>
      <c r="G130020" s="16">
        <v>0</v>
      </c>
    </row>
    <row r="130021" spans="1:7" x14ac:dyDescent="0.3">
      <c r="A130021" s="13" t="s">
        <v>593</v>
      </c>
      <c r="B130021" s="14" t="s">
        <v>1</v>
      </c>
      <c r="C130021" s="14" t="s">
        <v>252</v>
      </c>
      <c r="D130021" s="14" t="s">
        <v>31</v>
      </c>
      <c r="E130021" s="15">
        <v>45457</v>
      </c>
      <c r="F130021" s="14" t="s">
        <v>15</v>
      </c>
      <c r="G130021" s="16">
        <v>0</v>
      </c>
    </row>
    <row r="130022" spans="1:7" x14ac:dyDescent="0.3">
      <c r="A130022" s="13" t="s">
        <v>593</v>
      </c>
      <c r="B130022" s="14" t="s">
        <v>1</v>
      </c>
      <c r="C130022" s="14" t="s">
        <v>252</v>
      </c>
      <c r="D130022" s="14" t="s">
        <v>31</v>
      </c>
      <c r="E130022" s="15">
        <v>45458</v>
      </c>
      <c r="F130022" s="14" t="s">
        <v>15</v>
      </c>
      <c r="G130022" s="16">
        <v>0</v>
      </c>
    </row>
    <row r="130023" spans="1:7" x14ac:dyDescent="0.3">
      <c r="A130023" s="13" t="s">
        <v>593</v>
      </c>
      <c r="B130023" s="14" t="s">
        <v>1</v>
      </c>
      <c r="C130023" s="14" t="s">
        <v>252</v>
      </c>
      <c r="D130023" s="14" t="s">
        <v>31</v>
      </c>
      <c r="E130023" s="15">
        <v>45459</v>
      </c>
      <c r="F130023" s="14" t="s">
        <v>15</v>
      </c>
      <c r="G130023" s="16">
        <v>0</v>
      </c>
    </row>
    <row r="130024" spans="1:7" x14ac:dyDescent="0.3">
      <c r="A130024" s="13" t="s">
        <v>593</v>
      </c>
      <c r="B130024" s="14" t="s">
        <v>1</v>
      </c>
      <c r="C130024" s="14" t="s">
        <v>252</v>
      </c>
      <c r="D130024" s="14" t="s">
        <v>31</v>
      </c>
      <c r="E130024" s="15">
        <v>45460</v>
      </c>
      <c r="F130024" s="14" t="s">
        <v>15</v>
      </c>
      <c r="G130024" s="16">
        <v>0</v>
      </c>
    </row>
    <row r="130025" spans="1:7" x14ac:dyDescent="0.3">
      <c r="A130025" s="13" t="s">
        <v>593</v>
      </c>
      <c r="B130025" s="14" t="s">
        <v>1</v>
      </c>
      <c r="C130025" s="14" t="s">
        <v>252</v>
      </c>
      <c r="D130025" s="14" t="s">
        <v>31</v>
      </c>
      <c r="E130025" s="15">
        <v>45461</v>
      </c>
      <c r="F130025" s="14" t="s">
        <v>15</v>
      </c>
      <c r="G130025" s="16">
        <v>0</v>
      </c>
    </row>
    <row r="130026" spans="1:7" x14ac:dyDescent="0.3">
      <c r="A130026" s="13" t="s">
        <v>593</v>
      </c>
      <c r="B130026" s="14" t="s">
        <v>1</v>
      </c>
      <c r="C130026" s="14" t="s">
        <v>252</v>
      </c>
      <c r="D130026" s="14" t="s">
        <v>31</v>
      </c>
      <c r="E130026" s="15">
        <v>45462</v>
      </c>
      <c r="F130026" s="14" t="s">
        <v>15</v>
      </c>
      <c r="G130026" s="16">
        <v>0</v>
      </c>
    </row>
    <row r="130027" spans="1:7" x14ac:dyDescent="0.3">
      <c r="A130027" s="13" t="s">
        <v>593</v>
      </c>
      <c r="B130027" s="14" t="s">
        <v>1</v>
      </c>
      <c r="C130027" s="14" t="s">
        <v>252</v>
      </c>
      <c r="D130027" s="14" t="s">
        <v>31</v>
      </c>
      <c r="E130027" s="15">
        <v>45463</v>
      </c>
      <c r="F130027" s="14" t="s">
        <v>15</v>
      </c>
      <c r="G130027" s="16">
        <v>0</v>
      </c>
    </row>
    <row r="130028" spans="1:7" x14ac:dyDescent="0.3">
      <c r="A130028" s="13" t="s">
        <v>593</v>
      </c>
      <c r="B130028" s="14" t="s">
        <v>1</v>
      </c>
      <c r="C130028" s="14" t="s">
        <v>252</v>
      </c>
      <c r="D130028" s="14" t="s">
        <v>31</v>
      </c>
      <c r="E130028" s="15">
        <v>45464</v>
      </c>
      <c r="F130028" s="14" t="s">
        <v>15</v>
      </c>
      <c r="G130028" s="16">
        <v>0</v>
      </c>
    </row>
    <row r="130029" spans="1:7" x14ac:dyDescent="0.3">
      <c r="A130029" s="13" t="s">
        <v>593</v>
      </c>
      <c r="B130029" s="14" t="s">
        <v>1</v>
      </c>
      <c r="C130029" s="14" t="s">
        <v>252</v>
      </c>
      <c r="D130029" s="14" t="s">
        <v>31</v>
      </c>
      <c r="E130029" s="15">
        <v>45465</v>
      </c>
      <c r="F130029" s="14" t="s">
        <v>15</v>
      </c>
      <c r="G130029" s="16">
        <v>0</v>
      </c>
    </row>
    <row r="130030" spans="1:7" x14ac:dyDescent="0.3">
      <c r="A130030" s="13" t="s">
        <v>593</v>
      </c>
      <c r="B130030" s="14" t="s">
        <v>1</v>
      </c>
      <c r="C130030" s="14" t="s">
        <v>252</v>
      </c>
      <c r="D130030" s="14" t="s">
        <v>31</v>
      </c>
      <c r="E130030" s="15">
        <v>45466</v>
      </c>
      <c r="F130030" s="14" t="s">
        <v>15</v>
      </c>
      <c r="G130030" s="16">
        <v>0</v>
      </c>
    </row>
    <row r="130031" spans="1:7" x14ac:dyDescent="0.3">
      <c r="A130031" s="13" t="s">
        <v>593</v>
      </c>
      <c r="B130031" s="14" t="s">
        <v>1</v>
      </c>
      <c r="C130031" s="14" t="s">
        <v>252</v>
      </c>
      <c r="D130031" s="14" t="s">
        <v>31</v>
      </c>
      <c r="E130031" s="15">
        <v>45467</v>
      </c>
      <c r="F130031" s="14" t="s">
        <v>15</v>
      </c>
      <c r="G130031" s="16">
        <v>0</v>
      </c>
    </row>
    <row r="130032" spans="1:7" x14ac:dyDescent="0.3">
      <c r="A130032" s="13" t="s">
        <v>593</v>
      </c>
      <c r="B130032" s="14" t="s">
        <v>1</v>
      </c>
      <c r="C130032" s="14" t="s">
        <v>252</v>
      </c>
      <c r="D130032" s="14" t="s">
        <v>31</v>
      </c>
      <c r="E130032" s="15">
        <v>45468</v>
      </c>
      <c r="F130032" s="14" t="s">
        <v>15</v>
      </c>
      <c r="G130032" s="16">
        <v>0</v>
      </c>
    </row>
    <row r="130033" spans="1:7" x14ac:dyDescent="0.3">
      <c r="A130033" s="13" t="s">
        <v>593</v>
      </c>
      <c r="B130033" s="14" t="s">
        <v>1</v>
      </c>
      <c r="C130033" s="14" t="s">
        <v>252</v>
      </c>
      <c r="D130033" s="14" t="s">
        <v>31</v>
      </c>
      <c r="E130033" s="15">
        <v>45469</v>
      </c>
      <c r="F130033" s="14" t="s">
        <v>15</v>
      </c>
      <c r="G130033" s="16">
        <v>0</v>
      </c>
    </row>
    <row r="130034" spans="1:7" x14ac:dyDescent="0.3">
      <c r="A130034" s="13" t="s">
        <v>593</v>
      </c>
      <c r="B130034" s="14" t="s">
        <v>1</v>
      </c>
      <c r="C130034" s="14" t="s">
        <v>252</v>
      </c>
      <c r="D130034" s="14" t="s">
        <v>31</v>
      </c>
      <c r="E130034" s="15">
        <v>45470</v>
      </c>
      <c r="F130034" s="14" t="s">
        <v>15</v>
      </c>
      <c r="G130034" s="16">
        <v>0</v>
      </c>
    </row>
    <row r="130035" spans="1:7" x14ac:dyDescent="0.3">
      <c r="A130035" s="13" t="s">
        <v>593</v>
      </c>
      <c r="B130035" s="14" t="s">
        <v>1</v>
      </c>
      <c r="C130035" s="14" t="s">
        <v>252</v>
      </c>
      <c r="D130035" s="14" t="s">
        <v>31</v>
      </c>
      <c r="E130035" s="15">
        <v>45471</v>
      </c>
      <c r="F130035" s="14" t="s">
        <v>15</v>
      </c>
      <c r="G130035" s="16">
        <v>0</v>
      </c>
    </row>
    <row r="130036" spans="1:7" x14ac:dyDescent="0.3">
      <c r="A130036" s="13" t="s">
        <v>593</v>
      </c>
      <c r="B130036" s="14" t="s">
        <v>1</v>
      </c>
      <c r="C130036" s="14" t="s">
        <v>252</v>
      </c>
      <c r="D130036" s="14" t="s">
        <v>31</v>
      </c>
      <c r="E130036" s="15">
        <v>45472</v>
      </c>
      <c r="F130036" s="14" t="s">
        <v>15</v>
      </c>
      <c r="G130036" s="16">
        <v>0</v>
      </c>
    </row>
    <row r="130037" spans="1:7" x14ac:dyDescent="0.3">
      <c r="A130037" s="13" t="s">
        <v>593</v>
      </c>
      <c r="B130037" s="14" t="s">
        <v>1</v>
      </c>
      <c r="C130037" s="14" t="s">
        <v>252</v>
      </c>
      <c r="D130037" s="14" t="s">
        <v>31</v>
      </c>
      <c r="E130037" s="15">
        <v>45473</v>
      </c>
      <c r="F130037" s="14" t="s">
        <v>15</v>
      </c>
      <c r="G130037" s="16">
        <v>0</v>
      </c>
    </row>
    <row r="130038" spans="1:7" x14ac:dyDescent="0.3">
      <c r="A130038" s="13" t="s">
        <v>593</v>
      </c>
      <c r="B130038" s="14" t="s">
        <v>1</v>
      </c>
      <c r="C130038" s="14" t="s">
        <v>252</v>
      </c>
      <c r="D130038" s="14" t="s">
        <v>31</v>
      </c>
      <c r="E130038" s="15">
        <v>45474</v>
      </c>
      <c r="F130038" s="14" t="s">
        <v>15</v>
      </c>
      <c r="G130038" s="16">
        <v>0</v>
      </c>
    </row>
    <row r="130039" spans="1:7" x14ac:dyDescent="0.3">
      <c r="A130039" s="13" t="s">
        <v>593</v>
      </c>
      <c r="B130039" s="14" t="s">
        <v>1</v>
      </c>
      <c r="C130039" s="14" t="s">
        <v>252</v>
      </c>
      <c r="D130039" s="14" t="s">
        <v>31</v>
      </c>
      <c r="E130039" s="15">
        <v>45475</v>
      </c>
      <c r="F130039" s="14" t="s">
        <v>15</v>
      </c>
      <c r="G130039" s="16">
        <v>0</v>
      </c>
    </row>
    <row r="130040" spans="1:7" x14ac:dyDescent="0.3">
      <c r="A130040" s="13" t="s">
        <v>593</v>
      </c>
      <c r="B130040" s="14" t="s">
        <v>1</v>
      </c>
      <c r="C130040" s="14" t="s">
        <v>252</v>
      </c>
      <c r="D130040" s="14" t="s">
        <v>31</v>
      </c>
      <c r="E130040" s="15">
        <v>45476</v>
      </c>
      <c r="F130040" s="14" t="s">
        <v>15</v>
      </c>
      <c r="G130040" s="16">
        <v>0</v>
      </c>
    </row>
    <row r="130041" spans="1:7" x14ac:dyDescent="0.3">
      <c r="A130041" s="13" t="s">
        <v>593</v>
      </c>
      <c r="B130041" s="14" t="s">
        <v>1</v>
      </c>
      <c r="C130041" s="14" t="s">
        <v>252</v>
      </c>
      <c r="D130041" s="14" t="s">
        <v>31</v>
      </c>
      <c r="E130041" s="15">
        <v>45477</v>
      </c>
      <c r="F130041" s="14" t="s">
        <v>15</v>
      </c>
      <c r="G130041" s="16">
        <v>0</v>
      </c>
    </row>
    <row r="130042" spans="1:7" x14ac:dyDescent="0.3">
      <c r="A130042" s="13" t="s">
        <v>593</v>
      </c>
      <c r="B130042" s="14" t="s">
        <v>1</v>
      </c>
      <c r="C130042" s="14" t="s">
        <v>252</v>
      </c>
      <c r="D130042" s="14" t="s">
        <v>31</v>
      </c>
      <c r="E130042" s="15">
        <v>45478</v>
      </c>
      <c r="F130042" s="14" t="s">
        <v>15</v>
      </c>
      <c r="G130042" s="16">
        <v>0</v>
      </c>
    </row>
    <row r="130043" spans="1:7" x14ac:dyDescent="0.3">
      <c r="A130043" s="13" t="s">
        <v>593</v>
      </c>
      <c r="B130043" s="14" t="s">
        <v>1</v>
      </c>
      <c r="C130043" s="14" t="s">
        <v>252</v>
      </c>
      <c r="D130043" s="14" t="s">
        <v>31</v>
      </c>
      <c r="E130043" s="15">
        <v>45479</v>
      </c>
      <c r="F130043" s="14" t="s">
        <v>15</v>
      </c>
      <c r="G130043" s="16">
        <v>0</v>
      </c>
    </row>
    <row r="130044" spans="1:7" x14ac:dyDescent="0.3">
      <c r="A130044" s="13" t="s">
        <v>593</v>
      </c>
      <c r="B130044" s="14" t="s">
        <v>1</v>
      </c>
      <c r="C130044" s="14" t="s">
        <v>252</v>
      </c>
      <c r="D130044" s="14" t="s">
        <v>31</v>
      </c>
      <c r="E130044" s="15">
        <v>45480</v>
      </c>
      <c r="F130044" s="14" t="s">
        <v>15</v>
      </c>
      <c r="G130044" s="16">
        <v>0</v>
      </c>
    </row>
    <row r="130045" spans="1:7" x14ac:dyDescent="0.3">
      <c r="A130045" s="13" t="s">
        <v>593</v>
      </c>
      <c r="B130045" s="14" t="s">
        <v>1</v>
      </c>
      <c r="C130045" s="14" t="s">
        <v>252</v>
      </c>
      <c r="D130045" s="14" t="s">
        <v>31</v>
      </c>
      <c r="E130045" s="15">
        <v>45481</v>
      </c>
      <c r="F130045" s="14" t="s">
        <v>15</v>
      </c>
      <c r="G130045" s="16">
        <v>0</v>
      </c>
    </row>
    <row r="130046" spans="1:7" x14ac:dyDescent="0.3">
      <c r="A130046" s="13" t="s">
        <v>593</v>
      </c>
      <c r="B130046" s="14" t="s">
        <v>1</v>
      </c>
      <c r="C130046" s="14" t="s">
        <v>252</v>
      </c>
      <c r="D130046" s="14" t="s">
        <v>31</v>
      </c>
      <c r="E130046" s="15">
        <v>45482</v>
      </c>
      <c r="F130046" s="14" t="s">
        <v>15</v>
      </c>
      <c r="G130046" s="16">
        <v>0</v>
      </c>
    </row>
    <row r="130047" spans="1:7" x14ac:dyDescent="0.3">
      <c r="A130047" s="13" t="s">
        <v>593</v>
      </c>
      <c r="B130047" s="14" t="s">
        <v>1</v>
      </c>
      <c r="C130047" s="14" t="s">
        <v>252</v>
      </c>
      <c r="D130047" s="14" t="s">
        <v>31</v>
      </c>
      <c r="E130047" s="15">
        <v>45483</v>
      </c>
      <c r="F130047" s="14" t="s">
        <v>15</v>
      </c>
      <c r="G130047" s="16">
        <v>0</v>
      </c>
    </row>
    <row r="130048" spans="1:7" x14ac:dyDescent="0.3">
      <c r="A130048" s="13" t="s">
        <v>593</v>
      </c>
      <c r="B130048" s="14" t="s">
        <v>1</v>
      </c>
      <c r="C130048" s="14" t="s">
        <v>252</v>
      </c>
      <c r="D130048" s="14" t="s">
        <v>31</v>
      </c>
      <c r="E130048" s="15">
        <v>45484</v>
      </c>
      <c r="F130048" s="14" t="s">
        <v>15</v>
      </c>
      <c r="G130048" s="16">
        <v>0</v>
      </c>
    </row>
    <row r="130049" spans="1:7" x14ac:dyDescent="0.3">
      <c r="A130049" s="13" t="s">
        <v>593</v>
      </c>
      <c r="B130049" s="14" t="s">
        <v>1</v>
      </c>
      <c r="C130049" s="14" t="s">
        <v>252</v>
      </c>
      <c r="D130049" s="14" t="s">
        <v>31</v>
      </c>
      <c r="E130049" s="15">
        <v>45485</v>
      </c>
      <c r="F130049" s="14" t="s">
        <v>15</v>
      </c>
      <c r="G130049" s="16">
        <v>0</v>
      </c>
    </row>
    <row r="130050" spans="1:7" x14ac:dyDescent="0.3">
      <c r="A130050" s="13" t="s">
        <v>593</v>
      </c>
      <c r="B130050" s="14" t="s">
        <v>1</v>
      </c>
      <c r="C130050" s="14" t="s">
        <v>252</v>
      </c>
      <c r="D130050" s="14" t="s">
        <v>31</v>
      </c>
      <c r="E130050" s="15">
        <v>45486</v>
      </c>
      <c r="F130050" s="14" t="s">
        <v>15</v>
      </c>
      <c r="G130050" s="16">
        <v>0</v>
      </c>
    </row>
    <row r="130051" spans="1:7" x14ac:dyDescent="0.3">
      <c r="A130051" s="13" t="s">
        <v>593</v>
      </c>
      <c r="B130051" s="14" t="s">
        <v>1</v>
      </c>
      <c r="C130051" s="14" t="s">
        <v>252</v>
      </c>
      <c r="D130051" s="14" t="s">
        <v>31</v>
      </c>
      <c r="E130051" s="15">
        <v>45487</v>
      </c>
      <c r="F130051" s="14" t="s">
        <v>15</v>
      </c>
      <c r="G130051" s="16">
        <v>0</v>
      </c>
    </row>
    <row r="130052" spans="1:7" x14ac:dyDescent="0.3">
      <c r="A130052" s="13" t="s">
        <v>593</v>
      </c>
      <c r="B130052" s="14" t="s">
        <v>1</v>
      </c>
      <c r="C130052" s="14" t="s">
        <v>252</v>
      </c>
      <c r="D130052" s="14" t="s">
        <v>31</v>
      </c>
      <c r="E130052" s="15">
        <v>45488</v>
      </c>
      <c r="F130052" s="14" t="s">
        <v>15</v>
      </c>
      <c r="G130052" s="16">
        <v>0</v>
      </c>
    </row>
    <row r="130053" spans="1:7" x14ac:dyDescent="0.3">
      <c r="A130053" s="13" t="s">
        <v>593</v>
      </c>
      <c r="B130053" s="14" t="s">
        <v>1</v>
      </c>
      <c r="C130053" s="14" t="s">
        <v>252</v>
      </c>
      <c r="D130053" s="14" t="s">
        <v>31</v>
      </c>
      <c r="E130053" s="15">
        <v>45489</v>
      </c>
      <c r="F130053" s="14" t="s">
        <v>15</v>
      </c>
      <c r="G130053" s="16">
        <v>0</v>
      </c>
    </row>
    <row r="130054" spans="1:7" x14ac:dyDescent="0.3">
      <c r="A130054" s="13" t="s">
        <v>593</v>
      </c>
      <c r="B130054" s="14" t="s">
        <v>1</v>
      </c>
      <c r="C130054" s="14" t="s">
        <v>252</v>
      </c>
      <c r="D130054" s="14" t="s">
        <v>31</v>
      </c>
      <c r="E130054" s="15">
        <v>45490</v>
      </c>
      <c r="F130054" s="14" t="s">
        <v>15</v>
      </c>
      <c r="G130054" s="16">
        <v>0</v>
      </c>
    </row>
    <row r="130055" spans="1:7" x14ac:dyDescent="0.3">
      <c r="A130055" s="13" t="s">
        <v>593</v>
      </c>
      <c r="B130055" s="14" t="s">
        <v>1</v>
      </c>
      <c r="C130055" s="14" t="s">
        <v>252</v>
      </c>
      <c r="D130055" s="14" t="s">
        <v>31</v>
      </c>
      <c r="E130055" s="15">
        <v>45491</v>
      </c>
      <c r="F130055" s="14" t="s">
        <v>15</v>
      </c>
      <c r="G130055" s="16">
        <v>0</v>
      </c>
    </row>
    <row r="130056" spans="1:7" x14ac:dyDescent="0.3">
      <c r="A130056" s="13" t="s">
        <v>593</v>
      </c>
      <c r="B130056" s="14" t="s">
        <v>1</v>
      </c>
      <c r="C130056" s="14" t="s">
        <v>252</v>
      </c>
      <c r="D130056" s="14" t="s">
        <v>31</v>
      </c>
      <c r="E130056" s="15">
        <v>45492</v>
      </c>
      <c r="F130056" s="14" t="s">
        <v>15</v>
      </c>
      <c r="G130056" s="16">
        <v>0</v>
      </c>
    </row>
    <row r="130057" spans="1:7" x14ac:dyDescent="0.3">
      <c r="A130057" s="13" t="s">
        <v>593</v>
      </c>
      <c r="B130057" s="14" t="s">
        <v>1</v>
      </c>
      <c r="C130057" s="14" t="s">
        <v>252</v>
      </c>
      <c r="D130057" s="14" t="s">
        <v>31</v>
      </c>
      <c r="E130057" s="15">
        <v>45493</v>
      </c>
      <c r="F130057" s="14" t="s">
        <v>15</v>
      </c>
      <c r="G130057" s="16">
        <v>0</v>
      </c>
    </row>
    <row r="130058" spans="1:7" x14ac:dyDescent="0.3">
      <c r="A130058" s="13" t="s">
        <v>593</v>
      </c>
      <c r="B130058" s="14" t="s">
        <v>1</v>
      </c>
      <c r="C130058" s="14" t="s">
        <v>252</v>
      </c>
      <c r="D130058" s="14" t="s">
        <v>31</v>
      </c>
      <c r="E130058" s="15">
        <v>45494</v>
      </c>
      <c r="F130058" s="14" t="s">
        <v>15</v>
      </c>
      <c r="G130058" s="16">
        <v>0</v>
      </c>
    </row>
    <row r="130059" spans="1:7" x14ac:dyDescent="0.3">
      <c r="A130059" s="13" t="s">
        <v>593</v>
      </c>
      <c r="B130059" s="14" t="s">
        <v>1</v>
      </c>
      <c r="C130059" s="14" t="s">
        <v>252</v>
      </c>
      <c r="D130059" s="14" t="s">
        <v>31</v>
      </c>
      <c r="E130059" s="15">
        <v>45495</v>
      </c>
      <c r="F130059" s="14" t="s">
        <v>15</v>
      </c>
      <c r="G130059" s="16">
        <v>0</v>
      </c>
    </row>
    <row r="130060" spans="1:7" x14ac:dyDescent="0.3">
      <c r="A130060" s="13" t="s">
        <v>593</v>
      </c>
      <c r="B130060" s="14" t="s">
        <v>1</v>
      </c>
      <c r="C130060" s="14" t="s">
        <v>252</v>
      </c>
      <c r="D130060" s="14" t="s">
        <v>31</v>
      </c>
      <c r="E130060" s="15">
        <v>45496</v>
      </c>
      <c r="F130060" s="14" t="s">
        <v>15</v>
      </c>
      <c r="G130060" s="16">
        <v>0</v>
      </c>
    </row>
    <row r="130061" spans="1:7" x14ac:dyDescent="0.3">
      <c r="A130061" s="13" t="s">
        <v>593</v>
      </c>
      <c r="B130061" s="14" t="s">
        <v>1</v>
      </c>
      <c r="C130061" s="14" t="s">
        <v>252</v>
      </c>
      <c r="D130061" s="14" t="s">
        <v>31</v>
      </c>
      <c r="E130061" s="15">
        <v>45497</v>
      </c>
      <c r="F130061" s="14" t="s">
        <v>15</v>
      </c>
      <c r="G130061" s="16">
        <v>0</v>
      </c>
    </row>
    <row r="130062" spans="1:7" x14ac:dyDescent="0.3">
      <c r="A130062" s="13" t="s">
        <v>593</v>
      </c>
      <c r="B130062" s="14" t="s">
        <v>1</v>
      </c>
      <c r="C130062" s="14" t="s">
        <v>252</v>
      </c>
      <c r="D130062" s="14" t="s">
        <v>31</v>
      </c>
      <c r="E130062" s="15">
        <v>45498</v>
      </c>
      <c r="F130062" s="14" t="s">
        <v>15</v>
      </c>
      <c r="G130062" s="16">
        <v>0</v>
      </c>
    </row>
    <row r="130063" spans="1:7" x14ac:dyDescent="0.3">
      <c r="A130063" s="13" t="s">
        <v>593</v>
      </c>
      <c r="B130063" s="14" t="s">
        <v>1</v>
      </c>
      <c r="C130063" s="14" t="s">
        <v>252</v>
      </c>
      <c r="D130063" s="14" t="s">
        <v>31</v>
      </c>
      <c r="E130063" s="15">
        <v>45499</v>
      </c>
      <c r="F130063" s="14" t="s">
        <v>15</v>
      </c>
      <c r="G130063" s="16">
        <v>0</v>
      </c>
    </row>
    <row r="130064" spans="1:7" x14ac:dyDescent="0.3">
      <c r="A130064" s="13" t="s">
        <v>593</v>
      </c>
      <c r="B130064" s="14" t="s">
        <v>1</v>
      </c>
      <c r="C130064" s="14" t="s">
        <v>252</v>
      </c>
      <c r="D130064" s="14" t="s">
        <v>31</v>
      </c>
      <c r="E130064" s="15">
        <v>45500</v>
      </c>
      <c r="F130064" s="14" t="s">
        <v>15</v>
      </c>
      <c r="G130064" s="16">
        <v>0</v>
      </c>
    </row>
    <row r="130065" spans="1:7" x14ac:dyDescent="0.3">
      <c r="A130065" s="13" t="s">
        <v>593</v>
      </c>
      <c r="B130065" s="14" t="s">
        <v>1</v>
      </c>
      <c r="C130065" s="14" t="s">
        <v>252</v>
      </c>
      <c r="D130065" s="14" t="s">
        <v>31</v>
      </c>
      <c r="E130065" s="15">
        <v>45501</v>
      </c>
      <c r="F130065" s="14" t="s">
        <v>15</v>
      </c>
      <c r="G130065" s="16">
        <v>0</v>
      </c>
    </row>
    <row r="130066" spans="1:7" x14ac:dyDescent="0.3">
      <c r="A130066" s="13" t="s">
        <v>593</v>
      </c>
      <c r="B130066" s="14" t="s">
        <v>1</v>
      </c>
      <c r="C130066" s="14" t="s">
        <v>252</v>
      </c>
      <c r="D130066" s="14" t="s">
        <v>31</v>
      </c>
      <c r="E130066" s="15">
        <v>45502</v>
      </c>
      <c r="F130066" s="14" t="s">
        <v>15</v>
      </c>
      <c r="G130066" s="16">
        <v>0</v>
      </c>
    </row>
    <row r="130067" spans="1:7" x14ac:dyDescent="0.3">
      <c r="A130067" s="13" t="s">
        <v>593</v>
      </c>
      <c r="B130067" s="14" t="s">
        <v>1</v>
      </c>
      <c r="C130067" s="14" t="s">
        <v>252</v>
      </c>
      <c r="D130067" s="14" t="s">
        <v>31</v>
      </c>
      <c r="E130067" s="15">
        <v>45503</v>
      </c>
      <c r="F130067" s="14" t="s">
        <v>15</v>
      </c>
      <c r="G130067" s="16">
        <v>0</v>
      </c>
    </row>
    <row r="130068" spans="1:7" x14ac:dyDescent="0.3">
      <c r="A130068" s="13" t="s">
        <v>593</v>
      </c>
      <c r="B130068" s="14" t="s">
        <v>1</v>
      </c>
      <c r="C130068" s="14" t="s">
        <v>252</v>
      </c>
      <c r="D130068" s="14" t="s">
        <v>31</v>
      </c>
      <c r="E130068" s="15">
        <v>45504</v>
      </c>
      <c r="F130068" s="14" t="s">
        <v>15</v>
      </c>
      <c r="G130068" s="16">
        <v>0</v>
      </c>
    </row>
    <row r="130069" spans="1:7" x14ac:dyDescent="0.3">
      <c r="A130069" s="13" t="s">
        <v>593</v>
      </c>
      <c r="B130069" s="14" t="s">
        <v>1</v>
      </c>
      <c r="C130069" s="14" t="s">
        <v>252</v>
      </c>
      <c r="D130069" s="14" t="s">
        <v>31</v>
      </c>
      <c r="E130069" s="15">
        <v>45505</v>
      </c>
      <c r="F130069" s="14" t="s">
        <v>15</v>
      </c>
      <c r="G130069" s="16">
        <v>0</v>
      </c>
    </row>
    <row r="130070" spans="1:7" x14ac:dyDescent="0.3">
      <c r="A130070" s="13" t="s">
        <v>593</v>
      </c>
      <c r="B130070" s="14" t="s">
        <v>1</v>
      </c>
      <c r="C130070" s="14" t="s">
        <v>252</v>
      </c>
      <c r="D130070" s="14" t="s">
        <v>31</v>
      </c>
      <c r="E130070" s="15">
        <v>45506</v>
      </c>
      <c r="F130070" s="14" t="s">
        <v>15</v>
      </c>
      <c r="G130070" s="16">
        <v>0</v>
      </c>
    </row>
    <row r="130071" spans="1:7" x14ac:dyDescent="0.3">
      <c r="A130071" s="13" t="s">
        <v>593</v>
      </c>
      <c r="B130071" s="14" t="s">
        <v>1</v>
      </c>
      <c r="C130071" s="14" t="s">
        <v>252</v>
      </c>
      <c r="D130071" s="14" t="s">
        <v>31</v>
      </c>
      <c r="E130071" s="15">
        <v>45507</v>
      </c>
      <c r="F130071" s="14" t="s">
        <v>15</v>
      </c>
      <c r="G130071" s="16">
        <v>0</v>
      </c>
    </row>
    <row r="130072" spans="1:7" x14ac:dyDescent="0.3">
      <c r="A130072" s="13" t="s">
        <v>593</v>
      </c>
      <c r="B130072" s="14" t="s">
        <v>1</v>
      </c>
      <c r="C130072" s="14" t="s">
        <v>252</v>
      </c>
      <c r="D130072" s="14" t="s">
        <v>31</v>
      </c>
      <c r="E130072" s="15">
        <v>45508</v>
      </c>
      <c r="F130072" s="14" t="s">
        <v>15</v>
      </c>
      <c r="G130072" s="16">
        <v>0</v>
      </c>
    </row>
    <row r="130073" spans="1:7" x14ac:dyDescent="0.3">
      <c r="A130073" s="13" t="s">
        <v>593</v>
      </c>
      <c r="B130073" s="14" t="s">
        <v>1</v>
      </c>
      <c r="C130073" s="14" t="s">
        <v>252</v>
      </c>
      <c r="D130073" s="14" t="s">
        <v>31</v>
      </c>
      <c r="E130073" s="15">
        <v>45509</v>
      </c>
      <c r="F130073" s="14" t="s">
        <v>15</v>
      </c>
      <c r="G130073" s="16">
        <v>0</v>
      </c>
    </row>
    <row r="130074" spans="1:7" x14ac:dyDescent="0.3">
      <c r="A130074" s="13" t="s">
        <v>593</v>
      </c>
      <c r="B130074" s="14" t="s">
        <v>1</v>
      </c>
      <c r="C130074" s="14" t="s">
        <v>252</v>
      </c>
      <c r="D130074" s="14" t="s">
        <v>31</v>
      </c>
      <c r="E130074" s="15">
        <v>45510</v>
      </c>
      <c r="F130074" s="14" t="s">
        <v>15</v>
      </c>
      <c r="G130074" s="16">
        <v>0</v>
      </c>
    </row>
    <row r="130075" spans="1:7" x14ac:dyDescent="0.3">
      <c r="A130075" s="13" t="s">
        <v>593</v>
      </c>
      <c r="B130075" s="14" t="s">
        <v>1</v>
      </c>
      <c r="C130075" s="14" t="s">
        <v>252</v>
      </c>
      <c r="D130075" s="14" t="s">
        <v>31</v>
      </c>
      <c r="E130075" s="15">
        <v>45511</v>
      </c>
      <c r="F130075" s="14" t="s">
        <v>15</v>
      </c>
      <c r="G130075" s="16">
        <v>0</v>
      </c>
    </row>
    <row r="130076" spans="1:7" x14ac:dyDescent="0.3">
      <c r="A130076" s="13" t="s">
        <v>593</v>
      </c>
      <c r="B130076" s="14" t="s">
        <v>1</v>
      </c>
      <c r="C130076" s="14" t="s">
        <v>252</v>
      </c>
      <c r="D130076" s="14" t="s">
        <v>31</v>
      </c>
      <c r="E130076" s="15">
        <v>45512</v>
      </c>
      <c r="F130076" s="14" t="s">
        <v>15</v>
      </c>
      <c r="G130076" s="16">
        <v>0</v>
      </c>
    </row>
    <row r="130077" spans="1:7" x14ac:dyDescent="0.3">
      <c r="A130077" s="13" t="s">
        <v>593</v>
      </c>
      <c r="B130077" s="14" t="s">
        <v>1</v>
      </c>
      <c r="C130077" s="14" t="s">
        <v>252</v>
      </c>
      <c r="D130077" s="14" t="s">
        <v>31</v>
      </c>
      <c r="E130077" s="15">
        <v>45513</v>
      </c>
      <c r="F130077" s="14" t="s">
        <v>15</v>
      </c>
      <c r="G130077" s="16">
        <v>0</v>
      </c>
    </row>
    <row r="130078" spans="1:7" x14ac:dyDescent="0.3">
      <c r="A130078" s="13" t="s">
        <v>593</v>
      </c>
      <c r="B130078" s="14" t="s">
        <v>1</v>
      </c>
      <c r="C130078" s="14" t="s">
        <v>252</v>
      </c>
      <c r="D130078" s="14" t="s">
        <v>31</v>
      </c>
      <c r="E130078" s="15">
        <v>45514</v>
      </c>
      <c r="F130078" s="14" t="s">
        <v>15</v>
      </c>
      <c r="G130078" s="16">
        <v>0</v>
      </c>
    </row>
    <row r="130079" spans="1:7" x14ac:dyDescent="0.3">
      <c r="A130079" s="13" t="s">
        <v>593</v>
      </c>
      <c r="B130079" s="14" t="s">
        <v>1</v>
      </c>
      <c r="C130079" s="14" t="s">
        <v>252</v>
      </c>
      <c r="D130079" s="14" t="s">
        <v>31</v>
      </c>
      <c r="E130079" s="15">
        <v>45515</v>
      </c>
      <c r="F130079" s="14" t="s">
        <v>15</v>
      </c>
      <c r="G130079" s="16">
        <v>0</v>
      </c>
    </row>
    <row r="130080" spans="1:7" x14ac:dyDescent="0.3">
      <c r="A130080" s="13" t="s">
        <v>593</v>
      </c>
      <c r="B130080" s="14" t="s">
        <v>1</v>
      </c>
      <c r="C130080" s="14" t="s">
        <v>252</v>
      </c>
      <c r="D130080" s="14" t="s">
        <v>31</v>
      </c>
      <c r="E130080" s="15">
        <v>45516</v>
      </c>
      <c r="F130080" s="14" t="s">
        <v>15</v>
      </c>
      <c r="G130080" s="16">
        <v>0</v>
      </c>
    </row>
    <row r="130081" spans="1:7" x14ac:dyDescent="0.3">
      <c r="A130081" s="13" t="s">
        <v>593</v>
      </c>
      <c r="B130081" s="14" t="s">
        <v>1</v>
      </c>
      <c r="C130081" s="14" t="s">
        <v>252</v>
      </c>
      <c r="D130081" s="14" t="s">
        <v>31</v>
      </c>
      <c r="E130081" s="15">
        <v>45517</v>
      </c>
      <c r="F130081" s="14" t="s">
        <v>15</v>
      </c>
      <c r="G130081" s="16">
        <v>0</v>
      </c>
    </row>
    <row r="130082" spans="1:7" x14ac:dyDescent="0.3">
      <c r="A130082" s="13" t="s">
        <v>593</v>
      </c>
      <c r="B130082" s="14" t="s">
        <v>1</v>
      </c>
      <c r="C130082" s="14" t="s">
        <v>252</v>
      </c>
      <c r="D130082" s="14" t="s">
        <v>31</v>
      </c>
      <c r="E130082" s="15">
        <v>45518</v>
      </c>
      <c r="F130082" s="14" t="s">
        <v>15</v>
      </c>
      <c r="G130082" s="16">
        <v>0</v>
      </c>
    </row>
    <row r="130083" spans="1:7" x14ac:dyDescent="0.3">
      <c r="A130083" s="13" t="s">
        <v>593</v>
      </c>
      <c r="B130083" s="14" t="s">
        <v>1</v>
      </c>
      <c r="C130083" s="14" t="s">
        <v>252</v>
      </c>
      <c r="D130083" s="14" t="s">
        <v>31</v>
      </c>
      <c r="E130083" s="15">
        <v>45519</v>
      </c>
      <c r="F130083" s="14" t="s">
        <v>15</v>
      </c>
      <c r="G130083" s="16">
        <v>0</v>
      </c>
    </row>
    <row r="130084" spans="1:7" x14ac:dyDescent="0.3">
      <c r="A130084" s="13" t="s">
        <v>593</v>
      </c>
      <c r="B130084" s="14" t="s">
        <v>1</v>
      </c>
      <c r="C130084" s="14" t="s">
        <v>252</v>
      </c>
      <c r="D130084" s="14" t="s">
        <v>31</v>
      </c>
      <c r="E130084" s="15">
        <v>45520</v>
      </c>
      <c r="F130084" s="14" t="s">
        <v>15</v>
      </c>
      <c r="G130084" s="16">
        <v>0</v>
      </c>
    </row>
    <row r="130085" spans="1:7" x14ac:dyDescent="0.3">
      <c r="A130085" s="13" t="s">
        <v>593</v>
      </c>
      <c r="B130085" s="14" t="s">
        <v>1</v>
      </c>
      <c r="C130085" s="14" t="s">
        <v>252</v>
      </c>
      <c r="D130085" s="14" t="s">
        <v>31</v>
      </c>
      <c r="E130085" s="15">
        <v>45521</v>
      </c>
      <c r="F130085" s="14" t="s">
        <v>15</v>
      </c>
      <c r="G130085" s="16">
        <v>0</v>
      </c>
    </row>
    <row r="130086" spans="1:7" x14ac:dyDescent="0.3">
      <c r="A130086" s="13" t="s">
        <v>593</v>
      </c>
      <c r="B130086" s="14" t="s">
        <v>1</v>
      </c>
      <c r="C130086" s="14" t="s">
        <v>252</v>
      </c>
      <c r="D130086" s="14" t="s">
        <v>31</v>
      </c>
      <c r="E130086" s="15">
        <v>45522</v>
      </c>
      <c r="F130086" s="14" t="s">
        <v>15</v>
      </c>
      <c r="G130086" s="16">
        <v>0</v>
      </c>
    </row>
    <row r="130087" spans="1:7" x14ac:dyDescent="0.3">
      <c r="A130087" s="13" t="s">
        <v>593</v>
      </c>
      <c r="B130087" s="14" t="s">
        <v>1</v>
      </c>
      <c r="C130087" s="14" t="s">
        <v>252</v>
      </c>
      <c r="D130087" s="14" t="s">
        <v>31</v>
      </c>
      <c r="E130087" s="15">
        <v>45523</v>
      </c>
      <c r="F130087" s="14" t="s">
        <v>15</v>
      </c>
      <c r="G130087" s="16">
        <v>0</v>
      </c>
    </row>
    <row r="130088" spans="1:7" x14ac:dyDescent="0.3">
      <c r="A130088" s="13" t="s">
        <v>593</v>
      </c>
      <c r="B130088" s="14" t="s">
        <v>1</v>
      </c>
      <c r="C130088" s="14" t="s">
        <v>252</v>
      </c>
      <c r="D130088" s="14" t="s">
        <v>31</v>
      </c>
      <c r="E130088" s="15">
        <v>45524</v>
      </c>
      <c r="F130088" s="14" t="s">
        <v>15</v>
      </c>
      <c r="G130088" s="16">
        <v>0</v>
      </c>
    </row>
    <row r="130089" spans="1:7" x14ac:dyDescent="0.3">
      <c r="A130089" s="13" t="s">
        <v>593</v>
      </c>
      <c r="B130089" s="14" t="s">
        <v>1</v>
      </c>
      <c r="C130089" s="14" t="s">
        <v>252</v>
      </c>
      <c r="D130089" s="14" t="s">
        <v>31</v>
      </c>
      <c r="E130089" s="15">
        <v>45525</v>
      </c>
      <c r="F130089" s="14" t="s">
        <v>15</v>
      </c>
      <c r="G130089" s="16">
        <v>0</v>
      </c>
    </row>
    <row r="130090" spans="1:7" x14ac:dyDescent="0.3">
      <c r="A130090" s="13" t="s">
        <v>593</v>
      </c>
      <c r="B130090" s="14" t="s">
        <v>1</v>
      </c>
      <c r="C130090" s="14" t="s">
        <v>252</v>
      </c>
      <c r="D130090" s="14" t="s">
        <v>31</v>
      </c>
      <c r="E130090" s="15">
        <v>45526</v>
      </c>
      <c r="F130090" s="14" t="s">
        <v>15</v>
      </c>
      <c r="G130090" s="16">
        <v>0</v>
      </c>
    </row>
    <row r="130091" spans="1:7" x14ac:dyDescent="0.3">
      <c r="A130091" s="13" t="s">
        <v>593</v>
      </c>
      <c r="B130091" s="14" t="s">
        <v>1</v>
      </c>
      <c r="C130091" s="14" t="s">
        <v>252</v>
      </c>
      <c r="D130091" s="14" t="s">
        <v>31</v>
      </c>
      <c r="E130091" s="15">
        <v>45527</v>
      </c>
      <c r="F130091" s="14" t="s">
        <v>15</v>
      </c>
      <c r="G130091" s="16">
        <v>0</v>
      </c>
    </row>
    <row r="130092" spans="1:7" x14ac:dyDescent="0.3">
      <c r="A130092" s="13" t="s">
        <v>593</v>
      </c>
      <c r="B130092" s="14" t="s">
        <v>1</v>
      </c>
      <c r="C130092" s="14" t="s">
        <v>252</v>
      </c>
      <c r="D130092" s="14" t="s">
        <v>31</v>
      </c>
      <c r="E130092" s="15">
        <v>45528</v>
      </c>
      <c r="F130092" s="14" t="s">
        <v>15</v>
      </c>
      <c r="G130092" s="16">
        <v>0</v>
      </c>
    </row>
    <row r="130093" spans="1:7" x14ac:dyDescent="0.3">
      <c r="A130093" s="13" t="s">
        <v>593</v>
      </c>
      <c r="B130093" s="14" t="s">
        <v>1</v>
      </c>
      <c r="C130093" s="14" t="s">
        <v>252</v>
      </c>
      <c r="D130093" s="14" t="s">
        <v>31</v>
      </c>
      <c r="E130093" s="15">
        <v>45529</v>
      </c>
      <c r="F130093" s="14" t="s">
        <v>15</v>
      </c>
      <c r="G130093" s="16">
        <v>0</v>
      </c>
    </row>
    <row r="130094" spans="1:7" x14ac:dyDescent="0.3">
      <c r="A130094" s="13" t="s">
        <v>593</v>
      </c>
      <c r="B130094" s="14" t="s">
        <v>1</v>
      </c>
      <c r="C130094" s="14" t="s">
        <v>252</v>
      </c>
      <c r="D130094" s="14" t="s">
        <v>31</v>
      </c>
      <c r="E130094" s="15">
        <v>45530</v>
      </c>
      <c r="F130094" s="14" t="s">
        <v>15</v>
      </c>
      <c r="G130094" s="16">
        <v>0</v>
      </c>
    </row>
    <row r="130095" spans="1:7" x14ac:dyDescent="0.3">
      <c r="A130095" s="13" t="s">
        <v>593</v>
      </c>
      <c r="B130095" s="14" t="s">
        <v>1</v>
      </c>
      <c r="C130095" s="14" t="s">
        <v>252</v>
      </c>
      <c r="D130095" s="14" t="s">
        <v>31</v>
      </c>
      <c r="E130095" s="15">
        <v>45531</v>
      </c>
      <c r="F130095" s="14" t="s">
        <v>15</v>
      </c>
      <c r="G130095" s="16">
        <v>0</v>
      </c>
    </row>
    <row r="130096" spans="1:7" x14ac:dyDescent="0.3">
      <c r="A130096" s="13" t="s">
        <v>593</v>
      </c>
      <c r="B130096" s="14" t="s">
        <v>1</v>
      </c>
      <c r="C130096" s="14" t="s">
        <v>252</v>
      </c>
      <c r="D130096" s="14" t="s">
        <v>31</v>
      </c>
      <c r="E130096" s="15">
        <v>45532</v>
      </c>
      <c r="F130096" s="14" t="s">
        <v>15</v>
      </c>
      <c r="G130096" s="16">
        <v>0</v>
      </c>
    </row>
    <row r="130097" spans="1:7" x14ac:dyDescent="0.3">
      <c r="A130097" s="13" t="s">
        <v>593</v>
      </c>
      <c r="B130097" s="14" t="s">
        <v>1</v>
      </c>
      <c r="C130097" s="14" t="s">
        <v>252</v>
      </c>
      <c r="D130097" s="14" t="s">
        <v>31</v>
      </c>
      <c r="E130097" s="15">
        <v>45533</v>
      </c>
      <c r="F130097" s="14" t="s">
        <v>15</v>
      </c>
      <c r="G130097" s="16">
        <v>0</v>
      </c>
    </row>
    <row r="130098" spans="1:7" x14ac:dyDescent="0.3">
      <c r="A130098" s="13" t="s">
        <v>593</v>
      </c>
      <c r="B130098" s="14" t="s">
        <v>1</v>
      </c>
      <c r="C130098" s="14" t="s">
        <v>252</v>
      </c>
      <c r="D130098" s="14" t="s">
        <v>31</v>
      </c>
      <c r="E130098" s="15">
        <v>45534</v>
      </c>
      <c r="F130098" s="14" t="s">
        <v>15</v>
      </c>
      <c r="G130098" s="16">
        <v>0</v>
      </c>
    </row>
    <row r="130099" spans="1:7" x14ac:dyDescent="0.3">
      <c r="A130099" s="13" t="s">
        <v>593</v>
      </c>
      <c r="B130099" s="14" t="s">
        <v>1</v>
      </c>
      <c r="C130099" s="14" t="s">
        <v>252</v>
      </c>
      <c r="D130099" s="14" t="s">
        <v>31</v>
      </c>
      <c r="E130099" s="15">
        <v>45535</v>
      </c>
      <c r="F130099" s="14" t="s">
        <v>15</v>
      </c>
      <c r="G130099" s="16">
        <v>0</v>
      </c>
    </row>
    <row r="130100" spans="1:7" x14ac:dyDescent="0.3">
      <c r="A130100" s="13" t="s">
        <v>593</v>
      </c>
      <c r="B130100" s="14" t="s">
        <v>1</v>
      </c>
      <c r="C130100" s="14" t="s">
        <v>252</v>
      </c>
      <c r="D130100" s="14" t="s">
        <v>31</v>
      </c>
      <c r="E130100" s="15">
        <v>45536</v>
      </c>
      <c r="F130100" s="14" t="s">
        <v>15</v>
      </c>
      <c r="G130100" s="16">
        <v>0</v>
      </c>
    </row>
    <row r="130101" spans="1:7" x14ac:dyDescent="0.3">
      <c r="A130101" s="13" t="s">
        <v>593</v>
      </c>
      <c r="B130101" s="14" t="s">
        <v>1</v>
      </c>
      <c r="C130101" s="14" t="s">
        <v>252</v>
      </c>
      <c r="D130101" s="14" t="s">
        <v>31</v>
      </c>
      <c r="E130101" s="15">
        <v>45537</v>
      </c>
      <c r="F130101" s="14" t="s">
        <v>15</v>
      </c>
      <c r="G130101" s="16">
        <v>0</v>
      </c>
    </row>
    <row r="130102" spans="1:7" x14ac:dyDescent="0.3">
      <c r="A130102" s="13" t="s">
        <v>593</v>
      </c>
      <c r="B130102" s="14" t="s">
        <v>1</v>
      </c>
      <c r="C130102" s="14" t="s">
        <v>252</v>
      </c>
      <c r="D130102" s="14" t="s">
        <v>31</v>
      </c>
      <c r="E130102" s="15">
        <v>45538</v>
      </c>
      <c r="F130102" s="14" t="s">
        <v>15</v>
      </c>
      <c r="G130102" s="16">
        <v>0</v>
      </c>
    </row>
    <row r="130103" spans="1:7" x14ac:dyDescent="0.3">
      <c r="A130103" s="13" t="s">
        <v>593</v>
      </c>
      <c r="B130103" s="14" t="s">
        <v>1</v>
      </c>
      <c r="C130103" s="14" t="s">
        <v>252</v>
      </c>
      <c r="D130103" s="14" t="s">
        <v>31</v>
      </c>
      <c r="E130103" s="15">
        <v>45539</v>
      </c>
      <c r="F130103" s="14" t="s">
        <v>15</v>
      </c>
      <c r="G130103" s="16">
        <v>0</v>
      </c>
    </row>
    <row r="130104" spans="1:7" x14ac:dyDescent="0.3">
      <c r="A130104" s="13" t="s">
        <v>593</v>
      </c>
      <c r="B130104" s="14" t="s">
        <v>1</v>
      </c>
      <c r="C130104" s="14" t="s">
        <v>252</v>
      </c>
      <c r="D130104" s="14" t="s">
        <v>31</v>
      </c>
      <c r="E130104" s="15">
        <v>45540</v>
      </c>
      <c r="F130104" s="14" t="s">
        <v>15</v>
      </c>
      <c r="G130104" s="16">
        <v>0</v>
      </c>
    </row>
    <row r="130105" spans="1:7" x14ac:dyDescent="0.3">
      <c r="A130105" s="13" t="s">
        <v>593</v>
      </c>
      <c r="B130105" s="14" t="s">
        <v>1</v>
      </c>
      <c r="C130105" s="14" t="s">
        <v>252</v>
      </c>
      <c r="D130105" s="14" t="s">
        <v>31</v>
      </c>
      <c r="E130105" s="15">
        <v>45541</v>
      </c>
      <c r="F130105" s="14" t="s">
        <v>15</v>
      </c>
      <c r="G130105" s="16">
        <v>0</v>
      </c>
    </row>
    <row r="130106" spans="1:7" x14ac:dyDescent="0.3">
      <c r="A130106" s="13" t="s">
        <v>593</v>
      </c>
      <c r="B130106" s="14" t="s">
        <v>1</v>
      </c>
      <c r="C130106" s="14" t="s">
        <v>252</v>
      </c>
      <c r="D130106" s="14" t="s">
        <v>31</v>
      </c>
      <c r="E130106" s="15">
        <v>45542</v>
      </c>
      <c r="F130106" s="14" t="s">
        <v>15</v>
      </c>
      <c r="G130106" s="16">
        <v>0</v>
      </c>
    </row>
    <row r="130107" spans="1:7" x14ac:dyDescent="0.3">
      <c r="A130107" s="13" t="s">
        <v>593</v>
      </c>
      <c r="B130107" s="14" t="s">
        <v>1</v>
      </c>
      <c r="C130107" s="14" t="s">
        <v>252</v>
      </c>
      <c r="D130107" s="14" t="s">
        <v>31</v>
      </c>
      <c r="E130107" s="15">
        <v>45543</v>
      </c>
      <c r="F130107" s="14" t="s">
        <v>15</v>
      </c>
      <c r="G130107" s="16">
        <v>0</v>
      </c>
    </row>
    <row r="130108" spans="1:7" x14ac:dyDescent="0.3">
      <c r="A130108" s="13" t="s">
        <v>593</v>
      </c>
      <c r="B130108" s="14" t="s">
        <v>1</v>
      </c>
      <c r="C130108" s="14" t="s">
        <v>252</v>
      </c>
      <c r="D130108" s="14" t="s">
        <v>31</v>
      </c>
      <c r="E130108" s="15">
        <v>45544</v>
      </c>
      <c r="F130108" s="14" t="s">
        <v>15</v>
      </c>
      <c r="G130108" s="16">
        <v>0</v>
      </c>
    </row>
    <row r="130109" spans="1:7" x14ac:dyDescent="0.3">
      <c r="A130109" s="13" t="s">
        <v>593</v>
      </c>
      <c r="B130109" s="14" t="s">
        <v>1</v>
      </c>
      <c r="C130109" s="14" t="s">
        <v>252</v>
      </c>
      <c r="D130109" s="14" t="s">
        <v>31</v>
      </c>
      <c r="E130109" s="15">
        <v>45545</v>
      </c>
      <c r="F130109" s="14" t="s">
        <v>15</v>
      </c>
      <c r="G130109" s="16">
        <v>0</v>
      </c>
    </row>
    <row r="130110" spans="1:7" x14ac:dyDescent="0.3">
      <c r="A130110" s="13" t="s">
        <v>593</v>
      </c>
      <c r="B130110" s="14" t="s">
        <v>1</v>
      </c>
      <c r="C130110" s="14" t="s">
        <v>252</v>
      </c>
      <c r="D130110" s="14" t="s">
        <v>31</v>
      </c>
      <c r="E130110" s="15">
        <v>45546</v>
      </c>
      <c r="F130110" s="14" t="s">
        <v>15</v>
      </c>
      <c r="G130110" s="16">
        <v>0</v>
      </c>
    </row>
    <row r="130111" spans="1:7" x14ac:dyDescent="0.3">
      <c r="A130111" s="13" t="s">
        <v>593</v>
      </c>
      <c r="B130111" s="14" t="s">
        <v>1</v>
      </c>
      <c r="C130111" s="14" t="s">
        <v>252</v>
      </c>
      <c r="D130111" s="14" t="s">
        <v>31</v>
      </c>
      <c r="E130111" s="15">
        <v>45547</v>
      </c>
      <c r="F130111" s="14" t="s">
        <v>15</v>
      </c>
      <c r="G130111" s="16">
        <v>0</v>
      </c>
    </row>
    <row r="130112" spans="1:7" x14ac:dyDescent="0.3">
      <c r="A130112" s="13" t="s">
        <v>593</v>
      </c>
      <c r="B130112" s="14" t="s">
        <v>1</v>
      </c>
      <c r="C130112" s="14" t="s">
        <v>252</v>
      </c>
      <c r="D130112" s="14" t="s">
        <v>31</v>
      </c>
      <c r="E130112" s="15">
        <v>45548</v>
      </c>
      <c r="F130112" s="14" t="s">
        <v>15</v>
      </c>
      <c r="G130112" s="16">
        <v>0</v>
      </c>
    </row>
    <row r="130113" spans="1:7" x14ac:dyDescent="0.3">
      <c r="A130113" s="13" t="s">
        <v>593</v>
      </c>
      <c r="B130113" s="14" t="s">
        <v>1</v>
      </c>
      <c r="C130113" s="14" t="s">
        <v>252</v>
      </c>
      <c r="D130113" s="14" t="s">
        <v>31</v>
      </c>
      <c r="E130113" s="15">
        <v>45549</v>
      </c>
      <c r="F130113" s="14" t="s">
        <v>15</v>
      </c>
      <c r="G130113" s="16">
        <v>0</v>
      </c>
    </row>
    <row r="130114" spans="1:7" x14ac:dyDescent="0.3">
      <c r="A130114" s="13" t="s">
        <v>593</v>
      </c>
      <c r="B130114" s="14" t="s">
        <v>1</v>
      </c>
      <c r="C130114" s="14" t="s">
        <v>252</v>
      </c>
      <c r="D130114" s="14" t="s">
        <v>31</v>
      </c>
      <c r="E130114" s="15">
        <v>45550</v>
      </c>
      <c r="F130114" s="14" t="s">
        <v>15</v>
      </c>
      <c r="G130114" s="16">
        <v>0</v>
      </c>
    </row>
    <row r="130115" spans="1:7" x14ac:dyDescent="0.3">
      <c r="A130115" s="13" t="s">
        <v>593</v>
      </c>
      <c r="B130115" s="14" t="s">
        <v>1</v>
      </c>
      <c r="C130115" s="14" t="s">
        <v>252</v>
      </c>
      <c r="D130115" s="14" t="s">
        <v>31</v>
      </c>
      <c r="E130115" s="15">
        <v>45551</v>
      </c>
      <c r="F130115" s="14" t="s">
        <v>15</v>
      </c>
      <c r="G130115" s="16">
        <v>0</v>
      </c>
    </row>
    <row r="130116" spans="1:7" x14ac:dyDescent="0.3">
      <c r="A130116" s="13" t="s">
        <v>593</v>
      </c>
      <c r="B130116" s="14" t="s">
        <v>1</v>
      </c>
      <c r="C130116" s="14" t="s">
        <v>252</v>
      </c>
      <c r="D130116" s="14" t="s">
        <v>31</v>
      </c>
      <c r="E130116" s="15">
        <v>45552</v>
      </c>
      <c r="F130116" s="14" t="s">
        <v>15</v>
      </c>
      <c r="G130116" s="16">
        <v>0</v>
      </c>
    </row>
    <row r="130117" spans="1:7" x14ac:dyDescent="0.3">
      <c r="A130117" s="13" t="s">
        <v>593</v>
      </c>
      <c r="B130117" s="14" t="s">
        <v>1</v>
      </c>
      <c r="C130117" s="14" t="s">
        <v>252</v>
      </c>
      <c r="D130117" s="14" t="s">
        <v>31</v>
      </c>
      <c r="E130117" s="15">
        <v>45553</v>
      </c>
      <c r="F130117" s="14" t="s">
        <v>15</v>
      </c>
      <c r="G130117" s="16">
        <v>0</v>
      </c>
    </row>
    <row r="130118" spans="1:7" x14ac:dyDescent="0.3">
      <c r="A130118" s="13" t="s">
        <v>593</v>
      </c>
      <c r="B130118" s="14" t="s">
        <v>1</v>
      </c>
      <c r="C130118" s="14" t="s">
        <v>252</v>
      </c>
      <c r="D130118" s="14" t="s">
        <v>31</v>
      </c>
      <c r="E130118" s="15">
        <v>45554</v>
      </c>
      <c r="F130118" s="14" t="s">
        <v>15</v>
      </c>
      <c r="G130118" s="16">
        <v>0</v>
      </c>
    </row>
    <row r="130119" spans="1:7" x14ac:dyDescent="0.3">
      <c r="A130119" s="13" t="s">
        <v>593</v>
      </c>
      <c r="B130119" s="14" t="s">
        <v>1</v>
      </c>
      <c r="C130119" s="14" t="s">
        <v>252</v>
      </c>
      <c r="D130119" s="14" t="s">
        <v>31</v>
      </c>
      <c r="E130119" s="15">
        <v>45555</v>
      </c>
      <c r="F130119" s="14" t="s">
        <v>15</v>
      </c>
      <c r="G130119" s="16">
        <v>0</v>
      </c>
    </row>
    <row r="130120" spans="1:7" x14ac:dyDescent="0.3">
      <c r="A130120" s="13" t="s">
        <v>593</v>
      </c>
      <c r="B130120" s="14" t="s">
        <v>1</v>
      </c>
      <c r="C130120" s="14" t="s">
        <v>252</v>
      </c>
      <c r="D130120" s="14" t="s">
        <v>31</v>
      </c>
      <c r="E130120" s="15">
        <v>45556</v>
      </c>
      <c r="F130120" s="14" t="s">
        <v>15</v>
      </c>
      <c r="G130120" s="16">
        <v>0</v>
      </c>
    </row>
    <row r="130121" spans="1:7" x14ac:dyDescent="0.3">
      <c r="A130121" s="13" t="s">
        <v>593</v>
      </c>
      <c r="B130121" s="14" t="s">
        <v>1</v>
      </c>
      <c r="C130121" s="14" t="s">
        <v>252</v>
      </c>
      <c r="D130121" s="14" t="s">
        <v>31</v>
      </c>
      <c r="E130121" s="15">
        <v>45557</v>
      </c>
      <c r="F130121" s="14" t="s">
        <v>15</v>
      </c>
      <c r="G130121" s="16">
        <v>0</v>
      </c>
    </row>
    <row r="130122" spans="1:7" x14ac:dyDescent="0.3">
      <c r="A130122" s="13" t="s">
        <v>593</v>
      </c>
      <c r="B130122" s="14" t="s">
        <v>1</v>
      </c>
      <c r="C130122" s="14" t="s">
        <v>252</v>
      </c>
      <c r="D130122" s="14" t="s">
        <v>31</v>
      </c>
      <c r="E130122" s="15">
        <v>45558</v>
      </c>
      <c r="F130122" s="14" t="s">
        <v>15</v>
      </c>
      <c r="G130122" s="16">
        <v>0</v>
      </c>
    </row>
    <row r="130123" spans="1:7" x14ac:dyDescent="0.3">
      <c r="A130123" s="13" t="s">
        <v>593</v>
      </c>
      <c r="B130123" s="14" t="s">
        <v>1</v>
      </c>
      <c r="C130123" s="14" t="s">
        <v>252</v>
      </c>
      <c r="D130123" s="14" t="s">
        <v>31</v>
      </c>
      <c r="E130123" s="15">
        <v>45559</v>
      </c>
      <c r="F130123" s="14" t="s">
        <v>15</v>
      </c>
      <c r="G130123" s="16">
        <v>0</v>
      </c>
    </row>
    <row r="130124" spans="1:7" x14ac:dyDescent="0.3">
      <c r="A130124" s="13" t="s">
        <v>593</v>
      </c>
      <c r="B130124" s="14" t="s">
        <v>1</v>
      </c>
      <c r="C130124" s="14" t="s">
        <v>252</v>
      </c>
      <c r="D130124" s="14" t="s">
        <v>31</v>
      </c>
      <c r="E130124" s="15">
        <v>45560</v>
      </c>
      <c r="F130124" s="14" t="s">
        <v>15</v>
      </c>
      <c r="G130124" s="16">
        <v>0</v>
      </c>
    </row>
    <row r="130125" spans="1:7" x14ac:dyDescent="0.3">
      <c r="A130125" s="13" t="s">
        <v>593</v>
      </c>
      <c r="B130125" s="14" t="s">
        <v>1</v>
      </c>
      <c r="C130125" s="14" t="s">
        <v>252</v>
      </c>
      <c r="D130125" s="14" t="s">
        <v>31</v>
      </c>
      <c r="E130125" s="15">
        <v>45561</v>
      </c>
      <c r="F130125" s="14" t="s">
        <v>15</v>
      </c>
      <c r="G130125" s="16">
        <v>0</v>
      </c>
    </row>
    <row r="130126" spans="1:7" x14ac:dyDescent="0.3">
      <c r="A130126" s="13" t="s">
        <v>593</v>
      </c>
      <c r="B130126" s="14" t="s">
        <v>1</v>
      </c>
      <c r="C130126" s="14" t="s">
        <v>252</v>
      </c>
      <c r="D130126" s="14" t="s">
        <v>31</v>
      </c>
      <c r="E130126" s="15">
        <v>45562</v>
      </c>
      <c r="F130126" s="14" t="s">
        <v>15</v>
      </c>
      <c r="G130126" s="16">
        <v>0</v>
      </c>
    </row>
    <row r="130127" spans="1:7" x14ac:dyDescent="0.3">
      <c r="A130127" s="13" t="s">
        <v>593</v>
      </c>
      <c r="B130127" s="14" t="s">
        <v>1</v>
      </c>
      <c r="C130127" s="14" t="s">
        <v>252</v>
      </c>
      <c r="D130127" s="14" t="s">
        <v>31</v>
      </c>
      <c r="E130127" s="15">
        <v>45563</v>
      </c>
      <c r="F130127" s="14" t="s">
        <v>15</v>
      </c>
      <c r="G130127" s="16">
        <v>0</v>
      </c>
    </row>
    <row r="130128" spans="1:7" x14ac:dyDescent="0.3">
      <c r="A130128" s="13" t="s">
        <v>593</v>
      </c>
      <c r="B130128" s="14" t="s">
        <v>1</v>
      </c>
      <c r="C130128" s="14" t="s">
        <v>252</v>
      </c>
      <c r="D130128" s="14" t="s">
        <v>31</v>
      </c>
      <c r="E130128" s="15">
        <v>45564</v>
      </c>
      <c r="F130128" s="14" t="s">
        <v>15</v>
      </c>
      <c r="G130128" s="16">
        <v>0</v>
      </c>
    </row>
    <row r="130129" spans="1:7" x14ac:dyDescent="0.3">
      <c r="A130129" s="13" t="s">
        <v>593</v>
      </c>
      <c r="B130129" s="14" t="s">
        <v>1</v>
      </c>
      <c r="C130129" s="14" t="s">
        <v>252</v>
      </c>
      <c r="D130129" s="14" t="s">
        <v>31</v>
      </c>
      <c r="E130129" s="15">
        <v>45565</v>
      </c>
      <c r="F130129" s="14" t="s">
        <v>15</v>
      </c>
      <c r="G130129" s="16">
        <v>0</v>
      </c>
    </row>
    <row r="130130" spans="1:7" x14ac:dyDescent="0.3">
      <c r="A130130" s="13" t="s">
        <v>593</v>
      </c>
      <c r="B130130" s="14" t="s">
        <v>1</v>
      </c>
      <c r="C130130" s="14" t="s">
        <v>252</v>
      </c>
      <c r="D130130" s="14" t="s">
        <v>31</v>
      </c>
      <c r="E130130" s="15">
        <v>45566</v>
      </c>
      <c r="F130130" s="14" t="s">
        <v>15</v>
      </c>
      <c r="G130130" s="16">
        <v>0</v>
      </c>
    </row>
    <row r="130131" spans="1:7" x14ac:dyDescent="0.3">
      <c r="A130131" s="13" t="s">
        <v>593</v>
      </c>
      <c r="B130131" s="14" t="s">
        <v>1</v>
      </c>
      <c r="C130131" s="14" t="s">
        <v>252</v>
      </c>
      <c r="D130131" s="14" t="s">
        <v>31</v>
      </c>
      <c r="E130131" s="15">
        <v>45567</v>
      </c>
      <c r="F130131" s="14" t="s">
        <v>15</v>
      </c>
      <c r="G130131" s="16">
        <v>0</v>
      </c>
    </row>
    <row r="130132" spans="1:7" x14ac:dyDescent="0.3">
      <c r="A130132" s="13" t="s">
        <v>593</v>
      </c>
      <c r="B130132" s="14" t="s">
        <v>1</v>
      </c>
      <c r="C130132" s="14" t="s">
        <v>252</v>
      </c>
      <c r="D130132" s="14" t="s">
        <v>31</v>
      </c>
      <c r="E130132" s="15">
        <v>45568</v>
      </c>
      <c r="F130132" s="14" t="s">
        <v>15</v>
      </c>
      <c r="G130132" s="16">
        <v>0</v>
      </c>
    </row>
    <row r="130133" spans="1:7" x14ac:dyDescent="0.3">
      <c r="A130133" s="13" t="s">
        <v>593</v>
      </c>
      <c r="B130133" s="14" t="s">
        <v>1</v>
      </c>
      <c r="C130133" s="14" t="s">
        <v>252</v>
      </c>
      <c r="D130133" s="14" t="s">
        <v>31</v>
      </c>
      <c r="E130133" s="15">
        <v>45569</v>
      </c>
      <c r="F130133" s="14" t="s">
        <v>15</v>
      </c>
      <c r="G130133" s="16">
        <v>0</v>
      </c>
    </row>
    <row r="130134" spans="1:7" x14ac:dyDescent="0.3">
      <c r="A130134" s="13" t="s">
        <v>593</v>
      </c>
      <c r="B130134" s="14" t="s">
        <v>1</v>
      </c>
      <c r="C130134" s="14" t="s">
        <v>252</v>
      </c>
      <c r="D130134" s="14" t="s">
        <v>31</v>
      </c>
      <c r="E130134" s="15">
        <v>45570</v>
      </c>
      <c r="F130134" s="14" t="s">
        <v>15</v>
      </c>
      <c r="G130134" s="16">
        <v>0</v>
      </c>
    </row>
    <row r="130135" spans="1:7" x14ac:dyDescent="0.3">
      <c r="A130135" s="13" t="s">
        <v>593</v>
      </c>
      <c r="B130135" s="14" t="s">
        <v>1</v>
      </c>
      <c r="C130135" s="14" t="s">
        <v>252</v>
      </c>
      <c r="D130135" s="14" t="s">
        <v>31</v>
      </c>
      <c r="E130135" s="15">
        <v>45571</v>
      </c>
      <c r="F130135" s="14" t="s">
        <v>15</v>
      </c>
      <c r="G130135" s="16">
        <v>0</v>
      </c>
    </row>
    <row r="130136" spans="1:7" x14ac:dyDescent="0.3">
      <c r="A130136" s="13" t="s">
        <v>593</v>
      </c>
      <c r="B130136" s="14" t="s">
        <v>1</v>
      </c>
      <c r="C130136" s="14" t="s">
        <v>252</v>
      </c>
      <c r="D130136" s="14" t="s">
        <v>31</v>
      </c>
      <c r="E130136" s="15">
        <v>45572</v>
      </c>
      <c r="F130136" s="14" t="s">
        <v>15</v>
      </c>
      <c r="G130136" s="16">
        <v>0</v>
      </c>
    </row>
    <row r="130137" spans="1:7" x14ac:dyDescent="0.3">
      <c r="A130137" s="13" t="s">
        <v>593</v>
      </c>
      <c r="B130137" s="14" t="s">
        <v>1</v>
      </c>
      <c r="C130137" s="14" t="s">
        <v>252</v>
      </c>
      <c r="D130137" s="14" t="s">
        <v>31</v>
      </c>
      <c r="E130137" s="15">
        <v>45573</v>
      </c>
      <c r="F130137" s="14" t="s">
        <v>15</v>
      </c>
      <c r="G130137" s="16">
        <v>0</v>
      </c>
    </row>
    <row r="130138" spans="1:7" x14ac:dyDescent="0.3">
      <c r="A130138" s="13" t="s">
        <v>593</v>
      </c>
      <c r="B130138" s="14" t="s">
        <v>1</v>
      </c>
      <c r="C130138" s="14" t="s">
        <v>252</v>
      </c>
      <c r="D130138" s="14" t="s">
        <v>31</v>
      </c>
      <c r="E130138" s="15">
        <v>45574</v>
      </c>
      <c r="F130138" s="14" t="s">
        <v>15</v>
      </c>
      <c r="G130138" s="16">
        <v>0</v>
      </c>
    </row>
    <row r="130139" spans="1:7" x14ac:dyDescent="0.3">
      <c r="A130139" s="13" t="s">
        <v>593</v>
      </c>
      <c r="B130139" s="14" t="s">
        <v>1</v>
      </c>
      <c r="C130139" s="14" t="s">
        <v>252</v>
      </c>
      <c r="D130139" s="14" t="s">
        <v>31</v>
      </c>
      <c r="E130139" s="15">
        <v>45575</v>
      </c>
      <c r="F130139" s="14" t="s">
        <v>15</v>
      </c>
      <c r="G130139" s="16">
        <v>0</v>
      </c>
    </row>
    <row r="130140" spans="1:7" x14ac:dyDescent="0.3">
      <c r="A130140" s="13" t="s">
        <v>593</v>
      </c>
      <c r="B130140" s="14" t="s">
        <v>1</v>
      </c>
      <c r="C130140" s="14" t="s">
        <v>252</v>
      </c>
      <c r="D130140" s="14" t="s">
        <v>31</v>
      </c>
      <c r="E130140" s="15">
        <v>45576</v>
      </c>
      <c r="F130140" s="14" t="s">
        <v>15</v>
      </c>
      <c r="G130140" s="16">
        <v>0</v>
      </c>
    </row>
    <row r="130141" spans="1:7" x14ac:dyDescent="0.3">
      <c r="A130141" s="13" t="s">
        <v>593</v>
      </c>
      <c r="B130141" s="14" t="s">
        <v>1</v>
      </c>
      <c r="C130141" s="14" t="s">
        <v>252</v>
      </c>
      <c r="D130141" s="14" t="s">
        <v>31</v>
      </c>
      <c r="E130141" s="15">
        <v>45577</v>
      </c>
      <c r="F130141" s="14" t="s">
        <v>15</v>
      </c>
      <c r="G130141" s="16">
        <v>0</v>
      </c>
    </row>
    <row r="130142" spans="1:7" x14ac:dyDescent="0.3">
      <c r="A130142" s="13" t="s">
        <v>593</v>
      </c>
      <c r="B130142" s="14" t="s">
        <v>1</v>
      </c>
      <c r="C130142" s="14" t="s">
        <v>252</v>
      </c>
      <c r="D130142" s="14" t="s">
        <v>31</v>
      </c>
      <c r="E130142" s="15">
        <v>45578</v>
      </c>
      <c r="F130142" s="14" t="s">
        <v>15</v>
      </c>
      <c r="G130142" s="16">
        <v>0</v>
      </c>
    </row>
    <row r="130143" spans="1:7" x14ac:dyDescent="0.3">
      <c r="A130143" s="13" t="s">
        <v>593</v>
      </c>
      <c r="B130143" s="14" t="s">
        <v>1</v>
      </c>
      <c r="C130143" s="14" t="s">
        <v>252</v>
      </c>
      <c r="D130143" s="14" t="s">
        <v>31</v>
      </c>
      <c r="E130143" s="15">
        <v>45579</v>
      </c>
      <c r="F130143" s="14" t="s">
        <v>15</v>
      </c>
      <c r="G130143" s="16">
        <v>0</v>
      </c>
    </row>
    <row r="130144" spans="1:7" x14ac:dyDescent="0.3">
      <c r="A130144" s="13" t="s">
        <v>593</v>
      </c>
      <c r="B130144" s="14" t="s">
        <v>1</v>
      </c>
      <c r="C130144" s="14" t="s">
        <v>252</v>
      </c>
      <c r="D130144" s="14" t="s">
        <v>31</v>
      </c>
      <c r="E130144" s="15">
        <v>45580</v>
      </c>
      <c r="F130144" s="14" t="s">
        <v>15</v>
      </c>
      <c r="G130144" s="16">
        <v>0</v>
      </c>
    </row>
    <row r="130145" spans="1:7" x14ac:dyDescent="0.3">
      <c r="A130145" s="13" t="s">
        <v>593</v>
      </c>
      <c r="B130145" s="14" t="s">
        <v>1</v>
      </c>
      <c r="C130145" s="14" t="s">
        <v>252</v>
      </c>
      <c r="D130145" s="14" t="s">
        <v>31</v>
      </c>
      <c r="E130145" s="15">
        <v>45581</v>
      </c>
      <c r="F130145" s="14" t="s">
        <v>15</v>
      </c>
      <c r="G130145" s="16">
        <v>0</v>
      </c>
    </row>
    <row r="130146" spans="1:7" x14ac:dyDescent="0.3">
      <c r="A130146" s="13" t="s">
        <v>593</v>
      </c>
      <c r="B130146" s="14" t="s">
        <v>1</v>
      </c>
      <c r="C130146" s="14" t="s">
        <v>252</v>
      </c>
      <c r="D130146" s="14" t="s">
        <v>31</v>
      </c>
      <c r="E130146" s="15">
        <v>45582</v>
      </c>
      <c r="F130146" s="14" t="s">
        <v>15</v>
      </c>
      <c r="G130146" s="16">
        <v>0</v>
      </c>
    </row>
    <row r="130147" spans="1:7" x14ac:dyDescent="0.3">
      <c r="A130147" s="13" t="s">
        <v>593</v>
      </c>
      <c r="B130147" s="14" t="s">
        <v>1</v>
      </c>
      <c r="C130147" s="14" t="s">
        <v>252</v>
      </c>
      <c r="D130147" s="14" t="s">
        <v>31</v>
      </c>
      <c r="E130147" s="15">
        <v>45583</v>
      </c>
      <c r="F130147" s="14" t="s">
        <v>15</v>
      </c>
      <c r="G130147" s="16">
        <v>0</v>
      </c>
    </row>
    <row r="130148" spans="1:7" x14ac:dyDescent="0.3">
      <c r="A130148" s="13" t="s">
        <v>593</v>
      </c>
      <c r="B130148" s="14" t="s">
        <v>1</v>
      </c>
      <c r="C130148" s="14" t="s">
        <v>252</v>
      </c>
      <c r="D130148" s="14" t="s">
        <v>31</v>
      </c>
      <c r="E130148" s="15">
        <v>45584</v>
      </c>
      <c r="F130148" s="14" t="s">
        <v>15</v>
      </c>
      <c r="G130148" s="16">
        <v>0</v>
      </c>
    </row>
    <row r="130149" spans="1:7" x14ac:dyDescent="0.3">
      <c r="A130149" s="13" t="s">
        <v>593</v>
      </c>
      <c r="B130149" s="14" t="s">
        <v>1</v>
      </c>
      <c r="C130149" s="14" t="s">
        <v>252</v>
      </c>
      <c r="D130149" s="14" t="s">
        <v>31</v>
      </c>
      <c r="E130149" s="15">
        <v>45585</v>
      </c>
      <c r="F130149" s="14" t="s">
        <v>15</v>
      </c>
      <c r="G130149" s="16">
        <v>0</v>
      </c>
    </row>
    <row r="130150" spans="1:7" x14ac:dyDescent="0.3">
      <c r="A130150" s="13" t="s">
        <v>593</v>
      </c>
      <c r="B130150" s="14" t="s">
        <v>1</v>
      </c>
      <c r="C130150" s="14" t="s">
        <v>252</v>
      </c>
      <c r="D130150" s="14" t="s">
        <v>31</v>
      </c>
      <c r="E130150" s="15">
        <v>45586</v>
      </c>
      <c r="F130150" s="14" t="s">
        <v>15</v>
      </c>
      <c r="G130150" s="16">
        <v>0</v>
      </c>
    </row>
    <row r="130151" spans="1:7" x14ac:dyDescent="0.3">
      <c r="A130151" s="13" t="s">
        <v>593</v>
      </c>
      <c r="B130151" s="14" t="s">
        <v>1</v>
      </c>
      <c r="C130151" s="14" t="s">
        <v>252</v>
      </c>
      <c r="D130151" s="14" t="s">
        <v>31</v>
      </c>
      <c r="E130151" s="15">
        <v>45587</v>
      </c>
      <c r="F130151" s="14" t="s">
        <v>15</v>
      </c>
      <c r="G130151" s="16">
        <v>0</v>
      </c>
    </row>
    <row r="130152" spans="1:7" x14ac:dyDescent="0.3">
      <c r="A130152" s="13" t="s">
        <v>593</v>
      </c>
      <c r="B130152" s="14" t="s">
        <v>1</v>
      </c>
      <c r="C130152" s="14" t="s">
        <v>252</v>
      </c>
      <c r="D130152" s="14" t="s">
        <v>31</v>
      </c>
      <c r="E130152" s="15">
        <v>45588</v>
      </c>
      <c r="F130152" s="14" t="s">
        <v>15</v>
      </c>
      <c r="G130152" s="16">
        <v>0</v>
      </c>
    </row>
    <row r="130153" spans="1:7" x14ac:dyDescent="0.3">
      <c r="A130153" s="13" t="s">
        <v>593</v>
      </c>
      <c r="B130153" s="14" t="s">
        <v>1</v>
      </c>
      <c r="C130153" s="14" t="s">
        <v>252</v>
      </c>
      <c r="D130153" s="14" t="s">
        <v>31</v>
      </c>
      <c r="E130153" s="15">
        <v>45589</v>
      </c>
      <c r="F130153" s="14" t="s">
        <v>15</v>
      </c>
      <c r="G130153" s="16">
        <v>0</v>
      </c>
    </row>
    <row r="130154" spans="1:7" x14ac:dyDescent="0.3">
      <c r="A130154" s="13" t="s">
        <v>593</v>
      </c>
      <c r="B130154" s="14" t="s">
        <v>1</v>
      </c>
      <c r="C130154" s="14" t="s">
        <v>252</v>
      </c>
      <c r="D130154" s="14" t="s">
        <v>31</v>
      </c>
      <c r="E130154" s="15">
        <v>45590</v>
      </c>
      <c r="F130154" s="14" t="s">
        <v>15</v>
      </c>
      <c r="G130154" s="16">
        <v>0</v>
      </c>
    </row>
    <row r="130155" spans="1:7" x14ac:dyDescent="0.3">
      <c r="A130155" s="13" t="s">
        <v>593</v>
      </c>
      <c r="B130155" s="14" t="s">
        <v>1</v>
      </c>
      <c r="C130155" s="14" t="s">
        <v>252</v>
      </c>
      <c r="D130155" s="14" t="s">
        <v>31</v>
      </c>
      <c r="E130155" s="15">
        <v>45591</v>
      </c>
      <c r="F130155" s="14" t="s">
        <v>15</v>
      </c>
      <c r="G130155" s="16">
        <v>0</v>
      </c>
    </row>
    <row r="130156" spans="1:7" x14ac:dyDescent="0.3">
      <c r="A130156" s="13" t="s">
        <v>593</v>
      </c>
      <c r="B130156" s="14" t="s">
        <v>1</v>
      </c>
      <c r="C130156" s="14" t="s">
        <v>252</v>
      </c>
      <c r="D130156" s="14" t="s">
        <v>31</v>
      </c>
      <c r="E130156" s="15">
        <v>45592</v>
      </c>
      <c r="F130156" s="14" t="s">
        <v>15</v>
      </c>
      <c r="G130156" s="16">
        <v>0</v>
      </c>
    </row>
    <row r="130157" spans="1:7" x14ac:dyDescent="0.3">
      <c r="A130157" s="13" t="s">
        <v>593</v>
      </c>
      <c r="B130157" s="14" t="s">
        <v>1</v>
      </c>
      <c r="C130157" s="14" t="s">
        <v>252</v>
      </c>
      <c r="D130157" s="14" t="s">
        <v>31</v>
      </c>
      <c r="E130157" s="15">
        <v>45593</v>
      </c>
      <c r="F130157" s="14" t="s">
        <v>15</v>
      </c>
      <c r="G130157" s="16">
        <v>0</v>
      </c>
    </row>
    <row r="130158" spans="1:7" x14ac:dyDescent="0.3">
      <c r="A130158" s="13" t="s">
        <v>593</v>
      </c>
      <c r="B130158" s="14" t="s">
        <v>1</v>
      </c>
      <c r="C130158" s="14" t="s">
        <v>252</v>
      </c>
      <c r="D130158" s="14" t="s">
        <v>31</v>
      </c>
      <c r="E130158" s="15">
        <v>45594</v>
      </c>
      <c r="F130158" s="14" t="s">
        <v>15</v>
      </c>
      <c r="G130158" s="16">
        <v>0</v>
      </c>
    </row>
    <row r="130159" spans="1:7" x14ac:dyDescent="0.3">
      <c r="A130159" s="13" t="s">
        <v>593</v>
      </c>
      <c r="B130159" s="14" t="s">
        <v>1</v>
      </c>
      <c r="C130159" s="14" t="s">
        <v>252</v>
      </c>
      <c r="D130159" s="14" t="s">
        <v>31</v>
      </c>
      <c r="E130159" s="15">
        <v>45595</v>
      </c>
      <c r="F130159" s="14" t="s">
        <v>15</v>
      </c>
      <c r="G130159" s="16">
        <v>0</v>
      </c>
    </row>
    <row r="130160" spans="1:7" x14ac:dyDescent="0.3">
      <c r="A130160" s="13" t="s">
        <v>593</v>
      </c>
      <c r="B130160" s="14" t="s">
        <v>1</v>
      </c>
      <c r="C130160" s="14" t="s">
        <v>252</v>
      </c>
      <c r="D130160" s="14" t="s">
        <v>31</v>
      </c>
      <c r="E130160" s="15">
        <v>45596</v>
      </c>
      <c r="F130160" s="14" t="s">
        <v>15</v>
      </c>
      <c r="G130160" s="16">
        <v>0</v>
      </c>
    </row>
    <row r="130161" spans="1:7" x14ac:dyDescent="0.3">
      <c r="A130161" s="13" t="s">
        <v>593</v>
      </c>
      <c r="B130161" s="14" t="s">
        <v>1</v>
      </c>
      <c r="C130161" s="14" t="s">
        <v>252</v>
      </c>
      <c r="D130161" s="14" t="s">
        <v>31</v>
      </c>
      <c r="E130161" s="15">
        <v>45597</v>
      </c>
      <c r="F130161" s="14" t="s">
        <v>15</v>
      </c>
      <c r="G130161" s="16">
        <v>0</v>
      </c>
    </row>
    <row r="130162" spans="1:7" x14ac:dyDescent="0.3">
      <c r="A130162" s="13" t="s">
        <v>593</v>
      </c>
      <c r="B130162" s="14" t="s">
        <v>1</v>
      </c>
      <c r="C130162" s="14" t="s">
        <v>252</v>
      </c>
      <c r="D130162" s="14" t="s">
        <v>31</v>
      </c>
      <c r="E130162" s="15">
        <v>45598</v>
      </c>
      <c r="F130162" s="14" t="s">
        <v>15</v>
      </c>
      <c r="G130162" s="16">
        <v>0</v>
      </c>
    </row>
    <row r="130163" spans="1:7" x14ac:dyDescent="0.3">
      <c r="A130163" s="13" t="s">
        <v>593</v>
      </c>
      <c r="B130163" s="14" t="s">
        <v>1</v>
      </c>
      <c r="C130163" s="14" t="s">
        <v>252</v>
      </c>
      <c r="D130163" s="14" t="s">
        <v>31</v>
      </c>
      <c r="E130163" s="15">
        <v>45599</v>
      </c>
      <c r="F130163" s="14" t="s">
        <v>15</v>
      </c>
      <c r="G130163" s="16">
        <v>0</v>
      </c>
    </row>
    <row r="130164" spans="1:7" x14ac:dyDescent="0.3">
      <c r="A130164" s="13" t="s">
        <v>593</v>
      </c>
      <c r="B130164" s="14" t="s">
        <v>1</v>
      </c>
      <c r="C130164" s="14" t="s">
        <v>252</v>
      </c>
      <c r="D130164" s="14" t="s">
        <v>31</v>
      </c>
      <c r="E130164" s="15">
        <v>45600</v>
      </c>
      <c r="F130164" s="14" t="s">
        <v>15</v>
      </c>
      <c r="G130164" s="16">
        <v>0</v>
      </c>
    </row>
    <row r="130165" spans="1:7" x14ac:dyDescent="0.3">
      <c r="A130165" s="13" t="s">
        <v>593</v>
      </c>
      <c r="B130165" s="14" t="s">
        <v>1</v>
      </c>
      <c r="C130165" s="14" t="s">
        <v>252</v>
      </c>
      <c r="D130165" s="14" t="s">
        <v>31</v>
      </c>
      <c r="E130165" s="15">
        <v>45601</v>
      </c>
      <c r="F130165" s="14" t="s">
        <v>15</v>
      </c>
      <c r="G130165" s="16">
        <v>0</v>
      </c>
    </row>
    <row r="130166" spans="1:7" x14ac:dyDescent="0.3">
      <c r="A130166" s="13" t="s">
        <v>593</v>
      </c>
      <c r="B130166" s="14" t="s">
        <v>1</v>
      </c>
      <c r="C130166" s="14" t="s">
        <v>252</v>
      </c>
      <c r="D130166" s="14" t="s">
        <v>31</v>
      </c>
      <c r="E130166" s="15">
        <v>45602</v>
      </c>
      <c r="F130166" s="14" t="s">
        <v>15</v>
      </c>
      <c r="G130166" s="16">
        <v>0</v>
      </c>
    </row>
    <row r="130167" spans="1:7" x14ac:dyDescent="0.3">
      <c r="A130167" s="13" t="s">
        <v>593</v>
      </c>
      <c r="B130167" s="14" t="s">
        <v>1</v>
      </c>
      <c r="C130167" s="14" t="s">
        <v>252</v>
      </c>
      <c r="D130167" s="14" t="s">
        <v>31</v>
      </c>
      <c r="E130167" s="15">
        <v>45603</v>
      </c>
      <c r="F130167" s="14" t="s">
        <v>15</v>
      </c>
      <c r="G130167" s="16">
        <v>0</v>
      </c>
    </row>
    <row r="130168" spans="1:7" x14ac:dyDescent="0.3">
      <c r="A130168" s="13" t="s">
        <v>593</v>
      </c>
      <c r="B130168" s="14" t="s">
        <v>1</v>
      </c>
      <c r="C130168" s="14" t="s">
        <v>252</v>
      </c>
      <c r="D130168" s="14" t="s">
        <v>31</v>
      </c>
      <c r="E130168" s="15">
        <v>45604</v>
      </c>
      <c r="F130168" s="14" t="s">
        <v>15</v>
      </c>
      <c r="G130168" s="16">
        <v>0</v>
      </c>
    </row>
    <row r="130169" spans="1:7" x14ac:dyDescent="0.3">
      <c r="A130169" s="13" t="s">
        <v>593</v>
      </c>
      <c r="B130169" s="14" t="s">
        <v>1</v>
      </c>
      <c r="C130169" s="14" t="s">
        <v>252</v>
      </c>
      <c r="D130169" s="14" t="s">
        <v>31</v>
      </c>
      <c r="E130169" s="15">
        <v>45605</v>
      </c>
      <c r="F130169" s="14" t="s">
        <v>15</v>
      </c>
      <c r="G130169" s="16">
        <v>0</v>
      </c>
    </row>
    <row r="130170" spans="1:7" x14ac:dyDescent="0.3">
      <c r="A130170" s="13" t="s">
        <v>593</v>
      </c>
      <c r="B130170" s="14" t="s">
        <v>1</v>
      </c>
      <c r="C130170" s="14" t="s">
        <v>252</v>
      </c>
      <c r="D130170" s="14" t="s">
        <v>31</v>
      </c>
      <c r="E130170" s="15">
        <v>45606</v>
      </c>
      <c r="F130170" s="14" t="s">
        <v>15</v>
      </c>
      <c r="G130170" s="16">
        <v>0</v>
      </c>
    </row>
    <row r="130171" spans="1:7" x14ac:dyDescent="0.3">
      <c r="A130171" s="13" t="s">
        <v>593</v>
      </c>
      <c r="B130171" s="14" t="s">
        <v>1</v>
      </c>
      <c r="C130171" s="14" t="s">
        <v>252</v>
      </c>
      <c r="D130171" s="14" t="s">
        <v>31</v>
      </c>
      <c r="E130171" s="15">
        <v>45607</v>
      </c>
      <c r="F130171" s="14" t="s">
        <v>15</v>
      </c>
      <c r="G130171" s="16">
        <v>0</v>
      </c>
    </row>
    <row r="130172" spans="1:7" x14ac:dyDescent="0.3">
      <c r="A130172" s="13" t="s">
        <v>593</v>
      </c>
      <c r="B130172" s="14" t="s">
        <v>1</v>
      </c>
      <c r="C130172" s="14" t="s">
        <v>252</v>
      </c>
      <c r="D130172" s="14" t="s">
        <v>31</v>
      </c>
      <c r="E130172" s="15">
        <v>45608</v>
      </c>
      <c r="F130172" s="14" t="s">
        <v>15</v>
      </c>
      <c r="G130172" s="16">
        <v>0</v>
      </c>
    </row>
    <row r="130173" spans="1:7" x14ac:dyDescent="0.3">
      <c r="A130173" s="13" t="s">
        <v>593</v>
      </c>
      <c r="B130173" s="14" t="s">
        <v>1</v>
      </c>
      <c r="C130173" s="14" t="s">
        <v>252</v>
      </c>
      <c r="D130173" s="14" t="s">
        <v>31</v>
      </c>
      <c r="E130173" s="15">
        <v>45609</v>
      </c>
      <c r="F130173" s="14" t="s">
        <v>15</v>
      </c>
      <c r="G130173" s="16">
        <v>0</v>
      </c>
    </row>
    <row r="130174" spans="1:7" x14ac:dyDescent="0.3">
      <c r="A130174" s="13" t="s">
        <v>593</v>
      </c>
      <c r="B130174" s="14" t="s">
        <v>1</v>
      </c>
      <c r="C130174" s="14" t="s">
        <v>252</v>
      </c>
      <c r="D130174" s="14" t="s">
        <v>31</v>
      </c>
      <c r="E130174" s="15">
        <v>45610</v>
      </c>
      <c r="F130174" s="14" t="s">
        <v>15</v>
      </c>
      <c r="G130174" s="16">
        <v>0</v>
      </c>
    </row>
    <row r="130175" spans="1:7" x14ac:dyDescent="0.3">
      <c r="A130175" s="13" t="s">
        <v>593</v>
      </c>
      <c r="B130175" s="14" t="s">
        <v>1</v>
      </c>
      <c r="C130175" s="14" t="s">
        <v>252</v>
      </c>
      <c r="D130175" s="14" t="s">
        <v>31</v>
      </c>
      <c r="E130175" s="15">
        <v>45611</v>
      </c>
      <c r="F130175" s="14" t="s">
        <v>15</v>
      </c>
      <c r="G130175" s="16">
        <v>0</v>
      </c>
    </row>
    <row r="130176" spans="1:7" x14ac:dyDescent="0.3">
      <c r="A130176" s="13" t="s">
        <v>593</v>
      </c>
      <c r="B130176" s="14" t="s">
        <v>1</v>
      </c>
      <c r="C130176" s="14" t="s">
        <v>252</v>
      </c>
      <c r="D130176" s="14" t="s">
        <v>31</v>
      </c>
      <c r="E130176" s="15">
        <v>45612</v>
      </c>
      <c r="F130176" s="14" t="s">
        <v>15</v>
      </c>
      <c r="G130176" s="16">
        <v>0</v>
      </c>
    </row>
    <row r="130177" spans="1:7" x14ac:dyDescent="0.3">
      <c r="A130177" s="13" t="s">
        <v>593</v>
      </c>
      <c r="B130177" s="14" t="s">
        <v>1</v>
      </c>
      <c r="C130177" s="14" t="s">
        <v>252</v>
      </c>
      <c r="D130177" s="14" t="s">
        <v>31</v>
      </c>
      <c r="E130177" s="15">
        <v>45613</v>
      </c>
      <c r="F130177" s="14" t="s">
        <v>15</v>
      </c>
      <c r="G130177" s="16">
        <v>0</v>
      </c>
    </row>
    <row r="130178" spans="1:7" x14ac:dyDescent="0.3">
      <c r="A130178" s="13" t="s">
        <v>593</v>
      </c>
      <c r="B130178" s="14" t="s">
        <v>1</v>
      </c>
      <c r="C130178" s="14" t="s">
        <v>252</v>
      </c>
      <c r="D130178" s="14" t="s">
        <v>31</v>
      </c>
      <c r="E130178" s="15">
        <v>45614</v>
      </c>
      <c r="F130178" s="14" t="s">
        <v>15</v>
      </c>
      <c r="G130178" s="16">
        <v>0</v>
      </c>
    </row>
    <row r="130179" spans="1:7" x14ac:dyDescent="0.3">
      <c r="A130179" s="13" t="s">
        <v>593</v>
      </c>
      <c r="B130179" s="14" t="s">
        <v>1</v>
      </c>
      <c r="C130179" s="14" t="s">
        <v>252</v>
      </c>
      <c r="D130179" s="14" t="s">
        <v>31</v>
      </c>
      <c r="E130179" s="15">
        <v>45615</v>
      </c>
      <c r="F130179" s="14" t="s">
        <v>15</v>
      </c>
      <c r="G130179" s="16">
        <v>0</v>
      </c>
    </row>
    <row r="130180" spans="1:7" x14ac:dyDescent="0.3">
      <c r="A130180" s="13" t="s">
        <v>593</v>
      </c>
      <c r="B130180" s="14" t="s">
        <v>1</v>
      </c>
      <c r="C130180" s="14" t="s">
        <v>252</v>
      </c>
      <c r="D130180" s="14" t="s">
        <v>31</v>
      </c>
      <c r="E130180" s="15">
        <v>45616</v>
      </c>
      <c r="F130180" s="14" t="s">
        <v>15</v>
      </c>
      <c r="G130180" s="16">
        <v>0</v>
      </c>
    </row>
    <row r="130181" spans="1:7" x14ac:dyDescent="0.3">
      <c r="A130181" s="13" t="s">
        <v>593</v>
      </c>
      <c r="B130181" s="14" t="s">
        <v>1</v>
      </c>
      <c r="C130181" s="14" t="s">
        <v>252</v>
      </c>
      <c r="D130181" s="14" t="s">
        <v>31</v>
      </c>
      <c r="E130181" s="15">
        <v>45617</v>
      </c>
      <c r="F130181" s="14" t="s">
        <v>15</v>
      </c>
      <c r="G130181" s="16">
        <v>0</v>
      </c>
    </row>
    <row r="130182" spans="1:7" x14ac:dyDescent="0.3">
      <c r="A130182" s="13" t="s">
        <v>593</v>
      </c>
      <c r="B130182" s="14" t="s">
        <v>1</v>
      </c>
      <c r="C130182" s="14" t="s">
        <v>252</v>
      </c>
      <c r="D130182" s="14" t="s">
        <v>31</v>
      </c>
      <c r="E130182" s="15">
        <v>45618</v>
      </c>
      <c r="F130182" s="14" t="s">
        <v>15</v>
      </c>
      <c r="G130182" s="16">
        <v>0</v>
      </c>
    </row>
    <row r="130183" spans="1:7" x14ac:dyDescent="0.3">
      <c r="A130183" s="13" t="s">
        <v>593</v>
      </c>
      <c r="B130183" s="14" t="s">
        <v>1</v>
      </c>
      <c r="C130183" s="14" t="s">
        <v>252</v>
      </c>
      <c r="D130183" s="14" t="s">
        <v>31</v>
      </c>
      <c r="E130183" s="15">
        <v>45619</v>
      </c>
      <c r="F130183" s="14" t="s">
        <v>15</v>
      </c>
      <c r="G130183" s="16">
        <v>0</v>
      </c>
    </row>
    <row r="130184" spans="1:7" x14ac:dyDescent="0.3">
      <c r="A130184" s="13" t="s">
        <v>593</v>
      </c>
      <c r="B130184" s="14" t="s">
        <v>1</v>
      </c>
      <c r="C130184" s="14" t="s">
        <v>252</v>
      </c>
      <c r="D130184" s="14" t="s">
        <v>31</v>
      </c>
      <c r="E130184" s="15">
        <v>45620</v>
      </c>
      <c r="F130184" s="14" t="s">
        <v>15</v>
      </c>
      <c r="G130184" s="16">
        <v>0</v>
      </c>
    </row>
    <row r="130185" spans="1:7" x14ac:dyDescent="0.3">
      <c r="A130185" s="13" t="s">
        <v>593</v>
      </c>
      <c r="B130185" s="14" t="s">
        <v>1</v>
      </c>
      <c r="C130185" s="14" t="s">
        <v>252</v>
      </c>
      <c r="D130185" s="14" t="s">
        <v>31</v>
      </c>
      <c r="E130185" s="15">
        <v>45621</v>
      </c>
      <c r="F130185" s="14" t="s">
        <v>15</v>
      </c>
      <c r="G130185" s="16">
        <v>0</v>
      </c>
    </row>
    <row r="130186" spans="1:7" x14ac:dyDescent="0.3">
      <c r="A130186" s="13" t="s">
        <v>593</v>
      </c>
      <c r="B130186" s="14" t="s">
        <v>1</v>
      </c>
      <c r="C130186" s="14" t="s">
        <v>252</v>
      </c>
      <c r="D130186" s="14" t="s">
        <v>31</v>
      </c>
      <c r="E130186" s="15">
        <v>45622</v>
      </c>
      <c r="F130186" s="14" t="s">
        <v>15</v>
      </c>
      <c r="G130186" s="16">
        <v>0</v>
      </c>
    </row>
    <row r="130187" spans="1:7" x14ac:dyDescent="0.3">
      <c r="A130187" s="13" t="s">
        <v>593</v>
      </c>
      <c r="B130187" s="14" t="s">
        <v>1</v>
      </c>
      <c r="C130187" s="14" t="s">
        <v>252</v>
      </c>
      <c r="D130187" s="14" t="s">
        <v>31</v>
      </c>
      <c r="E130187" s="15">
        <v>45623</v>
      </c>
      <c r="F130187" s="14" t="s">
        <v>15</v>
      </c>
      <c r="G130187" s="16">
        <v>0</v>
      </c>
    </row>
    <row r="130188" spans="1:7" x14ac:dyDescent="0.3">
      <c r="A130188" s="13" t="s">
        <v>593</v>
      </c>
      <c r="B130188" s="14" t="s">
        <v>1</v>
      </c>
      <c r="C130188" s="14" t="s">
        <v>252</v>
      </c>
      <c r="D130188" s="14" t="s">
        <v>31</v>
      </c>
      <c r="E130188" s="15">
        <v>45624</v>
      </c>
      <c r="F130188" s="14" t="s">
        <v>15</v>
      </c>
      <c r="G130188" s="16">
        <v>0</v>
      </c>
    </row>
    <row r="130189" spans="1:7" x14ac:dyDescent="0.3">
      <c r="A130189" s="13" t="s">
        <v>593</v>
      </c>
      <c r="B130189" s="14" t="s">
        <v>1</v>
      </c>
      <c r="C130189" s="14" t="s">
        <v>252</v>
      </c>
      <c r="D130189" s="14" t="s">
        <v>31</v>
      </c>
      <c r="E130189" s="15">
        <v>45625</v>
      </c>
      <c r="F130189" s="14" t="s">
        <v>15</v>
      </c>
      <c r="G130189" s="16">
        <v>0</v>
      </c>
    </row>
    <row r="130190" spans="1:7" x14ac:dyDescent="0.3">
      <c r="A130190" s="13" t="s">
        <v>593</v>
      </c>
      <c r="B130190" s="14" t="s">
        <v>1</v>
      </c>
      <c r="C130190" s="14" t="s">
        <v>252</v>
      </c>
      <c r="D130190" s="14" t="s">
        <v>31</v>
      </c>
      <c r="E130190" s="15">
        <v>45626</v>
      </c>
      <c r="F130190" s="14" t="s">
        <v>15</v>
      </c>
      <c r="G130190" s="16">
        <v>0</v>
      </c>
    </row>
    <row r="130191" spans="1:7" x14ac:dyDescent="0.3">
      <c r="A130191" s="13" t="s">
        <v>593</v>
      </c>
      <c r="B130191" s="14" t="s">
        <v>1</v>
      </c>
      <c r="C130191" s="14" t="s">
        <v>252</v>
      </c>
      <c r="D130191" s="14" t="s">
        <v>31</v>
      </c>
      <c r="E130191" s="15">
        <v>45627</v>
      </c>
      <c r="F130191" s="14" t="s">
        <v>15</v>
      </c>
      <c r="G130191" s="16">
        <v>0</v>
      </c>
    </row>
    <row r="130192" spans="1:7" x14ac:dyDescent="0.3">
      <c r="A130192" s="13" t="s">
        <v>593</v>
      </c>
      <c r="B130192" s="14" t="s">
        <v>1</v>
      </c>
      <c r="C130192" s="14" t="s">
        <v>252</v>
      </c>
      <c r="D130192" s="14" t="s">
        <v>31</v>
      </c>
      <c r="E130192" s="15">
        <v>45628</v>
      </c>
      <c r="F130192" s="14" t="s">
        <v>15</v>
      </c>
      <c r="G130192" s="16">
        <v>0</v>
      </c>
    </row>
    <row r="130193" spans="1:7" x14ac:dyDescent="0.3">
      <c r="A130193" s="13" t="s">
        <v>593</v>
      </c>
      <c r="B130193" s="14" t="s">
        <v>1</v>
      </c>
      <c r="C130193" s="14" t="s">
        <v>252</v>
      </c>
      <c r="D130193" s="14" t="s">
        <v>31</v>
      </c>
      <c r="E130193" s="15">
        <v>45629</v>
      </c>
      <c r="F130193" s="14" t="s">
        <v>15</v>
      </c>
      <c r="G130193" s="16">
        <v>0</v>
      </c>
    </row>
    <row r="130194" spans="1:7" x14ac:dyDescent="0.3">
      <c r="A130194" s="13" t="s">
        <v>593</v>
      </c>
      <c r="B130194" s="14" t="s">
        <v>1</v>
      </c>
      <c r="C130194" s="14" t="s">
        <v>252</v>
      </c>
      <c r="D130194" s="14" t="s">
        <v>31</v>
      </c>
      <c r="E130194" s="15">
        <v>45630</v>
      </c>
      <c r="F130194" s="14" t="s">
        <v>15</v>
      </c>
      <c r="G130194" s="16">
        <v>0</v>
      </c>
    </row>
    <row r="130195" spans="1:7" x14ac:dyDescent="0.3">
      <c r="A130195" s="13" t="s">
        <v>593</v>
      </c>
      <c r="B130195" s="14" t="s">
        <v>1</v>
      </c>
      <c r="C130195" s="14" t="s">
        <v>252</v>
      </c>
      <c r="D130195" s="14" t="s">
        <v>31</v>
      </c>
      <c r="E130195" s="15">
        <v>45631</v>
      </c>
      <c r="F130195" s="14" t="s">
        <v>15</v>
      </c>
      <c r="G130195" s="16">
        <v>0</v>
      </c>
    </row>
    <row r="130196" spans="1:7" x14ac:dyDescent="0.3">
      <c r="A130196" s="13" t="s">
        <v>593</v>
      </c>
      <c r="B130196" s="14" t="s">
        <v>1</v>
      </c>
      <c r="C130196" s="14" t="s">
        <v>252</v>
      </c>
      <c r="D130196" s="14" t="s">
        <v>31</v>
      </c>
      <c r="E130196" s="15">
        <v>45632</v>
      </c>
      <c r="F130196" s="14" t="s">
        <v>15</v>
      </c>
      <c r="G130196" s="16">
        <v>0</v>
      </c>
    </row>
    <row r="130197" spans="1:7" x14ac:dyDescent="0.3">
      <c r="A130197" s="13" t="s">
        <v>593</v>
      </c>
      <c r="B130197" s="14" t="s">
        <v>1</v>
      </c>
      <c r="C130197" s="14" t="s">
        <v>252</v>
      </c>
      <c r="D130197" s="14" t="s">
        <v>31</v>
      </c>
      <c r="E130197" s="15">
        <v>45633</v>
      </c>
      <c r="F130197" s="14" t="s">
        <v>15</v>
      </c>
      <c r="G130197" s="16">
        <v>0</v>
      </c>
    </row>
    <row r="130198" spans="1:7" x14ac:dyDescent="0.3">
      <c r="A130198" s="13" t="s">
        <v>593</v>
      </c>
      <c r="B130198" s="14" t="s">
        <v>1</v>
      </c>
      <c r="C130198" s="14" t="s">
        <v>252</v>
      </c>
      <c r="D130198" s="14" t="s">
        <v>31</v>
      </c>
      <c r="E130198" s="15">
        <v>45634</v>
      </c>
      <c r="F130198" s="14" t="s">
        <v>15</v>
      </c>
      <c r="G130198" s="16">
        <v>0</v>
      </c>
    </row>
    <row r="130199" spans="1:7" x14ac:dyDescent="0.3">
      <c r="A130199" s="13" t="s">
        <v>593</v>
      </c>
      <c r="B130199" s="14" t="s">
        <v>1</v>
      </c>
      <c r="C130199" s="14" t="s">
        <v>252</v>
      </c>
      <c r="D130199" s="14" t="s">
        <v>31</v>
      </c>
      <c r="E130199" s="15">
        <v>45635</v>
      </c>
      <c r="F130199" s="14" t="s">
        <v>15</v>
      </c>
      <c r="G130199" s="16">
        <v>0</v>
      </c>
    </row>
    <row r="130200" spans="1:7" x14ac:dyDescent="0.3">
      <c r="A130200" s="13" t="s">
        <v>593</v>
      </c>
      <c r="B130200" s="14" t="s">
        <v>1</v>
      </c>
      <c r="C130200" s="14" t="s">
        <v>252</v>
      </c>
      <c r="D130200" s="14" t="s">
        <v>31</v>
      </c>
      <c r="E130200" s="15">
        <v>45636</v>
      </c>
      <c r="F130200" s="14" t="s">
        <v>15</v>
      </c>
      <c r="G130200" s="16">
        <v>0</v>
      </c>
    </row>
    <row r="130201" spans="1:7" x14ac:dyDescent="0.3">
      <c r="A130201" s="13" t="s">
        <v>593</v>
      </c>
      <c r="B130201" s="14" t="s">
        <v>1</v>
      </c>
      <c r="C130201" s="14" t="s">
        <v>252</v>
      </c>
      <c r="D130201" s="14" t="s">
        <v>31</v>
      </c>
      <c r="E130201" s="15">
        <v>45637</v>
      </c>
      <c r="F130201" s="14" t="s">
        <v>15</v>
      </c>
      <c r="G130201" s="16">
        <v>0</v>
      </c>
    </row>
    <row r="130202" spans="1:7" x14ac:dyDescent="0.3">
      <c r="A130202" s="13" t="s">
        <v>593</v>
      </c>
      <c r="B130202" s="14" t="s">
        <v>1</v>
      </c>
      <c r="C130202" s="14" t="s">
        <v>252</v>
      </c>
      <c r="D130202" s="14" t="s">
        <v>31</v>
      </c>
      <c r="E130202" s="15">
        <v>45638</v>
      </c>
      <c r="F130202" s="14" t="s">
        <v>15</v>
      </c>
      <c r="G130202" s="16">
        <v>0</v>
      </c>
    </row>
    <row r="130203" spans="1:7" x14ac:dyDescent="0.3">
      <c r="A130203" s="13" t="s">
        <v>593</v>
      </c>
      <c r="B130203" s="14" t="s">
        <v>1</v>
      </c>
      <c r="C130203" s="14" t="s">
        <v>252</v>
      </c>
      <c r="D130203" s="14" t="s">
        <v>31</v>
      </c>
      <c r="E130203" s="15">
        <v>45639</v>
      </c>
      <c r="F130203" s="14" t="s">
        <v>15</v>
      </c>
      <c r="G130203" s="16">
        <v>0</v>
      </c>
    </row>
    <row r="130204" spans="1:7" x14ac:dyDescent="0.3">
      <c r="A130204" s="13" t="s">
        <v>593</v>
      </c>
      <c r="B130204" s="14" t="s">
        <v>1</v>
      </c>
      <c r="C130204" s="14" t="s">
        <v>252</v>
      </c>
      <c r="D130204" s="14" t="s">
        <v>31</v>
      </c>
      <c r="E130204" s="15">
        <v>45640</v>
      </c>
      <c r="F130204" s="14" t="s">
        <v>15</v>
      </c>
      <c r="G130204" s="16">
        <v>0</v>
      </c>
    </row>
    <row r="130205" spans="1:7" x14ac:dyDescent="0.3">
      <c r="A130205" s="13" t="s">
        <v>593</v>
      </c>
      <c r="B130205" s="14" t="s">
        <v>1</v>
      </c>
      <c r="C130205" s="14" t="s">
        <v>252</v>
      </c>
      <c r="D130205" s="14" t="s">
        <v>31</v>
      </c>
      <c r="E130205" s="15">
        <v>45641</v>
      </c>
      <c r="F130205" s="14" t="s">
        <v>15</v>
      </c>
      <c r="G130205" s="16">
        <v>0</v>
      </c>
    </row>
    <row r="130206" spans="1:7" x14ac:dyDescent="0.3">
      <c r="A130206" s="13" t="s">
        <v>593</v>
      </c>
      <c r="B130206" s="14" t="s">
        <v>1</v>
      </c>
      <c r="C130206" s="14" t="s">
        <v>252</v>
      </c>
      <c r="D130206" s="14" t="s">
        <v>31</v>
      </c>
      <c r="E130206" s="15">
        <v>45642</v>
      </c>
      <c r="F130206" s="14" t="s">
        <v>15</v>
      </c>
      <c r="G130206" s="16">
        <v>0</v>
      </c>
    </row>
    <row r="130207" spans="1:7" x14ac:dyDescent="0.3">
      <c r="A130207" s="13" t="s">
        <v>593</v>
      </c>
      <c r="B130207" s="14" t="s">
        <v>1</v>
      </c>
      <c r="C130207" s="14" t="s">
        <v>252</v>
      </c>
      <c r="D130207" s="14" t="s">
        <v>31</v>
      </c>
      <c r="E130207" s="15">
        <v>45643</v>
      </c>
      <c r="F130207" s="14" t="s">
        <v>15</v>
      </c>
      <c r="G130207" s="16">
        <v>0</v>
      </c>
    </row>
    <row r="130208" spans="1:7" x14ac:dyDescent="0.3">
      <c r="A130208" s="13" t="s">
        <v>593</v>
      </c>
      <c r="B130208" s="14" t="s">
        <v>1</v>
      </c>
      <c r="C130208" s="14" t="s">
        <v>252</v>
      </c>
      <c r="D130208" s="14" t="s">
        <v>31</v>
      </c>
      <c r="E130208" s="15">
        <v>45644</v>
      </c>
      <c r="F130208" s="14" t="s">
        <v>15</v>
      </c>
      <c r="G130208" s="16">
        <v>0</v>
      </c>
    </row>
    <row r="130209" spans="1:7" x14ac:dyDescent="0.3">
      <c r="A130209" s="13" t="s">
        <v>593</v>
      </c>
      <c r="B130209" s="14" t="s">
        <v>1</v>
      </c>
      <c r="C130209" s="14" t="s">
        <v>252</v>
      </c>
      <c r="D130209" s="14" t="s">
        <v>31</v>
      </c>
      <c r="E130209" s="15">
        <v>45645</v>
      </c>
      <c r="F130209" s="14" t="s">
        <v>15</v>
      </c>
      <c r="G130209" s="16">
        <v>0</v>
      </c>
    </row>
    <row r="130210" spans="1:7" x14ac:dyDescent="0.3">
      <c r="A130210" s="13" t="s">
        <v>593</v>
      </c>
      <c r="B130210" s="14" t="s">
        <v>1</v>
      </c>
      <c r="C130210" s="14" t="s">
        <v>252</v>
      </c>
      <c r="D130210" s="14" t="s">
        <v>31</v>
      </c>
      <c r="E130210" s="15">
        <v>45646</v>
      </c>
      <c r="F130210" s="14" t="s">
        <v>15</v>
      </c>
      <c r="G130210" s="16">
        <v>0</v>
      </c>
    </row>
    <row r="130211" spans="1:7" x14ac:dyDescent="0.3">
      <c r="A130211" s="13" t="s">
        <v>593</v>
      </c>
      <c r="B130211" s="14" t="s">
        <v>1</v>
      </c>
      <c r="C130211" s="14" t="s">
        <v>252</v>
      </c>
      <c r="D130211" s="14" t="s">
        <v>31</v>
      </c>
      <c r="E130211" s="15">
        <v>45647</v>
      </c>
      <c r="F130211" s="14" t="s">
        <v>15</v>
      </c>
      <c r="G130211" s="16">
        <v>0</v>
      </c>
    </row>
    <row r="130212" spans="1:7" x14ac:dyDescent="0.3">
      <c r="A130212" s="13" t="s">
        <v>593</v>
      </c>
      <c r="B130212" s="14" t="s">
        <v>1</v>
      </c>
      <c r="C130212" s="14" t="s">
        <v>252</v>
      </c>
      <c r="D130212" s="14" t="s">
        <v>31</v>
      </c>
      <c r="E130212" s="15">
        <v>45648</v>
      </c>
      <c r="F130212" s="14" t="s">
        <v>15</v>
      </c>
      <c r="G130212" s="16">
        <v>0</v>
      </c>
    </row>
    <row r="130213" spans="1:7" x14ac:dyDescent="0.3">
      <c r="A130213" s="13" t="s">
        <v>593</v>
      </c>
      <c r="B130213" s="14" t="s">
        <v>1</v>
      </c>
      <c r="C130213" s="14" t="s">
        <v>252</v>
      </c>
      <c r="D130213" s="14" t="s">
        <v>31</v>
      </c>
      <c r="E130213" s="15">
        <v>45649</v>
      </c>
      <c r="F130213" s="14" t="s">
        <v>15</v>
      </c>
      <c r="G130213" s="16">
        <v>0</v>
      </c>
    </row>
    <row r="130214" spans="1:7" x14ac:dyDescent="0.3">
      <c r="A130214" s="13" t="s">
        <v>593</v>
      </c>
      <c r="B130214" s="14" t="s">
        <v>1</v>
      </c>
      <c r="C130214" s="14" t="s">
        <v>252</v>
      </c>
      <c r="D130214" s="14" t="s">
        <v>31</v>
      </c>
      <c r="E130214" s="15">
        <v>45650</v>
      </c>
      <c r="F130214" s="14" t="s">
        <v>15</v>
      </c>
      <c r="G130214" s="16">
        <v>0</v>
      </c>
    </row>
    <row r="130215" spans="1:7" x14ac:dyDescent="0.3">
      <c r="A130215" s="13" t="s">
        <v>593</v>
      </c>
      <c r="B130215" s="14" t="s">
        <v>1</v>
      </c>
      <c r="C130215" s="14" t="s">
        <v>252</v>
      </c>
      <c r="D130215" s="14" t="s">
        <v>31</v>
      </c>
      <c r="E130215" s="15">
        <v>45651</v>
      </c>
      <c r="F130215" s="14" t="s">
        <v>15</v>
      </c>
      <c r="G130215" s="16">
        <v>0</v>
      </c>
    </row>
    <row r="130216" spans="1:7" x14ac:dyDescent="0.3">
      <c r="A130216" s="13" t="s">
        <v>593</v>
      </c>
      <c r="B130216" s="14" t="s">
        <v>1</v>
      </c>
      <c r="C130216" s="14" t="s">
        <v>252</v>
      </c>
      <c r="D130216" s="14" t="s">
        <v>31</v>
      </c>
      <c r="E130216" s="15">
        <v>45652</v>
      </c>
      <c r="F130216" s="14" t="s">
        <v>15</v>
      </c>
      <c r="G130216" s="16">
        <v>0</v>
      </c>
    </row>
    <row r="130217" spans="1:7" x14ac:dyDescent="0.3">
      <c r="A130217" s="13" t="s">
        <v>593</v>
      </c>
      <c r="B130217" s="14" t="s">
        <v>1</v>
      </c>
      <c r="C130217" s="14" t="s">
        <v>252</v>
      </c>
      <c r="D130217" s="14" t="s">
        <v>31</v>
      </c>
      <c r="E130217" s="15">
        <v>45653</v>
      </c>
      <c r="F130217" s="14" t="s">
        <v>15</v>
      </c>
      <c r="G130217" s="16">
        <v>0</v>
      </c>
    </row>
    <row r="130218" spans="1:7" x14ac:dyDescent="0.3">
      <c r="A130218" s="13" t="s">
        <v>593</v>
      </c>
      <c r="B130218" s="14" t="s">
        <v>1</v>
      </c>
      <c r="C130218" s="14" t="s">
        <v>252</v>
      </c>
      <c r="D130218" s="14" t="s">
        <v>31</v>
      </c>
      <c r="E130218" s="15">
        <v>45654</v>
      </c>
      <c r="F130218" s="14" t="s">
        <v>15</v>
      </c>
      <c r="G130218" s="16">
        <v>0</v>
      </c>
    </row>
    <row r="130219" spans="1:7" x14ac:dyDescent="0.3">
      <c r="A130219" s="13" t="s">
        <v>593</v>
      </c>
      <c r="B130219" s="14" t="s">
        <v>1</v>
      </c>
      <c r="C130219" s="14" t="s">
        <v>252</v>
      </c>
      <c r="D130219" s="14" t="s">
        <v>31</v>
      </c>
      <c r="E130219" s="15">
        <v>45655</v>
      </c>
      <c r="F130219" s="14" t="s">
        <v>15</v>
      </c>
      <c r="G130219" s="16">
        <v>0</v>
      </c>
    </row>
    <row r="130220" spans="1:7" x14ac:dyDescent="0.3">
      <c r="A130220" s="13" t="s">
        <v>593</v>
      </c>
      <c r="B130220" s="14" t="s">
        <v>1</v>
      </c>
      <c r="C130220" s="14" t="s">
        <v>252</v>
      </c>
      <c r="D130220" s="14" t="s">
        <v>31</v>
      </c>
      <c r="E130220" s="15">
        <v>45656</v>
      </c>
      <c r="F130220" s="14" t="s">
        <v>15</v>
      </c>
      <c r="G130220" s="16">
        <v>0</v>
      </c>
    </row>
    <row r="130221" spans="1:7" x14ac:dyDescent="0.3">
      <c r="A130221" s="13" t="s">
        <v>593</v>
      </c>
      <c r="B130221" s="14" t="s">
        <v>1</v>
      </c>
      <c r="C130221" s="14" t="s">
        <v>252</v>
      </c>
      <c r="D130221" s="14" t="s">
        <v>31</v>
      </c>
      <c r="E130221" s="15">
        <v>45657</v>
      </c>
      <c r="F130221" s="14" t="s">
        <v>15</v>
      </c>
      <c r="G130221" s="16">
        <v>0</v>
      </c>
    </row>
    <row r="130222" spans="1:7" x14ac:dyDescent="0.3">
      <c r="A130222" s="13" t="s">
        <v>593</v>
      </c>
      <c r="B130222" s="14" t="s">
        <v>1</v>
      </c>
      <c r="C130222" s="14" t="s">
        <v>252</v>
      </c>
      <c r="D130222" s="14" t="s">
        <v>31</v>
      </c>
      <c r="E130222" s="15">
        <v>45658</v>
      </c>
      <c r="F130222" s="14" t="s">
        <v>15</v>
      </c>
      <c r="G130222" s="16">
        <v>0</v>
      </c>
    </row>
    <row r="130223" spans="1:7" x14ac:dyDescent="0.3">
      <c r="A130223" s="13" t="s">
        <v>593</v>
      </c>
      <c r="B130223" s="14" t="s">
        <v>1</v>
      </c>
      <c r="C130223" s="14" t="s">
        <v>252</v>
      </c>
      <c r="D130223" s="14" t="s">
        <v>31</v>
      </c>
      <c r="E130223" s="15">
        <v>45659</v>
      </c>
      <c r="F130223" s="14" t="s">
        <v>15</v>
      </c>
      <c r="G130223" s="16">
        <v>0</v>
      </c>
    </row>
    <row r="130224" spans="1:7" x14ac:dyDescent="0.3">
      <c r="A130224" s="13" t="s">
        <v>593</v>
      </c>
      <c r="B130224" s="14" t="s">
        <v>1</v>
      </c>
      <c r="C130224" s="14" t="s">
        <v>252</v>
      </c>
      <c r="D130224" s="14" t="s">
        <v>31</v>
      </c>
      <c r="E130224" s="15">
        <v>45660</v>
      </c>
      <c r="F130224" s="14" t="s">
        <v>15</v>
      </c>
      <c r="G130224" s="16">
        <v>0</v>
      </c>
    </row>
    <row r="130225" spans="1:7" x14ac:dyDescent="0.3">
      <c r="A130225" s="13" t="s">
        <v>593</v>
      </c>
      <c r="B130225" s="14" t="s">
        <v>1</v>
      </c>
      <c r="C130225" s="14" t="s">
        <v>252</v>
      </c>
      <c r="D130225" s="14" t="s">
        <v>31</v>
      </c>
      <c r="E130225" s="15">
        <v>45661</v>
      </c>
      <c r="F130225" s="14" t="s">
        <v>15</v>
      </c>
      <c r="G130225" s="16">
        <v>0</v>
      </c>
    </row>
    <row r="130226" spans="1:7" x14ac:dyDescent="0.3">
      <c r="A130226" s="13" t="s">
        <v>593</v>
      </c>
      <c r="B130226" s="14" t="s">
        <v>1</v>
      </c>
      <c r="C130226" s="14" t="s">
        <v>252</v>
      </c>
      <c r="D130226" s="14" t="s">
        <v>31</v>
      </c>
      <c r="E130226" s="15">
        <v>45662</v>
      </c>
      <c r="F130226" s="14" t="s">
        <v>15</v>
      </c>
      <c r="G130226" s="16">
        <v>0</v>
      </c>
    </row>
    <row r="130227" spans="1:7" x14ac:dyDescent="0.3">
      <c r="A130227" s="13" t="s">
        <v>593</v>
      </c>
      <c r="B130227" s="14" t="s">
        <v>1</v>
      </c>
      <c r="C130227" s="14" t="s">
        <v>252</v>
      </c>
      <c r="D130227" s="14" t="s">
        <v>31</v>
      </c>
      <c r="E130227" s="15">
        <v>45663</v>
      </c>
      <c r="F130227" s="14" t="s">
        <v>15</v>
      </c>
      <c r="G130227" s="16">
        <v>0</v>
      </c>
    </row>
    <row r="130228" spans="1:7" x14ac:dyDescent="0.3">
      <c r="A130228" s="13" t="s">
        <v>593</v>
      </c>
      <c r="B130228" s="14" t="s">
        <v>1</v>
      </c>
      <c r="C130228" s="14" t="s">
        <v>252</v>
      </c>
      <c r="D130228" s="14" t="s">
        <v>31</v>
      </c>
      <c r="E130228" s="15">
        <v>45664</v>
      </c>
      <c r="F130228" s="14" t="s">
        <v>15</v>
      </c>
      <c r="G130228" s="16">
        <v>0</v>
      </c>
    </row>
    <row r="130229" spans="1:7" x14ac:dyDescent="0.3">
      <c r="A130229" s="13" t="s">
        <v>593</v>
      </c>
      <c r="B130229" s="14" t="s">
        <v>1</v>
      </c>
      <c r="C130229" s="14" t="s">
        <v>252</v>
      </c>
      <c r="D130229" s="14" t="s">
        <v>31</v>
      </c>
      <c r="E130229" s="15">
        <v>45665</v>
      </c>
      <c r="F130229" s="14" t="s">
        <v>15</v>
      </c>
      <c r="G130229" s="16">
        <v>0</v>
      </c>
    </row>
    <row r="130230" spans="1:7" x14ac:dyDescent="0.3">
      <c r="A130230" s="13" t="s">
        <v>593</v>
      </c>
      <c r="B130230" s="14" t="s">
        <v>1</v>
      </c>
      <c r="C130230" s="14" t="s">
        <v>252</v>
      </c>
      <c r="D130230" s="14" t="s">
        <v>31</v>
      </c>
      <c r="E130230" s="15">
        <v>45666</v>
      </c>
      <c r="F130230" s="14" t="s">
        <v>15</v>
      </c>
      <c r="G130230" s="16">
        <v>0</v>
      </c>
    </row>
    <row r="130231" spans="1:7" x14ac:dyDescent="0.3">
      <c r="A130231" s="13" t="s">
        <v>593</v>
      </c>
      <c r="B130231" s="14" t="s">
        <v>1</v>
      </c>
      <c r="C130231" s="14" t="s">
        <v>252</v>
      </c>
      <c r="D130231" s="14" t="s">
        <v>31</v>
      </c>
      <c r="E130231" s="15">
        <v>45667</v>
      </c>
      <c r="F130231" s="14" t="s">
        <v>15</v>
      </c>
      <c r="G130231" s="16">
        <v>0</v>
      </c>
    </row>
    <row r="130232" spans="1:7" x14ac:dyDescent="0.3">
      <c r="A130232" s="13" t="s">
        <v>593</v>
      </c>
      <c r="B130232" s="14" t="s">
        <v>1</v>
      </c>
      <c r="C130232" s="14" t="s">
        <v>252</v>
      </c>
      <c r="D130232" s="14" t="s">
        <v>31</v>
      </c>
      <c r="E130232" s="15">
        <v>45668</v>
      </c>
      <c r="F130232" s="14" t="s">
        <v>15</v>
      </c>
      <c r="G130232" s="16">
        <v>0</v>
      </c>
    </row>
    <row r="130233" spans="1:7" x14ac:dyDescent="0.3">
      <c r="A130233" s="13" t="s">
        <v>593</v>
      </c>
      <c r="B130233" s="14" t="s">
        <v>1</v>
      </c>
      <c r="C130233" s="14" t="s">
        <v>252</v>
      </c>
      <c r="D130233" s="14" t="s">
        <v>31</v>
      </c>
      <c r="E130233" s="15">
        <v>45669</v>
      </c>
      <c r="F130233" s="14" t="s">
        <v>15</v>
      </c>
      <c r="G130233" s="16">
        <v>0</v>
      </c>
    </row>
    <row r="130234" spans="1:7" x14ac:dyDescent="0.3">
      <c r="A130234" s="13" t="s">
        <v>593</v>
      </c>
      <c r="B130234" s="14" t="s">
        <v>1</v>
      </c>
      <c r="C130234" s="14" t="s">
        <v>252</v>
      </c>
      <c r="D130234" s="14" t="s">
        <v>31</v>
      </c>
      <c r="E130234" s="15">
        <v>45670</v>
      </c>
      <c r="F130234" s="14" t="s">
        <v>15</v>
      </c>
      <c r="G130234" s="16">
        <v>0</v>
      </c>
    </row>
    <row r="130235" spans="1:7" x14ac:dyDescent="0.3">
      <c r="A130235" s="13" t="s">
        <v>593</v>
      </c>
      <c r="B130235" s="14" t="s">
        <v>1</v>
      </c>
      <c r="C130235" s="14" t="s">
        <v>252</v>
      </c>
      <c r="D130235" s="14" t="s">
        <v>31</v>
      </c>
      <c r="E130235" s="15">
        <v>45671</v>
      </c>
      <c r="F130235" s="14" t="s">
        <v>15</v>
      </c>
      <c r="G130235" s="16">
        <v>0</v>
      </c>
    </row>
    <row r="130236" spans="1:7" x14ac:dyDescent="0.3">
      <c r="A130236" s="13" t="s">
        <v>593</v>
      </c>
      <c r="B130236" s="14" t="s">
        <v>1</v>
      </c>
      <c r="C130236" s="14" t="s">
        <v>252</v>
      </c>
      <c r="D130236" s="14" t="s">
        <v>31</v>
      </c>
      <c r="E130236" s="15">
        <v>45672</v>
      </c>
      <c r="F130236" s="14" t="s">
        <v>15</v>
      </c>
      <c r="G130236" s="16">
        <v>0</v>
      </c>
    </row>
    <row r="130237" spans="1:7" x14ac:dyDescent="0.3">
      <c r="A130237" s="13" t="s">
        <v>593</v>
      </c>
      <c r="B130237" s="14" t="s">
        <v>1</v>
      </c>
      <c r="C130237" s="14" t="s">
        <v>252</v>
      </c>
      <c r="D130237" s="14" t="s">
        <v>31</v>
      </c>
      <c r="E130237" s="15">
        <v>45673</v>
      </c>
      <c r="F130237" s="14" t="s">
        <v>15</v>
      </c>
      <c r="G130237" s="16">
        <v>0</v>
      </c>
    </row>
    <row r="130238" spans="1:7" x14ac:dyDescent="0.3">
      <c r="A130238" s="13" t="s">
        <v>593</v>
      </c>
      <c r="B130238" s="14" t="s">
        <v>1</v>
      </c>
      <c r="C130238" s="14" t="s">
        <v>252</v>
      </c>
      <c r="D130238" s="14" t="s">
        <v>31</v>
      </c>
      <c r="E130238" s="15">
        <v>45674</v>
      </c>
      <c r="F130238" s="14" t="s">
        <v>15</v>
      </c>
      <c r="G130238" s="16">
        <v>0</v>
      </c>
    </row>
    <row r="130239" spans="1:7" x14ac:dyDescent="0.3">
      <c r="A130239" s="13" t="s">
        <v>593</v>
      </c>
      <c r="B130239" s="14" t="s">
        <v>1</v>
      </c>
      <c r="C130239" s="14" t="s">
        <v>252</v>
      </c>
      <c r="D130239" s="14" t="s">
        <v>31</v>
      </c>
      <c r="E130239" s="15">
        <v>45675</v>
      </c>
      <c r="F130239" s="14" t="s">
        <v>15</v>
      </c>
      <c r="G130239" s="16">
        <v>0</v>
      </c>
    </row>
    <row r="130240" spans="1:7" x14ac:dyDescent="0.3">
      <c r="A130240" s="13" t="s">
        <v>593</v>
      </c>
      <c r="B130240" s="14" t="s">
        <v>1</v>
      </c>
      <c r="C130240" s="14" t="s">
        <v>252</v>
      </c>
      <c r="D130240" s="14" t="s">
        <v>31</v>
      </c>
      <c r="E130240" s="15">
        <v>45676</v>
      </c>
      <c r="F130240" s="14" t="s">
        <v>15</v>
      </c>
      <c r="G130240" s="16">
        <v>0</v>
      </c>
    </row>
    <row r="130241" spans="1:7" x14ac:dyDescent="0.3">
      <c r="A130241" s="13" t="s">
        <v>593</v>
      </c>
      <c r="B130241" s="14" t="s">
        <v>1</v>
      </c>
      <c r="C130241" s="14" t="s">
        <v>252</v>
      </c>
      <c r="D130241" s="14" t="s">
        <v>31</v>
      </c>
      <c r="E130241" s="15">
        <v>45677</v>
      </c>
      <c r="F130241" s="14" t="s">
        <v>15</v>
      </c>
      <c r="G130241" s="16">
        <v>0</v>
      </c>
    </row>
    <row r="130242" spans="1:7" x14ac:dyDescent="0.3">
      <c r="A130242" s="13" t="s">
        <v>593</v>
      </c>
      <c r="B130242" s="14" t="s">
        <v>1</v>
      </c>
      <c r="C130242" s="14" t="s">
        <v>252</v>
      </c>
      <c r="D130242" s="14" t="s">
        <v>31</v>
      </c>
      <c r="E130242" s="15">
        <v>45678</v>
      </c>
      <c r="F130242" s="14" t="s">
        <v>15</v>
      </c>
      <c r="G130242" s="16">
        <v>0</v>
      </c>
    </row>
    <row r="130243" spans="1:7" x14ac:dyDescent="0.3">
      <c r="A130243" s="13" t="s">
        <v>593</v>
      </c>
      <c r="B130243" s="14" t="s">
        <v>1</v>
      </c>
      <c r="C130243" s="14" t="s">
        <v>252</v>
      </c>
      <c r="D130243" s="14" t="s">
        <v>31</v>
      </c>
      <c r="E130243" s="15">
        <v>45679</v>
      </c>
      <c r="F130243" s="14" t="s">
        <v>15</v>
      </c>
      <c r="G130243" s="16">
        <v>0</v>
      </c>
    </row>
    <row r="130244" spans="1:7" x14ac:dyDescent="0.3">
      <c r="A130244" s="13" t="s">
        <v>593</v>
      </c>
      <c r="B130244" s="14" t="s">
        <v>1</v>
      </c>
      <c r="C130244" s="14" t="s">
        <v>252</v>
      </c>
      <c r="D130244" s="14" t="s">
        <v>31</v>
      </c>
      <c r="E130244" s="15">
        <v>45680</v>
      </c>
      <c r="F130244" s="14" t="s">
        <v>15</v>
      </c>
      <c r="G130244" s="16">
        <v>0</v>
      </c>
    </row>
    <row r="130245" spans="1:7" x14ac:dyDescent="0.3">
      <c r="A130245" s="13" t="s">
        <v>593</v>
      </c>
      <c r="B130245" s="14" t="s">
        <v>1</v>
      </c>
      <c r="C130245" s="14" t="s">
        <v>252</v>
      </c>
      <c r="D130245" s="14" t="s">
        <v>31</v>
      </c>
      <c r="E130245" s="15">
        <v>45681</v>
      </c>
      <c r="F130245" s="14" t="s">
        <v>15</v>
      </c>
      <c r="G130245" s="16">
        <v>0</v>
      </c>
    </row>
    <row r="130246" spans="1:7" x14ac:dyDescent="0.3">
      <c r="A130246" s="13" t="s">
        <v>593</v>
      </c>
      <c r="B130246" s="14" t="s">
        <v>1</v>
      </c>
      <c r="C130246" s="14" t="s">
        <v>252</v>
      </c>
      <c r="D130246" s="14" t="s">
        <v>31</v>
      </c>
      <c r="E130246" s="15">
        <v>45682</v>
      </c>
      <c r="F130246" s="14" t="s">
        <v>15</v>
      </c>
      <c r="G130246" s="16">
        <v>0</v>
      </c>
    </row>
    <row r="130247" spans="1:7" x14ac:dyDescent="0.3">
      <c r="A130247" s="13" t="s">
        <v>593</v>
      </c>
      <c r="B130247" s="14" t="s">
        <v>1</v>
      </c>
      <c r="C130247" s="14" t="s">
        <v>252</v>
      </c>
      <c r="D130247" s="14" t="s">
        <v>31</v>
      </c>
      <c r="E130247" s="15">
        <v>45683</v>
      </c>
      <c r="F130247" s="14" t="s">
        <v>15</v>
      </c>
      <c r="G130247" s="16">
        <v>0</v>
      </c>
    </row>
    <row r="130248" spans="1:7" x14ac:dyDescent="0.3">
      <c r="A130248" s="13" t="s">
        <v>593</v>
      </c>
      <c r="B130248" s="14" t="s">
        <v>1</v>
      </c>
      <c r="C130248" s="14" t="s">
        <v>252</v>
      </c>
      <c r="D130248" s="14" t="s">
        <v>31</v>
      </c>
      <c r="E130248" s="15">
        <v>45684</v>
      </c>
      <c r="F130248" s="14" t="s">
        <v>15</v>
      </c>
      <c r="G130248" s="16">
        <v>0</v>
      </c>
    </row>
    <row r="130249" spans="1:7" x14ac:dyDescent="0.3">
      <c r="A130249" s="13" t="s">
        <v>593</v>
      </c>
      <c r="B130249" s="14" t="s">
        <v>1</v>
      </c>
      <c r="C130249" s="14" t="s">
        <v>252</v>
      </c>
      <c r="D130249" s="14" t="s">
        <v>31</v>
      </c>
      <c r="E130249" s="15">
        <v>45685</v>
      </c>
      <c r="F130249" s="14" t="s">
        <v>15</v>
      </c>
      <c r="G130249" s="16">
        <v>0</v>
      </c>
    </row>
    <row r="130250" spans="1:7" x14ac:dyDescent="0.3">
      <c r="A130250" s="13" t="s">
        <v>593</v>
      </c>
      <c r="B130250" s="14" t="s">
        <v>1</v>
      </c>
      <c r="C130250" s="14" t="s">
        <v>252</v>
      </c>
      <c r="D130250" s="14" t="s">
        <v>31</v>
      </c>
      <c r="E130250" s="15">
        <v>45686</v>
      </c>
      <c r="F130250" s="14" t="s">
        <v>15</v>
      </c>
      <c r="G130250" s="16">
        <v>0</v>
      </c>
    </row>
    <row r="130251" spans="1:7" x14ac:dyDescent="0.3">
      <c r="A130251" s="13" t="s">
        <v>593</v>
      </c>
      <c r="B130251" s="14" t="s">
        <v>1</v>
      </c>
      <c r="C130251" s="14" t="s">
        <v>252</v>
      </c>
      <c r="D130251" s="14" t="s">
        <v>31</v>
      </c>
      <c r="E130251" s="15">
        <v>45687</v>
      </c>
      <c r="F130251" s="14" t="s">
        <v>15</v>
      </c>
      <c r="G130251" s="16">
        <v>0</v>
      </c>
    </row>
    <row r="130252" spans="1:7" x14ac:dyDescent="0.3">
      <c r="A130252" s="13" t="s">
        <v>593</v>
      </c>
      <c r="B130252" s="14" t="s">
        <v>1</v>
      </c>
      <c r="C130252" s="14" t="s">
        <v>252</v>
      </c>
      <c r="D130252" s="14" t="s">
        <v>31</v>
      </c>
      <c r="E130252" s="15">
        <v>45688</v>
      </c>
      <c r="F130252" s="14" t="s">
        <v>15</v>
      </c>
      <c r="G130252" s="16">
        <v>0</v>
      </c>
    </row>
    <row r="130253" spans="1:7" x14ac:dyDescent="0.3">
      <c r="A130253" s="13" t="s">
        <v>593</v>
      </c>
      <c r="B130253" s="14" t="s">
        <v>1</v>
      </c>
      <c r="C130253" s="14" t="s">
        <v>252</v>
      </c>
      <c r="D130253" s="14" t="s">
        <v>31</v>
      </c>
      <c r="E130253" s="15">
        <v>45689</v>
      </c>
      <c r="F130253" s="14" t="s">
        <v>15</v>
      </c>
      <c r="G130253" s="16">
        <v>0</v>
      </c>
    </row>
    <row r="130254" spans="1:7" x14ac:dyDescent="0.3">
      <c r="A130254" s="13" t="s">
        <v>593</v>
      </c>
      <c r="B130254" s="14" t="s">
        <v>1</v>
      </c>
      <c r="C130254" s="14" t="s">
        <v>252</v>
      </c>
      <c r="D130254" s="14" t="s">
        <v>31</v>
      </c>
      <c r="E130254" s="15">
        <v>45690</v>
      </c>
      <c r="F130254" s="14" t="s">
        <v>15</v>
      </c>
      <c r="G130254" s="16">
        <v>0</v>
      </c>
    </row>
    <row r="130255" spans="1:7" x14ac:dyDescent="0.3">
      <c r="A130255" s="13" t="s">
        <v>593</v>
      </c>
      <c r="B130255" s="14" t="s">
        <v>1</v>
      </c>
      <c r="C130255" s="14" t="s">
        <v>252</v>
      </c>
      <c r="D130255" s="14" t="s">
        <v>31</v>
      </c>
      <c r="E130255" s="15">
        <v>45691</v>
      </c>
      <c r="F130255" s="14" t="s">
        <v>15</v>
      </c>
      <c r="G130255" s="16">
        <v>0</v>
      </c>
    </row>
    <row r="130256" spans="1:7" x14ac:dyDescent="0.3">
      <c r="A130256" s="13" t="s">
        <v>593</v>
      </c>
      <c r="B130256" s="14" t="s">
        <v>1</v>
      </c>
      <c r="C130256" s="14" t="s">
        <v>252</v>
      </c>
      <c r="D130256" s="14" t="s">
        <v>31</v>
      </c>
      <c r="E130256" s="15">
        <v>45692</v>
      </c>
      <c r="F130256" s="14" t="s">
        <v>15</v>
      </c>
      <c r="G130256" s="16">
        <v>0</v>
      </c>
    </row>
    <row r="130257" spans="1:7" x14ac:dyDescent="0.3">
      <c r="A130257" s="13" t="s">
        <v>593</v>
      </c>
      <c r="B130257" s="14" t="s">
        <v>1</v>
      </c>
      <c r="C130257" s="14" t="s">
        <v>252</v>
      </c>
      <c r="D130257" s="14" t="s">
        <v>31</v>
      </c>
      <c r="E130257" s="15">
        <v>45693</v>
      </c>
      <c r="F130257" s="14" t="s">
        <v>15</v>
      </c>
      <c r="G130257" s="16">
        <v>0</v>
      </c>
    </row>
    <row r="130258" spans="1:7" x14ac:dyDescent="0.3">
      <c r="A130258" s="13" t="s">
        <v>593</v>
      </c>
      <c r="B130258" s="14" t="s">
        <v>1</v>
      </c>
      <c r="C130258" s="14" t="s">
        <v>252</v>
      </c>
      <c r="D130258" s="14" t="s">
        <v>31</v>
      </c>
      <c r="E130258" s="15">
        <v>45694</v>
      </c>
      <c r="F130258" s="14" t="s">
        <v>15</v>
      </c>
      <c r="G130258" s="16">
        <v>0</v>
      </c>
    </row>
    <row r="130259" spans="1:7" x14ac:dyDescent="0.3">
      <c r="A130259" s="13" t="s">
        <v>593</v>
      </c>
      <c r="B130259" s="14" t="s">
        <v>1</v>
      </c>
      <c r="C130259" s="14" t="s">
        <v>252</v>
      </c>
      <c r="D130259" s="14" t="s">
        <v>31</v>
      </c>
      <c r="E130259" s="15">
        <v>45695</v>
      </c>
      <c r="F130259" s="14" t="s">
        <v>15</v>
      </c>
      <c r="G130259" s="16">
        <v>0</v>
      </c>
    </row>
    <row r="130260" spans="1:7" x14ac:dyDescent="0.3">
      <c r="A130260" s="13" t="s">
        <v>593</v>
      </c>
      <c r="B130260" s="14" t="s">
        <v>1</v>
      </c>
      <c r="C130260" s="14" t="s">
        <v>252</v>
      </c>
      <c r="D130260" s="14" t="s">
        <v>31</v>
      </c>
      <c r="E130260" s="15">
        <v>45696</v>
      </c>
      <c r="F130260" s="14" t="s">
        <v>15</v>
      </c>
      <c r="G130260" s="16">
        <v>0</v>
      </c>
    </row>
    <row r="130261" spans="1:7" x14ac:dyDescent="0.3">
      <c r="A130261" s="13" t="s">
        <v>593</v>
      </c>
      <c r="B130261" s="14" t="s">
        <v>1</v>
      </c>
      <c r="C130261" s="14" t="s">
        <v>252</v>
      </c>
      <c r="D130261" s="14" t="s">
        <v>31</v>
      </c>
      <c r="E130261" s="15">
        <v>45697</v>
      </c>
      <c r="F130261" s="14" t="s">
        <v>15</v>
      </c>
      <c r="G130261" s="16">
        <v>0</v>
      </c>
    </row>
    <row r="130262" spans="1:7" x14ac:dyDescent="0.3">
      <c r="A130262" s="13" t="s">
        <v>593</v>
      </c>
      <c r="B130262" s="14" t="s">
        <v>1</v>
      </c>
      <c r="C130262" s="14" t="s">
        <v>252</v>
      </c>
      <c r="D130262" s="14" t="s">
        <v>31</v>
      </c>
      <c r="E130262" s="15">
        <v>45698</v>
      </c>
      <c r="F130262" s="14" t="s">
        <v>15</v>
      </c>
      <c r="G130262" s="16">
        <v>0</v>
      </c>
    </row>
    <row r="130263" spans="1:7" x14ac:dyDescent="0.3">
      <c r="A130263" s="13" t="s">
        <v>593</v>
      </c>
      <c r="B130263" s="14" t="s">
        <v>1</v>
      </c>
      <c r="C130263" s="14" t="s">
        <v>252</v>
      </c>
      <c r="D130263" s="14" t="s">
        <v>31</v>
      </c>
      <c r="E130263" s="15">
        <v>45699</v>
      </c>
      <c r="F130263" s="14" t="s">
        <v>15</v>
      </c>
      <c r="G130263" s="16">
        <v>0</v>
      </c>
    </row>
    <row r="130264" spans="1:7" x14ac:dyDescent="0.3">
      <c r="A130264" s="13" t="s">
        <v>593</v>
      </c>
      <c r="B130264" s="14" t="s">
        <v>1</v>
      </c>
      <c r="C130264" s="14" t="s">
        <v>252</v>
      </c>
      <c r="D130264" s="14" t="s">
        <v>31</v>
      </c>
      <c r="E130264" s="15">
        <v>45700</v>
      </c>
      <c r="F130264" s="14" t="s">
        <v>15</v>
      </c>
      <c r="G130264" s="16">
        <v>0</v>
      </c>
    </row>
    <row r="130265" spans="1:7" x14ac:dyDescent="0.3">
      <c r="A130265" s="13" t="s">
        <v>593</v>
      </c>
      <c r="B130265" s="14" t="s">
        <v>1</v>
      </c>
      <c r="C130265" s="14" t="s">
        <v>252</v>
      </c>
      <c r="D130265" s="14" t="s">
        <v>31</v>
      </c>
      <c r="E130265" s="15">
        <v>45701</v>
      </c>
      <c r="F130265" s="14" t="s">
        <v>15</v>
      </c>
      <c r="G130265" s="16">
        <v>0</v>
      </c>
    </row>
    <row r="130266" spans="1:7" x14ac:dyDescent="0.3">
      <c r="A130266" s="13" t="s">
        <v>593</v>
      </c>
      <c r="B130266" s="14" t="s">
        <v>1</v>
      </c>
      <c r="C130266" s="14" t="s">
        <v>252</v>
      </c>
      <c r="D130266" s="14" t="s">
        <v>31</v>
      </c>
      <c r="E130266" s="15">
        <v>45702</v>
      </c>
      <c r="F130266" s="14" t="s">
        <v>15</v>
      </c>
      <c r="G130266" s="16">
        <v>0</v>
      </c>
    </row>
    <row r="130267" spans="1:7" x14ac:dyDescent="0.3">
      <c r="A130267" s="13" t="s">
        <v>593</v>
      </c>
      <c r="B130267" s="14" t="s">
        <v>1</v>
      </c>
      <c r="C130267" s="14" t="s">
        <v>252</v>
      </c>
      <c r="D130267" s="14" t="s">
        <v>31</v>
      </c>
      <c r="E130267" s="15">
        <v>45703</v>
      </c>
      <c r="F130267" s="14" t="s">
        <v>15</v>
      </c>
      <c r="G130267" s="16">
        <v>0</v>
      </c>
    </row>
    <row r="130268" spans="1:7" x14ac:dyDescent="0.3">
      <c r="A130268" s="13" t="s">
        <v>593</v>
      </c>
      <c r="B130268" s="14" t="s">
        <v>1</v>
      </c>
      <c r="C130268" s="14" t="s">
        <v>252</v>
      </c>
      <c r="D130268" s="14" t="s">
        <v>31</v>
      </c>
      <c r="E130268" s="15">
        <v>45704</v>
      </c>
      <c r="F130268" s="14" t="s">
        <v>15</v>
      </c>
      <c r="G130268" s="16">
        <v>0</v>
      </c>
    </row>
    <row r="130269" spans="1:7" x14ac:dyDescent="0.3">
      <c r="A130269" s="13" t="s">
        <v>593</v>
      </c>
      <c r="B130269" s="14" t="s">
        <v>1</v>
      </c>
      <c r="C130269" s="14" t="s">
        <v>252</v>
      </c>
      <c r="D130269" s="14" t="s">
        <v>31</v>
      </c>
      <c r="E130269" s="15">
        <v>45705</v>
      </c>
      <c r="F130269" s="14" t="s">
        <v>15</v>
      </c>
      <c r="G130269" s="16">
        <v>0</v>
      </c>
    </row>
    <row r="130270" spans="1:7" x14ac:dyDescent="0.3">
      <c r="A130270" s="13" t="s">
        <v>593</v>
      </c>
      <c r="B130270" s="14" t="s">
        <v>1</v>
      </c>
      <c r="C130270" s="14" t="s">
        <v>252</v>
      </c>
      <c r="D130270" s="14" t="s">
        <v>31</v>
      </c>
      <c r="E130270" s="15">
        <v>45706</v>
      </c>
      <c r="F130270" s="14" t="s">
        <v>15</v>
      </c>
      <c r="G130270" s="16">
        <v>0</v>
      </c>
    </row>
    <row r="130271" spans="1:7" x14ac:dyDescent="0.3">
      <c r="A130271" s="13" t="s">
        <v>593</v>
      </c>
      <c r="B130271" s="14" t="s">
        <v>1</v>
      </c>
      <c r="C130271" s="14" t="s">
        <v>252</v>
      </c>
      <c r="D130271" s="14" t="s">
        <v>31</v>
      </c>
      <c r="E130271" s="15">
        <v>45707</v>
      </c>
      <c r="F130271" s="14" t="s">
        <v>15</v>
      </c>
      <c r="G130271" s="16">
        <v>0</v>
      </c>
    </row>
    <row r="130272" spans="1:7" x14ac:dyDescent="0.3">
      <c r="A130272" s="13" t="s">
        <v>593</v>
      </c>
      <c r="B130272" s="14" t="s">
        <v>1</v>
      </c>
      <c r="C130272" s="14" t="s">
        <v>252</v>
      </c>
      <c r="D130272" s="14" t="s">
        <v>31</v>
      </c>
      <c r="E130272" s="15">
        <v>45708</v>
      </c>
      <c r="F130272" s="14" t="s">
        <v>15</v>
      </c>
      <c r="G130272" s="16">
        <v>0</v>
      </c>
    </row>
    <row r="130273" spans="1:7" x14ac:dyDescent="0.3">
      <c r="A130273" s="13" t="s">
        <v>593</v>
      </c>
      <c r="B130273" s="14" t="s">
        <v>1</v>
      </c>
      <c r="C130273" s="14" t="s">
        <v>252</v>
      </c>
      <c r="D130273" s="14" t="s">
        <v>31</v>
      </c>
      <c r="E130273" s="15">
        <v>45709</v>
      </c>
      <c r="F130273" s="14" t="s">
        <v>15</v>
      </c>
      <c r="G130273" s="16">
        <v>0</v>
      </c>
    </row>
    <row r="130274" spans="1:7" x14ac:dyDescent="0.3">
      <c r="A130274" s="13" t="s">
        <v>593</v>
      </c>
      <c r="B130274" s="14" t="s">
        <v>1</v>
      </c>
      <c r="C130274" s="14" t="s">
        <v>252</v>
      </c>
      <c r="D130274" s="14" t="s">
        <v>31</v>
      </c>
      <c r="E130274" s="15">
        <v>45710</v>
      </c>
      <c r="F130274" s="14" t="s">
        <v>15</v>
      </c>
      <c r="G130274" s="16">
        <v>0</v>
      </c>
    </row>
    <row r="130275" spans="1:7" x14ac:dyDescent="0.3">
      <c r="A130275" s="13" t="s">
        <v>593</v>
      </c>
      <c r="B130275" s="14" t="s">
        <v>1</v>
      </c>
      <c r="C130275" s="14" t="s">
        <v>252</v>
      </c>
      <c r="D130275" s="14" t="s">
        <v>31</v>
      </c>
      <c r="E130275" s="15">
        <v>45711</v>
      </c>
      <c r="F130275" s="14" t="s">
        <v>15</v>
      </c>
      <c r="G130275" s="16">
        <v>0</v>
      </c>
    </row>
    <row r="130276" spans="1:7" x14ac:dyDescent="0.3">
      <c r="A130276" s="13" t="s">
        <v>593</v>
      </c>
      <c r="B130276" s="14" t="s">
        <v>1</v>
      </c>
      <c r="C130276" s="14" t="s">
        <v>252</v>
      </c>
      <c r="D130276" s="14" t="s">
        <v>31</v>
      </c>
      <c r="E130276" s="15">
        <v>45712</v>
      </c>
      <c r="F130276" s="14" t="s">
        <v>15</v>
      </c>
      <c r="G130276" s="16">
        <v>0</v>
      </c>
    </row>
    <row r="130277" spans="1:7" x14ac:dyDescent="0.3">
      <c r="A130277" s="13" t="s">
        <v>593</v>
      </c>
      <c r="B130277" s="14" t="s">
        <v>1</v>
      </c>
      <c r="C130277" s="14" t="s">
        <v>252</v>
      </c>
      <c r="D130277" s="14" t="s">
        <v>31</v>
      </c>
      <c r="E130277" s="15">
        <v>45713</v>
      </c>
      <c r="F130277" s="14" t="s">
        <v>15</v>
      </c>
      <c r="G130277" s="16">
        <v>0</v>
      </c>
    </row>
    <row r="130278" spans="1:7" x14ac:dyDescent="0.3">
      <c r="A130278" s="13" t="s">
        <v>593</v>
      </c>
      <c r="B130278" s="14" t="s">
        <v>1</v>
      </c>
      <c r="C130278" s="14" t="s">
        <v>252</v>
      </c>
      <c r="D130278" s="14" t="s">
        <v>31</v>
      </c>
      <c r="E130278" s="15">
        <v>45714</v>
      </c>
      <c r="F130278" s="14" t="s">
        <v>15</v>
      </c>
      <c r="G130278" s="16">
        <v>0</v>
      </c>
    </row>
    <row r="130279" spans="1:7" x14ac:dyDescent="0.3">
      <c r="A130279" s="13" t="s">
        <v>593</v>
      </c>
      <c r="B130279" s="14" t="s">
        <v>1</v>
      </c>
      <c r="C130279" s="14" t="s">
        <v>252</v>
      </c>
      <c r="D130279" s="14" t="s">
        <v>31</v>
      </c>
      <c r="E130279" s="15">
        <v>45715</v>
      </c>
      <c r="F130279" s="14" t="s">
        <v>15</v>
      </c>
      <c r="G130279" s="16">
        <v>0</v>
      </c>
    </row>
    <row r="130280" spans="1:7" x14ac:dyDescent="0.3">
      <c r="A130280" s="13" t="s">
        <v>593</v>
      </c>
      <c r="B130280" s="14" t="s">
        <v>1</v>
      </c>
      <c r="C130280" s="14" t="s">
        <v>252</v>
      </c>
      <c r="D130280" s="14" t="s">
        <v>31</v>
      </c>
      <c r="E130280" s="15">
        <v>45716</v>
      </c>
      <c r="F130280" s="14" t="s">
        <v>15</v>
      </c>
      <c r="G130280" s="16">
        <v>0</v>
      </c>
    </row>
    <row r="130281" spans="1:7" x14ac:dyDescent="0.3">
      <c r="A130281" s="13" t="s">
        <v>593</v>
      </c>
      <c r="B130281" s="14" t="s">
        <v>1</v>
      </c>
      <c r="C130281" s="14" t="s">
        <v>252</v>
      </c>
      <c r="D130281" s="14" t="s">
        <v>31</v>
      </c>
      <c r="E130281" s="15">
        <v>45717</v>
      </c>
      <c r="F130281" s="14" t="s">
        <v>15</v>
      </c>
      <c r="G130281" s="16">
        <v>0</v>
      </c>
    </row>
    <row r="130282" spans="1:7" x14ac:dyDescent="0.3">
      <c r="A130282" s="13" t="s">
        <v>593</v>
      </c>
      <c r="B130282" s="14" t="s">
        <v>1</v>
      </c>
      <c r="C130282" s="14" t="s">
        <v>252</v>
      </c>
      <c r="D130282" s="14" t="s">
        <v>31</v>
      </c>
      <c r="E130282" s="15">
        <v>45718</v>
      </c>
      <c r="F130282" s="14" t="s">
        <v>15</v>
      </c>
      <c r="G130282" s="16">
        <v>0</v>
      </c>
    </row>
    <row r="130283" spans="1:7" x14ac:dyDescent="0.3">
      <c r="A130283" s="13" t="s">
        <v>593</v>
      </c>
      <c r="B130283" s="14" t="s">
        <v>1</v>
      </c>
      <c r="C130283" s="14" t="s">
        <v>252</v>
      </c>
      <c r="D130283" s="14" t="s">
        <v>31</v>
      </c>
      <c r="E130283" s="15">
        <v>45719</v>
      </c>
      <c r="F130283" s="14" t="s">
        <v>15</v>
      </c>
      <c r="G130283" s="16">
        <v>0</v>
      </c>
    </row>
    <row r="130284" spans="1:7" x14ac:dyDescent="0.3">
      <c r="A130284" s="13" t="s">
        <v>593</v>
      </c>
      <c r="B130284" s="14" t="s">
        <v>1</v>
      </c>
      <c r="C130284" s="14" t="s">
        <v>252</v>
      </c>
      <c r="D130284" s="14" t="s">
        <v>31</v>
      </c>
      <c r="E130284" s="15">
        <v>45720</v>
      </c>
      <c r="F130284" s="14" t="s">
        <v>15</v>
      </c>
      <c r="G130284" s="16">
        <v>0</v>
      </c>
    </row>
    <row r="130285" spans="1:7" x14ac:dyDescent="0.3">
      <c r="A130285" s="13" t="s">
        <v>593</v>
      </c>
      <c r="B130285" s="14" t="s">
        <v>1</v>
      </c>
      <c r="C130285" s="14" t="s">
        <v>252</v>
      </c>
      <c r="D130285" s="14" t="s">
        <v>31</v>
      </c>
      <c r="E130285" s="15">
        <v>45721</v>
      </c>
      <c r="F130285" s="14" t="s">
        <v>15</v>
      </c>
      <c r="G130285" s="16">
        <v>0</v>
      </c>
    </row>
    <row r="130286" spans="1:7" x14ac:dyDescent="0.3">
      <c r="A130286" s="13" t="s">
        <v>593</v>
      </c>
      <c r="B130286" s="14" t="s">
        <v>1</v>
      </c>
      <c r="C130286" s="14" t="s">
        <v>252</v>
      </c>
      <c r="D130286" s="14" t="s">
        <v>31</v>
      </c>
      <c r="E130286" s="15">
        <v>45722</v>
      </c>
      <c r="F130286" s="14" t="s">
        <v>15</v>
      </c>
      <c r="G130286" s="16">
        <v>0</v>
      </c>
    </row>
    <row r="130287" spans="1:7" x14ac:dyDescent="0.3">
      <c r="A130287" s="13" t="s">
        <v>593</v>
      </c>
      <c r="B130287" s="14" t="s">
        <v>1</v>
      </c>
      <c r="C130287" s="14" t="s">
        <v>252</v>
      </c>
      <c r="D130287" s="14" t="s">
        <v>31</v>
      </c>
      <c r="E130287" s="15">
        <v>45723</v>
      </c>
      <c r="F130287" s="14" t="s">
        <v>15</v>
      </c>
      <c r="G130287" s="16">
        <v>0</v>
      </c>
    </row>
    <row r="130288" spans="1:7" x14ac:dyDescent="0.3">
      <c r="A130288" s="13" t="s">
        <v>593</v>
      </c>
      <c r="B130288" s="14" t="s">
        <v>1</v>
      </c>
      <c r="C130288" s="14" t="s">
        <v>252</v>
      </c>
      <c r="D130288" s="14" t="s">
        <v>31</v>
      </c>
      <c r="E130288" s="15">
        <v>45724</v>
      </c>
      <c r="F130288" s="14" t="s">
        <v>15</v>
      </c>
      <c r="G130288" s="16">
        <v>0</v>
      </c>
    </row>
    <row r="130289" spans="1:7" x14ac:dyDescent="0.3">
      <c r="A130289" s="13" t="s">
        <v>593</v>
      </c>
      <c r="B130289" s="14" t="s">
        <v>1</v>
      </c>
      <c r="C130289" s="14" t="s">
        <v>252</v>
      </c>
      <c r="D130289" s="14" t="s">
        <v>31</v>
      </c>
      <c r="E130289" s="15">
        <v>45725</v>
      </c>
      <c r="F130289" s="14" t="s">
        <v>15</v>
      </c>
      <c r="G130289" s="16">
        <v>0</v>
      </c>
    </row>
    <row r="130290" spans="1:7" x14ac:dyDescent="0.3">
      <c r="A130290" s="13" t="s">
        <v>593</v>
      </c>
      <c r="B130290" s="14" t="s">
        <v>1</v>
      </c>
      <c r="C130290" s="14" t="s">
        <v>252</v>
      </c>
      <c r="D130290" s="14" t="s">
        <v>31</v>
      </c>
      <c r="E130290" s="15">
        <v>45726</v>
      </c>
      <c r="F130290" s="14" t="s">
        <v>15</v>
      </c>
      <c r="G130290" s="16">
        <v>0</v>
      </c>
    </row>
    <row r="130291" spans="1:7" x14ac:dyDescent="0.3">
      <c r="A130291" s="13" t="s">
        <v>593</v>
      </c>
      <c r="B130291" s="14" t="s">
        <v>1</v>
      </c>
      <c r="C130291" s="14" t="s">
        <v>252</v>
      </c>
      <c r="D130291" s="14" t="s">
        <v>31</v>
      </c>
      <c r="E130291" s="15">
        <v>45727</v>
      </c>
      <c r="F130291" s="14" t="s">
        <v>15</v>
      </c>
      <c r="G130291" s="16">
        <v>0</v>
      </c>
    </row>
    <row r="130292" spans="1:7" x14ac:dyDescent="0.3">
      <c r="A130292" s="13" t="s">
        <v>593</v>
      </c>
      <c r="B130292" s="14" t="s">
        <v>1</v>
      </c>
      <c r="C130292" s="14" t="s">
        <v>252</v>
      </c>
      <c r="D130292" s="14" t="s">
        <v>31</v>
      </c>
      <c r="E130292" s="15">
        <v>45728</v>
      </c>
      <c r="F130292" s="14" t="s">
        <v>15</v>
      </c>
      <c r="G130292" s="16">
        <v>0</v>
      </c>
    </row>
    <row r="130293" spans="1:7" x14ac:dyDescent="0.3">
      <c r="A130293" s="13" t="s">
        <v>593</v>
      </c>
      <c r="B130293" s="14" t="s">
        <v>1</v>
      </c>
      <c r="C130293" s="14" t="s">
        <v>252</v>
      </c>
      <c r="D130293" s="14" t="s">
        <v>31</v>
      </c>
      <c r="E130293" s="15">
        <v>45729</v>
      </c>
      <c r="F130293" s="14" t="s">
        <v>15</v>
      </c>
      <c r="G130293" s="16">
        <v>0</v>
      </c>
    </row>
    <row r="130294" spans="1:7" x14ac:dyDescent="0.3">
      <c r="A130294" s="13" t="s">
        <v>593</v>
      </c>
      <c r="B130294" s="14" t="s">
        <v>1</v>
      </c>
      <c r="C130294" s="14" t="s">
        <v>252</v>
      </c>
      <c r="D130294" s="14" t="s">
        <v>31</v>
      </c>
      <c r="E130294" s="15">
        <v>45730</v>
      </c>
      <c r="F130294" s="14" t="s">
        <v>15</v>
      </c>
      <c r="G130294" s="16">
        <v>0</v>
      </c>
    </row>
    <row r="130295" spans="1:7" x14ac:dyDescent="0.3">
      <c r="A130295" s="13" t="s">
        <v>593</v>
      </c>
      <c r="B130295" s="14" t="s">
        <v>1</v>
      </c>
      <c r="C130295" s="14" t="s">
        <v>252</v>
      </c>
      <c r="D130295" s="14" t="s">
        <v>31</v>
      </c>
      <c r="E130295" s="15">
        <v>45731</v>
      </c>
      <c r="F130295" s="14" t="s">
        <v>15</v>
      </c>
      <c r="G130295" s="16">
        <v>0</v>
      </c>
    </row>
    <row r="130296" spans="1:7" x14ac:dyDescent="0.3">
      <c r="A130296" s="13" t="s">
        <v>593</v>
      </c>
      <c r="B130296" s="14" t="s">
        <v>1</v>
      </c>
      <c r="C130296" s="14" t="s">
        <v>252</v>
      </c>
      <c r="D130296" s="14" t="s">
        <v>31</v>
      </c>
      <c r="E130296" s="15">
        <v>45732</v>
      </c>
      <c r="F130296" s="14" t="s">
        <v>15</v>
      </c>
      <c r="G130296" s="16">
        <v>0</v>
      </c>
    </row>
    <row r="130297" spans="1:7" x14ac:dyDescent="0.3">
      <c r="A130297" s="13" t="s">
        <v>593</v>
      </c>
      <c r="B130297" s="14" t="s">
        <v>1</v>
      </c>
      <c r="C130297" s="14" t="s">
        <v>252</v>
      </c>
      <c r="D130297" s="14" t="s">
        <v>31</v>
      </c>
      <c r="E130297" s="15">
        <v>45733</v>
      </c>
      <c r="F130297" s="14" t="s">
        <v>15</v>
      </c>
      <c r="G130297" s="16">
        <v>0</v>
      </c>
    </row>
    <row r="130298" spans="1:7" x14ac:dyDescent="0.3">
      <c r="A130298" s="13" t="s">
        <v>593</v>
      </c>
      <c r="B130298" s="14" t="s">
        <v>1</v>
      </c>
      <c r="C130298" s="14" t="s">
        <v>252</v>
      </c>
      <c r="D130298" s="14" t="s">
        <v>31</v>
      </c>
      <c r="E130298" s="15">
        <v>45734</v>
      </c>
      <c r="F130298" s="14" t="s">
        <v>15</v>
      </c>
      <c r="G130298" s="16">
        <v>0</v>
      </c>
    </row>
    <row r="130299" spans="1:7" x14ac:dyDescent="0.3">
      <c r="A130299" s="13" t="s">
        <v>593</v>
      </c>
      <c r="B130299" s="14" t="s">
        <v>1</v>
      </c>
      <c r="C130299" s="14" t="s">
        <v>252</v>
      </c>
      <c r="D130299" s="14" t="s">
        <v>31</v>
      </c>
      <c r="E130299" s="15">
        <v>45735</v>
      </c>
      <c r="F130299" s="14" t="s">
        <v>15</v>
      </c>
      <c r="G130299" s="16">
        <v>0</v>
      </c>
    </row>
    <row r="130300" spans="1:7" x14ac:dyDescent="0.3">
      <c r="A130300" s="13" t="s">
        <v>593</v>
      </c>
      <c r="B130300" s="14" t="s">
        <v>1</v>
      </c>
      <c r="C130300" s="14" t="s">
        <v>252</v>
      </c>
      <c r="D130300" s="14" t="s">
        <v>31</v>
      </c>
      <c r="E130300" s="15">
        <v>45736</v>
      </c>
      <c r="F130300" s="14" t="s">
        <v>15</v>
      </c>
      <c r="G130300" s="16">
        <v>0</v>
      </c>
    </row>
    <row r="130301" spans="1:7" x14ac:dyDescent="0.3">
      <c r="A130301" s="13" t="s">
        <v>593</v>
      </c>
      <c r="B130301" s="14" t="s">
        <v>1</v>
      </c>
      <c r="C130301" s="14" t="s">
        <v>252</v>
      </c>
      <c r="D130301" s="14" t="s">
        <v>31</v>
      </c>
      <c r="E130301" s="15">
        <v>45737</v>
      </c>
      <c r="F130301" s="14" t="s">
        <v>15</v>
      </c>
      <c r="G130301" s="16">
        <v>0</v>
      </c>
    </row>
    <row r="130302" spans="1:7" x14ac:dyDescent="0.3">
      <c r="A130302" s="13" t="s">
        <v>593</v>
      </c>
      <c r="B130302" s="14" t="s">
        <v>1</v>
      </c>
      <c r="C130302" s="14" t="s">
        <v>252</v>
      </c>
      <c r="D130302" s="14" t="s">
        <v>31</v>
      </c>
      <c r="E130302" s="15">
        <v>45738</v>
      </c>
      <c r="F130302" s="14" t="s">
        <v>15</v>
      </c>
      <c r="G130302" s="16">
        <v>0</v>
      </c>
    </row>
    <row r="130303" spans="1:7" x14ac:dyDescent="0.3">
      <c r="A130303" s="13" t="s">
        <v>593</v>
      </c>
      <c r="B130303" s="14" t="s">
        <v>1</v>
      </c>
      <c r="C130303" s="14" t="s">
        <v>252</v>
      </c>
      <c r="D130303" s="14" t="s">
        <v>31</v>
      </c>
      <c r="E130303" s="15">
        <v>45739</v>
      </c>
      <c r="F130303" s="14" t="s">
        <v>15</v>
      </c>
      <c r="G130303" s="16">
        <v>0</v>
      </c>
    </row>
    <row r="130304" spans="1:7" x14ac:dyDescent="0.3">
      <c r="A130304" s="13" t="s">
        <v>593</v>
      </c>
      <c r="B130304" s="14" t="s">
        <v>1</v>
      </c>
      <c r="C130304" s="14" t="s">
        <v>252</v>
      </c>
      <c r="D130304" s="14" t="s">
        <v>31</v>
      </c>
      <c r="E130304" s="15">
        <v>45740</v>
      </c>
      <c r="F130304" s="14" t="s">
        <v>15</v>
      </c>
      <c r="G130304" s="16">
        <v>0</v>
      </c>
    </row>
    <row r="130305" spans="1:7" x14ac:dyDescent="0.3">
      <c r="A130305" s="13" t="s">
        <v>593</v>
      </c>
      <c r="B130305" s="14" t="s">
        <v>1</v>
      </c>
      <c r="C130305" s="14" t="s">
        <v>252</v>
      </c>
      <c r="D130305" s="14" t="s">
        <v>31</v>
      </c>
      <c r="E130305" s="15">
        <v>45741</v>
      </c>
      <c r="F130305" s="14" t="s">
        <v>15</v>
      </c>
      <c r="G130305" s="16">
        <v>0</v>
      </c>
    </row>
    <row r="130306" spans="1:7" x14ac:dyDescent="0.3">
      <c r="A130306" s="13" t="s">
        <v>593</v>
      </c>
      <c r="B130306" s="14" t="s">
        <v>1</v>
      </c>
      <c r="C130306" s="14" t="s">
        <v>252</v>
      </c>
      <c r="D130306" s="14" t="s">
        <v>31</v>
      </c>
      <c r="E130306" s="15">
        <v>45742</v>
      </c>
      <c r="F130306" s="14" t="s">
        <v>15</v>
      </c>
      <c r="G130306" s="16">
        <v>0</v>
      </c>
    </row>
    <row r="130307" spans="1:7" x14ac:dyDescent="0.3">
      <c r="A130307" s="13" t="s">
        <v>593</v>
      </c>
      <c r="B130307" s="14" t="s">
        <v>1</v>
      </c>
      <c r="C130307" s="14" t="s">
        <v>252</v>
      </c>
      <c r="D130307" s="14" t="s">
        <v>31</v>
      </c>
      <c r="E130307" s="15">
        <v>45743</v>
      </c>
      <c r="F130307" s="14" t="s">
        <v>15</v>
      </c>
      <c r="G130307" s="16">
        <v>0</v>
      </c>
    </row>
    <row r="130308" spans="1:7" x14ac:dyDescent="0.3">
      <c r="A130308" s="13" t="s">
        <v>593</v>
      </c>
      <c r="B130308" s="14" t="s">
        <v>1</v>
      </c>
      <c r="C130308" s="14" t="s">
        <v>252</v>
      </c>
      <c r="D130308" s="14" t="s">
        <v>31</v>
      </c>
      <c r="E130308" s="15">
        <v>45744</v>
      </c>
      <c r="F130308" s="14" t="s">
        <v>15</v>
      </c>
      <c r="G130308" s="16">
        <v>0</v>
      </c>
    </row>
    <row r="130309" spans="1:7" x14ac:dyDescent="0.3">
      <c r="A130309" s="13" t="s">
        <v>593</v>
      </c>
      <c r="B130309" s="14" t="s">
        <v>1</v>
      </c>
      <c r="C130309" s="14" t="s">
        <v>252</v>
      </c>
      <c r="D130309" s="14" t="s">
        <v>31</v>
      </c>
      <c r="E130309" s="15">
        <v>45745</v>
      </c>
      <c r="F130309" s="14" t="s">
        <v>15</v>
      </c>
      <c r="G130309" s="16">
        <v>0</v>
      </c>
    </row>
    <row r="130310" spans="1:7" x14ac:dyDescent="0.3">
      <c r="A130310" s="13" t="s">
        <v>593</v>
      </c>
      <c r="B130310" s="14" t="s">
        <v>1</v>
      </c>
      <c r="C130310" s="14" t="s">
        <v>252</v>
      </c>
      <c r="D130310" s="14" t="s">
        <v>31</v>
      </c>
      <c r="E130310" s="15">
        <v>45746</v>
      </c>
      <c r="F130310" s="14" t="s">
        <v>15</v>
      </c>
      <c r="G130310" s="16">
        <v>0</v>
      </c>
    </row>
    <row r="130311" spans="1:7" x14ac:dyDescent="0.3">
      <c r="A130311" s="13" t="s">
        <v>593</v>
      </c>
      <c r="B130311" s="14" t="s">
        <v>1</v>
      </c>
      <c r="C130311" s="14" t="s">
        <v>252</v>
      </c>
      <c r="D130311" s="14" t="s">
        <v>31</v>
      </c>
      <c r="E130311" s="15">
        <v>45747</v>
      </c>
      <c r="F130311" s="14" t="s">
        <v>15</v>
      </c>
      <c r="G130311" s="16">
        <v>0</v>
      </c>
    </row>
    <row r="130312" spans="1:7" x14ac:dyDescent="0.3">
      <c r="A130312" s="13" t="s">
        <v>594</v>
      </c>
      <c r="B130312" s="14" t="s">
        <v>1</v>
      </c>
      <c r="C130312" s="14" t="s">
        <v>252</v>
      </c>
      <c r="D130312" s="14" t="s">
        <v>94</v>
      </c>
      <c r="E130312" s="15">
        <v>45383</v>
      </c>
      <c r="F130312" s="14" t="s">
        <v>15</v>
      </c>
      <c r="G130312" s="16">
        <v>0</v>
      </c>
    </row>
    <row r="130313" spans="1:7" x14ac:dyDescent="0.3">
      <c r="A130313" s="13" t="s">
        <v>594</v>
      </c>
      <c r="B130313" s="14" t="s">
        <v>1</v>
      </c>
      <c r="C130313" s="14" t="s">
        <v>252</v>
      </c>
      <c r="D130313" s="14" t="s">
        <v>94</v>
      </c>
      <c r="E130313" s="15">
        <v>45384</v>
      </c>
      <c r="F130313" s="14" t="s">
        <v>15</v>
      </c>
      <c r="G130313" s="16">
        <v>0</v>
      </c>
    </row>
    <row r="130314" spans="1:7" x14ac:dyDescent="0.3">
      <c r="A130314" s="13" t="s">
        <v>594</v>
      </c>
      <c r="B130314" s="14" t="s">
        <v>1</v>
      </c>
      <c r="C130314" s="14" t="s">
        <v>252</v>
      </c>
      <c r="D130314" s="14" t="s">
        <v>94</v>
      </c>
      <c r="E130314" s="15">
        <v>45385</v>
      </c>
      <c r="F130314" s="14" t="s">
        <v>15</v>
      </c>
      <c r="G130314" s="16">
        <v>0</v>
      </c>
    </row>
    <row r="130315" spans="1:7" x14ac:dyDescent="0.3">
      <c r="A130315" s="13" t="s">
        <v>594</v>
      </c>
      <c r="B130315" s="14" t="s">
        <v>1</v>
      </c>
      <c r="C130315" s="14" t="s">
        <v>252</v>
      </c>
      <c r="D130315" s="14" t="s">
        <v>94</v>
      </c>
      <c r="E130315" s="15">
        <v>45386</v>
      </c>
      <c r="F130315" s="14" t="s">
        <v>15</v>
      </c>
      <c r="G130315" s="16">
        <v>0</v>
      </c>
    </row>
    <row r="130316" spans="1:7" x14ac:dyDescent="0.3">
      <c r="A130316" s="13" t="s">
        <v>594</v>
      </c>
      <c r="B130316" s="14" t="s">
        <v>1</v>
      </c>
      <c r="C130316" s="14" t="s">
        <v>252</v>
      </c>
      <c r="D130316" s="14" t="s">
        <v>94</v>
      </c>
      <c r="E130316" s="15">
        <v>45387</v>
      </c>
      <c r="F130316" s="14" t="s">
        <v>15</v>
      </c>
      <c r="G130316" s="16">
        <v>0</v>
      </c>
    </row>
    <row r="130317" spans="1:7" x14ac:dyDescent="0.3">
      <c r="A130317" s="13" t="s">
        <v>594</v>
      </c>
      <c r="B130317" s="14" t="s">
        <v>1</v>
      </c>
      <c r="C130317" s="14" t="s">
        <v>252</v>
      </c>
      <c r="D130317" s="14" t="s">
        <v>94</v>
      </c>
      <c r="E130317" s="15">
        <v>45388</v>
      </c>
      <c r="F130317" s="14" t="s">
        <v>15</v>
      </c>
      <c r="G130317" s="16">
        <v>0</v>
      </c>
    </row>
    <row r="130318" spans="1:7" x14ac:dyDescent="0.3">
      <c r="A130318" s="13" t="s">
        <v>594</v>
      </c>
      <c r="B130318" s="14" t="s">
        <v>1</v>
      </c>
      <c r="C130318" s="14" t="s">
        <v>252</v>
      </c>
      <c r="D130318" s="14" t="s">
        <v>94</v>
      </c>
      <c r="E130318" s="15">
        <v>45389</v>
      </c>
      <c r="F130318" s="14" t="s">
        <v>15</v>
      </c>
      <c r="G130318" s="16">
        <v>0</v>
      </c>
    </row>
    <row r="130319" spans="1:7" x14ac:dyDescent="0.3">
      <c r="A130319" s="13" t="s">
        <v>594</v>
      </c>
      <c r="B130319" s="14" t="s">
        <v>1</v>
      </c>
      <c r="C130319" s="14" t="s">
        <v>252</v>
      </c>
      <c r="D130319" s="14" t="s">
        <v>94</v>
      </c>
      <c r="E130319" s="15">
        <v>45390</v>
      </c>
      <c r="F130319" s="14" t="s">
        <v>15</v>
      </c>
      <c r="G130319" s="16">
        <v>0</v>
      </c>
    </row>
    <row r="130320" spans="1:7" x14ac:dyDescent="0.3">
      <c r="A130320" s="13" t="s">
        <v>594</v>
      </c>
      <c r="B130320" s="14" t="s">
        <v>1</v>
      </c>
      <c r="C130320" s="14" t="s">
        <v>252</v>
      </c>
      <c r="D130320" s="14" t="s">
        <v>94</v>
      </c>
      <c r="E130320" s="15">
        <v>45391</v>
      </c>
      <c r="F130320" s="14" t="s">
        <v>15</v>
      </c>
      <c r="G130320" s="16">
        <v>0</v>
      </c>
    </row>
    <row r="130321" spans="1:7" x14ac:dyDescent="0.3">
      <c r="A130321" s="13" t="s">
        <v>594</v>
      </c>
      <c r="B130321" s="14" t="s">
        <v>1</v>
      </c>
      <c r="C130321" s="14" t="s">
        <v>252</v>
      </c>
      <c r="D130321" s="14" t="s">
        <v>94</v>
      </c>
      <c r="E130321" s="15">
        <v>45392</v>
      </c>
      <c r="F130321" s="14" t="s">
        <v>15</v>
      </c>
      <c r="G130321" s="16">
        <v>0</v>
      </c>
    </row>
    <row r="130322" spans="1:7" x14ac:dyDescent="0.3">
      <c r="A130322" s="13" t="s">
        <v>594</v>
      </c>
      <c r="B130322" s="14" t="s">
        <v>1</v>
      </c>
      <c r="C130322" s="14" t="s">
        <v>252</v>
      </c>
      <c r="D130322" s="14" t="s">
        <v>94</v>
      </c>
      <c r="E130322" s="15">
        <v>45393</v>
      </c>
      <c r="F130322" s="14" t="s">
        <v>15</v>
      </c>
      <c r="G130322" s="16">
        <v>0</v>
      </c>
    </row>
    <row r="130323" spans="1:7" x14ac:dyDescent="0.3">
      <c r="A130323" s="13" t="s">
        <v>594</v>
      </c>
      <c r="B130323" s="14" t="s">
        <v>1</v>
      </c>
      <c r="C130323" s="14" t="s">
        <v>252</v>
      </c>
      <c r="D130323" s="14" t="s">
        <v>94</v>
      </c>
      <c r="E130323" s="15">
        <v>45394</v>
      </c>
      <c r="F130323" s="14" t="s">
        <v>15</v>
      </c>
      <c r="G130323" s="16">
        <v>0</v>
      </c>
    </row>
    <row r="130324" spans="1:7" x14ac:dyDescent="0.3">
      <c r="A130324" s="13" t="s">
        <v>594</v>
      </c>
      <c r="B130324" s="14" t="s">
        <v>1</v>
      </c>
      <c r="C130324" s="14" t="s">
        <v>252</v>
      </c>
      <c r="D130324" s="14" t="s">
        <v>94</v>
      </c>
      <c r="E130324" s="15">
        <v>45395</v>
      </c>
      <c r="F130324" s="14" t="s">
        <v>15</v>
      </c>
      <c r="G130324" s="16">
        <v>0</v>
      </c>
    </row>
    <row r="130325" spans="1:7" x14ac:dyDescent="0.3">
      <c r="A130325" s="13" t="s">
        <v>594</v>
      </c>
      <c r="B130325" s="14" t="s">
        <v>1</v>
      </c>
      <c r="C130325" s="14" t="s">
        <v>252</v>
      </c>
      <c r="D130325" s="14" t="s">
        <v>94</v>
      </c>
      <c r="E130325" s="15">
        <v>45396</v>
      </c>
      <c r="F130325" s="14" t="s">
        <v>15</v>
      </c>
      <c r="G130325" s="16">
        <v>0</v>
      </c>
    </row>
    <row r="130326" spans="1:7" x14ac:dyDescent="0.3">
      <c r="A130326" s="13" t="s">
        <v>594</v>
      </c>
      <c r="B130326" s="14" t="s">
        <v>1</v>
      </c>
      <c r="C130326" s="14" t="s">
        <v>252</v>
      </c>
      <c r="D130326" s="14" t="s">
        <v>94</v>
      </c>
      <c r="E130326" s="15">
        <v>45397</v>
      </c>
      <c r="F130326" s="14" t="s">
        <v>15</v>
      </c>
      <c r="G130326" s="16">
        <v>0</v>
      </c>
    </row>
    <row r="130327" spans="1:7" x14ac:dyDescent="0.3">
      <c r="A130327" s="13" t="s">
        <v>594</v>
      </c>
      <c r="B130327" s="14" t="s">
        <v>1</v>
      </c>
      <c r="C130327" s="14" t="s">
        <v>252</v>
      </c>
      <c r="D130327" s="14" t="s">
        <v>94</v>
      </c>
      <c r="E130327" s="15">
        <v>45398</v>
      </c>
      <c r="F130327" s="14" t="s">
        <v>15</v>
      </c>
      <c r="G130327" s="16">
        <v>0</v>
      </c>
    </row>
    <row r="130328" spans="1:7" x14ac:dyDescent="0.3">
      <c r="A130328" s="13" t="s">
        <v>594</v>
      </c>
      <c r="B130328" s="14" t="s">
        <v>1</v>
      </c>
      <c r="C130328" s="14" t="s">
        <v>252</v>
      </c>
      <c r="D130328" s="14" t="s">
        <v>94</v>
      </c>
      <c r="E130328" s="15">
        <v>45399</v>
      </c>
      <c r="F130328" s="14" t="s">
        <v>15</v>
      </c>
      <c r="G130328" s="16">
        <v>0</v>
      </c>
    </row>
    <row r="130329" spans="1:7" x14ac:dyDescent="0.3">
      <c r="A130329" s="13" t="s">
        <v>594</v>
      </c>
      <c r="B130329" s="14" t="s">
        <v>1</v>
      </c>
      <c r="C130329" s="14" t="s">
        <v>252</v>
      </c>
      <c r="D130329" s="14" t="s">
        <v>94</v>
      </c>
      <c r="E130329" s="15">
        <v>45400</v>
      </c>
      <c r="F130329" s="14" t="s">
        <v>15</v>
      </c>
      <c r="G130329" s="16">
        <v>0</v>
      </c>
    </row>
    <row r="130330" spans="1:7" x14ac:dyDescent="0.3">
      <c r="A130330" s="13" t="s">
        <v>594</v>
      </c>
      <c r="B130330" s="14" t="s">
        <v>1</v>
      </c>
      <c r="C130330" s="14" t="s">
        <v>252</v>
      </c>
      <c r="D130330" s="14" t="s">
        <v>94</v>
      </c>
      <c r="E130330" s="15">
        <v>45401</v>
      </c>
      <c r="F130330" s="14" t="s">
        <v>15</v>
      </c>
      <c r="G130330" s="16">
        <v>0</v>
      </c>
    </row>
    <row r="130331" spans="1:7" x14ac:dyDescent="0.3">
      <c r="A130331" s="13" t="s">
        <v>594</v>
      </c>
      <c r="B130331" s="14" t="s">
        <v>1</v>
      </c>
      <c r="C130331" s="14" t="s">
        <v>252</v>
      </c>
      <c r="D130331" s="14" t="s">
        <v>94</v>
      </c>
      <c r="E130331" s="15">
        <v>45402</v>
      </c>
      <c r="F130331" s="14" t="s">
        <v>15</v>
      </c>
      <c r="G130331" s="16">
        <v>0</v>
      </c>
    </row>
    <row r="130332" spans="1:7" x14ac:dyDescent="0.3">
      <c r="A130332" s="13" t="s">
        <v>594</v>
      </c>
      <c r="B130332" s="14" t="s">
        <v>1</v>
      </c>
      <c r="C130332" s="14" t="s">
        <v>252</v>
      </c>
      <c r="D130332" s="14" t="s">
        <v>94</v>
      </c>
      <c r="E130332" s="15">
        <v>45403</v>
      </c>
      <c r="F130332" s="14" t="s">
        <v>15</v>
      </c>
      <c r="G130332" s="16">
        <v>0</v>
      </c>
    </row>
    <row r="130333" spans="1:7" x14ac:dyDescent="0.3">
      <c r="A130333" s="13" t="s">
        <v>594</v>
      </c>
      <c r="B130333" s="14" t="s">
        <v>1</v>
      </c>
      <c r="C130333" s="14" t="s">
        <v>252</v>
      </c>
      <c r="D130333" s="14" t="s">
        <v>94</v>
      </c>
      <c r="E130333" s="15">
        <v>45404</v>
      </c>
      <c r="F130333" s="14" t="s">
        <v>15</v>
      </c>
      <c r="G130333" s="16">
        <v>0</v>
      </c>
    </row>
    <row r="130334" spans="1:7" x14ac:dyDescent="0.3">
      <c r="A130334" s="13" t="s">
        <v>594</v>
      </c>
      <c r="B130334" s="14" t="s">
        <v>1</v>
      </c>
      <c r="C130334" s="14" t="s">
        <v>252</v>
      </c>
      <c r="D130334" s="14" t="s">
        <v>94</v>
      </c>
      <c r="E130334" s="15">
        <v>45405</v>
      </c>
      <c r="F130334" s="14" t="s">
        <v>15</v>
      </c>
      <c r="G130334" s="16">
        <v>0</v>
      </c>
    </row>
    <row r="130335" spans="1:7" x14ac:dyDescent="0.3">
      <c r="A130335" s="13" t="s">
        <v>594</v>
      </c>
      <c r="B130335" s="14" t="s">
        <v>1</v>
      </c>
      <c r="C130335" s="14" t="s">
        <v>252</v>
      </c>
      <c r="D130335" s="14" t="s">
        <v>94</v>
      </c>
      <c r="E130335" s="15">
        <v>45406</v>
      </c>
      <c r="F130335" s="14" t="s">
        <v>15</v>
      </c>
      <c r="G130335" s="16">
        <v>0</v>
      </c>
    </row>
    <row r="130336" spans="1:7" x14ac:dyDescent="0.3">
      <c r="A130336" s="13" t="s">
        <v>594</v>
      </c>
      <c r="B130336" s="14" t="s">
        <v>1</v>
      </c>
      <c r="C130336" s="14" t="s">
        <v>252</v>
      </c>
      <c r="D130336" s="14" t="s">
        <v>94</v>
      </c>
      <c r="E130336" s="15">
        <v>45407</v>
      </c>
      <c r="F130336" s="14" t="s">
        <v>15</v>
      </c>
      <c r="G130336" s="16">
        <v>0</v>
      </c>
    </row>
    <row r="130337" spans="1:7" x14ac:dyDescent="0.3">
      <c r="A130337" s="13" t="s">
        <v>594</v>
      </c>
      <c r="B130337" s="14" t="s">
        <v>1</v>
      </c>
      <c r="C130337" s="14" t="s">
        <v>252</v>
      </c>
      <c r="D130337" s="14" t="s">
        <v>94</v>
      </c>
      <c r="E130337" s="15">
        <v>45408</v>
      </c>
      <c r="F130337" s="14" t="s">
        <v>15</v>
      </c>
      <c r="G130337" s="16">
        <v>0</v>
      </c>
    </row>
    <row r="130338" spans="1:7" x14ac:dyDescent="0.3">
      <c r="A130338" s="13" t="s">
        <v>594</v>
      </c>
      <c r="B130338" s="14" t="s">
        <v>1</v>
      </c>
      <c r="C130338" s="14" t="s">
        <v>252</v>
      </c>
      <c r="D130338" s="14" t="s">
        <v>94</v>
      </c>
      <c r="E130338" s="15">
        <v>45409</v>
      </c>
      <c r="F130338" s="14" t="s">
        <v>15</v>
      </c>
      <c r="G130338" s="16">
        <v>0</v>
      </c>
    </row>
    <row r="130339" spans="1:7" x14ac:dyDescent="0.3">
      <c r="A130339" s="13" t="s">
        <v>594</v>
      </c>
      <c r="B130339" s="14" t="s">
        <v>1</v>
      </c>
      <c r="C130339" s="14" t="s">
        <v>252</v>
      </c>
      <c r="D130339" s="14" t="s">
        <v>94</v>
      </c>
      <c r="E130339" s="15">
        <v>45410</v>
      </c>
      <c r="F130339" s="14" t="s">
        <v>15</v>
      </c>
      <c r="G130339" s="16">
        <v>0</v>
      </c>
    </row>
    <row r="130340" spans="1:7" x14ac:dyDescent="0.3">
      <c r="A130340" s="13" t="s">
        <v>594</v>
      </c>
      <c r="B130340" s="14" t="s">
        <v>1</v>
      </c>
      <c r="C130340" s="14" t="s">
        <v>252</v>
      </c>
      <c r="D130340" s="14" t="s">
        <v>94</v>
      </c>
      <c r="E130340" s="15">
        <v>45411</v>
      </c>
      <c r="F130340" s="14" t="s">
        <v>15</v>
      </c>
      <c r="G130340" s="16">
        <v>0</v>
      </c>
    </row>
    <row r="130341" spans="1:7" x14ac:dyDescent="0.3">
      <c r="A130341" s="13" t="s">
        <v>594</v>
      </c>
      <c r="B130341" s="14" t="s">
        <v>1</v>
      </c>
      <c r="C130341" s="14" t="s">
        <v>252</v>
      </c>
      <c r="D130341" s="14" t="s">
        <v>94</v>
      </c>
      <c r="E130341" s="15">
        <v>45412</v>
      </c>
      <c r="F130341" s="14" t="s">
        <v>15</v>
      </c>
      <c r="G130341" s="16">
        <v>0</v>
      </c>
    </row>
    <row r="130342" spans="1:7" x14ac:dyDescent="0.3">
      <c r="A130342" s="13" t="s">
        <v>594</v>
      </c>
      <c r="B130342" s="14" t="s">
        <v>1</v>
      </c>
      <c r="C130342" s="14" t="s">
        <v>252</v>
      </c>
      <c r="D130342" s="14" t="s">
        <v>94</v>
      </c>
      <c r="E130342" s="15">
        <v>45413</v>
      </c>
      <c r="F130342" s="14" t="s">
        <v>15</v>
      </c>
      <c r="G130342" s="16">
        <v>0</v>
      </c>
    </row>
    <row r="130343" spans="1:7" x14ac:dyDescent="0.3">
      <c r="A130343" s="13" t="s">
        <v>594</v>
      </c>
      <c r="B130343" s="14" t="s">
        <v>1</v>
      </c>
      <c r="C130343" s="14" t="s">
        <v>252</v>
      </c>
      <c r="D130343" s="14" t="s">
        <v>94</v>
      </c>
      <c r="E130343" s="15">
        <v>45414</v>
      </c>
      <c r="F130343" s="14" t="s">
        <v>15</v>
      </c>
      <c r="G130343" s="16">
        <v>0</v>
      </c>
    </row>
    <row r="130344" spans="1:7" x14ac:dyDescent="0.3">
      <c r="A130344" s="13" t="s">
        <v>594</v>
      </c>
      <c r="B130344" s="14" t="s">
        <v>1</v>
      </c>
      <c r="C130344" s="14" t="s">
        <v>252</v>
      </c>
      <c r="D130344" s="14" t="s">
        <v>94</v>
      </c>
      <c r="E130344" s="15">
        <v>45415</v>
      </c>
      <c r="F130344" s="14" t="s">
        <v>15</v>
      </c>
      <c r="G130344" s="16">
        <v>0</v>
      </c>
    </row>
    <row r="130345" spans="1:7" x14ac:dyDescent="0.3">
      <c r="A130345" s="13" t="s">
        <v>594</v>
      </c>
      <c r="B130345" s="14" t="s">
        <v>1</v>
      </c>
      <c r="C130345" s="14" t="s">
        <v>252</v>
      </c>
      <c r="D130345" s="14" t="s">
        <v>94</v>
      </c>
      <c r="E130345" s="15">
        <v>45416</v>
      </c>
      <c r="F130345" s="14" t="s">
        <v>15</v>
      </c>
      <c r="G130345" s="16">
        <v>0</v>
      </c>
    </row>
    <row r="130346" spans="1:7" x14ac:dyDescent="0.3">
      <c r="A130346" s="13" t="s">
        <v>594</v>
      </c>
      <c r="B130346" s="14" t="s">
        <v>1</v>
      </c>
      <c r="C130346" s="14" t="s">
        <v>252</v>
      </c>
      <c r="D130346" s="14" t="s">
        <v>94</v>
      </c>
      <c r="E130346" s="15">
        <v>45417</v>
      </c>
      <c r="F130346" s="14" t="s">
        <v>15</v>
      </c>
      <c r="G130346" s="16">
        <v>0</v>
      </c>
    </row>
    <row r="130347" spans="1:7" x14ac:dyDescent="0.3">
      <c r="A130347" s="13" t="s">
        <v>594</v>
      </c>
      <c r="B130347" s="14" t="s">
        <v>1</v>
      </c>
      <c r="C130347" s="14" t="s">
        <v>252</v>
      </c>
      <c r="D130347" s="14" t="s">
        <v>94</v>
      </c>
      <c r="E130347" s="15">
        <v>45418</v>
      </c>
      <c r="F130347" s="14" t="s">
        <v>15</v>
      </c>
      <c r="G130347" s="16">
        <v>0</v>
      </c>
    </row>
    <row r="130348" spans="1:7" x14ac:dyDescent="0.3">
      <c r="A130348" s="13" t="s">
        <v>594</v>
      </c>
      <c r="B130348" s="14" t="s">
        <v>1</v>
      </c>
      <c r="C130348" s="14" t="s">
        <v>252</v>
      </c>
      <c r="D130348" s="14" t="s">
        <v>94</v>
      </c>
      <c r="E130348" s="15">
        <v>45419</v>
      </c>
      <c r="F130348" s="14" t="s">
        <v>15</v>
      </c>
      <c r="G130348" s="16">
        <v>0</v>
      </c>
    </row>
    <row r="130349" spans="1:7" x14ac:dyDescent="0.3">
      <c r="A130349" s="13" t="s">
        <v>594</v>
      </c>
      <c r="B130349" s="14" t="s">
        <v>1</v>
      </c>
      <c r="C130349" s="14" t="s">
        <v>252</v>
      </c>
      <c r="D130349" s="14" t="s">
        <v>94</v>
      </c>
      <c r="E130349" s="15">
        <v>45420</v>
      </c>
      <c r="F130349" s="14" t="s">
        <v>15</v>
      </c>
      <c r="G130349" s="16">
        <v>0</v>
      </c>
    </row>
    <row r="130350" spans="1:7" x14ac:dyDescent="0.3">
      <c r="A130350" s="13" t="s">
        <v>594</v>
      </c>
      <c r="B130350" s="14" t="s">
        <v>1</v>
      </c>
      <c r="C130350" s="14" t="s">
        <v>252</v>
      </c>
      <c r="D130350" s="14" t="s">
        <v>94</v>
      </c>
      <c r="E130350" s="15">
        <v>45421</v>
      </c>
      <c r="F130350" s="14" t="s">
        <v>15</v>
      </c>
      <c r="G130350" s="16">
        <v>0</v>
      </c>
    </row>
    <row r="130351" spans="1:7" x14ac:dyDescent="0.3">
      <c r="A130351" s="13" t="s">
        <v>594</v>
      </c>
      <c r="B130351" s="14" t="s">
        <v>1</v>
      </c>
      <c r="C130351" s="14" t="s">
        <v>252</v>
      </c>
      <c r="D130351" s="14" t="s">
        <v>94</v>
      </c>
      <c r="E130351" s="15">
        <v>45422</v>
      </c>
      <c r="F130351" s="14" t="s">
        <v>15</v>
      </c>
      <c r="G130351" s="16">
        <v>0</v>
      </c>
    </row>
    <row r="130352" spans="1:7" x14ac:dyDescent="0.3">
      <c r="A130352" s="13" t="s">
        <v>594</v>
      </c>
      <c r="B130352" s="14" t="s">
        <v>1</v>
      </c>
      <c r="C130352" s="14" t="s">
        <v>252</v>
      </c>
      <c r="D130352" s="14" t="s">
        <v>94</v>
      </c>
      <c r="E130352" s="15">
        <v>45423</v>
      </c>
      <c r="F130352" s="14" t="s">
        <v>15</v>
      </c>
      <c r="G130352" s="16">
        <v>0</v>
      </c>
    </row>
    <row r="130353" spans="1:7" x14ac:dyDescent="0.3">
      <c r="A130353" s="13" t="s">
        <v>594</v>
      </c>
      <c r="B130353" s="14" t="s">
        <v>1</v>
      </c>
      <c r="C130353" s="14" t="s">
        <v>252</v>
      </c>
      <c r="D130353" s="14" t="s">
        <v>94</v>
      </c>
      <c r="E130353" s="15">
        <v>45424</v>
      </c>
      <c r="F130353" s="14" t="s">
        <v>15</v>
      </c>
      <c r="G130353" s="16">
        <v>0</v>
      </c>
    </row>
    <row r="130354" spans="1:7" x14ac:dyDescent="0.3">
      <c r="A130354" s="13" t="s">
        <v>594</v>
      </c>
      <c r="B130354" s="14" t="s">
        <v>1</v>
      </c>
      <c r="C130354" s="14" t="s">
        <v>252</v>
      </c>
      <c r="D130354" s="14" t="s">
        <v>94</v>
      </c>
      <c r="E130354" s="15">
        <v>45425</v>
      </c>
      <c r="F130354" s="14" t="s">
        <v>15</v>
      </c>
      <c r="G130354" s="16">
        <v>0</v>
      </c>
    </row>
    <row r="130355" spans="1:7" x14ac:dyDescent="0.3">
      <c r="A130355" s="13" t="s">
        <v>594</v>
      </c>
      <c r="B130355" s="14" t="s">
        <v>1</v>
      </c>
      <c r="C130355" s="14" t="s">
        <v>252</v>
      </c>
      <c r="D130355" s="14" t="s">
        <v>94</v>
      </c>
      <c r="E130355" s="15">
        <v>45426</v>
      </c>
      <c r="F130355" s="14" t="s">
        <v>15</v>
      </c>
      <c r="G130355" s="16">
        <v>0</v>
      </c>
    </row>
    <row r="130356" spans="1:7" x14ac:dyDescent="0.3">
      <c r="A130356" s="13" t="s">
        <v>594</v>
      </c>
      <c r="B130356" s="14" t="s">
        <v>1</v>
      </c>
      <c r="C130356" s="14" t="s">
        <v>252</v>
      </c>
      <c r="D130356" s="14" t="s">
        <v>94</v>
      </c>
      <c r="E130356" s="15">
        <v>45427</v>
      </c>
      <c r="F130356" s="14" t="s">
        <v>15</v>
      </c>
      <c r="G130356" s="16">
        <v>0</v>
      </c>
    </row>
    <row r="130357" spans="1:7" x14ac:dyDescent="0.3">
      <c r="A130357" s="13" t="s">
        <v>594</v>
      </c>
      <c r="B130357" s="14" t="s">
        <v>1</v>
      </c>
      <c r="C130357" s="14" t="s">
        <v>252</v>
      </c>
      <c r="D130357" s="14" t="s">
        <v>94</v>
      </c>
      <c r="E130357" s="15">
        <v>45428</v>
      </c>
      <c r="F130357" s="14" t="s">
        <v>15</v>
      </c>
      <c r="G130357" s="16">
        <v>0</v>
      </c>
    </row>
    <row r="130358" spans="1:7" x14ac:dyDescent="0.3">
      <c r="A130358" s="13" t="s">
        <v>594</v>
      </c>
      <c r="B130358" s="14" t="s">
        <v>1</v>
      </c>
      <c r="C130358" s="14" t="s">
        <v>252</v>
      </c>
      <c r="D130358" s="14" t="s">
        <v>94</v>
      </c>
      <c r="E130358" s="15">
        <v>45429</v>
      </c>
      <c r="F130358" s="14" t="s">
        <v>15</v>
      </c>
      <c r="G130358" s="16">
        <v>0</v>
      </c>
    </row>
    <row r="130359" spans="1:7" x14ac:dyDescent="0.3">
      <c r="A130359" s="13" t="s">
        <v>594</v>
      </c>
      <c r="B130359" s="14" t="s">
        <v>1</v>
      </c>
      <c r="C130359" s="14" t="s">
        <v>252</v>
      </c>
      <c r="D130359" s="14" t="s">
        <v>94</v>
      </c>
      <c r="E130359" s="15">
        <v>45430</v>
      </c>
      <c r="F130359" s="14" t="s">
        <v>15</v>
      </c>
      <c r="G130359" s="16">
        <v>0</v>
      </c>
    </row>
    <row r="130360" spans="1:7" x14ac:dyDescent="0.3">
      <c r="A130360" s="13" t="s">
        <v>594</v>
      </c>
      <c r="B130360" s="14" t="s">
        <v>1</v>
      </c>
      <c r="C130360" s="14" t="s">
        <v>252</v>
      </c>
      <c r="D130360" s="14" t="s">
        <v>94</v>
      </c>
      <c r="E130360" s="15">
        <v>45431</v>
      </c>
      <c r="F130360" s="14" t="s">
        <v>15</v>
      </c>
      <c r="G130360" s="16">
        <v>0</v>
      </c>
    </row>
    <row r="130361" spans="1:7" x14ac:dyDescent="0.3">
      <c r="A130361" s="13" t="s">
        <v>594</v>
      </c>
      <c r="B130361" s="14" t="s">
        <v>1</v>
      </c>
      <c r="C130361" s="14" t="s">
        <v>252</v>
      </c>
      <c r="D130361" s="14" t="s">
        <v>94</v>
      </c>
      <c r="E130361" s="15">
        <v>45432</v>
      </c>
      <c r="F130361" s="14" t="s">
        <v>15</v>
      </c>
      <c r="G130361" s="16">
        <v>0</v>
      </c>
    </row>
    <row r="130362" spans="1:7" x14ac:dyDescent="0.3">
      <c r="A130362" s="13" t="s">
        <v>594</v>
      </c>
      <c r="B130362" s="14" t="s">
        <v>1</v>
      </c>
      <c r="C130362" s="14" t="s">
        <v>252</v>
      </c>
      <c r="D130362" s="14" t="s">
        <v>94</v>
      </c>
      <c r="E130362" s="15">
        <v>45433</v>
      </c>
      <c r="F130362" s="14" t="s">
        <v>15</v>
      </c>
      <c r="G130362" s="16">
        <v>0</v>
      </c>
    </row>
    <row r="130363" spans="1:7" x14ac:dyDescent="0.3">
      <c r="A130363" s="13" t="s">
        <v>594</v>
      </c>
      <c r="B130363" s="14" t="s">
        <v>1</v>
      </c>
      <c r="C130363" s="14" t="s">
        <v>252</v>
      </c>
      <c r="D130363" s="14" t="s">
        <v>94</v>
      </c>
      <c r="E130363" s="15">
        <v>45434</v>
      </c>
      <c r="F130363" s="14" t="s">
        <v>15</v>
      </c>
      <c r="G130363" s="16">
        <v>0</v>
      </c>
    </row>
    <row r="130364" spans="1:7" x14ac:dyDescent="0.3">
      <c r="A130364" s="13" t="s">
        <v>594</v>
      </c>
      <c r="B130364" s="14" t="s">
        <v>1</v>
      </c>
      <c r="C130364" s="14" t="s">
        <v>252</v>
      </c>
      <c r="D130364" s="14" t="s">
        <v>94</v>
      </c>
      <c r="E130364" s="15">
        <v>45435</v>
      </c>
      <c r="F130364" s="14" t="s">
        <v>15</v>
      </c>
      <c r="G130364" s="16">
        <v>0</v>
      </c>
    </row>
    <row r="130365" spans="1:7" x14ac:dyDescent="0.3">
      <c r="A130365" s="13" t="s">
        <v>594</v>
      </c>
      <c r="B130365" s="14" t="s">
        <v>1</v>
      </c>
      <c r="C130365" s="14" t="s">
        <v>252</v>
      </c>
      <c r="D130365" s="14" t="s">
        <v>94</v>
      </c>
      <c r="E130365" s="15">
        <v>45436</v>
      </c>
      <c r="F130365" s="14" t="s">
        <v>15</v>
      </c>
      <c r="G130365" s="16">
        <v>0</v>
      </c>
    </row>
    <row r="130366" spans="1:7" x14ac:dyDescent="0.3">
      <c r="A130366" s="13" t="s">
        <v>594</v>
      </c>
      <c r="B130366" s="14" t="s">
        <v>1</v>
      </c>
      <c r="C130366" s="14" t="s">
        <v>252</v>
      </c>
      <c r="D130366" s="14" t="s">
        <v>94</v>
      </c>
      <c r="E130366" s="15">
        <v>45437</v>
      </c>
      <c r="F130366" s="14" t="s">
        <v>15</v>
      </c>
      <c r="G130366" s="16">
        <v>0</v>
      </c>
    </row>
    <row r="130367" spans="1:7" x14ac:dyDescent="0.3">
      <c r="A130367" s="13" t="s">
        <v>594</v>
      </c>
      <c r="B130367" s="14" t="s">
        <v>1</v>
      </c>
      <c r="C130367" s="14" t="s">
        <v>252</v>
      </c>
      <c r="D130367" s="14" t="s">
        <v>94</v>
      </c>
      <c r="E130367" s="15">
        <v>45438</v>
      </c>
      <c r="F130367" s="14" t="s">
        <v>15</v>
      </c>
      <c r="G130367" s="16">
        <v>0</v>
      </c>
    </row>
    <row r="130368" spans="1:7" x14ac:dyDescent="0.3">
      <c r="A130368" s="13" t="s">
        <v>594</v>
      </c>
      <c r="B130368" s="14" t="s">
        <v>1</v>
      </c>
      <c r="C130368" s="14" t="s">
        <v>252</v>
      </c>
      <c r="D130368" s="14" t="s">
        <v>94</v>
      </c>
      <c r="E130368" s="15">
        <v>45439</v>
      </c>
      <c r="F130368" s="14" t="s">
        <v>15</v>
      </c>
      <c r="G130368" s="16">
        <v>0</v>
      </c>
    </row>
    <row r="130369" spans="1:7" x14ac:dyDescent="0.3">
      <c r="A130369" s="13" t="s">
        <v>594</v>
      </c>
      <c r="B130369" s="14" t="s">
        <v>1</v>
      </c>
      <c r="C130369" s="14" t="s">
        <v>252</v>
      </c>
      <c r="D130369" s="14" t="s">
        <v>94</v>
      </c>
      <c r="E130369" s="15">
        <v>45440</v>
      </c>
      <c r="F130369" s="14" t="s">
        <v>15</v>
      </c>
      <c r="G130369" s="16">
        <v>0</v>
      </c>
    </row>
    <row r="130370" spans="1:7" x14ac:dyDescent="0.3">
      <c r="A130370" s="13" t="s">
        <v>594</v>
      </c>
      <c r="B130370" s="14" t="s">
        <v>1</v>
      </c>
      <c r="C130370" s="14" t="s">
        <v>252</v>
      </c>
      <c r="D130370" s="14" t="s">
        <v>94</v>
      </c>
      <c r="E130370" s="15">
        <v>45441</v>
      </c>
      <c r="F130370" s="14" t="s">
        <v>15</v>
      </c>
      <c r="G130370" s="16">
        <v>0</v>
      </c>
    </row>
    <row r="130371" spans="1:7" x14ac:dyDescent="0.3">
      <c r="A130371" s="13" t="s">
        <v>594</v>
      </c>
      <c r="B130371" s="14" t="s">
        <v>1</v>
      </c>
      <c r="C130371" s="14" t="s">
        <v>252</v>
      </c>
      <c r="D130371" s="14" t="s">
        <v>94</v>
      </c>
      <c r="E130371" s="15">
        <v>45442</v>
      </c>
      <c r="F130371" s="14" t="s">
        <v>15</v>
      </c>
      <c r="G130371" s="16">
        <v>0</v>
      </c>
    </row>
    <row r="130372" spans="1:7" x14ac:dyDescent="0.3">
      <c r="A130372" s="13" t="s">
        <v>594</v>
      </c>
      <c r="B130372" s="14" t="s">
        <v>1</v>
      </c>
      <c r="C130372" s="14" t="s">
        <v>252</v>
      </c>
      <c r="D130372" s="14" t="s">
        <v>94</v>
      </c>
      <c r="E130372" s="15">
        <v>45443</v>
      </c>
      <c r="F130372" s="14" t="s">
        <v>15</v>
      </c>
      <c r="G130372" s="16">
        <v>0</v>
      </c>
    </row>
    <row r="130373" spans="1:7" x14ac:dyDescent="0.3">
      <c r="A130373" s="13" t="s">
        <v>594</v>
      </c>
      <c r="B130373" s="14" t="s">
        <v>1</v>
      </c>
      <c r="C130373" s="14" t="s">
        <v>252</v>
      </c>
      <c r="D130373" s="14" t="s">
        <v>94</v>
      </c>
      <c r="E130373" s="15">
        <v>45444</v>
      </c>
      <c r="F130373" s="14" t="s">
        <v>15</v>
      </c>
      <c r="G130373" s="16">
        <v>0</v>
      </c>
    </row>
    <row r="130374" spans="1:7" x14ac:dyDescent="0.3">
      <c r="A130374" s="13" t="s">
        <v>594</v>
      </c>
      <c r="B130374" s="14" t="s">
        <v>1</v>
      </c>
      <c r="C130374" s="14" t="s">
        <v>252</v>
      </c>
      <c r="D130374" s="14" t="s">
        <v>94</v>
      </c>
      <c r="E130374" s="15">
        <v>45445</v>
      </c>
      <c r="F130374" s="14" t="s">
        <v>15</v>
      </c>
      <c r="G130374" s="16">
        <v>0</v>
      </c>
    </row>
    <row r="130375" spans="1:7" x14ac:dyDescent="0.3">
      <c r="A130375" s="13" t="s">
        <v>594</v>
      </c>
      <c r="B130375" s="14" t="s">
        <v>1</v>
      </c>
      <c r="C130375" s="14" t="s">
        <v>252</v>
      </c>
      <c r="D130375" s="14" t="s">
        <v>94</v>
      </c>
      <c r="E130375" s="15">
        <v>45446</v>
      </c>
      <c r="F130375" s="14" t="s">
        <v>15</v>
      </c>
      <c r="G130375" s="16">
        <v>0</v>
      </c>
    </row>
    <row r="130376" spans="1:7" x14ac:dyDescent="0.3">
      <c r="A130376" s="13" t="s">
        <v>594</v>
      </c>
      <c r="B130376" s="14" t="s">
        <v>1</v>
      </c>
      <c r="C130376" s="14" t="s">
        <v>252</v>
      </c>
      <c r="D130376" s="14" t="s">
        <v>94</v>
      </c>
      <c r="E130376" s="15">
        <v>45447</v>
      </c>
      <c r="F130376" s="14" t="s">
        <v>15</v>
      </c>
      <c r="G130376" s="16">
        <v>0</v>
      </c>
    </row>
    <row r="130377" spans="1:7" x14ac:dyDescent="0.3">
      <c r="A130377" s="13" t="s">
        <v>594</v>
      </c>
      <c r="B130377" s="14" t="s">
        <v>1</v>
      </c>
      <c r="C130377" s="14" t="s">
        <v>252</v>
      </c>
      <c r="D130377" s="14" t="s">
        <v>94</v>
      </c>
      <c r="E130377" s="15">
        <v>45448</v>
      </c>
      <c r="F130377" s="14" t="s">
        <v>15</v>
      </c>
      <c r="G130377" s="16">
        <v>0</v>
      </c>
    </row>
    <row r="130378" spans="1:7" x14ac:dyDescent="0.3">
      <c r="A130378" s="13" t="s">
        <v>594</v>
      </c>
      <c r="B130378" s="14" t="s">
        <v>1</v>
      </c>
      <c r="C130378" s="14" t="s">
        <v>252</v>
      </c>
      <c r="D130378" s="14" t="s">
        <v>94</v>
      </c>
      <c r="E130378" s="15">
        <v>45449</v>
      </c>
      <c r="F130378" s="14" t="s">
        <v>15</v>
      </c>
      <c r="G130378" s="16">
        <v>0</v>
      </c>
    </row>
    <row r="130379" spans="1:7" x14ac:dyDescent="0.3">
      <c r="A130379" s="13" t="s">
        <v>594</v>
      </c>
      <c r="B130379" s="14" t="s">
        <v>1</v>
      </c>
      <c r="C130379" s="14" t="s">
        <v>252</v>
      </c>
      <c r="D130379" s="14" t="s">
        <v>94</v>
      </c>
      <c r="E130379" s="15">
        <v>45450</v>
      </c>
      <c r="F130379" s="14" t="s">
        <v>15</v>
      </c>
      <c r="G130379" s="16">
        <v>0</v>
      </c>
    </row>
    <row r="130380" spans="1:7" x14ac:dyDescent="0.3">
      <c r="A130380" s="13" t="s">
        <v>594</v>
      </c>
      <c r="B130380" s="14" t="s">
        <v>1</v>
      </c>
      <c r="C130380" s="14" t="s">
        <v>252</v>
      </c>
      <c r="D130380" s="14" t="s">
        <v>94</v>
      </c>
      <c r="E130380" s="15">
        <v>45451</v>
      </c>
      <c r="F130380" s="14" t="s">
        <v>15</v>
      </c>
      <c r="G130380" s="16">
        <v>0</v>
      </c>
    </row>
    <row r="130381" spans="1:7" x14ac:dyDescent="0.3">
      <c r="A130381" s="13" t="s">
        <v>594</v>
      </c>
      <c r="B130381" s="14" t="s">
        <v>1</v>
      </c>
      <c r="C130381" s="14" t="s">
        <v>252</v>
      </c>
      <c r="D130381" s="14" t="s">
        <v>94</v>
      </c>
      <c r="E130381" s="15">
        <v>45452</v>
      </c>
      <c r="F130381" s="14" t="s">
        <v>15</v>
      </c>
      <c r="G130381" s="16">
        <v>0</v>
      </c>
    </row>
    <row r="130382" spans="1:7" x14ac:dyDescent="0.3">
      <c r="A130382" s="13" t="s">
        <v>594</v>
      </c>
      <c r="B130382" s="14" t="s">
        <v>1</v>
      </c>
      <c r="C130382" s="14" t="s">
        <v>252</v>
      </c>
      <c r="D130382" s="14" t="s">
        <v>94</v>
      </c>
      <c r="E130382" s="15">
        <v>45453</v>
      </c>
      <c r="F130382" s="14" t="s">
        <v>15</v>
      </c>
      <c r="G130382" s="16">
        <v>0</v>
      </c>
    </row>
    <row r="130383" spans="1:7" x14ac:dyDescent="0.3">
      <c r="A130383" s="13" t="s">
        <v>594</v>
      </c>
      <c r="B130383" s="14" t="s">
        <v>1</v>
      </c>
      <c r="C130383" s="14" t="s">
        <v>252</v>
      </c>
      <c r="D130383" s="14" t="s">
        <v>94</v>
      </c>
      <c r="E130383" s="15">
        <v>45454</v>
      </c>
      <c r="F130383" s="14" t="s">
        <v>15</v>
      </c>
      <c r="G130383" s="16">
        <v>0</v>
      </c>
    </row>
    <row r="130384" spans="1:7" x14ac:dyDescent="0.3">
      <c r="A130384" s="13" t="s">
        <v>594</v>
      </c>
      <c r="B130384" s="14" t="s">
        <v>1</v>
      </c>
      <c r="C130384" s="14" t="s">
        <v>252</v>
      </c>
      <c r="D130384" s="14" t="s">
        <v>94</v>
      </c>
      <c r="E130384" s="15">
        <v>45455</v>
      </c>
      <c r="F130384" s="14" t="s">
        <v>15</v>
      </c>
      <c r="G130384" s="16">
        <v>0</v>
      </c>
    </row>
    <row r="130385" spans="1:7" x14ac:dyDescent="0.3">
      <c r="A130385" s="13" t="s">
        <v>594</v>
      </c>
      <c r="B130385" s="14" t="s">
        <v>1</v>
      </c>
      <c r="C130385" s="14" t="s">
        <v>252</v>
      </c>
      <c r="D130385" s="14" t="s">
        <v>94</v>
      </c>
      <c r="E130385" s="15">
        <v>45456</v>
      </c>
      <c r="F130385" s="14" t="s">
        <v>15</v>
      </c>
      <c r="G130385" s="16">
        <v>0</v>
      </c>
    </row>
    <row r="130386" spans="1:7" x14ac:dyDescent="0.3">
      <c r="A130386" s="13" t="s">
        <v>594</v>
      </c>
      <c r="B130386" s="14" t="s">
        <v>1</v>
      </c>
      <c r="C130386" s="14" t="s">
        <v>252</v>
      </c>
      <c r="D130386" s="14" t="s">
        <v>94</v>
      </c>
      <c r="E130386" s="15">
        <v>45457</v>
      </c>
      <c r="F130386" s="14" t="s">
        <v>15</v>
      </c>
      <c r="G130386" s="16">
        <v>0</v>
      </c>
    </row>
    <row r="130387" spans="1:7" x14ac:dyDescent="0.3">
      <c r="A130387" s="13" t="s">
        <v>594</v>
      </c>
      <c r="B130387" s="14" t="s">
        <v>1</v>
      </c>
      <c r="C130387" s="14" t="s">
        <v>252</v>
      </c>
      <c r="D130387" s="14" t="s">
        <v>94</v>
      </c>
      <c r="E130387" s="15">
        <v>45458</v>
      </c>
      <c r="F130387" s="14" t="s">
        <v>15</v>
      </c>
      <c r="G130387" s="16">
        <v>0</v>
      </c>
    </row>
    <row r="130388" spans="1:7" x14ac:dyDescent="0.3">
      <c r="A130388" s="13" t="s">
        <v>594</v>
      </c>
      <c r="B130388" s="14" t="s">
        <v>1</v>
      </c>
      <c r="C130388" s="14" t="s">
        <v>252</v>
      </c>
      <c r="D130388" s="14" t="s">
        <v>94</v>
      </c>
      <c r="E130388" s="15">
        <v>45459</v>
      </c>
      <c r="F130388" s="14" t="s">
        <v>15</v>
      </c>
      <c r="G130388" s="16">
        <v>0</v>
      </c>
    </row>
    <row r="130389" spans="1:7" x14ac:dyDescent="0.3">
      <c r="A130389" s="13" t="s">
        <v>594</v>
      </c>
      <c r="B130389" s="14" t="s">
        <v>1</v>
      </c>
      <c r="C130389" s="14" t="s">
        <v>252</v>
      </c>
      <c r="D130389" s="14" t="s">
        <v>94</v>
      </c>
      <c r="E130389" s="15">
        <v>45460</v>
      </c>
      <c r="F130389" s="14" t="s">
        <v>15</v>
      </c>
      <c r="G130389" s="16">
        <v>0</v>
      </c>
    </row>
    <row r="130390" spans="1:7" x14ac:dyDescent="0.3">
      <c r="A130390" s="13" t="s">
        <v>594</v>
      </c>
      <c r="B130390" s="14" t="s">
        <v>1</v>
      </c>
      <c r="C130390" s="14" t="s">
        <v>252</v>
      </c>
      <c r="D130390" s="14" t="s">
        <v>94</v>
      </c>
      <c r="E130390" s="15">
        <v>45461</v>
      </c>
      <c r="F130390" s="14" t="s">
        <v>15</v>
      </c>
      <c r="G130390" s="16">
        <v>0</v>
      </c>
    </row>
    <row r="130391" spans="1:7" x14ac:dyDescent="0.3">
      <c r="A130391" s="13" t="s">
        <v>594</v>
      </c>
      <c r="B130391" s="14" t="s">
        <v>1</v>
      </c>
      <c r="C130391" s="14" t="s">
        <v>252</v>
      </c>
      <c r="D130391" s="14" t="s">
        <v>94</v>
      </c>
      <c r="E130391" s="15">
        <v>45462</v>
      </c>
      <c r="F130391" s="14" t="s">
        <v>15</v>
      </c>
      <c r="G130391" s="16">
        <v>0</v>
      </c>
    </row>
    <row r="130392" spans="1:7" x14ac:dyDescent="0.3">
      <c r="A130392" s="13" t="s">
        <v>594</v>
      </c>
      <c r="B130392" s="14" t="s">
        <v>1</v>
      </c>
      <c r="C130392" s="14" t="s">
        <v>252</v>
      </c>
      <c r="D130392" s="14" t="s">
        <v>94</v>
      </c>
      <c r="E130392" s="15">
        <v>45463</v>
      </c>
      <c r="F130392" s="14" t="s">
        <v>15</v>
      </c>
      <c r="G130392" s="16">
        <v>0</v>
      </c>
    </row>
    <row r="130393" spans="1:7" x14ac:dyDescent="0.3">
      <c r="A130393" s="13" t="s">
        <v>594</v>
      </c>
      <c r="B130393" s="14" t="s">
        <v>1</v>
      </c>
      <c r="C130393" s="14" t="s">
        <v>252</v>
      </c>
      <c r="D130393" s="14" t="s">
        <v>94</v>
      </c>
      <c r="E130393" s="15">
        <v>45464</v>
      </c>
      <c r="F130393" s="14" t="s">
        <v>15</v>
      </c>
      <c r="G130393" s="16">
        <v>0</v>
      </c>
    </row>
    <row r="130394" spans="1:7" x14ac:dyDescent="0.3">
      <c r="A130394" s="13" t="s">
        <v>594</v>
      </c>
      <c r="B130394" s="14" t="s">
        <v>1</v>
      </c>
      <c r="C130394" s="14" t="s">
        <v>252</v>
      </c>
      <c r="D130394" s="14" t="s">
        <v>94</v>
      </c>
      <c r="E130394" s="15">
        <v>45465</v>
      </c>
      <c r="F130394" s="14" t="s">
        <v>15</v>
      </c>
      <c r="G130394" s="16">
        <v>0</v>
      </c>
    </row>
    <row r="130395" spans="1:7" x14ac:dyDescent="0.3">
      <c r="A130395" s="13" t="s">
        <v>594</v>
      </c>
      <c r="B130395" s="14" t="s">
        <v>1</v>
      </c>
      <c r="C130395" s="14" t="s">
        <v>252</v>
      </c>
      <c r="D130395" s="14" t="s">
        <v>94</v>
      </c>
      <c r="E130395" s="15">
        <v>45466</v>
      </c>
      <c r="F130395" s="14" t="s">
        <v>15</v>
      </c>
      <c r="G130395" s="16">
        <v>0</v>
      </c>
    </row>
    <row r="130396" spans="1:7" x14ac:dyDescent="0.3">
      <c r="A130396" s="13" t="s">
        <v>594</v>
      </c>
      <c r="B130396" s="14" t="s">
        <v>1</v>
      </c>
      <c r="C130396" s="14" t="s">
        <v>252</v>
      </c>
      <c r="D130396" s="14" t="s">
        <v>94</v>
      </c>
      <c r="E130396" s="15">
        <v>45467</v>
      </c>
      <c r="F130396" s="14" t="s">
        <v>15</v>
      </c>
      <c r="G130396" s="16">
        <v>0</v>
      </c>
    </row>
    <row r="130397" spans="1:7" x14ac:dyDescent="0.3">
      <c r="A130397" s="13" t="s">
        <v>594</v>
      </c>
      <c r="B130397" s="14" t="s">
        <v>1</v>
      </c>
      <c r="C130397" s="14" t="s">
        <v>252</v>
      </c>
      <c r="D130397" s="14" t="s">
        <v>94</v>
      </c>
      <c r="E130397" s="15">
        <v>45468</v>
      </c>
      <c r="F130397" s="14" t="s">
        <v>15</v>
      </c>
      <c r="G130397" s="16">
        <v>0</v>
      </c>
    </row>
    <row r="130398" spans="1:7" x14ac:dyDescent="0.3">
      <c r="A130398" s="13" t="s">
        <v>594</v>
      </c>
      <c r="B130398" s="14" t="s">
        <v>1</v>
      </c>
      <c r="C130398" s="14" t="s">
        <v>252</v>
      </c>
      <c r="D130398" s="14" t="s">
        <v>94</v>
      </c>
      <c r="E130398" s="15">
        <v>45469</v>
      </c>
      <c r="F130398" s="14" t="s">
        <v>15</v>
      </c>
      <c r="G130398" s="16">
        <v>0</v>
      </c>
    </row>
    <row r="130399" spans="1:7" x14ac:dyDescent="0.3">
      <c r="A130399" s="13" t="s">
        <v>594</v>
      </c>
      <c r="B130399" s="14" t="s">
        <v>1</v>
      </c>
      <c r="C130399" s="14" t="s">
        <v>252</v>
      </c>
      <c r="D130399" s="14" t="s">
        <v>94</v>
      </c>
      <c r="E130399" s="15">
        <v>45470</v>
      </c>
      <c r="F130399" s="14" t="s">
        <v>15</v>
      </c>
      <c r="G130399" s="16">
        <v>0</v>
      </c>
    </row>
    <row r="130400" spans="1:7" x14ac:dyDescent="0.3">
      <c r="A130400" s="13" t="s">
        <v>594</v>
      </c>
      <c r="B130400" s="14" t="s">
        <v>1</v>
      </c>
      <c r="C130400" s="14" t="s">
        <v>252</v>
      </c>
      <c r="D130400" s="14" t="s">
        <v>94</v>
      </c>
      <c r="E130400" s="15">
        <v>45471</v>
      </c>
      <c r="F130400" s="14" t="s">
        <v>15</v>
      </c>
      <c r="G130400" s="16">
        <v>0</v>
      </c>
    </row>
    <row r="130401" spans="1:7" x14ac:dyDescent="0.3">
      <c r="A130401" s="13" t="s">
        <v>594</v>
      </c>
      <c r="B130401" s="14" t="s">
        <v>1</v>
      </c>
      <c r="C130401" s="14" t="s">
        <v>252</v>
      </c>
      <c r="D130401" s="14" t="s">
        <v>94</v>
      </c>
      <c r="E130401" s="15">
        <v>45472</v>
      </c>
      <c r="F130401" s="14" t="s">
        <v>15</v>
      </c>
      <c r="G130401" s="16">
        <v>0</v>
      </c>
    </row>
    <row r="130402" spans="1:7" x14ac:dyDescent="0.3">
      <c r="A130402" s="13" t="s">
        <v>594</v>
      </c>
      <c r="B130402" s="14" t="s">
        <v>1</v>
      </c>
      <c r="C130402" s="14" t="s">
        <v>252</v>
      </c>
      <c r="D130402" s="14" t="s">
        <v>94</v>
      </c>
      <c r="E130402" s="15">
        <v>45473</v>
      </c>
      <c r="F130402" s="14" t="s">
        <v>15</v>
      </c>
      <c r="G130402" s="16">
        <v>0</v>
      </c>
    </row>
    <row r="130403" spans="1:7" x14ac:dyDescent="0.3">
      <c r="A130403" s="13" t="s">
        <v>594</v>
      </c>
      <c r="B130403" s="14" t="s">
        <v>1</v>
      </c>
      <c r="C130403" s="14" t="s">
        <v>252</v>
      </c>
      <c r="D130403" s="14" t="s">
        <v>94</v>
      </c>
      <c r="E130403" s="15">
        <v>45474</v>
      </c>
      <c r="F130403" s="14" t="s">
        <v>15</v>
      </c>
      <c r="G130403" s="16">
        <v>0</v>
      </c>
    </row>
    <row r="130404" spans="1:7" x14ac:dyDescent="0.3">
      <c r="A130404" s="13" t="s">
        <v>594</v>
      </c>
      <c r="B130404" s="14" t="s">
        <v>1</v>
      </c>
      <c r="C130404" s="14" t="s">
        <v>252</v>
      </c>
      <c r="D130404" s="14" t="s">
        <v>94</v>
      </c>
      <c r="E130404" s="15">
        <v>45475</v>
      </c>
      <c r="F130404" s="14" t="s">
        <v>15</v>
      </c>
      <c r="G130404" s="16">
        <v>0</v>
      </c>
    </row>
    <row r="130405" spans="1:7" x14ac:dyDescent="0.3">
      <c r="A130405" s="13" t="s">
        <v>594</v>
      </c>
      <c r="B130405" s="14" t="s">
        <v>1</v>
      </c>
      <c r="C130405" s="14" t="s">
        <v>252</v>
      </c>
      <c r="D130405" s="14" t="s">
        <v>94</v>
      </c>
      <c r="E130405" s="15">
        <v>45476</v>
      </c>
      <c r="F130405" s="14" t="s">
        <v>15</v>
      </c>
      <c r="G130405" s="16">
        <v>0</v>
      </c>
    </row>
    <row r="130406" spans="1:7" x14ac:dyDescent="0.3">
      <c r="A130406" s="13" t="s">
        <v>594</v>
      </c>
      <c r="B130406" s="14" t="s">
        <v>1</v>
      </c>
      <c r="C130406" s="14" t="s">
        <v>252</v>
      </c>
      <c r="D130406" s="14" t="s">
        <v>94</v>
      </c>
      <c r="E130406" s="15">
        <v>45477</v>
      </c>
      <c r="F130406" s="14" t="s">
        <v>15</v>
      </c>
      <c r="G130406" s="16">
        <v>0</v>
      </c>
    </row>
    <row r="130407" spans="1:7" x14ac:dyDescent="0.3">
      <c r="A130407" s="13" t="s">
        <v>594</v>
      </c>
      <c r="B130407" s="14" t="s">
        <v>1</v>
      </c>
      <c r="C130407" s="14" t="s">
        <v>252</v>
      </c>
      <c r="D130407" s="14" t="s">
        <v>94</v>
      </c>
      <c r="E130407" s="15">
        <v>45478</v>
      </c>
      <c r="F130407" s="14" t="s">
        <v>15</v>
      </c>
      <c r="G130407" s="16">
        <v>0</v>
      </c>
    </row>
    <row r="130408" spans="1:7" x14ac:dyDescent="0.3">
      <c r="A130408" s="13" t="s">
        <v>594</v>
      </c>
      <c r="B130408" s="14" t="s">
        <v>1</v>
      </c>
      <c r="C130408" s="14" t="s">
        <v>252</v>
      </c>
      <c r="D130408" s="14" t="s">
        <v>94</v>
      </c>
      <c r="E130408" s="15">
        <v>45479</v>
      </c>
      <c r="F130408" s="14" t="s">
        <v>15</v>
      </c>
      <c r="G130408" s="16">
        <v>0</v>
      </c>
    </row>
    <row r="130409" spans="1:7" x14ac:dyDescent="0.3">
      <c r="A130409" s="13" t="s">
        <v>594</v>
      </c>
      <c r="B130409" s="14" t="s">
        <v>1</v>
      </c>
      <c r="C130409" s="14" t="s">
        <v>252</v>
      </c>
      <c r="D130409" s="14" t="s">
        <v>94</v>
      </c>
      <c r="E130409" s="15">
        <v>45480</v>
      </c>
      <c r="F130409" s="14" t="s">
        <v>15</v>
      </c>
      <c r="G130409" s="16">
        <v>0</v>
      </c>
    </row>
    <row r="130410" spans="1:7" x14ac:dyDescent="0.3">
      <c r="A130410" s="13" t="s">
        <v>594</v>
      </c>
      <c r="B130410" s="14" t="s">
        <v>1</v>
      </c>
      <c r="C130410" s="14" t="s">
        <v>252</v>
      </c>
      <c r="D130410" s="14" t="s">
        <v>94</v>
      </c>
      <c r="E130410" s="15">
        <v>45481</v>
      </c>
      <c r="F130410" s="14" t="s">
        <v>15</v>
      </c>
      <c r="G130410" s="16">
        <v>0</v>
      </c>
    </row>
    <row r="130411" spans="1:7" x14ac:dyDescent="0.3">
      <c r="A130411" s="13" t="s">
        <v>594</v>
      </c>
      <c r="B130411" s="14" t="s">
        <v>1</v>
      </c>
      <c r="C130411" s="14" t="s">
        <v>252</v>
      </c>
      <c r="D130411" s="14" t="s">
        <v>94</v>
      </c>
      <c r="E130411" s="15">
        <v>45482</v>
      </c>
      <c r="F130411" s="14" t="s">
        <v>15</v>
      </c>
      <c r="G130411" s="16">
        <v>0</v>
      </c>
    </row>
    <row r="130412" spans="1:7" x14ac:dyDescent="0.3">
      <c r="A130412" s="13" t="s">
        <v>594</v>
      </c>
      <c r="B130412" s="14" t="s">
        <v>1</v>
      </c>
      <c r="C130412" s="14" t="s">
        <v>252</v>
      </c>
      <c r="D130412" s="14" t="s">
        <v>94</v>
      </c>
      <c r="E130412" s="15">
        <v>45483</v>
      </c>
      <c r="F130412" s="14" t="s">
        <v>15</v>
      </c>
      <c r="G130412" s="16">
        <v>0</v>
      </c>
    </row>
    <row r="130413" spans="1:7" x14ac:dyDescent="0.3">
      <c r="A130413" s="13" t="s">
        <v>594</v>
      </c>
      <c r="B130413" s="14" t="s">
        <v>1</v>
      </c>
      <c r="C130413" s="14" t="s">
        <v>252</v>
      </c>
      <c r="D130413" s="14" t="s">
        <v>94</v>
      </c>
      <c r="E130413" s="15">
        <v>45484</v>
      </c>
      <c r="F130413" s="14" t="s">
        <v>15</v>
      </c>
      <c r="G130413" s="16">
        <v>0</v>
      </c>
    </row>
    <row r="130414" spans="1:7" x14ac:dyDescent="0.3">
      <c r="A130414" s="13" t="s">
        <v>594</v>
      </c>
      <c r="B130414" s="14" t="s">
        <v>1</v>
      </c>
      <c r="C130414" s="14" t="s">
        <v>252</v>
      </c>
      <c r="D130414" s="14" t="s">
        <v>94</v>
      </c>
      <c r="E130414" s="15">
        <v>45485</v>
      </c>
      <c r="F130414" s="14" t="s">
        <v>15</v>
      </c>
      <c r="G130414" s="16">
        <v>0</v>
      </c>
    </row>
    <row r="130415" spans="1:7" x14ac:dyDescent="0.3">
      <c r="A130415" s="13" t="s">
        <v>594</v>
      </c>
      <c r="B130415" s="14" t="s">
        <v>1</v>
      </c>
      <c r="C130415" s="14" t="s">
        <v>252</v>
      </c>
      <c r="D130415" s="14" t="s">
        <v>94</v>
      </c>
      <c r="E130415" s="15">
        <v>45486</v>
      </c>
      <c r="F130415" s="14" t="s">
        <v>15</v>
      </c>
      <c r="G130415" s="16">
        <v>0</v>
      </c>
    </row>
    <row r="130416" spans="1:7" x14ac:dyDescent="0.3">
      <c r="A130416" s="13" t="s">
        <v>594</v>
      </c>
      <c r="B130416" s="14" t="s">
        <v>1</v>
      </c>
      <c r="C130416" s="14" t="s">
        <v>252</v>
      </c>
      <c r="D130416" s="14" t="s">
        <v>94</v>
      </c>
      <c r="E130416" s="15">
        <v>45487</v>
      </c>
      <c r="F130416" s="14" t="s">
        <v>15</v>
      </c>
      <c r="G130416" s="16">
        <v>0</v>
      </c>
    </row>
    <row r="130417" spans="1:7" x14ac:dyDescent="0.3">
      <c r="A130417" s="13" t="s">
        <v>594</v>
      </c>
      <c r="B130417" s="14" t="s">
        <v>1</v>
      </c>
      <c r="C130417" s="14" t="s">
        <v>252</v>
      </c>
      <c r="D130417" s="14" t="s">
        <v>94</v>
      </c>
      <c r="E130417" s="15">
        <v>45488</v>
      </c>
      <c r="F130417" s="14" t="s">
        <v>15</v>
      </c>
      <c r="G130417" s="16">
        <v>0</v>
      </c>
    </row>
    <row r="130418" spans="1:7" x14ac:dyDescent="0.3">
      <c r="A130418" s="13" t="s">
        <v>594</v>
      </c>
      <c r="B130418" s="14" t="s">
        <v>1</v>
      </c>
      <c r="C130418" s="14" t="s">
        <v>252</v>
      </c>
      <c r="D130418" s="14" t="s">
        <v>94</v>
      </c>
      <c r="E130418" s="15">
        <v>45489</v>
      </c>
      <c r="F130418" s="14" t="s">
        <v>15</v>
      </c>
      <c r="G130418" s="16">
        <v>0</v>
      </c>
    </row>
    <row r="130419" spans="1:7" x14ac:dyDescent="0.3">
      <c r="A130419" s="13" t="s">
        <v>594</v>
      </c>
      <c r="B130419" s="14" t="s">
        <v>1</v>
      </c>
      <c r="C130419" s="14" t="s">
        <v>252</v>
      </c>
      <c r="D130419" s="14" t="s">
        <v>94</v>
      </c>
      <c r="E130419" s="15">
        <v>45490</v>
      </c>
      <c r="F130419" s="14" t="s">
        <v>15</v>
      </c>
      <c r="G130419" s="16">
        <v>0</v>
      </c>
    </row>
    <row r="130420" spans="1:7" x14ac:dyDescent="0.3">
      <c r="A130420" s="13" t="s">
        <v>594</v>
      </c>
      <c r="B130420" s="14" t="s">
        <v>1</v>
      </c>
      <c r="C130420" s="14" t="s">
        <v>252</v>
      </c>
      <c r="D130420" s="14" t="s">
        <v>94</v>
      </c>
      <c r="E130420" s="15">
        <v>45491</v>
      </c>
      <c r="F130420" s="14" t="s">
        <v>15</v>
      </c>
      <c r="G130420" s="16">
        <v>0</v>
      </c>
    </row>
    <row r="130421" spans="1:7" x14ac:dyDescent="0.3">
      <c r="A130421" s="13" t="s">
        <v>594</v>
      </c>
      <c r="B130421" s="14" t="s">
        <v>1</v>
      </c>
      <c r="C130421" s="14" t="s">
        <v>252</v>
      </c>
      <c r="D130421" s="14" t="s">
        <v>94</v>
      </c>
      <c r="E130421" s="15">
        <v>45492</v>
      </c>
      <c r="F130421" s="14" t="s">
        <v>15</v>
      </c>
      <c r="G130421" s="16">
        <v>0</v>
      </c>
    </row>
    <row r="130422" spans="1:7" x14ac:dyDescent="0.3">
      <c r="A130422" s="13" t="s">
        <v>594</v>
      </c>
      <c r="B130422" s="14" t="s">
        <v>1</v>
      </c>
      <c r="C130422" s="14" t="s">
        <v>252</v>
      </c>
      <c r="D130422" s="14" t="s">
        <v>94</v>
      </c>
      <c r="E130422" s="15">
        <v>45493</v>
      </c>
      <c r="F130422" s="14" t="s">
        <v>15</v>
      </c>
      <c r="G130422" s="16">
        <v>0</v>
      </c>
    </row>
    <row r="130423" spans="1:7" x14ac:dyDescent="0.3">
      <c r="A130423" s="13" t="s">
        <v>594</v>
      </c>
      <c r="B130423" s="14" t="s">
        <v>1</v>
      </c>
      <c r="C130423" s="14" t="s">
        <v>252</v>
      </c>
      <c r="D130423" s="14" t="s">
        <v>94</v>
      </c>
      <c r="E130423" s="15">
        <v>45494</v>
      </c>
      <c r="F130423" s="14" t="s">
        <v>15</v>
      </c>
      <c r="G130423" s="16">
        <v>0</v>
      </c>
    </row>
    <row r="130424" spans="1:7" x14ac:dyDescent="0.3">
      <c r="A130424" s="13" t="s">
        <v>594</v>
      </c>
      <c r="B130424" s="14" t="s">
        <v>1</v>
      </c>
      <c r="C130424" s="14" t="s">
        <v>252</v>
      </c>
      <c r="D130424" s="14" t="s">
        <v>94</v>
      </c>
      <c r="E130424" s="15">
        <v>45495</v>
      </c>
      <c r="F130424" s="14" t="s">
        <v>15</v>
      </c>
      <c r="G130424" s="16">
        <v>0</v>
      </c>
    </row>
    <row r="130425" spans="1:7" x14ac:dyDescent="0.3">
      <c r="A130425" s="13" t="s">
        <v>594</v>
      </c>
      <c r="B130425" s="14" t="s">
        <v>1</v>
      </c>
      <c r="C130425" s="14" t="s">
        <v>252</v>
      </c>
      <c r="D130425" s="14" t="s">
        <v>94</v>
      </c>
      <c r="E130425" s="15">
        <v>45496</v>
      </c>
      <c r="F130425" s="14" t="s">
        <v>15</v>
      </c>
      <c r="G130425" s="16">
        <v>0</v>
      </c>
    </row>
    <row r="130426" spans="1:7" x14ac:dyDescent="0.3">
      <c r="A130426" s="13" t="s">
        <v>594</v>
      </c>
      <c r="B130426" s="14" t="s">
        <v>1</v>
      </c>
      <c r="C130426" s="14" t="s">
        <v>252</v>
      </c>
      <c r="D130426" s="14" t="s">
        <v>94</v>
      </c>
      <c r="E130426" s="15">
        <v>45497</v>
      </c>
      <c r="F130426" s="14" t="s">
        <v>15</v>
      </c>
      <c r="G130426" s="16">
        <v>0</v>
      </c>
    </row>
    <row r="130427" spans="1:7" x14ac:dyDescent="0.3">
      <c r="A130427" s="13" t="s">
        <v>594</v>
      </c>
      <c r="B130427" s="14" t="s">
        <v>1</v>
      </c>
      <c r="C130427" s="14" t="s">
        <v>252</v>
      </c>
      <c r="D130427" s="14" t="s">
        <v>94</v>
      </c>
      <c r="E130427" s="15">
        <v>45498</v>
      </c>
      <c r="F130427" s="14" t="s">
        <v>15</v>
      </c>
      <c r="G130427" s="16">
        <v>0</v>
      </c>
    </row>
    <row r="130428" spans="1:7" x14ac:dyDescent="0.3">
      <c r="A130428" s="13" t="s">
        <v>594</v>
      </c>
      <c r="B130428" s="14" t="s">
        <v>1</v>
      </c>
      <c r="C130428" s="14" t="s">
        <v>252</v>
      </c>
      <c r="D130428" s="14" t="s">
        <v>94</v>
      </c>
      <c r="E130428" s="15">
        <v>45499</v>
      </c>
      <c r="F130428" s="14" t="s">
        <v>15</v>
      </c>
      <c r="G130428" s="16">
        <v>0</v>
      </c>
    </row>
    <row r="130429" spans="1:7" x14ac:dyDescent="0.3">
      <c r="A130429" s="13" t="s">
        <v>594</v>
      </c>
      <c r="B130429" s="14" t="s">
        <v>1</v>
      </c>
      <c r="C130429" s="14" t="s">
        <v>252</v>
      </c>
      <c r="D130429" s="14" t="s">
        <v>94</v>
      </c>
      <c r="E130429" s="15">
        <v>45500</v>
      </c>
      <c r="F130429" s="14" t="s">
        <v>15</v>
      </c>
      <c r="G130429" s="16">
        <v>0</v>
      </c>
    </row>
    <row r="130430" spans="1:7" x14ac:dyDescent="0.3">
      <c r="A130430" s="13" t="s">
        <v>594</v>
      </c>
      <c r="B130430" s="14" t="s">
        <v>1</v>
      </c>
      <c r="C130430" s="14" t="s">
        <v>252</v>
      </c>
      <c r="D130430" s="14" t="s">
        <v>94</v>
      </c>
      <c r="E130430" s="15">
        <v>45501</v>
      </c>
      <c r="F130430" s="14" t="s">
        <v>15</v>
      </c>
      <c r="G130430" s="16">
        <v>0</v>
      </c>
    </row>
    <row r="130431" spans="1:7" x14ac:dyDescent="0.3">
      <c r="A130431" s="13" t="s">
        <v>594</v>
      </c>
      <c r="B130431" s="14" t="s">
        <v>1</v>
      </c>
      <c r="C130431" s="14" t="s">
        <v>252</v>
      </c>
      <c r="D130431" s="14" t="s">
        <v>94</v>
      </c>
      <c r="E130431" s="15">
        <v>45502</v>
      </c>
      <c r="F130431" s="14" t="s">
        <v>15</v>
      </c>
      <c r="G130431" s="16">
        <v>0</v>
      </c>
    </row>
    <row r="130432" spans="1:7" x14ac:dyDescent="0.3">
      <c r="A130432" s="13" t="s">
        <v>594</v>
      </c>
      <c r="B130432" s="14" t="s">
        <v>1</v>
      </c>
      <c r="C130432" s="14" t="s">
        <v>252</v>
      </c>
      <c r="D130432" s="14" t="s">
        <v>94</v>
      </c>
      <c r="E130432" s="15">
        <v>45503</v>
      </c>
      <c r="F130432" s="14" t="s">
        <v>15</v>
      </c>
      <c r="G130432" s="16">
        <v>0</v>
      </c>
    </row>
    <row r="130433" spans="1:7" x14ac:dyDescent="0.3">
      <c r="A130433" s="13" t="s">
        <v>594</v>
      </c>
      <c r="B130433" s="14" t="s">
        <v>1</v>
      </c>
      <c r="C130433" s="14" t="s">
        <v>252</v>
      </c>
      <c r="D130433" s="14" t="s">
        <v>94</v>
      </c>
      <c r="E130433" s="15">
        <v>45504</v>
      </c>
      <c r="F130433" s="14" t="s">
        <v>15</v>
      </c>
      <c r="G130433" s="16">
        <v>0</v>
      </c>
    </row>
    <row r="130434" spans="1:7" x14ac:dyDescent="0.3">
      <c r="A130434" s="13" t="s">
        <v>594</v>
      </c>
      <c r="B130434" s="14" t="s">
        <v>1</v>
      </c>
      <c r="C130434" s="14" t="s">
        <v>252</v>
      </c>
      <c r="D130434" s="14" t="s">
        <v>94</v>
      </c>
      <c r="E130434" s="15">
        <v>45505</v>
      </c>
      <c r="F130434" s="14" t="s">
        <v>15</v>
      </c>
      <c r="G130434" s="16">
        <v>0</v>
      </c>
    </row>
    <row r="130435" spans="1:7" x14ac:dyDescent="0.3">
      <c r="A130435" s="13" t="s">
        <v>594</v>
      </c>
      <c r="B130435" s="14" t="s">
        <v>1</v>
      </c>
      <c r="C130435" s="14" t="s">
        <v>252</v>
      </c>
      <c r="D130435" s="14" t="s">
        <v>94</v>
      </c>
      <c r="E130435" s="15">
        <v>45506</v>
      </c>
      <c r="F130435" s="14" t="s">
        <v>15</v>
      </c>
      <c r="G130435" s="16">
        <v>0</v>
      </c>
    </row>
    <row r="130436" spans="1:7" x14ac:dyDescent="0.3">
      <c r="A130436" s="13" t="s">
        <v>594</v>
      </c>
      <c r="B130436" s="14" t="s">
        <v>1</v>
      </c>
      <c r="C130436" s="14" t="s">
        <v>252</v>
      </c>
      <c r="D130436" s="14" t="s">
        <v>94</v>
      </c>
      <c r="E130436" s="15">
        <v>45507</v>
      </c>
      <c r="F130436" s="14" t="s">
        <v>15</v>
      </c>
      <c r="G130436" s="16">
        <v>0</v>
      </c>
    </row>
    <row r="130437" spans="1:7" x14ac:dyDescent="0.3">
      <c r="A130437" s="13" t="s">
        <v>594</v>
      </c>
      <c r="B130437" s="14" t="s">
        <v>1</v>
      </c>
      <c r="C130437" s="14" t="s">
        <v>252</v>
      </c>
      <c r="D130437" s="14" t="s">
        <v>94</v>
      </c>
      <c r="E130437" s="15">
        <v>45508</v>
      </c>
      <c r="F130437" s="14" t="s">
        <v>15</v>
      </c>
      <c r="G130437" s="16">
        <v>0</v>
      </c>
    </row>
    <row r="130438" spans="1:7" x14ac:dyDescent="0.3">
      <c r="A130438" s="13" t="s">
        <v>594</v>
      </c>
      <c r="B130438" s="14" t="s">
        <v>1</v>
      </c>
      <c r="C130438" s="14" t="s">
        <v>252</v>
      </c>
      <c r="D130438" s="14" t="s">
        <v>94</v>
      </c>
      <c r="E130438" s="15">
        <v>45509</v>
      </c>
      <c r="F130438" s="14" t="s">
        <v>15</v>
      </c>
      <c r="G130438" s="16">
        <v>0</v>
      </c>
    </row>
    <row r="130439" spans="1:7" x14ac:dyDescent="0.3">
      <c r="A130439" s="13" t="s">
        <v>594</v>
      </c>
      <c r="B130439" s="14" t="s">
        <v>1</v>
      </c>
      <c r="C130439" s="14" t="s">
        <v>252</v>
      </c>
      <c r="D130439" s="14" t="s">
        <v>94</v>
      </c>
      <c r="E130439" s="15">
        <v>45510</v>
      </c>
      <c r="F130439" s="14" t="s">
        <v>15</v>
      </c>
      <c r="G130439" s="16">
        <v>0</v>
      </c>
    </row>
    <row r="130440" spans="1:7" x14ac:dyDescent="0.3">
      <c r="A130440" s="13" t="s">
        <v>594</v>
      </c>
      <c r="B130440" s="14" t="s">
        <v>1</v>
      </c>
      <c r="C130440" s="14" t="s">
        <v>252</v>
      </c>
      <c r="D130440" s="14" t="s">
        <v>94</v>
      </c>
      <c r="E130440" s="15">
        <v>45511</v>
      </c>
      <c r="F130440" s="14" t="s">
        <v>15</v>
      </c>
      <c r="G130440" s="16">
        <v>0</v>
      </c>
    </row>
    <row r="130441" spans="1:7" x14ac:dyDescent="0.3">
      <c r="A130441" s="13" t="s">
        <v>594</v>
      </c>
      <c r="B130441" s="14" t="s">
        <v>1</v>
      </c>
      <c r="C130441" s="14" t="s">
        <v>252</v>
      </c>
      <c r="D130441" s="14" t="s">
        <v>94</v>
      </c>
      <c r="E130441" s="15">
        <v>45512</v>
      </c>
      <c r="F130441" s="14" t="s">
        <v>15</v>
      </c>
      <c r="G130441" s="16">
        <v>0</v>
      </c>
    </row>
    <row r="130442" spans="1:7" x14ac:dyDescent="0.3">
      <c r="A130442" s="13" t="s">
        <v>594</v>
      </c>
      <c r="B130442" s="14" t="s">
        <v>1</v>
      </c>
      <c r="C130442" s="14" t="s">
        <v>252</v>
      </c>
      <c r="D130442" s="14" t="s">
        <v>94</v>
      </c>
      <c r="E130442" s="15">
        <v>45513</v>
      </c>
      <c r="F130442" s="14" t="s">
        <v>15</v>
      </c>
      <c r="G130442" s="16">
        <v>0</v>
      </c>
    </row>
    <row r="130443" spans="1:7" x14ac:dyDescent="0.3">
      <c r="A130443" s="13" t="s">
        <v>594</v>
      </c>
      <c r="B130443" s="14" t="s">
        <v>1</v>
      </c>
      <c r="C130443" s="14" t="s">
        <v>252</v>
      </c>
      <c r="D130443" s="14" t="s">
        <v>94</v>
      </c>
      <c r="E130443" s="15">
        <v>45514</v>
      </c>
      <c r="F130443" s="14" t="s">
        <v>15</v>
      </c>
      <c r="G130443" s="16">
        <v>0</v>
      </c>
    </row>
    <row r="130444" spans="1:7" x14ac:dyDescent="0.3">
      <c r="A130444" s="13" t="s">
        <v>594</v>
      </c>
      <c r="B130444" s="14" t="s">
        <v>1</v>
      </c>
      <c r="C130444" s="14" t="s">
        <v>252</v>
      </c>
      <c r="D130444" s="14" t="s">
        <v>94</v>
      </c>
      <c r="E130444" s="15">
        <v>45515</v>
      </c>
      <c r="F130444" s="14" t="s">
        <v>15</v>
      </c>
      <c r="G130444" s="16">
        <v>0</v>
      </c>
    </row>
    <row r="130445" spans="1:7" x14ac:dyDescent="0.3">
      <c r="A130445" s="13" t="s">
        <v>594</v>
      </c>
      <c r="B130445" s="14" t="s">
        <v>1</v>
      </c>
      <c r="C130445" s="14" t="s">
        <v>252</v>
      </c>
      <c r="D130445" s="14" t="s">
        <v>94</v>
      </c>
      <c r="E130445" s="15">
        <v>45516</v>
      </c>
      <c r="F130445" s="14" t="s">
        <v>15</v>
      </c>
      <c r="G130445" s="16">
        <v>0</v>
      </c>
    </row>
    <row r="130446" spans="1:7" x14ac:dyDescent="0.3">
      <c r="A130446" s="13" t="s">
        <v>594</v>
      </c>
      <c r="B130446" s="14" t="s">
        <v>1</v>
      </c>
      <c r="C130446" s="14" t="s">
        <v>252</v>
      </c>
      <c r="D130446" s="14" t="s">
        <v>94</v>
      </c>
      <c r="E130446" s="15">
        <v>45517</v>
      </c>
      <c r="F130446" s="14" t="s">
        <v>15</v>
      </c>
      <c r="G130446" s="16">
        <v>0</v>
      </c>
    </row>
    <row r="130447" spans="1:7" x14ac:dyDescent="0.3">
      <c r="A130447" s="13" t="s">
        <v>594</v>
      </c>
      <c r="B130447" s="14" t="s">
        <v>1</v>
      </c>
      <c r="C130447" s="14" t="s">
        <v>252</v>
      </c>
      <c r="D130447" s="14" t="s">
        <v>94</v>
      </c>
      <c r="E130447" s="15">
        <v>45518</v>
      </c>
      <c r="F130447" s="14" t="s">
        <v>15</v>
      </c>
      <c r="G130447" s="16">
        <v>0</v>
      </c>
    </row>
    <row r="130448" spans="1:7" x14ac:dyDescent="0.3">
      <c r="A130448" s="13" t="s">
        <v>594</v>
      </c>
      <c r="B130448" s="14" t="s">
        <v>1</v>
      </c>
      <c r="C130448" s="14" t="s">
        <v>252</v>
      </c>
      <c r="D130448" s="14" t="s">
        <v>94</v>
      </c>
      <c r="E130448" s="15">
        <v>45519</v>
      </c>
      <c r="F130448" s="14" t="s">
        <v>15</v>
      </c>
      <c r="G130448" s="16">
        <v>0</v>
      </c>
    </row>
    <row r="130449" spans="1:7" x14ac:dyDescent="0.3">
      <c r="A130449" s="13" t="s">
        <v>594</v>
      </c>
      <c r="B130449" s="14" t="s">
        <v>1</v>
      </c>
      <c r="C130449" s="14" t="s">
        <v>252</v>
      </c>
      <c r="D130449" s="14" t="s">
        <v>94</v>
      </c>
      <c r="E130449" s="15">
        <v>45520</v>
      </c>
      <c r="F130449" s="14" t="s">
        <v>15</v>
      </c>
      <c r="G130449" s="16">
        <v>0</v>
      </c>
    </row>
    <row r="130450" spans="1:7" x14ac:dyDescent="0.3">
      <c r="A130450" s="13" t="s">
        <v>594</v>
      </c>
      <c r="B130450" s="14" t="s">
        <v>1</v>
      </c>
      <c r="C130450" s="14" t="s">
        <v>252</v>
      </c>
      <c r="D130450" s="14" t="s">
        <v>94</v>
      </c>
      <c r="E130450" s="15">
        <v>45521</v>
      </c>
      <c r="F130450" s="14" t="s">
        <v>15</v>
      </c>
      <c r="G130450" s="16">
        <v>0</v>
      </c>
    </row>
    <row r="130451" spans="1:7" x14ac:dyDescent="0.3">
      <c r="A130451" s="13" t="s">
        <v>594</v>
      </c>
      <c r="B130451" s="14" t="s">
        <v>1</v>
      </c>
      <c r="C130451" s="14" t="s">
        <v>252</v>
      </c>
      <c r="D130451" s="14" t="s">
        <v>94</v>
      </c>
      <c r="E130451" s="15">
        <v>45522</v>
      </c>
      <c r="F130451" s="14" t="s">
        <v>15</v>
      </c>
      <c r="G130451" s="16">
        <v>0</v>
      </c>
    </row>
    <row r="130452" spans="1:7" x14ac:dyDescent="0.3">
      <c r="A130452" s="13" t="s">
        <v>594</v>
      </c>
      <c r="B130452" s="14" t="s">
        <v>1</v>
      </c>
      <c r="C130452" s="14" t="s">
        <v>252</v>
      </c>
      <c r="D130452" s="14" t="s">
        <v>94</v>
      </c>
      <c r="E130452" s="15">
        <v>45523</v>
      </c>
      <c r="F130452" s="14" t="s">
        <v>15</v>
      </c>
      <c r="G130452" s="16">
        <v>0</v>
      </c>
    </row>
    <row r="130453" spans="1:7" x14ac:dyDescent="0.3">
      <c r="A130453" s="13" t="s">
        <v>594</v>
      </c>
      <c r="B130453" s="14" t="s">
        <v>1</v>
      </c>
      <c r="C130453" s="14" t="s">
        <v>252</v>
      </c>
      <c r="D130453" s="14" t="s">
        <v>94</v>
      </c>
      <c r="E130453" s="15">
        <v>45524</v>
      </c>
      <c r="F130453" s="14" t="s">
        <v>15</v>
      </c>
      <c r="G130453" s="16">
        <v>0</v>
      </c>
    </row>
    <row r="130454" spans="1:7" x14ac:dyDescent="0.3">
      <c r="A130454" s="13" t="s">
        <v>594</v>
      </c>
      <c r="B130454" s="14" t="s">
        <v>1</v>
      </c>
      <c r="C130454" s="14" t="s">
        <v>252</v>
      </c>
      <c r="D130454" s="14" t="s">
        <v>94</v>
      </c>
      <c r="E130454" s="15">
        <v>45525</v>
      </c>
      <c r="F130454" s="14" t="s">
        <v>15</v>
      </c>
      <c r="G130454" s="16">
        <v>0</v>
      </c>
    </row>
    <row r="130455" spans="1:7" x14ac:dyDescent="0.3">
      <c r="A130455" s="13" t="s">
        <v>594</v>
      </c>
      <c r="B130455" s="14" t="s">
        <v>1</v>
      </c>
      <c r="C130455" s="14" t="s">
        <v>252</v>
      </c>
      <c r="D130455" s="14" t="s">
        <v>94</v>
      </c>
      <c r="E130455" s="15">
        <v>45526</v>
      </c>
      <c r="F130455" s="14" t="s">
        <v>15</v>
      </c>
      <c r="G130455" s="16">
        <v>0</v>
      </c>
    </row>
    <row r="130456" spans="1:7" x14ac:dyDescent="0.3">
      <c r="A130456" s="13" t="s">
        <v>594</v>
      </c>
      <c r="B130456" s="14" t="s">
        <v>1</v>
      </c>
      <c r="C130456" s="14" t="s">
        <v>252</v>
      </c>
      <c r="D130456" s="14" t="s">
        <v>94</v>
      </c>
      <c r="E130456" s="15">
        <v>45527</v>
      </c>
      <c r="F130456" s="14" t="s">
        <v>15</v>
      </c>
      <c r="G130456" s="16">
        <v>0</v>
      </c>
    </row>
    <row r="130457" spans="1:7" x14ac:dyDescent="0.3">
      <c r="A130457" s="13" t="s">
        <v>594</v>
      </c>
      <c r="B130457" s="14" t="s">
        <v>1</v>
      </c>
      <c r="C130457" s="14" t="s">
        <v>252</v>
      </c>
      <c r="D130457" s="14" t="s">
        <v>94</v>
      </c>
      <c r="E130457" s="15">
        <v>45528</v>
      </c>
      <c r="F130457" s="14" t="s">
        <v>15</v>
      </c>
      <c r="G130457" s="16">
        <v>0</v>
      </c>
    </row>
    <row r="130458" spans="1:7" x14ac:dyDescent="0.3">
      <c r="A130458" s="13" t="s">
        <v>594</v>
      </c>
      <c r="B130458" s="14" t="s">
        <v>1</v>
      </c>
      <c r="C130458" s="14" t="s">
        <v>252</v>
      </c>
      <c r="D130458" s="14" t="s">
        <v>94</v>
      </c>
      <c r="E130458" s="15">
        <v>45529</v>
      </c>
      <c r="F130458" s="14" t="s">
        <v>15</v>
      </c>
      <c r="G130458" s="16">
        <v>0</v>
      </c>
    </row>
    <row r="130459" spans="1:7" x14ac:dyDescent="0.3">
      <c r="A130459" s="13" t="s">
        <v>594</v>
      </c>
      <c r="B130459" s="14" t="s">
        <v>1</v>
      </c>
      <c r="C130459" s="14" t="s">
        <v>252</v>
      </c>
      <c r="D130459" s="14" t="s">
        <v>94</v>
      </c>
      <c r="E130459" s="15">
        <v>45530</v>
      </c>
      <c r="F130459" s="14" t="s">
        <v>15</v>
      </c>
      <c r="G130459" s="16">
        <v>0</v>
      </c>
    </row>
    <row r="130460" spans="1:7" x14ac:dyDescent="0.3">
      <c r="A130460" s="13" t="s">
        <v>594</v>
      </c>
      <c r="B130460" s="14" t="s">
        <v>1</v>
      </c>
      <c r="C130460" s="14" t="s">
        <v>252</v>
      </c>
      <c r="D130460" s="14" t="s">
        <v>94</v>
      </c>
      <c r="E130460" s="15">
        <v>45531</v>
      </c>
      <c r="F130460" s="14" t="s">
        <v>15</v>
      </c>
      <c r="G130460" s="16">
        <v>0</v>
      </c>
    </row>
    <row r="130461" spans="1:7" x14ac:dyDescent="0.3">
      <c r="A130461" s="13" t="s">
        <v>594</v>
      </c>
      <c r="B130461" s="14" t="s">
        <v>1</v>
      </c>
      <c r="C130461" s="14" t="s">
        <v>252</v>
      </c>
      <c r="D130461" s="14" t="s">
        <v>94</v>
      </c>
      <c r="E130461" s="15">
        <v>45532</v>
      </c>
      <c r="F130461" s="14" t="s">
        <v>15</v>
      </c>
      <c r="G130461" s="16">
        <v>0</v>
      </c>
    </row>
    <row r="130462" spans="1:7" x14ac:dyDescent="0.3">
      <c r="A130462" s="13" t="s">
        <v>594</v>
      </c>
      <c r="B130462" s="14" t="s">
        <v>1</v>
      </c>
      <c r="C130462" s="14" t="s">
        <v>252</v>
      </c>
      <c r="D130462" s="14" t="s">
        <v>94</v>
      </c>
      <c r="E130462" s="15">
        <v>45533</v>
      </c>
      <c r="F130462" s="14" t="s">
        <v>15</v>
      </c>
      <c r="G130462" s="16">
        <v>0</v>
      </c>
    </row>
    <row r="130463" spans="1:7" x14ac:dyDescent="0.3">
      <c r="A130463" s="13" t="s">
        <v>594</v>
      </c>
      <c r="B130463" s="14" t="s">
        <v>1</v>
      </c>
      <c r="C130463" s="14" t="s">
        <v>252</v>
      </c>
      <c r="D130463" s="14" t="s">
        <v>94</v>
      </c>
      <c r="E130463" s="15">
        <v>45534</v>
      </c>
      <c r="F130463" s="14" t="s">
        <v>15</v>
      </c>
      <c r="G130463" s="16">
        <v>0</v>
      </c>
    </row>
    <row r="130464" spans="1:7" x14ac:dyDescent="0.3">
      <c r="A130464" s="13" t="s">
        <v>594</v>
      </c>
      <c r="B130464" s="14" t="s">
        <v>1</v>
      </c>
      <c r="C130464" s="14" t="s">
        <v>252</v>
      </c>
      <c r="D130464" s="14" t="s">
        <v>94</v>
      </c>
      <c r="E130464" s="15">
        <v>45535</v>
      </c>
      <c r="F130464" s="14" t="s">
        <v>15</v>
      </c>
      <c r="G130464" s="16">
        <v>0</v>
      </c>
    </row>
    <row r="130465" spans="1:7" x14ac:dyDescent="0.3">
      <c r="A130465" s="13" t="s">
        <v>594</v>
      </c>
      <c r="B130465" s="14" t="s">
        <v>1</v>
      </c>
      <c r="C130465" s="14" t="s">
        <v>252</v>
      </c>
      <c r="D130465" s="14" t="s">
        <v>94</v>
      </c>
      <c r="E130465" s="15">
        <v>45536</v>
      </c>
      <c r="F130465" s="14" t="s">
        <v>15</v>
      </c>
      <c r="G130465" s="16">
        <v>0</v>
      </c>
    </row>
    <row r="130466" spans="1:7" x14ac:dyDescent="0.3">
      <c r="A130466" s="13" t="s">
        <v>594</v>
      </c>
      <c r="B130466" s="14" t="s">
        <v>1</v>
      </c>
      <c r="C130466" s="14" t="s">
        <v>252</v>
      </c>
      <c r="D130466" s="14" t="s">
        <v>94</v>
      </c>
      <c r="E130466" s="15">
        <v>45537</v>
      </c>
      <c r="F130466" s="14" t="s">
        <v>15</v>
      </c>
      <c r="G130466" s="16">
        <v>0</v>
      </c>
    </row>
    <row r="130467" spans="1:7" x14ac:dyDescent="0.3">
      <c r="A130467" s="13" t="s">
        <v>594</v>
      </c>
      <c r="B130467" s="14" t="s">
        <v>1</v>
      </c>
      <c r="C130467" s="14" t="s">
        <v>252</v>
      </c>
      <c r="D130467" s="14" t="s">
        <v>94</v>
      </c>
      <c r="E130467" s="15">
        <v>45538</v>
      </c>
      <c r="F130467" s="14" t="s">
        <v>15</v>
      </c>
      <c r="G130467" s="16">
        <v>0</v>
      </c>
    </row>
    <row r="130468" spans="1:7" x14ac:dyDescent="0.3">
      <c r="A130468" s="13" t="s">
        <v>594</v>
      </c>
      <c r="B130468" s="14" t="s">
        <v>1</v>
      </c>
      <c r="C130468" s="14" t="s">
        <v>252</v>
      </c>
      <c r="D130468" s="14" t="s">
        <v>94</v>
      </c>
      <c r="E130468" s="15">
        <v>45539</v>
      </c>
      <c r="F130468" s="14" t="s">
        <v>15</v>
      </c>
      <c r="G130468" s="16">
        <v>0</v>
      </c>
    </row>
    <row r="130469" spans="1:7" x14ac:dyDescent="0.3">
      <c r="A130469" s="13" t="s">
        <v>594</v>
      </c>
      <c r="B130469" s="14" t="s">
        <v>1</v>
      </c>
      <c r="C130469" s="14" t="s">
        <v>252</v>
      </c>
      <c r="D130469" s="14" t="s">
        <v>94</v>
      </c>
      <c r="E130469" s="15">
        <v>45540</v>
      </c>
      <c r="F130469" s="14" t="s">
        <v>15</v>
      </c>
      <c r="G130469" s="16">
        <v>0</v>
      </c>
    </row>
    <row r="130470" spans="1:7" x14ac:dyDescent="0.3">
      <c r="A130470" s="13" t="s">
        <v>594</v>
      </c>
      <c r="B130470" s="14" t="s">
        <v>1</v>
      </c>
      <c r="C130470" s="14" t="s">
        <v>252</v>
      </c>
      <c r="D130470" s="14" t="s">
        <v>94</v>
      </c>
      <c r="E130470" s="15">
        <v>45541</v>
      </c>
      <c r="F130470" s="14" t="s">
        <v>15</v>
      </c>
      <c r="G130470" s="16">
        <v>0</v>
      </c>
    </row>
    <row r="130471" spans="1:7" x14ac:dyDescent="0.3">
      <c r="A130471" s="13" t="s">
        <v>594</v>
      </c>
      <c r="B130471" s="14" t="s">
        <v>1</v>
      </c>
      <c r="C130471" s="14" t="s">
        <v>252</v>
      </c>
      <c r="D130471" s="14" t="s">
        <v>94</v>
      </c>
      <c r="E130471" s="15">
        <v>45542</v>
      </c>
      <c r="F130471" s="14" t="s">
        <v>15</v>
      </c>
      <c r="G130471" s="16">
        <v>0</v>
      </c>
    </row>
    <row r="130472" spans="1:7" x14ac:dyDescent="0.3">
      <c r="A130472" s="13" t="s">
        <v>594</v>
      </c>
      <c r="B130472" s="14" t="s">
        <v>1</v>
      </c>
      <c r="C130472" s="14" t="s">
        <v>252</v>
      </c>
      <c r="D130472" s="14" t="s">
        <v>94</v>
      </c>
      <c r="E130472" s="15">
        <v>45543</v>
      </c>
      <c r="F130472" s="14" t="s">
        <v>15</v>
      </c>
      <c r="G130472" s="16">
        <v>0</v>
      </c>
    </row>
    <row r="130473" spans="1:7" x14ac:dyDescent="0.3">
      <c r="A130473" s="13" t="s">
        <v>594</v>
      </c>
      <c r="B130473" s="14" t="s">
        <v>1</v>
      </c>
      <c r="C130473" s="14" t="s">
        <v>252</v>
      </c>
      <c r="D130473" s="14" t="s">
        <v>94</v>
      </c>
      <c r="E130473" s="15">
        <v>45544</v>
      </c>
      <c r="F130473" s="14" t="s">
        <v>15</v>
      </c>
      <c r="G130473" s="16">
        <v>0</v>
      </c>
    </row>
    <row r="130474" spans="1:7" x14ac:dyDescent="0.3">
      <c r="A130474" s="13" t="s">
        <v>594</v>
      </c>
      <c r="B130474" s="14" t="s">
        <v>1</v>
      </c>
      <c r="C130474" s="14" t="s">
        <v>252</v>
      </c>
      <c r="D130474" s="14" t="s">
        <v>94</v>
      </c>
      <c r="E130474" s="15">
        <v>45545</v>
      </c>
      <c r="F130474" s="14" t="s">
        <v>15</v>
      </c>
      <c r="G130474" s="16">
        <v>0</v>
      </c>
    </row>
    <row r="130475" spans="1:7" x14ac:dyDescent="0.3">
      <c r="A130475" s="13" t="s">
        <v>594</v>
      </c>
      <c r="B130475" s="14" t="s">
        <v>1</v>
      </c>
      <c r="C130475" s="14" t="s">
        <v>252</v>
      </c>
      <c r="D130475" s="14" t="s">
        <v>94</v>
      </c>
      <c r="E130475" s="15">
        <v>45546</v>
      </c>
      <c r="F130475" s="14" t="s">
        <v>15</v>
      </c>
      <c r="G130475" s="16">
        <v>0</v>
      </c>
    </row>
    <row r="130476" spans="1:7" x14ac:dyDescent="0.3">
      <c r="A130476" s="13" t="s">
        <v>594</v>
      </c>
      <c r="B130476" s="14" t="s">
        <v>1</v>
      </c>
      <c r="C130476" s="14" t="s">
        <v>252</v>
      </c>
      <c r="D130476" s="14" t="s">
        <v>94</v>
      </c>
      <c r="E130476" s="15">
        <v>45547</v>
      </c>
      <c r="F130476" s="14" t="s">
        <v>15</v>
      </c>
      <c r="G130476" s="16">
        <v>0</v>
      </c>
    </row>
    <row r="130477" spans="1:7" x14ac:dyDescent="0.3">
      <c r="A130477" s="13" t="s">
        <v>594</v>
      </c>
      <c r="B130477" s="14" t="s">
        <v>1</v>
      </c>
      <c r="C130477" s="14" t="s">
        <v>252</v>
      </c>
      <c r="D130477" s="14" t="s">
        <v>94</v>
      </c>
      <c r="E130477" s="15">
        <v>45548</v>
      </c>
      <c r="F130477" s="14" t="s">
        <v>15</v>
      </c>
      <c r="G130477" s="16">
        <v>0</v>
      </c>
    </row>
    <row r="130478" spans="1:7" x14ac:dyDescent="0.3">
      <c r="A130478" s="13" t="s">
        <v>594</v>
      </c>
      <c r="B130478" s="14" t="s">
        <v>1</v>
      </c>
      <c r="C130478" s="14" t="s">
        <v>252</v>
      </c>
      <c r="D130478" s="14" t="s">
        <v>94</v>
      </c>
      <c r="E130478" s="15">
        <v>45549</v>
      </c>
      <c r="F130478" s="14" t="s">
        <v>15</v>
      </c>
      <c r="G130478" s="16">
        <v>0</v>
      </c>
    </row>
    <row r="130479" spans="1:7" x14ac:dyDescent="0.3">
      <c r="A130479" s="13" t="s">
        <v>594</v>
      </c>
      <c r="B130479" s="14" t="s">
        <v>1</v>
      </c>
      <c r="C130479" s="14" t="s">
        <v>252</v>
      </c>
      <c r="D130479" s="14" t="s">
        <v>94</v>
      </c>
      <c r="E130479" s="15">
        <v>45550</v>
      </c>
      <c r="F130479" s="14" t="s">
        <v>15</v>
      </c>
      <c r="G130479" s="16">
        <v>0</v>
      </c>
    </row>
    <row r="130480" spans="1:7" x14ac:dyDescent="0.3">
      <c r="A130480" s="13" t="s">
        <v>594</v>
      </c>
      <c r="B130480" s="14" t="s">
        <v>1</v>
      </c>
      <c r="C130480" s="14" t="s">
        <v>252</v>
      </c>
      <c r="D130480" s="14" t="s">
        <v>94</v>
      </c>
      <c r="E130480" s="15">
        <v>45551</v>
      </c>
      <c r="F130480" s="14" t="s">
        <v>15</v>
      </c>
      <c r="G130480" s="16">
        <v>0</v>
      </c>
    </row>
    <row r="130481" spans="1:7" x14ac:dyDescent="0.3">
      <c r="A130481" s="13" t="s">
        <v>594</v>
      </c>
      <c r="B130481" s="14" t="s">
        <v>1</v>
      </c>
      <c r="C130481" s="14" t="s">
        <v>252</v>
      </c>
      <c r="D130481" s="14" t="s">
        <v>94</v>
      </c>
      <c r="E130481" s="15">
        <v>45552</v>
      </c>
      <c r="F130481" s="14" t="s">
        <v>15</v>
      </c>
      <c r="G130481" s="16">
        <v>0</v>
      </c>
    </row>
    <row r="130482" spans="1:7" x14ac:dyDescent="0.3">
      <c r="A130482" s="13" t="s">
        <v>594</v>
      </c>
      <c r="B130482" s="14" t="s">
        <v>1</v>
      </c>
      <c r="C130482" s="14" t="s">
        <v>252</v>
      </c>
      <c r="D130482" s="14" t="s">
        <v>94</v>
      </c>
      <c r="E130482" s="15">
        <v>45553</v>
      </c>
      <c r="F130482" s="14" t="s">
        <v>15</v>
      </c>
      <c r="G130482" s="16">
        <v>0</v>
      </c>
    </row>
    <row r="130483" spans="1:7" x14ac:dyDescent="0.3">
      <c r="A130483" s="13" t="s">
        <v>594</v>
      </c>
      <c r="B130483" s="14" t="s">
        <v>1</v>
      </c>
      <c r="C130483" s="14" t="s">
        <v>252</v>
      </c>
      <c r="D130483" s="14" t="s">
        <v>94</v>
      </c>
      <c r="E130483" s="15">
        <v>45554</v>
      </c>
      <c r="F130483" s="14" t="s">
        <v>15</v>
      </c>
      <c r="G130483" s="16">
        <v>0</v>
      </c>
    </row>
    <row r="130484" spans="1:7" x14ac:dyDescent="0.3">
      <c r="A130484" s="13" t="s">
        <v>594</v>
      </c>
      <c r="B130484" s="14" t="s">
        <v>1</v>
      </c>
      <c r="C130484" s="14" t="s">
        <v>252</v>
      </c>
      <c r="D130484" s="14" t="s">
        <v>94</v>
      </c>
      <c r="E130484" s="15">
        <v>45555</v>
      </c>
      <c r="F130484" s="14" t="s">
        <v>15</v>
      </c>
      <c r="G130484" s="16">
        <v>0</v>
      </c>
    </row>
    <row r="130485" spans="1:7" x14ac:dyDescent="0.3">
      <c r="A130485" s="13" t="s">
        <v>594</v>
      </c>
      <c r="B130485" s="14" t="s">
        <v>1</v>
      </c>
      <c r="C130485" s="14" t="s">
        <v>252</v>
      </c>
      <c r="D130485" s="14" t="s">
        <v>94</v>
      </c>
      <c r="E130485" s="15">
        <v>45556</v>
      </c>
      <c r="F130485" s="14" t="s">
        <v>15</v>
      </c>
      <c r="G130485" s="16">
        <v>0</v>
      </c>
    </row>
    <row r="130486" spans="1:7" x14ac:dyDescent="0.3">
      <c r="A130486" s="13" t="s">
        <v>594</v>
      </c>
      <c r="B130486" s="14" t="s">
        <v>1</v>
      </c>
      <c r="C130486" s="14" t="s">
        <v>252</v>
      </c>
      <c r="D130486" s="14" t="s">
        <v>94</v>
      </c>
      <c r="E130486" s="15">
        <v>45557</v>
      </c>
      <c r="F130486" s="14" t="s">
        <v>15</v>
      </c>
      <c r="G130486" s="16">
        <v>0</v>
      </c>
    </row>
    <row r="130487" spans="1:7" x14ac:dyDescent="0.3">
      <c r="A130487" s="13" t="s">
        <v>594</v>
      </c>
      <c r="B130487" s="14" t="s">
        <v>1</v>
      </c>
      <c r="C130487" s="14" t="s">
        <v>252</v>
      </c>
      <c r="D130487" s="14" t="s">
        <v>94</v>
      </c>
      <c r="E130487" s="15">
        <v>45558</v>
      </c>
      <c r="F130487" s="14" t="s">
        <v>15</v>
      </c>
      <c r="G130487" s="16">
        <v>0</v>
      </c>
    </row>
    <row r="130488" spans="1:7" x14ac:dyDescent="0.3">
      <c r="A130488" s="13" t="s">
        <v>594</v>
      </c>
      <c r="B130488" s="14" t="s">
        <v>1</v>
      </c>
      <c r="C130488" s="14" t="s">
        <v>252</v>
      </c>
      <c r="D130488" s="14" t="s">
        <v>94</v>
      </c>
      <c r="E130488" s="15">
        <v>45559</v>
      </c>
      <c r="F130488" s="14" t="s">
        <v>15</v>
      </c>
      <c r="G130488" s="16">
        <v>0</v>
      </c>
    </row>
    <row r="130489" spans="1:7" x14ac:dyDescent="0.3">
      <c r="A130489" s="13" t="s">
        <v>594</v>
      </c>
      <c r="B130489" s="14" t="s">
        <v>1</v>
      </c>
      <c r="C130489" s="14" t="s">
        <v>252</v>
      </c>
      <c r="D130489" s="14" t="s">
        <v>94</v>
      </c>
      <c r="E130489" s="15">
        <v>45560</v>
      </c>
      <c r="F130489" s="14" t="s">
        <v>15</v>
      </c>
      <c r="G130489" s="16">
        <v>0</v>
      </c>
    </row>
    <row r="130490" spans="1:7" x14ac:dyDescent="0.3">
      <c r="A130490" s="13" t="s">
        <v>594</v>
      </c>
      <c r="B130490" s="14" t="s">
        <v>1</v>
      </c>
      <c r="C130490" s="14" t="s">
        <v>252</v>
      </c>
      <c r="D130490" s="14" t="s">
        <v>94</v>
      </c>
      <c r="E130490" s="15">
        <v>45561</v>
      </c>
      <c r="F130490" s="14" t="s">
        <v>15</v>
      </c>
      <c r="G130490" s="16">
        <v>0</v>
      </c>
    </row>
    <row r="130491" spans="1:7" x14ac:dyDescent="0.3">
      <c r="A130491" s="13" t="s">
        <v>594</v>
      </c>
      <c r="B130491" s="14" t="s">
        <v>1</v>
      </c>
      <c r="C130491" s="14" t="s">
        <v>252</v>
      </c>
      <c r="D130491" s="14" t="s">
        <v>94</v>
      </c>
      <c r="E130491" s="15">
        <v>45562</v>
      </c>
      <c r="F130491" s="14" t="s">
        <v>15</v>
      </c>
      <c r="G130491" s="16">
        <v>0</v>
      </c>
    </row>
    <row r="130492" spans="1:7" x14ac:dyDescent="0.3">
      <c r="A130492" s="13" t="s">
        <v>594</v>
      </c>
      <c r="B130492" s="14" t="s">
        <v>1</v>
      </c>
      <c r="C130492" s="14" t="s">
        <v>252</v>
      </c>
      <c r="D130492" s="14" t="s">
        <v>94</v>
      </c>
      <c r="E130492" s="15">
        <v>45563</v>
      </c>
      <c r="F130492" s="14" t="s">
        <v>15</v>
      </c>
      <c r="G130492" s="16">
        <v>0</v>
      </c>
    </row>
    <row r="130493" spans="1:7" x14ac:dyDescent="0.3">
      <c r="A130493" s="13" t="s">
        <v>594</v>
      </c>
      <c r="B130493" s="14" t="s">
        <v>1</v>
      </c>
      <c r="C130493" s="14" t="s">
        <v>252</v>
      </c>
      <c r="D130493" s="14" t="s">
        <v>94</v>
      </c>
      <c r="E130493" s="15">
        <v>45564</v>
      </c>
      <c r="F130493" s="14" t="s">
        <v>15</v>
      </c>
      <c r="G130493" s="16">
        <v>0</v>
      </c>
    </row>
    <row r="130494" spans="1:7" x14ac:dyDescent="0.3">
      <c r="A130494" s="13" t="s">
        <v>594</v>
      </c>
      <c r="B130494" s="14" t="s">
        <v>1</v>
      </c>
      <c r="C130494" s="14" t="s">
        <v>252</v>
      </c>
      <c r="D130494" s="14" t="s">
        <v>94</v>
      </c>
      <c r="E130494" s="15">
        <v>45565</v>
      </c>
      <c r="F130494" s="14" t="s">
        <v>15</v>
      </c>
      <c r="G130494" s="16">
        <v>0</v>
      </c>
    </row>
    <row r="130495" spans="1:7" x14ac:dyDescent="0.3">
      <c r="A130495" s="13" t="s">
        <v>594</v>
      </c>
      <c r="B130495" s="14" t="s">
        <v>1</v>
      </c>
      <c r="C130495" s="14" t="s">
        <v>252</v>
      </c>
      <c r="D130495" s="14" t="s">
        <v>94</v>
      </c>
      <c r="E130495" s="15">
        <v>45566</v>
      </c>
      <c r="F130495" s="14" t="s">
        <v>15</v>
      </c>
      <c r="G130495" s="16">
        <v>0</v>
      </c>
    </row>
    <row r="130496" spans="1:7" x14ac:dyDescent="0.3">
      <c r="A130496" s="13" t="s">
        <v>594</v>
      </c>
      <c r="B130496" s="14" t="s">
        <v>1</v>
      </c>
      <c r="C130496" s="14" t="s">
        <v>252</v>
      </c>
      <c r="D130496" s="14" t="s">
        <v>94</v>
      </c>
      <c r="E130496" s="15">
        <v>45567</v>
      </c>
      <c r="F130496" s="14" t="s">
        <v>15</v>
      </c>
      <c r="G130496" s="16">
        <v>0</v>
      </c>
    </row>
    <row r="130497" spans="1:7" x14ac:dyDescent="0.3">
      <c r="A130497" s="13" t="s">
        <v>594</v>
      </c>
      <c r="B130497" s="14" t="s">
        <v>1</v>
      </c>
      <c r="C130497" s="14" t="s">
        <v>252</v>
      </c>
      <c r="D130497" s="14" t="s">
        <v>94</v>
      </c>
      <c r="E130497" s="15">
        <v>45568</v>
      </c>
      <c r="F130497" s="14" t="s">
        <v>15</v>
      </c>
      <c r="G130497" s="16">
        <v>0</v>
      </c>
    </row>
    <row r="130498" spans="1:7" x14ac:dyDescent="0.3">
      <c r="A130498" s="13" t="s">
        <v>594</v>
      </c>
      <c r="B130498" s="14" t="s">
        <v>1</v>
      </c>
      <c r="C130498" s="14" t="s">
        <v>252</v>
      </c>
      <c r="D130498" s="14" t="s">
        <v>94</v>
      </c>
      <c r="E130498" s="15">
        <v>45569</v>
      </c>
      <c r="F130498" s="14" t="s">
        <v>15</v>
      </c>
      <c r="G130498" s="16">
        <v>0</v>
      </c>
    </row>
    <row r="130499" spans="1:7" x14ac:dyDescent="0.3">
      <c r="A130499" s="13" t="s">
        <v>594</v>
      </c>
      <c r="B130499" s="14" t="s">
        <v>1</v>
      </c>
      <c r="C130499" s="14" t="s">
        <v>252</v>
      </c>
      <c r="D130499" s="14" t="s">
        <v>94</v>
      </c>
      <c r="E130499" s="15">
        <v>45570</v>
      </c>
      <c r="F130499" s="14" t="s">
        <v>15</v>
      </c>
      <c r="G130499" s="16">
        <v>0</v>
      </c>
    </row>
    <row r="130500" spans="1:7" x14ac:dyDescent="0.3">
      <c r="A130500" s="13" t="s">
        <v>594</v>
      </c>
      <c r="B130500" s="14" t="s">
        <v>1</v>
      </c>
      <c r="C130500" s="14" t="s">
        <v>252</v>
      </c>
      <c r="D130500" s="14" t="s">
        <v>94</v>
      </c>
      <c r="E130500" s="15">
        <v>45571</v>
      </c>
      <c r="F130500" s="14" t="s">
        <v>15</v>
      </c>
      <c r="G130500" s="16">
        <v>0</v>
      </c>
    </row>
    <row r="130501" spans="1:7" x14ac:dyDescent="0.3">
      <c r="A130501" s="13" t="s">
        <v>594</v>
      </c>
      <c r="B130501" s="14" t="s">
        <v>1</v>
      </c>
      <c r="C130501" s="14" t="s">
        <v>252</v>
      </c>
      <c r="D130501" s="14" t="s">
        <v>94</v>
      </c>
      <c r="E130501" s="15">
        <v>45572</v>
      </c>
      <c r="F130501" s="14" t="s">
        <v>15</v>
      </c>
      <c r="G130501" s="16">
        <v>0</v>
      </c>
    </row>
    <row r="130502" spans="1:7" x14ac:dyDescent="0.3">
      <c r="A130502" s="13" t="s">
        <v>594</v>
      </c>
      <c r="B130502" s="14" t="s">
        <v>1</v>
      </c>
      <c r="C130502" s="14" t="s">
        <v>252</v>
      </c>
      <c r="D130502" s="14" t="s">
        <v>94</v>
      </c>
      <c r="E130502" s="15">
        <v>45573</v>
      </c>
      <c r="F130502" s="14" t="s">
        <v>15</v>
      </c>
      <c r="G130502" s="16">
        <v>0</v>
      </c>
    </row>
    <row r="130503" spans="1:7" x14ac:dyDescent="0.3">
      <c r="A130503" s="13" t="s">
        <v>594</v>
      </c>
      <c r="B130503" s="14" t="s">
        <v>1</v>
      </c>
      <c r="C130503" s="14" t="s">
        <v>252</v>
      </c>
      <c r="D130503" s="14" t="s">
        <v>94</v>
      </c>
      <c r="E130503" s="15">
        <v>45574</v>
      </c>
      <c r="F130503" s="14" t="s">
        <v>15</v>
      </c>
      <c r="G130503" s="16">
        <v>0</v>
      </c>
    </row>
    <row r="130504" spans="1:7" x14ac:dyDescent="0.3">
      <c r="A130504" s="13" t="s">
        <v>594</v>
      </c>
      <c r="B130504" s="14" t="s">
        <v>1</v>
      </c>
      <c r="C130504" s="14" t="s">
        <v>252</v>
      </c>
      <c r="D130504" s="14" t="s">
        <v>94</v>
      </c>
      <c r="E130504" s="15">
        <v>45575</v>
      </c>
      <c r="F130504" s="14" t="s">
        <v>15</v>
      </c>
      <c r="G130504" s="16">
        <v>0</v>
      </c>
    </row>
    <row r="130505" spans="1:7" x14ac:dyDescent="0.3">
      <c r="A130505" s="13" t="s">
        <v>594</v>
      </c>
      <c r="B130505" s="14" t="s">
        <v>1</v>
      </c>
      <c r="C130505" s="14" t="s">
        <v>252</v>
      </c>
      <c r="D130505" s="14" t="s">
        <v>94</v>
      </c>
      <c r="E130505" s="15">
        <v>45576</v>
      </c>
      <c r="F130505" s="14" t="s">
        <v>15</v>
      </c>
      <c r="G130505" s="16">
        <v>0</v>
      </c>
    </row>
    <row r="130506" spans="1:7" x14ac:dyDescent="0.3">
      <c r="A130506" s="13" t="s">
        <v>594</v>
      </c>
      <c r="B130506" s="14" t="s">
        <v>1</v>
      </c>
      <c r="C130506" s="14" t="s">
        <v>252</v>
      </c>
      <c r="D130506" s="14" t="s">
        <v>94</v>
      </c>
      <c r="E130506" s="15">
        <v>45577</v>
      </c>
      <c r="F130506" s="14" t="s">
        <v>15</v>
      </c>
      <c r="G130506" s="16">
        <v>0</v>
      </c>
    </row>
    <row r="130507" spans="1:7" x14ac:dyDescent="0.3">
      <c r="A130507" s="13" t="s">
        <v>594</v>
      </c>
      <c r="B130507" s="14" t="s">
        <v>1</v>
      </c>
      <c r="C130507" s="14" t="s">
        <v>252</v>
      </c>
      <c r="D130507" s="14" t="s">
        <v>94</v>
      </c>
      <c r="E130507" s="15">
        <v>45578</v>
      </c>
      <c r="F130507" s="14" t="s">
        <v>15</v>
      </c>
      <c r="G130507" s="16">
        <v>0</v>
      </c>
    </row>
    <row r="130508" spans="1:7" x14ac:dyDescent="0.3">
      <c r="A130508" s="13" t="s">
        <v>594</v>
      </c>
      <c r="B130508" s="14" t="s">
        <v>1</v>
      </c>
      <c r="C130508" s="14" t="s">
        <v>252</v>
      </c>
      <c r="D130508" s="14" t="s">
        <v>94</v>
      </c>
      <c r="E130508" s="15">
        <v>45579</v>
      </c>
      <c r="F130508" s="14" t="s">
        <v>15</v>
      </c>
      <c r="G130508" s="16">
        <v>0</v>
      </c>
    </row>
    <row r="130509" spans="1:7" x14ac:dyDescent="0.3">
      <c r="A130509" s="13" t="s">
        <v>594</v>
      </c>
      <c r="B130509" s="14" t="s">
        <v>1</v>
      </c>
      <c r="C130509" s="14" t="s">
        <v>252</v>
      </c>
      <c r="D130509" s="14" t="s">
        <v>94</v>
      </c>
      <c r="E130509" s="15">
        <v>45580</v>
      </c>
      <c r="F130509" s="14" t="s">
        <v>15</v>
      </c>
      <c r="G130509" s="16">
        <v>0</v>
      </c>
    </row>
    <row r="130510" spans="1:7" x14ac:dyDescent="0.3">
      <c r="A130510" s="13" t="s">
        <v>594</v>
      </c>
      <c r="B130510" s="14" t="s">
        <v>1</v>
      </c>
      <c r="C130510" s="14" t="s">
        <v>252</v>
      </c>
      <c r="D130510" s="14" t="s">
        <v>94</v>
      </c>
      <c r="E130510" s="15">
        <v>45581</v>
      </c>
      <c r="F130510" s="14" t="s">
        <v>15</v>
      </c>
      <c r="G130510" s="16">
        <v>0</v>
      </c>
    </row>
    <row r="130511" spans="1:7" x14ac:dyDescent="0.3">
      <c r="A130511" s="13" t="s">
        <v>594</v>
      </c>
      <c r="B130511" s="14" t="s">
        <v>1</v>
      </c>
      <c r="C130511" s="14" t="s">
        <v>252</v>
      </c>
      <c r="D130511" s="14" t="s">
        <v>94</v>
      </c>
      <c r="E130511" s="15">
        <v>45582</v>
      </c>
      <c r="F130511" s="14" t="s">
        <v>15</v>
      </c>
      <c r="G130511" s="16">
        <v>0</v>
      </c>
    </row>
    <row r="130512" spans="1:7" x14ac:dyDescent="0.3">
      <c r="A130512" s="13" t="s">
        <v>594</v>
      </c>
      <c r="B130512" s="14" t="s">
        <v>1</v>
      </c>
      <c r="C130512" s="14" t="s">
        <v>252</v>
      </c>
      <c r="D130512" s="14" t="s">
        <v>94</v>
      </c>
      <c r="E130512" s="15">
        <v>45583</v>
      </c>
      <c r="F130512" s="14" t="s">
        <v>15</v>
      </c>
      <c r="G130512" s="16">
        <v>0</v>
      </c>
    </row>
    <row r="130513" spans="1:7" x14ac:dyDescent="0.3">
      <c r="A130513" s="13" t="s">
        <v>594</v>
      </c>
      <c r="B130513" s="14" t="s">
        <v>1</v>
      </c>
      <c r="C130513" s="14" t="s">
        <v>252</v>
      </c>
      <c r="D130513" s="14" t="s">
        <v>94</v>
      </c>
      <c r="E130513" s="15">
        <v>45584</v>
      </c>
      <c r="F130513" s="14" t="s">
        <v>15</v>
      </c>
      <c r="G130513" s="16">
        <v>0</v>
      </c>
    </row>
    <row r="130514" spans="1:7" x14ac:dyDescent="0.3">
      <c r="A130514" s="13" t="s">
        <v>594</v>
      </c>
      <c r="B130514" s="14" t="s">
        <v>1</v>
      </c>
      <c r="C130514" s="14" t="s">
        <v>252</v>
      </c>
      <c r="D130514" s="14" t="s">
        <v>94</v>
      </c>
      <c r="E130514" s="15">
        <v>45585</v>
      </c>
      <c r="F130514" s="14" t="s">
        <v>15</v>
      </c>
      <c r="G130514" s="16">
        <v>0</v>
      </c>
    </row>
    <row r="130515" spans="1:7" x14ac:dyDescent="0.3">
      <c r="A130515" s="13" t="s">
        <v>594</v>
      </c>
      <c r="B130515" s="14" t="s">
        <v>1</v>
      </c>
      <c r="C130515" s="14" t="s">
        <v>252</v>
      </c>
      <c r="D130515" s="14" t="s">
        <v>94</v>
      </c>
      <c r="E130515" s="15">
        <v>45586</v>
      </c>
      <c r="F130515" s="14" t="s">
        <v>15</v>
      </c>
      <c r="G130515" s="16">
        <v>0</v>
      </c>
    </row>
    <row r="130516" spans="1:7" x14ac:dyDescent="0.3">
      <c r="A130516" s="13" t="s">
        <v>594</v>
      </c>
      <c r="B130516" s="14" t="s">
        <v>1</v>
      </c>
      <c r="C130516" s="14" t="s">
        <v>252</v>
      </c>
      <c r="D130516" s="14" t="s">
        <v>94</v>
      </c>
      <c r="E130516" s="15">
        <v>45587</v>
      </c>
      <c r="F130516" s="14" t="s">
        <v>15</v>
      </c>
      <c r="G130516" s="16">
        <v>0</v>
      </c>
    </row>
    <row r="130517" spans="1:7" x14ac:dyDescent="0.3">
      <c r="A130517" s="13" t="s">
        <v>594</v>
      </c>
      <c r="B130517" s="14" t="s">
        <v>1</v>
      </c>
      <c r="C130517" s="14" t="s">
        <v>252</v>
      </c>
      <c r="D130517" s="14" t="s">
        <v>94</v>
      </c>
      <c r="E130517" s="15">
        <v>45588</v>
      </c>
      <c r="F130517" s="14" t="s">
        <v>15</v>
      </c>
      <c r="G130517" s="16">
        <v>0</v>
      </c>
    </row>
    <row r="130518" spans="1:7" x14ac:dyDescent="0.3">
      <c r="A130518" s="13" t="s">
        <v>594</v>
      </c>
      <c r="B130518" s="14" t="s">
        <v>1</v>
      </c>
      <c r="C130518" s="14" t="s">
        <v>252</v>
      </c>
      <c r="D130518" s="14" t="s">
        <v>94</v>
      </c>
      <c r="E130518" s="15">
        <v>45589</v>
      </c>
      <c r="F130518" s="14" t="s">
        <v>15</v>
      </c>
      <c r="G130518" s="16">
        <v>0</v>
      </c>
    </row>
    <row r="130519" spans="1:7" x14ac:dyDescent="0.3">
      <c r="A130519" s="13" t="s">
        <v>594</v>
      </c>
      <c r="B130519" s="14" t="s">
        <v>1</v>
      </c>
      <c r="C130519" s="14" t="s">
        <v>252</v>
      </c>
      <c r="D130519" s="14" t="s">
        <v>94</v>
      </c>
      <c r="E130519" s="15">
        <v>45590</v>
      </c>
      <c r="F130519" s="14" t="s">
        <v>15</v>
      </c>
      <c r="G130519" s="16">
        <v>0</v>
      </c>
    </row>
    <row r="130520" spans="1:7" x14ac:dyDescent="0.3">
      <c r="A130520" s="13" t="s">
        <v>594</v>
      </c>
      <c r="B130520" s="14" t="s">
        <v>1</v>
      </c>
      <c r="C130520" s="14" t="s">
        <v>252</v>
      </c>
      <c r="D130520" s="14" t="s">
        <v>94</v>
      </c>
      <c r="E130520" s="15">
        <v>45591</v>
      </c>
      <c r="F130520" s="14" t="s">
        <v>15</v>
      </c>
      <c r="G130520" s="16">
        <v>0</v>
      </c>
    </row>
    <row r="130521" spans="1:7" x14ac:dyDescent="0.3">
      <c r="A130521" s="13" t="s">
        <v>594</v>
      </c>
      <c r="B130521" s="14" t="s">
        <v>1</v>
      </c>
      <c r="C130521" s="14" t="s">
        <v>252</v>
      </c>
      <c r="D130521" s="14" t="s">
        <v>94</v>
      </c>
      <c r="E130521" s="15">
        <v>45592</v>
      </c>
      <c r="F130521" s="14" t="s">
        <v>15</v>
      </c>
      <c r="G130521" s="16">
        <v>0</v>
      </c>
    </row>
    <row r="130522" spans="1:7" x14ac:dyDescent="0.3">
      <c r="A130522" s="13" t="s">
        <v>594</v>
      </c>
      <c r="B130522" s="14" t="s">
        <v>1</v>
      </c>
      <c r="C130522" s="14" t="s">
        <v>252</v>
      </c>
      <c r="D130522" s="14" t="s">
        <v>94</v>
      </c>
      <c r="E130522" s="15">
        <v>45593</v>
      </c>
      <c r="F130522" s="14" t="s">
        <v>15</v>
      </c>
      <c r="G130522" s="16">
        <v>0</v>
      </c>
    </row>
    <row r="130523" spans="1:7" x14ac:dyDescent="0.3">
      <c r="A130523" s="13" t="s">
        <v>594</v>
      </c>
      <c r="B130523" s="14" t="s">
        <v>1</v>
      </c>
      <c r="C130523" s="14" t="s">
        <v>252</v>
      </c>
      <c r="D130523" s="14" t="s">
        <v>94</v>
      </c>
      <c r="E130523" s="15">
        <v>45594</v>
      </c>
      <c r="F130523" s="14" t="s">
        <v>15</v>
      </c>
      <c r="G130523" s="16">
        <v>0</v>
      </c>
    </row>
    <row r="130524" spans="1:7" x14ac:dyDescent="0.3">
      <c r="A130524" s="13" t="s">
        <v>594</v>
      </c>
      <c r="B130524" s="14" t="s">
        <v>1</v>
      </c>
      <c r="C130524" s="14" t="s">
        <v>252</v>
      </c>
      <c r="D130524" s="14" t="s">
        <v>94</v>
      </c>
      <c r="E130524" s="15">
        <v>45595</v>
      </c>
      <c r="F130524" s="14" t="s">
        <v>15</v>
      </c>
      <c r="G130524" s="16">
        <v>0</v>
      </c>
    </row>
    <row r="130525" spans="1:7" x14ac:dyDescent="0.3">
      <c r="A130525" s="13" t="s">
        <v>594</v>
      </c>
      <c r="B130525" s="14" t="s">
        <v>1</v>
      </c>
      <c r="C130525" s="14" t="s">
        <v>252</v>
      </c>
      <c r="D130525" s="14" t="s">
        <v>94</v>
      </c>
      <c r="E130525" s="15">
        <v>45596</v>
      </c>
      <c r="F130525" s="14" t="s">
        <v>15</v>
      </c>
      <c r="G130525" s="16">
        <v>0</v>
      </c>
    </row>
    <row r="130526" spans="1:7" x14ac:dyDescent="0.3">
      <c r="A130526" s="13" t="s">
        <v>594</v>
      </c>
      <c r="B130526" s="14" t="s">
        <v>1</v>
      </c>
      <c r="C130526" s="14" t="s">
        <v>252</v>
      </c>
      <c r="D130526" s="14" t="s">
        <v>94</v>
      </c>
      <c r="E130526" s="15">
        <v>45597</v>
      </c>
      <c r="F130526" s="14" t="s">
        <v>15</v>
      </c>
      <c r="G130526" s="16">
        <v>0</v>
      </c>
    </row>
    <row r="130527" spans="1:7" x14ac:dyDescent="0.3">
      <c r="A130527" s="13" t="s">
        <v>594</v>
      </c>
      <c r="B130527" s="14" t="s">
        <v>1</v>
      </c>
      <c r="C130527" s="14" t="s">
        <v>252</v>
      </c>
      <c r="D130527" s="14" t="s">
        <v>94</v>
      </c>
      <c r="E130527" s="15">
        <v>45598</v>
      </c>
      <c r="F130527" s="14" t="s">
        <v>15</v>
      </c>
      <c r="G130527" s="16">
        <v>0</v>
      </c>
    </row>
    <row r="130528" spans="1:7" x14ac:dyDescent="0.3">
      <c r="A130528" s="13" t="s">
        <v>594</v>
      </c>
      <c r="B130528" s="14" t="s">
        <v>1</v>
      </c>
      <c r="C130528" s="14" t="s">
        <v>252</v>
      </c>
      <c r="D130528" s="14" t="s">
        <v>94</v>
      </c>
      <c r="E130528" s="15">
        <v>45599</v>
      </c>
      <c r="F130528" s="14" t="s">
        <v>15</v>
      </c>
      <c r="G130528" s="16">
        <v>0</v>
      </c>
    </row>
    <row r="130529" spans="1:7" x14ac:dyDescent="0.3">
      <c r="A130529" s="13" t="s">
        <v>594</v>
      </c>
      <c r="B130529" s="14" t="s">
        <v>1</v>
      </c>
      <c r="C130529" s="14" t="s">
        <v>252</v>
      </c>
      <c r="D130529" s="14" t="s">
        <v>94</v>
      </c>
      <c r="E130529" s="15">
        <v>45600</v>
      </c>
      <c r="F130529" s="14" t="s">
        <v>15</v>
      </c>
      <c r="G130529" s="16">
        <v>0</v>
      </c>
    </row>
    <row r="130530" spans="1:7" x14ac:dyDescent="0.3">
      <c r="A130530" s="13" t="s">
        <v>594</v>
      </c>
      <c r="B130530" s="14" t="s">
        <v>1</v>
      </c>
      <c r="C130530" s="14" t="s">
        <v>252</v>
      </c>
      <c r="D130530" s="14" t="s">
        <v>94</v>
      </c>
      <c r="E130530" s="15">
        <v>45601</v>
      </c>
      <c r="F130530" s="14" t="s">
        <v>15</v>
      </c>
      <c r="G130530" s="16">
        <v>0</v>
      </c>
    </row>
    <row r="130531" spans="1:7" x14ac:dyDescent="0.3">
      <c r="A130531" s="13" t="s">
        <v>594</v>
      </c>
      <c r="B130531" s="14" t="s">
        <v>1</v>
      </c>
      <c r="C130531" s="14" t="s">
        <v>252</v>
      </c>
      <c r="D130531" s="14" t="s">
        <v>94</v>
      </c>
      <c r="E130531" s="15">
        <v>45602</v>
      </c>
      <c r="F130531" s="14" t="s">
        <v>15</v>
      </c>
      <c r="G130531" s="16">
        <v>0</v>
      </c>
    </row>
    <row r="130532" spans="1:7" x14ac:dyDescent="0.3">
      <c r="A130532" s="13" t="s">
        <v>594</v>
      </c>
      <c r="B130532" s="14" t="s">
        <v>1</v>
      </c>
      <c r="C130532" s="14" t="s">
        <v>252</v>
      </c>
      <c r="D130532" s="14" t="s">
        <v>94</v>
      </c>
      <c r="E130532" s="15">
        <v>45603</v>
      </c>
      <c r="F130532" s="14" t="s">
        <v>15</v>
      </c>
      <c r="G130532" s="16">
        <v>0</v>
      </c>
    </row>
    <row r="130533" spans="1:7" x14ac:dyDescent="0.3">
      <c r="A130533" s="13" t="s">
        <v>594</v>
      </c>
      <c r="B130533" s="14" t="s">
        <v>1</v>
      </c>
      <c r="C130533" s="14" t="s">
        <v>252</v>
      </c>
      <c r="D130533" s="14" t="s">
        <v>94</v>
      </c>
      <c r="E130533" s="15">
        <v>45604</v>
      </c>
      <c r="F130533" s="14" t="s">
        <v>15</v>
      </c>
      <c r="G130533" s="16">
        <v>0</v>
      </c>
    </row>
    <row r="130534" spans="1:7" x14ac:dyDescent="0.3">
      <c r="A130534" s="13" t="s">
        <v>594</v>
      </c>
      <c r="B130534" s="14" t="s">
        <v>1</v>
      </c>
      <c r="C130534" s="14" t="s">
        <v>252</v>
      </c>
      <c r="D130534" s="14" t="s">
        <v>94</v>
      </c>
      <c r="E130534" s="15">
        <v>45605</v>
      </c>
      <c r="F130534" s="14" t="s">
        <v>15</v>
      </c>
      <c r="G130534" s="16">
        <v>0</v>
      </c>
    </row>
    <row r="130535" spans="1:7" x14ac:dyDescent="0.3">
      <c r="A130535" s="13" t="s">
        <v>594</v>
      </c>
      <c r="B130535" s="14" t="s">
        <v>1</v>
      </c>
      <c r="C130535" s="14" t="s">
        <v>252</v>
      </c>
      <c r="D130535" s="14" t="s">
        <v>94</v>
      </c>
      <c r="E130535" s="15">
        <v>45606</v>
      </c>
      <c r="F130535" s="14" t="s">
        <v>15</v>
      </c>
      <c r="G130535" s="16">
        <v>0</v>
      </c>
    </row>
    <row r="130536" spans="1:7" x14ac:dyDescent="0.3">
      <c r="A130536" s="13" t="s">
        <v>594</v>
      </c>
      <c r="B130536" s="14" t="s">
        <v>1</v>
      </c>
      <c r="C130536" s="14" t="s">
        <v>252</v>
      </c>
      <c r="D130536" s="14" t="s">
        <v>94</v>
      </c>
      <c r="E130536" s="15">
        <v>45607</v>
      </c>
      <c r="F130536" s="14" t="s">
        <v>15</v>
      </c>
      <c r="G130536" s="16">
        <v>0</v>
      </c>
    </row>
    <row r="130537" spans="1:7" x14ac:dyDescent="0.3">
      <c r="A130537" s="13" t="s">
        <v>594</v>
      </c>
      <c r="B130537" s="14" t="s">
        <v>1</v>
      </c>
      <c r="C130537" s="14" t="s">
        <v>252</v>
      </c>
      <c r="D130537" s="14" t="s">
        <v>94</v>
      </c>
      <c r="E130537" s="15">
        <v>45608</v>
      </c>
      <c r="F130537" s="14" t="s">
        <v>15</v>
      </c>
      <c r="G130537" s="16">
        <v>0</v>
      </c>
    </row>
    <row r="130538" spans="1:7" x14ac:dyDescent="0.3">
      <c r="A130538" s="13" t="s">
        <v>594</v>
      </c>
      <c r="B130538" s="14" t="s">
        <v>1</v>
      </c>
      <c r="C130538" s="14" t="s">
        <v>252</v>
      </c>
      <c r="D130538" s="14" t="s">
        <v>94</v>
      </c>
      <c r="E130538" s="15">
        <v>45609</v>
      </c>
      <c r="F130538" s="14" t="s">
        <v>15</v>
      </c>
      <c r="G130538" s="16">
        <v>0</v>
      </c>
    </row>
    <row r="130539" spans="1:7" x14ac:dyDescent="0.3">
      <c r="A130539" s="13" t="s">
        <v>594</v>
      </c>
      <c r="B130539" s="14" t="s">
        <v>1</v>
      </c>
      <c r="C130539" s="14" t="s">
        <v>252</v>
      </c>
      <c r="D130539" s="14" t="s">
        <v>94</v>
      </c>
      <c r="E130539" s="15">
        <v>45610</v>
      </c>
      <c r="F130539" s="14" t="s">
        <v>15</v>
      </c>
      <c r="G130539" s="16">
        <v>0</v>
      </c>
    </row>
    <row r="130540" spans="1:7" x14ac:dyDescent="0.3">
      <c r="A130540" s="13" t="s">
        <v>594</v>
      </c>
      <c r="B130540" s="14" t="s">
        <v>1</v>
      </c>
      <c r="C130540" s="14" t="s">
        <v>252</v>
      </c>
      <c r="D130540" s="14" t="s">
        <v>94</v>
      </c>
      <c r="E130540" s="15">
        <v>45611</v>
      </c>
      <c r="F130540" s="14" t="s">
        <v>15</v>
      </c>
      <c r="G130540" s="16">
        <v>0</v>
      </c>
    </row>
    <row r="130541" spans="1:7" x14ac:dyDescent="0.3">
      <c r="A130541" s="13" t="s">
        <v>594</v>
      </c>
      <c r="B130541" s="14" t="s">
        <v>1</v>
      </c>
      <c r="C130541" s="14" t="s">
        <v>252</v>
      </c>
      <c r="D130541" s="14" t="s">
        <v>94</v>
      </c>
      <c r="E130541" s="15">
        <v>45612</v>
      </c>
      <c r="F130541" s="14" t="s">
        <v>15</v>
      </c>
      <c r="G130541" s="16">
        <v>0</v>
      </c>
    </row>
    <row r="130542" spans="1:7" x14ac:dyDescent="0.3">
      <c r="A130542" s="13" t="s">
        <v>594</v>
      </c>
      <c r="B130542" s="14" t="s">
        <v>1</v>
      </c>
      <c r="C130542" s="14" t="s">
        <v>252</v>
      </c>
      <c r="D130542" s="14" t="s">
        <v>94</v>
      </c>
      <c r="E130542" s="15">
        <v>45613</v>
      </c>
      <c r="F130542" s="14" t="s">
        <v>15</v>
      </c>
      <c r="G130542" s="16">
        <v>0</v>
      </c>
    </row>
    <row r="130543" spans="1:7" x14ac:dyDescent="0.3">
      <c r="A130543" s="13" t="s">
        <v>594</v>
      </c>
      <c r="B130543" s="14" t="s">
        <v>1</v>
      </c>
      <c r="C130543" s="14" t="s">
        <v>252</v>
      </c>
      <c r="D130543" s="14" t="s">
        <v>94</v>
      </c>
      <c r="E130543" s="15">
        <v>45614</v>
      </c>
      <c r="F130543" s="14" t="s">
        <v>15</v>
      </c>
      <c r="G130543" s="16">
        <v>0</v>
      </c>
    </row>
    <row r="130544" spans="1:7" x14ac:dyDescent="0.3">
      <c r="A130544" s="13" t="s">
        <v>594</v>
      </c>
      <c r="B130544" s="14" t="s">
        <v>1</v>
      </c>
      <c r="C130544" s="14" t="s">
        <v>252</v>
      </c>
      <c r="D130544" s="14" t="s">
        <v>94</v>
      </c>
      <c r="E130544" s="15">
        <v>45615</v>
      </c>
      <c r="F130544" s="14" t="s">
        <v>15</v>
      </c>
      <c r="G130544" s="16">
        <v>0</v>
      </c>
    </row>
    <row r="130545" spans="1:7" x14ac:dyDescent="0.3">
      <c r="A130545" s="13" t="s">
        <v>594</v>
      </c>
      <c r="B130545" s="14" t="s">
        <v>1</v>
      </c>
      <c r="C130545" s="14" t="s">
        <v>252</v>
      </c>
      <c r="D130545" s="14" t="s">
        <v>94</v>
      </c>
      <c r="E130545" s="15">
        <v>45616</v>
      </c>
      <c r="F130545" s="14" t="s">
        <v>15</v>
      </c>
      <c r="G130545" s="16">
        <v>0</v>
      </c>
    </row>
    <row r="130546" spans="1:7" x14ac:dyDescent="0.3">
      <c r="A130546" s="13" t="s">
        <v>594</v>
      </c>
      <c r="B130546" s="14" t="s">
        <v>1</v>
      </c>
      <c r="C130546" s="14" t="s">
        <v>252</v>
      </c>
      <c r="D130546" s="14" t="s">
        <v>94</v>
      </c>
      <c r="E130546" s="15">
        <v>45617</v>
      </c>
      <c r="F130546" s="14" t="s">
        <v>15</v>
      </c>
      <c r="G130546" s="16">
        <v>0</v>
      </c>
    </row>
    <row r="130547" spans="1:7" x14ac:dyDescent="0.3">
      <c r="A130547" s="13" t="s">
        <v>594</v>
      </c>
      <c r="B130547" s="14" t="s">
        <v>1</v>
      </c>
      <c r="C130547" s="14" t="s">
        <v>252</v>
      </c>
      <c r="D130547" s="14" t="s">
        <v>94</v>
      </c>
      <c r="E130547" s="15">
        <v>45618</v>
      </c>
      <c r="F130547" s="14" t="s">
        <v>15</v>
      </c>
      <c r="G130547" s="16">
        <v>0</v>
      </c>
    </row>
    <row r="130548" spans="1:7" x14ac:dyDescent="0.3">
      <c r="A130548" s="13" t="s">
        <v>594</v>
      </c>
      <c r="B130548" s="14" t="s">
        <v>1</v>
      </c>
      <c r="C130548" s="14" t="s">
        <v>252</v>
      </c>
      <c r="D130548" s="14" t="s">
        <v>94</v>
      </c>
      <c r="E130548" s="15">
        <v>45619</v>
      </c>
      <c r="F130548" s="14" t="s">
        <v>15</v>
      </c>
      <c r="G130548" s="16">
        <v>0</v>
      </c>
    </row>
    <row r="130549" spans="1:7" x14ac:dyDescent="0.3">
      <c r="A130549" s="13" t="s">
        <v>594</v>
      </c>
      <c r="B130549" s="14" t="s">
        <v>1</v>
      </c>
      <c r="C130549" s="14" t="s">
        <v>252</v>
      </c>
      <c r="D130549" s="14" t="s">
        <v>94</v>
      </c>
      <c r="E130549" s="15">
        <v>45620</v>
      </c>
      <c r="F130549" s="14" t="s">
        <v>15</v>
      </c>
      <c r="G130549" s="16">
        <v>0</v>
      </c>
    </row>
    <row r="130550" spans="1:7" x14ac:dyDescent="0.3">
      <c r="A130550" s="13" t="s">
        <v>594</v>
      </c>
      <c r="B130550" s="14" t="s">
        <v>1</v>
      </c>
      <c r="C130550" s="14" t="s">
        <v>252</v>
      </c>
      <c r="D130550" s="14" t="s">
        <v>94</v>
      </c>
      <c r="E130550" s="15">
        <v>45621</v>
      </c>
      <c r="F130550" s="14" t="s">
        <v>15</v>
      </c>
      <c r="G130550" s="16">
        <v>0</v>
      </c>
    </row>
    <row r="130551" spans="1:7" x14ac:dyDescent="0.3">
      <c r="A130551" s="13" t="s">
        <v>594</v>
      </c>
      <c r="B130551" s="14" t="s">
        <v>1</v>
      </c>
      <c r="C130551" s="14" t="s">
        <v>252</v>
      </c>
      <c r="D130551" s="14" t="s">
        <v>94</v>
      </c>
      <c r="E130551" s="15">
        <v>45622</v>
      </c>
      <c r="F130551" s="14" t="s">
        <v>15</v>
      </c>
      <c r="G130551" s="16">
        <v>0</v>
      </c>
    </row>
    <row r="130552" spans="1:7" x14ac:dyDescent="0.3">
      <c r="A130552" s="13" t="s">
        <v>594</v>
      </c>
      <c r="B130552" s="14" t="s">
        <v>1</v>
      </c>
      <c r="C130552" s="14" t="s">
        <v>252</v>
      </c>
      <c r="D130552" s="14" t="s">
        <v>94</v>
      </c>
      <c r="E130552" s="15">
        <v>45623</v>
      </c>
      <c r="F130552" s="14" t="s">
        <v>15</v>
      </c>
      <c r="G130552" s="16">
        <v>0</v>
      </c>
    </row>
    <row r="130553" spans="1:7" x14ac:dyDescent="0.3">
      <c r="A130553" s="13" t="s">
        <v>594</v>
      </c>
      <c r="B130553" s="14" t="s">
        <v>1</v>
      </c>
      <c r="C130553" s="14" t="s">
        <v>252</v>
      </c>
      <c r="D130553" s="14" t="s">
        <v>94</v>
      </c>
      <c r="E130553" s="15">
        <v>45624</v>
      </c>
      <c r="F130553" s="14" t="s">
        <v>15</v>
      </c>
      <c r="G130553" s="16">
        <v>0</v>
      </c>
    </row>
    <row r="130554" spans="1:7" x14ac:dyDescent="0.3">
      <c r="A130554" s="13" t="s">
        <v>594</v>
      </c>
      <c r="B130554" s="14" t="s">
        <v>1</v>
      </c>
      <c r="C130554" s="14" t="s">
        <v>252</v>
      </c>
      <c r="D130554" s="14" t="s">
        <v>94</v>
      </c>
      <c r="E130554" s="15">
        <v>45625</v>
      </c>
      <c r="F130554" s="14" t="s">
        <v>15</v>
      </c>
      <c r="G130554" s="16">
        <v>0</v>
      </c>
    </row>
    <row r="130555" spans="1:7" x14ac:dyDescent="0.3">
      <c r="A130555" s="13" t="s">
        <v>594</v>
      </c>
      <c r="B130555" s="14" t="s">
        <v>1</v>
      </c>
      <c r="C130555" s="14" t="s">
        <v>252</v>
      </c>
      <c r="D130555" s="14" t="s">
        <v>94</v>
      </c>
      <c r="E130555" s="15">
        <v>45626</v>
      </c>
      <c r="F130555" s="14" t="s">
        <v>15</v>
      </c>
      <c r="G130555" s="16">
        <v>0</v>
      </c>
    </row>
    <row r="130556" spans="1:7" x14ac:dyDescent="0.3">
      <c r="A130556" s="13" t="s">
        <v>594</v>
      </c>
      <c r="B130556" s="14" t="s">
        <v>1</v>
      </c>
      <c r="C130556" s="14" t="s">
        <v>252</v>
      </c>
      <c r="D130556" s="14" t="s">
        <v>94</v>
      </c>
      <c r="E130556" s="15">
        <v>45627</v>
      </c>
      <c r="F130556" s="14" t="s">
        <v>15</v>
      </c>
      <c r="G130556" s="16">
        <v>0</v>
      </c>
    </row>
    <row r="130557" spans="1:7" x14ac:dyDescent="0.3">
      <c r="A130557" s="13" t="s">
        <v>594</v>
      </c>
      <c r="B130557" s="14" t="s">
        <v>1</v>
      </c>
      <c r="C130557" s="14" t="s">
        <v>252</v>
      </c>
      <c r="D130557" s="14" t="s">
        <v>94</v>
      </c>
      <c r="E130557" s="15">
        <v>45628</v>
      </c>
      <c r="F130557" s="14" t="s">
        <v>15</v>
      </c>
      <c r="G130557" s="16">
        <v>0</v>
      </c>
    </row>
    <row r="130558" spans="1:7" x14ac:dyDescent="0.3">
      <c r="A130558" s="13" t="s">
        <v>594</v>
      </c>
      <c r="B130558" s="14" t="s">
        <v>1</v>
      </c>
      <c r="C130558" s="14" t="s">
        <v>252</v>
      </c>
      <c r="D130558" s="14" t="s">
        <v>94</v>
      </c>
      <c r="E130558" s="15">
        <v>45629</v>
      </c>
      <c r="F130558" s="14" t="s">
        <v>15</v>
      </c>
      <c r="G130558" s="16">
        <v>0</v>
      </c>
    </row>
    <row r="130559" spans="1:7" x14ac:dyDescent="0.3">
      <c r="A130559" s="13" t="s">
        <v>594</v>
      </c>
      <c r="B130559" s="14" t="s">
        <v>1</v>
      </c>
      <c r="C130559" s="14" t="s">
        <v>252</v>
      </c>
      <c r="D130559" s="14" t="s">
        <v>94</v>
      </c>
      <c r="E130559" s="15">
        <v>45630</v>
      </c>
      <c r="F130559" s="14" t="s">
        <v>15</v>
      </c>
      <c r="G130559" s="16">
        <v>0</v>
      </c>
    </row>
    <row r="130560" spans="1:7" x14ac:dyDescent="0.3">
      <c r="A130560" s="13" t="s">
        <v>594</v>
      </c>
      <c r="B130560" s="14" t="s">
        <v>1</v>
      </c>
      <c r="C130560" s="14" t="s">
        <v>252</v>
      </c>
      <c r="D130560" s="14" t="s">
        <v>94</v>
      </c>
      <c r="E130560" s="15">
        <v>45631</v>
      </c>
      <c r="F130560" s="14" t="s">
        <v>15</v>
      </c>
      <c r="G130560" s="16">
        <v>0</v>
      </c>
    </row>
    <row r="130561" spans="1:7" x14ac:dyDescent="0.3">
      <c r="A130561" s="13" t="s">
        <v>594</v>
      </c>
      <c r="B130561" s="14" t="s">
        <v>1</v>
      </c>
      <c r="C130561" s="14" t="s">
        <v>252</v>
      </c>
      <c r="D130561" s="14" t="s">
        <v>94</v>
      </c>
      <c r="E130561" s="15">
        <v>45632</v>
      </c>
      <c r="F130561" s="14" t="s">
        <v>15</v>
      </c>
      <c r="G130561" s="16">
        <v>0</v>
      </c>
    </row>
    <row r="130562" spans="1:7" x14ac:dyDescent="0.3">
      <c r="A130562" s="13" t="s">
        <v>594</v>
      </c>
      <c r="B130562" s="14" t="s">
        <v>1</v>
      </c>
      <c r="C130562" s="14" t="s">
        <v>252</v>
      </c>
      <c r="D130562" s="14" t="s">
        <v>94</v>
      </c>
      <c r="E130562" s="15">
        <v>45633</v>
      </c>
      <c r="F130562" s="14" t="s">
        <v>15</v>
      </c>
      <c r="G130562" s="16">
        <v>0</v>
      </c>
    </row>
    <row r="130563" spans="1:7" x14ac:dyDescent="0.3">
      <c r="A130563" s="13" t="s">
        <v>594</v>
      </c>
      <c r="B130563" s="14" t="s">
        <v>1</v>
      </c>
      <c r="C130563" s="14" t="s">
        <v>252</v>
      </c>
      <c r="D130563" s="14" t="s">
        <v>94</v>
      </c>
      <c r="E130563" s="15">
        <v>45634</v>
      </c>
      <c r="F130563" s="14" t="s">
        <v>15</v>
      </c>
      <c r="G130563" s="16">
        <v>0</v>
      </c>
    </row>
    <row r="130564" spans="1:7" x14ac:dyDescent="0.3">
      <c r="A130564" s="13" t="s">
        <v>594</v>
      </c>
      <c r="B130564" s="14" t="s">
        <v>1</v>
      </c>
      <c r="C130564" s="14" t="s">
        <v>252</v>
      </c>
      <c r="D130564" s="14" t="s">
        <v>94</v>
      </c>
      <c r="E130564" s="15">
        <v>45635</v>
      </c>
      <c r="F130564" s="14" t="s">
        <v>15</v>
      </c>
      <c r="G130564" s="16">
        <v>0</v>
      </c>
    </row>
    <row r="130565" spans="1:7" x14ac:dyDescent="0.3">
      <c r="A130565" s="13" t="s">
        <v>594</v>
      </c>
      <c r="B130565" s="14" t="s">
        <v>1</v>
      </c>
      <c r="C130565" s="14" t="s">
        <v>252</v>
      </c>
      <c r="D130565" s="14" t="s">
        <v>94</v>
      </c>
      <c r="E130565" s="15">
        <v>45636</v>
      </c>
      <c r="F130565" s="14" t="s">
        <v>15</v>
      </c>
      <c r="G130565" s="16">
        <v>0</v>
      </c>
    </row>
    <row r="130566" spans="1:7" x14ac:dyDescent="0.3">
      <c r="A130566" s="13" t="s">
        <v>594</v>
      </c>
      <c r="B130566" s="14" t="s">
        <v>1</v>
      </c>
      <c r="C130566" s="14" t="s">
        <v>252</v>
      </c>
      <c r="D130566" s="14" t="s">
        <v>94</v>
      </c>
      <c r="E130566" s="15">
        <v>45637</v>
      </c>
      <c r="F130566" s="14" t="s">
        <v>15</v>
      </c>
      <c r="G130566" s="16">
        <v>0</v>
      </c>
    </row>
    <row r="130567" spans="1:7" x14ac:dyDescent="0.3">
      <c r="A130567" s="13" t="s">
        <v>594</v>
      </c>
      <c r="B130567" s="14" t="s">
        <v>1</v>
      </c>
      <c r="C130567" s="14" t="s">
        <v>252</v>
      </c>
      <c r="D130567" s="14" t="s">
        <v>94</v>
      </c>
      <c r="E130567" s="15">
        <v>45638</v>
      </c>
      <c r="F130567" s="14" t="s">
        <v>15</v>
      </c>
      <c r="G130567" s="16">
        <v>0</v>
      </c>
    </row>
    <row r="130568" spans="1:7" x14ac:dyDescent="0.3">
      <c r="A130568" s="13" t="s">
        <v>594</v>
      </c>
      <c r="B130568" s="14" t="s">
        <v>1</v>
      </c>
      <c r="C130568" s="14" t="s">
        <v>252</v>
      </c>
      <c r="D130568" s="14" t="s">
        <v>94</v>
      </c>
      <c r="E130568" s="15">
        <v>45639</v>
      </c>
      <c r="F130568" s="14" t="s">
        <v>15</v>
      </c>
      <c r="G130568" s="16">
        <v>0</v>
      </c>
    </row>
    <row r="130569" spans="1:7" x14ac:dyDescent="0.3">
      <c r="A130569" s="13" t="s">
        <v>594</v>
      </c>
      <c r="B130569" s="14" t="s">
        <v>1</v>
      </c>
      <c r="C130569" s="14" t="s">
        <v>252</v>
      </c>
      <c r="D130569" s="14" t="s">
        <v>94</v>
      </c>
      <c r="E130569" s="15">
        <v>45640</v>
      </c>
      <c r="F130569" s="14" t="s">
        <v>15</v>
      </c>
      <c r="G130569" s="16">
        <v>0</v>
      </c>
    </row>
    <row r="130570" spans="1:7" x14ac:dyDescent="0.3">
      <c r="A130570" s="13" t="s">
        <v>594</v>
      </c>
      <c r="B130570" s="14" t="s">
        <v>1</v>
      </c>
      <c r="C130570" s="14" t="s">
        <v>252</v>
      </c>
      <c r="D130570" s="14" t="s">
        <v>94</v>
      </c>
      <c r="E130570" s="15">
        <v>45641</v>
      </c>
      <c r="F130570" s="14" t="s">
        <v>15</v>
      </c>
      <c r="G130570" s="16">
        <v>0</v>
      </c>
    </row>
    <row r="130571" spans="1:7" x14ac:dyDescent="0.3">
      <c r="A130571" s="13" t="s">
        <v>594</v>
      </c>
      <c r="B130571" s="14" t="s">
        <v>1</v>
      </c>
      <c r="C130571" s="14" t="s">
        <v>252</v>
      </c>
      <c r="D130571" s="14" t="s">
        <v>94</v>
      </c>
      <c r="E130571" s="15">
        <v>45642</v>
      </c>
      <c r="F130571" s="14" t="s">
        <v>15</v>
      </c>
      <c r="G130571" s="16">
        <v>0</v>
      </c>
    </row>
    <row r="130572" spans="1:7" x14ac:dyDescent="0.3">
      <c r="A130572" s="13" t="s">
        <v>594</v>
      </c>
      <c r="B130572" s="14" t="s">
        <v>1</v>
      </c>
      <c r="C130572" s="14" t="s">
        <v>252</v>
      </c>
      <c r="D130572" s="14" t="s">
        <v>94</v>
      </c>
      <c r="E130572" s="15">
        <v>45643</v>
      </c>
      <c r="F130572" s="14" t="s">
        <v>15</v>
      </c>
      <c r="G130572" s="16">
        <v>0</v>
      </c>
    </row>
    <row r="130573" spans="1:7" x14ac:dyDescent="0.3">
      <c r="A130573" s="13" t="s">
        <v>594</v>
      </c>
      <c r="B130573" s="14" t="s">
        <v>1</v>
      </c>
      <c r="C130573" s="14" t="s">
        <v>252</v>
      </c>
      <c r="D130573" s="14" t="s">
        <v>94</v>
      </c>
      <c r="E130573" s="15">
        <v>45644</v>
      </c>
      <c r="F130573" s="14" t="s">
        <v>15</v>
      </c>
      <c r="G130573" s="16">
        <v>0</v>
      </c>
    </row>
    <row r="130574" spans="1:7" x14ac:dyDescent="0.3">
      <c r="A130574" s="13" t="s">
        <v>594</v>
      </c>
      <c r="B130574" s="14" t="s">
        <v>1</v>
      </c>
      <c r="C130574" s="14" t="s">
        <v>252</v>
      </c>
      <c r="D130574" s="14" t="s">
        <v>94</v>
      </c>
      <c r="E130574" s="15">
        <v>45645</v>
      </c>
      <c r="F130574" s="14" t="s">
        <v>15</v>
      </c>
      <c r="G130574" s="16">
        <v>0</v>
      </c>
    </row>
    <row r="130575" spans="1:7" x14ac:dyDescent="0.3">
      <c r="A130575" s="13" t="s">
        <v>594</v>
      </c>
      <c r="B130575" s="14" t="s">
        <v>1</v>
      </c>
      <c r="C130575" s="14" t="s">
        <v>252</v>
      </c>
      <c r="D130575" s="14" t="s">
        <v>94</v>
      </c>
      <c r="E130575" s="15">
        <v>45646</v>
      </c>
      <c r="F130575" s="14" t="s">
        <v>15</v>
      </c>
      <c r="G130575" s="16">
        <v>0</v>
      </c>
    </row>
    <row r="130576" spans="1:7" x14ac:dyDescent="0.3">
      <c r="A130576" s="13" t="s">
        <v>594</v>
      </c>
      <c r="B130576" s="14" t="s">
        <v>1</v>
      </c>
      <c r="C130576" s="14" t="s">
        <v>252</v>
      </c>
      <c r="D130576" s="14" t="s">
        <v>94</v>
      </c>
      <c r="E130576" s="15">
        <v>45647</v>
      </c>
      <c r="F130576" s="14" t="s">
        <v>15</v>
      </c>
      <c r="G130576" s="16">
        <v>0</v>
      </c>
    </row>
    <row r="130577" spans="1:7" x14ac:dyDescent="0.3">
      <c r="A130577" s="13" t="s">
        <v>594</v>
      </c>
      <c r="B130577" s="14" t="s">
        <v>1</v>
      </c>
      <c r="C130577" s="14" t="s">
        <v>252</v>
      </c>
      <c r="D130577" s="14" t="s">
        <v>94</v>
      </c>
      <c r="E130577" s="15">
        <v>45648</v>
      </c>
      <c r="F130577" s="14" t="s">
        <v>15</v>
      </c>
      <c r="G130577" s="16">
        <v>0</v>
      </c>
    </row>
    <row r="130578" spans="1:7" x14ac:dyDescent="0.3">
      <c r="A130578" s="13" t="s">
        <v>594</v>
      </c>
      <c r="B130578" s="14" t="s">
        <v>1</v>
      </c>
      <c r="C130578" s="14" t="s">
        <v>252</v>
      </c>
      <c r="D130578" s="14" t="s">
        <v>94</v>
      </c>
      <c r="E130578" s="15">
        <v>45649</v>
      </c>
      <c r="F130578" s="14" t="s">
        <v>15</v>
      </c>
      <c r="G130578" s="16">
        <v>0</v>
      </c>
    </row>
    <row r="130579" spans="1:7" x14ac:dyDescent="0.3">
      <c r="A130579" s="13" t="s">
        <v>594</v>
      </c>
      <c r="B130579" s="14" t="s">
        <v>1</v>
      </c>
      <c r="C130579" s="14" t="s">
        <v>252</v>
      </c>
      <c r="D130579" s="14" t="s">
        <v>94</v>
      </c>
      <c r="E130579" s="15">
        <v>45650</v>
      </c>
      <c r="F130579" s="14" t="s">
        <v>15</v>
      </c>
      <c r="G130579" s="16">
        <v>0</v>
      </c>
    </row>
    <row r="130580" spans="1:7" x14ac:dyDescent="0.3">
      <c r="A130580" s="13" t="s">
        <v>594</v>
      </c>
      <c r="B130580" s="14" t="s">
        <v>1</v>
      </c>
      <c r="C130580" s="14" t="s">
        <v>252</v>
      </c>
      <c r="D130580" s="14" t="s">
        <v>94</v>
      </c>
      <c r="E130580" s="15">
        <v>45651</v>
      </c>
      <c r="F130580" s="14" t="s">
        <v>15</v>
      </c>
      <c r="G130580" s="16">
        <v>0</v>
      </c>
    </row>
    <row r="130581" spans="1:7" x14ac:dyDescent="0.3">
      <c r="A130581" s="13" t="s">
        <v>594</v>
      </c>
      <c r="B130581" s="14" t="s">
        <v>1</v>
      </c>
      <c r="C130581" s="14" t="s">
        <v>252</v>
      </c>
      <c r="D130581" s="14" t="s">
        <v>94</v>
      </c>
      <c r="E130581" s="15">
        <v>45652</v>
      </c>
      <c r="F130581" s="14" t="s">
        <v>15</v>
      </c>
      <c r="G130581" s="16">
        <v>0</v>
      </c>
    </row>
    <row r="130582" spans="1:7" x14ac:dyDescent="0.3">
      <c r="A130582" s="13" t="s">
        <v>594</v>
      </c>
      <c r="B130582" s="14" t="s">
        <v>1</v>
      </c>
      <c r="C130582" s="14" t="s">
        <v>252</v>
      </c>
      <c r="D130582" s="14" t="s">
        <v>94</v>
      </c>
      <c r="E130582" s="15">
        <v>45653</v>
      </c>
      <c r="F130582" s="14" t="s">
        <v>15</v>
      </c>
      <c r="G130582" s="16">
        <v>0</v>
      </c>
    </row>
    <row r="130583" spans="1:7" x14ac:dyDescent="0.3">
      <c r="A130583" s="13" t="s">
        <v>594</v>
      </c>
      <c r="B130583" s="14" t="s">
        <v>1</v>
      </c>
      <c r="C130583" s="14" t="s">
        <v>252</v>
      </c>
      <c r="D130583" s="14" t="s">
        <v>94</v>
      </c>
      <c r="E130583" s="15">
        <v>45654</v>
      </c>
      <c r="F130583" s="14" t="s">
        <v>15</v>
      </c>
      <c r="G130583" s="16">
        <v>0</v>
      </c>
    </row>
    <row r="130584" spans="1:7" x14ac:dyDescent="0.3">
      <c r="A130584" s="13" t="s">
        <v>594</v>
      </c>
      <c r="B130584" s="14" t="s">
        <v>1</v>
      </c>
      <c r="C130584" s="14" t="s">
        <v>252</v>
      </c>
      <c r="D130584" s="14" t="s">
        <v>94</v>
      </c>
      <c r="E130584" s="15">
        <v>45655</v>
      </c>
      <c r="F130584" s="14" t="s">
        <v>15</v>
      </c>
      <c r="G130584" s="16">
        <v>0</v>
      </c>
    </row>
    <row r="130585" spans="1:7" x14ac:dyDescent="0.3">
      <c r="A130585" s="13" t="s">
        <v>594</v>
      </c>
      <c r="B130585" s="14" t="s">
        <v>1</v>
      </c>
      <c r="C130585" s="14" t="s">
        <v>252</v>
      </c>
      <c r="D130585" s="14" t="s">
        <v>94</v>
      </c>
      <c r="E130585" s="15">
        <v>45656</v>
      </c>
      <c r="F130585" s="14" t="s">
        <v>15</v>
      </c>
      <c r="G130585" s="16">
        <v>0</v>
      </c>
    </row>
    <row r="130586" spans="1:7" x14ac:dyDescent="0.3">
      <c r="A130586" s="13" t="s">
        <v>594</v>
      </c>
      <c r="B130586" s="14" t="s">
        <v>1</v>
      </c>
      <c r="C130586" s="14" t="s">
        <v>252</v>
      </c>
      <c r="D130586" s="14" t="s">
        <v>94</v>
      </c>
      <c r="E130586" s="15">
        <v>45657</v>
      </c>
      <c r="F130586" s="14" t="s">
        <v>15</v>
      </c>
      <c r="G130586" s="16">
        <v>0</v>
      </c>
    </row>
    <row r="130587" spans="1:7" x14ac:dyDescent="0.3">
      <c r="A130587" s="13" t="s">
        <v>594</v>
      </c>
      <c r="B130587" s="14" t="s">
        <v>1</v>
      </c>
      <c r="C130587" s="14" t="s">
        <v>252</v>
      </c>
      <c r="D130587" s="14" t="s">
        <v>94</v>
      </c>
      <c r="E130587" s="15">
        <v>45658</v>
      </c>
      <c r="F130587" s="14" t="s">
        <v>15</v>
      </c>
      <c r="G130587" s="16">
        <v>0</v>
      </c>
    </row>
    <row r="130588" spans="1:7" x14ac:dyDescent="0.3">
      <c r="A130588" s="13" t="s">
        <v>594</v>
      </c>
      <c r="B130588" s="14" t="s">
        <v>1</v>
      </c>
      <c r="C130588" s="14" t="s">
        <v>252</v>
      </c>
      <c r="D130588" s="14" t="s">
        <v>94</v>
      </c>
      <c r="E130588" s="15">
        <v>45659</v>
      </c>
      <c r="F130588" s="14" t="s">
        <v>15</v>
      </c>
      <c r="G130588" s="16">
        <v>0</v>
      </c>
    </row>
    <row r="130589" spans="1:7" x14ac:dyDescent="0.3">
      <c r="A130589" s="13" t="s">
        <v>594</v>
      </c>
      <c r="B130589" s="14" t="s">
        <v>1</v>
      </c>
      <c r="C130589" s="14" t="s">
        <v>252</v>
      </c>
      <c r="D130589" s="14" t="s">
        <v>94</v>
      </c>
      <c r="E130589" s="15">
        <v>45660</v>
      </c>
      <c r="F130589" s="14" t="s">
        <v>15</v>
      </c>
      <c r="G130589" s="16">
        <v>0</v>
      </c>
    </row>
    <row r="130590" spans="1:7" x14ac:dyDescent="0.3">
      <c r="A130590" s="13" t="s">
        <v>594</v>
      </c>
      <c r="B130590" s="14" t="s">
        <v>1</v>
      </c>
      <c r="C130590" s="14" t="s">
        <v>252</v>
      </c>
      <c r="D130590" s="14" t="s">
        <v>94</v>
      </c>
      <c r="E130590" s="15">
        <v>45661</v>
      </c>
      <c r="F130590" s="14" t="s">
        <v>15</v>
      </c>
      <c r="G130590" s="16">
        <v>0</v>
      </c>
    </row>
    <row r="130591" spans="1:7" x14ac:dyDescent="0.3">
      <c r="A130591" s="13" t="s">
        <v>594</v>
      </c>
      <c r="B130591" s="14" t="s">
        <v>1</v>
      </c>
      <c r="C130591" s="14" t="s">
        <v>252</v>
      </c>
      <c r="D130591" s="14" t="s">
        <v>94</v>
      </c>
      <c r="E130591" s="15">
        <v>45662</v>
      </c>
      <c r="F130591" s="14" t="s">
        <v>15</v>
      </c>
      <c r="G130591" s="16">
        <v>0</v>
      </c>
    </row>
    <row r="130592" spans="1:7" x14ac:dyDescent="0.3">
      <c r="A130592" s="13" t="s">
        <v>594</v>
      </c>
      <c r="B130592" s="14" t="s">
        <v>1</v>
      </c>
      <c r="C130592" s="14" t="s">
        <v>252</v>
      </c>
      <c r="D130592" s="14" t="s">
        <v>94</v>
      </c>
      <c r="E130592" s="15">
        <v>45663</v>
      </c>
      <c r="F130592" s="14" t="s">
        <v>15</v>
      </c>
      <c r="G130592" s="16">
        <v>0</v>
      </c>
    </row>
    <row r="130593" spans="1:7" x14ac:dyDescent="0.3">
      <c r="A130593" s="13" t="s">
        <v>594</v>
      </c>
      <c r="B130593" s="14" t="s">
        <v>1</v>
      </c>
      <c r="C130593" s="14" t="s">
        <v>252</v>
      </c>
      <c r="D130593" s="14" t="s">
        <v>94</v>
      </c>
      <c r="E130593" s="15">
        <v>45664</v>
      </c>
      <c r="F130593" s="14" t="s">
        <v>15</v>
      </c>
      <c r="G130593" s="16">
        <v>0</v>
      </c>
    </row>
    <row r="130594" spans="1:7" x14ac:dyDescent="0.3">
      <c r="A130594" s="13" t="s">
        <v>594</v>
      </c>
      <c r="B130594" s="14" t="s">
        <v>1</v>
      </c>
      <c r="C130594" s="14" t="s">
        <v>252</v>
      </c>
      <c r="D130594" s="14" t="s">
        <v>94</v>
      </c>
      <c r="E130594" s="15">
        <v>45665</v>
      </c>
      <c r="F130594" s="14" t="s">
        <v>15</v>
      </c>
      <c r="G130594" s="16">
        <v>0</v>
      </c>
    </row>
    <row r="130595" spans="1:7" x14ac:dyDescent="0.3">
      <c r="A130595" s="13" t="s">
        <v>594</v>
      </c>
      <c r="B130595" s="14" t="s">
        <v>1</v>
      </c>
      <c r="C130595" s="14" t="s">
        <v>252</v>
      </c>
      <c r="D130595" s="14" t="s">
        <v>94</v>
      </c>
      <c r="E130595" s="15">
        <v>45666</v>
      </c>
      <c r="F130595" s="14" t="s">
        <v>15</v>
      </c>
      <c r="G130595" s="16">
        <v>0</v>
      </c>
    </row>
    <row r="130596" spans="1:7" x14ac:dyDescent="0.3">
      <c r="A130596" s="13" t="s">
        <v>594</v>
      </c>
      <c r="B130596" s="14" t="s">
        <v>1</v>
      </c>
      <c r="C130596" s="14" t="s">
        <v>252</v>
      </c>
      <c r="D130596" s="14" t="s">
        <v>94</v>
      </c>
      <c r="E130596" s="15">
        <v>45667</v>
      </c>
      <c r="F130596" s="14" t="s">
        <v>15</v>
      </c>
      <c r="G130596" s="16">
        <v>0</v>
      </c>
    </row>
    <row r="130597" spans="1:7" x14ac:dyDescent="0.3">
      <c r="A130597" s="13" t="s">
        <v>594</v>
      </c>
      <c r="B130597" s="14" t="s">
        <v>1</v>
      </c>
      <c r="C130597" s="14" t="s">
        <v>252</v>
      </c>
      <c r="D130597" s="14" t="s">
        <v>94</v>
      </c>
      <c r="E130597" s="15">
        <v>45668</v>
      </c>
      <c r="F130597" s="14" t="s">
        <v>15</v>
      </c>
      <c r="G130597" s="16">
        <v>0</v>
      </c>
    </row>
    <row r="130598" spans="1:7" x14ac:dyDescent="0.3">
      <c r="A130598" s="13" t="s">
        <v>594</v>
      </c>
      <c r="B130598" s="14" t="s">
        <v>1</v>
      </c>
      <c r="C130598" s="14" t="s">
        <v>252</v>
      </c>
      <c r="D130598" s="14" t="s">
        <v>94</v>
      </c>
      <c r="E130598" s="15">
        <v>45669</v>
      </c>
      <c r="F130598" s="14" t="s">
        <v>15</v>
      </c>
      <c r="G130598" s="16">
        <v>0</v>
      </c>
    </row>
    <row r="130599" spans="1:7" x14ac:dyDescent="0.3">
      <c r="A130599" s="13" t="s">
        <v>594</v>
      </c>
      <c r="B130599" s="14" t="s">
        <v>1</v>
      </c>
      <c r="C130599" s="14" t="s">
        <v>252</v>
      </c>
      <c r="D130599" s="14" t="s">
        <v>94</v>
      </c>
      <c r="E130599" s="15">
        <v>45670</v>
      </c>
      <c r="F130599" s="14" t="s">
        <v>15</v>
      </c>
      <c r="G130599" s="16">
        <v>0</v>
      </c>
    </row>
    <row r="130600" spans="1:7" x14ac:dyDescent="0.3">
      <c r="A130600" s="13" t="s">
        <v>594</v>
      </c>
      <c r="B130600" s="14" t="s">
        <v>1</v>
      </c>
      <c r="C130600" s="14" t="s">
        <v>252</v>
      </c>
      <c r="D130600" s="14" t="s">
        <v>94</v>
      </c>
      <c r="E130600" s="15">
        <v>45671</v>
      </c>
      <c r="F130600" s="14" t="s">
        <v>15</v>
      </c>
      <c r="G130600" s="16">
        <v>0</v>
      </c>
    </row>
    <row r="130601" spans="1:7" x14ac:dyDescent="0.3">
      <c r="A130601" s="13" t="s">
        <v>594</v>
      </c>
      <c r="B130601" s="14" t="s">
        <v>1</v>
      </c>
      <c r="C130601" s="14" t="s">
        <v>252</v>
      </c>
      <c r="D130601" s="14" t="s">
        <v>94</v>
      </c>
      <c r="E130601" s="15">
        <v>45672</v>
      </c>
      <c r="F130601" s="14" t="s">
        <v>15</v>
      </c>
      <c r="G130601" s="16">
        <v>0</v>
      </c>
    </row>
    <row r="130602" spans="1:7" x14ac:dyDescent="0.3">
      <c r="A130602" s="13" t="s">
        <v>594</v>
      </c>
      <c r="B130602" s="14" t="s">
        <v>1</v>
      </c>
      <c r="C130602" s="14" t="s">
        <v>252</v>
      </c>
      <c r="D130602" s="14" t="s">
        <v>94</v>
      </c>
      <c r="E130602" s="15">
        <v>45673</v>
      </c>
      <c r="F130602" s="14" t="s">
        <v>15</v>
      </c>
      <c r="G130602" s="16">
        <v>0</v>
      </c>
    </row>
    <row r="130603" spans="1:7" x14ac:dyDescent="0.3">
      <c r="A130603" s="13" t="s">
        <v>594</v>
      </c>
      <c r="B130603" s="14" t="s">
        <v>1</v>
      </c>
      <c r="C130603" s="14" t="s">
        <v>252</v>
      </c>
      <c r="D130603" s="14" t="s">
        <v>94</v>
      </c>
      <c r="E130603" s="15">
        <v>45674</v>
      </c>
      <c r="F130603" s="14" t="s">
        <v>15</v>
      </c>
      <c r="G130603" s="16">
        <v>0</v>
      </c>
    </row>
    <row r="130604" spans="1:7" x14ac:dyDescent="0.3">
      <c r="A130604" s="13" t="s">
        <v>594</v>
      </c>
      <c r="B130604" s="14" t="s">
        <v>1</v>
      </c>
      <c r="C130604" s="14" t="s">
        <v>252</v>
      </c>
      <c r="D130604" s="14" t="s">
        <v>94</v>
      </c>
      <c r="E130604" s="15">
        <v>45675</v>
      </c>
      <c r="F130604" s="14" t="s">
        <v>15</v>
      </c>
      <c r="G130604" s="16">
        <v>0</v>
      </c>
    </row>
    <row r="130605" spans="1:7" x14ac:dyDescent="0.3">
      <c r="A130605" s="13" t="s">
        <v>594</v>
      </c>
      <c r="B130605" s="14" t="s">
        <v>1</v>
      </c>
      <c r="C130605" s="14" t="s">
        <v>252</v>
      </c>
      <c r="D130605" s="14" t="s">
        <v>94</v>
      </c>
      <c r="E130605" s="15">
        <v>45676</v>
      </c>
      <c r="F130605" s="14" t="s">
        <v>15</v>
      </c>
      <c r="G130605" s="16">
        <v>0</v>
      </c>
    </row>
    <row r="130606" spans="1:7" x14ac:dyDescent="0.3">
      <c r="A130606" s="13" t="s">
        <v>594</v>
      </c>
      <c r="B130606" s="14" t="s">
        <v>1</v>
      </c>
      <c r="C130606" s="14" t="s">
        <v>252</v>
      </c>
      <c r="D130606" s="14" t="s">
        <v>94</v>
      </c>
      <c r="E130606" s="15">
        <v>45677</v>
      </c>
      <c r="F130606" s="14" t="s">
        <v>15</v>
      </c>
      <c r="G130606" s="16">
        <v>0</v>
      </c>
    </row>
    <row r="130607" spans="1:7" x14ac:dyDescent="0.3">
      <c r="A130607" s="13" t="s">
        <v>594</v>
      </c>
      <c r="B130607" s="14" t="s">
        <v>1</v>
      </c>
      <c r="C130607" s="14" t="s">
        <v>252</v>
      </c>
      <c r="D130607" s="14" t="s">
        <v>94</v>
      </c>
      <c r="E130607" s="15">
        <v>45678</v>
      </c>
      <c r="F130607" s="14" t="s">
        <v>15</v>
      </c>
      <c r="G130607" s="16">
        <v>0</v>
      </c>
    </row>
    <row r="130608" spans="1:7" x14ac:dyDescent="0.3">
      <c r="A130608" s="13" t="s">
        <v>594</v>
      </c>
      <c r="B130608" s="14" t="s">
        <v>1</v>
      </c>
      <c r="C130608" s="14" t="s">
        <v>252</v>
      </c>
      <c r="D130608" s="14" t="s">
        <v>94</v>
      </c>
      <c r="E130608" s="15">
        <v>45679</v>
      </c>
      <c r="F130608" s="14" t="s">
        <v>15</v>
      </c>
      <c r="G130608" s="16">
        <v>0</v>
      </c>
    </row>
    <row r="130609" spans="1:7" x14ac:dyDescent="0.3">
      <c r="A130609" s="13" t="s">
        <v>594</v>
      </c>
      <c r="B130609" s="14" t="s">
        <v>1</v>
      </c>
      <c r="C130609" s="14" t="s">
        <v>252</v>
      </c>
      <c r="D130609" s="14" t="s">
        <v>94</v>
      </c>
      <c r="E130609" s="15">
        <v>45680</v>
      </c>
      <c r="F130609" s="14" t="s">
        <v>15</v>
      </c>
      <c r="G130609" s="16">
        <v>0</v>
      </c>
    </row>
    <row r="130610" spans="1:7" x14ac:dyDescent="0.3">
      <c r="A130610" s="13" t="s">
        <v>594</v>
      </c>
      <c r="B130610" s="14" t="s">
        <v>1</v>
      </c>
      <c r="C130610" s="14" t="s">
        <v>252</v>
      </c>
      <c r="D130610" s="14" t="s">
        <v>94</v>
      </c>
      <c r="E130610" s="15">
        <v>45681</v>
      </c>
      <c r="F130610" s="14" t="s">
        <v>15</v>
      </c>
      <c r="G130610" s="16">
        <v>0</v>
      </c>
    </row>
    <row r="130611" spans="1:7" x14ac:dyDescent="0.3">
      <c r="A130611" s="13" t="s">
        <v>594</v>
      </c>
      <c r="B130611" s="14" t="s">
        <v>1</v>
      </c>
      <c r="C130611" s="14" t="s">
        <v>252</v>
      </c>
      <c r="D130611" s="14" t="s">
        <v>94</v>
      </c>
      <c r="E130611" s="15">
        <v>45682</v>
      </c>
      <c r="F130611" s="14" t="s">
        <v>15</v>
      </c>
      <c r="G130611" s="16">
        <v>0</v>
      </c>
    </row>
    <row r="130612" spans="1:7" x14ac:dyDescent="0.3">
      <c r="A130612" s="13" t="s">
        <v>594</v>
      </c>
      <c r="B130612" s="14" t="s">
        <v>1</v>
      </c>
      <c r="C130612" s="14" t="s">
        <v>252</v>
      </c>
      <c r="D130612" s="14" t="s">
        <v>94</v>
      </c>
      <c r="E130612" s="15">
        <v>45683</v>
      </c>
      <c r="F130612" s="14" t="s">
        <v>15</v>
      </c>
      <c r="G130612" s="16">
        <v>0</v>
      </c>
    </row>
    <row r="130613" spans="1:7" x14ac:dyDescent="0.3">
      <c r="A130613" s="13" t="s">
        <v>594</v>
      </c>
      <c r="B130613" s="14" t="s">
        <v>1</v>
      </c>
      <c r="C130613" s="14" t="s">
        <v>252</v>
      </c>
      <c r="D130613" s="14" t="s">
        <v>94</v>
      </c>
      <c r="E130613" s="15">
        <v>45684</v>
      </c>
      <c r="F130613" s="14" t="s">
        <v>15</v>
      </c>
      <c r="G130613" s="16">
        <v>0</v>
      </c>
    </row>
    <row r="130614" spans="1:7" x14ac:dyDescent="0.3">
      <c r="A130614" s="13" t="s">
        <v>594</v>
      </c>
      <c r="B130614" s="14" t="s">
        <v>1</v>
      </c>
      <c r="C130614" s="14" t="s">
        <v>252</v>
      </c>
      <c r="D130614" s="14" t="s">
        <v>94</v>
      </c>
      <c r="E130614" s="15">
        <v>45685</v>
      </c>
      <c r="F130614" s="14" t="s">
        <v>15</v>
      </c>
      <c r="G130614" s="16">
        <v>0</v>
      </c>
    </row>
    <row r="130615" spans="1:7" x14ac:dyDescent="0.3">
      <c r="A130615" s="13" t="s">
        <v>594</v>
      </c>
      <c r="B130615" s="14" t="s">
        <v>1</v>
      </c>
      <c r="C130615" s="14" t="s">
        <v>252</v>
      </c>
      <c r="D130615" s="14" t="s">
        <v>94</v>
      </c>
      <c r="E130615" s="15">
        <v>45686</v>
      </c>
      <c r="F130615" s="14" t="s">
        <v>15</v>
      </c>
      <c r="G130615" s="16">
        <v>0</v>
      </c>
    </row>
    <row r="130616" spans="1:7" x14ac:dyDescent="0.3">
      <c r="A130616" s="13" t="s">
        <v>594</v>
      </c>
      <c r="B130616" s="14" t="s">
        <v>1</v>
      </c>
      <c r="C130616" s="14" t="s">
        <v>252</v>
      </c>
      <c r="D130616" s="14" t="s">
        <v>94</v>
      </c>
      <c r="E130616" s="15">
        <v>45687</v>
      </c>
      <c r="F130616" s="14" t="s">
        <v>15</v>
      </c>
      <c r="G130616" s="16">
        <v>0</v>
      </c>
    </row>
    <row r="130617" spans="1:7" x14ac:dyDescent="0.3">
      <c r="A130617" s="13" t="s">
        <v>594</v>
      </c>
      <c r="B130617" s="14" t="s">
        <v>1</v>
      </c>
      <c r="C130617" s="14" t="s">
        <v>252</v>
      </c>
      <c r="D130617" s="14" t="s">
        <v>94</v>
      </c>
      <c r="E130617" s="15">
        <v>45688</v>
      </c>
      <c r="F130617" s="14" t="s">
        <v>15</v>
      </c>
      <c r="G130617" s="16">
        <v>0</v>
      </c>
    </row>
    <row r="130618" spans="1:7" x14ac:dyDescent="0.3">
      <c r="A130618" s="13" t="s">
        <v>594</v>
      </c>
      <c r="B130618" s="14" t="s">
        <v>1</v>
      </c>
      <c r="C130618" s="14" t="s">
        <v>252</v>
      </c>
      <c r="D130618" s="14" t="s">
        <v>94</v>
      </c>
      <c r="E130618" s="15">
        <v>45689</v>
      </c>
      <c r="F130618" s="14" t="s">
        <v>15</v>
      </c>
      <c r="G130618" s="16">
        <v>0</v>
      </c>
    </row>
    <row r="130619" spans="1:7" x14ac:dyDescent="0.3">
      <c r="A130619" s="13" t="s">
        <v>594</v>
      </c>
      <c r="B130619" s="14" t="s">
        <v>1</v>
      </c>
      <c r="C130619" s="14" t="s">
        <v>252</v>
      </c>
      <c r="D130619" s="14" t="s">
        <v>94</v>
      </c>
      <c r="E130619" s="15">
        <v>45690</v>
      </c>
      <c r="F130619" s="14" t="s">
        <v>15</v>
      </c>
      <c r="G130619" s="16">
        <v>0</v>
      </c>
    </row>
    <row r="130620" spans="1:7" x14ac:dyDescent="0.3">
      <c r="A130620" s="13" t="s">
        <v>594</v>
      </c>
      <c r="B130620" s="14" t="s">
        <v>1</v>
      </c>
      <c r="C130620" s="14" t="s">
        <v>252</v>
      </c>
      <c r="D130620" s="14" t="s">
        <v>94</v>
      </c>
      <c r="E130620" s="15">
        <v>45691</v>
      </c>
      <c r="F130620" s="14" t="s">
        <v>15</v>
      </c>
      <c r="G130620" s="16">
        <v>0</v>
      </c>
    </row>
    <row r="130621" spans="1:7" x14ac:dyDescent="0.3">
      <c r="A130621" s="13" t="s">
        <v>594</v>
      </c>
      <c r="B130621" s="14" t="s">
        <v>1</v>
      </c>
      <c r="C130621" s="14" t="s">
        <v>252</v>
      </c>
      <c r="D130621" s="14" t="s">
        <v>94</v>
      </c>
      <c r="E130621" s="15">
        <v>45692</v>
      </c>
      <c r="F130621" s="14" t="s">
        <v>15</v>
      </c>
      <c r="G130621" s="16">
        <v>0</v>
      </c>
    </row>
    <row r="130622" spans="1:7" x14ac:dyDescent="0.3">
      <c r="A130622" s="13" t="s">
        <v>594</v>
      </c>
      <c r="B130622" s="14" t="s">
        <v>1</v>
      </c>
      <c r="C130622" s="14" t="s">
        <v>252</v>
      </c>
      <c r="D130622" s="14" t="s">
        <v>94</v>
      </c>
      <c r="E130622" s="15">
        <v>45693</v>
      </c>
      <c r="F130622" s="14" t="s">
        <v>15</v>
      </c>
      <c r="G130622" s="16">
        <v>0</v>
      </c>
    </row>
    <row r="130623" spans="1:7" x14ac:dyDescent="0.3">
      <c r="A130623" s="13" t="s">
        <v>594</v>
      </c>
      <c r="B130623" s="14" t="s">
        <v>1</v>
      </c>
      <c r="C130623" s="14" t="s">
        <v>252</v>
      </c>
      <c r="D130623" s="14" t="s">
        <v>94</v>
      </c>
      <c r="E130623" s="15">
        <v>45694</v>
      </c>
      <c r="F130623" s="14" t="s">
        <v>15</v>
      </c>
      <c r="G130623" s="16">
        <v>0</v>
      </c>
    </row>
    <row r="130624" spans="1:7" x14ac:dyDescent="0.3">
      <c r="A130624" s="13" t="s">
        <v>594</v>
      </c>
      <c r="B130624" s="14" t="s">
        <v>1</v>
      </c>
      <c r="C130624" s="14" t="s">
        <v>252</v>
      </c>
      <c r="D130624" s="14" t="s">
        <v>94</v>
      </c>
      <c r="E130624" s="15">
        <v>45695</v>
      </c>
      <c r="F130624" s="14" t="s">
        <v>15</v>
      </c>
      <c r="G130624" s="16">
        <v>0</v>
      </c>
    </row>
    <row r="130625" spans="1:7" x14ac:dyDescent="0.3">
      <c r="A130625" s="13" t="s">
        <v>594</v>
      </c>
      <c r="B130625" s="14" t="s">
        <v>1</v>
      </c>
      <c r="C130625" s="14" t="s">
        <v>252</v>
      </c>
      <c r="D130625" s="14" t="s">
        <v>94</v>
      </c>
      <c r="E130625" s="15">
        <v>45696</v>
      </c>
      <c r="F130625" s="14" t="s">
        <v>15</v>
      </c>
      <c r="G130625" s="16">
        <v>0</v>
      </c>
    </row>
    <row r="130626" spans="1:7" x14ac:dyDescent="0.3">
      <c r="A130626" s="13" t="s">
        <v>594</v>
      </c>
      <c r="B130626" s="14" t="s">
        <v>1</v>
      </c>
      <c r="C130626" s="14" t="s">
        <v>252</v>
      </c>
      <c r="D130626" s="14" t="s">
        <v>94</v>
      </c>
      <c r="E130626" s="15">
        <v>45697</v>
      </c>
      <c r="F130626" s="14" t="s">
        <v>15</v>
      </c>
      <c r="G130626" s="16">
        <v>0</v>
      </c>
    </row>
    <row r="130627" spans="1:7" x14ac:dyDescent="0.3">
      <c r="A130627" s="13" t="s">
        <v>594</v>
      </c>
      <c r="B130627" s="14" t="s">
        <v>1</v>
      </c>
      <c r="C130627" s="14" t="s">
        <v>252</v>
      </c>
      <c r="D130627" s="14" t="s">
        <v>94</v>
      </c>
      <c r="E130627" s="15">
        <v>45698</v>
      </c>
      <c r="F130627" s="14" t="s">
        <v>15</v>
      </c>
      <c r="G130627" s="16">
        <v>0</v>
      </c>
    </row>
    <row r="130628" spans="1:7" x14ac:dyDescent="0.3">
      <c r="A130628" s="13" t="s">
        <v>594</v>
      </c>
      <c r="B130628" s="14" t="s">
        <v>1</v>
      </c>
      <c r="C130628" s="14" t="s">
        <v>252</v>
      </c>
      <c r="D130628" s="14" t="s">
        <v>94</v>
      </c>
      <c r="E130628" s="15">
        <v>45699</v>
      </c>
      <c r="F130628" s="14" t="s">
        <v>15</v>
      </c>
      <c r="G130628" s="16">
        <v>0</v>
      </c>
    </row>
    <row r="130629" spans="1:7" x14ac:dyDescent="0.3">
      <c r="A130629" s="13" t="s">
        <v>594</v>
      </c>
      <c r="B130629" s="14" t="s">
        <v>1</v>
      </c>
      <c r="C130629" s="14" t="s">
        <v>252</v>
      </c>
      <c r="D130629" s="14" t="s">
        <v>94</v>
      </c>
      <c r="E130629" s="15">
        <v>45700</v>
      </c>
      <c r="F130629" s="14" t="s">
        <v>15</v>
      </c>
      <c r="G130629" s="16">
        <v>0</v>
      </c>
    </row>
    <row r="130630" spans="1:7" x14ac:dyDescent="0.3">
      <c r="A130630" s="13" t="s">
        <v>594</v>
      </c>
      <c r="B130630" s="14" t="s">
        <v>1</v>
      </c>
      <c r="C130630" s="14" t="s">
        <v>252</v>
      </c>
      <c r="D130630" s="14" t="s">
        <v>94</v>
      </c>
      <c r="E130630" s="15">
        <v>45701</v>
      </c>
      <c r="F130630" s="14" t="s">
        <v>15</v>
      </c>
      <c r="G130630" s="16">
        <v>0</v>
      </c>
    </row>
    <row r="130631" spans="1:7" x14ac:dyDescent="0.3">
      <c r="A130631" s="13" t="s">
        <v>594</v>
      </c>
      <c r="B130631" s="14" t="s">
        <v>1</v>
      </c>
      <c r="C130631" s="14" t="s">
        <v>252</v>
      </c>
      <c r="D130631" s="14" t="s">
        <v>94</v>
      </c>
      <c r="E130631" s="15">
        <v>45702</v>
      </c>
      <c r="F130631" s="14" t="s">
        <v>15</v>
      </c>
      <c r="G130631" s="16">
        <v>0</v>
      </c>
    </row>
    <row r="130632" spans="1:7" x14ac:dyDescent="0.3">
      <c r="A130632" s="13" t="s">
        <v>594</v>
      </c>
      <c r="B130632" s="14" t="s">
        <v>1</v>
      </c>
      <c r="C130632" s="14" t="s">
        <v>252</v>
      </c>
      <c r="D130632" s="14" t="s">
        <v>94</v>
      </c>
      <c r="E130632" s="15">
        <v>45703</v>
      </c>
      <c r="F130632" s="14" t="s">
        <v>15</v>
      </c>
      <c r="G130632" s="16">
        <v>0</v>
      </c>
    </row>
    <row r="130633" spans="1:7" x14ac:dyDescent="0.3">
      <c r="A130633" s="13" t="s">
        <v>594</v>
      </c>
      <c r="B130633" s="14" t="s">
        <v>1</v>
      </c>
      <c r="C130633" s="14" t="s">
        <v>252</v>
      </c>
      <c r="D130633" s="14" t="s">
        <v>94</v>
      </c>
      <c r="E130633" s="15">
        <v>45704</v>
      </c>
      <c r="F130633" s="14" t="s">
        <v>15</v>
      </c>
      <c r="G130633" s="16">
        <v>0</v>
      </c>
    </row>
    <row r="130634" spans="1:7" x14ac:dyDescent="0.3">
      <c r="A130634" s="13" t="s">
        <v>594</v>
      </c>
      <c r="B130634" s="14" t="s">
        <v>1</v>
      </c>
      <c r="C130634" s="14" t="s">
        <v>252</v>
      </c>
      <c r="D130634" s="14" t="s">
        <v>94</v>
      </c>
      <c r="E130634" s="15">
        <v>45705</v>
      </c>
      <c r="F130634" s="14" t="s">
        <v>15</v>
      </c>
      <c r="G130634" s="16">
        <v>0</v>
      </c>
    </row>
    <row r="130635" spans="1:7" x14ac:dyDescent="0.3">
      <c r="A130635" s="13" t="s">
        <v>594</v>
      </c>
      <c r="B130635" s="14" t="s">
        <v>1</v>
      </c>
      <c r="C130635" s="14" t="s">
        <v>252</v>
      </c>
      <c r="D130635" s="14" t="s">
        <v>94</v>
      </c>
      <c r="E130635" s="15">
        <v>45706</v>
      </c>
      <c r="F130635" s="14" t="s">
        <v>15</v>
      </c>
      <c r="G130635" s="16">
        <v>0</v>
      </c>
    </row>
    <row r="130636" spans="1:7" x14ac:dyDescent="0.3">
      <c r="A130636" s="13" t="s">
        <v>594</v>
      </c>
      <c r="B130636" s="14" t="s">
        <v>1</v>
      </c>
      <c r="C130636" s="14" t="s">
        <v>252</v>
      </c>
      <c r="D130636" s="14" t="s">
        <v>94</v>
      </c>
      <c r="E130636" s="15">
        <v>45707</v>
      </c>
      <c r="F130636" s="14" t="s">
        <v>15</v>
      </c>
      <c r="G130636" s="16">
        <v>0</v>
      </c>
    </row>
    <row r="130637" spans="1:7" x14ac:dyDescent="0.3">
      <c r="A130637" s="13" t="s">
        <v>594</v>
      </c>
      <c r="B130637" s="14" t="s">
        <v>1</v>
      </c>
      <c r="C130637" s="14" t="s">
        <v>252</v>
      </c>
      <c r="D130637" s="14" t="s">
        <v>94</v>
      </c>
      <c r="E130637" s="15">
        <v>45708</v>
      </c>
      <c r="F130637" s="14" t="s">
        <v>15</v>
      </c>
      <c r="G130637" s="16">
        <v>0</v>
      </c>
    </row>
    <row r="130638" spans="1:7" x14ac:dyDescent="0.3">
      <c r="A130638" s="13" t="s">
        <v>594</v>
      </c>
      <c r="B130638" s="14" t="s">
        <v>1</v>
      </c>
      <c r="C130638" s="14" t="s">
        <v>252</v>
      </c>
      <c r="D130638" s="14" t="s">
        <v>94</v>
      </c>
      <c r="E130638" s="15">
        <v>45709</v>
      </c>
      <c r="F130638" s="14" t="s">
        <v>15</v>
      </c>
      <c r="G130638" s="16">
        <v>0</v>
      </c>
    </row>
    <row r="130639" spans="1:7" x14ac:dyDescent="0.3">
      <c r="A130639" s="13" t="s">
        <v>594</v>
      </c>
      <c r="B130639" s="14" t="s">
        <v>1</v>
      </c>
      <c r="C130639" s="14" t="s">
        <v>252</v>
      </c>
      <c r="D130639" s="14" t="s">
        <v>94</v>
      </c>
      <c r="E130639" s="15">
        <v>45710</v>
      </c>
      <c r="F130639" s="14" t="s">
        <v>15</v>
      </c>
      <c r="G130639" s="16">
        <v>0</v>
      </c>
    </row>
    <row r="130640" spans="1:7" x14ac:dyDescent="0.3">
      <c r="A130640" s="13" t="s">
        <v>594</v>
      </c>
      <c r="B130640" s="14" t="s">
        <v>1</v>
      </c>
      <c r="C130640" s="14" t="s">
        <v>252</v>
      </c>
      <c r="D130640" s="14" t="s">
        <v>94</v>
      </c>
      <c r="E130640" s="15">
        <v>45711</v>
      </c>
      <c r="F130640" s="14" t="s">
        <v>15</v>
      </c>
      <c r="G130640" s="16">
        <v>0</v>
      </c>
    </row>
    <row r="130641" spans="1:7" x14ac:dyDescent="0.3">
      <c r="A130641" s="13" t="s">
        <v>594</v>
      </c>
      <c r="B130641" s="14" t="s">
        <v>1</v>
      </c>
      <c r="C130641" s="14" t="s">
        <v>252</v>
      </c>
      <c r="D130641" s="14" t="s">
        <v>94</v>
      </c>
      <c r="E130641" s="15">
        <v>45712</v>
      </c>
      <c r="F130641" s="14" t="s">
        <v>15</v>
      </c>
      <c r="G130641" s="16">
        <v>0</v>
      </c>
    </row>
    <row r="130642" spans="1:7" x14ac:dyDescent="0.3">
      <c r="A130642" s="13" t="s">
        <v>594</v>
      </c>
      <c r="B130642" s="14" t="s">
        <v>1</v>
      </c>
      <c r="C130642" s="14" t="s">
        <v>252</v>
      </c>
      <c r="D130642" s="14" t="s">
        <v>94</v>
      </c>
      <c r="E130642" s="15">
        <v>45713</v>
      </c>
      <c r="F130642" s="14" t="s">
        <v>15</v>
      </c>
      <c r="G130642" s="16">
        <v>0</v>
      </c>
    </row>
    <row r="130643" spans="1:7" x14ac:dyDescent="0.3">
      <c r="A130643" s="13" t="s">
        <v>594</v>
      </c>
      <c r="B130643" s="14" t="s">
        <v>1</v>
      </c>
      <c r="C130643" s="14" t="s">
        <v>252</v>
      </c>
      <c r="D130643" s="14" t="s">
        <v>94</v>
      </c>
      <c r="E130643" s="15">
        <v>45714</v>
      </c>
      <c r="F130643" s="14" t="s">
        <v>15</v>
      </c>
      <c r="G130643" s="16">
        <v>0</v>
      </c>
    </row>
    <row r="130644" spans="1:7" x14ac:dyDescent="0.3">
      <c r="A130644" s="13" t="s">
        <v>594</v>
      </c>
      <c r="B130644" s="14" t="s">
        <v>1</v>
      </c>
      <c r="C130644" s="14" t="s">
        <v>252</v>
      </c>
      <c r="D130644" s="14" t="s">
        <v>94</v>
      </c>
      <c r="E130644" s="15">
        <v>45715</v>
      </c>
      <c r="F130644" s="14" t="s">
        <v>15</v>
      </c>
      <c r="G130644" s="16">
        <v>0</v>
      </c>
    </row>
    <row r="130645" spans="1:7" x14ac:dyDescent="0.3">
      <c r="A130645" s="13" t="s">
        <v>594</v>
      </c>
      <c r="B130645" s="14" t="s">
        <v>1</v>
      </c>
      <c r="C130645" s="14" t="s">
        <v>252</v>
      </c>
      <c r="D130645" s="14" t="s">
        <v>94</v>
      </c>
      <c r="E130645" s="15">
        <v>45716</v>
      </c>
      <c r="F130645" s="14" t="s">
        <v>15</v>
      </c>
      <c r="G130645" s="16">
        <v>0</v>
      </c>
    </row>
    <row r="130646" spans="1:7" x14ac:dyDescent="0.3">
      <c r="A130646" s="13" t="s">
        <v>594</v>
      </c>
      <c r="B130646" s="14" t="s">
        <v>1</v>
      </c>
      <c r="C130646" s="14" t="s">
        <v>252</v>
      </c>
      <c r="D130646" s="14" t="s">
        <v>94</v>
      </c>
      <c r="E130646" s="15">
        <v>45717</v>
      </c>
      <c r="F130646" s="14" t="s">
        <v>15</v>
      </c>
      <c r="G130646" s="16">
        <v>0</v>
      </c>
    </row>
    <row r="130647" spans="1:7" x14ac:dyDescent="0.3">
      <c r="A130647" s="13" t="s">
        <v>594</v>
      </c>
      <c r="B130647" s="14" t="s">
        <v>1</v>
      </c>
      <c r="C130647" s="14" t="s">
        <v>252</v>
      </c>
      <c r="D130647" s="14" t="s">
        <v>94</v>
      </c>
      <c r="E130647" s="15">
        <v>45718</v>
      </c>
      <c r="F130647" s="14" t="s">
        <v>15</v>
      </c>
      <c r="G130647" s="16">
        <v>0</v>
      </c>
    </row>
    <row r="130648" spans="1:7" x14ac:dyDescent="0.3">
      <c r="A130648" s="13" t="s">
        <v>594</v>
      </c>
      <c r="B130648" s="14" t="s">
        <v>1</v>
      </c>
      <c r="C130648" s="14" t="s">
        <v>252</v>
      </c>
      <c r="D130648" s="14" t="s">
        <v>94</v>
      </c>
      <c r="E130648" s="15">
        <v>45719</v>
      </c>
      <c r="F130648" s="14" t="s">
        <v>15</v>
      </c>
      <c r="G130648" s="16">
        <v>0</v>
      </c>
    </row>
    <row r="130649" spans="1:7" x14ac:dyDescent="0.3">
      <c r="A130649" s="13" t="s">
        <v>594</v>
      </c>
      <c r="B130649" s="14" t="s">
        <v>1</v>
      </c>
      <c r="C130649" s="14" t="s">
        <v>252</v>
      </c>
      <c r="D130649" s="14" t="s">
        <v>94</v>
      </c>
      <c r="E130649" s="15">
        <v>45720</v>
      </c>
      <c r="F130649" s="14" t="s">
        <v>15</v>
      </c>
      <c r="G130649" s="16">
        <v>0</v>
      </c>
    </row>
    <row r="130650" spans="1:7" x14ac:dyDescent="0.3">
      <c r="A130650" s="13" t="s">
        <v>594</v>
      </c>
      <c r="B130650" s="14" t="s">
        <v>1</v>
      </c>
      <c r="C130650" s="14" t="s">
        <v>252</v>
      </c>
      <c r="D130650" s="14" t="s">
        <v>94</v>
      </c>
      <c r="E130650" s="15">
        <v>45721</v>
      </c>
      <c r="F130650" s="14" t="s">
        <v>15</v>
      </c>
      <c r="G130650" s="16">
        <v>0</v>
      </c>
    </row>
    <row r="130651" spans="1:7" x14ac:dyDescent="0.3">
      <c r="A130651" s="13" t="s">
        <v>594</v>
      </c>
      <c r="B130651" s="14" t="s">
        <v>1</v>
      </c>
      <c r="C130651" s="14" t="s">
        <v>252</v>
      </c>
      <c r="D130651" s="14" t="s">
        <v>94</v>
      </c>
      <c r="E130651" s="15">
        <v>45722</v>
      </c>
      <c r="F130651" s="14" t="s">
        <v>15</v>
      </c>
      <c r="G130651" s="16">
        <v>0</v>
      </c>
    </row>
    <row r="130652" spans="1:7" x14ac:dyDescent="0.3">
      <c r="A130652" s="13" t="s">
        <v>594</v>
      </c>
      <c r="B130652" s="14" t="s">
        <v>1</v>
      </c>
      <c r="C130652" s="14" t="s">
        <v>252</v>
      </c>
      <c r="D130652" s="14" t="s">
        <v>94</v>
      </c>
      <c r="E130652" s="15">
        <v>45723</v>
      </c>
      <c r="F130652" s="14" t="s">
        <v>15</v>
      </c>
      <c r="G130652" s="16">
        <v>0</v>
      </c>
    </row>
    <row r="130653" spans="1:7" x14ac:dyDescent="0.3">
      <c r="A130653" s="13" t="s">
        <v>594</v>
      </c>
      <c r="B130653" s="14" t="s">
        <v>1</v>
      </c>
      <c r="C130653" s="14" t="s">
        <v>252</v>
      </c>
      <c r="D130653" s="14" t="s">
        <v>94</v>
      </c>
      <c r="E130653" s="15">
        <v>45724</v>
      </c>
      <c r="F130653" s="14" t="s">
        <v>15</v>
      </c>
      <c r="G130653" s="16">
        <v>0</v>
      </c>
    </row>
    <row r="130654" spans="1:7" x14ac:dyDescent="0.3">
      <c r="A130654" s="13" t="s">
        <v>594</v>
      </c>
      <c r="B130654" s="14" t="s">
        <v>1</v>
      </c>
      <c r="C130654" s="14" t="s">
        <v>252</v>
      </c>
      <c r="D130654" s="14" t="s">
        <v>94</v>
      </c>
      <c r="E130654" s="15">
        <v>45725</v>
      </c>
      <c r="F130654" s="14" t="s">
        <v>15</v>
      </c>
      <c r="G130654" s="16">
        <v>0</v>
      </c>
    </row>
    <row r="130655" spans="1:7" x14ac:dyDescent="0.3">
      <c r="A130655" s="13" t="s">
        <v>594</v>
      </c>
      <c r="B130655" s="14" t="s">
        <v>1</v>
      </c>
      <c r="C130655" s="14" t="s">
        <v>252</v>
      </c>
      <c r="D130655" s="14" t="s">
        <v>94</v>
      </c>
      <c r="E130655" s="15">
        <v>45726</v>
      </c>
      <c r="F130655" s="14" t="s">
        <v>15</v>
      </c>
      <c r="G130655" s="16">
        <v>0</v>
      </c>
    </row>
    <row r="130656" spans="1:7" x14ac:dyDescent="0.3">
      <c r="A130656" s="13" t="s">
        <v>594</v>
      </c>
      <c r="B130656" s="14" t="s">
        <v>1</v>
      </c>
      <c r="C130656" s="14" t="s">
        <v>252</v>
      </c>
      <c r="D130656" s="14" t="s">
        <v>94</v>
      </c>
      <c r="E130656" s="15">
        <v>45727</v>
      </c>
      <c r="F130656" s="14" t="s">
        <v>15</v>
      </c>
      <c r="G130656" s="16">
        <v>0</v>
      </c>
    </row>
    <row r="130657" spans="1:7" x14ac:dyDescent="0.3">
      <c r="A130657" s="13" t="s">
        <v>594</v>
      </c>
      <c r="B130657" s="14" t="s">
        <v>1</v>
      </c>
      <c r="C130657" s="14" t="s">
        <v>252</v>
      </c>
      <c r="D130657" s="14" t="s">
        <v>94</v>
      </c>
      <c r="E130657" s="15">
        <v>45728</v>
      </c>
      <c r="F130657" s="14" t="s">
        <v>15</v>
      </c>
      <c r="G130657" s="16">
        <v>0</v>
      </c>
    </row>
    <row r="130658" spans="1:7" x14ac:dyDescent="0.3">
      <c r="A130658" s="13" t="s">
        <v>594</v>
      </c>
      <c r="B130658" s="14" t="s">
        <v>1</v>
      </c>
      <c r="C130658" s="14" t="s">
        <v>252</v>
      </c>
      <c r="D130658" s="14" t="s">
        <v>94</v>
      </c>
      <c r="E130658" s="15">
        <v>45729</v>
      </c>
      <c r="F130658" s="14" t="s">
        <v>15</v>
      </c>
      <c r="G130658" s="16">
        <v>0</v>
      </c>
    </row>
    <row r="130659" spans="1:7" x14ac:dyDescent="0.3">
      <c r="A130659" s="13" t="s">
        <v>594</v>
      </c>
      <c r="B130659" s="14" t="s">
        <v>1</v>
      </c>
      <c r="C130659" s="14" t="s">
        <v>252</v>
      </c>
      <c r="D130659" s="14" t="s">
        <v>94</v>
      </c>
      <c r="E130659" s="15">
        <v>45730</v>
      </c>
      <c r="F130659" s="14" t="s">
        <v>15</v>
      </c>
      <c r="G130659" s="16">
        <v>0</v>
      </c>
    </row>
    <row r="130660" spans="1:7" x14ac:dyDescent="0.3">
      <c r="A130660" s="13" t="s">
        <v>594</v>
      </c>
      <c r="B130660" s="14" t="s">
        <v>1</v>
      </c>
      <c r="C130660" s="14" t="s">
        <v>252</v>
      </c>
      <c r="D130660" s="14" t="s">
        <v>94</v>
      </c>
      <c r="E130660" s="15">
        <v>45731</v>
      </c>
      <c r="F130660" s="14" t="s">
        <v>15</v>
      </c>
      <c r="G130660" s="16">
        <v>0</v>
      </c>
    </row>
    <row r="130661" spans="1:7" x14ac:dyDescent="0.3">
      <c r="A130661" s="13" t="s">
        <v>594</v>
      </c>
      <c r="B130661" s="14" t="s">
        <v>1</v>
      </c>
      <c r="C130661" s="14" t="s">
        <v>252</v>
      </c>
      <c r="D130661" s="14" t="s">
        <v>94</v>
      </c>
      <c r="E130661" s="15">
        <v>45732</v>
      </c>
      <c r="F130661" s="14" t="s">
        <v>15</v>
      </c>
      <c r="G130661" s="16">
        <v>0</v>
      </c>
    </row>
    <row r="130662" spans="1:7" x14ac:dyDescent="0.3">
      <c r="A130662" s="13" t="s">
        <v>594</v>
      </c>
      <c r="B130662" s="14" t="s">
        <v>1</v>
      </c>
      <c r="C130662" s="14" t="s">
        <v>252</v>
      </c>
      <c r="D130662" s="14" t="s">
        <v>94</v>
      </c>
      <c r="E130662" s="15">
        <v>45733</v>
      </c>
      <c r="F130662" s="14" t="s">
        <v>15</v>
      </c>
      <c r="G130662" s="16">
        <v>0</v>
      </c>
    </row>
    <row r="130663" spans="1:7" x14ac:dyDescent="0.3">
      <c r="A130663" s="13" t="s">
        <v>594</v>
      </c>
      <c r="B130663" s="14" t="s">
        <v>1</v>
      </c>
      <c r="C130663" s="14" t="s">
        <v>252</v>
      </c>
      <c r="D130663" s="14" t="s">
        <v>94</v>
      </c>
      <c r="E130663" s="15">
        <v>45734</v>
      </c>
      <c r="F130663" s="14" t="s">
        <v>15</v>
      </c>
      <c r="G130663" s="16">
        <v>0</v>
      </c>
    </row>
    <row r="130664" spans="1:7" x14ac:dyDescent="0.3">
      <c r="A130664" s="13" t="s">
        <v>594</v>
      </c>
      <c r="B130664" s="14" t="s">
        <v>1</v>
      </c>
      <c r="C130664" s="14" t="s">
        <v>252</v>
      </c>
      <c r="D130664" s="14" t="s">
        <v>94</v>
      </c>
      <c r="E130664" s="15">
        <v>45735</v>
      </c>
      <c r="F130664" s="14" t="s">
        <v>15</v>
      </c>
      <c r="G130664" s="16">
        <v>0</v>
      </c>
    </row>
    <row r="130665" spans="1:7" x14ac:dyDescent="0.3">
      <c r="A130665" s="13" t="s">
        <v>594</v>
      </c>
      <c r="B130665" s="14" t="s">
        <v>1</v>
      </c>
      <c r="C130665" s="14" t="s">
        <v>252</v>
      </c>
      <c r="D130665" s="14" t="s">
        <v>94</v>
      </c>
      <c r="E130665" s="15">
        <v>45736</v>
      </c>
      <c r="F130665" s="14" t="s">
        <v>15</v>
      </c>
      <c r="G130665" s="16">
        <v>0</v>
      </c>
    </row>
    <row r="130666" spans="1:7" x14ac:dyDescent="0.3">
      <c r="A130666" s="13" t="s">
        <v>594</v>
      </c>
      <c r="B130666" s="14" t="s">
        <v>1</v>
      </c>
      <c r="C130666" s="14" t="s">
        <v>252</v>
      </c>
      <c r="D130666" s="14" t="s">
        <v>94</v>
      </c>
      <c r="E130666" s="15">
        <v>45737</v>
      </c>
      <c r="F130666" s="14" t="s">
        <v>15</v>
      </c>
      <c r="G130666" s="16">
        <v>0</v>
      </c>
    </row>
    <row r="130667" spans="1:7" x14ac:dyDescent="0.3">
      <c r="A130667" s="13" t="s">
        <v>594</v>
      </c>
      <c r="B130667" s="14" t="s">
        <v>1</v>
      </c>
      <c r="C130667" s="14" t="s">
        <v>252</v>
      </c>
      <c r="D130667" s="14" t="s">
        <v>94</v>
      </c>
      <c r="E130667" s="15">
        <v>45738</v>
      </c>
      <c r="F130667" s="14" t="s">
        <v>15</v>
      </c>
      <c r="G130667" s="16">
        <v>0</v>
      </c>
    </row>
    <row r="130668" spans="1:7" x14ac:dyDescent="0.3">
      <c r="A130668" s="13" t="s">
        <v>594</v>
      </c>
      <c r="B130668" s="14" t="s">
        <v>1</v>
      </c>
      <c r="C130668" s="14" t="s">
        <v>252</v>
      </c>
      <c r="D130668" s="14" t="s">
        <v>94</v>
      </c>
      <c r="E130668" s="15">
        <v>45739</v>
      </c>
      <c r="F130668" s="14" t="s">
        <v>15</v>
      </c>
      <c r="G130668" s="16">
        <v>0</v>
      </c>
    </row>
    <row r="130669" spans="1:7" x14ac:dyDescent="0.3">
      <c r="A130669" s="13" t="s">
        <v>594</v>
      </c>
      <c r="B130669" s="14" t="s">
        <v>1</v>
      </c>
      <c r="C130669" s="14" t="s">
        <v>252</v>
      </c>
      <c r="D130669" s="14" t="s">
        <v>94</v>
      </c>
      <c r="E130669" s="15">
        <v>45740</v>
      </c>
      <c r="F130669" s="14" t="s">
        <v>15</v>
      </c>
      <c r="G130669" s="16">
        <v>0</v>
      </c>
    </row>
    <row r="130670" spans="1:7" x14ac:dyDescent="0.3">
      <c r="A130670" s="13" t="s">
        <v>594</v>
      </c>
      <c r="B130670" s="14" t="s">
        <v>1</v>
      </c>
      <c r="C130670" s="14" t="s">
        <v>252</v>
      </c>
      <c r="D130670" s="14" t="s">
        <v>94</v>
      </c>
      <c r="E130670" s="15">
        <v>45741</v>
      </c>
      <c r="F130670" s="14" t="s">
        <v>15</v>
      </c>
      <c r="G130670" s="16">
        <v>0</v>
      </c>
    </row>
    <row r="130671" spans="1:7" x14ac:dyDescent="0.3">
      <c r="A130671" s="13" t="s">
        <v>594</v>
      </c>
      <c r="B130671" s="14" t="s">
        <v>1</v>
      </c>
      <c r="C130671" s="14" t="s">
        <v>252</v>
      </c>
      <c r="D130671" s="14" t="s">
        <v>94</v>
      </c>
      <c r="E130671" s="15">
        <v>45742</v>
      </c>
      <c r="F130671" s="14" t="s">
        <v>15</v>
      </c>
      <c r="G130671" s="16">
        <v>0</v>
      </c>
    </row>
    <row r="130672" spans="1:7" x14ac:dyDescent="0.3">
      <c r="A130672" s="13" t="s">
        <v>594</v>
      </c>
      <c r="B130672" s="14" t="s">
        <v>1</v>
      </c>
      <c r="C130672" s="14" t="s">
        <v>252</v>
      </c>
      <c r="D130672" s="14" t="s">
        <v>94</v>
      </c>
      <c r="E130672" s="15">
        <v>45743</v>
      </c>
      <c r="F130672" s="14" t="s">
        <v>15</v>
      </c>
      <c r="G130672" s="16">
        <v>0</v>
      </c>
    </row>
    <row r="130673" spans="1:7" x14ac:dyDescent="0.3">
      <c r="A130673" s="13" t="s">
        <v>594</v>
      </c>
      <c r="B130673" s="14" t="s">
        <v>1</v>
      </c>
      <c r="C130673" s="14" t="s">
        <v>252</v>
      </c>
      <c r="D130673" s="14" t="s">
        <v>94</v>
      </c>
      <c r="E130673" s="15">
        <v>45744</v>
      </c>
      <c r="F130673" s="14" t="s">
        <v>15</v>
      </c>
      <c r="G130673" s="16">
        <v>0</v>
      </c>
    </row>
    <row r="130674" spans="1:7" x14ac:dyDescent="0.3">
      <c r="A130674" s="13" t="s">
        <v>594</v>
      </c>
      <c r="B130674" s="14" t="s">
        <v>1</v>
      </c>
      <c r="C130674" s="14" t="s">
        <v>252</v>
      </c>
      <c r="D130674" s="14" t="s">
        <v>94</v>
      </c>
      <c r="E130674" s="15">
        <v>45745</v>
      </c>
      <c r="F130674" s="14" t="s">
        <v>15</v>
      </c>
      <c r="G130674" s="16">
        <v>0</v>
      </c>
    </row>
    <row r="130675" spans="1:7" x14ac:dyDescent="0.3">
      <c r="A130675" s="13" t="s">
        <v>594</v>
      </c>
      <c r="B130675" s="14" t="s">
        <v>1</v>
      </c>
      <c r="C130675" s="14" t="s">
        <v>252</v>
      </c>
      <c r="D130675" s="14" t="s">
        <v>94</v>
      </c>
      <c r="E130675" s="15">
        <v>45746</v>
      </c>
      <c r="F130675" s="14" t="s">
        <v>15</v>
      </c>
      <c r="G130675" s="16">
        <v>0</v>
      </c>
    </row>
    <row r="130676" spans="1:7" x14ac:dyDescent="0.3">
      <c r="A130676" s="13" t="s">
        <v>594</v>
      </c>
      <c r="B130676" s="14" t="s">
        <v>1</v>
      </c>
      <c r="C130676" s="14" t="s">
        <v>252</v>
      </c>
      <c r="D130676" s="14" t="s">
        <v>94</v>
      </c>
      <c r="E130676" s="15">
        <v>45747</v>
      </c>
      <c r="F130676" s="14" t="s">
        <v>15</v>
      </c>
      <c r="G130676" s="16">
        <v>0</v>
      </c>
    </row>
    <row r="130677" spans="1:7" x14ac:dyDescent="0.3">
      <c r="A130677" s="13" t="s">
        <v>595</v>
      </c>
      <c r="B130677" s="14" t="s">
        <v>1</v>
      </c>
      <c r="C130677" s="14" t="s">
        <v>596</v>
      </c>
      <c r="D130677" s="14" t="s">
        <v>14</v>
      </c>
      <c r="E130677" s="15">
        <v>45383</v>
      </c>
      <c r="F130677" s="14" t="s">
        <v>15</v>
      </c>
      <c r="G130677" s="16">
        <v>0</v>
      </c>
    </row>
    <row r="130678" spans="1:7" x14ac:dyDescent="0.3">
      <c r="A130678" s="13" t="s">
        <v>595</v>
      </c>
      <c r="B130678" s="14" t="s">
        <v>1</v>
      </c>
      <c r="C130678" s="14" t="s">
        <v>596</v>
      </c>
      <c r="D130678" s="14" t="s">
        <v>14</v>
      </c>
      <c r="E130678" s="15">
        <v>45384</v>
      </c>
      <c r="F130678" s="14" t="s">
        <v>15</v>
      </c>
      <c r="G130678" s="16">
        <v>0</v>
      </c>
    </row>
    <row r="130679" spans="1:7" x14ac:dyDescent="0.3">
      <c r="A130679" s="13" t="s">
        <v>595</v>
      </c>
      <c r="B130679" s="14" t="s">
        <v>1</v>
      </c>
      <c r="C130679" s="14" t="s">
        <v>596</v>
      </c>
      <c r="D130679" s="14" t="s">
        <v>14</v>
      </c>
      <c r="E130679" s="15">
        <v>45385</v>
      </c>
      <c r="F130679" s="14" t="s">
        <v>15</v>
      </c>
      <c r="G130679" s="16">
        <v>0</v>
      </c>
    </row>
    <row r="130680" spans="1:7" x14ac:dyDescent="0.3">
      <c r="A130680" s="13" t="s">
        <v>595</v>
      </c>
      <c r="B130680" s="14" t="s">
        <v>1</v>
      </c>
      <c r="C130680" s="14" t="s">
        <v>596</v>
      </c>
      <c r="D130680" s="14" t="s">
        <v>14</v>
      </c>
      <c r="E130680" s="15">
        <v>45386</v>
      </c>
      <c r="F130680" s="14" t="s">
        <v>15</v>
      </c>
      <c r="G130680" s="16">
        <v>0</v>
      </c>
    </row>
    <row r="130681" spans="1:7" x14ac:dyDescent="0.3">
      <c r="A130681" s="13" t="s">
        <v>595</v>
      </c>
      <c r="B130681" s="14" t="s">
        <v>1</v>
      </c>
      <c r="C130681" s="14" t="s">
        <v>596</v>
      </c>
      <c r="D130681" s="14" t="s">
        <v>14</v>
      </c>
      <c r="E130681" s="15">
        <v>45387</v>
      </c>
      <c r="F130681" s="14" t="s">
        <v>15</v>
      </c>
      <c r="G130681" s="16">
        <v>0</v>
      </c>
    </row>
    <row r="130682" spans="1:7" x14ac:dyDescent="0.3">
      <c r="A130682" s="13" t="s">
        <v>595</v>
      </c>
      <c r="B130682" s="14" t="s">
        <v>1</v>
      </c>
      <c r="C130682" s="14" t="s">
        <v>596</v>
      </c>
      <c r="D130682" s="14" t="s">
        <v>14</v>
      </c>
      <c r="E130682" s="15">
        <v>45388</v>
      </c>
      <c r="F130682" s="14" t="s">
        <v>15</v>
      </c>
      <c r="G130682" s="16">
        <v>0</v>
      </c>
    </row>
    <row r="130683" spans="1:7" x14ac:dyDescent="0.3">
      <c r="A130683" s="13" t="s">
        <v>595</v>
      </c>
      <c r="B130683" s="14" t="s">
        <v>1</v>
      </c>
      <c r="C130683" s="14" t="s">
        <v>596</v>
      </c>
      <c r="D130683" s="14" t="s">
        <v>14</v>
      </c>
      <c r="E130683" s="15">
        <v>45389</v>
      </c>
      <c r="F130683" s="14" t="s">
        <v>15</v>
      </c>
      <c r="G130683" s="16">
        <v>0</v>
      </c>
    </row>
    <row r="130684" spans="1:7" x14ac:dyDescent="0.3">
      <c r="A130684" s="13" t="s">
        <v>595</v>
      </c>
      <c r="B130684" s="14" t="s">
        <v>1</v>
      </c>
      <c r="C130684" s="14" t="s">
        <v>596</v>
      </c>
      <c r="D130684" s="14" t="s">
        <v>14</v>
      </c>
      <c r="E130684" s="15">
        <v>45390</v>
      </c>
      <c r="F130684" s="14" t="s">
        <v>15</v>
      </c>
      <c r="G130684" s="16">
        <v>0</v>
      </c>
    </row>
    <row r="130685" spans="1:7" x14ac:dyDescent="0.3">
      <c r="A130685" s="13" t="s">
        <v>595</v>
      </c>
      <c r="B130685" s="14" t="s">
        <v>1</v>
      </c>
      <c r="C130685" s="14" t="s">
        <v>596</v>
      </c>
      <c r="D130685" s="14" t="s">
        <v>14</v>
      </c>
      <c r="E130685" s="15">
        <v>45391</v>
      </c>
      <c r="F130685" s="14" t="s">
        <v>15</v>
      </c>
      <c r="G130685" s="16">
        <v>0</v>
      </c>
    </row>
    <row r="130686" spans="1:7" x14ac:dyDescent="0.3">
      <c r="A130686" s="13" t="s">
        <v>595</v>
      </c>
      <c r="B130686" s="14" t="s">
        <v>1</v>
      </c>
      <c r="C130686" s="14" t="s">
        <v>596</v>
      </c>
      <c r="D130686" s="14" t="s">
        <v>14</v>
      </c>
      <c r="E130686" s="15">
        <v>45392</v>
      </c>
      <c r="F130686" s="14" t="s">
        <v>15</v>
      </c>
      <c r="G130686" s="16">
        <v>0</v>
      </c>
    </row>
    <row r="130687" spans="1:7" x14ac:dyDescent="0.3">
      <c r="A130687" s="13" t="s">
        <v>595</v>
      </c>
      <c r="B130687" s="14" t="s">
        <v>1</v>
      </c>
      <c r="C130687" s="14" t="s">
        <v>596</v>
      </c>
      <c r="D130687" s="14" t="s">
        <v>14</v>
      </c>
      <c r="E130687" s="15">
        <v>45393</v>
      </c>
      <c r="F130687" s="14" t="s">
        <v>15</v>
      </c>
      <c r="G130687" s="16">
        <v>0</v>
      </c>
    </row>
    <row r="130688" spans="1:7" x14ac:dyDescent="0.3">
      <c r="A130688" s="13" t="s">
        <v>595</v>
      </c>
      <c r="B130688" s="14" t="s">
        <v>1</v>
      </c>
      <c r="C130688" s="14" t="s">
        <v>596</v>
      </c>
      <c r="D130688" s="14" t="s">
        <v>14</v>
      </c>
      <c r="E130688" s="15">
        <v>45394</v>
      </c>
      <c r="F130688" s="14" t="s">
        <v>15</v>
      </c>
      <c r="G130688" s="16">
        <v>0</v>
      </c>
    </row>
    <row r="130689" spans="1:7" x14ac:dyDescent="0.3">
      <c r="A130689" s="13" t="s">
        <v>595</v>
      </c>
      <c r="B130689" s="14" t="s">
        <v>1</v>
      </c>
      <c r="C130689" s="14" t="s">
        <v>596</v>
      </c>
      <c r="D130689" s="14" t="s">
        <v>14</v>
      </c>
      <c r="E130689" s="15">
        <v>45395</v>
      </c>
      <c r="F130689" s="14" t="s">
        <v>15</v>
      </c>
      <c r="G130689" s="16">
        <v>0</v>
      </c>
    </row>
    <row r="130690" spans="1:7" x14ac:dyDescent="0.3">
      <c r="A130690" s="13" t="s">
        <v>595</v>
      </c>
      <c r="B130690" s="14" t="s">
        <v>1</v>
      </c>
      <c r="C130690" s="14" t="s">
        <v>596</v>
      </c>
      <c r="D130690" s="14" t="s">
        <v>14</v>
      </c>
      <c r="E130690" s="15">
        <v>45396</v>
      </c>
      <c r="F130690" s="14" t="s">
        <v>15</v>
      </c>
      <c r="G130690" s="16">
        <v>0</v>
      </c>
    </row>
    <row r="130691" spans="1:7" x14ac:dyDescent="0.3">
      <c r="A130691" s="13" t="s">
        <v>595</v>
      </c>
      <c r="B130691" s="14" t="s">
        <v>1</v>
      </c>
      <c r="C130691" s="14" t="s">
        <v>596</v>
      </c>
      <c r="D130691" s="14" t="s">
        <v>14</v>
      </c>
      <c r="E130691" s="15">
        <v>45397</v>
      </c>
      <c r="F130691" s="14" t="s">
        <v>15</v>
      </c>
      <c r="G130691" s="16">
        <v>0</v>
      </c>
    </row>
    <row r="130692" spans="1:7" x14ac:dyDescent="0.3">
      <c r="A130692" s="13" t="s">
        <v>595</v>
      </c>
      <c r="B130692" s="14" t="s">
        <v>1</v>
      </c>
      <c r="C130692" s="14" t="s">
        <v>596</v>
      </c>
      <c r="D130692" s="14" t="s">
        <v>14</v>
      </c>
      <c r="E130692" s="15">
        <v>45398</v>
      </c>
      <c r="F130692" s="14" t="s">
        <v>15</v>
      </c>
      <c r="G130692" s="16">
        <v>0</v>
      </c>
    </row>
    <row r="130693" spans="1:7" x14ac:dyDescent="0.3">
      <c r="A130693" s="13" t="s">
        <v>595</v>
      </c>
      <c r="B130693" s="14" t="s">
        <v>1</v>
      </c>
      <c r="C130693" s="14" t="s">
        <v>596</v>
      </c>
      <c r="D130693" s="14" t="s">
        <v>14</v>
      </c>
      <c r="E130693" s="15">
        <v>45399</v>
      </c>
      <c r="F130693" s="14" t="s">
        <v>15</v>
      </c>
      <c r="G130693" s="16">
        <v>0</v>
      </c>
    </row>
    <row r="130694" spans="1:7" x14ac:dyDescent="0.3">
      <c r="A130694" s="13" t="s">
        <v>595</v>
      </c>
      <c r="B130694" s="14" t="s">
        <v>1</v>
      </c>
      <c r="C130694" s="14" t="s">
        <v>596</v>
      </c>
      <c r="D130694" s="14" t="s">
        <v>14</v>
      </c>
      <c r="E130694" s="15">
        <v>45400</v>
      </c>
      <c r="F130694" s="14" t="s">
        <v>15</v>
      </c>
      <c r="G130694" s="16">
        <v>0</v>
      </c>
    </row>
    <row r="130695" spans="1:7" x14ac:dyDescent="0.3">
      <c r="A130695" s="13" t="s">
        <v>595</v>
      </c>
      <c r="B130695" s="14" t="s">
        <v>1</v>
      </c>
      <c r="C130695" s="14" t="s">
        <v>596</v>
      </c>
      <c r="D130695" s="14" t="s">
        <v>14</v>
      </c>
      <c r="E130695" s="15">
        <v>45401</v>
      </c>
      <c r="F130695" s="14" t="s">
        <v>15</v>
      </c>
      <c r="G130695" s="16">
        <v>0</v>
      </c>
    </row>
    <row r="130696" spans="1:7" x14ac:dyDescent="0.3">
      <c r="A130696" s="13" t="s">
        <v>595</v>
      </c>
      <c r="B130696" s="14" t="s">
        <v>1</v>
      </c>
      <c r="C130696" s="14" t="s">
        <v>596</v>
      </c>
      <c r="D130696" s="14" t="s">
        <v>14</v>
      </c>
      <c r="E130696" s="15">
        <v>45402</v>
      </c>
      <c r="F130696" s="14" t="s">
        <v>15</v>
      </c>
      <c r="G130696" s="16">
        <v>0</v>
      </c>
    </row>
    <row r="130697" spans="1:7" x14ac:dyDescent="0.3">
      <c r="A130697" s="13" t="s">
        <v>595</v>
      </c>
      <c r="B130697" s="14" t="s">
        <v>1</v>
      </c>
      <c r="C130697" s="14" t="s">
        <v>596</v>
      </c>
      <c r="D130697" s="14" t="s">
        <v>14</v>
      </c>
      <c r="E130697" s="15">
        <v>45403</v>
      </c>
      <c r="F130697" s="14" t="s">
        <v>15</v>
      </c>
      <c r="G130697" s="16">
        <v>0</v>
      </c>
    </row>
    <row r="130698" spans="1:7" x14ac:dyDescent="0.3">
      <c r="A130698" s="13" t="s">
        <v>595</v>
      </c>
      <c r="B130698" s="14" t="s">
        <v>1</v>
      </c>
      <c r="C130698" s="14" t="s">
        <v>596</v>
      </c>
      <c r="D130698" s="14" t="s">
        <v>14</v>
      </c>
      <c r="E130698" s="15">
        <v>45404</v>
      </c>
      <c r="F130698" s="14" t="s">
        <v>15</v>
      </c>
      <c r="G130698" s="16">
        <v>0</v>
      </c>
    </row>
    <row r="130699" spans="1:7" x14ac:dyDescent="0.3">
      <c r="A130699" s="13" t="s">
        <v>595</v>
      </c>
      <c r="B130699" s="14" t="s">
        <v>1</v>
      </c>
      <c r="C130699" s="14" t="s">
        <v>596</v>
      </c>
      <c r="D130699" s="14" t="s">
        <v>14</v>
      </c>
      <c r="E130699" s="15">
        <v>45405</v>
      </c>
      <c r="F130699" s="14" t="s">
        <v>15</v>
      </c>
      <c r="G130699" s="16">
        <v>0</v>
      </c>
    </row>
    <row r="130700" spans="1:7" x14ac:dyDescent="0.3">
      <c r="A130700" s="13" t="s">
        <v>595</v>
      </c>
      <c r="B130700" s="14" t="s">
        <v>1</v>
      </c>
      <c r="C130700" s="14" t="s">
        <v>596</v>
      </c>
      <c r="D130700" s="14" t="s">
        <v>14</v>
      </c>
      <c r="E130700" s="15">
        <v>45406</v>
      </c>
      <c r="F130700" s="14" t="s">
        <v>15</v>
      </c>
      <c r="G130700" s="16">
        <v>0</v>
      </c>
    </row>
    <row r="130701" spans="1:7" x14ac:dyDescent="0.3">
      <c r="A130701" s="13" t="s">
        <v>595</v>
      </c>
      <c r="B130701" s="14" t="s">
        <v>1</v>
      </c>
      <c r="C130701" s="14" t="s">
        <v>596</v>
      </c>
      <c r="D130701" s="14" t="s">
        <v>14</v>
      </c>
      <c r="E130701" s="15">
        <v>45407</v>
      </c>
      <c r="F130701" s="14" t="s">
        <v>15</v>
      </c>
      <c r="G130701" s="16">
        <v>0</v>
      </c>
    </row>
    <row r="130702" spans="1:7" x14ac:dyDescent="0.3">
      <c r="A130702" s="13" t="s">
        <v>595</v>
      </c>
      <c r="B130702" s="14" t="s">
        <v>1</v>
      </c>
      <c r="C130702" s="14" t="s">
        <v>596</v>
      </c>
      <c r="D130702" s="14" t="s">
        <v>14</v>
      </c>
      <c r="E130702" s="15">
        <v>45408</v>
      </c>
      <c r="F130702" s="14" t="s">
        <v>15</v>
      </c>
      <c r="G130702" s="16">
        <v>0</v>
      </c>
    </row>
    <row r="130703" spans="1:7" x14ac:dyDescent="0.3">
      <c r="A130703" s="13" t="s">
        <v>595</v>
      </c>
      <c r="B130703" s="14" t="s">
        <v>1</v>
      </c>
      <c r="C130703" s="14" t="s">
        <v>596</v>
      </c>
      <c r="D130703" s="14" t="s">
        <v>14</v>
      </c>
      <c r="E130703" s="15">
        <v>45409</v>
      </c>
      <c r="F130703" s="14" t="s">
        <v>15</v>
      </c>
      <c r="G130703" s="16">
        <v>0</v>
      </c>
    </row>
    <row r="130704" spans="1:7" x14ac:dyDescent="0.3">
      <c r="A130704" s="13" t="s">
        <v>595</v>
      </c>
      <c r="B130704" s="14" t="s">
        <v>1</v>
      </c>
      <c r="C130704" s="14" t="s">
        <v>596</v>
      </c>
      <c r="D130704" s="14" t="s">
        <v>14</v>
      </c>
      <c r="E130704" s="15">
        <v>45410</v>
      </c>
      <c r="F130704" s="14" t="s">
        <v>15</v>
      </c>
      <c r="G130704" s="16">
        <v>0</v>
      </c>
    </row>
    <row r="130705" spans="1:7" x14ac:dyDescent="0.3">
      <c r="A130705" s="13" t="s">
        <v>595</v>
      </c>
      <c r="B130705" s="14" t="s">
        <v>1</v>
      </c>
      <c r="C130705" s="14" t="s">
        <v>596</v>
      </c>
      <c r="D130705" s="14" t="s">
        <v>14</v>
      </c>
      <c r="E130705" s="15">
        <v>45411</v>
      </c>
      <c r="F130705" s="14" t="s">
        <v>15</v>
      </c>
      <c r="G130705" s="16">
        <v>0</v>
      </c>
    </row>
    <row r="130706" spans="1:7" x14ac:dyDescent="0.3">
      <c r="A130706" s="13" t="s">
        <v>595</v>
      </c>
      <c r="B130706" s="14" t="s">
        <v>1</v>
      </c>
      <c r="C130706" s="14" t="s">
        <v>596</v>
      </c>
      <c r="D130706" s="14" t="s">
        <v>14</v>
      </c>
      <c r="E130706" s="15">
        <v>45412</v>
      </c>
      <c r="F130706" s="14" t="s">
        <v>15</v>
      </c>
      <c r="G130706" s="16">
        <v>0</v>
      </c>
    </row>
    <row r="130707" spans="1:7" x14ac:dyDescent="0.3">
      <c r="A130707" s="13" t="s">
        <v>595</v>
      </c>
      <c r="B130707" s="14" t="s">
        <v>1</v>
      </c>
      <c r="C130707" s="14" t="s">
        <v>596</v>
      </c>
      <c r="D130707" s="14" t="s">
        <v>14</v>
      </c>
      <c r="E130707" s="15">
        <v>45413</v>
      </c>
      <c r="F130707" s="14" t="s">
        <v>15</v>
      </c>
      <c r="G130707" s="16">
        <v>0</v>
      </c>
    </row>
    <row r="130708" spans="1:7" x14ac:dyDescent="0.3">
      <c r="A130708" s="13" t="s">
        <v>595</v>
      </c>
      <c r="B130708" s="14" t="s">
        <v>1</v>
      </c>
      <c r="C130708" s="14" t="s">
        <v>596</v>
      </c>
      <c r="D130708" s="14" t="s">
        <v>14</v>
      </c>
      <c r="E130708" s="15">
        <v>45414</v>
      </c>
      <c r="F130708" s="14" t="s">
        <v>15</v>
      </c>
      <c r="G130708" s="16">
        <v>0</v>
      </c>
    </row>
    <row r="130709" spans="1:7" x14ac:dyDescent="0.3">
      <c r="A130709" s="13" t="s">
        <v>595</v>
      </c>
      <c r="B130709" s="14" t="s">
        <v>1</v>
      </c>
      <c r="C130709" s="14" t="s">
        <v>596</v>
      </c>
      <c r="D130709" s="14" t="s">
        <v>14</v>
      </c>
      <c r="E130709" s="15">
        <v>45415</v>
      </c>
      <c r="F130709" s="14" t="s">
        <v>15</v>
      </c>
      <c r="G130709" s="16">
        <v>0</v>
      </c>
    </row>
    <row r="130710" spans="1:7" x14ac:dyDescent="0.3">
      <c r="A130710" s="13" t="s">
        <v>595</v>
      </c>
      <c r="B130710" s="14" t="s">
        <v>1</v>
      </c>
      <c r="C130710" s="14" t="s">
        <v>596</v>
      </c>
      <c r="D130710" s="14" t="s">
        <v>14</v>
      </c>
      <c r="E130710" s="15">
        <v>45416</v>
      </c>
      <c r="F130710" s="14" t="s">
        <v>15</v>
      </c>
      <c r="G130710" s="16">
        <v>0</v>
      </c>
    </row>
    <row r="130711" spans="1:7" x14ac:dyDescent="0.3">
      <c r="A130711" s="13" t="s">
        <v>595</v>
      </c>
      <c r="B130711" s="14" t="s">
        <v>1</v>
      </c>
      <c r="C130711" s="14" t="s">
        <v>596</v>
      </c>
      <c r="D130711" s="14" t="s">
        <v>14</v>
      </c>
      <c r="E130711" s="15">
        <v>45417</v>
      </c>
      <c r="F130711" s="14" t="s">
        <v>15</v>
      </c>
      <c r="G130711" s="16">
        <v>0</v>
      </c>
    </row>
    <row r="130712" spans="1:7" x14ac:dyDescent="0.3">
      <c r="A130712" s="13" t="s">
        <v>595</v>
      </c>
      <c r="B130712" s="14" t="s">
        <v>1</v>
      </c>
      <c r="C130712" s="14" t="s">
        <v>596</v>
      </c>
      <c r="D130712" s="14" t="s">
        <v>14</v>
      </c>
      <c r="E130712" s="15">
        <v>45418</v>
      </c>
      <c r="F130712" s="14" t="s">
        <v>15</v>
      </c>
      <c r="G130712" s="16">
        <v>0</v>
      </c>
    </row>
    <row r="130713" spans="1:7" x14ac:dyDescent="0.3">
      <c r="A130713" s="13" t="s">
        <v>595</v>
      </c>
      <c r="B130713" s="14" t="s">
        <v>1</v>
      </c>
      <c r="C130713" s="14" t="s">
        <v>596</v>
      </c>
      <c r="D130713" s="14" t="s">
        <v>14</v>
      </c>
      <c r="E130713" s="15">
        <v>45419</v>
      </c>
      <c r="F130713" s="14" t="s">
        <v>15</v>
      </c>
      <c r="G130713" s="16">
        <v>0</v>
      </c>
    </row>
    <row r="130714" spans="1:7" x14ac:dyDescent="0.3">
      <c r="A130714" s="13" t="s">
        <v>595</v>
      </c>
      <c r="B130714" s="14" t="s">
        <v>1</v>
      </c>
      <c r="C130714" s="14" t="s">
        <v>596</v>
      </c>
      <c r="D130714" s="14" t="s">
        <v>14</v>
      </c>
      <c r="E130714" s="15">
        <v>45420</v>
      </c>
      <c r="F130714" s="14" t="s">
        <v>15</v>
      </c>
      <c r="G130714" s="16">
        <v>0</v>
      </c>
    </row>
    <row r="130715" spans="1:7" x14ac:dyDescent="0.3">
      <c r="A130715" s="13" t="s">
        <v>595</v>
      </c>
      <c r="B130715" s="14" t="s">
        <v>1</v>
      </c>
      <c r="C130715" s="14" t="s">
        <v>596</v>
      </c>
      <c r="D130715" s="14" t="s">
        <v>14</v>
      </c>
      <c r="E130715" s="15">
        <v>45421</v>
      </c>
      <c r="F130715" s="14" t="s">
        <v>15</v>
      </c>
      <c r="G130715" s="16">
        <v>0</v>
      </c>
    </row>
    <row r="130716" spans="1:7" x14ac:dyDescent="0.3">
      <c r="A130716" s="13" t="s">
        <v>595</v>
      </c>
      <c r="B130716" s="14" t="s">
        <v>1</v>
      </c>
      <c r="C130716" s="14" t="s">
        <v>596</v>
      </c>
      <c r="D130716" s="14" t="s">
        <v>14</v>
      </c>
      <c r="E130716" s="15">
        <v>45422</v>
      </c>
      <c r="F130716" s="14" t="s">
        <v>15</v>
      </c>
      <c r="G130716" s="16">
        <v>0</v>
      </c>
    </row>
    <row r="130717" spans="1:7" x14ac:dyDescent="0.3">
      <c r="A130717" s="13" t="s">
        <v>595</v>
      </c>
      <c r="B130717" s="14" t="s">
        <v>1</v>
      </c>
      <c r="C130717" s="14" t="s">
        <v>596</v>
      </c>
      <c r="D130717" s="14" t="s">
        <v>14</v>
      </c>
      <c r="E130717" s="15">
        <v>45423</v>
      </c>
      <c r="F130717" s="14" t="s">
        <v>15</v>
      </c>
      <c r="G130717" s="16">
        <v>0</v>
      </c>
    </row>
    <row r="130718" spans="1:7" x14ac:dyDescent="0.3">
      <c r="A130718" s="13" t="s">
        <v>595</v>
      </c>
      <c r="B130718" s="14" t="s">
        <v>1</v>
      </c>
      <c r="C130718" s="14" t="s">
        <v>596</v>
      </c>
      <c r="D130718" s="14" t="s">
        <v>14</v>
      </c>
      <c r="E130718" s="15">
        <v>45424</v>
      </c>
      <c r="F130718" s="14" t="s">
        <v>15</v>
      </c>
      <c r="G130718" s="16">
        <v>0</v>
      </c>
    </row>
    <row r="130719" spans="1:7" x14ac:dyDescent="0.3">
      <c r="A130719" s="13" t="s">
        <v>595</v>
      </c>
      <c r="B130719" s="14" t="s">
        <v>1</v>
      </c>
      <c r="C130719" s="14" t="s">
        <v>596</v>
      </c>
      <c r="D130719" s="14" t="s">
        <v>14</v>
      </c>
      <c r="E130719" s="15">
        <v>45425</v>
      </c>
      <c r="F130719" s="14" t="s">
        <v>15</v>
      </c>
      <c r="G130719" s="16">
        <v>0</v>
      </c>
    </row>
    <row r="130720" spans="1:7" x14ac:dyDescent="0.3">
      <c r="A130720" s="13" t="s">
        <v>595</v>
      </c>
      <c r="B130720" s="14" t="s">
        <v>1</v>
      </c>
      <c r="C130720" s="14" t="s">
        <v>596</v>
      </c>
      <c r="D130720" s="14" t="s">
        <v>14</v>
      </c>
      <c r="E130720" s="15">
        <v>45426</v>
      </c>
      <c r="F130720" s="14" t="s">
        <v>15</v>
      </c>
      <c r="G130720" s="16">
        <v>0</v>
      </c>
    </row>
    <row r="130721" spans="1:7" x14ac:dyDescent="0.3">
      <c r="A130721" s="13" t="s">
        <v>595</v>
      </c>
      <c r="B130721" s="14" t="s">
        <v>1</v>
      </c>
      <c r="C130721" s="14" t="s">
        <v>596</v>
      </c>
      <c r="D130721" s="14" t="s">
        <v>14</v>
      </c>
      <c r="E130721" s="15">
        <v>45427</v>
      </c>
      <c r="F130721" s="14" t="s">
        <v>15</v>
      </c>
      <c r="G130721" s="16">
        <v>0</v>
      </c>
    </row>
    <row r="130722" spans="1:7" x14ac:dyDescent="0.3">
      <c r="A130722" s="13" t="s">
        <v>595</v>
      </c>
      <c r="B130722" s="14" t="s">
        <v>1</v>
      </c>
      <c r="C130722" s="14" t="s">
        <v>596</v>
      </c>
      <c r="D130722" s="14" t="s">
        <v>14</v>
      </c>
      <c r="E130722" s="15">
        <v>45428</v>
      </c>
      <c r="F130722" s="14" t="s">
        <v>15</v>
      </c>
      <c r="G130722" s="16">
        <v>0</v>
      </c>
    </row>
    <row r="130723" spans="1:7" x14ac:dyDescent="0.3">
      <c r="A130723" s="13" t="s">
        <v>595</v>
      </c>
      <c r="B130723" s="14" t="s">
        <v>1</v>
      </c>
      <c r="C130723" s="14" t="s">
        <v>596</v>
      </c>
      <c r="D130723" s="14" t="s">
        <v>14</v>
      </c>
      <c r="E130723" s="15">
        <v>45429</v>
      </c>
      <c r="F130723" s="14" t="s">
        <v>15</v>
      </c>
      <c r="G130723" s="16">
        <v>0</v>
      </c>
    </row>
    <row r="130724" spans="1:7" x14ac:dyDescent="0.3">
      <c r="A130724" s="13" t="s">
        <v>595</v>
      </c>
      <c r="B130724" s="14" t="s">
        <v>1</v>
      </c>
      <c r="C130724" s="14" t="s">
        <v>596</v>
      </c>
      <c r="D130724" s="14" t="s">
        <v>14</v>
      </c>
      <c r="E130724" s="15">
        <v>45430</v>
      </c>
      <c r="F130724" s="14" t="s">
        <v>15</v>
      </c>
      <c r="G130724" s="16">
        <v>0</v>
      </c>
    </row>
    <row r="130725" spans="1:7" x14ac:dyDescent="0.3">
      <c r="A130725" s="13" t="s">
        <v>595</v>
      </c>
      <c r="B130725" s="14" t="s">
        <v>1</v>
      </c>
      <c r="C130725" s="14" t="s">
        <v>596</v>
      </c>
      <c r="D130725" s="14" t="s">
        <v>14</v>
      </c>
      <c r="E130725" s="15">
        <v>45431</v>
      </c>
      <c r="F130725" s="14" t="s">
        <v>15</v>
      </c>
      <c r="G130725" s="16">
        <v>0</v>
      </c>
    </row>
    <row r="130726" spans="1:7" x14ac:dyDescent="0.3">
      <c r="A130726" s="13" t="s">
        <v>595</v>
      </c>
      <c r="B130726" s="14" t="s">
        <v>1</v>
      </c>
      <c r="C130726" s="14" t="s">
        <v>596</v>
      </c>
      <c r="D130726" s="14" t="s">
        <v>14</v>
      </c>
      <c r="E130726" s="15">
        <v>45432</v>
      </c>
      <c r="F130726" s="14" t="s">
        <v>15</v>
      </c>
      <c r="G130726" s="16">
        <v>0</v>
      </c>
    </row>
    <row r="130727" spans="1:7" x14ac:dyDescent="0.3">
      <c r="A130727" s="13" t="s">
        <v>595</v>
      </c>
      <c r="B130727" s="14" t="s">
        <v>1</v>
      </c>
      <c r="C130727" s="14" t="s">
        <v>596</v>
      </c>
      <c r="D130727" s="14" t="s">
        <v>14</v>
      </c>
      <c r="E130727" s="15">
        <v>45433</v>
      </c>
      <c r="F130727" s="14" t="s">
        <v>15</v>
      </c>
      <c r="G130727" s="16">
        <v>0</v>
      </c>
    </row>
    <row r="130728" spans="1:7" x14ac:dyDescent="0.3">
      <c r="A130728" s="13" t="s">
        <v>595</v>
      </c>
      <c r="B130728" s="14" t="s">
        <v>1</v>
      </c>
      <c r="C130728" s="14" t="s">
        <v>596</v>
      </c>
      <c r="D130728" s="14" t="s">
        <v>14</v>
      </c>
      <c r="E130728" s="15">
        <v>45434</v>
      </c>
      <c r="F130728" s="14" t="s">
        <v>15</v>
      </c>
      <c r="G130728" s="16">
        <v>0</v>
      </c>
    </row>
    <row r="130729" spans="1:7" x14ac:dyDescent="0.3">
      <c r="A130729" s="13" t="s">
        <v>595</v>
      </c>
      <c r="B130729" s="14" t="s">
        <v>1</v>
      </c>
      <c r="C130729" s="14" t="s">
        <v>596</v>
      </c>
      <c r="D130729" s="14" t="s">
        <v>14</v>
      </c>
      <c r="E130729" s="15">
        <v>45435</v>
      </c>
      <c r="F130729" s="14" t="s">
        <v>15</v>
      </c>
      <c r="G130729" s="16">
        <v>0</v>
      </c>
    </row>
    <row r="130730" spans="1:7" x14ac:dyDescent="0.3">
      <c r="A130730" s="13" t="s">
        <v>595</v>
      </c>
      <c r="B130730" s="14" t="s">
        <v>1</v>
      </c>
      <c r="C130730" s="14" t="s">
        <v>596</v>
      </c>
      <c r="D130730" s="14" t="s">
        <v>14</v>
      </c>
      <c r="E130730" s="15">
        <v>45436</v>
      </c>
      <c r="F130730" s="14" t="s">
        <v>15</v>
      </c>
      <c r="G130730" s="16">
        <v>0</v>
      </c>
    </row>
    <row r="130731" spans="1:7" x14ac:dyDescent="0.3">
      <c r="A130731" s="13" t="s">
        <v>595</v>
      </c>
      <c r="B130731" s="14" t="s">
        <v>1</v>
      </c>
      <c r="C130731" s="14" t="s">
        <v>596</v>
      </c>
      <c r="D130731" s="14" t="s">
        <v>14</v>
      </c>
      <c r="E130731" s="15">
        <v>45437</v>
      </c>
      <c r="F130731" s="14" t="s">
        <v>15</v>
      </c>
      <c r="G130731" s="16">
        <v>0</v>
      </c>
    </row>
    <row r="130732" spans="1:7" x14ac:dyDescent="0.3">
      <c r="A130732" s="13" t="s">
        <v>595</v>
      </c>
      <c r="B130732" s="14" t="s">
        <v>1</v>
      </c>
      <c r="C130732" s="14" t="s">
        <v>596</v>
      </c>
      <c r="D130732" s="14" t="s">
        <v>14</v>
      </c>
      <c r="E130732" s="15">
        <v>45438</v>
      </c>
      <c r="F130732" s="14" t="s">
        <v>15</v>
      </c>
      <c r="G130732" s="16">
        <v>0</v>
      </c>
    </row>
    <row r="130733" spans="1:7" x14ac:dyDescent="0.3">
      <c r="A130733" s="13" t="s">
        <v>595</v>
      </c>
      <c r="B130733" s="14" t="s">
        <v>1</v>
      </c>
      <c r="C130733" s="14" t="s">
        <v>596</v>
      </c>
      <c r="D130733" s="14" t="s">
        <v>14</v>
      </c>
      <c r="E130733" s="15">
        <v>45439</v>
      </c>
      <c r="F130733" s="14" t="s">
        <v>15</v>
      </c>
      <c r="G130733" s="16">
        <v>0</v>
      </c>
    </row>
    <row r="130734" spans="1:7" x14ac:dyDescent="0.3">
      <c r="A130734" s="13" t="s">
        <v>595</v>
      </c>
      <c r="B130734" s="14" t="s">
        <v>1</v>
      </c>
      <c r="C130734" s="14" t="s">
        <v>596</v>
      </c>
      <c r="D130734" s="14" t="s">
        <v>14</v>
      </c>
      <c r="E130734" s="15">
        <v>45440</v>
      </c>
      <c r="F130734" s="14" t="s">
        <v>15</v>
      </c>
      <c r="G130734" s="16">
        <v>0</v>
      </c>
    </row>
    <row r="130735" spans="1:7" x14ac:dyDescent="0.3">
      <c r="A130735" s="13" t="s">
        <v>595</v>
      </c>
      <c r="B130735" s="14" t="s">
        <v>1</v>
      </c>
      <c r="C130735" s="14" t="s">
        <v>596</v>
      </c>
      <c r="D130735" s="14" t="s">
        <v>14</v>
      </c>
      <c r="E130735" s="15">
        <v>45441</v>
      </c>
      <c r="F130735" s="14" t="s">
        <v>15</v>
      </c>
      <c r="G130735" s="16">
        <v>0</v>
      </c>
    </row>
    <row r="130736" spans="1:7" x14ac:dyDescent="0.3">
      <c r="A130736" s="13" t="s">
        <v>595</v>
      </c>
      <c r="B130736" s="14" t="s">
        <v>1</v>
      </c>
      <c r="C130736" s="14" t="s">
        <v>596</v>
      </c>
      <c r="D130736" s="14" t="s">
        <v>14</v>
      </c>
      <c r="E130736" s="15">
        <v>45442</v>
      </c>
      <c r="F130736" s="14" t="s">
        <v>15</v>
      </c>
      <c r="G130736" s="16">
        <v>0</v>
      </c>
    </row>
    <row r="130737" spans="1:7" x14ac:dyDescent="0.3">
      <c r="A130737" s="13" t="s">
        <v>595</v>
      </c>
      <c r="B130737" s="14" t="s">
        <v>1</v>
      </c>
      <c r="C130737" s="14" t="s">
        <v>596</v>
      </c>
      <c r="D130737" s="14" t="s">
        <v>14</v>
      </c>
      <c r="E130737" s="15">
        <v>45443</v>
      </c>
      <c r="F130737" s="14" t="s">
        <v>15</v>
      </c>
      <c r="G130737" s="16">
        <v>0</v>
      </c>
    </row>
    <row r="130738" spans="1:7" x14ac:dyDescent="0.3">
      <c r="A130738" s="13" t="s">
        <v>595</v>
      </c>
      <c r="B130738" s="14" t="s">
        <v>1</v>
      </c>
      <c r="C130738" s="14" t="s">
        <v>596</v>
      </c>
      <c r="D130738" s="14" t="s">
        <v>14</v>
      </c>
      <c r="E130738" s="15">
        <v>45444</v>
      </c>
      <c r="F130738" s="14" t="s">
        <v>15</v>
      </c>
      <c r="G130738" s="16">
        <v>0</v>
      </c>
    </row>
    <row r="130739" spans="1:7" x14ac:dyDescent="0.3">
      <c r="A130739" s="13" t="s">
        <v>595</v>
      </c>
      <c r="B130739" s="14" t="s">
        <v>1</v>
      </c>
      <c r="C130739" s="14" t="s">
        <v>596</v>
      </c>
      <c r="D130739" s="14" t="s">
        <v>14</v>
      </c>
      <c r="E130739" s="15">
        <v>45445</v>
      </c>
      <c r="F130739" s="14" t="s">
        <v>15</v>
      </c>
      <c r="G130739" s="16">
        <v>0</v>
      </c>
    </row>
    <row r="130740" spans="1:7" x14ac:dyDescent="0.3">
      <c r="A130740" s="13" t="s">
        <v>595</v>
      </c>
      <c r="B130740" s="14" t="s">
        <v>1</v>
      </c>
      <c r="C130740" s="14" t="s">
        <v>596</v>
      </c>
      <c r="D130740" s="14" t="s">
        <v>14</v>
      </c>
      <c r="E130740" s="15">
        <v>45446</v>
      </c>
      <c r="F130740" s="14" t="s">
        <v>15</v>
      </c>
      <c r="G130740" s="16">
        <v>0</v>
      </c>
    </row>
    <row r="130741" spans="1:7" x14ac:dyDescent="0.3">
      <c r="A130741" s="13" t="s">
        <v>595</v>
      </c>
      <c r="B130741" s="14" t="s">
        <v>1</v>
      </c>
      <c r="C130741" s="14" t="s">
        <v>596</v>
      </c>
      <c r="D130741" s="14" t="s">
        <v>14</v>
      </c>
      <c r="E130741" s="15">
        <v>45447</v>
      </c>
      <c r="F130741" s="14" t="s">
        <v>15</v>
      </c>
      <c r="G130741" s="16">
        <v>0</v>
      </c>
    </row>
    <row r="130742" spans="1:7" x14ac:dyDescent="0.3">
      <c r="A130742" s="13" t="s">
        <v>595</v>
      </c>
      <c r="B130742" s="14" t="s">
        <v>1</v>
      </c>
      <c r="C130742" s="14" t="s">
        <v>596</v>
      </c>
      <c r="D130742" s="14" t="s">
        <v>14</v>
      </c>
      <c r="E130742" s="15">
        <v>45448</v>
      </c>
      <c r="F130742" s="14" t="s">
        <v>15</v>
      </c>
      <c r="G130742" s="16">
        <v>0</v>
      </c>
    </row>
    <row r="130743" spans="1:7" x14ac:dyDescent="0.3">
      <c r="A130743" s="13" t="s">
        <v>595</v>
      </c>
      <c r="B130743" s="14" t="s">
        <v>1</v>
      </c>
      <c r="C130743" s="14" t="s">
        <v>596</v>
      </c>
      <c r="D130743" s="14" t="s">
        <v>14</v>
      </c>
      <c r="E130743" s="15">
        <v>45449</v>
      </c>
      <c r="F130743" s="14" t="s">
        <v>15</v>
      </c>
      <c r="G130743" s="16">
        <v>0</v>
      </c>
    </row>
    <row r="130744" spans="1:7" x14ac:dyDescent="0.3">
      <c r="A130744" s="13" t="s">
        <v>595</v>
      </c>
      <c r="B130744" s="14" t="s">
        <v>1</v>
      </c>
      <c r="C130744" s="14" t="s">
        <v>596</v>
      </c>
      <c r="D130744" s="14" t="s">
        <v>14</v>
      </c>
      <c r="E130744" s="15">
        <v>45450</v>
      </c>
      <c r="F130744" s="14" t="s">
        <v>15</v>
      </c>
      <c r="G130744" s="16">
        <v>0</v>
      </c>
    </row>
    <row r="130745" spans="1:7" x14ac:dyDescent="0.3">
      <c r="A130745" s="13" t="s">
        <v>595</v>
      </c>
      <c r="B130745" s="14" t="s">
        <v>1</v>
      </c>
      <c r="C130745" s="14" t="s">
        <v>596</v>
      </c>
      <c r="D130745" s="14" t="s">
        <v>14</v>
      </c>
      <c r="E130745" s="15">
        <v>45451</v>
      </c>
      <c r="F130745" s="14" t="s">
        <v>15</v>
      </c>
      <c r="G130745" s="16">
        <v>0</v>
      </c>
    </row>
    <row r="130746" spans="1:7" x14ac:dyDescent="0.3">
      <c r="A130746" s="13" t="s">
        <v>595</v>
      </c>
      <c r="B130746" s="14" t="s">
        <v>1</v>
      </c>
      <c r="C130746" s="14" t="s">
        <v>596</v>
      </c>
      <c r="D130746" s="14" t="s">
        <v>14</v>
      </c>
      <c r="E130746" s="15">
        <v>45452</v>
      </c>
      <c r="F130746" s="14" t="s">
        <v>15</v>
      </c>
      <c r="G130746" s="16">
        <v>0</v>
      </c>
    </row>
    <row r="130747" spans="1:7" x14ac:dyDescent="0.3">
      <c r="A130747" s="13" t="s">
        <v>595</v>
      </c>
      <c r="B130747" s="14" t="s">
        <v>1</v>
      </c>
      <c r="C130747" s="14" t="s">
        <v>596</v>
      </c>
      <c r="D130747" s="14" t="s">
        <v>14</v>
      </c>
      <c r="E130747" s="15">
        <v>45453</v>
      </c>
      <c r="F130747" s="14" t="s">
        <v>15</v>
      </c>
      <c r="G130747" s="16">
        <v>0</v>
      </c>
    </row>
    <row r="130748" spans="1:7" x14ac:dyDescent="0.3">
      <c r="A130748" s="13" t="s">
        <v>595</v>
      </c>
      <c r="B130748" s="14" t="s">
        <v>1</v>
      </c>
      <c r="C130748" s="14" t="s">
        <v>596</v>
      </c>
      <c r="D130748" s="14" t="s">
        <v>14</v>
      </c>
      <c r="E130748" s="15">
        <v>45454</v>
      </c>
      <c r="F130748" s="14" t="s">
        <v>15</v>
      </c>
      <c r="G130748" s="16">
        <v>0</v>
      </c>
    </row>
    <row r="130749" spans="1:7" x14ac:dyDescent="0.3">
      <c r="A130749" s="13" t="s">
        <v>595</v>
      </c>
      <c r="B130749" s="14" t="s">
        <v>1</v>
      </c>
      <c r="C130749" s="14" t="s">
        <v>596</v>
      </c>
      <c r="D130749" s="14" t="s">
        <v>14</v>
      </c>
      <c r="E130749" s="15">
        <v>45455</v>
      </c>
      <c r="F130749" s="14" t="s">
        <v>15</v>
      </c>
      <c r="G130749" s="16">
        <v>0</v>
      </c>
    </row>
    <row r="130750" spans="1:7" x14ac:dyDescent="0.3">
      <c r="A130750" s="13" t="s">
        <v>595</v>
      </c>
      <c r="B130750" s="14" t="s">
        <v>1</v>
      </c>
      <c r="C130750" s="14" t="s">
        <v>596</v>
      </c>
      <c r="D130750" s="14" t="s">
        <v>14</v>
      </c>
      <c r="E130750" s="15">
        <v>45456</v>
      </c>
      <c r="F130750" s="14" t="s">
        <v>15</v>
      </c>
      <c r="G130750" s="16">
        <v>0</v>
      </c>
    </row>
    <row r="130751" spans="1:7" x14ac:dyDescent="0.3">
      <c r="A130751" s="13" t="s">
        <v>595</v>
      </c>
      <c r="B130751" s="14" t="s">
        <v>1</v>
      </c>
      <c r="C130751" s="14" t="s">
        <v>596</v>
      </c>
      <c r="D130751" s="14" t="s">
        <v>14</v>
      </c>
      <c r="E130751" s="15">
        <v>45457</v>
      </c>
      <c r="F130751" s="14" t="s">
        <v>15</v>
      </c>
      <c r="G130751" s="16">
        <v>0</v>
      </c>
    </row>
    <row r="130752" spans="1:7" x14ac:dyDescent="0.3">
      <c r="A130752" s="13" t="s">
        <v>595</v>
      </c>
      <c r="B130752" s="14" t="s">
        <v>1</v>
      </c>
      <c r="C130752" s="14" t="s">
        <v>596</v>
      </c>
      <c r="D130752" s="14" t="s">
        <v>14</v>
      </c>
      <c r="E130752" s="15">
        <v>45458</v>
      </c>
      <c r="F130752" s="14" t="s">
        <v>15</v>
      </c>
      <c r="G130752" s="16">
        <v>0</v>
      </c>
    </row>
    <row r="130753" spans="1:7" x14ac:dyDescent="0.3">
      <c r="A130753" s="13" t="s">
        <v>595</v>
      </c>
      <c r="B130753" s="14" t="s">
        <v>1</v>
      </c>
      <c r="C130753" s="14" t="s">
        <v>596</v>
      </c>
      <c r="D130753" s="14" t="s">
        <v>14</v>
      </c>
      <c r="E130753" s="15">
        <v>45459</v>
      </c>
      <c r="F130753" s="14" t="s">
        <v>15</v>
      </c>
      <c r="G130753" s="16">
        <v>0</v>
      </c>
    </row>
    <row r="130754" spans="1:7" x14ac:dyDescent="0.3">
      <c r="A130754" s="13" t="s">
        <v>595</v>
      </c>
      <c r="B130754" s="14" t="s">
        <v>1</v>
      </c>
      <c r="C130754" s="14" t="s">
        <v>596</v>
      </c>
      <c r="D130754" s="14" t="s">
        <v>14</v>
      </c>
      <c r="E130754" s="15">
        <v>45460</v>
      </c>
      <c r="F130754" s="14" t="s">
        <v>15</v>
      </c>
      <c r="G130754" s="16">
        <v>0</v>
      </c>
    </row>
    <row r="130755" spans="1:7" x14ac:dyDescent="0.3">
      <c r="A130755" s="13" t="s">
        <v>595</v>
      </c>
      <c r="B130755" s="14" t="s">
        <v>1</v>
      </c>
      <c r="C130755" s="14" t="s">
        <v>596</v>
      </c>
      <c r="D130755" s="14" t="s">
        <v>14</v>
      </c>
      <c r="E130755" s="15">
        <v>45461</v>
      </c>
      <c r="F130755" s="14" t="s">
        <v>15</v>
      </c>
      <c r="G130755" s="16">
        <v>0</v>
      </c>
    </row>
    <row r="130756" spans="1:7" x14ac:dyDescent="0.3">
      <c r="A130756" s="13" t="s">
        <v>595</v>
      </c>
      <c r="B130756" s="14" t="s">
        <v>1</v>
      </c>
      <c r="C130756" s="14" t="s">
        <v>596</v>
      </c>
      <c r="D130756" s="14" t="s">
        <v>14</v>
      </c>
      <c r="E130756" s="15">
        <v>45462</v>
      </c>
      <c r="F130756" s="14" t="s">
        <v>15</v>
      </c>
      <c r="G130756" s="16">
        <v>0</v>
      </c>
    </row>
    <row r="130757" spans="1:7" x14ac:dyDescent="0.3">
      <c r="A130757" s="13" t="s">
        <v>595</v>
      </c>
      <c r="B130757" s="14" t="s">
        <v>1</v>
      </c>
      <c r="C130757" s="14" t="s">
        <v>596</v>
      </c>
      <c r="D130757" s="14" t="s">
        <v>14</v>
      </c>
      <c r="E130757" s="15">
        <v>45463</v>
      </c>
      <c r="F130757" s="14" t="s">
        <v>15</v>
      </c>
      <c r="G130757" s="16">
        <v>0</v>
      </c>
    </row>
    <row r="130758" spans="1:7" x14ac:dyDescent="0.3">
      <c r="A130758" s="13" t="s">
        <v>595</v>
      </c>
      <c r="B130758" s="14" t="s">
        <v>1</v>
      </c>
      <c r="C130758" s="14" t="s">
        <v>596</v>
      </c>
      <c r="D130758" s="14" t="s">
        <v>14</v>
      </c>
      <c r="E130758" s="15">
        <v>45464</v>
      </c>
      <c r="F130758" s="14" t="s">
        <v>15</v>
      </c>
      <c r="G130758" s="16">
        <v>0</v>
      </c>
    </row>
    <row r="130759" spans="1:7" x14ac:dyDescent="0.3">
      <c r="A130759" s="13" t="s">
        <v>595</v>
      </c>
      <c r="B130759" s="14" t="s">
        <v>1</v>
      </c>
      <c r="C130759" s="14" t="s">
        <v>596</v>
      </c>
      <c r="D130759" s="14" t="s">
        <v>14</v>
      </c>
      <c r="E130759" s="15">
        <v>45465</v>
      </c>
      <c r="F130759" s="14" t="s">
        <v>15</v>
      </c>
      <c r="G130759" s="16">
        <v>0</v>
      </c>
    </row>
    <row r="130760" spans="1:7" x14ac:dyDescent="0.3">
      <c r="A130760" s="13" t="s">
        <v>595</v>
      </c>
      <c r="B130760" s="14" t="s">
        <v>1</v>
      </c>
      <c r="C130760" s="14" t="s">
        <v>596</v>
      </c>
      <c r="D130760" s="14" t="s">
        <v>14</v>
      </c>
      <c r="E130760" s="15">
        <v>45466</v>
      </c>
      <c r="F130760" s="14" t="s">
        <v>15</v>
      </c>
      <c r="G130760" s="16">
        <v>0</v>
      </c>
    </row>
    <row r="130761" spans="1:7" x14ac:dyDescent="0.3">
      <c r="A130761" s="13" t="s">
        <v>595</v>
      </c>
      <c r="B130761" s="14" t="s">
        <v>1</v>
      </c>
      <c r="C130761" s="14" t="s">
        <v>596</v>
      </c>
      <c r="D130761" s="14" t="s">
        <v>14</v>
      </c>
      <c r="E130761" s="15">
        <v>45467</v>
      </c>
      <c r="F130761" s="14" t="s">
        <v>15</v>
      </c>
      <c r="G130761" s="16">
        <v>0</v>
      </c>
    </row>
    <row r="130762" spans="1:7" x14ac:dyDescent="0.3">
      <c r="A130762" s="13" t="s">
        <v>595</v>
      </c>
      <c r="B130762" s="14" t="s">
        <v>1</v>
      </c>
      <c r="C130762" s="14" t="s">
        <v>596</v>
      </c>
      <c r="D130762" s="14" t="s">
        <v>14</v>
      </c>
      <c r="E130762" s="15">
        <v>45468</v>
      </c>
      <c r="F130762" s="14" t="s">
        <v>15</v>
      </c>
      <c r="G130762" s="16">
        <v>0</v>
      </c>
    </row>
    <row r="130763" spans="1:7" x14ac:dyDescent="0.3">
      <c r="A130763" s="13" t="s">
        <v>595</v>
      </c>
      <c r="B130763" s="14" t="s">
        <v>1</v>
      </c>
      <c r="C130763" s="14" t="s">
        <v>596</v>
      </c>
      <c r="D130763" s="14" t="s">
        <v>14</v>
      </c>
      <c r="E130763" s="15">
        <v>45469</v>
      </c>
      <c r="F130763" s="14" t="s">
        <v>15</v>
      </c>
      <c r="G130763" s="16">
        <v>0</v>
      </c>
    </row>
    <row r="130764" spans="1:7" x14ac:dyDescent="0.3">
      <c r="A130764" s="13" t="s">
        <v>595</v>
      </c>
      <c r="B130764" s="14" t="s">
        <v>1</v>
      </c>
      <c r="C130764" s="14" t="s">
        <v>596</v>
      </c>
      <c r="D130764" s="14" t="s">
        <v>14</v>
      </c>
      <c r="E130764" s="15">
        <v>45470</v>
      </c>
      <c r="F130764" s="14" t="s">
        <v>15</v>
      </c>
      <c r="G130764" s="16">
        <v>0</v>
      </c>
    </row>
    <row r="130765" spans="1:7" x14ac:dyDescent="0.3">
      <c r="A130765" s="13" t="s">
        <v>595</v>
      </c>
      <c r="B130765" s="14" t="s">
        <v>1</v>
      </c>
      <c r="C130765" s="14" t="s">
        <v>596</v>
      </c>
      <c r="D130765" s="14" t="s">
        <v>14</v>
      </c>
      <c r="E130765" s="15">
        <v>45471</v>
      </c>
      <c r="F130765" s="14" t="s">
        <v>15</v>
      </c>
      <c r="G130765" s="16">
        <v>0</v>
      </c>
    </row>
    <row r="130766" spans="1:7" x14ac:dyDescent="0.3">
      <c r="A130766" s="13" t="s">
        <v>595</v>
      </c>
      <c r="B130766" s="14" t="s">
        <v>1</v>
      </c>
      <c r="C130766" s="14" t="s">
        <v>596</v>
      </c>
      <c r="D130766" s="14" t="s">
        <v>14</v>
      </c>
      <c r="E130766" s="15">
        <v>45472</v>
      </c>
      <c r="F130766" s="14" t="s">
        <v>15</v>
      </c>
      <c r="G130766" s="16">
        <v>0</v>
      </c>
    </row>
    <row r="130767" spans="1:7" x14ac:dyDescent="0.3">
      <c r="A130767" s="13" t="s">
        <v>595</v>
      </c>
      <c r="B130767" s="14" t="s">
        <v>1</v>
      </c>
      <c r="C130767" s="14" t="s">
        <v>596</v>
      </c>
      <c r="D130767" s="14" t="s">
        <v>14</v>
      </c>
      <c r="E130767" s="15">
        <v>45473</v>
      </c>
      <c r="F130767" s="14" t="s">
        <v>15</v>
      </c>
      <c r="G130767" s="16">
        <v>0</v>
      </c>
    </row>
    <row r="130768" spans="1:7" x14ac:dyDescent="0.3">
      <c r="A130768" s="13" t="s">
        <v>595</v>
      </c>
      <c r="B130768" s="14" t="s">
        <v>1</v>
      </c>
      <c r="C130768" s="14" t="s">
        <v>596</v>
      </c>
      <c r="D130768" s="14" t="s">
        <v>14</v>
      </c>
      <c r="E130768" s="15">
        <v>45474</v>
      </c>
      <c r="F130768" s="14" t="s">
        <v>15</v>
      </c>
      <c r="G130768" s="16">
        <v>0</v>
      </c>
    </row>
    <row r="130769" spans="1:7" x14ac:dyDescent="0.3">
      <c r="A130769" s="13" t="s">
        <v>595</v>
      </c>
      <c r="B130769" s="14" t="s">
        <v>1</v>
      </c>
      <c r="C130769" s="14" t="s">
        <v>596</v>
      </c>
      <c r="D130769" s="14" t="s">
        <v>14</v>
      </c>
      <c r="E130769" s="15">
        <v>45475</v>
      </c>
      <c r="F130769" s="14" t="s">
        <v>15</v>
      </c>
      <c r="G130769" s="16">
        <v>0</v>
      </c>
    </row>
    <row r="130770" spans="1:7" x14ac:dyDescent="0.3">
      <c r="A130770" s="13" t="s">
        <v>595</v>
      </c>
      <c r="B130770" s="14" t="s">
        <v>1</v>
      </c>
      <c r="C130770" s="14" t="s">
        <v>596</v>
      </c>
      <c r="D130770" s="14" t="s">
        <v>14</v>
      </c>
      <c r="E130770" s="15">
        <v>45476</v>
      </c>
      <c r="F130770" s="14" t="s">
        <v>15</v>
      </c>
      <c r="G130770" s="16">
        <v>0</v>
      </c>
    </row>
    <row r="130771" spans="1:7" x14ac:dyDescent="0.3">
      <c r="A130771" s="13" t="s">
        <v>595</v>
      </c>
      <c r="B130771" s="14" t="s">
        <v>1</v>
      </c>
      <c r="C130771" s="14" t="s">
        <v>596</v>
      </c>
      <c r="D130771" s="14" t="s">
        <v>14</v>
      </c>
      <c r="E130771" s="15">
        <v>45477</v>
      </c>
      <c r="F130771" s="14" t="s">
        <v>15</v>
      </c>
      <c r="G130771" s="16">
        <v>0</v>
      </c>
    </row>
    <row r="130772" spans="1:7" x14ac:dyDescent="0.3">
      <c r="A130772" s="13" t="s">
        <v>595</v>
      </c>
      <c r="B130772" s="14" t="s">
        <v>1</v>
      </c>
      <c r="C130772" s="14" t="s">
        <v>596</v>
      </c>
      <c r="D130772" s="14" t="s">
        <v>14</v>
      </c>
      <c r="E130772" s="15">
        <v>45478</v>
      </c>
      <c r="F130772" s="14" t="s">
        <v>15</v>
      </c>
      <c r="G130772" s="16">
        <v>0</v>
      </c>
    </row>
    <row r="130773" spans="1:7" x14ac:dyDescent="0.3">
      <c r="A130773" s="13" t="s">
        <v>595</v>
      </c>
      <c r="B130773" s="14" t="s">
        <v>1</v>
      </c>
      <c r="C130773" s="14" t="s">
        <v>596</v>
      </c>
      <c r="D130773" s="14" t="s">
        <v>14</v>
      </c>
      <c r="E130773" s="15">
        <v>45479</v>
      </c>
      <c r="F130773" s="14" t="s">
        <v>15</v>
      </c>
      <c r="G130773" s="16">
        <v>0</v>
      </c>
    </row>
    <row r="130774" spans="1:7" x14ac:dyDescent="0.3">
      <c r="A130774" s="13" t="s">
        <v>595</v>
      </c>
      <c r="B130774" s="14" t="s">
        <v>1</v>
      </c>
      <c r="C130774" s="14" t="s">
        <v>596</v>
      </c>
      <c r="D130774" s="14" t="s">
        <v>14</v>
      </c>
      <c r="E130774" s="15">
        <v>45480</v>
      </c>
      <c r="F130774" s="14" t="s">
        <v>15</v>
      </c>
      <c r="G130774" s="16">
        <v>0</v>
      </c>
    </row>
    <row r="130775" spans="1:7" x14ac:dyDescent="0.3">
      <c r="A130775" s="13" t="s">
        <v>595</v>
      </c>
      <c r="B130775" s="14" t="s">
        <v>1</v>
      </c>
      <c r="C130775" s="14" t="s">
        <v>596</v>
      </c>
      <c r="D130775" s="14" t="s">
        <v>14</v>
      </c>
      <c r="E130775" s="15">
        <v>45481</v>
      </c>
      <c r="F130775" s="14" t="s">
        <v>15</v>
      </c>
      <c r="G130775" s="16">
        <v>0</v>
      </c>
    </row>
    <row r="130776" spans="1:7" x14ac:dyDescent="0.3">
      <c r="A130776" s="13" t="s">
        <v>595</v>
      </c>
      <c r="B130776" s="14" t="s">
        <v>1</v>
      </c>
      <c r="C130776" s="14" t="s">
        <v>596</v>
      </c>
      <c r="D130776" s="14" t="s">
        <v>14</v>
      </c>
      <c r="E130776" s="15">
        <v>45482</v>
      </c>
      <c r="F130776" s="14" t="s">
        <v>15</v>
      </c>
      <c r="G130776" s="16">
        <v>0</v>
      </c>
    </row>
    <row r="130777" spans="1:7" x14ac:dyDescent="0.3">
      <c r="A130777" s="13" t="s">
        <v>595</v>
      </c>
      <c r="B130777" s="14" t="s">
        <v>1</v>
      </c>
      <c r="C130777" s="14" t="s">
        <v>596</v>
      </c>
      <c r="D130777" s="14" t="s">
        <v>14</v>
      </c>
      <c r="E130777" s="15">
        <v>45483</v>
      </c>
      <c r="F130777" s="14" t="s">
        <v>15</v>
      </c>
      <c r="G130777" s="16">
        <v>0</v>
      </c>
    </row>
    <row r="130778" spans="1:7" x14ac:dyDescent="0.3">
      <c r="A130778" s="13" t="s">
        <v>595</v>
      </c>
      <c r="B130778" s="14" t="s">
        <v>1</v>
      </c>
      <c r="C130778" s="14" t="s">
        <v>596</v>
      </c>
      <c r="D130778" s="14" t="s">
        <v>14</v>
      </c>
      <c r="E130778" s="15">
        <v>45484</v>
      </c>
      <c r="F130778" s="14" t="s">
        <v>15</v>
      </c>
      <c r="G130778" s="16">
        <v>0</v>
      </c>
    </row>
    <row r="130779" spans="1:7" x14ac:dyDescent="0.3">
      <c r="A130779" s="13" t="s">
        <v>595</v>
      </c>
      <c r="B130779" s="14" t="s">
        <v>1</v>
      </c>
      <c r="C130779" s="14" t="s">
        <v>596</v>
      </c>
      <c r="D130779" s="14" t="s">
        <v>14</v>
      </c>
      <c r="E130779" s="15">
        <v>45485</v>
      </c>
      <c r="F130779" s="14" t="s">
        <v>15</v>
      </c>
      <c r="G130779" s="16">
        <v>0</v>
      </c>
    </row>
    <row r="130780" spans="1:7" x14ac:dyDescent="0.3">
      <c r="A130780" s="13" t="s">
        <v>595</v>
      </c>
      <c r="B130780" s="14" t="s">
        <v>1</v>
      </c>
      <c r="C130780" s="14" t="s">
        <v>596</v>
      </c>
      <c r="D130780" s="14" t="s">
        <v>14</v>
      </c>
      <c r="E130780" s="15">
        <v>45486</v>
      </c>
      <c r="F130780" s="14" t="s">
        <v>15</v>
      </c>
      <c r="G130780" s="16">
        <v>0</v>
      </c>
    </row>
    <row r="130781" spans="1:7" x14ac:dyDescent="0.3">
      <c r="A130781" s="13" t="s">
        <v>595</v>
      </c>
      <c r="B130781" s="14" t="s">
        <v>1</v>
      </c>
      <c r="C130781" s="14" t="s">
        <v>596</v>
      </c>
      <c r="D130781" s="14" t="s">
        <v>14</v>
      </c>
      <c r="E130781" s="15">
        <v>45487</v>
      </c>
      <c r="F130781" s="14" t="s">
        <v>15</v>
      </c>
      <c r="G130781" s="16">
        <v>0</v>
      </c>
    </row>
    <row r="130782" spans="1:7" x14ac:dyDescent="0.3">
      <c r="A130782" s="13" t="s">
        <v>595</v>
      </c>
      <c r="B130782" s="14" t="s">
        <v>1</v>
      </c>
      <c r="C130782" s="14" t="s">
        <v>596</v>
      </c>
      <c r="D130782" s="14" t="s">
        <v>14</v>
      </c>
      <c r="E130782" s="15">
        <v>45488</v>
      </c>
      <c r="F130782" s="14" t="s">
        <v>15</v>
      </c>
      <c r="G130782" s="16">
        <v>0</v>
      </c>
    </row>
    <row r="130783" spans="1:7" x14ac:dyDescent="0.3">
      <c r="A130783" s="13" t="s">
        <v>595</v>
      </c>
      <c r="B130783" s="14" t="s">
        <v>1</v>
      </c>
      <c r="C130783" s="14" t="s">
        <v>596</v>
      </c>
      <c r="D130783" s="14" t="s">
        <v>14</v>
      </c>
      <c r="E130783" s="15">
        <v>45489</v>
      </c>
      <c r="F130783" s="14" t="s">
        <v>15</v>
      </c>
      <c r="G130783" s="16">
        <v>0</v>
      </c>
    </row>
    <row r="130784" spans="1:7" x14ac:dyDescent="0.3">
      <c r="A130784" s="13" t="s">
        <v>595</v>
      </c>
      <c r="B130784" s="14" t="s">
        <v>1</v>
      </c>
      <c r="C130784" s="14" t="s">
        <v>596</v>
      </c>
      <c r="D130784" s="14" t="s">
        <v>14</v>
      </c>
      <c r="E130784" s="15">
        <v>45490</v>
      </c>
      <c r="F130784" s="14" t="s">
        <v>15</v>
      </c>
      <c r="G130784" s="16">
        <v>0</v>
      </c>
    </row>
    <row r="130785" spans="1:7" x14ac:dyDescent="0.3">
      <c r="A130785" s="13" t="s">
        <v>595</v>
      </c>
      <c r="B130785" s="14" t="s">
        <v>1</v>
      </c>
      <c r="C130785" s="14" t="s">
        <v>596</v>
      </c>
      <c r="D130785" s="14" t="s">
        <v>14</v>
      </c>
      <c r="E130785" s="15">
        <v>45491</v>
      </c>
      <c r="F130785" s="14" t="s">
        <v>15</v>
      </c>
      <c r="G130785" s="16">
        <v>0</v>
      </c>
    </row>
    <row r="130786" spans="1:7" x14ac:dyDescent="0.3">
      <c r="A130786" s="13" t="s">
        <v>595</v>
      </c>
      <c r="B130786" s="14" t="s">
        <v>1</v>
      </c>
      <c r="C130786" s="14" t="s">
        <v>596</v>
      </c>
      <c r="D130786" s="14" t="s">
        <v>14</v>
      </c>
      <c r="E130786" s="15">
        <v>45492</v>
      </c>
      <c r="F130786" s="14" t="s">
        <v>15</v>
      </c>
      <c r="G130786" s="16">
        <v>0</v>
      </c>
    </row>
    <row r="130787" spans="1:7" x14ac:dyDescent="0.3">
      <c r="A130787" s="13" t="s">
        <v>595</v>
      </c>
      <c r="B130787" s="14" t="s">
        <v>1</v>
      </c>
      <c r="C130787" s="14" t="s">
        <v>596</v>
      </c>
      <c r="D130787" s="14" t="s">
        <v>14</v>
      </c>
      <c r="E130787" s="15">
        <v>45493</v>
      </c>
      <c r="F130787" s="14" t="s">
        <v>15</v>
      </c>
      <c r="G130787" s="16">
        <v>0</v>
      </c>
    </row>
    <row r="130788" spans="1:7" x14ac:dyDescent="0.3">
      <c r="A130788" s="13" t="s">
        <v>595</v>
      </c>
      <c r="B130788" s="14" t="s">
        <v>1</v>
      </c>
      <c r="C130788" s="14" t="s">
        <v>596</v>
      </c>
      <c r="D130788" s="14" t="s">
        <v>14</v>
      </c>
      <c r="E130788" s="15">
        <v>45494</v>
      </c>
      <c r="F130788" s="14" t="s">
        <v>15</v>
      </c>
      <c r="G130788" s="16">
        <v>0</v>
      </c>
    </row>
    <row r="130789" spans="1:7" x14ac:dyDescent="0.3">
      <c r="A130789" s="13" t="s">
        <v>595</v>
      </c>
      <c r="B130789" s="14" t="s">
        <v>1</v>
      </c>
      <c r="C130789" s="14" t="s">
        <v>596</v>
      </c>
      <c r="D130789" s="14" t="s">
        <v>14</v>
      </c>
      <c r="E130789" s="15">
        <v>45495</v>
      </c>
      <c r="F130789" s="14" t="s">
        <v>15</v>
      </c>
      <c r="G130789" s="16">
        <v>0</v>
      </c>
    </row>
    <row r="130790" spans="1:7" x14ac:dyDescent="0.3">
      <c r="A130790" s="13" t="s">
        <v>595</v>
      </c>
      <c r="B130790" s="14" t="s">
        <v>1</v>
      </c>
      <c r="C130790" s="14" t="s">
        <v>596</v>
      </c>
      <c r="D130790" s="14" t="s">
        <v>14</v>
      </c>
      <c r="E130790" s="15">
        <v>45496</v>
      </c>
      <c r="F130790" s="14" t="s">
        <v>15</v>
      </c>
      <c r="G130790" s="16">
        <v>0</v>
      </c>
    </row>
    <row r="130791" spans="1:7" x14ac:dyDescent="0.3">
      <c r="A130791" s="13" t="s">
        <v>595</v>
      </c>
      <c r="B130791" s="14" t="s">
        <v>1</v>
      </c>
      <c r="C130791" s="14" t="s">
        <v>596</v>
      </c>
      <c r="D130791" s="14" t="s">
        <v>14</v>
      </c>
      <c r="E130791" s="15">
        <v>45497</v>
      </c>
      <c r="F130791" s="14" t="s">
        <v>15</v>
      </c>
      <c r="G130791" s="16">
        <v>0</v>
      </c>
    </row>
    <row r="130792" spans="1:7" x14ac:dyDescent="0.3">
      <c r="A130792" s="13" t="s">
        <v>595</v>
      </c>
      <c r="B130792" s="14" t="s">
        <v>1</v>
      </c>
      <c r="C130792" s="14" t="s">
        <v>596</v>
      </c>
      <c r="D130792" s="14" t="s">
        <v>14</v>
      </c>
      <c r="E130792" s="15">
        <v>45498</v>
      </c>
      <c r="F130792" s="14" t="s">
        <v>15</v>
      </c>
      <c r="G130792" s="16">
        <v>0</v>
      </c>
    </row>
    <row r="130793" spans="1:7" x14ac:dyDescent="0.3">
      <c r="A130793" s="13" t="s">
        <v>595</v>
      </c>
      <c r="B130793" s="14" t="s">
        <v>1</v>
      </c>
      <c r="C130793" s="14" t="s">
        <v>596</v>
      </c>
      <c r="D130793" s="14" t="s">
        <v>14</v>
      </c>
      <c r="E130793" s="15">
        <v>45499</v>
      </c>
      <c r="F130793" s="14" t="s">
        <v>15</v>
      </c>
      <c r="G130793" s="16">
        <v>0</v>
      </c>
    </row>
    <row r="130794" spans="1:7" x14ac:dyDescent="0.3">
      <c r="A130794" s="13" t="s">
        <v>595</v>
      </c>
      <c r="B130794" s="14" t="s">
        <v>1</v>
      </c>
      <c r="C130794" s="14" t="s">
        <v>596</v>
      </c>
      <c r="D130794" s="14" t="s">
        <v>14</v>
      </c>
      <c r="E130794" s="15">
        <v>45500</v>
      </c>
      <c r="F130794" s="14" t="s">
        <v>15</v>
      </c>
      <c r="G130794" s="16">
        <v>0</v>
      </c>
    </row>
    <row r="130795" spans="1:7" x14ac:dyDescent="0.3">
      <c r="A130795" s="13" t="s">
        <v>595</v>
      </c>
      <c r="B130795" s="14" t="s">
        <v>1</v>
      </c>
      <c r="C130795" s="14" t="s">
        <v>596</v>
      </c>
      <c r="D130795" s="14" t="s">
        <v>14</v>
      </c>
      <c r="E130795" s="15">
        <v>45501</v>
      </c>
      <c r="F130795" s="14" t="s">
        <v>15</v>
      </c>
      <c r="G130795" s="16">
        <v>0</v>
      </c>
    </row>
    <row r="130796" spans="1:7" x14ac:dyDescent="0.3">
      <c r="A130796" s="13" t="s">
        <v>595</v>
      </c>
      <c r="B130796" s="14" t="s">
        <v>1</v>
      </c>
      <c r="C130796" s="14" t="s">
        <v>596</v>
      </c>
      <c r="D130796" s="14" t="s">
        <v>14</v>
      </c>
      <c r="E130796" s="15">
        <v>45502</v>
      </c>
      <c r="F130796" s="14" t="s">
        <v>15</v>
      </c>
      <c r="G130796" s="16">
        <v>0</v>
      </c>
    </row>
    <row r="130797" spans="1:7" x14ac:dyDescent="0.3">
      <c r="A130797" s="13" t="s">
        <v>595</v>
      </c>
      <c r="B130797" s="14" t="s">
        <v>1</v>
      </c>
      <c r="C130797" s="14" t="s">
        <v>596</v>
      </c>
      <c r="D130797" s="14" t="s">
        <v>14</v>
      </c>
      <c r="E130797" s="15">
        <v>45503</v>
      </c>
      <c r="F130797" s="14" t="s">
        <v>15</v>
      </c>
      <c r="G130797" s="16">
        <v>0</v>
      </c>
    </row>
    <row r="130798" spans="1:7" x14ac:dyDescent="0.3">
      <c r="A130798" s="13" t="s">
        <v>595</v>
      </c>
      <c r="B130798" s="14" t="s">
        <v>1</v>
      </c>
      <c r="C130798" s="14" t="s">
        <v>596</v>
      </c>
      <c r="D130798" s="14" t="s">
        <v>14</v>
      </c>
      <c r="E130798" s="15">
        <v>45504</v>
      </c>
      <c r="F130798" s="14" t="s">
        <v>15</v>
      </c>
      <c r="G130798" s="16">
        <v>0</v>
      </c>
    </row>
    <row r="130799" spans="1:7" x14ac:dyDescent="0.3">
      <c r="A130799" s="13" t="s">
        <v>595</v>
      </c>
      <c r="B130799" s="14" t="s">
        <v>1</v>
      </c>
      <c r="C130799" s="14" t="s">
        <v>596</v>
      </c>
      <c r="D130799" s="14" t="s">
        <v>14</v>
      </c>
      <c r="E130799" s="15">
        <v>45505</v>
      </c>
      <c r="F130799" s="14" t="s">
        <v>15</v>
      </c>
      <c r="G130799" s="16">
        <v>0</v>
      </c>
    </row>
    <row r="130800" spans="1:7" x14ac:dyDescent="0.3">
      <c r="A130800" s="13" t="s">
        <v>595</v>
      </c>
      <c r="B130800" s="14" t="s">
        <v>1</v>
      </c>
      <c r="C130800" s="14" t="s">
        <v>596</v>
      </c>
      <c r="D130800" s="14" t="s">
        <v>14</v>
      </c>
      <c r="E130800" s="15">
        <v>45506</v>
      </c>
      <c r="F130800" s="14" t="s">
        <v>15</v>
      </c>
      <c r="G130800" s="16">
        <v>0</v>
      </c>
    </row>
    <row r="130801" spans="1:7" x14ac:dyDescent="0.3">
      <c r="A130801" s="13" t="s">
        <v>595</v>
      </c>
      <c r="B130801" s="14" t="s">
        <v>1</v>
      </c>
      <c r="C130801" s="14" t="s">
        <v>596</v>
      </c>
      <c r="D130801" s="14" t="s">
        <v>14</v>
      </c>
      <c r="E130801" s="15">
        <v>45507</v>
      </c>
      <c r="F130801" s="14" t="s">
        <v>15</v>
      </c>
      <c r="G130801" s="16">
        <v>0</v>
      </c>
    </row>
    <row r="130802" spans="1:7" x14ac:dyDescent="0.3">
      <c r="A130802" s="13" t="s">
        <v>595</v>
      </c>
      <c r="B130802" s="14" t="s">
        <v>1</v>
      </c>
      <c r="C130802" s="14" t="s">
        <v>596</v>
      </c>
      <c r="D130802" s="14" t="s">
        <v>14</v>
      </c>
      <c r="E130802" s="15">
        <v>45508</v>
      </c>
      <c r="F130802" s="14" t="s">
        <v>15</v>
      </c>
      <c r="G130802" s="16">
        <v>0</v>
      </c>
    </row>
    <row r="130803" spans="1:7" x14ac:dyDescent="0.3">
      <c r="A130803" s="13" t="s">
        <v>595</v>
      </c>
      <c r="B130803" s="14" t="s">
        <v>1</v>
      </c>
      <c r="C130803" s="14" t="s">
        <v>596</v>
      </c>
      <c r="D130803" s="14" t="s">
        <v>14</v>
      </c>
      <c r="E130803" s="15">
        <v>45509</v>
      </c>
      <c r="F130803" s="14" t="s">
        <v>15</v>
      </c>
      <c r="G130803" s="16">
        <v>0</v>
      </c>
    </row>
    <row r="130804" spans="1:7" x14ac:dyDescent="0.3">
      <c r="A130804" s="13" t="s">
        <v>595</v>
      </c>
      <c r="B130804" s="14" t="s">
        <v>1</v>
      </c>
      <c r="C130804" s="14" t="s">
        <v>596</v>
      </c>
      <c r="D130804" s="14" t="s">
        <v>14</v>
      </c>
      <c r="E130804" s="15">
        <v>45510</v>
      </c>
      <c r="F130804" s="14" t="s">
        <v>15</v>
      </c>
      <c r="G130804" s="16">
        <v>0</v>
      </c>
    </row>
    <row r="130805" spans="1:7" x14ac:dyDescent="0.3">
      <c r="A130805" s="13" t="s">
        <v>595</v>
      </c>
      <c r="B130805" s="14" t="s">
        <v>1</v>
      </c>
      <c r="C130805" s="14" t="s">
        <v>596</v>
      </c>
      <c r="D130805" s="14" t="s">
        <v>14</v>
      </c>
      <c r="E130805" s="15">
        <v>45511</v>
      </c>
      <c r="F130805" s="14" t="s">
        <v>15</v>
      </c>
      <c r="G130805" s="16">
        <v>0</v>
      </c>
    </row>
    <row r="130806" spans="1:7" x14ac:dyDescent="0.3">
      <c r="A130806" s="13" t="s">
        <v>595</v>
      </c>
      <c r="B130806" s="14" t="s">
        <v>1</v>
      </c>
      <c r="C130806" s="14" t="s">
        <v>596</v>
      </c>
      <c r="D130806" s="14" t="s">
        <v>14</v>
      </c>
      <c r="E130806" s="15">
        <v>45512</v>
      </c>
      <c r="F130806" s="14" t="s">
        <v>15</v>
      </c>
      <c r="G130806" s="16">
        <v>0</v>
      </c>
    </row>
    <row r="130807" spans="1:7" x14ac:dyDescent="0.3">
      <c r="A130807" s="13" t="s">
        <v>595</v>
      </c>
      <c r="B130807" s="14" t="s">
        <v>1</v>
      </c>
      <c r="C130807" s="14" t="s">
        <v>596</v>
      </c>
      <c r="D130807" s="14" t="s">
        <v>14</v>
      </c>
      <c r="E130807" s="15">
        <v>45513</v>
      </c>
      <c r="F130807" s="14" t="s">
        <v>15</v>
      </c>
      <c r="G130807" s="16">
        <v>0</v>
      </c>
    </row>
    <row r="130808" spans="1:7" x14ac:dyDescent="0.3">
      <c r="A130808" s="13" t="s">
        <v>595</v>
      </c>
      <c r="B130808" s="14" t="s">
        <v>1</v>
      </c>
      <c r="C130808" s="14" t="s">
        <v>596</v>
      </c>
      <c r="D130808" s="14" t="s">
        <v>14</v>
      </c>
      <c r="E130808" s="15">
        <v>45514</v>
      </c>
      <c r="F130808" s="14" t="s">
        <v>15</v>
      </c>
      <c r="G130808" s="16">
        <v>0</v>
      </c>
    </row>
    <row r="130809" spans="1:7" x14ac:dyDescent="0.3">
      <c r="A130809" s="13" t="s">
        <v>595</v>
      </c>
      <c r="B130809" s="14" t="s">
        <v>1</v>
      </c>
      <c r="C130809" s="14" t="s">
        <v>596</v>
      </c>
      <c r="D130809" s="14" t="s">
        <v>14</v>
      </c>
      <c r="E130809" s="15">
        <v>45515</v>
      </c>
      <c r="F130809" s="14" t="s">
        <v>15</v>
      </c>
      <c r="G130809" s="16">
        <v>0</v>
      </c>
    </row>
    <row r="130810" spans="1:7" x14ac:dyDescent="0.3">
      <c r="A130810" s="13" t="s">
        <v>595</v>
      </c>
      <c r="B130810" s="14" t="s">
        <v>1</v>
      </c>
      <c r="C130810" s="14" t="s">
        <v>596</v>
      </c>
      <c r="D130810" s="14" t="s">
        <v>14</v>
      </c>
      <c r="E130810" s="15">
        <v>45516</v>
      </c>
      <c r="F130810" s="14" t="s">
        <v>15</v>
      </c>
      <c r="G130810" s="16">
        <v>0</v>
      </c>
    </row>
    <row r="130811" spans="1:7" x14ac:dyDescent="0.3">
      <c r="A130811" s="13" t="s">
        <v>595</v>
      </c>
      <c r="B130811" s="14" t="s">
        <v>1</v>
      </c>
      <c r="C130811" s="14" t="s">
        <v>596</v>
      </c>
      <c r="D130811" s="14" t="s">
        <v>14</v>
      </c>
      <c r="E130811" s="15">
        <v>45517</v>
      </c>
      <c r="F130811" s="14" t="s">
        <v>15</v>
      </c>
      <c r="G130811" s="16">
        <v>0</v>
      </c>
    </row>
    <row r="130812" spans="1:7" x14ac:dyDescent="0.3">
      <c r="A130812" s="13" t="s">
        <v>595</v>
      </c>
      <c r="B130812" s="14" t="s">
        <v>1</v>
      </c>
      <c r="C130812" s="14" t="s">
        <v>596</v>
      </c>
      <c r="D130812" s="14" t="s">
        <v>14</v>
      </c>
      <c r="E130812" s="15">
        <v>45518</v>
      </c>
      <c r="F130812" s="14" t="s">
        <v>15</v>
      </c>
      <c r="G130812" s="16">
        <v>0</v>
      </c>
    </row>
    <row r="130813" spans="1:7" x14ac:dyDescent="0.3">
      <c r="A130813" s="13" t="s">
        <v>595</v>
      </c>
      <c r="B130813" s="14" t="s">
        <v>1</v>
      </c>
      <c r="C130813" s="14" t="s">
        <v>596</v>
      </c>
      <c r="D130813" s="14" t="s">
        <v>14</v>
      </c>
      <c r="E130813" s="15">
        <v>45519</v>
      </c>
      <c r="F130813" s="14" t="s">
        <v>15</v>
      </c>
      <c r="G130813" s="16">
        <v>0</v>
      </c>
    </row>
    <row r="130814" spans="1:7" x14ac:dyDescent="0.3">
      <c r="A130814" s="13" t="s">
        <v>595</v>
      </c>
      <c r="B130814" s="14" t="s">
        <v>1</v>
      </c>
      <c r="C130814" s="14" t="s">
        <v>596</v>
      </c>
      <c r="D130814" s="14" t="s">
        <v>14</v>
      </c>
      <c r="E130814" s="15">
        <v>45520</v>
      </c>
      <c r="F130814" s="14" t="s">
        <v>15</v>
      </c>
      <c r="G130814" s="16">
        <v>0</v>
      </c>
    </row>
    <row r="130815" spans="1:7" x14ac:dyDescent="0.3">
      <c r="A130815" s="13" t="s">
        <v>595</v>
      </c>
      <c r="B130815" s="14" t="s">
        <v>1</v>
      </c>
      <c r="C130815" s="14" t="s">
        <v>596</v>
      </c>
      <c r="D130815" s="14" t="s">
        <v>14</v>
      </c>
      <c r="E130815" s="15">
        <v>45521</v>
      </c>
      <c r="F130815" s="14" t="s">
        <v>15</v>
      </c>
      <c r="G130815" s="16">
        <v>0</v>
      </c>
    </row>
    <row r="130816" spans="1:7" x14ac:dyDescent="0.3">
      <c r="A130816" s="13" t="s">
        <v>595</v>
      </c>
      <c r="B130816" s="14" t="s">
        <v>1</v>
      </c>
      <c r="C130816" s="14" t="s">
        <v>596</v>
      </c>
      <c r="D130816" s="14" t="s">
        <v>14</v>
      </c>
      <c r="E130816" s="15">
        <v>45522</v>
      </c>
      <c r="F130816" s="14" t="s">
        <v>15</v>
      </c>
      <c r="G130816" s="16">
        <v>0</v>
      </c>
    </row>
    <row r="130817" spans="1:7" x14ac:dyDescent="0.3">
      <c r="A130817" s="13" t="s">
        <v>595</v>
      </c>
      <c r="B130817" s="14" t="s">
        <v>1</v>
      </c>
      <c r="C130817" s="14" t="s">
        <v>596</v>
      </c>
      <c r="D130817" s="14" t="s">
        <v>14</v>
      </c>
      <c r="E130817" s="15">
        <v>45523</v>
      </c>
      <c r="F130817" s="14" t="s">
        <v>15</v>
      </c>
      <c r="G130817" s="16">
        <v>0</v>
      </c>
    </row>
    <row r="130818" spans="1:7" x14ac:dyDescent="0.3">
      <c r="A130818" s="13" t="s">
        <v>595</v>
      </c>
      <c r="B130818" s="14" t="s">
        <v>1</v>
      </c>
      <c r="C130818" s="14" t="s">
        <v>596</v>
      </c>
      <c r="D130818" s="14" t="s">
        <v>14</v>
      </c>
      <c r="E130818" s="15">
        <v>45524</v>
      </c>
      <c r="F130818" s="14" t="s">
        <v>15</v>
      </c>
      <c r="G130818" s="16">
        <v>0</v>
      </c>
    </row>
    <row r="130819" spans="1:7" x14ac:dyDescent="0.3">
      <c r="A130819" s="13" t="s">
        <v>595</v>
      </c>
      <c r="B130819" s="14" t="s">
        <v>1</v>
      </c>
      <c r="C130819" s="14" t="s">
        <v>596</v>
      </c>
      <c r="D130819" s="14" t="s">
        <v>14</v>
      </c>
      <c r="E130819" s="15">
        <v>45525</v>
      </c>
      <c r="F130819" s="14" t="s">
        <v>15</v>
      </c>
      <c r="G130819" s="16">
        <v>0</v>
      </c>
    </row>
    <row r="130820" spans="1:7" x14ac:dyDescent="0.3">
      <c r="A130820" s="13" t="s">
        <v>595</v>
      </c>
      <c r="B130820" s="14" t="s">
        <v>1</v>
      </c>
      <c r="C130820" s="14" t="s">
        <v>596</v>
      </c>
      <c r="D130820" s="14" t="s">
        <v>14</v>
      </c>
      <c r="E130820" s="15">
        <v>45526</v>
      </c>
      <c r="F130820" s="14" t="s">
        <v>15</v>
      </c>
      <c r="G130820" s="16">
        <v>0</v>
      </c>
    </row>
    <row r="130821" spans="1:7" x14ac:dyDescent="0.3">
      <c r="A130821" s="13" t="s">
        <v>595</v>
      </c>
      <c r="B130821" s="14" t="s">
        <v>1</v>
      </c>
      <c r="C130821" s="14" t="s">
        <v>596</v>
      </c>
      <c r="D130821" s="14" t="s">
        <v>14</v>
      </c>
      <c r="E130821" s="15">
        <v>45527</v>
      </c>
      <c r="F130821" s="14" t="s">
        <v>15</v>
      </c>
      <c r="G130821" s="16">
        <v>0</v>
      </c>
    </row>
    <row r="130822" spans="1:7" x14ac:dyDescent="0.3">
      <c r="A130822" s="13" t="s">
        <v>595</v>
      </c>
      <c r="B130822" s="14" t="s">
        <v>1</v>
      </c>
      <c r="C130822" s="14" t="s">
        <v>596</v>
      </c>
      <c r="D130822" s="14" t="s">
        <v>14</v>
      </c>
      <c r="E130822" s="15">
        <v>45528</v>
      </c>
      <c r="F130822" s="14" t="s">
        <v>15</v>
      </c>
      <c r="G130822" s="16">
        <v>0</v>
      </c>
    </row>
    <row r="130823" spans="1:7" x14ac:dyDescent="0.3">
      <c r="A130823" s="13" t="s">
        <v>595</v>
      </c>
      <c r="B130823" s="14" t="s">
        <v>1</v>
      </c>
      <c r="C130823" s="14" t="s">
        <v>596</v>
      </c>
      <c r="D130823" s="14" t="s">
        <v>14</v>
      </c>
      <c r="E130823" s="15">
        <v>45529</v>
      </c>
      <c r="F130823" s="14" t="s">
        <v>15</v>
      </c>
      <c r="G130823" s="16">
        <v>0</v>
      </c>
    </row>
    <row r="130824" spans="1:7" x14ac:dyDescent="0.3">
      <c r="A130824" s="13" t="s">
        <v>595</v>
      </c>
      <c r="B130824" s="14" t="s">
        <v>1</v>
      </c>
      <c r="C130824" s="14" t="s">
        <v>596</v>
      </c>
      <c r="D130824" s="14" t="s">
        <v>14</v>
      </c>
      <c r="E130824" s="15">
        <v>45530</v>
      </c>
      <c r="F130824" s="14" t="s">
        <v>15</v>
      </c>
      <c r="G130824" s="16">
        <v>0</v>
      </c>
    </row>
    <row r="130825" spans="1:7" x14ac:dyDescent="0.3">
      <c r="A130825" s="13" t="s">
        <v>595</v>
      </c>
      <c r="B130825" s="14" t="s">
        <v>1</v>
      </c>
      <c r="C130825" s="14" t="s">
        <v>596</v>
      </c>
      <c r="D130825" s="14" t="s">
        <v>14</v>
      </c>
      <c r="E130825" s="15">
        <v>45531</v>
      </c>
      <c r="F130825" s="14" t="s">
        <v>15</v>
      </c>
      <c r="G130825" s="16">
        <v>0</v>
      </c>
    </row>
    <row r="130826" spans="1:7" x14ac:dyDescent="0.3">
      <c r="A130826" s="13" t="s">
        <v>595</v>
      </c>
      <c r="B130826" s="14" t="s">
        <v>1</v>
      </c>
      <c r="C130826" s="14" t="s">
        <v>596</v>
      </c>
      <c r="D130826" s="14" t="s">
        <v>14</v>
      </c>
      <c r="E130826" s="15">
        <v>45532</v>
      </c>
      <c r="F130826" s="14" t="s">
        <v>15</v>
      </c>
      <c r="G130826" s="16">
        <v>0</v>
      </c>
    </row>
    <row r="130827" spans="1:7" x14ac:dyDescent="0.3">
      <c r="A130827" s="13" t="s">
        <v>595</v>
      </c>
      <c r="B130827" s="14" t="s">
        <v>1</v>
      </c>
      <c r="C130827" s="14" t="s">
        <v>596</v>
      </c>
      <c r="D130827" s="14" t="s">
        <v>14</v>
      </c>
      <c r="E130827" s="15">
        <v>45533</v>
      </c>
      <c r="F130827" s="14" t="s">
        <v>15</v>
      </c>
      <c r="G130827" s="16">
        <v>0</v>
      </c>
    </row>
    <row r="130828" spans="1:7" x14ac:dyDescent="0.3">
      <c r="A130828" s="13" t="s">
        <v>595</v>
      </c>
      <c r="B130828" s="14" t="s">
        <v>1</v>
      </c>
      <c r="C130828" s="14" t="s">
        <v>596</v>
      </c>
      <c r="D130828" s="14" t="s">
        <v>14</v>
      </c>
      <c r="E130828" s="15">
        <v>45534</v>
      </c>
      <c r="F130828" s="14" t="s">
        <v>15</v>
      </c>
      <c r="G130828" s="16">
        <v>0</v>
      </c>
    </row>
    <row r="130829" spans="1:7" x14ac:dyDescent="0.3">
      <c r="A130829" s="13" t="s">
        <v>595</v>
      </c>
      <c r="B130829" s="14" t="s">
        <v>1</v>
      </c>
      <c r="C130829" s="14" t="s">
        <v>596</v>
      </c>
      <c r="D130829" s="14" t="s">
        <v>14</v>
      </c>
      <c r="E130829" s="15">
        <v>45535</v>
      </c>
      <c r="F130829" s="14" t="s">
        <v>15</v>
      </c>
      <c r="G130829" s="16">
        <v>0</v>
      </c>
    </row>
    <row r="130830" spans="1:7" x14ac:dyDescent="0.3">
      <c r="A130830" s="13" t="s">
        <v>595</v>
      </c>
      <c r="B130830" s="14" t="s">
        <v>1</v>
      </c>
      <c r="C130830" s="14" t="s">
        <v>596</v>
      </c>
      <c r="D130830" s="14" t="s">
        <v>14</v>
      </c>
      <c r="E130830" s="15">
        <v>45536</v>
      </c>
      <c r="F130830" s="14" t="s">
        <v>15</v>
      </c>
      <c r="G130830" s="16">
        <v>0</v>
      </c>
    </row>
    <row r="130831" spans="1:7" x14ac:dyDescent="0.3">
      <c r="A130831" s="13" t="s">
        <v>595</v>
      </c>
      <c r="B130831" s="14" t="s">
        <v>1</v>
      </c>
      <c r="C130831" s="14" t="s">
        <v>596</v>
      </c>
      <c r="D130831" s="14" t="s">
        <v>14</v>
      </c>
      <c r="E130831" s="15">
        <v>45537</v>
      </c>
      <c r="F130831" s="14" t="s">
        <v>15</v>
      </c>
      <c r="G130831" s="16">
        <v>0</v>
      </c>
    </row>
    <row r="130832" spans="1:7" x14ac:dyDescent="0.3">
      <c r="A130832" s="13" t="s">
        <v>595</v>
      </c>
      <c r="B130832" s="14" t="s">
        <v>1</v>
      </c>
      <c r="C130832" s="14" t="s">
        <v>596</v>
      </c>
      <c r="D130832" s="14" t="s">
        <v>14</v>
      </c>
      <c r="E130832" s="15">
        <v>45538</v>
      </c>
      <c r="F130832" s="14" t="s">
        <v>15</v>
      </c>
      <c r="G130832" s="16">
        <v>0</v>
      </c>
    </row>
    <row r="130833" spans="1:7" x14ac:dyDescent="0.3">
      <c r="A130833" s="13" t="s">
        <v>595</v>
      </c>
      <c r="B130833" s="14" t="s">
        <v>1</v>
      </c>
      <c r="C130833" s="14" t="s">
        <v>596</v>
      </c>
      <c r="D130833" s="14" t="s">
        <v>14</v>
      </c>
      <c r="E130833" s="15">
        <v>45539</v>
      </c>
      <c r="F130833" s="14" t="s">
        <v>15</v>
      </c>
      <c r="G130833" s="16">
        <v>0</v>
      </c>
    </row>
    <row r="130834" spans="1:7" x14ac:dyDescent="0.3">
      <c r="A130834" s="13" t="s">
        <v>595</v>
      </c>
      <c r="B130834" s="14" t="s">
        <v>1</v>
      </c>
      <c r="C130834" s="14" t="s">
        <v>596</v>
      </c>
      <c r="D130834" s="14" t="s">
        <v>14</v>
      </c>
      <c r="E130834" s="15">
        <v>45540</v>
      </c>
      <c r="F130834" s="14" t="s">
        <v>15</v>
      </c>
      <c r="G130834" s="16">
        <v>0</v>
      </c>
    </row>
    <row r="130835" spans="1:7" x14ac:dyDescent="0.3">
      <c r="A130835" s="13" t="s">
        <v>595</v>
      </c>
      <c r="B130835" s="14" t="s">
        <v>1</v>
      </c>
      <c r="C130835" s="14" t="s">
        <v>596</v>
      </c>
      <c r="D130835" s="14" t="s">
        <v>14</v>
      </c>
      <c r="E130835" s="15">
        <v>45541</v>
      </c>
      <c r="F130835" s="14" t="s">
        <v>15</v>
      </c>
      <c r="G130835" s="16">
        <v>0</v>
      </c>
    </row>
    <row r="130836" spans="1:7" x14ac:dyDescent="0.3">
      <c r="A130836" s="13" t="s">
        <v>595</v>
      </c>
      <c r="B130836" s="14" t="s">
        <v>1</v>
      </c>
      <c r="C130836" s="14" t="s">
        <v>596</v>
      </c>
      <c r="D130836" s="14" t="s">
        <v>14</v>
      </c>
      <c r="E130836" s="15">
        <v>45542</v>
      </c>
      <c r="F130836" s="14" t="s">
        <v>15</v>
      </c>
      <c r="G130836" s="16">
        <v>0</v>
      </c>
    </row>
    <row r="130837" spans="1:7" x14ac:dyDescent="0.3">
      <c r="A130837" s="13" t="s">
        <v>595</v>
      </c>
      <c r="B130837" s="14" t="s">
        <v>1</v>
      </c>
      <c r="C130837" s="14" t="s">
        <v>596</v>
      </c>
      <c r="D130837" s="14" t="s">
        <v>14</v>
      </c>
      <c r="E130837" s="15">
        <v>45543</v>
      </c>
      <c r="F130837" s="14" t="s">
        <v>15</v>
      </c>
      <c r="G130837" s="16">
        <v>0</v>
      </c>
    </row>
    <row r="130838" spans="1:7" x14ac:dyDescent="0.3">
      <c r="A130838" s="13" t="s">
        <v>595</v>
      </c>
      <c r="B130838" s="14" t="s">
        <v>1</v>
      </c>
      <c r="C130838" s="14" t="s">
        <v>596</v>
      </c>
      <c r="D130838" s="14" t="s">
        <v>14</v>
      </c>
      <c r="E130838" s="15">
        <v>45544</v>
      </c>
      <c r="F130838" s="14" t="s">
        <v>15</v>
      </c>
      <c r="G130838" s="16">
        <v>0</v>
      </c>
    </row>
    <row r="130839" spans="1:7" x14ac:dyDescent="0.3">
      <c r="A130839" s="13" t="s">
        <v>595</v>
      </c>
      <c r="B130839" s="14" t="s">
        <v>1</v>
      </c>
      <c r="C130839" s="14" t="s">
        <v>596</v>
      </c>
      <c r="D130839" s="14" t="s">
        <v>14</v>
      </c>
      <c r="E130839" s="15">
        <v>45545</v>
      </c>
      <c r="F130839" s="14" t="s">
        <v>15</v>
      </c>
      <c r="G130839" s="16">
        <v>0</v>
      </c>
    </row>
    <row r="130840" spans="1:7" x14ac:dyDescent="0.3">
      <c r="A130840" s="13" t="s">
        <v>595</v>
      </c>
      <c r="B130840" s="14" t="s">
        <v>1</v>
      </c>
      <c r="C130840" s="14" t="s">
        <v>596</v>
      </c>
      <c r="D130840" s="14" t="s">
        <v>14</v>
      </c>
      <c r="E130840" s="15">
        <v>45546</v>
      </c>
      <c r="F130840" s="14" t="s">
        <v>15</v>
      </c>
      <c r="G130840" s="16">
        <v>0</v>
      </c>
    </row>
    <row r="130841" spans="1:7" x14ac:dyDescent="0.3">
      <c r="A130841" s="13" t="s">
        <v>595</v>
      </c>
      <c r="B130841" s="14" t="s">
        <v>1</v>
      </c>
      <c r="C130841" s="14" t="s">
        <v>596</v>
      </c>
      <c r="D130841" s="14" t="s">
        <v>14</v>
      </c>
      <c r="E130841" s="15">
        <v>45547</v>
      </c>
      <c r="F130841" s="14" t="s">
        <v>15</v>
      </c>
      <c r="G130841" s="16">
        <v>0</v>
      </c>
    </row>
    <row r="130842" spans="1:7" x14ac:dyDescent="0.3">
      <c r="A130842" s="13" t="s">
        <v>595</v>
      </c>
      <c r="B130842" s="14" t="s">
        <v>1</v>
      </c>
      <c r="C130842" s="14" t="s">
        <v>596</v>
      </c>
      <c r="D130842" s="14" t="s">
        <v>14</v>
      </c>
      <c r="E130842" s="15">
        <v>45548</v>
      </c>
      <c r="F130842" s="14" t="s">
        <v>15</v>
      </c>
      <c r="G130842" s="16">
        <v>0</v>
      </c>
    </row>
    <row r="130843" spans="1:7" x14ac:dyDescent="0.3">
      <c r="A130843" s="13" t="s">
        <v>595</v>
      </c>
      <c r="B130843" s="14" t="s">
        <v>1</v>
      </c>
      <c r="C130843" s="14" t="s">
        <v>596</v>
      </c>
      <c r="D130843" s="14" t="s">
        <v>14</v>
      </c>
      <c r="E130843" s="15">
        <v>45549</v>
      </c>
      <c r="F130843" s="14" t="s">
        <v>15</v>
      </c>
      <c r="G130843" s="16">
        <v>0</v>
      </c>
    </row>
    <row r="130844" spans="1:7" x14ac:dyDescent="0.3">
      <c r="A130844" s="13" t="s">
        <v>595</v>
      </c>
      <c r="B130844" s="14" t="s">
        <v>1</v>
      </c>
      <c r="C130844" s="14" t="s">
        <v>596</v>
      </c>
      <c r="D130844" s="14" t="s">
        <v>14</v>
      </c>
      <c r="E130844" s="15">
        <v>45550</v>
      </c>
      <c r="F130844" s="14" t="s">
        <v>15</v>
      </c>
      <c r="G130844" s="16">
        <v>0</v>
      </c>
    </row>
    <row r="130845" spans="1:7" x14ac:dyDescent="0.3">
      <c r="A130845" s="13" t="s">
        <v>595</v>
      </c>
      <c r="B130845" s="14" t="s">
        <v>1</v>
      </c>
      <c r="C130845" s="14" t="s">
        <v>596</v>
      </c>
      <c r="D130845" s="14" t="s">
        <v>14</v>
      </c>
      <c r="E130845" s="15">
        <v>45551</v>
      </c>
      <c r="F130845" s="14" t="s">
        <v>15</v>
      </c>
      <c r="G130845" s="16">
        <v>0</v>
      </c>
    </row>
    <row r="130846" spans="1:7" x14ac:dyDescent="0.3">
      <c r="A130846" s="13" t="s">
        <v>595</v>
      </c>
      <c r="B130846" s="14" t="s">
        <v>1</v>
      </c>
      <c r="C130846" s="14" t="s">
        <v>596</v>
      </c>
      <c r="D130846" s="14" t="s">
        <v>14</v>
      </c>
      <c r="E130846" s="15">
        <v>45552</v>
      </c>
      <c r="F130846" s="14" t="s">
        <v>15</v>
      </c>
      <c r="G130846" s="16">
        <v>0</v>
      </c>
    </row>
    <row r="130847" spans="1:7" x14ac:dyDescent="0.3">
      <c r="A130847" s="13" t="s">
        <v>595</v>
      </c>
      <c r="B130847" s="14" t="s">
        <v>1</v>
      </c>
      <c r="C130847" s="14" t="s">
        <v>596</v>
      </c>
      <c r="D130847" s="14" t="s">
        <v>14</v>
      </c>
      <c r="E130847" s="15">
        <v>45553</v>
      </c>
      <c r="F130847" s="14" t="s">
        <v>15</v>
      </c>
      <c r="G130847" s="16">
        <v>0</v>
      </c>
    </row>
    <row r="130848" spans="1:7" x14ac:dyDescent="0.3">
      <c r="A130848" s="13" t="s">
        <v>595</v>
      </c>
      <c r="B130848" s="14" t="s">
        <v>1</v>
      </c>
      <c r="C130848" s="14" t="s">
        <v>596</v>
      </c>
      <c r="D130848" s="14" t="s">
        <v>14</v>
      </c>
      <c r="E130848" s="15">
        <v>45554</v>
      </c>
      <c r="F130848" s="14" t="s">
        <v>15</v>
      </c>
      <c r="G130848" s="16">
        <v>0</v>
      </c>
    </row>
    <row r="130849" spans="1:7" x14ac:dyDescent="0.3">
      <c r="A130849" s="13" t="s">
        <v>595</v>
      </c>
      <c r="B130849" s="14" t="s">
        <v>1</v>
      </c>
      <c r="C130849" s="14" t="s">
        <v>596</v>
      </c>
      <c r="D130849" s="14" t="s">
        <v>14</v>
      </c>
      <c r="E130849" s="15">
        <v>45555</v>
      </c>
      <c r="F130849" s="14" t="s">
        <v>15</v>
      </c>
      <c r="G130849" s="16">
        <v>0</v>
      </c>
    </row>
    <row r="130850" spans="1:7" x14ac:dyDescent="0.3">
      <c r="A130850" s="13" t="s">
        <v>595</v>
      </c>
      <c r="B130850" s="14" t="s">
        <v>1</v>
      </c>
      <c r="C130850" s="14" t="s">
        <v>596</v>
      </c>
      <c r="D130850" s="14" t="s">
        <v>14</v>
      </c>
      <c r="E130850" s="15">
        <v>45556</v>
      </c>
      <c r="F130850" s="14" t="s">
        <v>15</v>
      </c>
      <c r="G130850" s="16">
        <v>0</v>
      </c>
    </row>
    <row r="130851" spans="1:7" x14ac:dyDescent="0.3">
      <c r="A130851" s="13" t="s">
        <v>595</v>
      </c>
      <c r="B130851" s="14" t="s">
        <v>1</v>
      </c>
      <c r="C130851" s="14" t="s">
        <v>596</v>
      </c>
      <c r="D130851" s="14" t="s">
        <v>14</v>
      </c>
      <c r="E130851" s="15">
        <v>45557</v>
      </c>
      <c r="F130851" s="14" t="s">
        <v>15</v>
      </c>
      <c r="G130851" s="16">
        <v>0</v>
      </c>
    </row>
    <row r="130852" spans="1:7" x14ac:dyDescent="0.3">
      <c r="A130852" s="13" t="s">
        <v>595</v>
      </c>
      <c r="B130852" s="14" t="s">
        <v>1</v>
      </c>
      <c r="C130852" s="14" t="s">
        <v>596</v>
      </c>
      <c r="D130852" s="14" t="s">
        <v>14</v>
      </c>
      <c r="E130852" s="15">
        <v>45558</v>
      </c>
      <c r="F130852" s="14" t="s">
        <v>15</v>
      </c>
      <c r="G130852" s="16">
        <v>0</v>
      </c>
    </row>
    <row r="130853" spans="1:7" x14ac:dyDescent="0.3">
      <c r="A130853" s="13" t="s">
        <v>595</v>
      </c>
      <c r="B130853" s="14" t="s">
        <v>1</v>
      </c>
      <c r="C130853" s="14" t="s">
        <v>596</v>
      </c>
      <c r="D130853" s="14" t="s">
        <v>14</v>
      </c>
      <c r="E130853" s="15">
        <v>45559</v>
      </c>
      <c r="F130853" s="14" t="s">
        <v>15</v>
      </c>
      <c r="G130853" s="16">
        <v>0</v>
      </c>
    </row>
    <row r="130854" spans="1:7" x14ac:dyDescent="0.3">
      <c r="A130854" s="13" t="s">
        <v>595</v>
      </c>
      <c r="B130854" s="14" t="s">
        <v>1</v>
      </c>
      <c r="C130854" s="14" t="s">
        <v>596</v>
      </c>
      <c r="D130854" s="14" t="s">
        <v>14</v>
      </c>
      <c r="E130854" s="15">
        <v>45560</v>
      </c>
      <c r="F130854" s="14" t="s">
        <v>15</v>
      </c>
      <c r="G130854" s="16">
        <v>0</v>
      </c>
    </row>
    <row r="130855" spans="1:7" x14ac:dyDescent="0.3">
      <c r="A130855" s="13" t="s">
        <v>595</v>
      </c>
      <c r="B130855" s="14" t="s">
        <v>1</v>
      </c>
      <c r="C130855" s="14" t="s">
        <v>596</v>
      </c>
      <c r="D130855" s="14" t="s">
        <v>14</v>
      </c>
      <c r="E130855" s="15">
        <v>45561</v>
      </c>
      <c r="F130855" s="14" t="s">
        <v>15</v>
      </c>
      <c r="G130855" s="16">
        <v>0</v>
      </c>
    </row>
    <row r="130856" spans="1:7" x14ac:dyDescent="0.3">
      <c r="A130856" s="13" t="s">
        <v>595</v>
      </c>
      <c r="B130856" s="14" t="s">
        <v>1</v>
      </c>
      <c r="C130856" s="14" t="s">
        <v>596</v>
      </c>
      <c r="D130856" s="14" t="s">
        <v>14</v>
      </c>
      <c r="E130856" s="15">
        <v>45562</v>
      </c>
      <c r="F130856" s="14" t="s">
        <v>15</v>
      </c>
      <c r="G130856" s="16">
        <v>0</v>
      </c>
    </row>
    <row r="130857" spans="1:7" x14ac:dyDescent="0.3">
      <c r="A130857" s="13" t="s">
        <v>595</v>
      </c>
      <c r="B130857" s="14" t="s">
        <v>1</v>
      </c>
      <c r="C130857" s="14" t="s">
        <v>596</v>
      </c>
      <c r="D130857" s="14" t="s">
        <v>14</v>
      </c>
      <c r="E130857" s="15">
        <v>45563</v>
      </c>
      <c r="F130857" s="14" t="s">
        <v>15</v>
      </c>
      <c r="G130857" s="16">
        <v>0</v>
      </c>
    </row>
    <row r="130858" spans="1:7" x14ac:dyDescent="0.3">
      <c r="A130858" s="13" t="s">
        <v>595</v>
      </c>
      <c r="B130858" s="14" t="s">
        <v>1</v>
      </c>
      <c r="C130858" s="14" t="s">
        <v>596</v>
      </c>
      <c r="D130858" s="14" t="s">
        <v>14</v>
      </c>
      <c r="E130858" s="15">
        <v>45564</v>
      </c>
      <c r="F130858" s="14" t="s">
        <v>15</v>
      </c>
      <c r="G130858" s="16">
        <v>0</v>
      </c>
    </row>
    <row r="130859" spans="1:7" x14ac:dyDescent="0.3">
      <c r="A130859" s="13" t="s">
        <v>595</v>
      </c>
      <c r="B130859" s="14" t="s">
        <v>1</v>
      </c>
      <c r="C130859" s="14" t="s">
        <v>596</v>
      </c>
      <c r="D130859" s="14" t="s">
        <v>14</v>
      </c>
      <c r="E130859" s="15">
        <v>45565</v>
      </c>
      <c r="F130859" s="14" t="s">
        <v>15</v>
      </c>
      <c r="G130859" s="16">
        <v>0</v>
      </c>
    </row>
    <row r="130860" spans="1:7" x14ac:dyDescent="0.3">
      <c r="A130860" s="13" t="s">
        <v>595</v>
      </c>
      <c r="B130860" s="14" t="s">
        <v>1</v>
      </c>
      <c r="C130860" s="14" t="s">
        <v>596</v>
      </c>
      <c r="D130860" s="14" t="s">
        <v>14</v>
      </c>
      <c r="E130860" s="15">
        <v>45566</v>
      </c>
      <c r="F130860" s="14" t="s">
        <v>15</v>
      </c>
      <c r="G130860" s="16">
        <v>0</v>
      </c>
    </row>
    <row r="130861" spans="1:7" x14ac:dyDescent="0.3">
      <c r="A130861" s="13" t="s">
        <v>595</v>
      </c>
      <c r="B130861" s="14" t="s">
        <v>1</v>
      </c>
      <c r="C130861" s="14" t="s">
        <v>596</v>
      </c>
      <c r="D130861" s="14" t="s">
        <v>14</v>
      </c>
      <c r="E130861" s="15">
        <v>45567</v>
      </c>
      <c r="F130861" s="14" t="s">
        <v>15</v>
      </c>
      <c r="G130861" s="16">
        <v>0</v>
      </c>
    </row>
    <row r="130862" spans="1:7" x14ac:dyDescent="0.3">
      <c r="A130862" s="13" t="s">
        <v>595</v>
      </c>
      <c r="B130862" s="14" t="s">
        <v>1</v>
      </c>
      <c r="C130862" s="14" t="s">
        <v>596</v>
      </c>
      <c r="D130862" s="14" t="s">
        <v>14</v>
      </c>
      <c r="E130862" s="15">
        <v>45568</v>
      </c>
      <c r="F130862" s="14" t="s">
        <v>15</v>
      </c>
      <c r="G130862" s="16">
        <v>0</v>
      </c>
    </row>
    <row r="130863" spans="1:7" x14ac:dyDescent="0.3">
      <c r="A130863" s="13" t="s">
        <v>595</v>
      </c>
      <c r="B130863" s="14" t="s">
        <v>1</v>
      </c>
      <c r="C130863" s="14" t="s">
        <v>596</v>
      </c>
      <c r="D130863" s="14" t="s">
        <v>14</v>
      </c>
      <c r="E130863" s="15">
        <v>45569</v>
      </c>
      <c r="F130863" s="14" t="s">
        <v>15</v>
      </c>
      <c r="G130863" s="16">
        <v>0</v>
      </c>
    </row>
    <row r="130864" spans="1:7" x14ac:dyDescent="0.3">
      <c r="A130864" s="13" t="s">
        <v>595</v>
      </c>
      <c r="B130864" s="14" t="s">
        <v>1</v>
      </c>
      <c r="C130864" s="14" t="s">
        <v>596</v>
      </c>
      <c r="D130864" s="14" t="s">
        <v>14</v>
      </c>
      <c r="E130864" s="15">
        <v>45570</v>
      </c>
      <c r="F130864" s="14" t="s">
        <v>15</v>
      </c>
      <c r="G130864" s="16">
        <v>0</v>
      </c>
    </row>
    <row r="130865" spans="1:7" x14ac:dyDescent="0.3">
      <c r="A130865" s="13" t="s">
        <v>595</v>
      </c>
      <c r="B130865" s="14" t="s">
        <v>1</v>
      </c>
      <c r="C130865" s="14" t="s">
        <v>596</v>
      </c>
      <c r="D130865" s="14" t="s">
        <v>14</v>
      </c>
      <c r="E130865" s="15">
        <v>45571</v>
      </c>
      <c r="F130865" s="14" t="s">
        <v>15</v>
      </c>
      <c r="G130865" s="16">
        <v>0</v>
      </c>
    </row>
    <row r="130866" spans="1:7" x14ac:dyDescent="0.3">
      <c r="A130866" s="13" t="s">
        <v>595</v>
      </c>
      <c r="B130866" s="14" t="s">
        <v>1</v>
      </c>
      <c r="C130866" s="14" t="s">
        <v>596</v>
      </c>
      <c r="D130866" s="14" t="s">
        <v>14</v>
      </c>
      <c r="E130866" s="15">
        <v>45572</v>
      </c>
      <c r="F130866" s="14" t="s">
        <v>15</v>
      </c>
      <c r="G130866" s="16">
        <v>0</v>
      </c>
    </row>
    <row r="130867" spans="1:7" x14ac:dyDescent="0.3">
      <c r="A130867" s="13" t="s">
        <v>595</v>
      </c>
      <c r="B130867" s="14" t="s">
        <v>1</v>
      </c>
      <c r="C130867" s="14" t="s">
        <v>596</v>
      </c>
      <c r="D130867" s="14" t="s">
        <v>14</v>
      </c>
      <c r="E130867" s="15">
        <v>45573</v>
      </c>
      <c r="F130867" s="14" t="s">
        <v>15</v>
      </c>
      <c r="G130867" s="16">
        <v>0</v>
      </c>
    </row>
    <row r="130868" spans="1:7" x14ac:dyDescent="0.3">
      <c r="A130868" s="13" t="s">
        <v>595</v>
      </c>
      <c r="B130868" s="14" t="s">
        <v>1</v>
      </c>
      <c r="C130868" s="14" t="s">
        <v>596</v>
      </c>
      <c r="D130868" s="14" t="s">
        <v>14</v>
      </c>
      <c r="E130868" s="15">
        <v>45574</v>
      </c>
      <c r="F130868" s="14" t="s">
        <v>15</v>
      </c>
      <c r="G130868" s="16">
        <v>0</v>
      </c>
    </row>
    <row r="130869" spans="1:7" x14ac:dyDescent="0.3">
      <c r="A130869" s="13" t="s">
        <v>595</v>
      </c>
      <c r="B130869" s="14" t="s">
        <v>1</v>
      </c>
      <c r="C130869" s="14" t="s">
        <v>596</v>
      </c>
      <c r="D130869" s="14" t="s">
        <v>14</v>
      </c>
      <c r="E130869" s="15">
        <v>45575</v>
      </c>
      <c r="F130869" s="14" t="s">
        <v>15</v>
      </c>
      <c r="G130869" s="16">
        <v>0</v>
      </c>
    </row>
    <row r="130870" spans="1:7" x14ac:dyDescent="0.3">
      <c r="A130870" s="13" t="s">
        <v>595</v>
      </c>
      <c r="B130870" s="14" t="s">
        <v>1</v>
      </c>
      <c r="C130870" s="14" t="s">
        <v>596</v>
      </c>
      <c r="D130870" s="14" t="s">
        <v>14</v>
      </c>
      <c r="E130870" s="15">
        <v>45576</v>
      </c>
      <c r="F130870" s="14" t="s">
        <v>15</v>
      </c>
      <c r="G130870" s="16">
        <v>0</v>
      </c>
    </row>
    <row r="130871" spans="1:7" x14ac:dyDescent="0.3">
      <c r="A130871" s="13" t="s">
        <v>595</v>
      </c>
      <c r="B130871" s="14" t="s">
        <v>1</v>
      </c>
      <c r="C130871" s="14" t="s">
        <v>596</v>
      </c>
      <c r="D130871" s="14" t="s">
        <v>14</v>
      </c>
      <c r="E130871" s="15">
        <v>45577</v>
      </c>
      <c r="F130871" s="14" t="s">
        <v>15</v>
      </c>
      <c r="G130871" s="16">
        <v>0</v>
      </c>
    </row>
    <row r="130872" spans="1:7" x14ac:dyDescent="0.3">
      <c r="A130872" s="13" t="s">
        <v>595</v>
      </c>
      <c r="B130872" s="14" t="s">
        <v>1</v>
      </c>
      <c r="C130872" s="14" t="s">
        <v>596</v>
      </c>
      <c r="D130872" s="14" t="s">
        <v>14</v>
      </c>
      <c r="E130872" s="15">
        <v>45578</v>
      </c>
      <c r="F130872" s="14" t="s">
        <v>15</v>
      </c>
      <c r="G130872" s="16">
        <v>0</v>
      </c>
    </row>
    <row r="130873" spans="1:7" x14ac:dyDescent="0.3">
      <c r="A130873" s="13" t="s">
        <v>595</v>
      </c>
      <c r="B130873" s="14" t="s">
        <v>1</v>
      </c>
      <c r="C130873" s="14" t="s">
        <v>596</v>
      </c>
      <c r="D130873" s="14" t="s">
        <v>14</v>
      </c>
      <c r="E130873" s="15">
        <v>45579</v>
      </c>
      <c r="F130873" s="14" t="s">
        <v>15</v>
      </c>
      <c r="G130873" s="16">
        <v>0</v>
      </c>
    </row>
    <row r="130874" spans="1:7" x14ac:dyDescent="0.3">
      <c r="A130874" s="13" t="s">
        <v>595</v>
      </c>
      <c r="B130874" s="14" t="s">
        <v>1</v>
      </c>
      <c r="C130874" s="14" t="s">
        <v>596</v>
      </c>
      <c r="D130874" s="14" t="s">
        <v>14</v>
      </c>
      <c r="E130874" s="15">
        <v>45580</v>
      </c>
      <c r="F130874" s="14" t="s">
        <v>15</v>
      </c>
      <c r="G130874" s="16">
        <v>0</v>
      </c>
    </row>
    <row r="130875" spans="1:7" x14ac:dyDescent="0.3">
      <c r="A130875" s="13" t="s">
        <v>595</v>
      </c>
      <c r="B130875" s="14" t="s">
        <v>1</v>
      </c>
      <c r="C130875" s="14" t="s">
        <v>596</v>
      </c>
      <c r="D130875" s="14" t="s">
        <v>14</v>
      </c>
      <c r="E130875" s="15">
        <v>45581</v>
      </c>
      <c r="F130875" s="14" t="s">
        <v>15</v>
      </c>
      <c r="G130875" s="16">
        <v>0</v>
      </c>
    </row>
    <row r="130876" spans="1:7" x14ac:dyDescent="0.3">
      <c r="A130876" s="13" t="s">
        <v>595</v>
      </c>
      <c r="B130876" s="14" t="s">
        <v>1</v>
      </c>
      <c r="C130876" s="14" t="s">
        <v>596</v>
      </c>
      <c r="D130876" s="14" t="s">
        <v>14</v>
      </c>
      <c r="E130876" s="15">
        <v>45582</v>
      </c>
      <c r="F130876" s="14" t="s">
        <v>15</v>
      </c>
      <c r="G130876" s="16">
        <v>0</v>
      </c>
    </row>
    <row r="130877" spans="1:7" x14ac:dyDescent="0.3">
      <c r="A130877" s="13" t="s">
        <v>595</v>
      </c>
      <c r="B130877" s="14" t="s">
        <v>1</v>
      </c>
      <c r="C130877" s="14" t="s">
        <v>596</v>
      </c>
      <c r="D130877" s="14" t="s">
        <v>14</v>
      </c>
      <c r="E130877" s="15">
        <v>45583</v>
      </c>
      <c r="F130877" s="14" t="s">
        <v>15</v>
      </c>
      <c r="G130877" s="16">
        <v>0</v>
      </c>
    </row>
    <row r="130878" spans="1:7" x14ac:dyDescent="0.3">
      <c r="A130878" s="13" t="s">
        <v>595</v>
      </c>
      <c r="B130878" s="14" t="s">
        <v>1</v>
      </c>
      <c r="C130878" s="14" t="s">
        <v>596</v>
      </c>
      <c r="D130878" s="14" t="s">
        <v>14</v>
      </c>
      <c r="E130878" s="15">
        <v>45584</v>
      </c>
      <c r="F130878" s="14" t="s">
        <v>15</v>
      </c>
      <c r="G130878" s="16">
        <v>0</v>
      </c>
    </row>
    <row r="130879" spans="1:7" x14ac:dyDescent="0.3">
      <c r="A130879" s="13" t="s">
        <v>595</v>
      </c>
      <c r="B130879" s="14" t="s">
        <v>1</v>
      </c>
      <c r="C130879" s="14" t="s">
        <v>596</v>
      </c>
      <c r="D130879" s="14" t="s">
        <v>14</v>
      </c>
      <c r="E130879" s="15">
        <v>45585</v>
      </c>
      <c r="F130879" s="14" t="s">
        <v>15</v>
      </c>
      <c r="G130879" s="16">
        <v>0</v>
      </c>
    </row>
    <row r="130880" spans="1:7" x14ac:dyDescent="0.3">
      <c r="A130880" s="13" t="s">
        <v>595</v>
      </c>
      <c r="B130880" s="14" t="s">
        <v>1</v>
      </c>
      <c r="C130880" s="14" t="s">
        <v>596</v>
      </c>
      <c r="D130880" s="14" t="s">
        <v>14</v>
      </c>
      <c r="E130880" s="15">
        <v>45586</v>
      </c>
      <c r="F130880" s="14" t="s">
        <v>15</v>
      </c>
      <c r="G130880" s="16">
        <v>0</v>
      </c>
    </row>
    <row r="130881" spans="1:7" x14ac:dyDescent="0.3">
      <c r="A130881" s="13" t="s">
        <v>595</v>
      </c>
      <c r="B130881" s="14" t="s">
        <v>1</v>
      </c>
      <c r="C130881" s="14" t="s">
        <v>596</v>
      </c>
      <c r="D130881" s="14" t="s">
        <v>14</v>
      </c>
      <c r="E130881" s="15">
        <v>45587</v>
      </c>
      <c r="F130881" s="14" t="s">
        <v>15</v>
      </c>
      <c r="G130881" s="16">
        <v>0</v>
      </c>
    </row>
    <row r="130882" spans="1:7" x14ac:dyDescent="0.3">
      <c r="A130882" s="13" t="s">
        <v>595</v>
      </c>
      <c r="B130882" s="14" t="s">
        <v>1</v>
      </c>
      <c r="C130882" s="14" t="s">
        <v>596</v>
      </c>
      <c r="D130882" s="14" t="s">
        <v>14</v>
      </c>
      <c r="E130882" s="15">
        <v>45588</v>
      </c>
      <c r="F130882" s="14" t="s">
        <v>15</v>
      </c>
      <c r="G130882" s="16">
        <v>0</v>
      </c>
    </row>
    <row r="130883" spans="1:7" x14ac:dyDescent="0.3">
      <c r="A130883" s="13" t="s">
        <v>595</v>
      </c>
      <c r="B130883" s="14" t="s">
        <v>1</v>
      </c>
      <c r="C130883" s="14" t="s">
        <v>596</v>
      </c>
      <c r="D130883" s="14" t="s">
        <v>14</v>
      </c>
      <c r="E130883" s="15">
        <v>45589</v>
      </c>
      <c r="F130883" s="14" t="s">
        <v>15</v>
      </c>
      <c r="G130883" s="16">
        <v>0</v>
      </c>
    </row>
    <row r="130884" spans="1:7" x14ac:dyDescent="0.3">
      <c r="A130884" s="13" t="s">
        <v>595</v>
      </c>
      <c r="B130884" s="14" t="s">
        <v>1</v>
      </c>
      <c r="C130884" s="14" t="s">
        <v>596</v>
      </c>
      <c r="D130884" s="14" t="s">
        <v>14</v>
      </c>
      <c r="E130884" s="15">
        <v>45590</v>
      </c>
      <c r="F130884" s="14" t="s">
        <v>15</v>
      </c>
      <c r="G130884" s="16">
        <v>0</v>
      </c>
    </row>
    <row r="130885" spans="1:7" x14ac:dyDescent="0.3">
      <c r="A130885" s="13" t="s">
        <v>595</v>
      </c>
      <c r="B130885" s="14" t="s">
        <v>1</v>
      </c>
      <c r="C130885" s="14" t="s">
        <v>596</v>
      </c>
      <c r="D130885" s="14" t="s">
        <v>14</v>
      </c>
      <c r="E130885" s="15">
        <v>45591</v>
      </c>
      <c r="F130885" s="14" t="s">
        <v>15</v>
      </c>
      <c r="G130885" s="16">
        <v>0</v>
      </c>
    </row>
    <row r="130886" spans="1:7" x14ac:dyDescent="0.3">
      <c r="A130886" s="13" t="s">
        <v>595</v>
      </c>
      <c r="B130886" s="14" t="s">
        <v>1</v>
      </c>
      <c r="C130886" s="14" t="s">
        <v>596</v>
      </c>
      <c r="D130886" s="14" t="s">
        <v>14</v>
      </c>
      <c r="E130886" s="15">
        <v>45592</v>
      </c>
      <c r="F130886" s="14" t="s">
        <v>15</v>
      </c>
      <c r="G130886" s="16">
        <v>0</v>
      </c>
    </row>
    <row r="130887" spans="1:7" x14ac:dyDescent="0.3">
      <c r="A130887" s="13" t="s">
        <v>595</v>
      </c>
      <c r="B130887" s="14" t="s">
        <v>1</v>
      </c>
      <c r="C130887" s="14" t="s">
        <v>596</v>
      </c>
      <c r="D130887" s="14" t="s">
        <v>14</v>
      </c>
      <c r="E130887" s="15">
        <v>45593</v>
      </c>
      <c r="F130887" s="14" t="s">
        <v>15</v>
      </c>
      <c r="G130887" s="16">
        <v>0</v>
      </c>
    </row>
    <row r="130888" spans="1:7" x14ac:dyDescent="0.3">
      <c r="A130888" s="13" t="s">
        <v>595</v>
      </c>
      <c r="B130888" s="14" t="s">
        <v>1</v>
      </c>
      <c r="C130888" s="14" t="s">
        <v>596</v>
      </c>
      <c r="D130888" s="14" t="s">
        <v>14</v>
      </c>
      <c r="E130888" s="15">
        <v>45594</v>
      </c>
      <c r="F130888" s="14" t="s">
        <v>15</v>
      </c>
      <c r="G130888" s="16">
        <v>0</v>
      </c>
    </row>
    <row r="130889" spans="1:7" x14ac:dyDescent="0.3">
      <c r="A130889" s="13" t="s">
        <v>595</v>
      </c>
      <c r="B130889" s="14" t="s">
        <v>1</v>
      </c>
      <c r="C130889" s="14" t="s">
        <v>596</v>
      </c>
      <c r="D130889" s="14" t="s">
        <v>14</v>
      </c>
      <c r="E130889" s="15">
        <v>45595</v>
      </c>
      <c r="F130889" s="14" t="s">
        <v>15</v>
      </c>
      <c r="G130889" s="16">
        <v>0</v>
      </c>
    </row>
    <row r="130890" spans="1:7" x14ac:dyDescent="0.3">
      <c r="A130890" s="13" t="s">
        <v>595</v>
      </c>
      <c r="B130890" s="14" t="s">
        <v>1</v>
      </c>
      <c r="C130890" s="14" t="s">
        <v>596</v>
      </c>
      <c r="D130890" s="14" t="s">
        <v>14</v>
      </c>
      <c r="E130890" s="15">
        <v>45596</v>
      </c>
      <c r="F130890" s="14" t="s">
        <v>15</v>
      </c>
      <c r="G130890" s="16">
        <v>0</v>
      </c>
    </row>
    <row r="130891" spans="1:7" x14ac:dyDescent="0.3">
      <c r="A130891" s="13" t="s">
        <v>595</v>
      </c>
      <c r="B130891" s="14" t="s">
        <v>1</v>
      </c>
      <c r="C130891" s="14" t="s">
        <v>596</v>
      </c>
      <c r="D130891" s="14" t="s">
        <v>14</v>
      </c>
      <c r="E130891" s="15">
        <v>45597</v>
      </c>
      <c r="F130891" s="14" t="s">
        <v>15</v>
      </c>
      <c r="G130891" s="16">
        <v>0</v>
      </c>
    </row>
    <row r="130892" spans="1:7" x14ac:dyDescent="0.3">
      <c r="A130892" s="13" t="s">
        <v>595</v>
      </c>
      <c r="B130892" s="14" t="s">
        <v>1</v>
      </c>
      <c r="C130892" s="14" t="s">
        <v>596</v>
      </c>
      <c r="D130892" s="14" t="s">
        <v>14</v>
      </c>
      <c r="E130892" s="15">
        <v>45598</v>
      </c>
      <c r="F130892" s="14" t="s">
        <v>15</v>
      </c>
      <c r="G130892" s="16">
        <v>0</v>
      </c>
    </row>
    <row r="130893" spans="1:7" x14ac:dyDescent="0.3">
      <c r="A130893" s="13" t="s">
        <v>595</v>
      </c>
      <c r="B130893" s="14" t="s">
        <v>1</v>
      </c>
      <c r="C130893" s="14" t="s">
        <v>596</v>
      </c>
      <c r="D130893" s="14" t="s">
        <v>14</v>
      </c>
      <c r="E130893" s="15">
        <v>45599</v>
      </c>
      <c r="F130893" s="14" t="s">
        <v>15</v>
      </c>
      <c r="G130893" s="16">
        <v>0</v>
      </c>
    </row>
    <row r="130894" spans="1:7" x14ac:dyDescent="0.3">
      <c r="A130894" s="13" t="s">
        <v>595</v>
      </c>
      <c r="B130894" s="14" t="s">
        <v>1</v>
      </c>
      <c r="C130894" s="14" t="s">
        <v>596</v>
      </c>
      <c r="D130894" s="14" t="s">
        <v>14</v>
      </c>
      <c r="E130894" s="15">
        <v>45600</v>
      </c>
      <c r="F130894" s="14" t="s">
        <v>15</v>
      </c>
      <c r="G130894" s="16">
        <v>0</v>
      </c>
    </row>
    <row r="130895" spans="1:7" x14ac:dyDescent="0.3">
      <c r="A130895" s="13" t="s">
        <v>595</v>
      </c>
      <c r="B130895" s="14" t="s">
        <v>1</v>
      </c>
      <c r="C130895" s="14" t="s">
        <v>596</v>
      </c>
      <c r="D130895" s="14" t="s">
        <v>14</v>
      </c>
      <c r="E130895" s="15">
        <v>45601</v>
      </c>
      <c r="F130895" s="14" t="s">
        <v>15</v>
      </c>
      <c r="G130895" s="16">
        <v>0</v>
      </c>
    </row>
    <row r="130896" spans="1:7" x14ac:dyDescent="0.3">
      <c r="A130896" s="13" t="s">
        <v>595</v>
      </c>
      <c r="B130896" s="14" t="s">
        <v>1</v>
      </c>
      <c r="C130896" s="14" t="s">
        <v>596</v>
      </c>
      <c r="D130896" s="14" t="s">
        <v>14</v>
      </c>
      <c r="E130896" s="15">
        <v>45602</v>
      </c>
      <c r="F130896" s="14" t="s">
        <v>15</v>
      </c>
      <c r="G130896" s="16">
        <v>0</v>
      </c>
    </row>
    <row r="130897" spans="1:7" x14ac:dyDescent="0.3">
      <c r="A130897" s="13" t="s">
        <v>595</v>
      </c>
      <c r="B130897" s="14" t="s">
        <v>1</v>
      </c>
      <c r="C130897" s="14" t="s">
        <v>596</v>
      </c>
      <c r="D130897" s="14" t="s">
        <v>14</v>
      </c>
      <c r="E130897" s="15">
        <v>45603</v>
      </c>
      <c r="F130897" s="14" t="s">
        <v>15</v>
      </c>
      <c r="G130897" s="16">
        <v>0</v>
      </c>
    </row>
    <row r="130898" spans="1:7" x14ac:dyDescent="0.3">
      <c r="A130898" s="13" t="s">
        <v>595</v>
      </c>
      <c r="B130898" s="14" t="s">
        <v>1</v>
      </c>
      <c r="C130898" s="14" t="s">
        <v>596</v>
      </c>
      <c r="D130898" s="14" t="s">
        <v>14</v>
      </c>
      <c r="E130898" s="15">
        <v>45604</v>
      </c>
      <c r="F130898" s="14" t="s">
        <v>15</v>
      </c>
      <c r="G130898" s="16">
        <v>0</v>
      </c>
    </row>
    <row r="130899" spans="1:7" x14ac:dyDescent="0.3">
      <c r="A130899" s="13" t="s">
        <v>595</v>
      </c>
      <c r="B130899" s="14" t="s">
        <v>1</v>
      </c>
      <c r="C130899" s="14" t="s">
        <v>596</v>
      </c>
      <c r="D130899" s="14" t="s">
        <v>14</v>
      </c>
      <c r="E130899" s="15">
        <v>45605</v>
      </c>
      <c r="F130899" s="14" t="s">
        <v>15</v>
      </c>
      <c r="G130899" s="16">
        <v>0</v>
      </c>
    </row>
    <row r="130900" spans="1:7" x14ac:dyDescent="0.3">
      <c r="A130900" s="13" t="s">
        <v>595</v>
      </c>
      <c r="B130900" s="14" t="s">
        <v>1</v>
      </c>
      <c r="C130900" s="14" t="s">
        <v>596</v>
      </c>
      <c r="D130900" s="14" t="s">
        <v>14</v>
      </c>
      <c r="E130900" s="15">
        <v>45606</v>
      </c>
      <c r="F130900" s="14" t="s">
        <v>15</v>
      </c>
      <c r="G130900" s="16">
        <v>0</v>
      </c>
    </row>
    <row r="130901" spans="1:7" x14ac:dyDescent="0.3">
      <c r="A130901" s="13" t="s">
        <v>595</v>
      </c>
      <c r="B130901" s="14" t="s">
        <v>1</v>
      </c>
      <c r="C130901" s="14" t="s">
        <v>596</v>
      </c>
      <c r="D130901" s="14" t="s">
        <v>14</v>
      </c>
      <c r="E130901" s="15">
        <v>45607</v>
      </c>
      <c r="F130901" s="14" t="s">
        <v>15</v>
      </c>
      <c r="G130901" s="16">
        <v>0</v>
      </c>
    </row>
    <row r="130902" spans="1:7" x14ac:dyDescent="0.3">
      <c r="A130902" s="13" t="s">
        <v>595</v>
      </c>
      <c r="B130902" s="14" t="s">
        <v>1</v>
      </c>
      <c r="C130902" s="14" t="s">
        <v>596</v>
      </c>
      <c r="D130902" s="14" t="s">
        <v>14</v>
      </c>
      <c r="E130902" s="15">
        <v>45608</v>
      </c>
      <c r="F130902" s="14" t="s">
        <v>15</v>
      </c>
      <c r="G130902" s="16">
        <v>0</v>
      </c>
    </row>
    <row r="130903" spans="1:7" x14ac:dyDescent="0.3">
      <c r="A130903" s="13" t="s">
        <v>595</v>
      </c>
      <c r="B130903" s="14" t="s">
        <v>1</v>
      </c>
      <c r="C130903" s="14" t="s">
        <v>596</v>
      </c>
      <c r="D130903" s="14" t="s">
        <v>14</v>
      </c>
      <c r="E130903" s="15">
        <v>45609</v>
      </c>
      <c r="F130903" s="14" t="s">
        <v>15</v>
      </c>
      <c r="G130903" s="16">
        <v>0</v>
      </c>
    </row>
    <row r="130904" spans="1:7" x14ac:dyDescent="0.3">
      <c r="A130904" s="13" t="s">
        <v>595</v>
      </c>
      <c r="B130904" s="14" t="s">
        <v>1</v>
      </c>
      <c r="C130904" s="14" t="s">
        <v>596</v>
      </c>
      <c r="D130904" s="14" t="s">
        <v>14</v>
      </c>
      <c r="E130904" s="15">
        <v>45610</v>
      </c>
      <c r="F130904" s="14" t="s">
        <v>15</v>
      </c>
      <c r="G130904" s="16">
        <v>0</v>
      </c>
    </row>
    <row r="130905" spans="1:7" x14ac:dyDescent="0.3">
      <c r="A130905" s="13" t="s">
        <v>595</v>
      </c>
      <c r="B130905" s="14" t="s">
        <v>1</v>
      </c>
      <c r="C130905" s="14" t="s">
        <v>596</v>
      </c>
      <c r="D130905" s="14" t="s">
        <v>14</v>
      </c>
      <c r="E130905" s="15">
        <v>45611</v>
      </c>
      <c r="F130905" s="14" t="s">
        <v>15</v>
      </c>
      <c r="G130905" s="16">
        <v>0</v>
      </c>
    </row>
    <row r="130906" spans="1:7" x14ac:dyDescent="0.3">
      <c r="A130906" s="13" t="s">
        <v>595</v>
      </c>
      <c r="B130906" s="14" t="s">
        <v>1</v>
      </c>
      <c r="C130906" s="14" t="s">
        <v>596</v>
      </c>
      <c r="D130906" s="14" t="s">
        <v>14</v>
      </c>
      <c r="E130906" s="15">
        <v>45612</v>
      </c>
      <c r="F130906" s="14" t="s">
        <v>15</v>
      </c>
      <c r="G130906" s="16">
        <v>0</v>
      </c>
    </row>
    <row r="130907" spans="1:7" x14ac:dyDescent="0.3">
      <c r="A130907" s="13" t="s">
        <v>595</v>
      </c>
      <c r="B130907" s="14" t="s">
        <v>1</v>
      </c>
      <c r="C130907" s="14" t="s">
        <v>596</v>
      </c>
      <c r="D130907" s="14" t="s">
        <v>14</v>
      </c>
      <c r="E130907" s="15">
        <v>45613</v>
      </c>
      <c r="F130907" s="14" t="s">
        <v>15</v>
      </c>
      <c r="G130907" s="16">
        <v>0</v>
      </c>
    </row>
    <row r="130908" spans="1:7" x14ac:dyDescent="0.3">
      <c r="A130908" s="13" t="s">
        <v>595</v>
      </c>
      <c r="B130908" s="14" t="s">
        <v>1</v>
      </c>
      <c r="C130908" s="14" t="s">
        <v>596</v>
      </c>
      <c r="D130908" s="14" t="s">
        <v>14</v>
      </c>
      <c r="E130908" s="15">
        <v>45614</v>
      </c>
      <c r="F130908" s="14" t="s">
        <v>15</v>
      </c>
      <c r="G130908" s="16">
        <v>0</v>
      </c>
    </row>
    <row r="130909" spans="1:7" x14ac:dyDescent="0.3">
      <c r="A130909" s="13" t="s">
        <v>595</v>
      </c>
      <c r="B130909" s="14" t="s">
        <v>1</v>
      </c>
      <c r="C130909" s="14" t="s">
        <v>596</v>
      </c>
      <c r="D130909" s="14" t="s">
        <v>14</v>
      </c>
      <c r="E130909" s="15">
        <v>45615</v>
      </c>
      <c r="F130909" s="14" t="s">
        <v>15</v>
      </c>
      <c r="G130909" s="16">
        <v>0</v>
      </c>
    </row>
    <row r="130910" spans="1:7" x14ac:dyDescent="0.3">
      <c r="A130910" s="13" t="s">
        <v>595</v>
      </c>
      <c r="B130910" s="14" t="s">
        <v>1</v>
      </c>
      <c r="C130910" s="14" t="s">
        <v>596</v>
      </c>
      <c r="D130910" s="14" t="s">
        <v>14</v>
      </c>
      <c r="E130910" s="15">
        <v>45616</v>
      </c>
      <c r="F130910" s="14" t="s">
        <v>15</v>
      </c>
      <c r="G130910" s="16">
        <v>0</v>
      </c>
    </row>
    <row r="130911" spans="1:7" x14ac:dyDescent="0.3">
      <c r="A130911" s="13" t="s">
        <v>595</v>
      </c>
      <c r="B130911" s="14" t="s">
        <v>1</v>
      </c>
      <c r="C130911" s="14" t="s">
        <v>596</v>
      </c>
      <c r="D130911" s="14" t="s">
        <v>14</v>
      </c>
      <c r="E130911" s="15">
        <v>45617</v>
      </c>
      <c r="F130911" s="14" t="s">
        <v>15</v>
      </c>
      <c r="G130911" s="16">
        <v>0</v>
      </c>
    </row>
    <row r="130912" spans="1:7" x14ac:dyDescent="0.3">
      <c r="A130912" s="13" t="s">
        <v>595</v>
      </c>
      <c r="B130912" s="14" t="s">
        <v>1</v>
      </c>
      <c r="C130912" s="14" t="s">
        <v>596</v>
      </c>
      <c r="D130912" s="14" t="s">
        <v>14</v>
      </c>
      <c r="E130912" s="15">
        <v>45618</v>
      </c>
      <c r="F130912" s="14" t="s">
        <v>15</v>
      </c>
      <c r="G130912" s="16">
        <v>0</v>
      </c>
    </row>
    <row r="130913" spans="1:7" x14ac:dyDescent="0.3">
      <c r="A130913" s="13" t="s">
        <v>595</v>
      </c>
      <c r="B130913" s="14" t="s">
        <v>1</v>
      </c>
      <c r="C130913" s="14" t="s">
        <v>596</v>
      </c>
      <c r="D130913" s="14" t="s">
        <v>14</v>
      </c>
      <c r="E130913" s="15">
        <v>45619</v>
      </c>
      <c r="F130913" s="14" t="s">
        <v>15</v>
      </c>
      <c r="G130913" s="16">
        <v>0</v>
      </c>
    </row>
    <row r="130914" spans="1:7" x14ac:dyDescent="0.3">
      <c r="A130914" s="13" t="s">
        <v>595</v>
      </c>
      <c r="B130914" s="14" t="s">
        <v>1</v>
      </c>
      <c r="C130914" s="14" t="s">
        <v>596</v>
      </c>
      <c r="D130914" s="14" t="s">
        <v>14</v>
      </c>
      <c r="E130914" s="15">
        <v>45620</v>
      </c>
      <c r="F130914" s="14" t="s">
        <v>15</v>
      </c>
      <c r="G130914" s="16">
        <v>0</v>
      </c>
    </row>
    <row r="130915" spans="1:7" x14ac:dyDescent="0.3">
      <c r="A130915" s="13" t="s">
        <v>595</v>
      </c>
      <c r="B130915" s="14" t="s">
        <v>1</v>
      </c>
      <c r="C130915" s="14" t="s">
        <v>596</v>
      </c>
      <c r="D130915" s="14" t="s">
        <v>14</v>
      </c>
      <c r="E130915" s="15">
        <v>45621</v>
      </c>
      <c r="F130915" s="14" t="s">
        <v>15</v>
      </c>
      <c r="G130915" s="16">
        <v>0</v>
      </c>
    </row>
    <row r="130916" spans="1:7" x14ac:dyDescent="0.3">
      <c r="A130916" s="13" t="s">
        <v>595</v>
      </c>
      <c r="B130916" s="14" t="s">
        <v>1</v>
      </c>
      <c r="C130916" s="14" t="s">
        <v>596</v>
      </c>
      <c r="D130916" s="14" t="s">
        <v>14</v>
      </c>
      <c r="E130916" s="15">
        <v>45622</v>
      </c>
      <c r="F130916" s="14" t="s">
        <v>15</v>
      </c>
      <c r="G130916" s="16">
        <v>0</v>
      </c>
    </row>
    <row r="130917" spans="1:7" x14ac:dyDescent="0.3">
      <c r="A130917" s="13" t="s">
        <v>595</v>
      </c>
      <c r="B130917" s="14" t="s">
        <v>1</v>
      </c>
      <c r="C130917" s="14" t="s">
        <v>596</v>
      </c>
      <c r="D130917" s="14" t="s">
        <v>14</v>
      </c>
      <c r="E130917" s="15">
        <v>45623</v>
      </c>
      <c r="F130917" s="14" t="s">
        <v>15</v>
      </c>
      <c r="G130917" s="16">
        <v>0</v>
      </c>
    </row>
    <row r="130918" spans="1:7" x14ac:dyDescent="0.3">
      <c r="A130918" s="13" t="s">
        <v>595</v>
      </c>
      <c r="B130918" s="14" t="s">
        <v>1</v>
      </c>
      <c r="C130918" s="14" t="s">
        <v>596</v>
      </c>
      <c r="D130918" s="14" t="s">
        <v>14</v>
      </c>
      <c r="E130918" s="15">
        <v>45624</v>
      </c>
      <c r="F130918" s="14" t="s">
        <v>15</v>
      </c>
      <c r="G130918" s="16">
        <v>0</v>
      </c>
    </row>
    <row r="130919" spans="1:7" x14ac:dyDescent="0.3">
      <c r="A130919" s="13" t="s">
        <v>595</v>
      </c>
      <c r="B130919" s="14" t="s">
        <v>1</v>
      </c>
      <c r="C130919" s="14" t="s">
        <v>596</v>
      </c>
      <c r="D130919" s="14" t="s">
        <v>14</v>
      </c>
      <c r="E130919" s="15">
        <v>45625</v>
      </c>
      <c r="F130919" s="14" t="s">
        <v>15</v>
      </c>
      <c r="G130919" s="16">
        <v>0</v>
      </c>
    </row>
    <row r="130920" spans="1:7" x14ac:dyDescent="0.3">
      <c r="A130920" s="13" t="s">
        <v>595</v>
      </c>
      <c r="B130920" s="14" t="s">
        <v>1</v>
      </c>
      <c r="C130920" s="14" t="s">
        <v>596</v>
      </c>
      <c r="D130920" s="14" t="s">
        <v>14</v>
      </c>
      <c r="E130920" s="15">
        <v>45626</v>
      </c>
      <c r="F130920" s="14" t="s">
        <v>15</v>
      </c>
      <c r="G130920" s="16">
        <v>0</v>
      </c>
    </row>
    <row r="130921" spans="1:7" x14ac:dyDescent="0.3">
      <c r="A130921" s="13" t="s">
        <v>595</v>
      </c>
      <c r="B130921" s="14" t="s">
        <v>1</v>
      </c>
      <c r="C130921" s="14" t="s">
        <v>596</v>
      </c>
      <c r="D130921" s="14" t="s">
        <v>14</v>
      </c>
      <c r="E130921" s="15">
        <v>45627</v>
      </c>
      <c r="F130921" s="14" t="s">
        <v>15</v>
      </c>
      <c r="G130921" s="16">
        <v>0</v>
      </c>
    </row>
    <row r="130922" spans="1:7" x14ac:dyDescent="0.3">
      <c r="A130922" s="13" t="s">
        <v>595</v>
      </c>
      <c r="B130922" s="14" t="s">
        <v>1</v>
      </c>
      <c r="C130922" s="14" t="s">
        <v>596</v>
      </c>
      <c r="D130922" s="14" t="s">
        <v>14</v>
      </c>
      <c r="E130922" s="15">
        <v>45628</v>
      </c>
      <c r="F130922" s="14" t="s">
        <v>15</v>
      </c>
      <c r="G130922" s="16">
        <v>0</v>
      </c>
    </row>
    <row r="130923" spans="1:7" x14ac:dyDescent="0.3">
      <c r="A130923" s="13" t="s">
        <v>595</v>
      </c>
      <c r="B130923" s="14" t="s">
        <v>1</v>
      </c>
      <c r="C130923" s="14" t="s">
        <v>596</v>
      </c>
      <c r="D130923" s="14" t="s">
        <v>14</v>
      </c>
      <c r="E130923" s="15">
        <v>45629</v>
      </c>
      <c r="F130923" s="14" t="s">
        <v>15</v>
      </c>
      <c r="G130923" s="16">
        <v>0</v>
      </c>
    </row>
    <row r="130924" spans="1:7" x14ac:dyDescent="0.3">
      <c r="A130924" s="13" t="s">
        <v>595</v>
      </c>
      <c r="B130924" s="14" t="s">
        <v>1</v>
      </c>
      <c r="C130924" s="14" t="s">
        <v>596</v>
      </c>
      <c r="D130924" s="14" t="s">
        <v>14</v>
      </c>
      <c r="E130924" s="15">
        <v>45630</v>
      </c>
      <c r="F130924" s="14" t="s">
        <v>15</v>
      </c>
      <c r="G130924" s="16">
        <v>0</v>
      </c>
    </row>
    <row r="130925" spans="1:7" x14ac:dyDescent="0.3">
      <c r="A130925" s="13" t="s">
        <v>595</v>
      </c>
      <c r="B130925" s="14" t="s">
        <v>1</v>
      </c>
      <c r="C130925" s="14" t="s">
        <v>596</v>
      </c>
      <c r="D130925" s="14" t="s">
        <v>14</v>
      </c>
      <c r="E130925" s="15">
        <v>45631</v>
      </c>
      <c r="F130925" s="14" t="s">
        <v>15</v>
      </c>
      <c r="G130925" s="16">
        <v>0</v>
      </c>
    </row>
    <row r="130926" spans="1:7" x14ac:dyDescent="0.3">
      <c r="A130926" s="13" t="s">
        <v>595</v>
      </c>
      <c r="B130926" s="14" t="s">
        <v>1</v>
      </c>
      <c r="C130926" s="14" t="s">
        <v>596</v>
      </c>
      <c r="D130926" s="14" t="s">
        <v>14</v>
      </c>
      <c r="E130926" s="15">
        <v>45632</v>
      </c>
      <c r="F130926" s="14" t="s">
        <v>15</v>
      </c>
      <c r="G130926" s="16">
        <v>0</v>
      </c>
    </row>
    <row r="130927" spans="1:7" x14ac:dyDescent="0.3">
      <c r="A130927" s="13" t="s">
        <v>595</v>
      </c>
      <c r="B130927" s="14" t="s">
        <v>1</v>
      </c>
      <c r="C130927" s="14" t="s">
        <v>596</v>
      </c>
      <c r="D130927" s="14" t="s">
        <v>14</v>
      </c>
      <c r="E130927" s="15">
        <v>45633</v>
      </c>
      <c r="F130927" s="14" t="s">
        <v>15</v>
      </c>
      <c r="G130927" s="16">
        <v>0</v>
      </c>
    </row>
    <row r="130928" spans="1:7" x14ac:dyDescent="0.3">
      <c r="A130928" s="13" t="s">
        <v>595</v>
      </c>
      <c r="B130928" s="14" t="s">
        <v>1</v>
      </c>
      <c r="C130928" s="14" t="s">
        <v>596</v>
      </c>
      <c r="D130928" s="14" t="s">
        <v>14</v>
      </c>
      <c r="E130928" s="15">
        <v>45634</v>
      </c>
      <c r="F130928" s="14" t="s">
        <v>15</v>
      </c>
      <c r="G130928" s="16">
        <v>0</v>
      </c>
    </row>
    <row r="130929" spans="1:7" x14ac:dyDescent="0.3">
      <c r="A130929" s="13" t="s">
        <v>595</v>
      </c>
      <c r="B130929" s="14" t="s">
        <v>1</v>
      </c>
      <c r="C130929" s="14" t="s">
        <v>596</v>
      </c>
      <c r="D130929" s="14" t="s">
        <v>14</v>
      </c>
      <c r="E130929" s="15">
        <v>45635</v>
      </c>
      <c r="F130929" s="14" t="s">
        <v>15</v>
      </c>
      <c r="G130929" s="16">
        <v>0</v>
      </c>
    </row>
    <row r="130930" spans="1:7" x14ac:dyDescent="0.3">
      <c r="A130930" s="13" t="s">
        <v>595</v>
      </c>
      <c r="B130930" s="14" t="s">
        <v>1</v>
      </c>
      <c r="C130930" s="14" t="s">
        <v>596</v>
      </c>
      <c r="D130930" s="14" t="s">
        <v>14</v>
      </c>
      <c r="E130930" s="15">
        <v>45636</v>
      </c>
      <c r="F130930" s="14" t="s">
        <v>15</v>
      </c>
      <c r="G130930" s="16">
        <v>0</v>
      </c>
    </row>
    <row r="130931" spans="1:7" x14ac:dyDescent="0.3">
      <c r="A130931" s="13" t="s">
        <v>595</v>
      </c>
      <c r="B130931" s="14" t="s">
        <v>1</v>
      </c>
      <c r="C130931" s="14" t="s">
        <v>596</v>
      </c>
      <c r="D130931" s="14" t="s">
        <v>14</v>
      </c>
      <c r="E130931" s="15">
        <v>45637</v>
      </c>
      <c r="F130931" s="14" t="s">
        <v>15</v>
      </c>
      <c r="G130931" s="16">
        <v>0</v>
      </c>
    </row>
    <row r="130932" spans="1:7" x14ac:dyDescent="0.3">
      <c r="A130932" s="13" t="s">
        <v>595</v>
      </c>
      <c r="B130932" s="14" t="s">
        <v>1</v>
      </c>
      <c r="C130932" s="14" t="s">
        <v>596</v>
      </c>
      <c r="D130932" s="14" t="s">
        <v>14</v>
      </c>
      <c r="E130932" s="15">
        <v>45638</v>
      </c>
      <c r="F130932" s="14" t="s">
        <v>15</v>
      </c>
      <c r="G130932" s="16">
        <v>0</v>
      </c>
    </row>
    <row r="130933" spans="1:7" x14ac:dyDescent="0.3">
      <c r="A130933" s="13" t="s">
        <v>595</v>
      </c>
      <c r="B130933" s="14" t="s">
        <v>1</v>
      </c>
      <c r="C130933" s="14" t="s">
        <v>596</v>
      </c>
      <c r="D130933" s="14" t="s">
        <v>14</v>
      </c>
      <c r="E130933" s="15">
        <v>45639</v>
      </c>
      <c r="F130933" s="14" t="s">
        <v>15</v>
      </c>
      <c r="G130933" s="16">
        <v>0</v>
      </c>
    </row>
    <row r="130934" spans="1:7" x14ac:dyDescent="0.3">
      <c r="A130934" s="13" t="s">
        <v>595</v>
      </c>
      <c r="B130934" s="14" t="s">
        <v>1</v>
      </c>
      <c r="C130934" s="14" t="s">
        <v>596</v>
      </c>
      <c r="D130934" s="14" t="s">
        <v>14</v>
      </c>
      <c r="E130934" s="15">
        <v>45640</v>
      </c>
      <c r="F130934" s="14" t="s">
        <v>15</v>
      </c>
      <c r="G130934" s="16">
        <v>0</v>
      </c>
    </row>
    <row r="130935" spans="1:7" x14ac:dyDescent="0.3">
      <c r="A130935" s="13" t="s">
        <v>595</v>
      </c>
      <c r="B130935" s="14" t="s">
        <v>1</v>
      </c>
      <c r="C130935" s="14" t="s">
        <v>596</v>
      </c>
      <c r="D130935" s="14" t="s">
        <v>14</v>
      </c>
      <c r="E130935" s="15">
        <v>45641</v>
      </c>
      <c r="F130935" s="14" t="s">
        <v>15</v>
      </c>
      <c r="G130935" s="16">
        <v>0</v>
      </c>
    </row>
    <row r="130936" spans="1:7" x14ac:dyDescent="0.3">
      <c r="A130936" s="13" t="s">
        <v>595</v>
      </c>
      <c r="B130936" s="14" t="s">
        <v>1</v>
      </c>
      <c r="C130936" s="14" t="s">
        <v>596</v>
      </c>
      <c r="D130936" s="14" t="s">
        <v>14</v>
      </c>
      <c r="E130936" s="15">
        <v>45642</v>
      </c>
      <c r="F130936" s="14" t="s">
        <v>15</v>
      </c>
      <c r="G130936" s="16">
        <v>0</v>
      </c>
    </row>
    <row r="130937" spans="1:7" x14ac:dyDescent="0.3">
      <c r="A130937" s="13" t="s">
        <v>595</v>
      </c>
      <c r="B130937" s="14" t="s">
        <v>1</v>
      </c>
      <c r="C130937" s="14" t="s">
        <v>596</v>
      </c>
      <c r="D130937" s="14" t="s">
        <v>14</v>
      </c>
      <c r="E130937" s="15">
        <v>45643</v>
      </c>
      <c r="F130937" s="14" t="s">
        <v>15</v>
      </c>
      <c r="G130937" s="16">
        <v>0</v>
      </c>
    </row>
    <row r="130938" spans="1:7" x14ac:dyDescent="0.3">
      <c r="A130938" s="13" t="s">
        <v>595</v>
      </c>
      <c r="B130938" s="14" t="s">
        <v>1</v>
      </c>
      <c r="C130938" s="14" t="s">
        <v>596</v>
      </c>
      <c r="D130938" s="14" t="s">
        <v>14</v>
      </c>
      <c r="E130938" s="15">
        <v>45644</v>
      </c>
      <c r="F130938" s="14" t="s">
        <v>15</v>
      </c>
      <c r="G130938" s="16">
        <v>0</v>
      </c>
    </row>
    <row r="130939" spans="1:7" x14ac:dyDescent="0.3">
      <c r="A130939" s="13" t="s">
        <v>595</v>
      </c>
      <c r="B130939" s="14" t="s">
        <v>1</v>
      </c>
      <c r="C130939" s="14" t="s">
        <v>596</v>
      </c>
      <c r="D130939" s="14" t="s">
        <v>14</v>
      </c>
      <c r="E130939" s="15">
        <v>45645</v>
      </c>
      <c r="F130939" s="14" t="s">
        <v>15</v>
      </c>
      <c r="G130939" s="16">
        <v>0</v>
      </c>
    </row>
    <row r="130940" spans="1:7" x14ac:dyDescent="0.3">
      <c r="A130940" s="13" t="s">
        <v>595</v>
      </c>
      <c r="B130940" s="14" t="s">
        <v>1</v>
      </c>
      <c r="C130940" s="14" t="s">
        <v>596</v>
      </c>
      <c r="D130940" s="14" t="s">
        <v>14</v>
      </c>
      <c r="E130940" s="15">
        <v>45646</v>
      </c>
      <c r="F130940" s="14" t="s">
        <v>15</v>
      </c>
      <c r="G130940" s="16">
        <v>0</v>
      </c>
    </row>
    <row r="130941" spans="1:7" x14ac:dyDescent="0.3">
      <c r="A130941" s="13" t="s">
        <v>595</v>
      </c>
      <c r="B130941" s="14" t="s">
        <v>1</v>
      </c>
      <c r="C130941" s="14" t="s">
        <v>596</v>
      </c>
      <c r="D130941" s="14" t="s">
        <v>14</v>
      </c>
      <c r="E130941" s="15">
        <v>45647</v>
      </c>
      <c r="F130941" s="14" t="s">
        <v>15</v>
      </c>
      <c r="G130941" s="16">
        <v>0</v>
      </c>
    </row>
    <row r="130942" spans="1:7" x14ac:dyDescent="0.3">
      <c r="A130942" s="13" t="s">
        <v>595</v>
      </c>
      <c r="B130942" s="14" t="s">
        <v>1</v>
      </c>
      <c r="C130942" s="14" t="s">
        <v>596</v>
      </c>
      <c r="D130942" s="14" t="s">
        <v>14</v>
      </c>
      <c r="E130942" s="15">
        <v>45648</v>
      </c>
      <c r="F130942" s="14" t="s">
        <v>15</v>
      </c>
      <c r="G130942" s="16">
        <v>0</v>
      </c>
    </row>
    <row r="130943" spans="1:7" x14ac:dyDescent="0.3">
      <c r="A130943" s="13" t="s">
        <v>595</v>
      </c>
      <c r="B130943" s="14" t="s">
        <v>1</v>
      </c>
      <c r="C130943" s="14" t="s">
        <v>596</v>
      </c>
      <c r="D130943" s="14" t="s">
        <v>14</v>
      </c>
      <c r="E130943" s="15">
        <v>45649</v>
      </c>
      <c r="F130943" s="14" t="s">
        <v>15</v>
      </c>
      <c r="G130943" s="16">
        <v>0</v>
      </c>
    </row>
    <row r="130944" spans="1:7" x14ac:dyDescent="0.3">
      <c r="A130944" s="13" t="s">
        <v>595</v>
      </c>
      <c r="B130944" s="14" t="s">
        <v>1</v>
      </c>
      <c r="C130944" s="14" t="s">
        <v>596</v>
      </c>
      <c r="D130944" s="14" t="s">
        <v>14</v>
      </c>
      <c r="E130944" s="15">
        <v>45650</v>
      </c>
      <c r="F130944" s="14" t="s">
        <v>15</v>
      </c>
      <c r="G130944" s="16">
        <v>0</v>
      </c>
    </row>
    <row r="130945" spans="1:7" x14ac:dyDescent="0.3">
      <c r="A130945" s="13" t="s">
        <v>595</v>
      </c>
      <c r="B130945" s="14" t="s">
        <v>1</v>
      </c>
      <c r="C130945" s="14" t="s">
        <v>596</v>
      </c>
      <c r="D130945" s="14" t="s">
        <v>14</v>
      </c>
      <c r="E130945" s="15">
        <v>45651</v>
      </c>
      <c r="F130945" s="14" t="s">
        <v>15</v>
      </c>
      <c r="G130945" s="16">
        <v>0</v>
      </c>
    </row>
    <row r="130946" spans="1:7" x14ac:dyDescent="0.3">
      <c r="A130946" s="13" t="s">
        <v>595</v>
      </c>
      <c r="B130946" s="14" t="s">
        <v>1</v>
      </c>
      <c r="C130946" s="14" t="s">
        <v>596</v>
      </c>
      <c r="D130946" s="14" t="s">
        <v>14</v>
      </c>
      <c r="E130946" s="15">
        <v>45652</v>
      </c>
      <c r="F130946" s="14" t="s">
        <v>15</v>
      </c>
      <c r="G130946" s="16">
        <v>0</v>
      </c>
    </row>
    <row r="130947" spans="1:7" x14ac:dyDescent="0.3">
      <c r="A130947" s="13" t="s">
        <v>595</v>
      </c>
      <c r="B130947" s="14" t="s">
        <v>1</v>
      </c>
      <c r="C130947" s="14" t="s">
        <v>596</v>
      </c>
      <c r="D130947" s="14" t="s">
        <v>14</v>
      </c>
      <c r="E130947" s="15">
        <v>45653</v>
      </c>
      <c r="F130947" s="14" t="s">
        <v>15</v>
      </c>
      <c r="G130947" s="16">
        <v>0</v>
      </c>
    </row>
    <row r="130948" spans="1:7" x14ac:dyDescent="0.3">
      <c r="A130948" s="13" t="s">
        <v>595</v>
      </c>
      <c r="B130948" s="14" t="s">
        <v>1</v>
      </c>
      <c r="C130948" s="14" t="s">
        <v>596</v>
      </c>
      <c r="D130948" s="14" t="s">
        <v>14</v>
      </c>
      <c r="E130948" s="15">
        <v>45654</v>
      </c>
      <c r="F130948" s="14" t="s">
        <v>15</v>
      </c>
      <c r="G130948" s="16">
        <v>0</v>
      </c>
    </row>
    <row r="130949" spans="1:7" x14ac:dyDescent="0.3">
      <c r="A130949" s="13" t="s">
        <v>595</v>
      </c>
      <c r="B130949" s="14" t="s">
        <v>1</v>
      </c>
      <c r="C130949" s="14" t="s">
        <v>596</v>
      </c>
      <c r="D130949" s="14" t="s">
        <v>14</v>
      </c>
      <c r="E130949" s="15">
        <v>45655</v>
      </c>
      <c r="F130949" s="14" t="s">
        <v>15</v>
      </c>
      <c r="G130949" s="16">
        <v>0</v>
      </c>
    </row>
    <row r="130950" spans="1:7" x14ac:dyDescent="0.3">
      <c r="A130950" s="13" t="s">
        <v>595</v>
      </c>
      <c r="B130950" s="14" t="s">
        <v>1</v>
      </c>
      <c r="C130950" s="14" t="s">
        <v>596</v>
      </c>
      <c r="D130950" s="14" t="s">
        <v>14</v>
      </c>
      <c r="E130950" s="15">
        <v>45656</v>
      </c>
      <c r="F130950" s="14" t="s">
        <v>15</v>
      </c>
      <c r="G130950" s="16">
        <v>0</v>
      </c>
    </row>
    <row r="130951" spans="1:7" x14ac:dyDescent="0.3">
      <c r="A130951" s="13" t="s">
        <v>595</v>
      </c>
      <c r="B130951" s="14" t="s">
        <v>1</v>
      </c>
      <c r="C130951" s="14" t="s">
        <v>596</v>
      </c>
      <c r="D130951" s="14" t="s">
        <v>14</v>
      </c>
      <c r="E130951" s="15">
        <v>45657</v>
      </c>
      <c r="F130951" s="14" t="s">
        <v>15</v>
      </c>
      <c r="G130951" s="16">
        <v>0</v>
      </c>
    </row>
    <row r="130952" spans="1:7" x14ac:dyDescent="0.3">
      <c r="A130952" s="13" t="s">
        <v>595</v>
      </c>
      <c r="B130952" s="14" t="s">
        <v>1</v>
      </c>
      <c r="C130952" s="14" t="s">
        <v>596</v>
      </c>
      <c r="D130952" s="14" t="s">
        <v>14</v>
      </c>
      <c r="E130952" s="15">
        <v>45658</v>
      </c>
      <c r="F130952" s="14" t="s">
        <v>15</v>
      </c>
      <c r="G130952" s="16">
        <v>0</v>
      </c>
    </row>
    <row r="130953" spans="1:7" x14ac:dyDescent="0.3">
      <c r="A130953" s="13" t="s">
        <v>595</v>
      </c>
      <c r="B130953" s="14" t="s">
        <v>1</v>
      </c>
      <c r="C130953" s="14" t="s">
        <v>596</v>
      </c>
      <c r="D130953" s="14" t="s">
        <v>14</v>
      </c>
      <c r="E130953" s="15">
        <v>45659</v>
      </c>
      <c r="F130953" s="14" t="s">
        <v>15</v>
      </c>
      <c r="G130953" s="16">
        <v>0</v>
      </c>
    </row>
    <row r="130954" spans="1:7" x14ac:dyDescent="0.3">
      <c r="A130954" s="13" t="s">
        <v>595</v>
      </c>
      <c r="B130954" s="14" t="s">
        <v>1</v>
      </c>
      <c r="C130954" s="14" t="s">
        <v>596</v>
      </c>
      <c r="D130954" s="14" t="s">
        <v>14</v>
      </c>
      <c r="E130954" s="15">
        <v>45660</v>
      </c>
      <c r="F130954" s="14" t="s">
        <v>15</v>
      </c>
      <c r="G130954" s="16">
        <v>0</v>
      </c>
    </row>
    <row r="130955" spans="1:7" x14ac:dyDescent="0.3">
      <c r="A130955" s="13" t="s">
        <v>595</v>
      </c>
      <c r="B130955" s="14" t="s">
        <v>1</v>
      </c>
      <c r="C130955" s="14" t="s">
        <v>596</v>
      </c>
      <c r="D130955" s="14" t="s">
        <v>14</v>
      </c>
      <c r="E130955" s="15">
        <v>45661</v>
      </c>
      <c r="F130955" s="14" t="s">
        <v>15</v>
      </c>
      <c r="G130955" s="16">
        <v>0</v>
      </c>
    </row>
    <row r="130956" spans="1:7" x14ac:dyDescent="0.3">
      <c r="A130956" s="13" t="s">
        <v>595</v>
      </c>
      <c r="B130956" s="14" t="s">
        <v>1</v>
      </c>
      <c r="C130956" s="14" t="s">
        <v>596</v>
      </c>
      <c r="D130956" s="14" t="s">
        <v>14</v>
      </c>
      <c r="E130956" s="15">
        <v>45662</v>
      </c>
      <c r="F130956" s="14" t="s">
        <v>15</v>
      </c>
      <c r="G130956" s="16">
        <v>0</v>
      </c>
    </row>
    <row r="130957" spans="1:7" x14ac:dyDescent="0.3">
      <c r="A130957" s="13" t="s">
        <v>595</v>
      </c>
      <c r="B130957" s="14" t="s">
        <v>1</v>
      </c>
      <c r="C130957" s="14" t="s">
        <v>596</v>
      </c>
      <c r="D130957" s="14" t="s">
        <v>14</v>
      </c>
      <c r="E130957" s="15">
        <v>45663</v>
      </c>
      <c r="F130957" s="14" t="s">
        <v>15</v>
      </c>
      <c r="G130957" s="16">
        <v>0</v>
      </c>
    </row>
    <row r="130958" spans="1:7" x14ac:dyDescent="0.3">
      <c r="A130958" s="13" t="s">
        <v>595</v>
      </c>
      <c r="B130958" s="14" t="s">
        <v>1</v>
      </c>
      <c r="C130958" s="14" t="s">
        <v>596</v>
      </c>
      <c r="D130958" s="14" t="s">
        <v>14</v>
      </c>
      <c r="E130958" s="15">
        <v>45664</v>
      </c>
      <c r="F130958" s="14" t="s">
        <v>15</v>
      </c>
      <c r="G130958" s="16">
        <v>0</v>
      </c>
    </row>
    <row r="130959" spans="1:7" x14ac:dyDescent="0.3">
      <c r="A130959" s="13" t="s">
        <v>595</v>
      </c>
      <c r="B130959" s="14" t="s">
        <v>1</v>
      </c>
      <c r="C130959" s="14" t="s">
        <v>596</v>
      </c>
      <c r="D130959" s="14" t="s">
        <v>14</v>
      </c>
      <c r="E130959" s="15">
        <v>45665</v>
      </c>
      <c r="F130959" s="14" t="s">
        <v>15</v>
      </c>
      <c r="G130959" s="16">
        <v>0</v>
      </c>
    </row>
    <row r="130960" spans="1:7" x14ac:dyDescent="0.3">
      <c r="A130960" s="13" t="s">
        <v>595</v>
      </c>
      <c r="B130960" s="14" t="s">
        <v>1</v>
      </c>
      <c r="C130960" s="14" t="s">
        <v>596</v>
      </c>
      <c r="D130960" s="14" t="s">
        <v>14</v>
      </c>
      <c r="E130960" s="15">
        <v>45666</v>
      </c>
      <c r="F130960" s="14" t="s">
        <v>15</v>
      </c>
      <c r="G130960" s="16">
        <v>0</v>
      </c>
    </row>
    <row r="130961" spans="1:7" x14ac:dyDescent="0.3">
      <c r="A130961" s="13" t="s">
        <v>595</v>
      </c>
      <c r="B130961" s="14" t="s">
        <v>1</v>
      </c>
      <c r="C130961" s="14" t="s">
        <v>596</v>
      </c>
      <c r="D130961" s="14" t="s">
        <v>14</v>
      </c>
      <c r="E130961" s="15">
        <v>45667</v>
      </c>
      <c r="F130961" s="14" t="s">
        <v>15</v>
      </c>
      <c r="G130961" s="16">
        <v>0</v>
      </c>
    </row>
    <row r="130962" spans="1:7" x14ac:dyDescent="0.3">
      <c r="A130962" s="13" t="s">
        <v>595</v>
      </c>
      <c r="B130962" s="14" t="s">
        <v>1</v>
      </c>
      <c r="C130962" s="14" t="s">
        <v>596</v>
      </c>
      <c r="D130962" s="14" t="s">
        <v>14</v>
      </c>
      <c r="E130962" s="15">
        <v>45668</v>
      </c>
      <c r="F130962" s="14" t="s">
        <v>15</v>
      </c>
      <c r="G130962" s="16">
        <v>0</v>
      </c>
    </row>
    <row r="130963" spans="1:7" x14ac:dyDescent="0.3">
      <c r="A130963" s="13" t="s">
        <v>595</v>
      </c>
      <c r="B130963" s="14" t="s">
        <v>1</v>
      </c>
      <c r="C130963" s="14" t="s">
        <v>596</v>
      </c>
      <c r="D130963" s="14" t="s">
        <v>14</v>
      </c>
      <c r="E130963" s="15">
        <v>45669</v>
      </c>
      <c r="F130963" s="14" t="s">
        <v>15</v>
      </c>
      <c r="G130963" s="16">
        <v>0</v>
      </c>
    </row>
    <row r="130964" spans="1:7" x14ac:dyDescent="0.3">
      <c r="A130964" s="13" t="s">
        <v>595</v>
      </c>
      <c r="B130964" s="14" t="s">
        <v>1</v>
      </c>
      <c r="C130964" s="14" t="s">
        <v>596</v>
      </c>
      <c r="D130964" s="14" t="s">
        <v>14</v>
      </c>
      <c r="E130964" s="15">
        <v>45670</v>
      </c>
      <c r="F130964" s="14" t="s">
        <v>15</v>
      </c>
      <c r="G130964" s="16">
        <v>0</v>
      </c>
    </row>
    <row r="130965" spans="1:7" x14ac:dyDescent="0.3">
      <c r="A130965" s="13" t="s">
        <v>595</v>
      </c>
      <c r="B130965" s="14" t="s">
        <v>1</v>
      </c>
      <c r="C130965" s="14" t="s">
        <v>596</v>
      </c>
      <c r="D130965" s="14" t="s">
        <v>14</v>
      </c>
      <c r="E130965" s="15">
        <v>45671</v>
      </c>
      <c r="F130965" s="14" t="s">
        <v>15</v>
      </c>
      <c r="G130965" s="16">
        <v>0</v>
      </c>
    </row>
    <row r="130966" spans="1:7" x14ac:dyDescent="0.3">
      <c r="A130966" s="13" t="s">
        <v>595</v>
      </c>
      <c r="B130966" s="14" t="s">
        <v>1</v>
      </c>
      <c r="C130966" s="14" t="s">
        <v>596</v>
      </c>
      <c r="D130966" s="14" t="s">
        <v>14</v>
      </c>
      <c r="E130966" s="15">
        <v>45672</v>
      </c>
      <c r="F130966" s="14" t="s">
        <v>15</v>
      </c>
      <c r="G130966" s="16">
        <v>0</v>
      </c>
    </row>
    <row r="130967" spans="1:7" x14ac:dyDescent="0.3">
      <c r="A130967" s="13" t="s">
        <v>595</v>
      </c>
      <c r="B130967" s="14" t="s">
        <v>1</v>
      </c>
      <c r="C130967" s="14" t="s">
        <v>596</v>
      </c>
      <c r="D130967" s="14" t="s">
        <v>14</v>
      </c>
      <c r="E130967" s="15">
        <v>45673</v>
      </c>
      <c r="F130967" s="14" t="s">
        <v>15</v>
      </c>
      <c r="G130967" s="16">
        <v>0</v>
      </c>
    </row>
    <row r="130968" spans="1:7" x14ac:dyDescent="0.3">
      <c r="A130968" s="13" t="s">
        <v>595</v>
      </c>
      <c r="B130968" s="14" t="s">
        <v>1</v>
      </c>
      <c r="C130968" s="14" t="s">
        <v>596</v>
      </c>
      <c r="D130968" s="14" t="s">
        <v>14</v>
      </c>
      <c r="E130968" s="15">
        <v>45674</v>
      </c>
      <c r="F130968" s="14" t="s">
        <v>15</v>
      </c>
      <c r="G130968" s="16">
        <v>0</v>
      </c>
    </row>
    <row r="130969" spans="1:7" x14ac:dyDescent="0.3">
      <c r="A130969" s="13" t="s">
        <v>595</v>
      </c>
      <c r="B130969" s="14" t="s">
        <v>1</v>
      </c>
      <c r="C130969" s="14" t="s">
        <v>596</v>
      </c>
      <c r="D130969" s="14" t="s">
        <v>14</v>
      </c>
      <c r="E130969" s="15">
        <v>45675</v>
      </c>
      <c r="F130969" s="14" t="s">
        <v>15</v>
      </c>
      <c r="G130969" s="16">
        <v>0</v>
      </c>
    </row>
    <row r="130970" spans="1:7" x14ac:dyDescent="0.3">
      <c r="A130970" s="13" t="s">
        <v>595</v>
      </c>
      <c r="B130970" s="14" t="s">
        <v>1</v>
      </c>
      <c r="C130970" s="14" t="s">
        <v>596</v>
      </c>
      <c r="D130970" s="14" t="s">
        <v>14</v>
      </c>
      <c r="E130970" s="15">
        <v>45676</v>
      </c>
      <c r="F130970" s="14" t="s">
        <v>15</v>
      </c>
      <c r="G130970" s="16">
        <v>0</v>
      </c>
    </row>
    <row r="130971" spans="1:7" x14ac:dyDescent="0.3">
      <c r="A130971" s="13" t="s">
        <v>595</v>
      </c>
      <c r="B130971" s="14" t="s">
        <v>1</v>
      </c>
      <c r="C130971" s="14" t="s">
        <v>596</v>
      </c>
      <c r="D130971" s="14" t="s">
        <v>14</v>
      </c>
      <c r="E130971" s="15">
        <v>45677</v>
      </c>
      <c r="F130971" s="14" t="s">
        <v>15</v>
      </c>
      <c r="G130971" s="16">
        <v>0</v>
      </c>
    </row>
    <row r="130972" spans="1:7" x14ac:dyDescent="0.3">
      <c r="A130972" s="13" t="s">
        <v>595</v>
      </c>
      <c r="B130972" s="14" t="s">
        <v>1</v>
      </c>
      <c r="C130972" s="14" t="s">
        <v>596</v>
      </c>
      <c r="D130972" s="14" t="s">
        <v>14</v>
      </c>
      <c r="E130972" s="15">
        <v>45678</v>
      </c>
      <c r="F130972" s="14" t="s">
        <v>15</v>
      </c>
      <c r="G130972" s="16">
        <v>0</v>
      </c>
    </row>
    <row r="130973" spans="1:7" x14ac:dyDescent="0.3">
      <c r="A130973" s="13" t="s">
        <v>595</v>
      </c>
      <c r="B130973" s="14" t="s">
        <v>1</v>
      </c>
      <c r="C130973" s="14" t="s">
        <v>596</v>
      </c>
      <c r="D130973" s="14" t="s">
        <v>14</v>
      </c>
      <c r="E130973" s="15">
        <v>45679</v>
      </c>
      <c r="F130973" s="14" t="s">
        <v>15</v>
      </c>
      <c r="G130973" s="16">
        <v>0</v>
      </c>
    </row>
    <row r="130974" spans="1:7" x14ac:dyDescent="0.3">
      <c r="A130974" s="13" t="s">
        <v>595</v>
      </c>
      <c r="B130974" s="14" t="s">
        <v>1</v>
      </c>
      <c r="C130974" s="14" t="s">
        <v>596</v>
      </c>
      <c r="D130974" s="14" t="s">
        <v>14</v>
      </c>
      <c r="E130974" s="15">
        <v>45680</v>
      </c>
      <c r="F130974" s="14" t="s">
        <v>15</v>
      </c>
      <c r="G130974" s="16">
        <v>0</v>
      </c>
    </row>
    <row r="130975" spans="1:7" x14ac:dyDescent="0.3">
      <c r="A130975" s="13" t="s">
        <v>595</v>
      </c>
      <c r="B130975" s="14" t="s">
        <v>1</v>
      </c>
      <c r="C130975" s="14" t="s">
        <v>596</v>
      </c>
      <c r="D130975" s="14" t="s">
        <v>14</v>
      </c>
      <c r="E130975" s="15">
        <v>45681</v>
      </c>
      <c r="F130975" s="14" t="s">
        <v>15</v>
      </c>
      <c r="G130975" s="16">
        <v>0</v>
      </c>
    </row>
    <row r="130976" spans="1:7" x14ac:dyDescent="0.3">
      <c r="A130976" s="13" t="s">
        <v>595</v>
      </c>
      <c r="B130976" s="14" t="s">
        <v>1</v>
      </c>
      <c r="C130976" s="14" t="s">
        <v>596</v>
      </c>
      <c r="D130976" s="14" t="s">
        <v>14</v>
      </c>
      <c r="E130976" s="15">
        <v>45682</v>
      </c>
      <c r="F130976" s="14" t="s">
        <v>15</v>
      </c>
      <c r="G130976" s="16">
        <v>0</v>
      </c>
    </row>
    <row r="130977" spans="1:7" x14ac:dyDescent="0.3">
      <c r="A130977" s="13" t="s">
        <v>595</v>
      </c>
      <c r="B130977" s="14" t="s">
        <v>1</v>
      </c>
      <c r="C130977" s="14" t="s">
        <v>596</v>
      </c>
      <c r="D130977" s="14" t="s">
        <v>14</v>
      </c>
      <c r="E130977" s="15">
        <v>45683</v>
      </c>
      <c r="F130977" s="14" t="s">
        <v>15</v>
      </c>
      <c r="G130977" s="16">
        <v>0</v>
      </c>
    </row>
    <row r="130978" spans="1:7" x14ac:dyDescent="0.3">
      <c r="A130978" s="13" t="s">
        <v>595</v>
      </c>
      <c r="B130978" s="14" t="s">
        <v>1</v>
      </c>
      <c r="C130978" s="14" t="s">
        <v>596</v>
      </c>
      <c r="D130978" s="14" t="s">
        <v>14</v>
      </c>
      <c r="E130978" s="15">
        <v>45684</v>
      </c>
      <c r="F130978" s="14" t="s">
        <v>15</v>
      </c>
      <c r="G130978" s="16">
        <v>0</v>
      </c>
    </row>
    <row r="130979" spans="1:7" x14ac:dyDescent="0.3">
      <c r="A130979" s="13" t="s">
        <v>595</v>
      </c>
      <c r="B130979" s="14" t="s">
        <v>1</v>
      </c>
      <c r="C130979" s="14" t="s">
        <v>596</v>
      </c>
      <c r="D130979" s="14" t="s">
        <v>14</v>
      </c>
      <c r="E130979" s="15">
        <v>45685</v>
      </c>
      <c r="F130979" s="14" t="s">
        <v>15</v>
      </c>
      <c r="G130979" s="16">
        <v>0</v>
      </c>
    </row>
    <row r="130980" spans="1:7" x14ac:dyDescent="0.3">
      <c r="A130980" s="13" t="s">
        <v>595</v>
      </c>
      <c r="B130980" s="14" t="s">
        <v>1</v>
      </c>
      <c r="C130980" s="14" t="s">
        <v>596</v>
      </c>
      <c r="D130980" s="14" t="s">
        <v>14</v>
      </c>
      <c r="E130980" s="15">
        <v>45686</v>
      </c>
      <c r="F130980" s="14" t="s">
        <v>15</v>
      </c>
      <c r="G130980" s="16">
        <v>0</v>
      </c>
    </row>
    <row r="130981" spans="1:7" x14ac:dyDescent="0.3">
      <c r="A130981" s="13" t="s">
        <v>595</v>
      </c>
      <c r="B130981" s="14" t="s">
        <v>1</v>
      </c>
      <c r="C130981" s="14" t="s">
        <v>596</v>
      </c>
      <c r="D130981" s="14" t="s">
        <v>14</v>
      </c>
      <c r="E130981" s="15">
        <v>45687</v>
      </c>
      <c r="F130981" s="14" t="s">
        <v>15</v>
      </c>
      <c r="G130981" s="16">
        <v>0</v>
      </c>
    </row>
    <row r="130982" spans="1:7" x14ac:dyDescent="0.3">
      <c r="A130982" s="13" t="s">
        <v>595</v>
      </c>
      <c r="B130982" s="14" t="s">
        <v>1</v>
      </c>
      <c r="C130982" s="14" t="s">
        <v>596</v>
      </c>
      <c r="D130982" s="14" t="s">
        <v>14</v>
      </c>
      <c r="E130982" s="15">
        <v>45688</v>
      </c>
      <c r="F130982" s="14" t="s">
        <v>15</v>
      </c>
      <c r="G130982" s="16">
        <v>0</v>
      </c>
    </row>
    <row r="130983" spans="1:7" x14ac:dyDescent="0.3">
      <c r="A130983" s="13" t="s">
        <v>595</v>
      </c>
      <c r="B130983" s="14" t="s">
        <v>1</v>
      </c>
      <c r="C130983" s="14" t="s">
        <v>596</v>
      </c>
      <c r="D130983" s="14" t="s">
        <v>14</v>
      </c>
      <c r="E130983" s="15">
        <v>45689</v>
      </c>
      <c r="F130983" s="14" t="s">
        <v>15</v>
      </c>
      <c r="G130983" s="16">
        <v>0</v>
      </c>
    </row>
    <row r="130984" spans="1:7" x14ac:dyDescent="0.3">
      <c r="A130984" s="13" t="s">
        <v>595</v>
      </c>
      <c r="B130984" s="14" t="s">
        <v>1</v>
      </c>
      <c r="C130984" s="14" t="s">
        <v>596</v>
      </c>
      <c r="D130984" s="14" t="s">
        <v>14</v>
      </c>
      <c r="E130984" s="15">
        <v>45690</v>
      </c>
      <c r="F130984" s="14" t="s">
        <v>15</v>
      </c>
      <c r="G130984" s="16">
        <v>0</v>
      </c>
    </row>
    <row r="130985" spans="1:7" x14ac:dyDescent="0.3">
      <c r="A130985" s="13" t="s">
        <v>595</v>
      </c>
      <c r="B130985" s="14" t="s">
        <v>1</v>
      </c>
      <c r="C130985" s="14" t="s">
        <v>596</v>
      </c>
      <c r="D130985" s="14" t="s">
        <v>14</v>
      </c>
      <c r="E130985" s="15">
        <v>45691</v>
      </c>
      <c r="F130985" s="14" t="s">
        <v>15</v>
      </c>
      <c r="G130985" s="16">
        <v>0</v>
      </c>
    </row>
    <row r="130986" spans="1:7" x14ac:dyDescent="0.3">
      <c r="A130986" s="13" t="s">
        <v>595</v>
      </c>
      <c r="B130986" s="14" t="s">
        <v>1</v>
      </c>
      <c r="C130986" s="14" t="s">
        <v>596</v>
      </c>
      <c r="D130986" s="14" t="s">
        <v>14</v>
      </c>
      <c r="E130986" s="15">
        <v>45692</v>
      </c>
      <c r="F130986" s="14" t="s">
        <v>15</v>
      </c>
      <c r="G130986" s="16">
        <v>0</v>
      </c>
    </row>
    <row r="130987" spans="1:7" x14ac:dyDescent="0.3">
      <c r="A130987" s="13" t="s">
        <v>595</v>
      </c>
      <c r="B130987" s="14" t="s">
        <v>1</v>
      </c>
      <c r="C130987" s="14" t="s">
        <v>596</v>
      </c>
      <c r="D130987" s="14" t="s">
        <v>14</v>
      </c>
      <c r="E130987" s="15">
        <v>45693</v>
      </c>
      <c r="F130987" s="14" t="s">
        <v>15</v>
      </c>
      <c r="G130987" s="16">
        <v>0</v>
      </c>
    </row>
    <row r="130988" spans="1:7" x14ac:dyDescent="0.3">
      <c r="A130988" s="13" t="s">
        <v>595</v>
      </c>
      <c r="B130988" s="14" t="s">
        <v>1</v>
      </c>
      <c r="C130988" s="14" t="s">
        <v>596</v>
      </c>
      <c r="D130988" s="14" t="s">
        <v>14</v>
      </c>
      <c r="E130988" s="15">
        <v>45694</v>
      </c>
      <c r="F130988" s="14" t="s">
        <v>15</v>
      </c>
      <c r="G130988" s="16">
        <v>0</v>
      </c>
    </row>
    <row r="130989" spans="1:7" x14ac:dyDescent="0.3">
      <c r="A130989" s="13" t="s">
        <v>595</v>
      </c>
      <c r="B130989" s="14" t="s">
        <v>1</v>
      </c>
      <c r="C130989" s="14" t="s">
        <v>596</v>
      </c>
      <c r="D130989" s="14" t="s">
        <v>14</v>
      </c>
      <c r="E130989" s="15">
        <v>45695</v>
      </c>
      <c r="F130989" s="14" t="s">
        <v>15</v>
      </c>
      <c r="G130989" s="16">
        <v>0</v>
      </c>
    </row>
    <row r="130990" spans="1:7" x14ac:dyDescent="0.3">
      <c r="A130990" s="13" t="s">
        <v>595</v>
      </c>
      <c r="B130990" s="14" t="s">
        <v>1</v>
      </c>
      <c r="C130990" s="14" t="s">
        <v>596</v>
      </c>
      <c r="D130990" s="14" t="s">
        <v>14</v>
      </c>
      <c r="E130990" s="15">
        <v>45696</v>
      </c>
      <c r="F130990" s="14" t="s">
        <v>15</v>
      </c>
      <c r="G130990" s="16">
        <v>0</v>
      </c>
    </row>
    <row r="130991" spans="1:7" x14ac:dyDescent="0.3">
      <c r="A130991" s="13" t="s">
        <v>595</v>
      </c>
      <c r="B130991" s="14" t="s">
        <v>1</v>
      </c>
      <c r="C130991" s="14" t="s">
        <v>596</v>
      </c>
      <c r="D130991" s="14" t="s">
        <v>14</v>
      </c>
      <c r="E130991" s="15">
        <v>45697</v>
      </c>
      <c r="F130991" s="14" t="s">
        <v>15</v>
      </c>
      <c r="G130991" s="16">
        <v>0</v>
      </c>
    </row>
    <row r="130992" spans="1:7" x14ac:dyDescent="0.3">
      <c r="A130992" s="13" t="s">
        <v>595</v>
      </c>
      <c r="B130992" s="14" t="s">
        <v>1</v>
      </c>
      <c r="C130992" s="14" t="s">
        <v>596</v>
      </c>
      <c r="D130992" s="14" t="s">
        <v>14</v>
      </c>
      <c r="E130992" s="15">
        <v>45698</v>
      </c>
      <c r="F130992" s="14" t="s">
        <v>15</v>
      </c>
      <c r="G130992" s="16">
        <v>0</v>
      </c>
    </row>
    <row r="130993" spans="1:7" x14ac:dyDescent="0.3">
      <c r="A130993" s="13" t="s">
        <v>595</v>
      </c>
      <c r="B130993" s="14" t="s">
        <v>1</v>
      </c>
      <c r="C130993" s="14" t="s">
        <v>596</v>
      </c>
      <c r="D130993" s="14" t="s">
        <v>14</v>
      </c>
      <c r="E130993" s="15">
        <v>45699</v>
      </c>
      <c r="F130993" s="14" t="s">
        <v>15</v>
      </c>
      <c r="G130993" s="16">
        <v>0</v>
      </c>
    </row>
    <row r="130994" spans="1:7" x14ac:dyDescent="0.3">
      <c r="A130994" s="13" t="s">
        <v>595</v>
      </c>
      <c r="B130994" s="14" t="s">
        <v>1</v>
      </c>
      <c r="C130994" s="14" t="s">
        <v>596</v>
      </c>
      <c r="D130994" s="14" t="s">
        <v>14</v>
      </c>
      <c r="E130994" s="15">
        <v>45700</v>
      </c>
      <c r="F130994" s="14" t="s">
        <v>15</v>
      </c>
      <c r="G130994" s="16">
        <v>0</v>
      </c>
    </row>
    <row r="130995" spans="1:7" x14ac:dyDescent="0.3">
      <c r="A130995" s="13" t="s">
        <v>595</v>
      </c>
      <c r="B130995" s="14" t="s">
        <v>1</v>
      </c>
      <c r="C130995" s="14" t="s">
        <v>596</v>
      </c>
      <c r="D130995" s="14" t="s">
        <v>14</v>
      </c>
      <c r="E130995" s="15">
        <v>45701</v>
      </c>
      <c r="F130995" s="14" t="s">
        <v>15</v>
      </c>
      <c r="G130995" s="16">
        <v>0</v>
      </c>
    </row>
    <row r="130996" spans="1:7" x14ac:dyDescent="0.3">
      <c r="A130996" s="13" t="s">
        <v>595</v>
      </c>
      <c r="B130996" s="14" t="s">
        <v>1</v>
      </c>
      <c r="C130996" s="14" t="s">
        <v>596</v>
      </c>
      <c r="D130996" s="14" t="s">
        <v>14</v>
      </c>
      <c r="E130996" s="15">
        <v>45702</v>
      </c>
      <c r="F130996" s="14" t="s">
        <v>15</v>
      </c>
      <c r="G130996" s="16">
        <v>0</v>
      </c>
    </row>
    <row r="130997" spans="1:7" x14ac:dyDescent="0.3">
      <c r="A130997" s="13" t="s">
        <v>595</v>
      </c>
      <c r="B130997" s="14" t="s">
        <v>1</v>
      </c>
      <c r="C130997" s="14" t="s">
        <v>596</v>
      </c>
      <c r="D130997" s="14" t="s">
        <v>14</v>
      </c>
      <c r="E130997" s="15">
        <v>45703</v>
      </c>
      <c r="F130997" s="14" t="s">
        <v>15</v>
      </c>
      <c r="G130997" s="16">
        <v>0</v>
      </c>
    </row>
    <row r="130998" spans="1:7" x14ac:dyDescent="0.3">
      <c r="A130998" s="13" t="s">
        <v>595</v>
      </c>
      <c r="B130998" s="14" t="s">
        <v>1</v>
      </c>
      <c r="C130998" s="14" t="s">
        <v>596</v>
      </c>
      <c r="D130998" s="14" t="s">
        <v>14</v>
      </c>
      <c r="E130998" s="15">
        <v>45704</v>
      </c>
      <c r="F130998" s="14" t="s">
        <v>15</v>
      </c>
      <c r="G130998" s="16">
        <v>0</v>
      </c>
    </row>
    <row r="130999" spans="1:7" x14ac:dyDescent="0.3">
      <c r="A130999" s="13" t="s">
        <v>595</v>
      </c>
      <c r="B130999" s="14" t="s">
        <v>1</v>
      </c>
      <c r="C130999" s="14" t="s">
        <v>596</v>
      </c>
      <c r="D130999" s="14" t="s">
        <v>14</v>
      </c>
      <c r="E130999" s="15">
        <v>45705</v>
      </c>
      <c r="F130999" s="14" t="s">
        <v>15</v>
      </c>
      <c r="G130999" s="16">
        <v>0</v>
      </c>
    </row>
    <row r="131000" spans="1:7" x14ac:dyDescent="0.3">
      <c r="A131000" s="13" t="s">
        <v>595</v>
      </c>
      <c r="B131000" s="14" t="s">
        <v>1</v>
      </c>
      <c r="C131000" s="14" t="s">
        <v>596</v>
      </c>
      <c r="D131000" s="14" t="s">
        <v>14</v>
      </c>
      <c r="E131000" s="15">
        <v>45706</v>
      </c>
      <c r="F131000" s="14" t="s">
        <v>15</v>
      </c>
      <c r="G131000" s="16">
        <v>0</v>
      </c>
    </row>
    <row r="131001" spans="1:7" x14ac:dyDescent="0.3">
      <c r="A131001" s="13" t="s">
        <v>595</v>
      </c>
      <c r="B131001" s="14" t="s">
        <v>1</v>
      </c>
      <c r="C131001" s="14" t="s">
        <v>596</v>
      </c>
      <c r="D131001" s="14" t="s">
        <v>14</v>
      </c>
      <c r="E131001" s="15">
        <v>45707</v>
      </c>
      <c r="F131001" s="14" t="s">
        <v>15</v>
      </c>
      <c r="G131001" s="16">
        <v>0</v>
      </c>
    </row>
    <row r="131002" spans="1:7" x14ac:dyDescent="0.3">
      <c r="A131002" s="13" t="s">
        <v>595</v>
      </c>
      <c r="B131002" s="14" t="s">
        <v>1</v>
      </c>
      <c r="C131002" s="14" t="s">
        <v>596</v>
      </c>
      <c r="D131002" s="14" t="s">
        <v>14</v>
      </c>
      <c r="E131002" s="15">
        <v>45708</v>
      </c>
      <c r="F131002" s="14" t="s">
        <v>15</v>
      </c>
      <c r="G131002" s="16">
        <v>0</v>
      </c>
    </row>
    <row r="131003" spans="1:7" x14ac:dyDescent="0.3">
      <c r="A131003" s="13" t="s">
        <v>595</v>
      </c>
      <c r="B131003" s="14" t="s">
        <v>1</v>
      </c>
      <c r="C131003" s="14" t="s">
        <v>596</v>
      </c>
      <c r="D131003" s="14" t="s">
        <v>14</v>
      </c>
      <c r="E131003" s="15">
        <v>45709</v>
      </c>
      <c r="F131003" s="14" t="s">
        <v>15</v>
      </c>
      <c r="G131003" s="16">
        <v>0</v>
      </c>
    </row>
    <row r="131004" spans="1:7" x14ac:dyDescent="0.3">
      <c r="A131004" s="13" t="s">
        <v>595</v>
      </c>
      <c r="B131004" s="14" t="s">
        <v>1</v>
      </c>
      <c r="C131004" s="14" t="s">
        <v>596</v>
      </c>
      <c r="D131004" s="14" t="s">
        <v>14</v>
      </c>
      <c r="E131004" s="15">
        <v>45710</v>
      </c>
      <c r="F131004" s="14" t="s">
        <v>15</v>
      </c>
      <c r="G131004" s="16">
        <v>0</v>
      </c>
    </row>
    <row r="131005" spans="1:7" x14ac:dyDescent="0.3">
      <c r="A131005" s="13" t="s">
        <v>595</v>
      </c>
      <c r="B131005" s="14" t="s">
        <v>1</v>
      </c>
      <c r="C131005" s="14" t="s">
        <v>596</v>
      </c>
      <c r="D131005" s="14" t="s">
        <v>14</v>
      </c>
      <c r="E131005" s="15">
        <v>45711</v>
      </c>
      <c r="F131005" s="14" t="s">
        <v>15</v>
      </c>
      <c r="G131005" s="16">
        <v>0</v>
      </c>
    </row>
    <row r="131006" spans="1:7" x14ac:dyDescent="0.3">
      <c r="A131006" s="13" t="s">
        <v>595</v>
      </c>
      <c r="B131006" s="14" t="s">
        <v>1</v>
      </c>
      <c r="C131006" s="14" t="s">
        <v>596</v>
      </c>
      <c r="D131006" s="14" t="s">
        <v>14</v>
      </c>
      <c r="E131006" s="15">
        <v>45712</v>
      </c>
      <c r="F131006" s="14" t="s">
        <v>15</v>
      </c>
      <c r="G131006" s="16">
        <v>0</v>
      </c>
    </row>
    <row r="131007" spans="1:7" x14ac:dyDescent="0.3">
      <c r="A131007" s="13" t="s">
        <v>595</v>
      </c>
      <c r="B131007" s="14" t="s">
        <v>1</v>
      </c>
      <c r="C131007" s="14" t="s">
        <v>596</v>
      </c>
      <c r="D131007" s="14" t="s">
        <v>14</v>
      </c>
      <c r="E131007" s="15">
        <v>45713</v>
      </c>
      <c r="F131007" s="14" t="s">
        <v>15</v>
      </c>
      <c r="G131007" s="16">
        <v>0</v>
      </c>
    </row>
    <row r="131008" spans="1:7" x14ac:dyDescent="0.3">
      <c r="A131008" s="13" t="s">
        <v>595</v>
      </c>
      <c r="B131008" s="14" t="s">
        <v>1</v>
      </c>
      <c r="C131008" s="14" t="s">
        <v>596</v>
      </c>
      <c r="D131008" s="14" t="s">
        <v>14</v>
      </c>
      <c r="E131008" s="15">
        <v>45714</v>
      </c>
      <c r="F131008" s="14" t="s">
        <v>15</v>
      </c>
      <c r="G131008" s="16">
        <v>0</v>
      </c>
    </row>
    <row r="131009" spans="1:7" x14ac:dyDescent="0.3">
      <c r="A131009" s="13" t="s">
        <v>595</v>
      </c>
      <c r="B131009" s="14" t="s">
        <v>1</v>
      </c>
      <c r="C131009" s="14" t="s">
        <v>596</v>
      </c>
      <c r="D131009" s="14" t="s">
        <v>14</v>
      </c>
      <c r="E131009" s="15">
        <v>45715</v>
      </c>
      <c r="F131009" s="14" t="s">
        <v>15</v>
      </c>
      <c r="G131009" s="16">
        <v>0</v>
      </c>
    </row>
    <row r="131010" spans="1:7" x14ac:dyDescent="0.3">
      <c r="A131010" s="13" t="s">
        <v>595</v>
      </c>
      <c r="B131010" s="14" t="s">
        <v>1</v>
      </c>
      <c r="C131010" s="14" t="s">
        <v>596</v>
      </c>
      <c r="D131010" s="14" t="s">
        <v>14</v>
      </c>
      <c r="E131010" s="15">
        <v>45716</v>
      </c>
      <c r="F131010" s="14" t="s">
        <v>15</v>
      </c>
      <c r="G131010" s="16">
        <v>0</v>
      </c>
    </row>
    <row r="131011" spans="1:7" x14ac:dyDescent="0.3">
      <c r="A131011" s="13" t="s">
        <v>595</v>
      </c>
      <c r="B131011" s="14" t="s">
        <v>1</v>
      </c>
      <c r="C131011" s="14" t="s">
        <v>596</v>
      </c>
      <c r="D131011" s="14" t="s">
        <v>14</v>
      </c>
      <c r="E131011" s="15">
        <v>45717</v>
      </c>
      <c r="F131011" s="14" t="s">
        <v>15</v>
      </c>
      <c r="G131011" s="16">
        <v>0</v>
      </c>
    </row>
    <row r="131012" spans="1:7" x14ac:dyDescent="0.3">
      <c r="A131012" s="13" t="s">
        <v>595</v>
      </c>
      <c r="B131012" s="14" t="s">
        <v>1</v>
      </c>
      <c r="C131012" s="14" t="s">
        <v>596</v>
      </c>
      <c r="D131012" s="14" t="s">
        <v>14</v>
      </c>
      <c r="E131012" s="15">
        <v>45718</v>
      </c>
      <c r="F131012" s="14" t="s">
        <v>15</v>
      </c>
      <c r="G131012" s="16">
        <v>0</v>
      </c>
    </row>
    <row r="131013" spans="1:7" x14ac:dyDescent="0.3">
      <c r="A131013" s="13" t="s">
        <v>595</v>
      </c>
      <c r="B131013" s="14" t="s">
        <v>1</v>
      </c>
      <c r="C131013" s="14" t="s">
        <v>596</v>
      </c>
      <c r="D131013" s="14" t="s">
        <v>14</v>
      </c>
      <c r="E131013" s="15">
        <v>45719</v>
      </c>
      <c r="F131013" s="14" t="s">
        <v>15</v>
      </c>
      <c r="G131013" s="16">
        <v>0</v>
      </c>
    </row>
    <row r="131014" spans="1:7" x14ac:dyDescent="0.3">
      <c r="A131014" s="13" t="s">
        <v>595</v>
      </c>
      <c r="B131014" s="14" t="s">
        <v>1</v>
      </c>
      <c r="C131014" s="14" t="s">
        <v>596</v>
      </c>
      <c r="D131014" s="14" t="s">
        <v>14</v>
      </c>
      <c r="E131014" s="15">
        <v>45720</v>
      </c>
      <c r="F131014" s="14" t="s">
        <v>15</v>
      </c>
      <c r="G131014" s="16">
        <v>0</v>
      </c>
    </row>
    <row r="131015" spans="1:7" x14ac:dyDescent="0.3">
      <c r="A131015" s="13" t="s">
        <v>595</v>
      </c>
      <c r="B131015" s="14" t="s">
        <v>1</v>
      </c>
      <c r="C131015" s="14" t="s">
        <v>596</v>
      </c>
      <c r="D131015" s="14" t="s">
        <v>14</v>
      </c>
      <c r="E131015" s="15">
        <v>45721</v>
      </c>
      <c r="F131015" s="14" t="s">
        <v>15</v>
      </c>
      <c r="G131015" s="16">
        <v>0</v>
      </c>
    </row>
    <row r="131016" spans="1:7" x14ac:dyDescent="0.3">
      <c r="A131016" s="13" t="s">
        <v>595</v>
      </c>
      <c r="B131016" s="14" t="s">
        <v>1</v>
      </c>
      <c r="C131016" s="14" t="s">
        <v>596</v>
      </c>
      <c r="D131016" s="14" t="s">
        <v>14</v>
      </c>
      <c r="E131016" s="15">
        <v>45722</v>
      </c>
      <c r="F131016" s="14" t="s">
        <v>15</v>
      </c>
      <c r="G131016" s="16">
        <v>0</v>
      </c>
    </row>
    <row r="131017" spans="1:7" x14ac:dyDescent="0.3">
      <c r="A131017" s="13" t="s">
        <v>595</v>
      </c>
      <c r="B131017" s="14" t="s">
        <v>1</v>
      </c>
      <c r="C131017" s="14" t="s">
        <v>596</v>
      </c>
      <c r="D131017" s="14" t="s">
        <v>14</v>
      </c>
      <c r="E131017" s="15">
        <v>45723</v>
      </c>
      <c r="F131017" s="14" t="s">
        <v>15</v>
      </c>
      <c r="G131017" s="16">
        <v>0</v>
      </c>
    </row>
    <row r="131018" spans="1:7" x14ac:dyDescent="0.3">
      <c r="A131018" s="13" t="s">
        <v>595</v>
      </c>
      <c r="B131018" s="14" t="s">
        <v>1</v>
      </c>
      <c r="C131018" s="14" t="s">
        <v>596</v>
      </c>
      <c r="D131018" s="14" t="s">
        <v>14</v>
      </c>
      <c r="E131018" s="15">
        <v>45724</v>
      </c>
      <c r="F131018" s="14" t="s">
        <v>15</v>
      </c>
      <c r="G131018" s="16">
        <v>0</v>
      </c>
    </row>
    <row r="131019" spans="1:7" x14ac:dyDescent="0.3">
      <c r="A131019" s="13" t="s">
        <v>595</v>
      </c>
      <c r="B131019" s="14" t="s">
        <v>1</v>
      </c>
      <c r="C131019" s="14" t="s">
        <v>596</v>
      </c>
      <c r="D131019" s="14" t="s">
        <v>14</v>
      </c>
      <c r="E131019" s="15">
        <v>45725</v>
      </c>
      <c r="F131019" s="14" t="s">
        <v>15</v>
      </c>
      <c r="G131019" s="16">
        <v>0</v>
      </c>
    </row>
    <row r="131020" spans="1:7" x14ac:dyDescent="0.3">
      <c r="A131020" s="13" t="s">
        <v>595</v>
      </c>
      <c r="B131020" s="14" t="s">
        <v>1</v>
      </c>
      <c r="C131020" s="14" t="s">
        <v>596</v>
      </c>
      <c r="D131020" s="14" t="s">
        <v>14</v>
      </c>
      <c r="E131020" s="15">
        <v>45726</v>
      </c>
      <c r="F131020" s="14" t="s">
        <v>15</v>
      </c>
      <c r="G131020" s="16">
        <v>0</v>
      </c>
    </row>
    <row r="131021" spans="1:7" x14ac:dyDescent="0.3">
      <c r="A131021" s="13" t="s">
        <v>595</v>
      </c>
      <c r="B131021" s="14" t="s">
        <v>1</v>
      </c>
      <c r="C131021" s="14" t="s">
        <v>596</v>
      </c>
      <c r="D131021" s="14" t="s">
        <v>14</v>
      </c>
      <c r="E131021" s="15">
        <v>45727</v>
      </c>
      <c r="F131021" s="14" t="s">
        <v>15</v>
      </c>
      <c r="G131021" s="16">
        <v>0</v>
      </c>
    </row>
    <row r="131022" spans="1:7" x14ac:dyDescent="0.3">
      <c r="A131022" s="13" t="s">
        <v>595</v>
      </c>
      <c r="B131022" s="14" t="s">
        <v>1</v>
      </c>
      <c r="C131022" s="14" t="s">
        <v>596</v>
      </c>
      <c r="D131022" s="14" t="s">
        <v>14</v>
      </c>
      <c r="E131022" s="15">
        <v>45728</v>
      </c>
      <c r="F131022" s="14" t="s">
        <v>15</v>
      </c>
      <c r="G131022" s="16">
        <v>0</v>
      </c>
    </row>
    <row r="131023" spans="1:7" x14ac:dyDescent="0.3">
      <c r="A131023" s="13" t="s">
        <v>595</v>
      </c>
      <c r="B131023" s="14" t="s">
        <v>1</v>
      </c>
      <c r="C131023" s="14" t="s">
        <v>596</v>
      </c>
      <c r="D131023" s="14" t="s">
        <v>14</v>
      </c>
      <c r="E131023" s="15">
        <v>45729</v>
      </c>
      <c r="F131023" s="14" t="s">
        <v>15</v>
      </c>
      <c r="G131023" s="16">
        <v>0</v>
      </c>
    </row>
    <row r="131024" spans="1:7" x14ac:dyDescent="0.3">
      <c r="A131024" s="13" t="s">
        <v>595</v>
      </c>
      <c r="B131024" s="14" t="s">
        <v>1</v>
      </c>
      <c r="C131024" s="14" t="s">
        <v>596</v>
      </c>
      <c r="D131024" s="14" t="s">
        <v>14</v>
      </c>
      <c r="E131024" s="15">
        <v>45730</v>
      </c>
      <c r="F131024" s="14" t="s">
        <v>15</v>
      </c>
      <c r="G131024" s="16">
        <v>0</v>
      </c>
    </row>
    <row r="131025" spans="1:7" x14ac:dyDescent="0.3">
      <c r="A131025" s="13" t="s">
        <v>595</v>
      </c>
      <c r="B131025" s="14" t="s">
        <v>1</v>
      </c>
      <c r="C131025" s="14" t="s">
        <v>596</v>
      </c>
      <c r="D131025" s="14" t="s">
        <v>14</v>
      </c>
      <c r="E131025" s="15">
        <v>45731</v>
      </c>
      <c r="F131025" s="14" t="s">
        <v>15</v>
      </c>
      <c r="G131025" s="16">
        <v>0</v>
      </c>
    </row>
    <row r="131026" spans="1:7" x14ac:dyDescent="0.3">
      <c r="A131026" s="13" t="s">
        <v>595</v>
      </c>
      <c r="B131026" s="14" t="s">
        <v>1</v>
      </c>
      <c r="C131026" s="14" t="s">
        <v>596</v>
      </c>
      <c r="D131026" s="14" t="s">
        <v>14</v>
      </c>
      <c r="E131026" s="15">
        <v>45732</v>
      </c>
      <c r="F131026" s="14" t="s">
        <v>15</v>
      </c>
      <c r="G131026" s="16">
        <v>0</v>
      </c>
    </row>
    <row r="131027" spans="1:7" x14ac:dyDescent="0.3">
      <c r="A131027" s="13" t="s">
        <v>595</v>
      </c>
      <c r="B131027" s="14" t="s">
        <v>1</v>
      </c>
      <c r="C131027" s="14" t="s">
        <v>596</v>
      </c>
      <c r="D131027" s="14" t="s">
        <v>14</v>
      </c>
      <c r="E131027" s="15">
        <v>45733</v>
      </c>
      <c r="F131027" s="14" t="s">
        <v>15</v>
      </c>
      <c r="G131027" s="16">
        <v>0</v>
      </c>
    </row>
    <row r="131028" spans="1:7" x14ac:dyDescent="0.3">
      <c r="A131028" s="13" t="s">
        <v>595</v>
      </c>
      <c r="B131028" s="14" t="s">
        <v>1</v>
      </c>
      <c r="C131028" s="14" t="s">
        <v>596</v>
      </c>
      <c r="D131028" s="14" t="s">
        <v>14</v>
      </c>
      <c r="E131028" s="15">
        <v>45734</v>
      </c>
      <c r="F131028" s="14" t="s">
        <v>15</v>
      </c>
      <c r="G131028" s="16">
        <v>0</v>
      </c>
    </row>
    <row r="131029" spans="1:7" x14ac:dyDescent="0.3">
      <c r="A131029" s="13" t="s">
        <v>595</v>
      </c>
      <c r="B131029" s="14" t="s">
        <v>1</v>
      </c>
      <c r="C131029" s="14" t="s">
        <v>596</v>
      </c>
      <c r="D131029" s="14" t="s">
        <v>14</v>
      </c>
      <c r="E131029" s="15">
        <v>45735</v>
      </c>
      <c r="F131029" s="14" t="s">
        <v>15</v>
      </c>
      <c r="G131029" s="16">
        <v>0</v>
      </c>
    </row>
    <row r="131030" spans="1:7" x14ac:dyDescent="0.3">
      <c r="A131030" s="13" t="s">
        <v>595</v>
      </c>
      <c r="B131030" s="14" t="s">
        <v>1</v>
      </c>
      <c r="C131030" s="14" t="s">
        <v>596</v>
      </c>
      <c r="D131030" s="14" t="s">
        <v>14</v>
      </c>
      <c r="E131030" s="15">
        <v>45736</v>
      </c>
      <c r="F131030" s="14" t="s">
        <v>15</v>
      </c>
      <c r="G131030" s="16">
        <v>0</v>
      </c>
    </row>
    <row r="131031" spans="1:7" x14ac:dyDescent="0.3">
      <c r="A131031" s="13" t="s">
        <v>595</v>
      </c>
      <c r="B131031" s="14" t="s">
        <v>1</v>
      </c>
      <c r="C131031" s="14" t="s">
        <v>596</v>
      </c>
      <c r="D131031" s="14" t="s">
        <v>14</v>
      </c>
      <c r="E131031" s="15">
        <v>45737</v>
      </c>
      <c r="F131031" s="14" t="s">
        <v>15</v>
      </c>
      <c r="G131031" s="16">
        <v>0</v>
      </c>
    </row>
    <row r="131032" spans="1:7" x14ac:dyDescent="0.3">
      <c r="A131032" s="13" t="s">
        <v>595</v>
      </c>
      <c r="B131032" s="14" t="s">
        <v>1</v>
      </c>
      <c r="C131032" s="14" t="s">
        <v>596</v>
      </c>
      <c r="D131032" s="14" t="s">
        <v>14</v>
      </c>
      <c r="E131032" s="15">
        <v>45738</v>
      </c>
      <c r="F131032" s="14" t="s">
        <v>15</v>
      </c>
      <c r="G131032" s="16">
        <v>0</v>
      </c>
    </row>
    <row r="131033" spans="1:7" x14ac:dyDescent="0.3">
      <c r="A131033" s="13" t="s">
        <v>595</v>
      </c>
      <c r="B131033" s="14" t="s">
        <v>1</v>
      </c>
      <c r="C131033" s="14" t="s">
        <v>596</v>
      </c>
      <c r="D131033" s="14" t="s">
        <v>14</v>
      </c>
      <c r="E131033" s="15">
        <v>45739</v>
      </c>
      <c r="F131033" s="14" t="s">
        <v>15</v>
      </c>
      <c r="G131033" s="16">
        <v>0</v>
      </c>
    </row>
    <row r="131034" spans="1:7" x14ac:dyDescent="0.3">
      <c r="A131034" s="13" t="s">
        <v>595</v>
      </c>
      <c r="B131034" s="14" t="s">
        <v>1</v>
      </c>
      <c r="C131034" s="14" t="s">
        <v>596</v>
      </c>
      <c r="D131034" s="14" t="s">
        <v>14</v>
      </c>
      <c r="E131034" s="15">
        <v>45740</v>
      </c>
      <c r="F131034" s="14" t="s">
        <v>15</v>
      </c>
      <c r="G131034" s="16">
        <v>0</v>
      </c>
    </row>
    <row r="131035" spans="1:7" x14ac:dyDescent="0.3">
      <c r="A131035" s="13" t="s">
        <v>595</v>
      </c>
      <c r="B131035" s="14" t="s">
        <v>1</v>
      </c>
      <c r="C131035" s="14" t="s">
        <v>596</v>
      </c>
      <c r="D131035" s="14" t="s">
        <v>14</v>
      </c>
      <c r="E131035" s="15">
        <v>45741</v>
      </c>
      <c r="F131035" s="14" t="s">
        <v>15</v>
      </c>
      <c r="G131035" s="16">
        <v>0</v>
      </c>
    </row>
    <row r="131036" spans="1:7" x14ac:dyDescent="0.3">
      <c r="A131036" s="13" t="s">
        <v>595</v>
      </c>
      <c r="B131036" s="14" t="s">
        <v>1</v>
      </c>
      <c r="C131036" s="14" t="s">
        <v>596</v>
      </c>
      <c r="D131036" s="14" t="s">
        <v>14</v>
      </c>
      <c r="E131036" s="15">
        <v>45742</v>
      </c>
      <c r="F131036" s="14" t="s">
        <v>15</v>
      </c>
      <c r="G131036" s="16">
        <v>0</v>
      </c>
    </row>
    <row r="131037" spans="1:7" x14ac:dyDescent="0.3">
      <c r="A131037" s="13" t="s">
        <v>595</v>
      </c>
      <c r="B131037" s="14" t="s">
        <v>1</v>
      </c>
      <c r="C131037" s="14" t="s">
        <v>596</v>
      </c>
      <c r="D131037" s="14" t="s">
        <v>14</v>
      </c>
      <c r="E131037" s="15">
        <v>45743</v>
      </c>
      <c r="F131037" s="14" t="s">
        <v>15</v>
      </c>
      <c r="G131037" s="16">
        <v>0</v>
      </c>
    </row>
    <row r="131038" spans="1:7" x14ac:dyDescent="0.3">
      <c r="A131038" s="13" t="s">
        <v>595</v>
      </c>
      <c r="B131038" s="14" t="s">
        <v>1</v>
      </c>
      <c r="C131038" s="14" t="s">
        <v>596</v>
      </c>
      <c r="D131038" s="14" t="s">
        <v>14</v>
      </c>
      <c r="E131038" s="15">
        <v>45744</v>
      </c>
      <c r="F131038" s="14" t="s">
        <v>15</v>
      </c>
      <c r="G131038" s="16">
        <v>0</v>
      </c>
    </row>
    <row r="131039" spans="1:7" x14ac:dyDescent="0.3">
      <c r="A131039" s="13" t="s">
        <v>595</v>
      </c>
      <c r="B131039" s="14" t="s">
        <v>1</v>
      </c>
      <c r="C131039" s="14" t="s">
        <v>596</v>
      </c>
      <c r="D131039" s="14" t="s">
        <v>14</v>
      </c>
      <c r="E131039" s="15">
        <v>45745</v>
      </c>
      <c r="F131039" s="14" t="s">
        <v>15</v>
      </c>
      <c r="G131039" s="16">
        <v>0</v>
      </c>
    </row>
    <row r="131040" spans="1:7" x14ac:dyDescent="0.3">
      <c r="A131040" s="13" t="s">
        <v>595</v>
      </c>
      <c r="B131040" s="14" t="s">
        <v>1</v>
      </c>
      <c r="C131040" s="14" t="s">
        <v>596</v>
      </c>
      <c r="D131040" s="14" t="s">
        <v>14</v>
      </c>
      <c r="E131040" s="15">
        <v>45746</v>
      </c>
      <c r="F131040" s="14" t="s">
        <v>15</v>
      </c>
      <c r="G131040" s="16">
        <v>0</v>
      </c>
    </row>
    <row r="131041" spans="1:7" x14ac:dyDescent="0.3">
      <c r="A131041" s="13" t="s">
        <v>595</v>
      </c>
      <c r="B131041" s="14" t="s">
        <v>1</v>
      </c>
      <c r="C131041" s="14" t="s">
        <v>596</v>
      </c>
      <c r="D131041" s="14" t="s">
        <v>14</v>
      </c>
      <c r="E131041" s="15">
        <v>45747</v>
      </c>
      <c r="F131041" s="14" t="s">
        <v>15</v>
      </c>
      <c r="G131041" s="16">
        <v>0</v>
      </c>
    </row>
    <row r="131042" spans="1:7" x14ac:dyDescent="0.3">
      <c r="A131042" s="13" t="s">
        <v>597</v>
      </c>
      <c r="B131042" s="14" t="s">
        <v>1</v>
      </c>
      <c r="C131042" s="14" t="s">
        <v>596</v>
      </c>
      <c r="D131042" s="14" t="s">
        <v>122</v>
      </c>
      <c r="E131042" s="15">
        <v>45383</v>
      </c>
      <c r="F131042" s="14" t="s">
        <v>15</v>
      </c>
      <c r="G131042" s="16">
        <v>0</v>
      </c>
    </row>
    <row r="131043" spans="1:7" x14ac:dyDescent="0.3">
      <c r="A131043" s="13" t="s">
        <v>597</v>
      </c>
      <c r="B131043" s="14" t="s">
        <v>1</v>
      </c>
      <c r="C131043" s="14" t="s">
        <v>596</v>
      </c>
      <c r="D131043" s="14" t="s">
        <v>122</v>
      </c>
      <c r="E131043" s="15">
        <v>45384</v>
      </c>
      <c r="F131043" s="14" t="s">
        <v>15</v>
      </c>
      <c r="G131043" s="16">
        <v>0</v>
      </c>
    </row>
    <row r="131044" spans="1:7" x14ac:dyDescent="0.3">
      <c r="A131044" s="13" t="s">
        <v>597</v>
      </c>
      <c r="B131044" s="14" t="s">
        <v>1</v>
      </c>
      <c r="C131044" s="14" t="s">
        <v>596</v>
      </c>
      <c r="D131044" s="14" t="s">
        <v>122</v>
      </c>
      <c r="E131044" s="15">
        <v>45385</v>
      </c>
      <c r="F131044" s="14" t="s">
        <v>15</v>
      </c>
      <c r="G131044" s="16">
        <v>0</v>
      </c>
    </row>
    <row r="131045" spans="1:7" x14ac:dyDescent="0.3">
      <c r="A131045" s="13" t="s">
        <v>597</v>
      </c>
      <c r="B131045" s="14" t="s">
        <v>1</v>
      </c>
      <c r="C131045" s="14" t="s">
        <v>596</v>
      </c>
      <c r="D131045" s="14" t="s">
        <v>122</v>
      </c>
      <c r="E131045" s="15">
        <v>45386</v>
      </c>
      <c r="F131045" s="14" t="s">
        <v>15</v>
      </c>
      <c r="G131045" s="16">
        <v>0</v>
      </c>
    </row>
    <row r="131046" spans="1:7" x14ac:dyDescent="0.3">
      <c r="A131046" s="13" t="s">
        <v>597</v>
      </c>
      <c r="B131046" s="14" t="s">
        <v>1</v>
      </c>
      <c r="C131046" s="14" t="s">
        <v>596</v>
      </c>
      <c r="D131046" s="14" t="s">
        <v>122</v>
      </c>
      <c r="E131046" s="15">
        <v>45387</v>
      </c>
      <c r="F131046" s="14" t="s">
        <v>15</v>
      </c>
      <c r="G131046" s="16">
        <v>0</v>
      </c>
    </row>
    <row r="131047" spans="1:7" x14ac:dyDescent="0.3">
      <c r="A131047" s="13" t="s">
        <v>597</v>
      </c>
      <c r="B131047" s="14" t="s">
        <v>1</v>
      </c>
      <c r="C131047" s="14" t="s">
        <v>596</v>
      </c>
      <c r="D131047" s="14" t="s">
        <v>122</v>
      </c>
      <c r="E131047" s="15">
        <v>45388</v>
      </c>
      <c r="F131047" s="14" t="s">
        <v>15</v>
      </c>
      <c r="G131047" s="16">
        <v>0</v>
      </c>
    </row>
    <row r="131048" spans="1:7" x14ac:dyDescent="0.3">
      <c r="A131048" s="13" t="s">
        <v>597</v>
      </c>
      <c r="B131048" s="14" t="s">
        <v>1</v>
      </c>
      <c r="C131048" s="14" t="s">
        <v>596</v>
      </c>
      <c r="D131048" s="14" t="s">
        <v>122</v>
      </c>
      <c r="E131048" s="15">
        <v>45389</v>
      </c>
      <c r="F131048" s="14" t="s">
        <v>15</v>
      </c>
      <c r="G131048" s="16">
        <v>0</v>
      </c>
    </row>
    <row r="131049" spans="1:7" x14ac:dyDescent="0.3">
      <c r="A131049" s="13" t="s">
        <v>597</v>
      </c>
      <c r="B131049" s="14" t="s">
        <v>1</v>
      </c>
      <c r="C131049" s="14" t="s">
        <v>596</v>
      </c>
      <c r="D131049" s="14" t="s">
        <v>122</v>
      </c>
      <c r="E131049" s="15">
        <v>45390</v>
      </c>
      <c r="F131049" s="14" t="s">
        <v>15</v>
      </c>
      <c r="G131049" s="16">
        <v>0</v>
      </c>
    </row>
    <row r="131050" spans="1:7" x14ac:dyDescent="0.3">
      <c r="A131050" s="13" t="s">
        <v>597</v>
      </c>
      <c r="B131050" s="14" t="s">
        <v>1</v>
      </c>
      <c r="C131050" s="14" t="s">
        <v>596</v>
      </c>
      <c r="D131050" s="14" t="s">
        <v>122</v>
      </c>
      <c r="E131050" s="15">
        <v>45391</v>
      </c>
      <c r="F131050" s="14" t="s">
        <v>15</v>
      </c>
      <c r="G131050" s="16">
        <v>0</v>
      </c>
    </row>
    <row r="131051" spans="1:7" x14ac:dyDescent="0.3">
      <c r="A131051" s="13" t="s">
        <v>597</v>
      </c>
      <c r="B131051" s="14" t="s">
        <v>1</v>
      </c>
      <c r="C131051" s="14" t="s">
        <v>596</v>
      </c>
      <c r="D131051" s="14" t="s">
        <v>122</v>
      </c>
      <c r="E131051" s="15">
        <v>45392</v>
      </c>
      <c r="F131051" s="14" t="s">
        <v>15</v>
      </c>
      <c r="G131051" s="16">
        <v>0</v>
      </c>
    </row>
    <row r="131052" spans="1:7" x14ac:dyDescent="0.3">
      <c r="A131052" s="13" t="s">
        <v>597</v>
      </c>
      <c r="B131052" s="14" t="s">
        <v>1</v>
      </c>
      <c r="C131052" s="14" t="s">
        <v>596</v>
      </c>
      <c r="D131052" s="14" t="s">
        <v>122</v>
      </c>
      <c r="E131052" s="15">
        <v>45393</v>
      </c>
      <c r="F131052" s="14" t="s">
        <v>15</v>
      </c>
      <c r="G131052" s="16">
        <v>0</v>
      </c>
    </row>
    <row r="131053" spans="1:7" x14ac:dyDescent="0.3">
      <c r="A131053" s="13" t="s">
        <v>597</v>
      </c>
      <c r="B131053" s="14" t="s">
        <v>1</v>
      </c>
      <c r="C131053" s="14" t="s">
        <v>596</v>
      </c>
      <c r="D131053" s="14" t="s">
        <v>122</v>
      </c>
      <c r="E131053" s="15">
        <v>45394</v>
      </c>
      <c r="F131053" s="14" t="s">
        <v>15</v>
      </c>
      <c r="G131053" s="16">
        <v>0</v>
      </c>
    </row>
    <row r="131054" spans="1:7" x14ac:dyDescent="0.3">
      <c r="A131054" s="13" t="s">
        <v>597</v>
      </c>
      <c r="B131054" s="14" t="s">
        <v>1</v>
      </c>
      <c r="C131054" s="14" t="s">
        <v>596</v>
      </c>
      <c r="D131054" s="14" t="s">
        <v>122</v>
      </c>
      <c r="E131054" s="15">
        <v>45395</v>
      </c>
      <c r="F131054" s="14" t="s">
        <v>15</v>
      </c>
      <c r="G131054" s="16">
        <v>0</v>
      </c>
    </row>
    <row r="131055" spans="1:7" x14ac:dyDescent="0.3">
      <c r="A131055" s="13" t="s">
        <v>597</v>
      </c>
      <c r="B131055" s="14" t="s">
        <v>1</v>
      </c>
      <c r="C131055" s="14" t="s">
        <v>596</v>
      </c>
      <c r="D131055" s="14" t="s">
        <v>122</v>
      </c>
      <c r="E131055" s="15">
        <v>45396</v>
      </c>
      <c r="F131055" s="14" t="s">
        <v>15</v>
      </c>
      <c r="G131055" s="16">
        <v>0</v>
      </c>
    </row>
    <row r="131056" spans="1:7" x14ac:dyDescent="0.3">
      <c r="A131056" s="13" t="s">
        <v>597</v>
      </c>
      <c r="B131056" s="14" t="s">
        <v>1</v>
      </c>
      <c r="C131056" s="14" t="s">
        <v>596</v>
      </c>
      <c r="D131056" s="14" t="s">
        <v>122</v>
      </c>
      <c r="E131056" s="15">
        <v>45397</v>
      </c>
      <c r="F131056" s="14" t="s">
        <v>15</v>
      </c>
      <c r="G131056" s="16">
        <v>0</v>
      </c>
    </row>
    <row r="131057" spans="1:7" x14ac:dyDescent="0.3">
      <c r="A131057" s="13" t="s">
        <v>597</v>
      </c>
      <c r="B131057" s="14" t="s">
        <v>1</v>
      </c>
      <c r="C131057" s="14" t="s">
        <v>596</v>
      </c>
      <c r="D131057" s="14" t="s">
        <v>122</v>
      </c>
      <c r="E131057" s="15">
        <v>45398</v>
      </c>
      <c r="F131057" s="14" t="s">
        <v>15</v>
      </c>
      <c r="G131057" s="16">
        <v>0</v>
      </c>
    </row>
    <row r="131058" spans="1:7" x14ac:dyDescent="0.3">
      <c r="A131058" s="13" t="s">
        <v>597</v>
      </c>
      <c r="B131058" s="14" t="s">
        <v>1</v>
      </c>
      <c r="C131058" s="14" t="s">
        <v>596</v>
      </c>
      <c r="D131058" s="14" t="s">
        <v>122</v>
      </c>
      <c r="E131058" s="15">
        <v>45399</v>
      </c>
      <c r="F131058" s="14" t="s">
        <v>15</v>
      </c>
      <c r="G131058" s="16">
        <v>0</v>
      </c>
    </row>
    <row r="131059" spans="1:7" x14ac:dyDescent="0.3">
      <c r="A131059" s="13" t="s">
        <v>597</v>
      </c>
      <c r="B131059" s="14" t="s">
        <v>1</v>
      </c>
      <c r="C131059" s="14" t="s">
        <v>596</v>
      </c>
      <c r="D131059" s="14" t="s">
        <v>122</v>
      </c>
      <c r="E131059" s="15">
        <v>45400</v>
      </c>
      <c r="F131059" s="14" t="s">
        <v>15</v>
      </c>
      <c r="G131059" s="16">
        <v>0</v>
      </c>
    </row>
    <row r="131060" spans="1:7" x14ac:dyDescent="0.3">
      <c r="A131060" s="13" t="s">
        <v>597</v>
      </c>
      <c r="B131060" s="14" t="s">
        <v>1</v>
      </c>
      <c r="C131060" s="14" t="s">
        <v>596</v>
      </c>
      <c r="D131060" s="14" t="s">
        <v>122</v>
      </c>
      <c r="E131060" s="15">
        <v>45401</v>
      </c>
      <c r="F131060" s="14" t="s">
        <v>15</v>
      </c>
      <c r="G131060" s="16">
        <v>0</v>
      </c>
    </row>
    <row r="131061" spans="1:7" x14ac:dyDescent="0.3">
      <c r="A131061" s="13" t="s">
        <v>597</v>
      </c>
      <c r="B131061" s="14" t="s">
        <v>1</v>
      </c>
      <c r="C131061" s="14" t="s">
        <v>596</v>
      </c>
      <c r="D131061" s="14" t="s">
        <v>122</v>
      </c>
      <c r="E131061" s="15">
        <v>45402</v>
      </c>
      <c r="F131061" s="14" t="s">
        <v>15</v>
      </c>
      <c r="G131061" s="16">
        <v>0</v>
      </c>
    </row>
    <row r="131062" spans="1:7" x14ac:dyDescent="0.3">
      <c r="A131062" s="13" t="s">
        <v>597</v>
      </c>
      <c r="B131062" s="14" t="s">
        <v>1</v>
      </c>
      <c r="C131062" s="14" t="s">
        <v>596</v>
      </c>
      <c r="D131062" s="14" t="s">
        <v>122</v>
      </c>
      <c r="E131062" s="15">
        <v>45403</v>
      </c>
      <c r="F131062" s="14" t="s">
        <v>15</v>
      </c>
      <c r="G131062" s="16">
        <v>0</v>
      </c>
    </row>
    <row r="131063" spans="1:7" x14ac:dyDescent="0.3">
      <c r="A131063" s="13" t="s">
        <v>597</v>
      </c>
      <c r="B131063" s="14" t="s">
        <v>1</v>
      </c>
      <c r="C131063" s="14" t="s">
        <v>596</v>
      </c>
      <c r="D131063" s="14" t="s">
        <v>122</v>
      </c>
      <c r="E131063" s="15">
        <v>45404</v>
      </c>
      <c r="F131063" s="14" t="s">
        <v>15</v>
      </c>
      <c r="G131063" s="16">
        <v>0</v>
      </c>
    </row>
    <row r="131064" spans="1:7" x14ac:dyDescent="0.3">
      <c r="A131064" s="13" t="s">
        <v>597</v>
      </c>
      <c r="B131064" s="14" t="s">
        <v>1</v>
      </c>
      <c r="C131064" s="14" t="s">
        <v>596</v>
      </c>
      <c r="D131064" s="14" t="s">
        <v>122</v>
      </c>
      <c r="E131064" s="15">
        <v>45405</v>
      </c>
      <c r="F131064" s="14" t="s">
        <v>15</v>
      </c>
      <c r="G131064" s="16">
        <v>0</v>
      </c>
    </row>
    <row r="131065" spans="1:7" x14ac:dyDescent="0.3">
      <c r="A131065" s="13" t="s">
        <v>597</v>
      </c>
      <c r="B131065" s="14" t="s">
        <v>1</v>
      </c>
      <c r="C131065" s="14" t="s">
        <v>596</v>
      </c>
      <c r="D131065" s="14" t="s">
        <v>122</v>
      </c>
      <c r="E131065" s="15">
        <v>45406</v>
      </c>
      <c r="F131065" s="14" t="s">
        <v>15</v>
      </c>
      <c r="G131065" s="16">
        <v>0</v>
      </c>
    </row>
    <row r="131066" spans="1:7" x14ac:dyDescent="0.3">
      <c r="A131066" s="13" t="s">
        <v>597</v>
      </c>
      <c r="B131066" s="14" t="s">
        <v>1</v>
      </c>
      <c r="C131066" s="14" t="s">
        <v>596</v>
      </c>
      <c r="D131066" s="14" t="s">
        <v>122</v>
      </c>
      <c r="E131066" s="15">
        <v>45407</v>
      </c>
      <c r="F131066" s="14" t="s">
        <v>15</v>
      </c>
      <c r="G131066" s="16">
        <v>0</v>
      </c>
    </row>
    <row r="131067" spans="1:7" x14ac:dyDescent="0.3">
      <c r="A131067" s="13" t="s">
        <v>597</v>
      </c>
      <c r="B131067" s="14" t="s">
        <v>1</v>
      </c>
      <c r="C131067" s="14" t="s">
        <v>596</v>
      </c>
      <c r="D131067" s="14" t="s">
        <v>122</v>
      </c>
      <c r="E131067" s="15">
        <v>45408</v>
      </c>
      <c r="F131067" s="14" t="s">
        <v>15</v>
      </c>
      <c r="G131067" s="16">
        <v>0</v>
      </c>
    </row>
    <row r="131068" spans="1:7" x14ac:dyDescent="0.3">
      <c r="A131068" s="13" t="s">
        <v>597</v>
      </c>
      <c r="B131068" s="14" t="s">
        <v>1</v>
      </c>
      <c r="C131068" s="14" t="s">
        <v>596</v>
      </c>
      <c r="D131068" s="14" t="s">
        <v>122</v>
      </c>
      <c r="E131068" s="15">
        <v>45409</v>
      </c>
      <c r="F131068" s="14" t="s">
        <v>15</v>
      </c>
      <c r="G131068" s="16">
        <v>0</v>
      </c>
    </row>
    <row r="131069" spans="1:7" x14ac:dyDescent="0.3">
      <c r="A131069" s="13" t="s">
        <v>597</v>
      </c>
      <c r="B131069" s="14" t="s">
        <v>1</v>
      </c>
      <c r="C131069" s="14" t="s">
        <v>596</v>
      </c>
      <c r="D131069" s="14" t="s">
        <v>122</v>
      </c>
      <c r="E131069" s="15">
        <v>45410</v>
      </c>
      <c r="F131069" s="14" t="s">
        <v>15</v>
      </c>
      <c r="G131069" s="16">
        <v>0</v>
      </c>
    </row>
    <row r="131070" spans="1:7" x14ac:dyDescent="0.3">
      <c r="A131070" s="13" t="s">
        <v>597</v>
      </c>
      <c r="B131070" s="14" t="s">
        <v>1</v>
      </c>
      <c r="C131070" s="14" t="s">
        <v>596</v>
      </c>
      <c r="D131070" s="14" t="s">
        <v>122</v>
      </c>
      <c r="E131070" s="15">
        <v>45411</v>
      </c>
      <c r="F131070" s="14" t="s">
        <v>15</v>
      </c>
      <c r="G131070" s="16">
        <v>0</v>
      </c>
    </row>
    <row r="131071" spans="1:7" x14ac:dyDescent="0.3">
      <c r="A131071" s="13" t="s">
        <v>597</v>
      </c>
      <c r="B131071" s="14" t="s">
        <v>1</v>
      </c>
      <c r="C131071" s="14" t="s">
        <v>596</v>
      </c>
      <c r="D131071" s="14" t="s">
        <v>122</v>
      </c>
      <c r="E131071" s="15">
        <v>45412</v>
      </c>
      <c r="F131071" s="14" t="s">
        <v>15</v>
      </c>
      <c r="G131071" s="16">
        <v>0</v>
      </c>
    </row>
    <row r="131072" spans="1:7" x14ac:dyDescent="0.3">
      <c r="A131072" s="13" t="s">
        <v>597</v>
      </c>
      <c r="B131072" s="14" t="s">
        <v>1</v>
      </c>
      <c r="C131072" s="14" t="s">
        <v>596</v>
      </c>
      <c r="D131072" s="14" t="s">
        <v>122</v>
      </c>
      <c r="E131072" s="15">
        <v>45413</v>
      </c>
      <c r="F131072" s="14" t="s">
        <v>15</v>
      </c>
      <c r="G131072" s="16">
        <v>0</v>
      </c>
    </row>
    <row r="131073" spans="1:7" x14ac:dyDescent="0.3">
      <c r="A131073" s="13" t="s">
        <v>597</v>
      </c>
      <c r="B131073" s="14" t="s">
        <v>1</v>
      </c>
      <c r="C131073" s="14" t="s">
        <v>596</v>
      </c>
      <c r="D131073" s="14" t="s">
        <v>122</v>
      </c>
      <c r="E131073" s="15">
        <v>45414</v>
      </c>
      <c r="F131073" s="14" t="s">
        <v>15</v>
      </c>
      <c r="G131073" s="16">
        <v>0</v>
      </c>
    </row>
    <row r="131074" spans="1:7" x14ac:dyDescent="0.3">
      <c r="A131074" s="13" t="s">
        <v>597</v>
      </c>
      <c r="B131074" s="14" t="s">
        <v>1</v>
      </c>
      <c r="C131074" s="14" t="s">
        <v>596</v>
      </c>
      <c r="D131074" s="14" t="s">
        <v>122</v>
      </c>
      <c r="E131074" s="15">
        <v>45415</v>
      </c>
      <c r="F131074" s="14" t="s">
        <v>15</v>
      </c>
      <c r="G131074" s="16">
        <v>0</v>
      </c>
    </row>
    <row r="131075" spans="1:7" x14ac:dyDescent="0.3">
      <c r="A131075" s="13" t="s">
        <v>597</v>
      </c>
      <c r="B131075" s="14" t="s">
        <v>1</v>
      </c>
      <c r="C131075" s="14" t="s">
        <v>596</v>
      </c>
      <c r="D131075" s="14" t="s">
        <v>122</v>
      </c>
      <c r="E131075" s="15">
        <v>45416</v>
      </c>
      <c r="F131075" s="14" t="s">
        <v>15</v>
      </c>
      <c r="G131075" s="16">
        <v>0</v>
      </c>
    </row>
    <row r="131076" spans="1:7" x14ac:dyDescent="0.3">
      <c r="A131076" s="13" t="s">
        <v>597</v>
      </c>
      <c r="B131076" s="14" t="s">
        <v>1</v>
      </c>
      <c r="C131076" s="14" t="s">
        <v>596</v>
      </c>
      <c r="D131076" s="14" t="s">
        <v>122</v>
      </c>
      <c r="E131076" s="15">
        <v>45417</v>
      </c>
      <c r="F131076" s="14" t="s">
        <v>15</v>
      </c>
      <c r="G131076" s="16">
        <v>0</v>
      </c>
    </row>
    <row r="131077" spans="1:7" x14ac:dyDescent="0.3">
      <c r="A131077" s="13" t="s">
        <v>597</v>
      </c>
      <c r="B131077" s="14" t="s">
        <v>1</v>
      </c>
      <c r="C131077" s="14" t="s">
        <v>596</v>
      </c>
      <c r="D131077" s="14" t="s">
        <v>122</v>
      </c>
      <c r="E131077" s="15">
        <v>45418</v>
      </c>
      <c r="F131077" s="14" t="s">
        <v>15</v>
      </c>
      <c r="G131077" s="16">
        <v>0</v>
      </c>
    </row>
    <row r="131078" spans="1:7" x14ac:dyDescent="0.3">
      <c r="A131078" s="13" t="s">
        <v>597</v>
      </c>
      <c r="B131078" s="14" t="s">
        <v>1</v>
      </c>
      <c r="C131078" s="14" t="s">
        <v>596</v>
      </c>
      <c r="D131078" s="14" t="s">
        <v>122</v>
      </c>
      <c r="E131078" s="15">
        <v>45419</v>
      </c>
      <c r="F131078" s="14" t="s">
        <v>15</v>
      </c>
      <c r="G131078" s="16">
        <v>0</v>
      </c>
    </row>
    <row r="131079" spans="1:7" x14ac:dyDescent="0.3">
      <c r="A131079" s="13" t="s">
        <v>597</v>
      </c>
      <c r="B131079" s="14" t="s">
        <v>1</v>
      </c>
      <c r="C131079" s="14" t="s">
        <v>596</v>
      </c>
      <c r="D131079" s="14" t="s">
        <v>122</v>
      </c>
      <c r="E131079" s="15">
        <v>45420</v>
      </c>
      <c r="F131079" s="14" t="s">
        <v>15</v>
      </c>
      <c r="G131079" s="16">
        <v>0</v>
      </c>
    </row>
    <row r="131080" spans="1:7" x14ac:dyDescent="0.3">
      <c r="A131080" s="13" t="s">
        <v>597</v>
      </c>
      <c r="B131080" s="14" t="s">
        <v>1</v>
      </c>
      <c r="C131080" s="14" t="s">
        <v>596</v>
      </c>
      <c r="D131080" s="14" t="s">
        <v>122</v>
      </c>
      <c r="E131080" s="15">
        <v>45421</v>
      </c>
      <c r="F131080" s="14" t="s">
        <v>15</v>
      </c>
      <c r="G131080" s="16">
        <v>0</v>
      </c>
    </row>
    <row r="131081" spans="1:7" x14ac:dyDescent="0.3">
      <c r="A131081" s="13" t="s">
        <v>597</v>
      </c>
      <c r="B131081" s="14" t="s">
        <v>1</v>
      </c>
      <c r="C131081" s="14" t="s">
        <v>596</v>
      </c>
      <c r="D131081" s="14" t="s">
        <v>122</v>
      </c>
      <c r="E131081" s="15">
        <v>45422</v>
      </c>
      <c r="F131081" s="14" t="s">
        <v>15</v>
      </c>
      <c r="G131081" s="16">
        <v>0</v>
      </c>
    </row>
    <row r="131082" spans="1:7" x14ac:dyDescent="0.3">
      <c r="A131082" s="13" t="s">
        <v>597</v>
      </c>
      <c r="B131082" s="14" t="s">
        <v>1</v>
      </c>
      <c r="C131082" s="14" t="s">
        <v>596</v>
      </c>
      <c r="D131082" s="14" t="s">
        <v>122</v>
      </c>
      <c r="E131082" s="15">
        <v>45423</v>
      </c>
      <c r="F131082" s="14" t="s">
        <v>15</v>
      </c>
      <c r="G131082" s="16">
        <v>0</v>
      </c>
    </row>
    <row r="131083" spans="1:7" x14ac:dyDescent="0.3">
      <c r="A131083" s="13" t="s">
        <v>597</v>
      </c>
      <c r="B131083" s="14" t="s">
        <v>1</v>
      </c>
      <c r="C131083" s="14" t="s">
        <v>596</v>
      </c>
      <c r="D131083" s="14" t="s">
        <v>122</v>
      </c>
      <c r="E131083" s="15">
        <v>45424</v>
      </c>
      <c r="F131083" s="14" t="s">
        <v>15</v>
      </c>
      <c r="G131083" s="16">
        <v>0</v>
      </c>
    </row>
    <row r="131084" spans="1:7" x14ac:dyDescent="0.3">
      <c r="A131084" s="13" t="s">
        <v>597</v>
      </c>
      <c r="B131084" s="14" t="s">
        <v>1</v>
      </c>
      <c r="C131084" s="14" t="s">
        <v>596</v>
      </c>
      <c r="D131084" s="14" t="s">
        <v>122</v>
      </c>
      <c r="E131084" s="15">
        <v>45425</v>
      </c>
      <c r="F131084" s="14" t="s">
        <v>15</v>
      </c>
      <c r="G131084" s="16">
        <v>0</v>
      </c>
    </row>
    <row r="131085" spans="1:7" x14ac:dyDescent="0.3">
      <c r="A131085" s="13" t="s">
        <v>597</v>
      </c>
      <c r="B131085" s="14" t="s">
        <v>1</v>
      </c>
      <c r="C131085" s="14" t="s">
        <v>596</v>
      </c>
      <c r="D131085" s="14" t="s">
        <v>122</v>
      </c>
      <c r="E131085" s="15">
        <v>45426</v>
      </c>
      <c r="F131085" s="14" t="s">
        <v>15</v>
      </c>
      <c r="G131085" s="16">
        <v>0</v>
      </c>
    </row>
    <row r="131086" spans="1:7" x14ac:dyDescent="0.3">
      <c r="A131086" s="13" t="s">
        <v>597</v>
      </c>
      <c r="B131086" s="14" t="s">
        <v>1</v>
      </c>
      <c r="C131086" s="14" t="s">
        <v>596</v>
      </c>
      <c r="D131086" s="14" t="s">
        <v>122</v>
      </c>
      <c r="E131086" s="15">
        <v>45427</v>
      </c>
      <c r="F131086" s="14" t="s">
        <v>15</v>
      </c>
      <c r="G131086" s="16">
        <v>0</v>
      </c>
    </row>
    <row r="131087" spans="1:7" x14ac:dyDescent="0.3">
      <c r="A131087" s="13" t="s">
        <v>597</v>
      </c>
      <c r="B131087" s="14" t="s">
        <v>1</v>
      </c>
      <c r="C131087" s="14" t="s">
        <v>596</v>
      </c>
      <c r="D131087" s="14" t="s">
        <v>122</v>
      </c>
      <c r="E131087" s="15">
        <v>45428</v>
      </c>
      <c r="F131087" s="14" t="s">
        <v>15</v>
      </c>
      <c r="G131087" s="16">
        <v>0</v>
      </c>
    </row>
    <row r="131088" spans="1:7" x14ac:dyDescent="0.3">
      <c r="A131088" s="13" t="s">
        <v>597</v>
      </c>
      <c r="B131088" s="14" t="s">
        <v>1</v>
      </c>
      <c r="C131088" s="14" t="s">
        <v>596</v>
      </c>
      <c r="D131088" s="14" t="s">
        <v>122</v>
      </c>
      <c r="E131088" s="15">
        <v>45429</v>
      </c>
      <c r="F131088" s="14" t="s">
        <v>15</v>
      </c>
      <c r="G131088" s="16">
        <v>0</v>
      </c>
    </row>
    <row r="131089" spans="1:7" x14ac:dyDescent="0.3">
      <c r="A131089" s="13" t="s">
        <v>597</v>
      </c>
      <c r="B131089" s="14" t="s">
        <v>1</v>
      </c>
      <c r="C131089" s="14" t="s">
        <v>596</v>
      </c>
      <c r="D131089" s="14" t="s">
        <v>122</v>
      </c>
      <c r="E131089" s="15">
        <v>45430</v>
      </c>
      <c r="F131089" s="14" t="s">
        <v>15</v>
      </c>
      <c r="G131089" s="16">
        <v>0</v>
      </c>
    </row>
    <row r="131090" spans="1:7" x14ac:dyDescent="0.3">
      <c r="A131090" s="13" t="s">
        <v>597</v>
      </c>
      <c r="B131090" s="14" t="s">
        <v>1</v>
      </c>
      <c r="C131090" s="14" t="s">
        <v>596</v>
      </c>
      <c r="D131090" s="14" t="s">
        <v>122</v>
      </c>
      <c r="E131090" s="15">
        <v>45431</v>
      </c>
      <c r="F131090" s="14" t="s">
        <v>15</v>
      </c>
      <c r="G131090" s="16">
        <v>0</v>
      </c>
    </row>
    <row r="131091" spans="1:7" x14ac:dyDescent="0.3">
      <c r="A131091" s="13" t="s">
        <v>597</v>
      </c>
      <c r="B131091" s="14" t="s">
        <v>1</v>
      </c>
      <c r="C131091" s="14" t="s">
        <v>596</v>
      </c>
      <c r="D131091" s="14" t="s">
        <v>122</v>
      </c>
      <c r="E131091" s="15">
        <v>45432</v>
      </c>
      <c r="F131091" s="14" t="s">
        <v>15</v>
      </c>
      <c r="G131091" s="16">
        <v>0</v>
      </c>
    </row>
    <row r="131092" spans="1:7" x14ac:dyDescent="0.3">
      <c r="A131092" s="13" t="s">
        <v>597</v>
      </c>
      <c r="B131092" s="14" t="s">
        <v>1</v>
      </c>
      <c r="C131092" s="14" t="s">
        <v>596</v>
      </c>
      <c r="D131092" s="14" t="s">
        <v>122</v>
      </c>
      <c r="E131092" s="15">
        <v>45433</v>
      </c>
      <c r="F131092" s="14" t="s">
        <v>15</v>
      </c>
      <c r="G131092" s="16">
        <v>0</v>
      </c>
    </row>
    <row r="131093" spans="1:7" x14ac:dyDescent="0.3">
      <c r="A131093" s="13" t="s">
        <v>597</v>
      </c>
      <c r="B131093" s="14" t="s">
        <v>1</v>
      </c>
      <c r="C131093" s="14" t="s">
        <v>596</v>
      </c>
      <c r="D131093" s="14" t="s">
        <v>122</v>
      </c>
      <c r="E131093" s="15">
        <v>45434</v>
      </c>
      <c r="F131093" s="14" t="s">
        <v>15</v>
      </c>
      <c r="G131093" s="16">
        <v>0</v>
      </c>
    </row>
    <row r="131094" spans="1:7" x14ac:dyDescent="0.3">
      <c r="A131094" s="13" t="s">
        <v>597</v>
      </c>
      <c r="B131094" s="14" t="s">
        <v>1</v>
      </c>
      <c r="C131094" s="14" t="s">
        <v>596</v>
      </c>
      <c r="D131094" s="14" t="s">
        <v>122</v>
      </c>
      <c r="E131094" s="15">
        <v>45435</v>
      </c>
      <c r="F131094" s="14" t="s">
        <v>15</v>
      </c>
      <c r="G131094" s="16">
        <v>0</v>
      </c>
    </row>
    <row r="131095" spans="1:7" x14ac:dyDescent="0.3">
      <c r="A131095" s="13" t="s">
        <v>597</v>
      </c>
      <c r="B131095" s="14" t="s">
        <v>1</v>
      </c>
      <c r="C131095" s="14" t="s">
        <v>596</v>
      </c>
      <c r="D131095" s="14" t="s">
        <v>122</v>
      </c>
      <c r="E131095" s="15">
        <v>45436</v>
      </c>
      <c r="F131095" s="14" t="s">
        <v>15</v>
      </c>
      <c r="G131095" s="16">
        <v>0</v>
      </c>
    </row>
    <row r="131096" spans="1:7" x14ac:dyDescent="0.3">
      <c r="A131096" s="13" t="s">
        <v>597</v>
      </c>
      <c r="B131096" s="14" t="s">
        <v>1</v>
      </c>
      <c r="C131096" s="14" t="s">
        <v>596</v>
      </c>
      <c r="D131096" s="14" t="s">
        <v>122</v>
      </c>
      <c r="E131096" s="15">
        <v>45437</v>
      </c>
      <c r="F131096" s="14" t="s">
        <v>15</v>
      </c>
      <c r="G131096" s="16">
        <v>0</v>
      </c>
    </row>
    <row r="131097" spans="1:7" x14ac:dyDescent="0.3">
      <c r="A131097" s="13" t="s">
        <v>597</v>
      </c>
      <c r="B131097" s="14" t="s">
        <v>1</v>
      </c>
      <c r="C131097" s="14" t="s">
        <v>596</v>
      </c>
      <c r="D131097" s="14" t="s">
        <v>122</v>
      </c>
      <c r="E131097" s="15">
        <v>45438</v>
      </c>
      <c r="F131097" s="14" t="s">
        <v>15</v>
      </c>
      <c r="G131097" s="16">
        <v>0</v>
      </c>
    </row>
    <row r="131098" spans="1:7" x14ac:dyDescent="0.3">
      <c r="A131098" s="13" t="s">
        <v>597</v>
      </c>
      <c r="B131098" s="14" t="s">
        <v>1</v>
      </c>
      <c r="C131098" s="14" t="s">
        <v>596</v>
      </c>
      <c r="D131098" s="14" t="s">
        <v>122</v>
      </c>
      <c r="E131098" s="15">
        <v>45439</v>
      </c>
      <c r="F131098" s="14" t="s">
        <v>15</v>
      </c>
      <c r="G131098" s="16">
        <v>0</v>
      </c>
    </row>
    <row r="131099" spans="1:7" x14ac:dyDescent="0.3">
      <c r="A131099" s="13" t="s">
        <v>597</v>
      </c>
      <c r="B131099" s="14" t="s">
        <v>1</v>
      </c>
      <c r="C131099" s="14" t="s">
        <v>596</v>
      </c>
      <c r="D131099" s="14" t="s">
        <v>122</v>
      </c>
      <c r="E131099" s="15">
        <v>45440</v>
      </c>
      <c r="F131099" s="14" t="s">
        <v>15</v>
      </c>
      <c r="G131099" s="16">
        <v>0</v>
      </c>
    </row>
    <row r="131100" spans="1:7" x14ac:dyDescent="0.3">
      <c r="A131100" s="13" t="s">
        <v>597</v>
      </c>
      <c r="B131100" s="14" t="s">
        <v>1</v>
      </c>
      <c r="C131100" s="14" t="s">
        <v>596</v>
      </c>
      <c r="D131100" s="14" t="s">
        <v>122</v>
      </c>
      <c r="E131100" s="15">
        <v>45441</v>
      </c>
      <c r="F131100" s="14" t="s">
        <v>15</v>
      </c>
      <c r="G131100" s="16">
        <v>0</v>
      </c>
    </row>
    <row r="131101" spans="1:7" x14ac:dyDescent="0.3">
      <c r="A131101" s="13" t="s">
        <v>597</v>
      </c>
      <c r="B131101" s="14" t="s">
        <v>1</v>
      </c>
      <c r="C131101" s="14" t="s">
        <v>596</v>
      </c>
      <c r="D131101" s="14" t="s">
        <v>122</v>
      </c>
      <c r="E131101" s="15">
        <v>45442</v>
      </c>
      <c r="F131101" s="14" t="s">
        <v>15</v>
      </c>
      <c r="G131101" s="16">
        <v>0</v>
      </c>
    </row>
    <row r="131102" spans="1:7" x14ac:dyDescent="0.3">
      <c r="A131102" s="13" t="s">
        <v>597</v>
      </c>
      <c r="B131102" s="14" t="s">
        <v>1</v>
      </c>
      <c r="C131102" s="14" t="s">
        <v>596</v>
      </c>
      <c r="D131102" s="14" t="s">
        <v>122</v>
      </c>
      <c r="E131102" s="15">
        <v>45443</v>
      </c>
      <c r="F131102" s="14" t="s">
        <v>15</v>
      </c>
      <c r="G131102" s="16">
        <v>0</v>
      </c>
    </row>
    <row r="131103" spans="1:7" x14ac:dyDescent="0.3">
      <c r="A131103" s="13" t="s">
        <v>597</v>
      </c>
      <c r="B131103" s="14" t="s">
        <v>1</v>
      </c>
      <c r="C131103" s="14" t="s">
        <v>596</v>
      </c>
      <c r="D131103" s="14" t="s">
        <v>122</v>
      </c>
      <c r="E131103" s="15">
        <v>45444</v>
      </c>
      <c r="F131103" s="14" t="s">
        <v>15</v>
      </c>
      <c r="G131103" s="16">
        <v>0</v>
      </c>
    </row>
    <row r="131104" spans="1:7" x14ac:dyDescent="0.3">
      <c r="A131104" s="13" t="s">
        <v>597</v>
      </c>
      <c r="B131104" s="14" t="s">
        <v>1</v>
      </c>
      <c r="C131104" s="14" t="s">
        <v>596</v>
      </c>
      <c r="D131104" s="14" t="s">
        <v>122</v>
      </c>
      <c r="E131104" s="15">
        <v>45445</v>
      </c>
      <c r="F131104" s="14" t="s">
        <v>15</v>
      </c>
      <c r="G131104" s="16">
        <v>0</v>
      </c>
    </row>
    <row r="131105" spans="1:7" x14ac:dyDescent="0.3">
      <c r="A131105" s="13" t="s">
        <v>597</v>
      </c>
      <c r="B131105" s="14" t="s">
        <v>1</v>
      </c>
      <c r="C131105" s="14" t="s">
        <v>596</v>
      </c>
      <c r="D131105" s="14" t="s">
        <v>122</v>
      </c>
      <c r="E131105" s="15">
        <v>45446</v>
      </c>
      <c r="F131105" s="14" t="s">
        <v>15</v>
      </c>
      <c r="G131105" s="16">
        <v>0</v>
      </c>
    </row>
    <row r="131106" spans="1:7" x14ac:dyDescent="0.3">
      <c r="A131106" s="13" t="s">
        <v>597</v>
      </c>
      <c r="B131106" s="14" t="s">
        <v>1</v>
      </c>
      <c r="C131106" s="14" t="s">
        <v>596</v>
      </c>
      <c r="D131106" s="14" t="s">
        <v>122</v>
      </c>
      <c r="E131106" s="15">
        <v>45447</v>
      </c>
      <c r="F131106" s="14" t="s">
        <v>15</v>
      </c>
      <c r="G131106" s="16">
        <v>0</v>
      </c>
    </row>
    <row r="131107" spans="1:7" x14ac:dyDescent="0.3">
      <c r="A131107" s="13" t="s">
        <v>597</v>
      </c>
      <c r="B131107" s="14" t="s">
        <v>1</v>
      </c>
      <c r="C131107" s="14" t="s">
        <v>596</v>
      </c>
      <c r="D131107" s="14" t="s">
        <v>122</v>
      </c>
      <c r="E131107" s="15">
        <v>45448</v>
      </c>
      <c r="F131107" s="14" t="s">
        <v>15</v>
      </c>
      <c r="G131107" s="16">
        <v>0</v>
      </c>
    </row>
    <row r="131108" spans="1:7" x14ac:dyDescent="0.3">
      <c r="A131108" s="13" t="s">
        <v>597</v>
      </c>
      <c r="B131108" s="14" t="s">
        <v>1</v>
      </c>
      <c r="C131108" s="14" t="s">
        <v>596</v>
      </c>
      <c r="D131108" s="14" t="s">
        <v>122</v>
      </c>
      <c r="E131108" s="15">
        <v>45449</v>
      </c>
      <c r="F131108" s="14" t="s">
        <v>15</v>
      </c>
      <c r="G131108" s="16">
        <v>0</v>
      </c>
    </row>
    <row r="131109" spans="1:7" x14ac:dyDescent="0.3">
      <c r="A131109" s="13" t="s">
        <v>597</v>
      </c>
      <c r="B131109" s="14" t="s">
        <v>1</v>
      </c>
      <c r="C131109" s="14" t="s">
        <v>596</v>
      </c>
      <c r="D131109" s="14" t="s">
        <v>122</v>
      </c>
      <c r="E131109" s="15">
        <v>45450</v>
      </c>
      <c r="F131109" s="14" t="s">
        <v>15</v>
      </c>
      <c r="G131109" s="16">
        <v>0</v>
      </c>
    </row>
    <row r="131110" spans="1:7" x14ac:dyDescent="0.3">
      <c r="A131110" s="13" t="s">
        <v>597</v>
      </c>
      <c r="B131110" s="14" t="s">
        <v>1</v>
      </c>
      <c r="C131110" s="14" t="s">
        <v>596</v>
      </c>
      <c r="D131110" s="14" t="s">
        <v>122</v>
      </c>
      <c r="E131110" s="15">
        <v>45451</v>
      </c>
      <c r="F131110" s="14" t="s">
        <v>15</v>
      </c>
      <c r="G131110" s="16">
        <v>0</v>
      </c>
    </row>
    <row r="131111" spans="1:7" x14ac:dyDescent="0.3">
      <c r="A131111" s="13" t="s">
        <v>597</v>
      </c>
      <c r="B131111" s="14" t="s">
        <v>1</v>
      </c>
      <c r="C131111" s="14" t="s">
        <v>596</v>
      </c>
      <c r="D131111" s="14" t="s">
        <v>122</v>
      </c>
      <c r="E131111" s="15">
        <v>45452</v>
      </c>
      <c r="F131111" s="14" t="s">
        <v>15</v>
      </c>
      <c r="G131111" s="16">
        <v>0</v>
      </c>
    </row>
    <row r="131112" spans="1:7" x14ac:dyDescent="0.3">
      <c r="A131112" s="13" t="s">
        <v>597</v>
      </c>
      <c r="B131112" s="14" t="s">
        <v>1</v>
      </c>
      <c r="C131112" s="14" t="s">
        <v>596</v>
      </c>
      <c r="D131112" s="14" t="s">
        <v>122</v>
      </c>
      <c r="E131112" s="15">
        <v>45453</v>
      </c>
      <c r="F131112" s="14" t="s">
        <v>15</v>
      </c>
      <c r="G131112" s="16">
        <v>0</v>
      </c>
    </row>
    <row r="131113" spans="1:7" x14ac:dyDescent="0.3">
      <c r="A131113" s="13" t="s">
        <v>597</v>
      </c>
      <c r="B131113" s="14" t="s">
        <v>1</v>
      </c>
      <c r="C131113" s="14" t="s">
        <v>596</v>
      </c>
      <c r="D131113" s="14" t="s">
        <v>122</v>
      </c>
      <c r="E131113" s="15">
        <v>45454</v>
      </c>
      <c r="F131113" s="14" t="s">
        <v>15</v>
      </c>
      <c r="G131113" s="16">
        <v>0</v>
      </c>
    </row>
    <row r="131114" spans="1:7" x14ac:dyDescent="0.3">
      <c r="A131114" s="13" t="s">
        <v>597</v>
      </c>
      <c r="B131114" s="14" t="s">
        <v>1</v>
      </c>
      <c r="C131114" s="14" t="s">
        <v>596</v>
      </c>
      <c r="D131114" s="14" t="s">
        <v>122</v>
      </c>
      <c r="E131114" s="15">
        <v>45455</v>
      </c>
      <c r="F131114" s="14" t="s">
        <v>15</v>
      </c>
      <c r="G131114" s="16">
        <v>0</v>
      </c>
    </row>
    <row r="131115" spans="1:7" x14ac:dyDescent="0.3">
      <c r="A131115" s="13" t="s">
        <v>597</v>
      </c>
      <c r="B131115" s="14" t="s">
        <v>1</v>
      </c>
      <c r="C131115" s="14" t="s">
        <v>596</v>
      </c>
      <c r="D131115" s="14" t="s">
        <v>122</v>
      </c>
      <c r="E131115" s="15">
        <v>45456</v>
      </c>
      <c r="F131115" s="14" t="s">
        <v>15</v>
      </c>
      <c r="G131115" s="16">
        <v>0</v>
      </c>
    </row>
    <row r="131116" spans="1:7" x14ac:dyDescent="0.3">
      <c r="A131116" s="13" t="s">
        <v>597</v>
      </c>
      <c r="B131116" s="14" t="s">
        <v>1</v>
      </c>
      <c r="C131116" s="14" t="s">
        <v>596</v>
      </c>
      <c r="D131116" s="14" t="s">
        <v>122</v>
      </c>
      <c r="E131116" s="15">
        <v>45457</v>
      </c>
      <c r="F131116" s="14" t="s">
        <v>15</v>
      </c>
      <c r="G131116" s="16">
        <v>0</v>
      </c>
    </row>
    <row r="131117" spans="1:7" x14ac:dyDescent="0.3">
      <c r="A131117" s="13" t="s">
        <v>597</v>
      </c>
      <c r="B131117" s="14" t="s">
        <v>1</v>
      </c>
      <c r="C131117" s="14" t="s">
        <v>596</v>
      </c>
      <c r="D131117" s="14" t="s">
        <v>122</v>
      </c>
      <c r="E131117" s="15">
        <v>45458</v>
      </c>
      <c r="F131117" s="14" t="s">
        <v>15</v>
      </c>
      <c r="G131117" s="16">
        <v>0</v>
      </c>
    </row>
    <row r="131118" spans="1:7" x14ac:dyDescent="0.3">
      <c r="A131118" s="13" t="s">
        <v>597</v>
      </c>
      <c r="B131118" s="14" t="s">
        <v>1</v>
      </c>
      <c r="C131118" s="14" t="s">
        <v>596</v>
      </c>
      <c r="D131118" s="14" t="s">
        <v>122</v>
      </c>
      <c r="E131118" s="15">
        <v>45459</v>
      </c>
      <c r="F131118" s="14" t="s">
        <v>15</v>
      </c>
      <c r="G131118" s="16">
        <v>0</v>
      </c>
    </row>
    <row r="131119" spans="1:7" x14ac:dyDescent="0.3">
      <c r="A131119" s="13" t="s">
        <v>597</v>
      </c>
      <c r="B131119" s="14" t="s">
        <v>1</v>
      </c>
      <c r="C131119" s="14" t="s">
        <v>596</v>
      </c>
      <c r="D131119" s="14" t="s">
        <v>122</v>
      </c>
      <c r="E131119" s="15">
        <v>45460</v>
      </c>
      <c r="F131119" s="14" t="s">
        <v>15</v>
      </c>
      <c r="G131119" s="16">
        <v>0</v>
      </c>
    </row>
    <row r="131120" spans="1:7" x14ac:dyDescent="0.3">
      <c r="A131120" s="13" t="s">
        <v>597</v>
      </c>
      <c r="B131120" s="14" t="s">
        <v>1</v>
      </c>
      <c r="C131120" s="14" t="s">
        <v>596</v>
      </c>
      <c r="D131120" s="14" t="s">
        <v>122</v>
      </c>
      <c r="E131120" s="15">
        <v>45461</v>
      </c>
      <c r="F131120" s="14" t="s">
        <v>15</v>
      </c>
      <c r="G131120" s="16">
        <v>0</v>
      </c>
    </row>
    <row r="131121" spans="1:7" x14ac:dyDescent="0.3">
      <c r="A131121" s="13" t="s">
        <v>597</v>
      </c>
      <c r="B131121" s="14" t="s">
        <v>1</v>
      </c>
      <c r="C131121" s="14" t="s">
        <v>596</v>
      </c>
      <c r="D131121" s="14" t="s">
        <v>122</v>
      </c>
      <c r="E131121" s="15">
        <v>45462</v>
      </c>
      <c r="F131121" s="14" t="s">
        <v>15</v>
      </c>
      <c r="G131121" s="16">
        <v>0</v>
      </c>
    </row>
    <row r="131122" spans="1:7" x14ac:dyDescent="0.3">
      <c r="A131122" s="13" t="s">
        <v>597</v>
      </c>
      <c r="B131122" s="14" t="s">
        <v>1</v>
      </c>
      <c r="C131122" s="14" t="s">
        <v>596</v>
      </c>
      <c r="D131122" s="14" t="s">
        <v>122</v>
      </c>
      <c r="E131122" s="15">
        <v>45463</v>
      </c>
      <c r="F131122" s="14" t="s">
        <v>15</v>
      </c>
      <c r="G131122" s="16">
        <v>0</v>
      </c>
    </row>
    <row r="131123" spans="1:7" x14ac:dyDescent="0.3">
      <c r="A131123" s="13" t="s">
        <v>597</v>
      </c>
      <c r="B131123" s="14" t="s">
        <v>1</v>
      </c>
      <c r="C131123" s="14" t="s">
        <v>596</v>
      </c>
      <c r="D131123" s="14" t="s">
        <v>122</v>
      </c>
      <c r="E131123" s="15">
        <v>45464</v>
      </c>
      <c r="F131123" s="14" t="s">
        <v>15</v>
      </c>
      <c r="G131123" s="16">
        <v>0</v>
      </c>
    </row>
    <row r="131124" spans="1:7" x14ac:dyDescent="0.3">
      <c r="A131124" s="13" t="s">
        <v>597</v>
      </c>
      <c r="B131124" s="14" t="s">
        <v>1</v>
      </c>
      <c r="C131124" s="14" t="s">
        <v>596</v>
      </c>
      <c r="D131124" s="14" t="s">
        <v>122</v>
      </c>
      <c r="E131124" s="15">
        <v>45465</v>
      </c>
      <c r="F131124" s="14" t="s">
        <v>15</v>
      </c>
      <c r="G131124" s="16">
        <v>0</v>
      </c>
    </row>
    <row r="131125" spans="1:7" x14ac:dyDescent="0.3">
      <c r="A131125" s="13" t="s">
        <v>597</v>
      </c>
      <c r="B131125" s="14" t="s">
        <v>1</v>
      </c>
      <c r="C131125" s="14" t="s">
        <v>596</v>
      </c>
      <c r="D131125" s="14" t="s">
        <v>122</v>
      </c>
      <c r="E131125" s="15">
        <v>45466</v>
      </c>
      <c r="F131125" s="14" t="s">
        <v>15</v>
      </c>
      <c r="G131125" s="16">
        <v>0</v>
      </c>
    </row>
    <row r="131126" spans="1:7" x14ac:dyDescent="0.3">
      <c r="A131126" s="13" t="s">
        <v>597</v>
      </c>
      <c r="B131126" s="14" t="s">
        <v>1</v>
      </c>
      <c r="C131126" s="14" t="s">
        <v>596</v>
      </c>
      <c r="D131126" s="14" t="s">
        <v>122</v>
      </c>
      <c r="E131126" s="15">
        <v>45467</v>
      </c>
      <c r="F131126" s="14" t="s">
        <v>15</v>
      </c>
      <c r="G131126" s="16">
        <v>0</v>
      </c>
    </row>
    <row r="131127" spans="1:7" x14ac:dyDescent="0.3">
      <c r="A131127" s="13" t="s">
        <v>597</v>
      </c>
      <c r="B131127" s="14" t="s">
        <v>1</v>
      </c>
      <c r="C131127" s="14" t="s">
        <v>596</v>
      </c>
      <c r="D131127" s="14" t="s">
        <v>122</v>
      </c>
      <c r="E131127" s="15">
        <v>45468</v>
      </c>
      <c r="F131127" s="14" t="s">
        <v>15</v>
      </c>
      <c r="G131127" s="16">
        <v>0</v>
      </c>
    </row>
    <row r="131128" spans="1:7" x14ac:dyDescent="0.3">
      <c r="A131128" s="13" t="s">
        <v>597</v>
      </c>
      <c r="B131128" s="14" t="s">
        <v>1</v>
      </c>
      <c r="C131128" s="14" t="s">
        <v>596</v>
      </c>
      <c r="D131128" s="14" t="s">
        <v>122</v>
      </c>
      <c r="E131128" s="15">
        <v>45469</v>
      </c>
      <c r="F131128" s="14" t="s">
        <v>15</v>
      </c>
      <c r="G131128" s="16">
        <v>0</v>
      </c>
    </row>
    <row r="131129" spans="1:7" x14ac:dyDescent="0.3">
      <c r="A131129" s="13" t="s">
        <v>597</v>
      </c>
      <c r="B131129" s="14" t="s">
        <v>1</v>
      </c>
      <c r="C131129" s="14" t="s">
        <v>596</v>
      </c>
      <c r="D131129" s="14" t="s">
        <v>122</v>
      </c>
      <c r="E131129" s="15">
        <v>45470</v>
      </c>
      <c r="F131129" s="14" t="s">
        <v>15</v>
      </c>
      <c r="G131129" s="16">
        <v>0</v>
      </c>
    </row>
    <row r="131130" spans="1:7" x14ac:dyDescent="0.3">
      <c r="A131130" s="13" t="s">
        <v>597</v>
      </c>
      <c r="B131130" s="14" t="s">
        <v>1</v>
      </c>
      <c r="C131130" s="14" t="s">
        <v>596</v>
      </c>
      <c r="D131130" s="14" t="s">
        <v>122</v>
      </c>
      <c r="E131130" s="15">
        <v>45471</v>
      </c>
      <c r="F131130" s="14" t="s">
        <v>15</v>
      </c>
      <c r="G131130" s="16">
        <v>0</v>
      </c>
    </row>
    <row r="131131" spans="1:7" x14ac:dyDescent="0.3">
      <c r="A131131" s="13" t="s">
        <v>597</v>
      </c>
      <c r="B131131" s="14" t="s">
        <v>1</v>
      </c>
      <c r="C131131" s="14" t="s">
        <v>596</v>
      </c>
      <c r="D131131" s="14" t="s">
        <v>122</v>
      </c>
      <c r="E131131" s="15">
        <v>45472</v>
      </c>
      <c r="F131131" s="14" t="s">
        <v>15</v>
      </c>
      <c r="G131131" s="16">
        <v>0</v>
      </c>
    </row>
    <row r="131132" spans="1:7" x14ac:dyDescent="0.3">
      <c r="A131132" s="13" t="s">
        <v>597</v>
      </c>
      <c r="B131132" s="14" t="s">
        <v>1</v>
      </c>
      <c r="C131132" s="14" t="s">
        <v>596</v>
      </c>
      <c r="D131132" s="14" t="s">
        <v>122</v>
      </c>
      <c r="E131132" s="15">
        <v>45473</v>
      </c>
      <c r="F131132" s="14" t="s">
        <v>15</v>
      </c>
      <c r="G131132" s="16">
        <v>0</v>
      </c>
    </row>
    <row r="131133" spans="1:7" x14ac:dyDescent="0.3">
      <c r="A131133" s="13" t="s">
        <v>597</v>
      </c>
      <c r="B131133" s="14" t="s">
        <v>1</v>
      </c>
      <c r="C131133" s="14" t="s">
        <v>596</v>
      </c>
      <c r="D131133" s="14" t="s">
        <v>122</v>
      </c>
      <c r="E131133" s="15">
        <v>45474</v>
      </c>
      <c r="F131133" s="14" t="s">
        <v>15</v>
      </c>
      <c r="G131133" s="16">
        <v>0</v>
      </c>
    </row>
    <row r="131134" spans="1:7" x14ac:dyDescent="0.3">
      <c r="A131134" s="13" t="s">
        <v>597</v>
      </c>
      <c r="B131134" s="14" t="s">
        <v>1</v>
      </c>
      <c r="C131134" s="14" t="s">
        <v>596</v>
      </c>
      <c r="D131134" s="14" t="s">
        <v>122</v>
      </c>
      <c r="E131134" s="15">
        <v>45475</v>
      </c>
      <c r="F131134" s="14" t="s">
        <v>15</v>
      </c>
      <c r="G131134" s="16">
        <v>0</v>
      </c>
    </row>
    <row r="131135" spans="1:7" x14ac:dyDescent="0.3">
      <c r="A131135" s="13" t="s">
        <v>597</v>
      </c>
      <c r="B131135" s="14" t="s">
        <v>1</v>
      </c>
      <c r="C131135" s="14" t="s">
        <v>596</v>
      </c>
      <c r="D131135" s="14" t="s">
        <v>122</v>
      </c>
      <c r="E131135" s="15">
        <v>45476</v>
      </c>
      <c r="F131135" s="14" t="s">
        <v>15</v>
      </c>
      <c r="G131135" s="16">
        <v>0</v>
      </c>
    </row>
    <row r="131136" spans="1:7" x14ac:dyDescent="0.3">
      <c r="A131136" s="13" t="s">
        <v>597</v>
      </c>
      <c r="B131136" s="14" t="s">
        <v>1</v>
      </c>
      <c r="C131136" s="14" t="s">
        <v>596</v>
      </c>
      <c r="D131136" s="14" t="s">
        <v>122</v>
      </c>
      <c r="E131136" s="15">
        <v>45477</v>
      </c>
      <c r="F131136" s="14" t="s">
        <v>15</v>
      </c>
      <c r="G131136" s="16">
        <v>0</v>
      </c>
    </row>
    <row r="131137" spans="1:7" x14ac:dyDescent="0.3">
      <c r="A131137" s="13" t="s">
        <v>597</v>
      </c>
      <c r="B131137" s="14" t="s">
        <v>1</v>
      </c>
      <c r="C131137" s="14" t="s">
        <v>596</v>
      </c>
      <c r="D131137" s="14" t="s">
        <v>122</v>
      </c>
      <c r="E131137" s="15">
        <v>45478</v>
      </c>
      <c r="F131137" s="14" t="s">
        <v>15</v>
      </c>
      <c r="G131137" s="16">
        <v>0</v>
      </c>
    </row>
    <row r="131138" spans="1:7" x14ac:dyDescent="0.3">
      <c r="A131138" s="13" t="s">
        <v>597</v>
      </c>
      <c r="B131138" s="14" t="s">
        <v>1</v>
      </c>
      <c r="C131138" s="14" t="s">
        <v>596</v>
      </c>
      <c r="D131138" s="14" t="s">
        <v>122</v>
      </c>
      <c r="E131138" s="15">
        <v>45479</v>
      </c>
      <c r="F131138" s="14" t="s">
        <v>15</v>
      </c>
      <c r="G131138" s="16">
        <v>0</v>
      </c>
    </row>
    <row r="131139" spans="1:7" x14ac:dyDescent="0.3">
      <c r="A131139" s="13" t="s">
        <v>597</v>
      </c>
      <c r="B131139" s="14" t="s">
        <v>1</v>
      </c>
      <c r="C131139" s="14" t="s">
        <v>596</v>
      </c>
      <c r="D131139" s="14" t="s">
        <v>122</v>
      </c>
      <c r="E131139" s="15">
        <v>45480</v>
      </c>
      <c r="F131139" s="14" t="s">
        <v>15</v>
      </c>
      <c r="G131139" s="16">
        <v>0</v>
      </c>
    </row>
    <row r="131140" spans="1:7" x14ac:dyDescent="0.3">
      <c r="A131140" s="13" t="s">
        <v>597</v>
      </c>
      <c r="B131140" s="14" t="s">
        <v>1</v>
      </c>
      <c r="C131140" s="14" t="s">
        <v>596</v>
      </c>
      <c r="D131140" s="14" t="s">
        <v>122</v>
      </c>
      <c r="E131140" s="15">
        <v>45481</v>
      </c>
      <c r="F131140" s="14" t="s">
        <v>15</v>
      </c>
      <c r="G131140" s="16">
        <v>0</v>
      </c>
    </row>
    <row r="131141" spans="1:7" x14ac:dyDescent="0.3">
      <c r="A131141" s="13" t="s">
        <v>597</v>
      </c>
      <c r="B131141" s="14" t="s">
        <v>1</v>
      </c>
      <c r="C131141" s="14" t="s">
        <v>596</v>
      </c>
      <c r="D131141" s="14" t="s">
        <v>122</v>
      </c>
      <c r="E131141" s="15">
        <v>45482</v>
      </c>
      <c r="F131141" s="14" t="s">
        <v>15</v>
      </c>
      <c r="G131141" s="16">
        <v>0</v>
      </c>
    </row>
    <row r="131142" spans="1:7" x14ac:dyDescent="0.3">
      <c r="A131142" s="13" t="s">
        <v>597</v>
      </c>
      <c r="B131142" s="14" t="s">
        <v>1</v>
      </c>
      <c r="C131142" s="14" t="s">
        <v>596</v>
      </c>
      <c r="D131142" s="14" t="s">
        <v>122</v>
      </c>
      <c r="E131142" s="15">
        <v>45483</v>
      </c>
      <c r="F131142" s="14" t="s">
        <v>15</v>
      </c>
      <c r="G131142" s="16">
        <v>0</v>
      </c>
    </row>
    <row r="131143" spans="1:7" x14ac:dyDescent="0.3">
      <c r="A131143" s="13" t="s">
        <v>597</v>
      </c>
      <c r="B131143" s="14" t="s">
        <v>1</v>
      </c>
      <c r="C131143" s="14" t="s">
        <v>596</v>
      </c>
      <c r="D131143" s="14" t="s">
        <v>122</v>
      </c>
      <c r="E131143" s="15">
        <v>45484</v>
      </c>
      <c r="F131143" s="14" t="s">
        <v>15</v>
      </c>
      <c r="G131143" s="16">
        <v>0</v>
      </c>
    </row>
    <row r="131144" spans="1:7" x14ac:dyDescent="0.3">
      <c r="A131144" s="13" t="s">
        <v>597</v>
      </c>
      <c r="B131144" s="14" t="s">
        <v>1</v>
      </c>
      <c r="C131144" s="14" t="s">
        <v>596</v>
      </c>
      <c r="D131144" s="14" t="s">
        <v>122</v>
      </c>
      <c r="E131144" s="15">
        <v>45485</v>
      </c>
      <c r="F131144" s="14" t="s">
        <v>15</v>
      </c>
      <c r="G131144" s="16">
        <v>0</v>
      </c>
    </row>
    <row r="131145" spans="1:7" x14ac:dyDescent="0.3">
      <c r="A131145" s="13" t="s">
        <v>597</v>
      </c>
      <c r="B131145" s="14" t="s">
        <v>1</v>
      </c>
      <c r="C131145" s="14" t="s">
        <v>596</v>
      </c>
      <c r="D131145" s="14" t="s">
        <v>122</v>
      </c>
      <c r="E131145" s="15">
        <v>45486</v>
      </c>
      <c r="F131145" s="14" t="s">
        <v>15</v>
      </c>
      <c r="G131145" s="16">
        <v>0</v>
      </c>
    </row>
    <row r="131146" spans="1:7" x14ac:dyDescent="0.3">
      <c r="A131146" s="13" t="s">
        <v>597</v>
      </c>
      <c r="B131146" s="14" t="s">
        <v>1</v>
      </c>
      <c r="C131146" s="14" t="s">
        <v>596</v>
      </c>
      <c r="D131146" s="14" t="s">
        <v>122</v>
      </c>
      <c r="E131146" s="15">
        <v>45487</v>
      </c>
      <c r="F131146" s="14" t="s">
        <v>15</v>
      </c>
      <c r="G131146" s="16">
        <v>0</v>
      </c>
    </row>
    <row r="131147" spans="1:7" x14ac:dyDescent="0.3">
      <c r="A131147" s="13" t="s">
        <v>597</v>
      </c>
      <c r="B131147" s="14" t="s">
        <v>1</v>
      </c>
      <c r="C131147" s="14" t="s">
        <v>596</v>
      </c>
      <c r="D131147" s="14" t="s">
        <v>122</v>
      </c>
      <c r="E131147" s="15">
        <v>45488</v>
      </c>
      <c r="F131147" s="14" t="s">
        <v>15</v>
      </c>
      <c r="G131147" s="16">
        <v>0</v>
      </c>
    </row>
    <row r="131148" spans="1:7" x14ac:dyDescent="0.3">
      <c r="A131148" s="13" t="s">
        <v>597</v>
      </c>
      <c r="B131148" s="14" t="s">
        <v>1</v>
      </c>
      <c r="C131148" s="14" t="s">
        <v>596</v>
      </c>
      <c r="D131148" s="14" t="s">
        <v>122</v>
      </c>
      <c r="E131148" s="15">
        <v>45489</v>
      </c>
      <c r="F131148" s="14" t="s">
        <v>15</v>
      </c>
      <c r="G131148" s="16">
        <v>0</v>
      </c>
    </row>
    <row r="131149" spans="1:7" x14ac:dyDescent="0.3">
      <c r="A131149" s="13" t="s">
        <v>597</v>
      </c>
      <c r="B131149" s="14" t="s">
        <v>1</v>
      </c>
      <c r="C131149" s="14" t="s">
        <v>596</v>
      </c>
      <c r="D131149" s="14" t="s">
        <v>122</v>
      </c>
      <c r="E131149" s="15">
        <v>45490</v>
      </c>
      <c r="F131149" s="14" t="s">
        <v>15</v>
      </c>
      <c r="G131149" s="16">
        <v>0</v>
      </c>
    </row>
    <row r="131150" spans="1:7" x14ac:dyDescent="0.3">
      <c r="A131150" s="13" t="s">
        <v>597</v>
      </c>
      <c r="B131150" s="14" t="s">
        <v>1</v>
      </c>
      <c r="C131150" s="14" t="s">
        <v>596</v>
      </c>
      <c r="D131150" s="14" t="s">
        <v>122</v>
      </c>
      <c r="E131150" s="15">
        <v>45491</v>
      </c>
      <c r="F131150" s="14" t="s">
        <v>15</v>
      </c>
      <c r="G131150" s="16">
        <v>0</v>
      </c>
    </row>
    <row r="131151" spans="1:7" x14ac:dyDescent="0.3">
      <c r="A131151" s="13" t="s">
        <v>597</v>
      </c>
      <c r="B131151" s="14" t="s">
        <v>1</v>
      </c>
      <c r="C131151" s="14" t="s">
        <v>596</v>
      </c>
      <c r="D131151" s="14" t="s">
        <v>122</v>
      </c>
      <c r="E131151" s="15">
        <v>45492</v>
      </c>
      <c r="F131151" s="14" t="s">
        <v>15</v>
      </c>
      <c r="G131151" s="16">
        <v>0</v>
      </c>
    </row>
    <row r="131152" spans="1:7" x14ac:dyDescent="0.3">
      <c r="A131152" s="13" t="s">
        <v>597</v>
      </c>
      <c r="B131152" s="14" t="s">
        <v>1</v>
      </c>
      <c r="C131152" s="14" t="s">
        <v>596</v>
      </c>
      <c r="D131152" s="14" t="s">
        <v>122</v>
      </c>
      <c r="E131152" s="15">
        <v>45493</v>
      </c>
      <c r="F131152" s="14" t="s">
        <v>15</v>
      </c>
      <c r="G131152" s="16">
        <v>0</v>
      </c>
    </row>
    <row r="131153" spans="1:7" x14ac:dyDescent="0.3">
      <c r="A131153" s="13" t="s">
        <v>597</v>
      </c>
      <c r="B131153" s="14" t="s">
        <v>1</v>
      </c>
      <c r="C131153" s="14" t="s">
        <v>596</v>
      </c>
      <c r="D131153" s="14" t="s">
        <v>122</v>
      </c>
      <c r="E131153" s="15">
        <v>45494</v>
      </c>
      <c r="F131153" s="14" t="s">
        <v>15</v>
      </c>
      <c r="G131153" s="16">
        <v>0</v>
      </c>
    </row>
    <row r="131154" spans="1:7" x14ac:dyDescent="0.3">
      <c r="A131154" s="13" t="s">
        <v>597</v>
      </c>
      <c r="B131154" s="14" t="s">
        <v>1</v>
      </c>
      <c r="C131154" s="14" t="s">
        <v>596</v>
      </c>
      <c r="D131154" s="14" t="s">
        <v>122</v>
      </c>
      <c r="E131154" s="15">
        <v>45495</v>
      </c>
      <c r="F131154" s="14" t="s">
        <v>15</v>
      </c>
      <c r="G131154" s="16">
        <v>0</v>
      </c>
    </row>
    <row r="131155" spans="1:7" x14ac:dyDescent="0.3">
      <c r="A131155" s="13" t="s">
        <v>597</v>
      </c>
      <c r="B131155" s="14" t="s">
        <v>1</v>
      </c>
      <c r="C131155" s="14" t="s">
        <v>596</v>
      </c>
      <c r="D131155" s="14" t="s">
        <v>122</v>
      </c>
      <c r="E131155" s="15">
        <v>45496</v>
      </c>
      <c r="F131155" s="14" t="s">
        <v>15</v>
      </c>
      <c r="G131155" s="16">
        <v>0</v>
      </c>
    </row>
    <row r="131156" spans="1:7" x14ac:dyDescent="0.3">
      <c r="A131156" s="13" t="s">
        <v>597</v>
      </c>
      <c r="B131156" s="14" t="s">
        <v>1</v>
      </c>
      <c r="C131156" s="14" t="s">
        <v>596</v>
      </c>
      <c r="D131156" s="14" t="s">
        <v>122</v>
      </c>
      <c r="E131156" s="15">
        <v>45497</v>
      </c>
      <c r="F131156" s="14" t="s">
        <v>15</v>
      </c>
      <c r="G131156" s="16">
        <v>0</v>
      </c>
    </row>
    <row r="131157" spans="1:7" x14ac:dyDescent="0.3">
      <c r="A131157" s="13" t="s">
        <v>597</v>
      </c>
      <c r="B131157" s="14" t="s">
        <v>1</v>
      </c>
      <c r="C131157" s="14" t="s">
        <v>596</v>
      </c>
      <c r="D131157" s="14" t="s">
        <v>122</v>
      </c>
      <c r="E131157" s="15">
        <v>45498</v>
      </c>
      <c r="F131157" s="14" t="s">
        <v>15</v>
      </c>
      <c r="G131157" s="16">
        <v>0</v>
      </c>
    </row>
    <row r="131158" spans="1:7" x14ac:dyDescent="0.3">
      <c r="A131158" s="13" t="s">
        <v>597</v>
      </c>
      <c r="B131158" s="14" t="s">
        <v>1</v>
      </c>
      <c r="C131158" s="14" t="s">
        <v>596</v>
      </c>
      <c r="D131158" s="14" t="s">
        <v>122</v>
      </c>
      <c r="E131158" s="15">
        <v>45499</v>
      </c>
      <c r="F131158" s="14" t="s">
        <v>15</v>
      </c>
      <c r="G131158" s="16">
        <v>0</v>
      </c>
    </row>
    <row r="131159" spans="1:7" x14ac:dyDescent="0.3">
      <c r="A131159" s="13" t="s">
        <v>597</v>
      </c>
      <c r="B131159" s="14" t="s">
        <v>1</v>
      </c>
      <c r="C131159" s="14" t="s">
        <v>596</v>
      </c>
      <c r="D131159" s="14" t="s">
        <v>122</v>
      </c>
      <c r="E131159" s="15">
        <v>45500</v>
      </c>
      <c r="F131159" s="14" t="s">
        <v>15</v>
      </c>
      <c r="G131159" s="16">
        <v>0</v>
      </c>
    </row>
    <row r="131160" spans="1:7" x14ac:dyDescent="0.3">
      <c r="A131160" s="13" t="s">
        <v>597</v>
      </c>
      <c r="B131160" s="14" t="s">
        <v>1</v>
      </c>
      <c r="C131160" s="14" t="s">
        <v>596</v>
      </c>
      <c r="D131160" s="14" t="s">
        <v>122</v>
      </c>
      <c r="E131160" s="15">
        <v>45501</v>
      </c>
      <c r="F131160" s="14" t="s">
        <v>15</v>
      </c>
      <c r="G131160" s="16">
        <v>0</v>
      </c>
    </row>
    <row r="131161" spans="1:7" x14ac:dyDescent="0.3">
      <c r="A131161" s="13" t="s">
        <v>597</v>
      </c>
      <c r="B131161" s="14" t="s">
        <v>1</v>
      </c>
      <c r="C131161" s="14" t="s">
        <v>596</v>
      </c>
      <c r="D131161" s="14" t="s">
        <v>122</v>
      </c>
      <c r="E131161" s="15">
        <v>45502</v>
      </c>
      <c r="F131161" s="14" t="s">
        <v>15</v>
      </c>
      <c r="G131161" s="16">
        <v>0</v>
      </c>
    </row>
    <row r="131162" spans="1:7" x14ac:dyDescent="0.3">
      <c r="A131162" s="13" t="s">
        <v>597</v>
      </c>
      <c r="B131162" s="14" t="s">
        <v>1</v>
      </c>
      <c r="C131162" s="14" t="s">
        <v>596</v>
      </c>
      <c r="D131162" s="14" t="s">
        <v>122</v>
      </c>
      <c r="E131162" s="15">
        <v>45503</v>
      </c>
      <c r="F131162" s="14" t="s">
        <v>15</v>
      </c>
      <c r="G131162" s="16">
        <v>0</v>
      </c>
    </row>
    <row r="131163" spans="1:7" x14ac:dyDescent="0.3">
      <c r="A131163" s="13" t="s">
        <v>597</v>
      </c>
      <c r="B131163" s="14" t="s">
        <v>1</v>
      </c>
      <c r="C131163" s="14" t="s">
        <v>596</v>
      </c>
      <c r="D131163" s="14" t="s">
        <v>122</v>
      </c>
      <c r="E131163" s="15">
        <v>45504</v>
      </c>
      <c r="F131163" s="14" t="s">
        <v>15</v>
      </c>
      <c r="G131163" s="16">
        <v>0</v>
      </c>
    </row>
    <row r="131164" spans="1:7" x14ac:dyDescent="0.3">
      <c r="A131164" s="13" t="s">
        <v>597</v>
      </c>
      <c r="B131164" s="14" t="s">
        <v>1</v>
      </c>
      <c r="C131164" s="14" t="s">
        <v>596</v>
      </c>
      <c r="D131164" s="14" t="s">
        <v>122</v>
      </c>
      <c r="E131164" s="15">
        <v>45505</v>
      </c>
      <c r="F131164" s="14" t="s">
        <v>15</v>
      </c>
      <c r="G131164" s="16">
        <v>0</v>
      </c>
    </row>
    <row r="131165" spans="1:7" x14ac:dyDescent="0.3">
      <c r="A131165" s="13" t="s">
        <v>597</v>
      </c>
      <c r="B131165" s="14" t="s">
        <v>1</v>
      </c>
      <c r="C131165" s="14" t="s">
        <v>596</v>
      </c>
      <c r="D131165" s="14" t="s">
        <v>122</v>
      </c>
      <c r="E131165" s="15">
        <v>45506</v>
      </c>
      <c r="F131165" s="14" t="s">
        <v>15</v>
      </c>
      <c r="G131165" s="16">
        <v>0</v>
      </c>
    </row>
    <row r="131166" spans="1:7" x14ac:dyDescent="0.3">
      <c r="A131166" s="13" t="s">
        <v>597</v>
      </c>
      <c r="B131166" s="14" t="s">
        <v>1</v>
      </c>
      <c r="C131166" s="14" t="s">
        <v>596</v>
      </c>
      <c r="D131166" s="14" t="s">
        <v>122</v>
      </c>
      <c r="E131166" s="15">
        <v>45507</v>
      </c>
      <c r="F131166" s="14" t="s">
        <v>15</v>
      </c>
      <c r="G131166" s="16">
        <v>0</v>
      </c>
    </row>
    <row r="131167" spans="1:7" x14ac:dyDescent="0.3">
      <c r="A131167" s="13" t="s">
        <v>597</v>
      </c>
      <c r="B131167" s="14" t="s">
        <v>1</v>
      </c>
      <c r="C131167" s="14" t="s">
        <v>596</v>
      </c>
      <c r="D131167" s="14" t="s">
        <v>122</v>
      </c>
      <c r="E131167" s="15">
        <v>45508</v>
      </c>
      <c r="F131167" s="14" t="s">
        <v>15</v>
      </c>
      <c r="G131167" s="16">
        <v>0</v>
      </c>
    </row>
    <row r="131168" spans="1:7" x14ac:dyDescent="0.3">
      <c r="A131168" s="13" t="s">
        <v>597</v>
      </c>
      <c r="B131168" s="14" t="s">
        <v>1</v>
      </c>
      <c r="C131168" s="14" t="s">
        <v>596</v>
      </c>
      <c r="D131168" s="14" t="s">
        <v>122</v>
      </c>
      <c r="E131168" s="15">
        <v>45509</v>
      </c>
      <c r="F131168" s="14" t="s">
        <v>15</v>
      </c>
      <c r="G131168" s="16">
        <v>0</v>
      </c>
    </row>
    <row r="131169" spans="1:7" x14ac:dyDescent="0.3">
      <c r="A131169" s="13" t="s">
        <v>597</v>
      </c>
      <c r="B131169" s="14" t="s">
        <v>1</v>
      </c>
      <c r="C131169" s="14" t="s">
        <v>596</v>
      </c>
      <c r="D131169" s="14" t="s">
        <v>122</v>
      </c>
      <c r="E131169" s="15">
        <v>45510</v>
      </c>
      <c r="F131169" s="14" t="s">
        <v>15</v>
      </c>
      <c r="G131169" s="16">
        <v>0</v>
      </c>
    </row>
    <row r="131170" spans="1:7" x14ac:dyDescent="0.3">
      <c r="A131170" s="13" t="s">
        <v>597</v>
      </c>
      <c r="B131170" s="14" t="s">
        <v>1</v>
      </c>
      <c r="C131170" s="14" t="s">
        <v>596</v>
      </c>
      <c r="D131170" s="14" t="s">
        <v>122</v>
      </c>
      <c r="E131170" s="15">
        <v>45511</v>
      </c>
      <c r="F131170" s="14" t="s">
        <v>15</v>
      </c>
      <c r="G131170" s="16">
        <v>0</v>
      </c>
    </row>
    <row r="131171" spans="1:7" x14ac:dyDescent="0.3">
      <c r="A131171" s="13" t="s">
        <v>597</v>
      </c>
      <c r="B131171" s="14" t="s">
        <v>1</v>
      </c>
      <c r="C131171" s="14" t="s">
        <v>596</v>
      </c>
      <c r="D131171" s="14" t="s">
        <v>122</v>
      </c>
      <c r="E131171" s="15">
        <v>45512</v>
      </c>
      <c r="F131171" s="14" t="s">
        <v>15</v>
      </c>
      <c r="G131171" s="16">
        <v>0</v>
      </c>
    </row>
    <row r="131172" spans="1:7" x14ac:dyDescent="0.3">
      <c r="A131172" s="13" t="s">
        <v>597</v>
      </c>
      <c r="B131172" s="14" t="s">
        <v>1</v>
      </c>
      <c r="C131172" s="14" t="s">
        <v>596</v>
      </c>
      <c r="D131172" s="14" t="s">
        <v>122</v>
      </c>
      <c r="E131172" s="15">
        <v>45513</v>
      </c>
      <c r="F131172" s="14" t="s">
        <v>15</v>
      </c>
      <c r="G131172" s="16">
        <v>0</v>
      </c>
    </row>
    <row r="131173" spans="1:7" x14ac:dyDescent="0.3">
      <c r="A131173" s="13" t="s">
        <v>597</v>
      </c>
      <c r="B131173" s="14" t="s">
        <v>1</v>
      </c>
      <c r="C131173" s="14" t="s">
        <v>596</v>
      </c>
      <c r="D131173" s="14" t="s">
        <v>122</v>
      </c>
      <c r="E131173" s="15">
        <v>45514</v>
      </c>
      <c r="F131173" s="14" t="s">
        <v>15</v>
      </c>
      <c r="G131173" s="16">
        <v>0</v>
      </c>
    </row>
    <row r="131174" spans="1:7" x14ac:dyDescent="0.3">
      <c r="A131174" s="13" t="s">
        <v>597</v>
      </c>
      <c r="B131174" s="14" t="s">
        <v>1</v>
      </c>
      <c r="C131174" s="14" t="s">
        <v>596</v>
      </c>
      <c r="D131174" s="14" t="s">
        <v>122</v>
      </c>
      <c r="E131174" s="15">
        <v>45515</v>
      </c>
      <c r="F131174" s="14" t="s">
        <v>15</v>
      </c>
      <c r="G131174" s="16">
        <v>0</v>
      </c>
    </row>
    <row r="131175" spans="1:7" x14ac:dyDescent="0.3">
      <c r="A131175" s="13" t="s">
        <v>597</v>
      </c>
      <c r="B131175" s="14" t="s">
        <v>1</v>
      </c>
      <c r="C131175" s="14" t="s">
        <v>596</v>
      </c>
      <c r="D131175" s="14" t="s">
        <v>122</v>
      </c>
      <c r="E131175" s="15">
        <v>45516</v>
      </c>
      <c r="F131175" s="14" t="s">
        <v>15</v>
      </c>
      <c r="G131175" s="16">
        <v>0</v>
      </c>
    </row>
    <row r="131176" spans="1:7" x14ac:dyDescent="0.3">
      <c r="A131176" s="13" t="s">
        <v>597</v>
      </c>
      <c r="B131176" s="14" t="s">
        <v>1</v>
      </c>
      <c r="C131176" s="14" t="s">
        <v>596</v>
      </c>
      <c r="D131176" s="14" t="s">
        <v>122</v>
      </c>
      <c r="E131176" s="15">
        <v>45517</v>
      </c>
      <c r="F131176" s="14" t="s">
        <v>15</v>
      </c>
      <c r="G131176" s="16">
        <v>0</v>
      </c>
    </row>
    <row r="131177" spans="1:7" x14ac:dyDescent="0.3">
      <c r="A131177" s="13" t="s">
        <v>597</v>
      </c>
      <c r="B131177" s="14" t="s">
        <v>1</v>
      </c>
      <c r="C131177" s="14" t="s">
        <v>596</v>
      </c>
      <c r="D131177" s="14" t="s">
        <v>122</v>
      </c>
      <c r="E131177" s="15">
        <v>45518</v>
      </c>
      <c r="F131177" s="14" t="s">
        <v>15</v>
      </c>
      <c r="G131177" s="16">
        <v>0</v>
      </c>
    </row>
    <row r="131178" spans="1:7" x14ac:dyDescent="0.3">
      <c r="A131178" s="13" t="s">
        <v>597</v>
      </c>
      <c r="B131178" s="14" t="s">
        <v>1</v>
      </c>
      <c r="C131178" s="14" t="s">
        <v>596</v>
      </c>
      <c r="D131178" s="14" t="s">
        <v>122</v>
      </c>
      <c r="E131178" s="15">
        <v>45519</v>
      </c>
      <c r="F131178" s="14" t="s">
        <v>15</v>
      </c>
      <c r="G131178" s="16">
        <v>0</v>
      </c>
    </row>
    <row r="131179" spans="1:7" x14ac:dyDescent="0.3">
      <c r="A131179" s="13" t="s">
        <v>597</v>
      </c>
      <c r="B131179" s="14" t="s">
        <v>1</v>
      </c>
      <c r="C131179" s="14" t="s">
        <v>596</v>
      </c>
      <c r="D131179" s="14" t="s">
        <v>122</v>
      </c>
      <c r="E131179" s="15">
        <v>45520</v>
      </c>
      <c r="F131179" s="14" t="s">
        <v>15</v>
      </c>
      <c r="G131179" s="16">
        <v>0</v>
      </c>
    </row>
    <row r="131180" spans="1:7" x14ac:dyDescent="0.3">
      <c r="A131180" s="13" t="s">
        <v>597</v>
      </c>
      <c r="B131180" s="14" t="s">
        <v>1</v>
      </c>
      <c r="C131180" s="14" t="s">
        <v>596</v>
      </c>
      <c r="D131180" s="14" t="s">
        <v>122</v>
      </c>
      <c r="E131180" s="15">
        <v>45521</v>
      </c>
      <c r="F131180" s="14" t="s">
        <v>15</v>
      </c>
      <c r="G131180" s="16">
        <v>0</v>
      </c>
    </row>
    <row r="131181" spans="1:7" x14ac:dyDescent="0.3">
      <c r="A131181" s="13" t="s">
        <v>597</v>
      </c>
      <c r="B131181" s="14" t="s">
        <v>1</v>
      </c>
      <c r="C131181" s="14" t="s">
        <v>596</v>
      </c>
      <c r="D131181" s="14" t="s">
        <v>122</v>
      </c>
      <c r="E131181" s="15">
        <v>45522</v>
      </c>
      <c r="F131181" s="14" t="s">
        <v>15</v>
      </c>
      <c r="G131181" s="16">
        <v>0</v>
      </c>
    </row>
    <row r="131182" spans="1:7" x14ac:dyDescent="0.3">
      <c r="A131182" s="13" t="s">
        <v>597</v>
      </c>
      <c r="B131182" s="14" t="s">
        <v>1</v>
      </c>
      <c r="C131182" s="14" t="s">
        <v>596</v>
      </c>
      <c r="D131182" s="14" t="s">
        <v>122</v>
      </c>
      <c r="E131182" s="15">
        <v>45523</v>
      </c>
      <c r="F131182" s="14" t="s">
        <v>15</v>
      </c>
      <c r="G131182" s="16">
        <v>0</v>
      </c>
    </row>
    <row r="131183" spans="1:7" x14ac:dyDescent="0.3">
      <c r="A131183" s="13" t="s">
        <v>597</v>
      </c>
      <c r="B131183" s="14" t="s">
        <v>1</v>
      </c>
      <c r="C131183" s="14" t="s">
        <v>596</v>
      </c>
      <c r="D131183" s="14" t="s">
        <v>122</v>
      </c>
      <c r="E131183" s="15">
        <v>45524</v>
      </c>
      <c r="F131183" s="14" t="s">
        <v>15</v>
      </c>
      <c r="G131183" s="16">
        <v>0</v>
      </c>
    </row>
    <row r="131184" spans="1:7" x14ac:dyDescent="0.3">
      <c r="A131184" s="13" t="s">
        <v>597</v>
      </c>
      <c r="B131184" s="14" t="s">
        <v>1</v>
      </c>
      <c r="C131184" s="14" t="s">
        <v>596</v>
      </c>
      <c r="D131184" s="14" t="s">
        <v>122</v>
      </c>
      <c r="E131184" s="15">
        <v>45525</v>
      </c>
      <c r="F131184" s="14" t="s">
        <v>15</v>
      </c>
      <c r="G131184" s="16">
        <v>0</v>
      </c>
    </row>
    <row r="131185" spans="1:7" x14ac:dyDescent="0.3">
      <c r="A131185" s="13" t="s">
        <v>597</v>
      </c>
      <c r="B131185" s="14" t="s">
        <v>1</v>
      </c>
      <c r="C131185" s="14" t="s">
        <v>596</v>
      </c>
      <c r="D131185" s="14" t="s">
        <v>122</v>
      </c>
      <c r="E131185" s="15">
        <v>45526</v>
      </c>
      <c r="F131185" s="14" t="s">
        <v>15</v>
      </c>
      <c r="G131185" s="16">
        <v>0</v>
      </c>
    </row>
    <row r="131186" spans="1:7" x14ac:dyDescent="0.3">
      <c r="A131186" s="13" t="s">
        <v>597</v>
      </c>
      <c r="B131186" s="14" t="s">
        <v>1</v>
      </c>
      <c r="C131186" s="14" t="s">
        <v>596</v>
      </c>
      <c r="D131186" s="14" t="s">
        <v>122</v>
      </c>
      <c r="E131186" s="15">
        <v>45527</v>
      </c>
      <c r="F131186" s="14" t="s">
        <v>15</v>
      </c>
      <c r="G131186" s="16">
        <v>0</v>
      </c>
    </row>
    <row r="131187" spans="1:7" x14ac:dyDescent="0.3">
      <c r="A131187" s="13" t="s">
        <v>597</v>
      </c>
      <c r="B131187" s="14" t="s">
        <v>1</v>
      </c>
      <c r="C131187" s="14" t="s">
        <v>596</v>
      </c>
      <c r="D131187" s="14" t="s">
        <v>122</v>
      </c>
      <c r="E131187" s="15">
        <v>45528</v>
      </c>
      <c r="F131187" s="14" t="s">
        <v>15</v>
      </c>
      <c r="G131187" s="16">
        <v>0</v>
      </c>
    </row>
    <row r="131188" spans="1:7" x14ac:dyDescent="0.3">
      <c r="A131188" s="13" t="s">
        <v>597</v>
      </c>
      <c r="B131188" s="14" t="s">
        <v>1</v>
      </c>
      <c r="C131188" s="14" t="s">
        <v>596</v>
      </c>
      <c r="D131188" s="14" t="s">
        <v>122</v>
      </c>
      <c r="E131188" s="15">
        <v>45529</v>
      </c>
      <c r="F131188" s="14" t="s">
        <v>15</v>
      </c>
      <c r="G131188" s="16">
        <v>0</v>
      </c>
    </row>
    <row r="131189" spans="1:7" x14ac:dyDescent="0.3">
      <c r="A131189" s="13" t="s">
        <v>597</v>
      </c>
      <c r="B131189" s="14" t="s">
        <v>1</v>
      </c>
      <c r="C131189" s="14" t="s">
        <v>596</v>
      </c>
      <c r="D131189" s="14" t="s">
        <v>122</v>
      </c>
      <c r="E131189" s="15">
        <v>45530</v>
      </c>
      <c r="F131189" s="14" t="s">
        <v>15</v>
      </c>
      <c r="G131189" s="16">
        <v>0</v>
      </c>
    </row>
    <row r="131190" spans="1:7" x14ac:dyDescent="0.3">
      <c r="A131190" s="13" t="s">
        <v>597</v>
      </c>
      <c r="B131190" s="14" t="s">
        <v>1</v>
      </c>
      <c r="C131190" s="14" t="s">
        <v>596</v>
      </c>
      <c r="D131190" s="14" t="s">
        <v>122</v>
      </c>
      <c r="E131190" s="15">
        <v>45531</v>
      </c>
      <c r="F131190" s="14" t="s">
        <v>15</v>
      </c>
      <c r="G131190" s="16">
        <v>0</v>
      </c>
    </row>
    <row r="131191" spans="1:7" x14ac:dyDescent="0.3">
      <c r="A131191" s="13" t="s">
        <v>597</v>
      </c>
      <c r="B131191" s="14" t="s">
        <v>1</v>
      </c>
      <c r="C131191" s="14" t="s">
        <v>596</v>
      </c>
      <c r="D131191" s="14" t="s">
        <v>122</v>
      </c>
      <c r="E131191" s="15">
        <v>45532</v>
      </c>
      <c r="F131191" s="14" t="s">
        <v>15</v>
      </c>
      <c r="G131191" s="16">
        <v>0</v>
      </c>
    </row>
    <row r="131192" spans="1:7" x14ac:dyDescent="0.3">
      <c r="A131192" s="13" t="s">
        <v>597</v>
      </c>
      <c r="B131192" s="14" t="s">
        <v>1</v>
      </c>
      <c r="C131192" s="14" t="s">
        <v>596</v>
      </c>
      <c r="D131192" s="14" t="s">
        <v>122</v>
      </c>
      <c r="E131192" s="15">
        <v>45533</v>
      </c>
      <c r="F131192" s="14" t="s">
        <v>15</v>
      </c>
      <c r="G131192" s="16">
        <v>0</v>
      </c>
    </row>
    <row r="131193" spans="1:7" x14ac:dyDescent="0.3">
      <c r="A131193" s="13" t="s">
        <v>597</v>
      </c>
      <c r="B131193" s="14" t="s">
        <v>1</v>
      </c>
      <c r="C131193" s="14" t="s">
        <v>596</v>
      </c>
      <c r="D131193" s="14" t="s">
        <v>122</v>
      </c>
      <c r="E131193" s="15">
        <v>45534</v>
      </c>
      <c r="F131193" s="14" t="s">
        <v>15</v>
      </c>
      <c r="G131193" s="16">
        <v>0</v>
      </c>
    </row>
    <row r="131194" spans="1:7" x14ac:dyDescent="0.3">
      <c r="A131194" s="13" t="s">
        <v>597</v>
      </c>
      <c r="B131194" s="14" t="s">
        <v>1</v>
      </c>
      <c r="C131194" s="14" t="s">
        <v>596</v>
      </c>
      <c r="D131194" s="14" t="s">
        <v>122</v>
      </c>
      <c r="E131194" s="15">
        <v>45535</v>
      </c>
      <c r="F131194" s="14" t="s">
        <v>15</v>
      </c>
      <c r="G131194" s="16">
        <v>0</v>
      </c>
    </row>
    <row r="131195" spans="1:7" x14ac:dyDescent="0.3">
      <c r="A131195" s="13" t="s">
        <v>597</v>
      </c>
      <c r="B131195" s="14" t="s">
        <v>1</v>
      </c>
      <c r="C131195" s="14" t="s">
        <v>596</v>
      </c>
      <c r="D131195" s="14" t="s">
        <v>122</v>
      </c>
      <c r="E131195" s="15">
        <v>45536</v>
      </c>
      <c r="F131195" s="14" t="s">
        <v>15</v>
      </c>
      <c r="G131195" s="16">
        <v>0</v>
      </c>
    </row>
    <row r="131196" spans="1:7" x14ac:dyDescent="0.3">
      <c r="A131196" s="13" t="s">
        <v>597</v>
      </c>
      <c r="B131196" s="14" t="s">
        <v>1</v>
      </c>
      <c r="C131196" s="14" t="s">
        <v>596</v>
      </c>
      <c r="D131196" s="14" t="s">
        <v>122</v>
      </c>
      <c r="E131196" s="15">
        <v>45537</v>
      </c>
      <c r="F131196" s="14" t="s">
        <v>15</v>
      </c>
      <c r="G131196" s="16">
        <v>0</v>
      </c>
    </row>
    <row r="131197" spans="1:7" x14ac:dyDescent="0.3">
      <c r="A131197" s="13" t="s">
        <v>597</v>
      </c>
      <c r="B131197" s="14" t="s">
        <v>1</v>
      </c>
      <c r="C131197" s="14" t="s">
        <v>596</v>
      </c>
      <c r="D131197" s="14" t="s">
        <v>122</v>
      </c>
      <c r="E131197" s="15">
        <v>45538</v>
      </c>
      <c r="F131197" s="14" t="s">
        <v>15</v>
      </c>
      <c r="G131197" s="16">
        <v>0</v>
      </c>
    </row>
    <row r="131198" spans="1:7" x14ac:dyDescent="0.3">
      <c r="A131198" s="13" t="s">
        <v>597</v>
      </c>
      <c r="B131198" s="14" t="s">
        <v>1</v>
      </c>
      <c r="C131198" s="14" t="s">
        <v>596</v>
      </c>
      <c r="D131198" s="14" t="s">
        <v>122</v>
      </c>
      <c r="E131198" s="15">
        <v>45539</v>
      </c>
      <c r="F131198" s="14" t="s">
        <v>15</v>
      </c>
      <c r="G131198" s="16">
        <v>0</v>
      </c>
    </row>
    <row r="131199" spans="1:7" x14ac:dyDescent="0.3">
      <c r="A131199" s="13" t="s">
        <v>597</v>
      </c>
      <c r="B131199" s="14" t="s">
        <v>1</v>
      </c>
      <c r="C131199" s="14" t="s">
        <v>596</v>
      </c>
      <c r="D131199" s="14" t="s">
        <v>122</v>
      </c>
      <c r="E131199" s="15">
        <v>45540</v>
      </c>
      <c r="F131199" s="14" t="s">
        <v>15</v>
      </c>
      <c r="G131199" s="16">
        <v>0</v>
      </c>
    </row>
    <row r="131200" spans="1:7" x14ac:dyDescent="0.3">
      <c r="A131200" s="13" t="s">
        <v>597</v>
      </c>
      <c r="B131200" s="14" t="s">
        <v>1</v>
      </c>
      <c r="C131200" s="14" t="s">
        <v>596</v>
      </c>
      <c r="D131200" s="14" t="s">
        <v>122</v>
      </c>
      <c r="E131200" s="15">
        <v>45541</v>
      </c>
      <c r="F131200" s="14" t="s">
        <v>15</v>
      </c>
      <c r="G131200" s="16">
        <v>0</v>
      </c>
    </row>
    <row r="131201" spans="1:7" x14ac:dyDescent="0.3">
      <c r="A131201" s="13" t="s">
        <v>597</v>
      </c>
      <c r="B131201" s="14" t="s">
        <v>1</v>
      </c>
      <c r="C131201" s="14" t="s">
        <v>596</v>
      </c>
      <c r="D131201" s="14" t="s">
        <v>122</v>
      </c>
      <c r="E131201" s="15">
        <v>45542</v>
      </c>
      <c r="F131201" s="14" t="s">
        <v>15</v>
      </c>
      <c r="G131201" s="16">
        <v>0</v>
      </c>
    </row>
    <row r="131202" spans="1:7" x14ac:dyDescent="0.3">
      <c r="A131202" s="13" t="s">
        <v>597</v>
      </c>
      <c r="B131202" s="14" t="s">
        <v>1</v>
      </c>
      <c r="C131202" s="14" t="s">
        <v>596</v>
      </c>
      <c r="D131202" s="14" t="s">
        <v>122</v>
      </c>
      <c r="E131202" s="15">
        <v>45543</v>
      </c>
      <c r="F131202" s="14" t="s">
        <v>15</v>
      </c>
      <c r="G131202" s="16">
        <v>0</v>
      </c>
    </row>
    <row r="131203" spans="1:7" x14ac:dyDescent="0.3">
      <c r="A131203" s="13" t="s">
        <v>597</v>
      </c>
      <c r="B131203" s="14" t="s">
        <v>1</v>
      </c>
      <c r="C131203" s="14" t="s">
        <v>596</v>
      </c>
      <c r="D131203" s="14" t="s">
        <v>122</v>
      </c>
      <c r="E131203" s="15">
        <v>45544</v>
      </c>
      <c r="F131203" s="14" t="s">
        <v>15</v>
      </c>
      <c r="G131203" s="16">
        <v>0</v>
      </c>
    </row>
    <row r="131204" spans="1:7" x14ac:dyDescent="0.3">
      <c r="A131204" s="13" t="s">
        <v>597</v>
      </c>
      <c r="B131204" s="14" t="s">
        <v>1</v>
      </c>
      <c r="C131204" s="14" t="s">
        <v>596</v>
      </c>
      <c r="D131204" s="14" t="s">
        <v>122</v>
      </c>
      <c r="E131204" s="15">
        <v>45545</v>
      </c>
      <c r="F131204" s="14" t="s">
        <v>15</v>
      </c>
      <c r="G131204" s="16">
        <v>0</v>
      </c>
    </row>
    <row r="131205" spans="1:7" x14ac:dyDescent="0.3">
      <c r="A131205" s="13" t="s">
        <v>597</v>
      </c>
      <c r="B131205" s="14" t="s">
        <v>1</v>
      </c>
      <c r="C131205" s="14" t="s">
        <v>596</v>
      </c>
      <c r="D131205" s="14" t="s">
        <v>122</v>
      </c>
      <c r="E131205" s="15">
        <v>45546</v>
      </c>
      <c r="F131205" s="14" t="s">
        <v>15</v>
      </c>
      <c r="G131205" s="16">
        <v>0</v>
      </c>
    </row>
    <row r="131206" spans="1:7" x14ac:dyDescent="0.3">
      <c r="A131206" s="13" t="s">
        <v>597</v>
      </c>
      <c r="B131206" s="14" t="s">
        <v>1</v>
      </c>
      <c r="C131206" s="14" t="s">
        <v>596</v>
      </c>
      <c r="D131206" s="14" t="s">
        <v>122</v>
      </c>
      <c r="E131206" s="15">
        <v>45547</v>
      </c>
      <c r="F131206" s="14" t="s">
        <v>15</v>
      </c>
      <c r="G131206" s="16">
        <v>0</v>
      </c>
    </row>
    <row r="131207" spans="1:7" x14ac:dyDescent="0.3">
      <c r="A131207" s="13" t="s">
        <v>597</v>
      </c>
      <c r="B131207" s="14" t="s">
        <v>1</v>
      </c>
      <c r="C131207" s="14" t="s">
        <v>596</v>
      </c>
      <c r="D131207" s="14" t="s">
        <v>122</v>
      </c>
      <c r="E131207" s="15">
        <v>45548</v>
      </c>
      <c r="F131207" s="14" t="s">
        <v>15</v>
      </c>
      <c r="G131207" s="16">
        <v>0</v>
      </c>
    </row>
    <row r="131208" spans="1:7" x14ac:dyDescent="0.3">
      <c r="A131208" s="13" t="s">
        <v>597</v>
      </c>
      <c r="B131208" s="14" t="s">
        <v>1</v>
      </c>
      <c r="C131208" s="14" t="s">
        <v>596</v>
      </c>
      <c r="D131208" s="14" t="s">
        <v>122</v>
      </c>
      <c r="E131208" s="15">
        <v>45549</v>
      </c>
      <c r="F131208" s="14" t="s">
        <v>15</v>
      </c>
      <c r="G131208" s="16">
        <v>0</v>
      </c>
    </row>
    <row r="131209" spans="1:7" x14ac:dyDescent="0.3">
      <c r="A131209" s="13" t="s">
        <v>597</v>
      </c>
      <c r="B131209" s="14" t="s">
        <v>1</v>
      </c>
      <c r="C131209" s="14" t="s">
        <v>596</v>
      </c>
      <c r="D131209" s="14" t="s">
        <v>122</v>
      </c>
      <c r="E131209" s="15">
        <v>45550</v>
      </c>
      <c r="F131209" s="14" t="s">
        <v>15</v>
      </c>
      <c r="G131209" s="16">
        <v>0</v>
      </c>
    </row>
    <row r="131210" spans="1:7" x14ac:dyDescent="0.3">
      <c r="A131210" s="13" t="s">
        <v>597</v>
      </c>
      <c r="B131210" s="14" t="s">
        <v>1</v>
      </c>
      <c r="C131210" s="14" t="s">
        <v>596</v>
      </c>
      <c r="D131210" s="14" t="s">
        <v>122</v>
      </c>
      <c r="E131210" s="15">
        <v>45551</v>
      </c>
      <c r="F131210" s="14" t="s">
        <v>15</v>
      </c>
      <c r="G131210" s="16">
        <v>0</v>
      </c>
    </row>
    <row r="131211" spans="1:7" x14ac:dyDescent="0.3">
      <c r="A131211" s="13" t="s">
        <v>597</v>
      </c>
      <c r="B131211" s="14" t="s">
        <v>1</v>
      </c>
      <c r="C131211" s="14" t="s">
        <v>596</v>
      </c>
      <c r="D131211" s="14" t="s">
        <v>122</v>
      </c>
      <c r="E131211" s="15">
        <v>45552</v>
      </c>
      <c r="F131211" s="14" t="s">
        <v>15</v>
      </c>
      <c r="G131211" s="16">
        <v>0</v>
      </c>
    </row>
    <row r="131212" spans="1:7" x14ac:dyDescent="0.3">
      <c r="A131212" s="13" t="s">
        <v>597</v>
      </c>
      <c r="B131212" s="14" t="s">
        <v>1</v>
      </c>
      <c r="C131212" s="14" t="s">
        <v>596</v>
      </c>
      <c r="D131212" s="14" t="s">
        <v>122</v>
      </c>
      <c r="E131212" s="15">
        <v>45553</v>
      </c>
      <c r="F131212" s="14" t="s">
        <v>15</v>
      </c>
      <c r="G131212" s="16">
        <v>0</v>
      </c>
    </row>
    <row r="131213" spans="1:7" x14ac:dyDescent="0.3">
      <c r="A131213" s="13" t="s">
        <v>597</v>
      </c>
      <c r="B131213" s="14" t="s">
        <v>1</v>
      </c>
      <c r="C131213" s="14" t="s">
        <v>596</v>
      </c>
      <c r="D131213" s="14" t="s">
        <v>122</v>
      </c>
      <c r="E131213" s="15">
        <v>45554</v>
      </c>
      <c r="F131213" s="14" t="s">
        <v>15</v>
      </c>
      <c r="G131213" s="16">
        <v>0</v>
      </c>
    </row>
    <row r="131214" spans="1:7" x14ac:dyDescent="0.3">
      <c r="A131214" s="13" t="s">
        <v>597</v>
      </c>
      <c r="B131214" s="14" t="s">
        <v>1</v>
      </c>
      <c r="C131214" s="14" t="s">
        <v>596</v>
      </c>
      <c r="D131214" s="14" t="s">
        <v>122</v>
      </c>
      <c r="E131214" s="15">
        <v>45555</v>
      </c>
      <c r="F131214" s="14" t="s">
        <v>15</v>
      </c>
      <c r="G131214" s="16">
        <v>0</v>
      </c>
    </row>
    <row r="131215" spans="1:7" x14ac:dyDescent="0.3">
      <c r="A131215" s="13" t="s">
        <v>597</v>
      </c>
      <c r="B131215" s="14" t="s">
        <v>1</v>
      </c>
      <c r="C131215" s="14" t="s">
        <v>596</v>
      </c>
      <c r="D131215" s="14" t="s">
        <v>122</v>
      </c>
      <c r="E131215" s="15">
        <v>45556</v>
      </c>
      <c r="F131215" s="14" t="s">
        <v>15</v>
      </c>
      <c r="G131215" s="16">
        <v>0</v>
      </c>
    </row>
    <row r="131216" spans="1:7" x14ac:dyDescent="0.3">
      <c r="A131216" s="13" t="s">
        <v>597</v>
      </c>
      <c r="B131216" s="14" t="s">
        <v>1</v>
      </c>
      <c r="C131216" s="14" t="s">
        <v>596</v>
      </c>
      <c r="D131216" s="14" t="s">
        <v>122</v>
      </c>
      <c r="E131216" s="15">
        <v>45557</v>
      </c>
      <c r="F131216" s="14" t="s">
        <v>15</v>
      </c>
      <c r="G131216" s="16">
        <v>0</v>
      </c>
    </row>
    <row r="131217" spans="1:7" x14ac:dyDescent="0.3">
      <c r="A131217" s="13" t="s">
        <v>597</v>
      </c>
      <c r="B131217" s="14" t="s">
        <v>1</v>
      </c>
      <c r="C131217" s="14" t="s">
        <v>596</v>
      </c>
      <c r="D131217" s="14" t="s">
        <v>122</v>
      </c>
      <c r="E131217" s="15">
        <v>45558</v>
      </c>
      <c r="F131217" s="14" t="s">
        <v>15</v>
      </c>
      <c r="G131217" s="16">
        <v>0</v>
      </c>
    </row>
    <row r="131218" spans="1:7" x14ac:dyDescent="0.3">
      <c r="A131218" s="13" t="s">
        <v>597</v>
      </c>
      <c r="B131218" s="14" t="s">
        <v>1</v>
      </c>
      <c r="C131218" s="14" t="s">
        <v>596</v>
      </c>
      <c r="D131218" s="14" t="s">
        <v>122</v>
      </c>
      <c r="E131218" s="15">
        <v>45559</v>
      </c>
      <c r="F131218" s="14" t="s">
        <v>15</v>
      </c>
      <c r="G131218" s="16">
        <v>0</v>
      </c>
    </row>
    <row r="131219" spans="1:7" x14ac:dyDescent="0.3">
      <c r="A131219" s="13" t="s">
        <v>597</v>
      </c>
      <c r="B131219" s="14" t="s">
        <v>1</v>
      </c>
      <c r="C131219" s="14" t="s">
        <v>596</v>
      </c>
      <c r="D131219" s="14" t="s">
        <v>122</v>
      </c>
      <c r="E131219" s="15">
        <v>45560</v>
      </c>
      <c r="F131219" s="14" t="s">
        <v>15</v>
      </c>
      <c r="G131219" s="16">
        <v>0</v>
      </c>
    </row>
    <row r="131220" spans="1:7" x14ac:dyDescent="0.3">
      <c r="A131220" s="13" t="s">
        <v>597</v>
      </c>
      <c r="B131220" s="14" t="s">
        <v>1</v>
      </c>
      <c r="C131220" s="14" t="s">
        <v>596</v>
      </c>
      <c r="D131220" s="14" t="s">
        <v>122</v>
      </c>
      <c r="E131220" s="15">
        <v>45561</v>
      </c>
      <c r="F131220" s="14" t="s">
        <v>15</v>
      </c>
      <c r="G131220" s="16">
        <v>0</v>
      </c>
    </row>
    <row r="131221" spans="1:7" x14ac:dyDescent="0.3">
      <c r="A131221" s="13" t="s">
        <v>597</v>
      </c>
      <c r="B131221" s="14" t="s">
        <v>1</v>
      </c>
      <c r="C131221" s="14" t="s">
        <v>596</v>
      </c>
      <c r="D131221" s="14" t="s">
        <v>122</v>
      </c>
      <c r="E131221" s="15">
        <v>45562</v>
      </c>
      <c r="F131221" s="14" t="s">
        <v>15</v>
      </c>
      <c r="G131221" s="16">
        <v>0</v>
      </c>
    </row>
    <row r="131222" spans="1:7" x14ac:dyDescent="0.3">
      <c r="A131222" s="13" t="s">
        <v>597</v>
      </c>
      <c r="B131222" s="14" t="s">
        <v>1</v>
      </c>
      <c r="C131222" s="14" t="s">
        <v>596</v>
      </c>
      <c r="D131222" s="14" t="s">
        <v>122</v>
      </c>
      <c r="E131222" s="15">
        <v>45563</v>
      </c>
      <c r="F131222" s="14" t="s">
        <v>15</v>
      </c>
      <c r="G131222" s="16">
        <v>0</v>
      </c>
    </row>
    <row r="131223" spans="1:7" x14ac:dyDescent="0.3">
      <c r="A131223" s="13" t="s">
        <v>597</v>
      </c>
      <c r="B131223" s="14" t="s">
        <v>1</v>
      </c>
      <c r="C131223" s="14" t="s">
        <v>596</v>
      </c>
      <c r="D131223" s="14" t="s">
        <v>122</v>
      </c>
      <c r="E131223" s="15">
        <v>45564</v>
      </c>
      <c r="F131223" s="14" t="s">
        <v>15</v>
      </c>
      <c r="G131223" s="16">
        <v>0</v>
      </c>
    </row>
    <row r="131224" spans="1:7" x14ac:dyDescent="0.3">
      <c r="A131224" s="13" t="s">
        <v>597</v>
      </c>
      <c r="B131224" s="14" t="s">
        <v>1</v>
      </c>
      <c r="C131224" s="14" t="s">
        <v>596</v>
      </c>
      <c r="D131224" s="14" t="s">
        <v>122</v>
      </c>
      <c r="E131224" s="15">
        <v>45565</v>
      </c>
      <c r="F131224" s="14" t="s">
        <v>15</v>
      </c>
      <c r="G131224" s="16">
        <v>0</v>
      </c>
    </row>
    <row r="131225" spans="1:7" x14ac:dyDescent="0.3">
      <c r="A131225" s="13" t="s">
        <v>597</v>
      </c>
      <c r="B131225" s="14" t="s">
        <v>1</v>
      </c>
      <c r="C131225" s="14" t="s">
        <v>596</v>
      </c>
      <c r="D131225" s="14" t="s">
        <v>122</v>
      </c>
      <c r="E131225" s="15">
        <v>45566</v>
      </c>
      <c r="F131225" s="14" t="s">
        <v>15</v>
      </c>
      <c r="G131225" s="16">
        <v>0</v>
      </c>
    </row>
    <row r="131226" spans="1:7" x14ac:dyDescent="0.3">
      <c r="A131226" s="13" t="s">
        <v>597</v>
      </c>
      <c r="B131226" s="14" t="s">
        <v>1</v>
      </c>
      <c r="C131226" s="14" t="s">
        <v>596</v>
      </c>
      <c r="D131226" s="14" t="s">
        <v>122</v>
      </c>
      <c r="E131226" s="15">
        <v>45567</v>
      </c>
      <c r="F131226" s="14" t="s">
        <v>15</v>
      </c>
      <c r="G131226" s="16">
        <v>0</v>
      </c>
    </row>
    <row r="131227" spans="1:7" x14ac:dyDescent="0.3">
      <c r="A131227" s="13" t="s">
        <v>597</v>
      </c>
      <c r="B131227" s="14" t="s">
        <v>1</v>
      </c>
      <c r="C131227" s="14" t="s">
        <v>596</v>
      </c>
      <c r="D131227" s="14" t="s">
        <v>122</v>
      </c>
      <c r="E131227" s="15">
        <v>45568</v>
      </c>
      <c r="F131227" s="14" t="s">
        <v>15</v>
      </c>
      <c r="G131227" s="16">
        <v>0</v>
      </c>
    </row>
    <row r="131228" spans="1:7" x14ac:dyDescent="0.3">
      <c r="A131228" s="13" t="s">
        <v>597</v>
      </c>
      <c r="B131228" s="14" t="s">
        <v>1</v>
      </c>
      <c r="C131228" s="14" t="s">
        <v>596</v>
      </c>
      <c r="D131228" s="14" t="s">
        <v>122</v>
      </c>
      <c r="E131228" s="15">
        <v>45569</v>
      </c>
      <c r="F131228" s="14" t="s">
        <v>15</v>
      </c>
      <c r="G131228" s="16">
        <v>0</v>
      </c>
    </row>
    <row r="131229" spans="1:7" x14ac:dyDescent="0.3">
      <c r="A131229" s="13" t="s">
        <v>597</v>
      </c>
      <c r="B131229" s="14" t="s">
        <v>1</v>
      </c>
      <c r="C131229" s="14" t="s">
        <v>596</v>
      </c>
      <c r="D131229" s="14" t="s">
        <v>122</v>
      </c>
      <c r="E131229" s="15">
        <v>45570</v>
      </c>
      <c r="F131229" s="14" t="s">
        <v>15</v>
      </c>
      <c r="G131229" s="16">
        <v>0</v>
      </c>
    </row>
    <row r="131230" spans="1:7" x14ac:dyDescent="0.3">
      <c r="A131230" s="13" t="s">
        <v>597</v>
      </c>
      <c r="B131230" s="14" t="s">
        <v>1</v>
      </c>
      <c r="C131230" s="14" t="s">
        <v>596</v>
      </c>
      <c r="D131230" s="14" t="s">
        <v>122</v>
      </c>
      <c r="E131230" s="15">
        <v>45571</v>
      </c>
      <c r="F131230" s="14" t="s">
        <v>15</v>
      </c>
      <c r="G131230" s="16">
        <v>0</v>
      </c>
    </row>
    <row r="131231" spans="1:7" x14ac:dyDescent="0.3">
      <c r="A131231" s="13" t="s">
        <v>597</v>
      </c>
      <c r="B131231" s="14" t="s">
        <v>1</v>
      </c>
      <c r="C131231" s="14" t="s">
        <v>596</v>
      </c>
      <c r="D131231" s="14" t="s">
        <v>122</v>
      </c>
      <c r="E131231" s="15">
        <v>45572</v>
      </c>
      <c r="F131231" s="14" t="s">
        <v>15</v>
      </c>
      <c r="G131231" s="16">
        <v>0</v>
      </c>
    </row>
    <row r="131232" spans="1:7" x14ac:dyDescent="0.3">
      <c r="A131232" s="13" t="s">
        <v>597</v>
      </c>
      <c r="B131232" s="14" t="s">
        <v>1</v>
      </c>
      <c r="C131232" s="14" t="s">
        <v>596</v>
      </c>
      <c r="D131232" s="14" t="s">
        <v>122</v>
      </c>
      <c r="E131232" s="15">
        <v>45573</v>
      </c>
      <c r="F131232" s="14" t="s">
        <v>15</v>
      </c>
      <c r="G131232" s="16">
        <v>0</v>
      </c>
    </row>
    <row r="131233" spans="1:7" x14ac:dyDescent="0.3">
      <c r="A131233" s="13" t="s">
        <v>597</v>
      </c>
      <c r="B131233" s="14" t="s">
        <v>1</v>
      </c>
      <c r="C131233" s="14" t="s">
        <v>596</v>
      </c>
      <c r="D131233" s="14" t="s">
        <v>122</v>
      </c>
      <c r="E131233" s="15">
        <v>45574</v>
      </c>
      <c r="F131233" s="14" t="s">
        <v>15</v>
      </c>
      <c r="G131233" s="16">
        <v>0</v>
      </c>
    </row>
    <row r="131234" spans="1:7" x14ac:dyDescent="0.3">
      <c r="A131234" s="13" t="s">
        <v>597</v>
      </c>
      <c r="B131234" s="14" t="s">
        <v>1</v>
      </c>
      <c r="C131234" s="14" t="s">
        <v>596</v>
      </c>
      <c r="D131234" s="14" t="s">
        <v>122</v>
      </c>
      <c r="E131234" s="15">
        <v>45575</v>
      </c>
      <c r="F131234" s="14" t="s">
        <v>15</v>
      </c>
      <c r="G131234" s="16">
        <v>0</v>
      </c>
    </row>
    <row r="131235" spans="1:7" x14ac:dyDescent="0.3">
      <c r="A131235" s="13" t="s">
        <v>597</v>
      </c>
      <c r="B131235" s="14" t="s">
        <v>1</v>
      </c>
      <c r="C131235" s="14" t="s">
        <v>596</v>
      </c>
      <c r="D131235" s="14" t="s">
        <v>122</v>
      </c>
      <c r="E131235" s="15">
        <v>45576</v>
      </c>
      <c r="F131235" s="14" t="s">
        <v>15</v>
      </c>
      <c r="G131235" s="16">
        <v>0</v>
      </c>
    </row>
    <row r="131236" spans="1:7" x14ac:dyDescent="0.3">
      <c r="A131236" s="13" t="s">
        <v>597</v>
      </c>
      <c r="B131236" s="14" t="s">
        <v>1</v>
      </c>
      <c r="C131236" s="14" t="s">
        <v>596</v>
      </c>
      <c r="D131236" s="14" t="s">
        <v>122</v>
      </c>
      <c r="E131236" s="15">
        <v>45577</v>
      </c>
      <c r="F131236" s="14" t="s">
        <v>15</v>
      </c>
      <c r="G131236" s="16">
        <v>0</v>
      </c>
    </row>
    <row r="131237" spans="1:7" x14ac:dyDescent="0.3">
      <c r="A131237" s="13" t="s">
        <v>597</v>
      </c>
      <c r="B131237" s="14" t="s">
        <v>1</v>
      </c>
      <c r="C131237" s="14" t="s">
        <v>596</v>
      </c>
      <c r="D131237" s="14" t="s">
        <v>122</v>
      </c>
      <c r="E131237" s="15">
        <v>45578</v>
      </c>
      <c r="F131237" s="14" t="s">
        <v>15</v>
      </c>
      <c r="G131237" s="16">
        <v>0</v>
      </c>
    </row>
    <row r="131238" spans="1:7" x14ac:dyDescent="0.3">
      <c r="A131238" s="13" t="s">
        <v>597</v>
      </c>
      <c r="B131238" s="14" t="s">
        <v>1</v>
      </c>
      <c r="C131238" s="14" t="s">
        <v>596</v>
      </c>
      <c r="D131238" s="14" t="s">
        <v>122</v>
      </c>
      <c r="E131238" s="15">
        <v>45579</v>
      </c>
      <c r="F131238" s="14" t="s">
        <v>15</v>
      </c>
      <c r="G131238" s="16">
        <v>0</v>
      </c>
    </row>
    <row r="131239" spans="1:7" x14ac:dyDescent="0.3">
      <c r="A131239" s="13" t="s">
        <v>597</v>
      </c>
      <c r="B131239" s="14" t="s">
        <v>1</v>
      </c>
      <c r="C131239" s="14" t="s">
        <v>596</v>
      </c>
      <c r="D131239" s="14" t="s">
        <v>122</v>
      </c>
      <c r="E131239" s="15">
        <v>45580</v>
      </c>
      <c r="F131239" s="14" t="s">
        <v>15</v>
      </c>
      <c r="G131239" s="16">
        <v>0</v>
      </c>
    </row>
    <row r="131240" spans="1:7" x14ac:dyDescent="0.3">
      <c r="A131240" s="13" t="s">
        <v>597</v>
      </c>
      <c r="B131240" s="14" t="s">
        <v>1</v>
      </c>
      <c r="C131240" s="14" t="s">
        <v>596</v>
      </c>
      <c r="D131240" s="14" t="s">
        <v>122</v>
      </c>
      <c r="E131240" s="15">
        <v>45581</v>
      </c>
      <c r="F131240" s="14" t="s">
        <v>15</v>
      </c>
      <c r="G131240" s="16">
        <v>0</v>
      </c>
    </row>
    <row r="131241" spans="1:7" x14ac:dyDescent="0.3">
      <c r="A131241" s="13" t="s">
        <v>597</v>
      </c>
      <c r="B131241" s="14" t="s">
        <v>1</v>
      </c>
      <c r="C131241" s="14" t="s">
        <v>596</v>
      </c>
      <c r="D131241" s="14" t="s">
        <v>122</v>
      </c>
      <c r="E131241" s="15">
        <v>45582</v>
      </c>
      <c r="F131241" s="14" t="s">
        <v>15</v>
      </c>
      <c r="G131241" s="16">
        <v>0</v>
      </c>
    </row>
    <row r="131242" spans="1:7" x14ac:dyDescent="0.3">
      <c r="A131242" s="13" t="s">
        <v>597</v>
      </c>
      <c r="B131242" s="14" t="s">
        <v>1</v>
      </c>
      <c r="C131242" s="14" t="s">
        <v>596</v>
      </c>
      <c r="D131242" s="14" t="s">
        <v>122</v>
      </c>
      <c r="E131242" s="15">
        <v>45583</v>
      </c>
      <c r="F131242" s="14" t="s">
        <v>15</v>
      </c>
      <c r="G131242" s="16">
        <v>0</v>
      </c>
    </row>
    <row r="131243" spans="1:7" x14ac:dyDescent="0.3">
      <c r="A131243" s="13" t="s">
        <v>597</v>
      </c>
      <c r="B131243" s="14" t="s">
        <v>1</v>
      </c>
      <c r="C131243" s="14" t="s">
        <v>596</v>
      </c>
      <c r="D131243" s="14" t="s">
        <v>122</v>
      </c>
      <c r="E131243" s="15">
        <v>45584</v>
      </c>
      <c r="F131243" s="14" t="s">
        <v>15</v>
      </c>
      <c r="G131243" s="16">
        <v>0</v>
      </c>
    </row>
    <row r="131244" spans="1:7" x14ac:dyDescent="0.3">
      <c r="A131244" s="13" t="s">
        <v>597</v>
      </c>
      <c r="B131244" s="14" t="s">
        <v>1</v>
      </c>
      <c r="C131244" s="14" t="s">
        <v>596</v>
      </c>
      <c r="D131244" s="14" t="s">
        <v>122</v>
      </c>
      <c r="E131244" s="15">
        <v>45585</v>
      </c>
      <c r="F131244" s="14" t="s">
        <v>15</v>
      </c>
      <c r="G131244" s="16">
        <v>0</v>
      </c>
    </row>
    <row r="131245" spans="1:7" x14ac:dyDescent="0.3">
      <c r="A131245" s="13" t="s">
        <v>597</v>
      </c>
      <c r="B131245" s="14" t="s">
        <v>1</v>
      </c>
      <c r="C131245" s="14" t="s">
        <v>596</v>
      </c>
      <c r="D131245" s="14" t="s">
        <v>122</v>
      </c>
      <c r="E131245" s="15">
        <v>45586</v>
      </c>
      <c r="F131245" s="14" t="s">
        <v>15</v>
      </c>
      <c r="G131245" s="16">
        <v>0</v>
      </c>
    </row>
    <row r="131246" spans="1:7" x14ac:dyDescent="0.3">
      <c r="A131246" s="13" t="s">
        <v>597</v>
      </c>
      <c r="B131246" s="14" t="s">
        <v>1</v>
      </c>
      <c r="C131246" s="14" t="s">
        <v>596</v>
      </c>
      <c r="D131246" s="14" t="s">
        <v>122</v>
      </c>
      <c r="E131246" s="15">
        <v>45587</v>
      </c>
      <c r="F131246" s="14" t="s">
        <v>15</v>
      </c>
      <c r="G131246" s="16">
        <v>0</v>
      </c>
    </row>
    <row r="131247" spans="1:7" x14ac:dyDescent="0.3">
      <c r="A131247" s="13" t="s">
        <v>597</v>
      </c>
      <c r="B131247" s="14" t="s">
        <v>1</v>
      </c>
      <c r="C131247" s="14" t="s">
        <v>596</v>
      </c>
      <c r="D131247" s="14" t="s">
        <v>122</v>
      </c>
      <c r="E131247" s="15">
        <v>45588</v>
      </c>
      <c r="F131247" s="14" t="s">
        <v>15</v>
      </c>
      <c r="G131247" s="16">
        <v>0</v>
      </c>
    </row>
    <row r="131248" spans="1:7" x14ac:dyDescent="0.3">
      <c r="A131248" s="13" t="s">
        <v>597</v>
      </c>
      <c r="B131248" s="14" t="s">
        <v>1</v>
      </c>
      <c r="C131248" s="14" t="s">
        <v>596</v>
      </c>
      <c r="D131248" s="14" t="s">
        <v>122</v>
      </c>
      <c r="E131248" s="15">
        <v>45589</v>
      </c>
      <c r="F131248" s="14" t="s">
        <v>15</v>
      </c>
      <c r="G131248" s="16">
        <v>0</v>
      </c>
    </row>
    <row r="131249" spans="1:7" x14ac:dyDescent="0.3">
      <c r="A131249" s="13" t="s">
        <v>597</v>
      </c>
      <c r="B131249" s="14" t="s">
        <v>1</v>
      </c>
      <c r="C131249" s="14" t="s">
        <v>596</v>
      </c>
      <c r="D131249" s="14" t="s">
        <v>122</v>
      </c>
      <c r="E131249" s="15">
        <v>45590</v>
      </c>
      <c r="F131249" s="14" t="s">
        <v>15</v>
      </c>
      <c r="G131249" s="16">
        <v>0</v>
      </c>
    </row>
    <row r="131250" spans="1:7" x14ac:dyDescent="0.3">
      <c r="A131250" s="13" t="s">
        <v>597</v>
      </c>
      <c r="B131250" s="14" t="s">
        <v>1</v>
      </c>
      <c r="C131250" s="14" t="s">
        <v>596</v>
      </c>
      <c r="D131250" s="14" t="s">
        <v>122</v>
      </c>
      <c r="E131250" s="15">
        <v>45591</v>
      </c>
      <c r="F131250" s="14" t="s">
        <v>15</v>
      </c>
      <c r="G131250" s="16">
        <v>0</v>
      </c>
    </row>
    <row r="131251" spans="1:7" x14ac:dyDescent="0.3">
      <c r="A131251" s="13" t="s">
        <v>597</v>
      </c>
      <c r="B131251" s="14" t="s">
        <v>1</v>
      </c>
      <c r="C131251" s="14" t="s">
        <v>596</v>
      </c>
      <c r="D131251" s="14" t="s">
        <v>122</v>
      </c>
      <c r="E131251" s="15">
        <v>45592</v>
      </c>
      <c r="F131251" s="14" t="s">
        <v>15</v>
      </c>
      <c r="G131251" s="16">
        <v>0</v>
      </c>
    </row>
    <row r="131252" spans="1:7" x14ac:dyDescent="0.3">
      <c r="A131252" s="13" t="s">
        <v>597</v>
      </c>
      <c r="B131252" s="14" t="s">
        <v>1</v>
      </c>
      <c r="C131252" s="14" t="s">
        <v>596</v>
      </c>
      <c r="D131252" s="14" t="s">
        <v>122</v>
      </c>
      <c r="E131252" s="15">
        <v>45593</v>
      </c>
      <c r="F131252" s="14" t="s">
        <v>15</v>
      </c>
      <c r="G131252" s="16">
        <v>0</v>
      </c>
    </row>
    <row r="131253" spans="1:7" x14ac:dyDescent="0.3">
      <c r="A131253" s="13" t="s">
        <v>597</v>
      </c>
      <c r="B131253" s="14" t="s">
        <v>1</v>
      </c>
      <c r="C131253" s="14" t="s">
        <v>596</v>
      </c>
      <c r="D131253" s="14" t="s">
        <v>122</v>
      </c>
      <c r="E131253" s="15">
        <v>45594</v>
      </c>
      <c r="F131253" s="14" t="s">
        <v>15</v>
      </c>
      <c r="G131253" s="16">
        <v>0</v>
      </c>
    </row>
    <row r="131254" spans="1:7" x14ac:dyDescent="0.3">
      <c r="A131254" s="13" t="s">
        <v>597</v>
      </c>
      <c r="B131254" s="14" t="s">
        <v>1</v>
      </c>
      <c r="C131254" s="14" t="s">
        <v>596</v>
      </c>
      <c r="D131254" s="14" t="s">
        <v>122</v>
      </c>
      <c r="E131254" s="15">
        <v>45595</v>
      </c>
      <c r="F131254" s="14" t="s">
        <v>15</v>
      </c>
      <c r="G131254" s="16">
        <v>0</v>
      </c>
    </row>
    <row r="131255" spans="1:7" x14ac:dyDescent="0.3">
      <c r="A131255" s="13" t="s">
        <v>597</v>
      </c>
      <c r="B131255" s="14" t="s">
        <v>1</v>
      </c>
      <c r="C131255" s="14" t="s">
        <v>596</v>
      </c>
      <c r="D131255" s="14" t="s">
        <v>122</v>
      </c>
      <c r="E131255" s="15">
        <v>45596</v>
      </c>
      <c r="F131255" s="14" t="s">
        <v>15</v>
      </c>
      <c r="G131255" s="16">
        <v>0</v>
      </c>
    </row>
    <row r="131256" spans="1:7" x14ac:dyDescent="0.3">
      <c r="A131256" s="13" t="s">
        <v>597</v>
      </c>
      <c r="B131256" s="14" t="s">
        <v>1</v>
      </c>
      <c r="C131256" s="14" t="s">
        <v>596</v>
      </c>
      <c r="D131256" s="14" t="s">
        <v>122</v>
      </c>
      <c r="E131256" s="15">
        <v>45597</v>
      </c>
      <c r="F131256" s="14" t="s">
        <v>15</v>
      </c>
      <c r="G131256" s="16">
        <v>0</v>
      </c>
    </row>
    <row r="131257" spans="1:7" x14ac:dyDescent="0.3">
      <c r="A131257" s="13" t="s">
        <v>597</v>
      </c>
      <c r="B131257" s="14" t="s">
        <v>1</v>
      </c>
      <c r="C131257" s="14" t="s">
        <v>596</v>
      </c>
      <c r="D131257" s="14" t="s">
        <v>122</v>
      </c>
      <c r="E131257" s="15">
        <v>45598</v>
      </c>
      <c r="F131257" s="14" t="s">
        <v>15</v>
      </c>
      <c r="G131257" s="16">
        <v>0</v>
      </c>
    </row>
    <row r="131258" spans="1:7" x14ac:dyDescent="0.3">
      <c r="A131258" s="13" t="s">
        <v>597</v>
      </c>
      <c r="B131258" s="14" t="s">
        <v>1</v>
      </c>
      <c r="C131258" s="14" t="s">
        <v>596</v>
      </c>
      <c r="D131258" s="14" t="s">
        <v>122</v>
      </c>
      <c r="E131258" s="15">
        <v>45599</v>
      </c>
      <c r="F131258" s="14" t="s">
        <v>15</v>
      </c>
      <c r="G131258" s="16">
        <v>0</v>
      </c>
    </row>
    <row r="131259" spans="1:7" x14ac:dyDescent="0.3">
      <c r="A131259" s="13" t="s">
        <v>597</v>
      </c>
      <c r="B131259" s="14" t="s">
        <v>1</v>
      </c>
      <c r="C131259" s="14" t="s">
        <v>596</v>
      </c>
      <c r="D131259" s="14" t="s">
        <v>122</v>
      </c>
      <c r="E131259" s="15">
        <v>45600</v>
      </c>
      <c r="F131259" s="14" t="s">
        <v>15</v>
      </c>
      <c r="G131259" s="16">
        <v>0</v>
      </c>
    </row>
    <row r="131260" spans="1:7" x14ac:dyDescent="0.3">
      <c r="A131260" s="13" t="s">
        <v>597</v>
      </c>
      <c r="B131260" s="14" t="s">
        <v>1</v>
      </c>
      <c r="C131260" s="14" t="s">
        <v>596</v>
      </c>
      <c r="D131260" s="14" t="s">
        <v>122</v>
      </c>
      <c r="E131260" s="15">
        <v>45601</v>
      </c>
      <c r="F131260" s="14" t="s">
        <v>15</v>
      </c>
      <c r="G131260" s="16">
        <v>0</v>
      </c>
    </row>
    <row r="131261" spans="1:7" x14ac:dyDescent="0.3">
      <c r="A131261" s="13" t="s">
        <v>597</v>
      </c>
      <c r="B131261" s="14" t="s">
        <v>1</v>
      </c>
      <c r="C131261" s="14" t="s">
        <v>596</v>
      </c>
      <c r="D131261" s="14" t="s">
        <v>122</v>
      </c>
      <c r="E131261" s="15">
        <v>45602</v>
      </c>
      <c r="F131261" s="14" t="s">
        <v>15</v>
      </c>
      <c r="G131261" s="16">
        <v>0</v>
      </c>
    </row>
    <row r="131262" spans="1:7" x14ac:dyDescent="0.3">
      <c r="A131262" s="13" t="s">
        <v>597</v>
      </c>
      <c r="B131262" s="14" t="s">
        <v>1</v>
      </c>
      <c r="C131262" s="14" t="s">
        <v>596</v>
      </c>
      <c r="D131262" s="14" t="s">
        <v>122</v>
      </c>
      <c r="E131262" s="15">
        <v>45603</v>
      </c>
      <c r="F131262" s="14" t="s">
        <v>15</v>
      </c>
      <c r="G131262" s="16">
        <v>0</v>
      </c>
    </row>
    <row r="131263" spans="1:7" x14ac:dyDescent="0.3">
      <c r="A131263" s="13" t="s">
        <v>597</v>
      </c>
      <c r="B131263" s="14" t="s">
        <v>1</v>
      </c>
      <c r="C131263" s="14" t="s">
        <v>596</v>
      </c>
      <c r="D131263" s="14" t="s">
        <v>122</v>
      </c>
      <c r="E131263" s="15">
        <v>45604</v>
      </c>
      <c r="F131263" s="14" t="s">
        <v>15</v>
      </c>
      <c r="G131263" s="16">
        <v>0</v>
      </c>
    </row>
    <row r="131264" spans="1:7" x14ac:dyDescent="0.3">
      <c r="A131264" s="13" t="s">
        <v>597</v>
      </c>
      <c r="B131264" s="14" t="s">
        <v>1</v>
      </c>
      <c r="C131264" s="14" t="s">
        <v>596</v>
      </c>
      <c r="D131264" s="14" t="s">
        <v>122</v>
      </c>
      <c r="E131264" s="15">
        <v>45605</v>
      </c>
      <c r="F131264" s="14" t="s">
        <v>15</v>
      </c>
      <c r="G131264" s="16">
        <v>0</v>
      </c>
    </row>
    <row r="131265" spans="1:7" x14ac:dyDescent="0.3">
      <c r="A131265" s="13" t="s">
        <v>597</v>
      </c>
      <c r="B131265" s="14" t="s">
        <v>1</v>
      </c>
      <c r="C131265" s="14" t="s">
        <v>596</v>
      </c>
      <c r="D131265" s="14" t="s">
        <v>122</v>
      </c>
      <c r="E131265" s="15">
        <v>45606</v>
      </c>
      <c r="F131265" s="14" t="s">
        <v>15</v>
      </c>
      <c r="G131265" s="16">
        <v>0</v>
      </c>
    </row>
    <row r="131266" spans="1:7" x14ac:dyDescent="0.3">
      <c r="A131266" s="13" t="s">
        <v>597</v>
      </c>
      <c r="B131266" s="14" t="s">
        <v>1</v>
      </c>
      <c r="C131266" s="14" t="s">
        <v>596</v>
      </c>
      <c r="D131266" s="14" t="s">
        <v>122</v>
      </c>
      <c r="E131266" s="15">
        <v>45607</v>
      </c>
      <c r="F131266" s="14" t="s">
        <v>15</v>
      </c>
      <c r="G131266" s="16">
        <v>0</v>
      </c>
    </row>
    <row r="131267" spans="1:7" x14ac:dyDescent="0.3">
      <c r="A131267" s="13" t="s">
        <v>597</v>
      </c>
      <c r="B131267" s="14" t="s">
        <v>1</v>
      </c>
      <c r="C131267" s="14" t="s">
        <v>596</v>
      </c>
      <c r="D131267" s="14" t="s">
        <v>122</v>
      </c>
      <c r="E131267" s="15">
        <v>45608</v>
      </c>
      <c r="F131267" s="14" t="s">
        <v>15</v>
      </c>
      <c r="G131267" s="16">
        <v>0</v>
      </c>
    </row>
    <row r="131268" spans="1:7" x14ac:dyDescent="0.3">
      <c r="A131268" s="13" t="s">
        <v>597</v>
      </c>
      <c r="B131268" s="14" t="s">
        <v>1</v>
      </c>
      <c r="C131268" s="14" t="s">
        <v>596</v>
      </c>
      <c r="D131268" s="14" t="s">
        <v>122</v>
      </c>
      <c r="E131268" s="15">
        <v>45609</v>
      </c>
      <c r="F131268" s="14" t="s">
        <v>15</v>
      </c>
      <c r="G131268" s="16">
        <v>0</v>
      </c>
    </row>
    <row r="131269" spans="1:7" x14ac:dyDescent="0.3">
      <c r="A131269" s="13" t="s">
        <v>597</v>
      </c>
      <c r="B131269" s="14" t="s">
        <v>1</v>
      </c>
      <c r="C131269" s="14" t="s">
        <v>596</v>
      </c>
      <c r="D131269" s="14" t="s">
        <v>122</v>
      </c>
      <c r="E131269" s="15">
        <v>45610</v>
      </c>
      <c r="F131269" s="14" t="s">
        <v>15</v>
      </c>
      <c r="G131269" s="16">
        <v>0</v>
      </c>
    </row>
    <row r="131270" spans="1:7" x14ac:dyDescent="0.3">
      <c r="A131270" s="13" t="s">
        <v>597</v>
      </c>
      <c r="B131270" s="14" t="s">
        <v>1</v>
      </c>
      <c r="C131270" s="14" t="s">
        <v>596</v>
      </c>
      <c r="D131270" s="14" t="s">
        <v>122</v>
      </c>
      <c r="E131270" s="15">
        <v>45611</v>
      </c>
      <c r="F131270" s="14" t="s">
        <v>15</v>
      </c>
      <c r="G131270" s="16">
        <v>0</v>
      </c>
    </row>
    <row r="131271" spans="1:7" x14ac:dyDescent="0.3">
      <c r="A131271" s="13" t="s">
        <v>597</v>
      </c>
      <c r="B131271" s="14" t="s">
        <v>1</v>
      </c>
      <c r="C131271" s="14" t="s">
        <v>596</v>
      </c>
      <c r="D131271" s="14" t="s">
        <v>122</v>
      </c>
      <c r="E131271" s="15">
        <v>45612</v>
      </c>
      <c r="F131271" s="14" t="s">
        <v>15</v>
      </c>
      <c r="G131271" s="16">
        <v>0</v>
      </c>
    </row>
    <row r="131272" spans="1:7" x14ac:dyDescent="0.3">
      <c r="A131272" s="13" t="s">
        <v>597</v>
      </c>
      <c r="B131272" s="14" t="s">
        <v>1</v>
      </c>
      <c r="C131272" s="14" t="s">
        <v>596</v>
      </c>
      <c r="D131272" s="14" t="s">
        <v>122</v>
      </c>
      <c r="E131272" s="15">
        <v>45613</v>
      </c>
      <c r="F131272" s="14" t="s">
        <v>15</v>
      </c>
      <c r="G131272" s="16">
        <v>0</v>
      </c>
    </row>
    <row r="131273" spans="1:7" x14ac:dyDescent="0.3">
      <c r="A131273" s="13" t="s">
        <v>597</v>
      </c>
      <c r="B131273" s="14" t="s">
        <v>1</v>
      </c>
      <c r="C131273" s="14" t="s">
        <v>596</v>
      </c>
      <c r="D131273" s="14" t="s">
        <v>122</v>
      </c>
      <c r="E131273" s="15">
        <v>45614</v>
      </c>
      <c r="F131273" s="14" t="s">
        <v>15</v>
      </c>
      <c r="G131273" s="16">
        <v>0</v>
      </c>
    </row>
    <row r="131274" spans="1:7" x14ac:dyDescent="0.3">
      <c r="A131274" s="13" t="s">
        <v>597</v>
      </c>
      <c r="B131274" s="14" t="s">
        <v>1</v>
      </c>
      <c r="C131274" s="14" t="s">
        <v>596</v>
      </c>
      <c r="D131274" s="14" t="s">
        <v>122</v>
      </c>
      <c r="E131274" s="15">
        <v>45615</v>
      </c>
      <c r="F131274" s="14" t="s">
        <v>15</v>
      </c>
      <c r="G131274" s="16">
        <v>0</v>
      </c>
    </row>
    <row r="131275" spans="1:7" x14ac:dyDescent="0.3">
      <c r="A131275" s="13" t="s">
        <v>597</v>
      </c>
      <c r="B131275" s="14" t="s">
        <v>1</v>
      </c>
      <c r="C131275" s="14" t="s">
        <v>596</v>
      </c>
      <c r="D131275" s="14" t="s">
        <v>122</v>
      </c>
      <c r="E131275" s="15">
        <v>45616</v>
      </c>
      <c r="F131275" s="14" t="s">
        <v>15</v>
      </c>
      <c r="G131275" s="16">
        <v>0</v>
      </c>
    </row>
    <row r="131276" spans="1:7" x14ac:dyDescent="0.3">
      <c r="A131276" s="13" t="s">
        <v>597</v>
      </c>
      <c r="B131276" s="14" t="s">
        <v>1</v>
      </c>
      <c r="C131276" s="14" t="s">
        <v>596</v>
      </c>
      <c r="D131276" s="14" t="s">
        <v>122</v>
      </c>
      <c r="E131276" s="15">
        <v>45617</v>
      </c>
      <c r="F131276" s="14" t="s">
        <v>15</v>
      </c>
      <c r="G131276" s="16">
        <v>0</v>
      </c>
    </row>
    <row r="131277" spans="1:7" x14ac:dyDescent="0.3">
      <c r="A131277" s="13" t="s">
        <v>597</v>
      </c>
      <c r="B131277" s="14" t="s">
        <v>1</v>
      </c>
      <c r="C131277" s="14" t="s">
        <v>596</v>
      </c>
      <c r="D131277" s="14" t="s">
        <v>122</v>
      </c>
      <c r="E131277" s="15">
        <v>45618</v>
      </c>
      <c r="F131277" s="14" t="s">
        <v>15</v>
      </c>
      <c r="G131277" s="16">
        <v>0</v>
      </c>
    </row>
    <row r="131278" spans="1:7" x14ac:dyDescent="0.3">
      <c r="A131278" s="13" t="s">
        <v>597</v>
      </c>
      <c r="B131278" s="14" t="s">
        <v>1</v>
      </c>
      <c r="C131278" s="14" t="s">
        <v>596</v>
      </c>
      <c r="D131278" s="14" t="s">
        <v>122</v>
      </c>
      <c r="E131278" s="15">
        <v>45619</v>
      </c>
      <c r="F131278" s="14" t="s">
        <v>15</v>
      </c>
      <c r="G131278" s="16">
        <v>0</v>
      </c>
    </row>
    <row r="131279" spans="1:7" x14ac:dyDescent="0.3">
      <c r="A131279" s="13" t="s">
        <v>597</v>
      </c>
      <c r="B131279" s="14" t="s">
        <v>1</v>
      </c>
      <c r="C131279" s="14" t="s">
        <v>596</v>
      </c>
      <c r="D131279" s="14" t="s">
        <v>122</v>
      </c>
      <c r="E131279" s="15">
        <v>45620</v>
      </c>
      <c r="F131279" s="14" t="s">
        <v>15</v>
      </c>
      <c r="G131279" s="16">
        <v>0</v>
      </c>
    </row>
    <row r="131280" spans="1:7" x14ac:dyDescent="0.3">
      <c r="A131280" s="13" t="s">
        <v>597</v>
      </c>
      <c r="B131280" s="14" t="s">
        <v>1</v>
      </c>
      <c r="C131280" s="14" t="s">
        <v>596</v>
      </c>
      <c r="D131280" s="14" t="s">
        <v>122</v>
      </c>
      <c r="E131280" s="15">
        <v>45621</v>
      </c>
      <c r="F131280" s="14" t="s">
        <v>15</v>
      </c>
      <c r="G131280" s="16">
        <v>0</v>
      </c>
    </row>
    <row r="131281" spans="1:7" x14ac:dyDescent="0.3">
      <c r="A131281" s="13" t="s">
        <v>597</v>
      </c>
      <c r="B131281" s="14" t="s">
        <v>1</v>
      </c>
      <c r="C131281" s="14" t="s">
        <v>596</v>
      </c>
      <c r="D131281" s="14" t="s">
        <v>122</v>
      </c>
      <c r="E131281" s="15">
        <v>45622</v>
      </c>
      <c r="F131281" s="14" t="s">
        <v>15</v>
      </c>
      <c r="G131281" s="16">
        <v>0</v>
      </c>
    </row>
    <row r="131282" spans="1:7" x14ac:dyDescent="0.3">
      <c r="A131282" s="13" t="s">
        <v>597</v>
      </c>
      <c r="B131282" s="14" t="s">
        <v>1</v>
      </c>
      <c r="C131282" s="14" t="s">
        <v>596</v>
      </c>
      <c r="D131282" s="14" t="s">
        <v>122</v>
      </c>
      <c r="E131282" s="15">
        <v>45623</v>
      </c>
      <c r="F131282" s="14" t="s">
        <v>15</v>
      </c>
      <c r="G131282" s="16">
        <v>0</v>
      </c>
    </row>
    <row r="131283" spans="1:7" x14ac:dyDescent="0.3">
      <c r="A131283" s="13" t="s">
        <v>597</v>
      </c>
      <c r="B131283" s="14" t="s">
        <v>1</v>
      </c>
      <c r="C131283" s="14" t="s">
        <v>596</v>
      </c>
      <c r="D131283" s="14" t="s">
        <v>122</v>
      </c>
      <c r="E131283" s="15">
        <v>45624</v>
      </c>
      <c r="F131283" s="14" t="s">
        <v>15</v>
      </c>
      <c r="G131283" s="16">
        <v>0</v>
      </c>
    </row>
    <row r="131284" spans="1:7" x14ac:dyDescent="0.3">
      <c r="A131284" s="13" t="s">
        <v>597</v>
      </c>
      <c r="B131284" s="14" t="s">
        <v>1</v>
      </c>
      <c r="C131284" s="14" t="s">
        <v>596</v>
      </c>
      <c r="D131284" s="14" t="s">
        <v>122</v>
      </c>
      <c r="E131284" s="15">
        <v>45625</v>
      </c>
      <c r="F131284" s="14" t="s">
        <v>15</v>
      </c>
      <c r="G131284" s="16">
        <v>0</v>
      </c>
    </row>
    <row r="131285" spans="1:7" x14ac:dyDescent="0.3">
      <c r="A131285" s="13" t="s">
        <v>597</v>
      </c>
      <c r="B131285" s="14" t="s">
        <v>1</v>
      </c>
      <c r="C131285" s="14" t="s">
        <v>596</v>
      </c>
      <c r="D131285" s="14" t="s">
        <v>122</v>
      </c>
      <c r="E131285" s="15">
        <v>45626</v>
      </c>
      <c r="F131285" s="14" t="s">
        <v>15</v>
      </c>
      <c r="G131285" s="16">
        <v>0</v>
      </c>
    </row>
    <row r="131286" spans="1:7" x14ac:dyDescent="0.3">
      <c r="A131286" s="13" t="s">
        <v>597</v>
      </c>
      <c r="B131286" s="14" t="s">
        <v>1</v>
      </c>
      <c r="C131286" s="14" t="s">
        <v>596</v>
      </c>
      <c r="D131286" s="14" t="s">
        <v>122</v>
      </c>
      <c r="E131286" s="15">
        <v>45627</v>
      </c>
      <c r="F131286" s="14" t="s">
        <v>15</v>
      </c>
      <c r="G131286" s="16">
        <v>0</v>
      </c>
    </row>
    <row r="131287" spans="1:7" x14ac:dyDescent="0.3">
      <c r="A131287" s="13" t="s">
        <v>597</v>
      </c>
      <c r="B131287" s="14" t="s">
        <v>1</v>
      </c>
      <c r="C131287" s="14" t="s">
        <v>596</v>
      </c>
      <c r="D131287" s="14" t="s">
        <v>122</v>
      </c>
      <c r="E131287" s="15">
        <v>45628</v>
      </c>
      <c r="F131287" s="14" t="s">
        <v>15</v>
      </c>
      <c r="G131287" s="16">
        <v>0</v>
      </c>
    </row>
    <row r="131288" spans="1:7" x14ac:dyDescent="0.3">
      <c r="A131288" s="13" t="s">
        <v>597</v>
      </c>
      <c r="B131288" s="14" t="s">
        <v>1</v>
      </c>
      <c r="C131288" s="14" t="s">
        <v>596</v>
      </c>
      <c r="D131288" s="14" t="s">
        <v>122</v>
      </c>
      <c r="E131288" s="15">
        <v>45629</v>
      </c>
      <c r="F131288" s="14" t="s">
        <v>15</v>
      </c>
      <c r="G131288" s="16">
        <v>0</v>
      </c>
    </row>
    <row r="131289" spans="1:7" x14ac:dyDescent="0.3">
      <c r="A131289" s="13" t="s">
        <v>597</v>
      </c>
      <c r="B131289" s="14" t="s">
        <v>1</v>
      </c>
      <c r="C131289" s="14" t="s">
        <v>596</v>
      </c>
      <c r="D131289" s="14" t="s">
        <v>122</v>
      </c>
      <c r="E131289" s="15">
        <v>45630</v>
      </c>
      <c r="F131289" s="14" t="s">
        <v>15</v>
      </c>
      <c r="G131289" s="16">
        <v>0</v>
      </c>
    </row>
    <row r="131290" spans="1:7" x14ac:dyDescent="0.3">
      <c r="A131290" s="13" t="s">
        <v>597</v>
      </c>
      <c r="B131290" s="14" t="s">
        <v>1</v>
      </c>
      <c r="C131290" s="14" t="s">
        <v>596</v>
      </c>
      <c r="D131290" s="14" t="s">
        <v>122</v>
      </c>
      <c r="E131290" s="15">
        <v>45631</v>
      </c>
      <c r="F131290" s="14" t="s">
        <v>15</v>
      </c>
      <c r="G131290" s="16">
        <v>0</v>
      </c>
    </row>
    <row r="131291" spans="1:7" x14ac:dyDescent="0.3">
      <c r="A131291" s="13" t="s">
        <v>597</v>
      </c>
      <c r="B131291" s="14" t="s">
        <v>1</v>
      </c>
      <c r="C131291" s="14" t="s">
        <v>596</v>
      </c>
      <c r="D131291" s="14" t="s">
        <v>122</v>
      </c>
      <c r="E131291" s="15">
        <v>45632</v>
      </c>
      <c r="F131291" s="14" t="s">
        <v>15</v>
      </c>
      <c r="G131291" s="16">
        <v>0</v>
      </c>
    </row>
    <row r="131292" spans="1:7" x14ac:dyDescent="0.3">
      <c r="A131292" s="13" t="s">
        <v>597</v>
      </c>
      <c r="B131292" s="14" t="s">
        <v>1</v>
      </c>
      <c r="C131292" s="14" t="s">
        <v>596</v>
      </c>
      <c r="D131292" s="14" t="s">
        <v>122</v>
      </c>
      <c r="E131292" s="15">
        <v>45633</v>
      </c>
      <c r="F131292" s="14" t="s">
        <v>15</v>
      </c>
      <c r="G131292" s="16">
        <v>0</v>
      </c>
    </row>
    <row r="131293" spans="1:7" x14ac:dyDescent="0.3">
      <c r="A131293" s="13" t="s">
        <v>597</v>
      </c>
      <c r="B131293" s="14" t="s">
        <v>1</v>
      </c>
      <c r="C131293" s="14" t="s">
        <v>596</v>
      </c>
      <c r="D131293" s="14" t="s">
        <v>122</v>
      </c>
      <c r="E131293" s="15">
        <v>45634</v>
      </c>
      <c r="F131293" s="14" t="s">
        <v>15</v>
      </c>
      <c r="G131293" s="16">
        <v>0</v>
      </c>
    </row>
    <row r="131294" spans="1:7" x14ac:dyDescent="0.3">
      <c r="A131294" s="13" t="s">
        <v>597</v>
      </c>
      <c r="B131294" s="14" t="s">
        <v>1</v>
      </c>
      <c r="C131294" s="14" t="s">
        <v>596</v>
      </c>
      <c r="D131294" s="14" t="s">
        <v>122</v>
      </c>
      <c r="E131294" s="15">
        <v>45635</v>
      </c>
      <c r="F131294" s="14" t="s">
        <v>15</v>
      </c>
      <c r="G131294" s="16">
        <v>0</v>
      </c>
    </row>
    <row r="131295" spans="1:7" x14ac:dyDescent="0.3">
      <c r="A131295" s="13" t="s">
        <v>597</v>
      </c>
      <c r="B131295" s="14" t="s">
        <v>1</v>
      </c>
      <c r="C131295" s="14" t="s">
        <v>596</v>
      </c>
      <c r="D131295" s="14" t="s">
        <v>122</v>
      </c>
      <c r="E131295" s="15">
        <v>45636</v>
      </c>
      <c r="F131295" s="14" t="s">
        <v>15</v>
      </c>
      <c r="G131295" s="16">
        <v>0</v>
      </c>
    </row>
    <row r="131296" spans="1:7" x14ac:dyDescent="0.3">
      <c r="A131296" s="13" t="s">
        <v>597</v>
      </c>
      <c r="B131296" s="14" t="s">
        <v>1</v>
      </c>
      <c r="C131296" s="14" t="s">
        <v>596</v>
      </c>
      <c r="D131296" s="14" t="s">
        <v>122</v>
      </c>
      <c r="E131296" s="15">
        <v>45637</v>
      </c>
      <c r="F131296" s="14" t="s">
        <v>15</v>
      </c>
      <c r="G131296" s="16">
        <v>0</v>
      </c>
    </row>
    <row r="131297" spans="1:7" x14ac:dyDescent="0.3">
      <c r="A131297" s="13" t="s">
        <v>597</v>
      </c>
      <c r="B131297" s="14" t="s">
        <v>1</v>
      </c>
      <c r="C131297" s="14" t="s">
        <v>596</v>
      </c>
      <c r="D131297" s="14" t="s">
        <v>122</v>
      </c>
      <c r="E131297" s="15">
        <v>45638</v>
      </c>
      <c r="F131297" s="14" t="s">
        <v>15</v>
      </c>
      <c r="G131297" s="16">
        <v>0</v>
      </c>
    </row>
    <row r="131298" spans="1:7" x14ac:dyDescent="0.3">
      <c r="A131298" s="13" t="s">
        <v>597</v>
      </c>
      <c r="B131298" s="14" t="s">
        <v>1</v>
      </c>
      <c r="C131298" s="14" t="s">
        <v>596</v>
      </c>
      <c r="D131298" s="14" t="s">
        <v>122</v>
      </c>
      <c r="E131298" s="15">
        <v>45639</v>
      </c>
      <c r="F131298" s="14" t="s">
        <v>15</v>
      </c>
      <c r="G131298" s="16">
        <v>0</v>
      </c>
    </row>
    <row r="131299" spans="1:7" x14ac:dyDescent="0.3">
      <c r="A131299" s="13" t="s">
        <v>597</v>
      </c>
      <c r="B131299" s="14" t="s">
        <v>1</v>
      </c>
      <c r="C131299" s="14" t="s">
        <v>596</v>
      </c>
      <c r="D131299" s="14" t="s">
        <v>122</v>
      </c>
      <c r="E131299" s="15">
        <v>45640</v>
      </c>
      <c r="F131299" s="14" t="s">
        <v>15</v>
      </c>
      <c r="G131299" s="16">
        <v>0</v>
      </c>
    </row>
    <row r="131300" spans="1:7" x14ac:dyDescent="0.3">
      <c r="A131300" s="13" t="s">
        <v>597</v>
      </c>
      <c r="B131300" s="14" t="s">
        <v>1</v>
      </c>
      <c r="C131300" s="14" t="s">
        <v>596</v>
      </c>
      <c r="D131300" s="14" t="s">
        <v>122</v>
      </c>
      <c r="E131300" s="15">
        <v>45641</v>
      </c>
      <c r="F131300" s="14" t="s">
        <v>15</v>
      </c>
      <c r="G131300" s="16">
        <v>0</v>
      </c>
    </row>
    <row r="131301" spans="1:7" x14ac:dyDescent="0.3">
      <c r="A131301" s="13" t="s">
        <v>597</v>
      </c>
      <c r="B131301" s="14" t="s">
        <v>1</v>
      </c>
      <c r="C131301" s="14" t="s">
        <v>596</v>
      </c>
      <c r="D131301" s="14" t="s">
        <v>122</v>
      </c>
      <c r="E131301" s="15">
        <v>45642</v>
      </c>
      <c r="F131301" s="14" t="s">
        <v>15</v>
      </c>
      <c r="G131301" s="16">
        <v>0</v>
      </c>
    </row>
    <row r="131302" spans="1:7" x14ac:dyDescent="0.3">
      <c r="A131302" s="13" t="s">
        <v>597</v>
      </c>
      <c r="B131302" s="14" t="s">
        <v>1</v>
      </c>
      <c r="C131302" s="14" t="s">
        <v>596</v>
      </c>
      <c r="D131302" s="14" t="s">
        <v>122</v>
      </c>
      <c r="E131302" s="15">
        <v>45643</v>
      </c>
      <c r="F131302" s="14" t="s">
        <v>15</v>
      </c>
      <c r="G131302" s="16">
        <v>0</v>
      </c>
    </row>
    <row r="131303" spans="1:7" x14ac:dyDescent="0.3">
      <c r="A131303" s="13" t="s">
        <v>597</v>
      </c>
      <c r="B131303" s="14" t="s">
        <v>1</v>
      </c>
      <c r="C131303" s="14" t="s">
        <v>596</v>
      </c>
      <c r="D131303" s="14" t="s">
        <v>122</v>
      </c>
      <c r="E131303" s="15">
        <v>45644</v>
      </c>
      <c r="F131303" s="14" t="s">
        <v>15</v>
      </c>
      <c r="G131303" s="16">
        <v>0</v>
      </c>
    </row>
    <row r="131304" spans="1:7" x14ac:dyDescent="0.3">
      <c r="A131304" s="13" t="s">
        <v>597</v>
      </c>
      <c r="B131304" s="14" t="s">
        <v>1</v>
      </c>
      <c r="C131304" s="14" t="s">
        <v>596</v>
      </c>
      <c r="D131304" s="14" t="s">
        <v>122</v>
      </c>
      <c r="E131304" s="15">
        <v>45645</v>
      </c>
      <c r="F131304" s="14" t="s">
        <v>15</v>
      </c>
      <c r="G131304" s="16">
        <v>0</v>
      </c>
    </row>
    <row r="131305" spans="1:7" x14ac:dyDescent="0.3">
      <c r="A131305" s="13" t="s">
        <v>597</v>
      </c>
      <c r="B131305" s="14" t="s">
        <v>1</v>
      </c>
      <c r="C131305" s="14" t="s">
        <v>596</v>
      </c>
      <c r="D131305" s="14" t="s">
        <v>122</v>
      </c>
      <c r="E131305" s="15">
        <v>45646</v>
      </c>
      <c r="F131305" s="14" t="s">
        <v>15</v>
      </c>
      <c r="G131305" s="16">
        <v>0</v>
      </c>
    </row>
    <row r="131306" spans="1:7" x14ac:dyDescent="0.3">
      <c r="A131306" s="13" t="s">
        <v>597</v>
      </c>
      <c r="B131306" s="14" t="s">
        <v>1</v>
      </c>
      <c r="C131306" s="14" t="s">
        <v>596</v>
      </c>
      <c r="D131306" s="14" t="s">
        <v>122</v>
      </c>
      <c r="E131306" s="15">
        <v>45647</v>
      </c>
      <c r="F131306" s="14" t="s">
        <v>15</v>
      </c>
      <c r="G131306" s="16">
        <v>0</v>
      </c>
    </row>
    <row r="131307" spans="1:7" x14ac:dyDescent="0.3">
      <c r="A131307" s="13" t="s">
        <v>597</v>
      </c>
      <c r="B131307" s="14" t="s">
        <v>1</v>
      </c>
      <c r="C131307" s="14" t="s">
        <v>596</v>
      </c>
      <c r="D131307" s="14" t="s">
        <v>122</v>
      </c>
      <c r="E131307" s="15">
        <v>45648</v>
      </c>
      <c r="F131307" s="14" t="s">
        <v>15</v>
      </c>
      <c r="G131307" s="16">
        <v>0</v>
      </c>
    </row>
    <row r="131308" spans="1:7" x14ac:dyDescent="0.3">
      <c r="A131308" s="13" t="s">
        <v>597</v>
      </c>
      <c r="B131308" s="14" t="s">
        <v>1</v>
      </c>
      <c r="C131308" s="14" t="s">
        <v>596</v>
      </c>
      <c r="D131308" s="14" t="s">
        <v>122</v>
      </c>
      <c r="E131308" s="15">
        <v>45649</v>
      </c>
      <c r="F131308" s="14" t="s">
        <v>15</v>
      </c>
      <c r="G131308" s="16">
        <v>0</v>
      </c>
    </row>
    <row r="131309" spans="1:7" x14ac:dyDescent="0.3">
      <c r="A131309" s="13" t="s">
        <v>597</v>
      </c>
      <c r="B131309" s="14" t="s">
        <v>1</v>
      </c>
      <c r="C131309" s="14" t="s">
        <v>596</v>
      </c>
      <c r="D131309" s="14" t="s">
        <v>122</v>
      </c>
      <c r="E131309" s="15">
        <v>45650</v>
      </c>
      <c r="F131309" s="14" t="s">
        <v>15</v>
      </c>
      <c r="G131309" s="16">
        <v>0</v>
      </c>
    </row>
    <row r="131310" spans="1:7" x14ac:dyDescent="0.3">
      <c r="A131310" s="13" t="s">
        <v>597</v>
      </c>
      <c r="B131310" s="14" t="s">
        <v>1</v>
      </c>
      <c r="C131310" s="14" t="s">
        <v>596</v>
      </c>
      <c r="D131310" s="14" t="s">
        <v>122</v>
      </c>
      <c r="E131310" s="15">
        <v>45651</v>
      </c>
      <c r="F131310" s="14" t="s">
        <v>15</v>
      </c>
      <c r="G131310" s="16">
        <v>0</v>
      </c>
    </row>
    <row r="131311" spans="1:7" x14ac:dyDescent="0.3">
      <c r="A131311" s="13" t="s">
        <v>597</v>
      </c>
      <c r="B131311" s="14" t="s">
        <v>1</v>
      </c>
      <c r="C131311" s="14" t="s">
        <v>596</v>
      </c>
      <c r="D131311" s="14" t="s">
        <v>122</v>
      </c>
      <c r="E131311" s="15">
        <v>45652</v>
      </c>
      <c r="F131311" s="14" t="s">
        <v>15</v>
      </c>
      <c r="G131311" s="16">
        <v>0</v>
      </c>
    </row>
    <row r="131312" spans="1:7" x14ac:dyDescent="0.3">
      <c r="A131312" s="13" t="s">
        <v>597</v>
      </c>
      <c r="B131312" s="14" t="s">
        <v>1</v>
      </c>
      <c r="C131312" s="14" t="s">
        <v>596</v>
      </c>
      <c r="D131312" s="14" t="s">
        <v>122</v>
      </c>
      <c r="E131312" s="15">
        <v>45653</v>
      </c>
      <c r="F131312" s="14" t="s">
        <v>15</v>
      </c>
      <c r="G131312" s="16">
        <v>0</v>
      </c>
    </row>
    <row r="131313" spans="1:7" x14ac:dyDescent="0.3">
      <c r="A131313" s="13" t="s">
        <v>597</v>
      </c>
      <c r="B131313" s="14" t="s">
        <v>1</v>
      </c>
      <c r="C131313" s="14" t="s">
        <v>596</v>
      </c>
      <c r="D131313" s="14" t="s">
        <v>122</v>
      </c>
      <c r="E131313" s="15">
        <v>45654</v>
      </c>
      <c r="F131313" s="14" t="s">
        <v>15</v>
      </c>
      <c r="G131313" s="16">
        <v>0</v>
      </c>
    </row>
    <row r="131314" spans="1:7" x14ac:dyDescent="0.3">
      <c r="A131314" s="13" t="s">
        <v>597</v>
      </c>
      <c r="B131314" s="14" t="s">
        <v>1</v>
      </c>
      <c r="C131314" s="14" t="s">
        <v>596</v>
      </c>
      <c r="D131314" s="14" t="s">
        <v>122</v>
      </c>
      <c r="E131314" s="15">
        <v>45655</v>
      </c>
      <c r="F131314" s="14" t="s">
        <v>15</v>
      </c>
      <c r="G131314" s="16">
        <v>0</v>
      </c>
    </row>
    <row r="131315" spans="1:7" x14ac:dyDescent="0.3">
      <c r="A131315" s="13" t="s">
        <v>597</v>
      </c>
      <c r="B131315" s="14" t="s">
        <v>1</v>
      </c>
      <c r="C131315" s="14" t="s">
        <v>596</v>
      </c>
      <c r="D131315" s="14" t="s">
        <v>122</v>
      </c>
      <c r="E131315" s="15">
        <v>45656</v>
      </c>
      <c r="F131315" s="14" t="s">
        <v>15</v>
      </c>
      <c r="G131315" s="16">
        <v>0</v>
      </c>
    </row>
    <row r="131316" spans="1:7" x14ac:dyDescent="0.3">
      <c r="A131316" s="13" t="s">
        <v>597</v>
      </c>
      <c r="B131316" s="14" t="s">
        <v>1</v>
      </c>
      <c r="C131316" s="14" t="s">
        <v>596</v>
      </c>
      <c r="D131316" s="14" t="s">
        <v>122</v>
      </c>
      <c r="E131316" s="15">
        <v>45657</v>
      </c>
      <c r="F131316" s="14" t="s">
        <v>15</v>
      </c>
      <c r="G131316" s="16">
        <v>0</v>
      </c>
    </row>
    <row r="131317" spans="1:7" x14ac:dyDescent="0.3">
      <c r="A131317" s="13" t="s">
        <v>597</v>
      </c>
      <c r="B131317" s="14" t="s">
        <v>1</v>
      </c>
      <c r="C131317" s="14" t="s">
        <v>596</v>
      </c>
      <c r="D131317" s="14" t="s">
        <v>122</v>
      </c>
      <c r="E131317" s="15">
        <v>45658</v>
      </c>
      <c r="F131317" s="14" t="s">
        <v>15</v>
      </c>
      <c r="G131317" s="16">
        <v>0</v>
      </c>
    </row>
    <row r="131318" spans="1:7" x14ac:dyDescent="0.3">
      <c r="A131318" s="13" t="s">
        <v>597</v>
      </c>
      <c r="B131318" s="14" t="s">
        <v>1</v>
      </c>
      <c r="C131318" s="14" t="s">
        <v>596</v>
      </c>
      <c r="D131318" s="14" t="s">
        <v>122</v>
      </c>
      <c r="E131318" s="15">
        <v>45659</v>
      </c>
      <c r="F131318" s="14" t="s">
        <v>15</v>
      </c>
      <c r="G131318" s="16">
        <v>0</v>
      </c>
    </row>
    <row r="131319" spans="1:7" x14ac:dyDescent="0.3">
      <c r="A131319" s="13" t="s">
        <v>597</v>
      </c>
      <c r="B131319" s="14" t="s">
        <v>1</v>
      </c>
      <c r="C131319" s="14" t="s">
        <v>596</v>
      </c>
      <c r="D131319" s="14" t="s">
        <v>122</v>
      </c>
      <c r="E131319" s="15">
        <v>45660</v>
      </c>
      <c r="F131319" s="14" t="s">
        <v>15</v>
      </c>
      <c r="G131319" s="16">
        <v>0</v>
      </c>
    </row>
    <row r="131320" spans="1:7" x14ac:dyDescent="0.3">
      <c r="A131320" s="13" t="s">
        <v>597</v>
      </c>
      <c r="B131320" s="14" t="s">
        <v>1</v>
      </c>
      <c r="C131320" s="14" t="s">
        <v>596</v>
      </c>
      <c r="D131320" s="14" t="s">
        <v>122</v>
      </c>
      <c r="E131320" s="15">
        <v>45661</v>
      </c>
      <c r="F131320" s="14" t="s">
        <v>15</v>
      </c>
      <c r="G131320" s="16">
        <v>0</v>
      </c>
    </row>
    <row r="131321" spans="1:7" x14ac:dyDescent="0.3">
      <c r="A131321" s="13" t="s">
        <v>597</v>
      </c>
      <c r="B131321" s="14" t="s">
        <v>1</v>
      </c>
      <c r="C131321" s="14" t="s">
        <v>596</v>
      </c>
      <c r="D131321" s="14" t="s">
        <v>122</v>
      </c>
      <c r="E131321" s="15">
        <v>45662</v>
      </c>
      <c r="F131321" s="14" t="s">
        <v>15</v>
      </c>
      <c r="G131321" s="16">
        <v>0</v>
      </c>
    </row>
    <row r="131322" spans="1:7" x14ac:dyDescent="0.3">
      <c r="A131322" s="13" t="s">
        <v>597</v>
      </c>
      <c r="B131322" s="14" t="s">
        <v>1</v>
      </c>
      <c r="C131322" s="14" t="s">
        <v>596</v>
      </c>
      <c r="D131322" s="14" t="s">
        <v>122</v>
      </c>
      <c r="E131322" s="15">
        <v>45663</v>
      </c>
      <c r="F131322" s="14" t="s">
        <v>15</v>
      </c>
      <c r="G131322" s="16">
        <v>0</v>
      </c>
    </row>
    <row r="131323" spans="1:7" x14ac:dyDescent="0.3">
      <c r="A131323" s="13" t="s">
        <v>597</v>
      </c>
      <c r="B131323" s="14" t="s">
        <v>1</v>
      </c>
      <c r="C131323" s="14" t="s">
        <v>596</v>
      </c>
      <c r="D131323" s="14" t="s">
        <v>122</v>
      </c>
      <c r="E131323" s="15">
        <v>45664</v>
      </c>
      <c r="F131323" s="14" t="s">
        <v>15</v>
      </c>
      <c r="G131323" s="16">
        <v>0</v>
      </c>
    </row>
    <row r="131324" spans="1:7" x14ac:dyDescent="0.3">
      <c r="A131324" s="13" t="s">
        <v>597</v>
      </c>
      <c r="B131324" s="14" t="s">
        <v>1</v>
      </c>
      <c r="C131324" s="14" t="s">
        <v>596</v>
      </c>
      <c r="D131324" s="14" t="s">
        <v>122</v>
      </c>
      <c r="E131324" s="15">
        <v>45665</v>
      </c>
      <c r="F131324" s="14" t="s">
        <v>15</v>
      </c>
      <c r="G131324" s="16">
        <v>0</v>
      </c>
    </row>
    <row r="131325" spans="1:7" x14ac:dyDescent="0.3">
      <c r="A131325" s="13" t="s">
        <v>597</v>
      </c>
      <c r="B131325" s="14" t="s">
        <v>1</v>
      </c>
      <c r="C131325" s="14" t="s">
        <v>596</v>
      </c>
      <c r="D131325" s="14" t="s">
        <v>122</v>
      </c>
      <c r="E131325" s="15">
        <v>45666</v>
      </c>
      <c r="F131325" s="14" t="s">
        <v>15</v>
      </c>
      <c r="G131325" s="16">
        <v>0</v>
      </c>
    </row>
    <row r="131326" spans="1:7" x14ac:dyDescent="0.3">
      <c r="A131326" s="13" t="s">
        <v>597</v>
      </c>
      <c r="B131326" s="14" t="s">
        <v>1</v>
      </c>
      <c r="C131326" s="14" t="s">
        <v>596</v>
      </c>
      <c r="D131326" s="14" t="s">
        <v>122</v>
      </c>
      <c r="E131326" s="15">
        <v>45667</v>
      </c>
      <c r="F131326" s="14" t="s">
        <v>15</v>
      </c>
      <c r="G131326" s="16">
        <v>0</v>
      </c>
    </row>
    <row r="131327" spans="1:7" x14ac:dyDescent="0.3">
      <c r="A131327" s="13" t="s">
        <v>597</v>
      </c>
      <c r="B131327" s="14" t="s">
        <v>1</v>
      </c>
      <c r="C131327" s="14" t="s">
        <v>596</v>
      </c>
      <c r="D131327" s="14" t="s">
        <v>122</v>
      </c>
      <c r="E131327" s="15">
        <v>45668</v>
      </c>
      <c r="F131327" s="14" t="s">
        <v>15</v>
      </c>
      <c r="G131327" s="16">
        <v>0</v>
      </c>
    </row>
    <row r="131328" spans="1:7" x14ac:dyDescent="0.3">
      <c r="A131328" s="13" t="s">
        <v>597</v>
      </c>
      <c r="B131328" s="14" t="s">
        <v>1</v>
      </c>
      <c r="C131328" s="14" t="s">
        <v>596</v>
      </c>
      <c r="D131328" s="14" t="s">
        <v>122</v>
      </c>
      <c r="E131328" s="15">
        <v>45669</v>
      </c>
      <c r="F131328" s="14" t="s">
        <v>15</v>
      </c>
      <c r="G131328" s="16">
        <v>0</v>
      </c>
    </row>
    <row r="131329" spans="1:7" x14ac:dyDescent="0.3">
      <c r="A131329" s="13" t="s">
        <v>597</v>
      </c>
      <c r="B131329" s="14" t="s">
        <v>1</v>
      </c>
      <c r="C131329" s="14" t="s">
        <v>596</v>
      </c>
      <c r="D131329" s="14" t="s">
        <v>122</v>
      </c>
      <c r="E131329" s="15">
        <v>45670</v>
      </c>
      <c r="F131329" s="14" t="s">
        <v>15</v>
      </c>
      <c r="G131329" s="16">
        <v>0</v>
      </c>
    </row>
    <row r="131330" spans="1:7" x14ac:dyDescent="0.3">
      <c r="A131330" s="13" t="s">
        <v>597</v>
      </c>
      <c r="B131330" s="14" t="s">
        <v>1</v>
      </c>
      <c r="C131330" s="14" t="s">
        <v>596</v>
      </c>
      <c r="D131330" s="14" t="s">
        <v>122</v>
      </c>
      <c r="E131330" s="15">
        <v>45671</v>
      </c>
      <c r="F131330" s="14" t="s">
        <v>15</v>
      </c>
      <c r="G131330" s="16">
        <v>0</v>
      </c>
    </row>
    <row r="131331" spans="1:7" x14ac:dyDescent="0.3">
      <c r="A131331" s="13" t="s">
        <v>597</v>
      </c>
      <c r="B131331" s="14" t="s">
        <v>1</v>
      </c>
      <c r="C131331" s="14" t="s">
        <v>596</v>
      </c>
      <c r="D131331" s="14" t="s">
        <v>122</v>
      </c>
      <c r="E131331" s="15">
        <v>45672</v>
      </c>
      <c r="F131331" s="14" t="s">
        <v>15</v>
      </c>
      <c r="G131331" s="16">
        <v>0</v>
      </c>
    </row>
    <row r="131332" spans="1:7" x14ac:dyDescent="0.3">
      <c r="A131332" s="13" t="s">
        <v>597</v>
      </c>
      <c r="B131332" s="14" t="s">
        <v>1</v>
      </c>
      <c r="C131332" s="14" t="s">
        <v>596</v>
      </c>
      <c r="D131332" s="14" t="s">
        <v>122</v>
      </c>
      <c r="E131332" s="15">
        <v>45673</v>
      </c>
      <c r="F131332" s="14" t="s">
        <v>15</v>
      </c>
      <c r="G131332" s="16">
        <v>0</v>
      </c>
    </row>
    <row r="131333" spans="1:7" x14ac:dyDescent="0.3">
      <c r="A131333" s="13" t="s">
        <v>597</v>
      </c>
      <c r="B131333" s="14" t="s">
        <v>1</v>
      </c>
      <c r="C131333" s="14" t="s">
        <v>596</v>
      </c>
      <c r="D131333" s="14" t="s">
        <v>122</v>
      </c>
      <c r="E131333" s="15">
        <v>45674</v>
      </c>
      <c r="F131333" s="14" t="s">
        <v>15</v>
      </c>
      <c r="G131333" s="16">
        <v>0</v>
      </c>
    </row>
    <row r="131334" spans="1:7" x14ac:dyDescent="0.3">
      <c r="A131334" s="13" t="s">
        <v>597</v>
      </c>
      <c r="B131334" s="14" t="s">
        <v>1</v>
      </c>
      <c r="C131334" s="14" t="s">
        <v>596</v>
      </c>
      <c r="D131334" s="14" t="s">
        <v>122</v>
      </c>
      <c r="E131334" s="15">
        <v>45675</v>
      </c>
      <c r="F131334" s="14" t="s">
        <v>15</v>
      </c>
      <c r="G131334" s="16">
        <v>0</v>
      </c>
    </row>
    <row r="131335" spans="1:7" x14ac:dyDescent="0.3">
      <c r="A131335" s="13" t="s">
        <v>597</v>
      </c>
      <c r="B131335" s="14" t="s">
        <v>1</v>
      </c>
      <c r="C131335" s="14" t="s">
        <v>596</v>
      </c>
      <c r="D131335" s="14" t="s">
        <v>122</v>
      </c>
      <c r="E131335" s="15">
        <v>45676</v>
      </c>
      <c r="F131335" s="14" t="s">
        <v>15</v>
      </c>
      <c r="G131335" s="16">
        <v>0</v>
      </c>
    </row>
    <row r="131336" spans="1:7" x14ac:dyDescent="0.3">
      <c r="A131336" s="13" t="s">
        <v>597</v>
      </c>
      <c r="B131336" s="14" t="s">
        <v>1</v>
      </c>
      <c r="C131336" s="14" t="s">
        <v>596</v>
      </c>
      <c r="D131336" s="14" t="s">
        <v>122</v>
      </c>
      <c r="E131336" s="15">
        <v>45677</v>
      </c>
      <c r="F131336" s="14" t="s">
        <v>15</v>
      </c>
      <c r="G131336" s="16">
        <v>0</v>
      </c>
    </row>
    <row r="131337" spans="1:7" x14ac:dyDescent="0.3">
      <c r="A131337" s="13" t="s">
        <v>597</v>
      </c>
      <c r="B131337" s="14" t="s">
        <v>1</v>
      </c>
      <c r="C131337" s="14" t="s">
        <v>596</v>
      </c>
      <c r="D131337" s="14" t="s">
        <v>122</v>
      </c>
      <c r="E131337" s="15">
        <v>45678</v>
      </c>
      <c r="F131337" s="14" t="s">
        <v>15</v>
      </c>
      <c r="G131337" s="16">
        <v>0</v>
      </c>
    </row>
    <row r="131338" spans="1:7" x14ac:dyDescent="0.3">
      <c r="A131338" s="13" t="s">
        <v>597</v>
      </c>
      <c r="B131338" s="14" t="s">
        <v>1</v>
      </c>
      <c r="C131338" s="14" t="s">
        <v>596</v>
      </c>
      <c r="D131338" s="14" t="s">
        <v>122</v>
      </c>
      <c r="E131338" s="15">
        <v>45679</v>
      </c>
      <c r="F131338" s="14" t="s">
        <v>15</v>
      </c>
      <c r="G131338" s="16">
        <v>0</v>
      </c>
    </row>
    <row r="131339" spans="1:7" x14ac:dyDescent="0.3">
      <c r="A131339" s="13" t="s">
        <v>597</v>
      </c>
      <c r="B131339" s="14" t="s">
        <v>1</v>
      </c>
      <c r="C131339" s="14" t="s">
        <v>596</v>
      </c>
      <c r="D131339" s="14" t="s">
        <v>122</v>
      </c>
      <c r="E131339" s="15">
        <v>45680</v>
      </c>
      <c r="F131339" s="14" t="s">
        <v>15</v>
      </c>
      <c r="G131339" s="16">
        <v>0</v>
      </c>
    </row>
    <row r="131340" spans="1:7" x14ac:dyDescent="0.3">
      <c r="A131340" s="13" t="s">
        <v>597</v>
      </c>
      <c r="B131340" s="14" t="s">
        <v>1</v>
      </c>
      <c r="C131340" s="14" t="s">
        <v>596</v>
      </c>
      <c r="D131340" s="14" t="s">
        <v>122</v>
      </c>
      <c r="E131340" s="15">
        <v>45681</v>
      </c>
      <c r="F131340" s="14" t="s">
        <v>15</v>
      </c>
      <c r="G131340" s="16">
        <v>0</v>
      </c>
    </row>
    <row r="131341" spans="1:7" x14ac:dyDescent="0.3">
      <c r="A131341" s="13" t="s">
        <v>597</v>
      </c>
      <c r="B131341" s="14" t="s">
        <v>1</v>
      </c>
      <c r="C131341" s="14" t="s">
        <v>596</v>
      </c>
      <c r="D131341" s="14" t="s">
        <v>122</v>
      </c>
      <c r="E131341" s="15">
        <v>45682</v>
      </c>
      <c r="F131341" s="14" t="s">
        <v>15</v>
      </c>
      <c r="G131341" s="16">
        <v>0</v>
      </c>
    </row>
    <row r="131342" spans="1:7" x14ac:dyDescent="0.3">
      <c r="A131342" s="13" t="s">
        <v>597</v>
      </c>
      <c r="B131342" s="14" t="s">
        <v>1</v>
      </c>
      <c r="C131342" s="14" t="s">
        <v>596</v>
      </c>
      <c r="D131342" s="14" t="s">
        <v>122</v>
      </c>
      <c r="E131342" s="15">
        <v>45683</v>
      </c>
      <c r="F131342" s="14" t="s">
        <v>15</v>
      </c>
      <c r="G131342" s="16">
        <v>0</v>
      </c>
    </row>
    <row r="131343" spans="1:7" x14ac:dyDescent="0.3">
      <c r="A131343" s="13" t="s">
        <v>597</v>
      </c>
      <c r="B131343" s="14" t="s">
        <v>1</v>
      </c>
      <c r="C131343" s="14" t="s">
        <v>596</v>
      </c>
      <c r="D131343" s="14" t="s">
        <v>122</v>
      </c>
      <c r="E131343" s="15">
        <v>45684</v>
      </c>
      <c r="F131343" s="14" t="s">
        <v>15</v>
      </c>
      <c r="G131343" s="16">
        <v>0</v>
      </c>
    </row>
    <row r="131344" spans="1:7" x14ac:dyDescent="0.3">
      <c r="A131344" s="13" t="s">
        <v>597</v>
      </c>
      <c r="B131344" s="14" t="s">
        <v>1</v>
      </c>
      <c r="C131344" s="14" t="s">
        <v>596</v>
      </c>
      <c r="D131344" s="14" t="s">
        <v>122</v>
      </c>
      <c r="E131344" s="15">
        <v>45685</v>
      </c>
      <c r="F131344" s="14" t="s">
        <v>15</v>
      </c>
      <c r="G131344" s="16">
        <v>0</v>
      </c>
    </row>
    <row r="131345" spans="1:7" x14ac:dyDescent="0.3">
      <c r="A131345" s="13" t="s">
        <v>597</v>
      </c>
      <c r="B131345" s="14" t="s">
        <v>1</v>
      </c>
      <c r="C131345" s="14" t="s">
        <v>596</v>
      </c>
      <c r="D131345" s="14" t="s">
        <v>122</v>
      </c>
      <c r="E131345" s="15">
        <v>45686</v>
      </c>
      <c r="F131345" s="14" t="s">
        <v>15</v>
      </c>
      <c r="G131345" s="16">
        <v>0</v>
      </c>
    </row>
    <row r="131346" spans="1:7" x14ac:dyDescent="0.3">
      <c r="A131346" s="13" t="s">
        <v>597</v>
      </c>
      <c r="B131346" s="14" t="s">
        <v>1</v>
      </c>
      <c r="C131346" s="14" t="s">
        <v>596</v>
      </c>
      <c r="D131346" s="14" t="s">
        <v>122</v>
      </c>
      <c r="E131346" s="15">
        <v>45687</v>
      </c>
      <c r="F131346" s="14" t="s">
        <v>15</v>
      </c>
      <c r="G131346" s="16">
        <v>0</v>
      </c>
    </row>
    <row r="131347" spans="1:7" x14ac:dyDescent="0.3">
      <c r="A131347" s="13" t="s">
        <v>597</v>
      </c>
      <c r="B131347" s="14" t="s">
        <v>1</v>
      </c>
      <c r="C131347" s="14" t="s">
        <v>596</v>
      </c>
      <c r="D131347" s="14" t="s">
        <v>122</v>
      </c>
      <c r="E131347" s="15">
        <v>45688</v>
      </c>
      <c r="F131347" s="14" t="s">
        <v>15</v>
      </c>
      <c r="G131347" s="16">
        <v>0</v>
      </c>
    </row>
    <row r="131348" spans="1:7" x14ac:dyDescent="0.3">
      <c r="A131348" s="13" t="s">
        <v>597</v>
      </c>
      <c r="B131348" s="14" t="s">
        <v>1</v>
      </c>
      <c r="C131348" s="14" t="s">
        <v>596</v>
      </c>
      <c r="D131348" s="14" t="s">
        <v>122</v>
      </c>
      <c r="E131348" s="15">
        <v>45689</v>
      </c>
      <c r="F131348" s="14" t="s">
        <v>15</v>
      </c>
      <c r="G131348" s="16">
        <v>0</v>
      </c>
    </row>
    <row r="131349" spans="1:7" x14ac:dyDescent="0.3">
      <c r="A131349" s="13" t="s">
        <v>597</v>
      </c>
      <c r="B131349" s="14" t="s">
        <v>1</v>
      </c>
      <c r="C131349" s="14" t="s">
        <v>596</v>
      </c>
      <c r="D131349" s="14" t="s">
        <v>122</v>
      </c>
      <c r="E131349" s="15">
        <v>45690</v>
      </c>
      <c r="F131349" s="14" t="s">
        <v>15</v>
      </c>
      <c r="G131349" s="16">
        <v>0</v>
      </c>
    </row>
    <row r="131350" spans="1:7" x14ac:dyDescent="0.3">
      <c r="A131350" s="13" t="s">
        <v>597</v>
      </c>
      <c r="B131350" s="14" t="s">
        <v>1</v>
      </c>
      <c r="C131350" s="14" t="s">
        <v>596</v>
      </c>
      <c r="D131350" s="14" t="s">
        <v>122</v>
      </c>
      <c r="E131350" s="15">
        <v>45691</v>
      </c>
      <c r="F131350" s="14" t="s">
        <v>15</v>
      </c>
      <c r="G131350" s="16">
        <v>0</v>
      </c>
    </row>
    <row r="131351" spans="1:7" x14ac:dyDescent="0.3">
      <c r="A131351" s="13" t="s">
        <v>597</v>
      </c>
      <c r="B131351" s="14" t="s">
        <v>1</v>
      </c>
      <c r="C131351" s="14" t="s">
        <v>596</v>
      </c>
      <c r="D131351" s="14" t="s">
        <v>122</v>
      </c>
      <c r="E131351" s="15">
        <v>45692</v>
      </c>
      <c r="F131351" s="14" t="s">
        <v>15</v>
      </c>
      <c r="G131351" s="16">
        <v>0</v>
      </c>
    </row>
    <row r="131352" spans="1:7" x14ac:dyDescent="0.3">
      <c r="A131352" s="13" t="s">
        <v>597</v>
      </c>
      <c r="B131352" s="14" t="s">
        <v>1</v>
      </c>
      <c r="C131352" s="14" t="s">
        <v>596</v>
      </c>
      <c r="D131352" s="14" t="s">
        <v>122</v>
      </c>
      <c r="E131352" s="15">
        <v>45693</v>
      </c>
      <c r="F131352" s="14" t="s">
        <v>15</v>
      </c>
      <c r="G131352" s="16">
        <v>0</v>
      </c>
    </row>
    <row r="131353" spans="1:7" x14ac:dyDescent="0.3">
      <c r="A131353" s="13" t="s">
        <v>597</v>
      </c>
      <c r="B131353" s="14" t="s">
        <v>1</v>
      </c>
      <c r="C131353" s="14" t="s">
        <v>596</v>
      </c>
      <c r="D131353" s="14" t="s">
        <v>122</v>
      </c>
      <c r="E131353" s="15">
        <v>45694</v>
      </c>
      <c r="F131353" s="14" t="s">
        <v>15</v>
      </c>
      <c r="G131353" s="16">
        <v>0</v>
      </c>
    </row>
    <row r="131354" spans="1:7" x14ac:dyDescent="0.3">
      <c r="A131354" s="13" t="s">
        <v>597</v>
      </c>
      <c r="B131354" s="14" t="s">
        <v>1</v>
      </c>
      <c r="C131354" s="14" t="s">
        <v>596</v>
      </c>
      <c r="D131354" s="14" t="s">
        <v>122</v>
      </c>
      <c r="E131354" s="15">
        <v>45695</v>
      </c>
      <c r="F131354" s="14" t="s">
        <v>15</v>
      </c>
      <c r="G131354" s="16">
        <v>0</v>
      </c>
    </row>
    <row r="131355" spans="1:7" x14ac:dyDescent="0.3">
      <c r="A131355" s="13" t="s">
        <v>597</v>
      </c>
      <c r="B131355" s="14" t="s">
        <v>1</v>
      </c>
      <c r="C131355" s="14" t="s">
        <v>596</v>
      </c>
      <c r="D131355" s="14" t="s">
        <v>122</v>
      </c>
      <c r="E131355" s="15">
        <v>45696</v>
      </c>
      <c r="F131355" s="14" t="s">
        <v>15</v>
      </c>
      <c r="G131355" s="16">
        <v>0</v>
      </c>
    </row>
    <row r="131356" spans="1:7" x14ac:dyDescent="0.3">
      <c r="A131356" s="13" t="s">
        <v>597</v>
      </c>
      <c r="B131356" s="14" t="s">
        <v>1</v>
      </c>
      <c r="C131356" s="14" t="s">
        <v>596</v>
      </c>
      <c r="D131356" s="14" t="s">
        <v>122</v>
      </c>
      <c r="E131356" s="15">
        <v>45697</v>
      </c>
      <c r="F131356" s="14" t="s">
        <v>15</v>
      </c>
      <c r="G131356" s="16">
        <v>0</v>
      </c>
    </row>
    <row r="131357" spans="1:7" x14ac:dyDescent="0.3">
      <c r="A131357" s="13" t="s">
        <v>597</v>
      </c>
      <c r="B131357" s="14" t="s">
        <v>1</v>
      </c>
      <c r="C131357" s="14" t="s">
        <v>596</v>
      </c>
      <c r="D131357" s="14" t="s">
        <v>122</v>
      </c>
      <c r="E131357" s="15">
        <v>45698</v>
      </c>
      <c r="F131357" s="14" t="s">
        <v>15</v>
      </c>
      <c r="G131357" s="16">
        <v>0</v>
      </c>
    </row>
    <row r="131358" spans="1:7" x14ac:dyDescent="0.3">
      <c r="A131358" s="13" t="s">
        <v>597</v>
      </c>
      <c r="B131358" s="14" t="s">
        <v>1</v>
      </c>
      <c r="C131358" s="14" t="s">
        <v>596</v>
      </c>
      <c r="D131358" s="14" t="s">
        <v>122</v>
      </c>
      <c r="E131358" s="15">
        <v>45699</v>
      </c>
      <c r="F131358" s="14" t="s">
        <v>15</v>
      </c>
      <c r="G131358" s="16">
        <v>0</v>
      </c>
    </row>
    <row r="131359" spans="1:7" x14ac:dyDescent="0.3">
      <c r="A131359" s="13" t="s">
        <v>597</v>
      </c>
      <c r="B131359" s="14" t="s">
        <v>1</v>
      </c>
      <c r="C131359" s="14" t="s">
        <v>596</v>
      </c>
      <c r="D131359" s="14" t="s">
        <v>122</v>
      </c>
      <c r="E131359" s="15">
        <v>45700</v>
      </c>
      <c r="F131359" s="14" t="s">
        <v>15</v>
      </c>
      <c r="G131359" s="16">
        <v>0</v>
      </c>
    </row>
    <row r="131360" spans="1:7" x14ac:dyDescent="0.3">
      <c r="A131360" s="13" t="s">
        <v>597</v>
      </c>
      <c r="B131360" s="14" t="s">
        <v>1</v>
      </c>
      <c r="C131360" s="14" t="s">
        <v>596</v>
      </c>
      <c r="D131360" s="14" t="s">
        <v>122</v>
      </c>
      <c r="E131360" s="15">
        <v>45701</v>
      </c>
      <c r="F131360" s="14" t="s">
        <v>15</v>
      </c>
      <c r="G131360" s="16">
        <v>0</v>
      </c>
    </row>
    <row r="131361" spans="1:7" x14ac:dyDescent="0.3">
      <c r="A131361" s="13" t="s">
        <v>597</v>
      </c>
      <c r="B131361" s="14" t="s">
        <v>1</v>
      </c>
      <c r="C131361" s="14" t="s">
        <v>596</v>
      </c>
      <c r="D131361" s="14" t="s">
        <v>122</v>
      </c>
      <c r="E131361" s="15">
        <v>45702</v>
      </c>
      <c r="F131361" s="14" t="s">
        <v>15</v>
      </c>
      <c r="G131361" s="16">
        <v>0</v>
      </c>
    </row>
    <row r="131362" spans="1:7" x14ac:dyDescent="0.3">
      <c r="A131362" s="13" t="s">
        <v>597</v>
      </c>
      <c r="B131362" s="14" t="s">
        <v>1</v>
      </c>
      <c r="C131362" s="14" t="s">
        <v>596</v>
      </c>
      <c r="D131362" s="14" t="s">
        <v>122</v>
      </c>
      <c r="E131362" s="15">
        <v>45703</v>
      </c>
      <c r="F131362" s="14" t="s">
        <v>15</v>
      </c>
      <c r="G131362" s="16">
        <v>0</v>
      </c>
    </row>
    <row r="131363" spans="1:7" x14ac:dyDescent="0.3">
      <c r="A131363" s="13" t="s">
        <v>597</v>
      </c>
      <c r="B131363" s="14" t="s">
        <v>1</v>
      </c>
      <c r="C131363" s="14" t="s">
        <v>596</v>
      </c>
      <c r="D131363" s="14" t="s">
        <v>122</v>
      </c>
      <c r="E131363" s="15">
        <v>45704</v>
      </c>
      <c r="F131363" s="14" t="s">
        <v>15</v>
      </c>
      <c r="G131363" s="16">
        <v>0</v>
      </c>
    </row>
    <row r="131364" spans="1:7" x14ac:dyDescent="0.3">
      <c r="A131364" s="13" t="s">
        <v>597</v>
      </c>
      <c r="B131364" s="14" t="s">
        <v>1</v>
      </c>
      <c r="C131364" s="14" t="s">
        <v>596</v>
      </c>
      <c r="D131364" s="14" t="s">
        <v>122</v>
      </c>
      <c r="E131364" s="15">
        <v>45705</v>
      </c>
      <c r="F131364" s="14" t="s">
        <v>15</v>
      </c>
      <c r="G131364" s="16">
        <v>0</v>
      </c>
    </row>
    <row r="131365" spans="1:7" x14ac:dyDescent="0.3">
      <c r="A131365" s="13" t="s">
        <v>597</v>
      </c>
      <c r="B131365" s="14" t="s">
        <v>1</v>
      </c>
      <c r="C131365" s="14" t="s">
        <v>596</v>
      </c>
      <c r="D131365" s="14" t="s">
        <v>122</v>
      </c>
      <c r="E131365" s="15">
        <v>45706</v>
      </c>
      <c r="F131365" s="14" t="s">
        <v>15</v>
      </c>
      <c r="G131365" s="16">
        <v>0</v>
      </c>
    </row>
    <row r="131366" spans="1:7" x14ac:dyDescent="0.3">
      <c r="A131366" s="13" t="s">
        <v>597</v>
      </c>
      <c r="B131366" s="14" t="s">
        <v>1</v>
      </c>
      <c r="C131366" s="14" t="s">
        <v>596</v>
      </c>
      <c r="D131366" s="14" t="s">
        <v>122</v>
      </c>
      <c r="E131366" s="15">
        <v>45707</v>
      </c>
      <c r="F131366" s="14" t="s">
        <v>15</v>
      </c>
      <c r="G131366" s="16">
        <v>0</v>
      </c>
    </row>
    <row r="131367" spans="1:7" x14ac:dyDescent="0.3">
      <c r="A131367" s="13" t="s">
        <v>597</v>
      </c>
      <c r="B131367" s="14" t="s">
        <v>1</v>
      </c>
      <c r="C131367" s="14" t="s">
        <v>596</v>
      </c>
      <c r="D131367" s="14" t="s">
        <v>122</v>
      </c>
      <c r="E131367" s="15">
        <v>45708</v>
      </c>
      <c r="F131367" s="14" t="s">
        <v>15</v>
      </c>
      <c r="G131367" s="16">
        <v>0</v>
      </c>
    </row>
    <row r="131368" spans="1:7" x14ac:dyDescent="0.3">
      <c r="A131368" s="13" t="s">
        <v>597</v>
      </c>
      <c r="B131368" s="14" t="s">
        <v>1</v>
      </c>
      <c r="C131368" s="14" t="s">
        <v>596</v>
      </c>
      <c r="D131368" s="14" t="s">
        <v>122</v>
      </c>
      <c r="E131368" s="15">
        <v>45709</v>
      </c>
      <c r="F131368" s="14" t="s">
        <v>15</v>
      </c>
      <c r="G131368" s="16">
        <v>0</v>
      </c>
    </row>
    <row r="131369" spans="1:7" x14ac:dyDescent="0.3">
      <c r="A131369" s="13" t="s">
        <v>597</v>
      </c>
      <c r="B131369" s="14" t="s">
        <v>1</v>
      </c>
      <c r="C131369" s="14" t="s">
        <v>596</v>
      </c>
      <c r="D131369" s="14" t="s">
        <v>122</v>
      </c>
      <c r="E131369" s="15">
        <v>45710</v>
      </c>
      <c r="F131369" s="14" t="s">
        <v>15</v>
      </c>
      <c r="G131369" s="16">
        <v>0</v>
      </c>
    </row>
    <row r="131370" spans="1:7" x14ac:dyDescent="0.3">
      <c r="A131370" s="13" t="s">
        <v>597</v>
      </c>
      <c r="B131370" s="14" t="s">
        <v>1</v>
      </c>
      <c r="C131370" s="14" t="s">
        <v>596</v>
      </c>
      <c r="D131370" s="14" t="s">
        <v>122</v>
      </c>
      <c r="E131370" s="15">
        <v>45711</v>
      </c>
      <c r="F131370" s="14" t="s">
        <v>15</v>
      </c>
      <c r="G131370" s="16">
        <v>0</v>
      </c>
    </row>
    <row r="131371" spans="1:7" x14ac:dyDescent="0.3">
      <c r="A131371" s="13" t="s">
        <v>597</v>
      </c>
      <c r="B131371" s="14" t="s">
        <v>1</v>
      </c>
      <c r="C131371" s="14" t="s">
        <v>596</v>
      </c>
      <c r="D131371" s="14" t="s">
        <v>122</v>
      </c>
      <c r="E131371" s="15">
        <v>45712</v>
      </c>
      <c r="F131371" s="14" t="s">
        <v>15</v>
      </c>
      <c r="G131371" s="16">
        <v>0</v>
      </c>
    </row>
    <row r="131372" spans="1:7" x14ac:dyDescent="0.3">
      <c r="A131372" s="13" t="s">
        <v>597</v>
      </c>
      <c r="B131372" s="14" t="s">
        <v>1</v>
      </c>
      <c r="C131372" s="14" t="s">
        <v>596</v>
      </c>
      <c r="D131372" s="14" t="s">
        <v>122</v>
      </c>
      <c r="E131372" s="15">
        <v>45713</v>
      </c>
      <c r="F131372" s="14" t="s">
        <v>15</v>
      </c>
      <c r="G131372" s="16">
        <v>0</v>
      </c>
    </row>
    <row r="131373" spans="1:7" x14ac:dyDescent="0.3">
      <c r="A131373" s="13" t="s">
        <v>597</v>
      </c>
      <c r="B131373" s="14" t="s">
        <v>1</v>
      </c>
      <c r="C131373" s="14" t="s">
        <v>596</v>
      </c>
      <c r="D131373" s="14" t="s">
        <v>122</v>
      </c>
      <c r="E131373" s="15">
        <v>45714</v>
      </c>
      <c r="F131373" s="14" t="s">
        <v>15</v>
      </c>
      <c r="G131373" s="16">
        <v>0</v>
      </c>
    </row>
    <row r="131374" spans="1:7" x14ac:dyDescent="0.3">
      <c r="A131374" s="13" t="s">
        <v>597</v>
      </c>
      <c r="B131374" s="14" t="s">
        <v>1</v>
      </c>
      <c r="C131374" s="14" t="s">
        <v>596</v>
      </c>
      <c r="D131374" s="14" t="s">
        <v>122</v>
      </c>
      <c r="E131374" s="15">
        <v>45715</v>
      </c>
      <c r="F131374" s="14" t="s">
        <v>15</v>
      </c>
      <c r="G131374" s="16">
        <v>0</v>
      </c>
    </row>
    <row r="131375" spans="1:7" x14ac:dyDescent="0.3">
      <c r="A131375" s="13" t="s">
        <v>597</v>
      </c>
      <c r="B131375" s="14" t="s">
        <v>1</v>
      </c>
      <c r="C131375" s="14" t="s">
        <v>596</v>
      </c>
      <c r="D131375" s="14" t="s">
        <v>122</v>
      </c>
      <c r="E131375" s="15">
        <v>45716</v>
      </c>
      <c r="F131375" s="14" t="s">
        <v>15</v>
      </c>
      <c r="G131375" s="16">
        <v>0</v>
      </c>
    </row>
    <row r="131376" spans="1:7" x14ac:dyDescent="0.3">
      <c r="A131376" s="13" t="s">
        <v>597</v>
      </c>
      <c r="B131376" s="14" t="s">
        <v>1</v>
      </c>
      <c r="C131376" s="14" t="s">
        <v>596</v>
      </c>
      <c r="D131376" s="14" t="s">
        <v>122</v>
      </c>
      <c r="E131376" s="15">
        <v>45717</v>
      </c>
      <c r="F131376" s="14" t="s">
        <v>15</v>
      </c>
      <c r="G131376" s="16">
        <v>0</v>
      </c>
    </row>
    <row r="131377" spans="1:7" x14ac:dyDescent="0.3">
      <c r="A131377" s="13" t="s">
        <v>597</v>
      </c>
      <c r="B131377" s="14" t="s">
        <v>1</v>
      </c>
      <c r="C131377" s="14" t="s">
        <v>596</v>
      </c>
      <c r="D131377" s="14" t="s">
        <v>122</v>
      </c>
      <c r="E131377" s="15">
        <v>45718</v>
      </c>
      <c r="F131377" s="14" t="s">
        <v>15</v>
      </c>
      <c r="G131377" s="16">
        <v>0</v>
      </c>
    </row>
    <row r="131378" spans="1:7" x14ac:dyDescent="0.3">
      <c r="A131378" s="13" t="s">
        <v>597</v>
      </c>
      <c r="B131378" s="14" t="s">
        <v>1</v>
      </c>
      <c r="C131378" s="14" t="s">
        <v>596</v>
      </c>
      <c r="D131378" s="14" t="s">
        <v>122</v>
      </c>
      <c r="E131378" s="15">
        <v>45719</v>
      </c>
      <c r="F131378" s="14" t="s">
        <v>15</v>
      </c>
      <c r="G131378" s="16">
        <v>0</v>
      </c>
    </row>
    <row r="131379" spans="1:7" x14ac:dyDescent="0.3">
      <c r="A131379" s="13" t="s">
        <v>597</v>
      </c>
      <c r="B131379" s="14" t="s">
        <v>1</v>
      </c>
      <c r="C131379" s="14" t="s">
        <v>596</v>
      </c>
      <c r="D131379" s="14" t="s">
        <v>122</v>
      </c>
      <c r="E131379" s="15">
        <v>45720</v>
      </c>
      <c r="F131379" s="14" t="s">
        <v>15</v>
      </c>
      <c r="G131379" s="16">
        <v>0</v>
      </c>
    </row>
    <row r="131380" spans="1:7" x14ac:dyDescent="0.3">
      <c r="A131380" s="13" t="s">
        <v>597</v>
      </c>
      <c r="B131380" s="14" t="s">
        <v>1</v>
      </c>
      <c r="C131380" s="14" t="s">
        <v>596</v>
      </c>
      <c r="D131380" s="14" t="s">
        <v>122</v>
      </c>
      <c r="E131380" s="15">
        <v>45721</v>
      </c>
      <c r="F131380" s="14" t="s">
        <v>15</v>
      </c>
      <c r="G131380" s="16">
        <v>0</v>
      </c>
    </row>
    <row r="131381" spans="1:7" x14ac:dyDescent="0.3">
      <c r="A131381" s="13" t="s">
        <v>597</v>
      </c>
      <c r="B131381" s="14" t="s">
        <v>1</v>
      </c>
      <c r="C131381" s="14" t="s">
        <v>596</v>
      </c>
      <c r="D131381" s="14" t="s">
        <v>122</v>
      </c>
      <c r="E131381" s="15">
        <v>45722</v>
      </c>
      <c r="F131381" s="14" t="s">
        <v>15</v>
      </c>
      <c r="G131381" s="16">
        <v>0</v>
      </c>
    </row>
    <row r="131382" spans="1:7" x14ac:dyDescent="0.3">
      <c r="A131382" s="13" t="s">
        <v>597</v>
      </c>
      <c r="B131382" s="14" t="s">
        <v>1</v>
      </c>
      <c r="C131382" s="14" t="s">
        <v>596</v>
      </c>
      <c r="D131382" s="14" t="s">
        <v>122</v>
      </c>
      <c r="E131382" s="15">
        <v>45723</v>
      </c>
      <c r="F131382" s="14" t="s">
        <v>15</v>
      </c>
      <c r="G131382" s="16">
        <v>0</v>
      </c>
    </row>
    <row r="131383" spans="1:7" x14ac:dyDescent="0.3">
      <c r="A131383" s="13" t="s">
        <v>597</v>
      </c>
      <c r="B131383" s="14" t="s">
        <v>1</v>
      </c>
      <c r="C131383" s="14" t="s">
        <v>596</v>
      </c>
      <c r="D131383" s="14" t="s">
        <v>122</v>
      </c>
      <c r="E131383" s="15">
        <v>45724</v>
      </c>
      <c r="F131383" s="14" t="s">
        <v>15</v>
      </c>
      <c r="G131383" s="16">
        <v>0</v>
      </c>
    </row>
    <row r="131384" spans="1:7" x14ac:dyDescent="0.3">
      <c r="A131384" s="13" t="s">
        <v>597</v>
      </c>
      <c r="B131384" s="14" t="s">
        <v>1</v>
      </c>
      <c r="C131384" s="14" t="s">
        <v>596</v>
      </c>
      <c r="D131384" s="14" t="s">
        <v>122</v>
      </c>
      <c r="E131384" s="15">
        <v>45725</v>
      </c>
      <c r="F131384" s="14" t="s">
        <v>15</v>
      </c>
      <c r="G131384" s="16">
        <v>0</v>
      </c>
    </row>
    <row r="131385" spans="1:7" x14ac:dyDescent="0.3">
      <c r="A131385" s="13" t="s">
        <v>597</v>
      </c>
      <c r="B131385" s="14" t="s">
        <v>1</v>
      </c>
      <c r="C131385" s="14" t="s">
        <v>596</v>
      </c>
      <c r="D131385" s="14" t="s">
        <v>122</v>
      </c>
      <c r="E131385" s="15">
        <v>45726</v>
      </c>
      <c r="F131385" s="14" t="s">
        <v>15</v>
      </c>
      <c r="G131385" s="16">
        <v>0</v>
      </c>
    </row>
    <row r="131386" spans="1:7" x14ac:dyDescent="0.3">
      <c r="A131386" s="13" t="s">
        <v>597</v>
      </c>
      <c r="B131386" s="14" t="s">
        <v>1</v>
      </c>
      <c r="C131386" s="14" t="s">
        <v>596</v>
      </c>
      <c r="D131386" s="14" t="s">
        <v>122</v>
      </c>
      <c r="E131386" s="15">
        <v>45727</v>
      </c>
      <c r="F131386" s="14" t="s">
        <v>15</v>
      </c>
      <c r="G131386" s="16">
        <v>0</v>
      </c>
    </row>
    <row r="131387" spans="1:7" x14ac:dyDescent="0.3">
      <c r="A131387" s="13" t="s">
        <v>597</v>
      </c>
      <c r="B131387" s="14" t="s">
        <v>1</v>
      </c>
      <c r="C131387" s="14" t="s">
        <v>596</v>
      </c>
      <c r="D131387" s="14" t="s">
        <v>122</v>
      </c>
      <c r="E131387" s="15">
        <v>45728</v>
      </c>
      <c r="F131387" s="14" t="s">
        <v>15</v>
      </c>
      <c r="G131387" s="16">
        <v>0</v>
      </c>
    </row>
    <row r="131388" spans="1:7" x14ac:dyDescent="0.3">
      <c r="A131388" s="13" t="s">
        <v>597</v>
      </c>
      <c r="B131388" s="14" t="s">
        <v>1</v>
      </c>
      <c r="C131388" s="14" t="s">
        <v>596</v>
      </c>
      <c r="D131388" s="14" t="s">
        <v>122</v>
      </c>
      <c r="E131388" s="15">
        <v>45729</v>
      </c>
      <c r="F131388" s="14" t="s">
        <v>15</v>
      </c>
      <c r="G131388" s="16">
        <v>0</v>
      </c>
    </row>
    <row r="131389" spans="1:7" x14ac:dyDescent="0.3">
      <c r="A131389" s="13" t="s">
        <v>597</v>
      </c>
      <c r="B131389" s="14" t="s">
        <v>1</v>
      </c>
      <c r="C131389" s="14" t="s">
        <v>596</v>
      </c>
      <c r="D131389" s="14" t="s">
        <v>122</v>
      </c>
      <c r="E131389" s="15">
        <v>45730</v>
      </c>
      <c r="F131389" s="14" t="s">
        <v>15</v>
      </c>
      <c r="G131389" s="16">
        <v>0</v>
      </c>
    </row>
    <row r="131390" spans="1:7" x14ac:dyDescent="0.3">
      <c r="A131390" s="13" t="s">
        <v>597</v>
      </c>
      <c r="B131390" s="14" t="s">
        <v>1</v>
      </c>
      <c r="C131390" s="14" t="s">
        <v>596</v>
      </c>
      <c r="D131390" s="14" t="s">
        <v>122</v>
      </c>
      <c r="E131390" s="15">
        <v>45731</v>
      </c>
      <c r="F131390" s="14" t="s">
        <v>15</v>
      </c>
      <c r="G131390" s="16">
        <v>0</v>
      </c>
    </row>
    <row r="131391" spans="1:7" x14ac:dyDescent="0.3">
      <c r="A131391" s="13" t="s">
        <v>597</v>
      </c>
      <c r="B131391" s="14" t="s">
        <v>1</v>
      </c>
      <c r="C131391" s="14" t="s">
        <v>596</v>
      </c>
      <c r="D131391" s="14" t="s">
        <v>122</v>
      </c>
      <c r="E131391" s="15">
        <v>45732</v>
      </c>
      <c r="F131391" s="14" t="s">
        <v>15</v>
      </c>
      <c r="G131391" s="16">
        <v>0</v>
      </c>
    </row>
    <row r="131392" spans="1:7" x14ac:dyDescent="0.3">
      <c r="A131392" s="13" t="s">
        <v>597</v>
      </c>
      <c r="B131392" s="14" t="s">
        <v>1</v>
      </c>
      <c r="C131392" s="14" t="s">
        <v>596</v>
      </c>
      <c r="D131392" s="14" t="s">
        <v>122</v>
      </c>
      <c r="E131392" s="15">
        <v>45733</v>
      </c>
      <c r="F131392" s="14" t="s">
        <v>15</v>
      </c>
      <c r="G131392" s="16">
        <v>0</v>
      </c>
    </row>
    <row r="131393" spans="1:7" x14ac:dyDescent="0.3">
      <c r="A131393" s="13" t="s">
        <v>597</v>
      </c>
      <c r="B131393" s="14" t="s">
        <v>1</v>
      </c>
      <c r="C131393" s="14" t="s">
        <v>596</v>
      </c>
      <c r="D131393" s="14" t="s">
        <v>122</v>
      </c>
      <c r="E131393" s="15">
        <v>45734</v>
      </c>
      <c r="F131393" s="14" t="s">
        <v>15</v>
      </c>
      <c r="G131393" s="16">
        <v>0</v>
      </c>
    </row>
    <row r="131394" spans="1:7" x14ac:dyDescent="0.3">
      <c r="A131394" s="13" t="s">
        <v>597</v>
      </c>
      <c r="B131394" s="14" t="s">
        <v>1</v>
      </c>
      <c r="C131394" s="14" t="s">
        <v>596</v>
      </c>
      <c r="D131394" s="14" t="s">
        <v>122</v>
      </c>
      <c r="E131394" s="15">
        <v>45735</v>
      </c>
      <c r="F131394" s="14" t="s">
        <v>15</v>
      </c>
      <c r="G131394" s="16">
        <v>0</v>
      </c>
    </row>
    <row r="131395" spans="1:7" x14ac:dyDescent="0.3">
      <c r="A131395" s="13" t="s">
        <v>597</v>
      </c>
      <c r="B131395" s="14" t="s">
        <v>1</v>
      </c>
      <c r="C131395" s="14" t="s">
        <v>596</v>
      </c>
      <c r="D131395" s="14" t="s">
        <v>122</v>
      </c>
      <c r="E131395" s="15">
        <v>45736</v>
      </c>
      <c r="F131395" s="14" t="s">
        <v>15</v>
      </c>
      <c r="G131395" s="16">
        <v>0</v>
      </c>
    </row>
    <row r="131396" spans="1:7" x14ac:dyDescent="0.3">
      <c r="A131396" s="13" t="s">
        <v>597</v>
      </c>
      <c r="B131396" s="14" t="s">
        <v>1</v>
      </c>
      <c r="C131396" s="14" t="s">
        <v>596</v>
      </c>
      <c r="D131396" s="14" t="s">
        <v>122</v>
      </c>
      <c r="E131396" s="15">
        <v>45737</v>
      </c>
      <c r="F131396" s="14" t="s">
        <v>15</v>
      </c>
      <c r="G131396" s="16">
        <v>0</v>
      </c>
    </row>
    <row r="131397" spans="1:7" x14ac:dyDescent="0.3">
      <c r="A131397" s="13" t="s">
        <v>597</v>
      </c>
      <c r="B131397" s="14" t="s">
        <v>1</v>
      </c>
      <c r="C131397" s="14" t="s">
        <v>596</v>
      </c>
      <c r="D131397" s="14" t="s">
        <v>122</v>
      </c>
      <c r="E131397" s="15">
        <v>45738</v>
      </c>
      <c r="F131397" s="14" t="s">
        <v>15</v>
      </c>
      <c r="G131397" s="16">
        <v>0</v>
      </c>
    </row>
    <row r="131398" spans="1:7" x14ac:dyDescent="0.3">
      <c r="A131398" s="13" t="s">
        <v>597</v>
      </c>
      <c r="B131398" s="14" t="s">
        <v>1</v>
      </c>
      <c r="C131398" s="14" t="s">
        <v>596</v>
      </c>
      <c r="D131398" s="14" t="s">
        <v>122</v>
      </c>
      <c r="E131398" s="15">
        <v>45739</v>
      </c>
      <c r="F131398" s="14" t="s">
        <v>15</v>
      </c>
      <c r="G131398" s="16">
        <v>0</v>
      </c>
    </row>
    <row r="131399" spans="1:7" x14ac:dyDescent="0.3">
      <c r="A131399" s="13" t="s">
        <v>597</v>
      </c>
      <c r="B131399" s="14" t="s">
        <v>1</v>
      </c>
      <c r="C131399" s="14" t="s">
        <v>596</v>
      </c>
      <c r="D131399" s="14" t="s">
        <v>122</v>
      </c>
      <c r="E131399" s="15">
        <v>45740</v>
      </c>
      <c r="F131399" s="14" t="s">
        <v>15</v>
      </c>
      <c r="G131399" s="16">
        <v>0</v>
      </c>
    </row>
    <row r="131400" spans="1:7" x14ac:dyDescent="0.3">
      <c r="A131400" s="13" t="s">
        <v>597</v>
      </c>
      <c r="B131400" s="14" t="s">
        <v>1</v>
      </c>
      <c r="C131400" s="14" t="s">
        <v>596</v>
      </c>
      <c r="D131400" s="14" t="s">
        <v>122</v>
      </c>
      <c r="E131400" s="15">
        <v>45741</v>
      </c>
      <c r="F131400" s="14" t="s">
        <v>15</v>
      </c>
      <c r="G131400" s="16">
        <v>0</v>
      </c>
    </row>
    <row r="131401" spans="1:7" x14ac:dyDescent="0.3">
      <c r="A131401" s="13" t="s">
        <v>597</v>
      </c>
      <c r="B131401" s="14" t="s">
        <v>1</v>
      </c>
      <c r="C131401" s="14" t="s">
        <v>596</v>
      </c>
      <c r="D131401" s="14" t="s">
        <v>122</v>
      </c>
      <c r="E131401" s="15">
        <v>45742</v>
      </c>
      <c r="F131401" s="14" t="s">
        <v>15</v>
      </c>
      <c r="G131401" s="16">
        <v>0</v>
      </c>
    </row>
    <row r="131402" spans="1:7" x14ac:dyDescent="0.3">
      <c r="A131402" s="13" t="s">
        <v>597</v>
      </c>
      <c r="B131402" s="14" t="s">
        <v>1</v>
      </c>
      <c r="C131402" s="14" t="s">
        <v>596</v>
      </c>
      <c r="D131402" s="14" t="s">
        <v>122</v>
      </c>
      <c r="E131402" s="15">
        <v>45743</v>
      </c>
      <c r="F131402" s="14" t="s">
        <v>15</v>
      </c>
      <c r="G131402" s="16">
        <v>0</v>
      </c>
    </row>
    <row r="131403" spans="1:7" x14ac:dyDescent="0.3">
      <c r="A131403" s="13" t="s">
        <v>597</v>
      </c>
      <c r="B131403" s="14" t="s">
        <v>1</v>
      </c>
      <c r="C131403" s="14" t="s">
        <v>596</v>
      </c>
      <c r="D131403" s="14" t="s">
        <v>122</v>
      </c>
      <c r="E131403" s="15">
        <v>45744</v>
      </c>
      <c r="F131403" s="14" t="s">
        <v>15</v>
      </c>
      <c r="G131403" s="16">
        <v>0</v>
      </c>
    </row>
    <row r="131404" spans="1:7" x14ac:dyDescent="0.3">
      <c r="A131404" s="13" t="s">
        <v>597</v>
      </c>
      <c r="B131404" s="14" t="s">
        <v>1</v>
      </c>
      <c r="C131404" s="14" t="s">
        <v>596</v>
      </c>
      <c r="D131404" s="14" t="s">
        <v>122</v>
      </c>
      <c r="E131404" s="15">
        <v>45745</v>
      </c>
      <c r="F131404" s="14" t="s">
        <v>15</v>
      </c>
      <c r="G131404" s="16">
        <v>0</v>
      </c>
    </row>
    <row r="131405" spans="1:7" x14ac:dyDescent="0.3">
      <c r="A131405" s="13" t="s">
        <v>597</v>
      </c>
      <c r="B131405" s="14" t="s">
        <v>1</v>
      </c>
      <c r="C131405" s="14" t="s">
        <v>596</v>
      </c>
      <c r="D131405" s="14" t="s">
        <v>122</v>
      </c>
      <c r="E131405" s="15">
        <v>45746</v>
      </c>
      <c r="F131405" s="14" t="s">
        <v>15</v>
      </c>
      <c r="G131405" s="16">
        <v>0</v>
      </c>
    </row>
    <row r="131406" spans="1:7" x14ac:dyDescent="0.3">
      <c r="A131406" s="13" t="s">
        <v>597</v>
      </c>
      <c r="B131406" s="14" t="s">
        <v>1</v>
      </c>
      <c r="C131406" s="14" t="s">
        <v>596</v>
      </c>
      <c r="D131406" s="14" t="s">
        <v>122</v>
      </c>
      <c r="E131406" s="15">
        <v>45747</v>
      </c>
      <c r="F131406" s="14" t="s">
        <v>15</v>
      </c>
      <c r="G131406" s="16">
        <v>0</v>
      </c>
    </row>
    <row r="131407" spans="1:7" x14ac:dyDescent="0.3">
      <c r="A131407" s="13" t="s">
        <v>598</v>
      </c>
      <c r="B131407" s="14" t="s">
        <v>1</v>
      </c>
      <c r="C131407" s="14" t="s">
        <v>596</v>
      </c>
      <c r="D131407" s="14" t="s">
        <v>193</v>
      </c>
      <c r="E131407" s="15">
        <v>45383</v>
      </c>
      <c r="F131407" s="14" t="s">
        <v>15</v>
      </c>
      <c r="G131407" s="16">
        <v>0</v>
      </c>
    </row>
    <row r="131408" spans="1:7" x14ac:dyDescent="0.3">
      <c r="A131408" s="13" t="s">
        <v>598</v>
      </c>
      <c r="B131408" s="14" t="s">
        <v>1</v>
      </c>
      <c r="C131408" s="14" t="s">
        <v>596</v>
      </c>
      <c r="D131408" s="14" t="s">
        <v>193</v>
      </c>
      <c r="E131408" s="15">
        <v>45384</v>
      </c>
      <c r="F131408" s="14" t="s">
        <v>15</v>
      </c>
      <c r="G131408" s="16">
        <v>0</v>
      </c>
    </row>
    <row r="131409" spans="1:7" x14ac:dyDescent="0.3">
      <c r="A131409" s="13" t="s">
        <v>598</v>
      </c>
      <c r="B131409" s="14" t="s">
        <v>1</v>
      </c>
      <c r="C131409" s="14" t="s">
        <v>596</v>
      </c>
      <c r="D131409" s="14" t="s">
        <v>193</v>
      </c>
      <c r="E131409" s="15">
        <v>45385</v>
      </c>
      <c r="F131409" s="14" t="s">
        <v>15</v>
      </c>
      <c r="G131409" s="16">
        <v>0</v>
      </c>
    </row>
    <row r="131410" spans="1:7" x14ac:dyDescent="0.3">
      <c r="A131410" s="13" t="s">
        <v>598</v>
      </c>
      <c r="B131410" s="14" t="s">
        <v>1</v>
      </c>
      <c r="C131410" s="14" t="s">
        <v>596</v>
      </c>
      <c r="D131410" s="14" t="s">
        <v>193</v>
      </c>
      <c r="E131410" s="15">
        <v>45386</v>
      </c>
      <c r="F131410" s="14" t="s">
        <v>15</v>
      </c>
      <c r="G131410" s="16">
        <v>0</v>
      </c>
    </row>
    <row r="131411" spans="1:7" x14ac:dyDescent="0.3">
      <c r="A131411" s="13" t="s">
        <v>598</v>
      </c>
      <c r="B131411" s="14" t="s">
        <v>1</v>
      </c>
      <c r="C131411" s="14" t="s">
        <v>596</v>
      </c>
      <c r="D131411" s="14" t="s">
        <v>193</v>
      </c>
      <c r="E131411" s="15">
        <v>45387</v>
      </c>
      <c r="F131411" s="14" t="s">
        <v>15</v>
      </c>
      <c r="G131411" s="16">
        <v>0</v>
      </c>
    </row>
    <row r="131412" spans="1:7" x14ac:dyDescent="0.3">
      <c r="A131412" s="13" t="s">
        <v>598</v>
      </c>
      <c r="B131412" s="14" t="s">
        <v>1</v>
      </c>
      <c r="C131412" s="14" t="s">
        <v>596</v>
      </c>
      <c r="D131412" s="14" t="s">
        <v>193</v>
      </c>
      <c r="E131412" s="15">
        <v>45388</v>
      </c>
      <c r="F131412" s="14" t="s">
        <v>15</v>
      </c>
      <c r="G131412" s="16">
        <v>0</v>
      </c>
    </row>
    <row r="131413" spans="1:7" x14ac:dyDescent="0.3">
      <c r="A131413" s="13" t="s">
        <v>598</v>
      </c>
      <c r="B131413" s="14" t="s">
        <v>1</v>
      </c>
      <c r="C131413" s="14" t="s">
        <v>596</v>
      </c>
      <c r="D131413" s="14" t="s">
        <v>193</v>
      </c>
      <c r="E131413" s="15">
        <v>45389</v>
      </c>
      <c r="F131413" s="14" t="s">
        <v>15</v>
      </c>
      <c r="G131413" s="16">
        <v>0</v>
      </c>
    </row>
    <row r="131414" spans="1:7" x14ac:dyDescent="0.3">
      <c r="A131414" s="13" t="s">
        <v>598</v>
      </c>
      <c r="B131414" s="14" t="s">
        <v>1</v>
      </c>
      <c r="C131414" s="14" t="s">
        <v>596</v>
      </c>
      <c r="D131414" s="14" t="s">
        <v>193</v>
      </c>
      <c r="E131414" s="15">
        <v>45390</v>
      </c>
      <c r="F131414" s="14" t="s">
        <v>15</v>
      </c>
      <c r="G131414" s="16">
        <v>0</v>
      </c>
    </row>
    <row r="131415" spans="1:7" x14ac:dyDescent="0.3">
      <c r="A131415" s="13" t="s">
        <v>598</v>
      </c>
      <c r="B131415" s="14" t="s">
        <v>1</v>
      </c>
      <c r="C131415" s="14" t="s">
        <v>596</v>
      </c>
      <c r="D131415" s="14" t="s">
        <v>193</v>
      </c>
      <c r="E131415" s="15">
        <v>45391</v>
      </c>
      <c r="F131415" s="14" t="s">
        <v>15</v>
      </c>
      <c r="G131415" s="16">
        <v>0</v>
      </c>
    </row>
    <row r="131416" spans="1:7" x14ac:dyDescent="0.3">
      <c r="A131416" s="13" t="s">
        <v>598</v>
      </c>
      <c r="B131416" s="14" t="s">
        <v>1</v>
      </c>
      <c r="C131416" s="14" t="s">
        <v>596</v>
      </c>
      <c r="D131416" s="14" t="s">
        <v>193</v>
      </c>
      <c r="E131416" s="15">
        <v>45392</v>
      </c>
      <c r="F131416" s="14" t="s">
        <v>15</v>
      </c>
      <c r="G131416" s="16">
        <v>0</v>
      </c>
    </row>
    <row r="131417" spans="1:7" x14ac:dyDescent="0.3">
      <c r="A131417" s="13" t="s">
        <v>598</v>
      </c>
      <c r="B131417" s="14" t="s">
        <v>1</v>
      </c>
      <c r="C131417" s="14" t="s">
        <v>596</v>
      </c>
      <c r="D131417" s="14" t="s">
        <v>193</v>
      </c>
      <c r="E131417" s="15">
        <v>45393</v>
      </c>
      <c r="F131417" s="14" t="s">
        <v>15</v>
      </c>
      <c r="G131417" s="16">
        <v>0</v>
      </c>
    </row>
    <row r="131418" spans="1:7" x14ac:dyDescent="0.3">
      <c r="A131418" s="13" t="s">
        <v>598</v>
      </c>
      <c r="B131418" s="14" t="s">
        <v>1</v>
      </c>
      <c r="C131418" s="14" t="s">
        <v>596</v>
      </c>
      <c r="D131418" s="14" t="s">
        <v>193</v>
      </c>
      <c r="E131418" s="15">
        <v>45394</v>
      </c>
      <c r="F131418" s="14" t="s">
        <v>15</v>
      </c>
      <c r="G131418" s="16">
        <v>0</v>
      </c>
    </row>
    <row r="131419" spans="1:7" x14ac:dyDescent="0.3">
      <c r="A131419" s="13" t="s">
        <v>598</v>
      </c>
      <c r="B131419" s="14" t="s">
        <v>1</v>
      </c>
      <c r="C131419" s="14" t="s">
        <v>596</v>
      </c>
      <c r="D131419" s="14" t="s">
        <v>193</v>
      </c>
      <c r="E131419" s="15">
        <v>45395</v>
      </c>
      <c r="F131419" s="14" t="s">
        <v>15</v>
      </c>
      <c r="G131419" s="16">
        <v>0</v>
      </c>
    </row>
    <row r="131420" spans="1:7" x14ac:dyDescent="0.3">
      <c r="A131420" s="13" t="s">
        <v>598</v>
      </c>
      <c r="B131420" s="14" t="s">
        <v>1</v>
      </c>
      <c r="C131420" s="14" t="s">
        <v>596</v>
      </c>
      <c r="D131420" s="14" t="s">
        <v>193</v>
      </c>
      <c r="E131420" s="15">
        <v>45396</v>
      </c>
      <c r="F131420" s="14" t="s">
        <v>15</v>
      </c>
      <c r="G131420" s="16">
        <v>0</v>
      </c>
    </row>
    <row r="131421" spans="1:7" x14ac:dyDescent="0.3">
      <c r="A131421" s="13" t="s">
        <v>598</v>
      </c>
      <c r="B131421" s="14" t="s">
        <v>1</v>
      </c>
      <c r="C131421" s="14" t="s">
        <v>596</v>
      </c>
      <c r="D131421" s="14" t="s">
        <v>193</v>
      </c>
      <c r="E131421" s="15">
        <v>45397</v>
      </c>
      <c r="F131421" s="14" t="s">
        <v>15</v>
      </c>
      <c r="G131421" s="16">
        <v>0</v>
      </c>
    </row>
    <row r="131422" spans="1:7" x14ac:dyDescent="0.3">
      <c r="A131422" s="13" t="s">
        <v>598</v>
      </c>
      <c r="B131422" s="14" t="s">
        <v>1</v>
      </c>
      <c r="C131422" s="14" t="s">
        <v>596</v>
      </c>
      <c r="D131422" s="14" t="s">
        <v>193</v>
      </c>
      <c r="E131422" s="15">
        <v>45398</v>
      </c>
      <c r="F131422" s="14" t="s">
        <v>15</v>
      </c>
      <c r="G131422" s="16">
        <v>0</v>
      </c>
    </row>
    <row r="131423" spans="1:7" x14ac:dyDescent="0.3">
      <c r="A131423" s="13" t="s">
        <v>598</v>
      </c>
      <c r="B131423" s="14" t="s">
        <v>1</v>
      </c>
      <c r="C131423" s="14" t="s">
        <v>596</v>
      </c>
      <c r="D131423" s="14" t="s">
        <v>193</v>
      </c>
      <c r="E131423" s="15">
        <v>45399</v>
      </c>
      <c r="F131423" s="14" t="s">
        <v>15</v>
      </c>
      <c r="G131423" s="16">
        <v>0</v>
      </c>
    </row>
    <row r="131424" spans="1:7" x14ac:dyDescent="0.3">
      <c r="A131424" s="13" t="s">
        <v>598</v>
      </c>
      <c r="B131424" s="14" t="s">
        <v>1</v>
      </c>
      <c r="C131424" s="14" t="s">
        <v>596</v>
      </c>
      <c r="D131424" s="14" t="s">
        <v>193</v>
      </c>
      <c r="E131424" s="15">
        <v>45400</v>
      </c>
      <c r="F131424" s="14" t="s">
        <v>15</v>
      </c>
      <c r="G131424" s="16">
        <v>0</v>
      </c>
    </row>
    <row r="131425" spans="1:7" x14ac:dyDescent="0.3">
      <c r="A131425" s="13" t="s">
        <v>598</v>
      </c>
      <c r="B131425" s="14" t="s">
        <v>1</v>
      </c>
      <c r="C131425" s="14" t="s">
        <v>596</v>
      </c>
      <c r="D131425" s="14" t="s">
        <v>193</v>
      </c>
      <c r="E131425" s="15">
        <v>45401</v>
      </c>
      <c r="F131425" s="14" t="s">
        <v>15</v>
      </c>
      <c r="G131425" s="16">
        <v>0</v>
      </c>
    </row>
    <row r="131426" spans="1:7" x14ac:dyDescent="0.3">
      <c r="A131426" s="13" t="s">
        <v>598</v>
      </c>
      <c r="B131426" s="14" t="s">
        <v>1</v>
      </c>
      <c r="C131426" s="14" t="s">
        <v>596</v>
      </c>
      <c r="D131426" s="14" t="s">
        <v>193</v>
      </c>
      <c r="E131426" s="15">
        <v>45402</v>
      </c>
      <c r="F131426" s="14" t="s">
        <v>15</v>
      </c>
      <c r="G131426" s="16">
        <v>0</v>
      </c>
    </row>
    <row r="131427" spans="1:7" x14ac:dyDescent="0.3">
      <c r="A131427" s="13" t="s">
        <v>598</v>
      </c>
      <c r="B131427" s="14" t="s">
        <v>1</v>
      </c>
      <c r="C131427" s="14" t="s">
        <v>596</v>
      </c>
      <c r="D131427" s="14" t="s">
        <v>193</v>
      </c>
      <c r="E131427" s="15">
        <v>45403</v>
      </c>
      <c r="F131427" s="14" t="s">
        <v>15</v>
      </c>
      <c r="G131427" s="16">
        <v>0</v>
      </c>
    </row>
    <row r="131428" spans="1:7" x14ac:dyDescent="0.3">
      <c r="A131428" s="13" t="s">
        <v>598</v>
      </c>
      <c r="B131428" s="14" t="s">
        <v>1</v>
      </c>
      <c r="C131428" s="14" t="s">
        <v>596</v>
      </c>
      <c r="D131428" s="14" t="s">
        <v>193</v>
      </c>
      <c r="E131428" s="15">
        <v>45404</v>
      </c>
      <c r="F131428" s="14" t="s">
        <v>15</v>
      </c>
      <c r="G131428" s="16">
        <v>0</v>
      </c>
    </row>
    <row r="131429" spans="1:7" x14ac:dyDescent="0.3">
      <c r="A131429" s="13" t="s">
        <v>598</v>
      </c>
      <c r="B131429" s="14" t="s">
        <v>1</v>
      </c>
      <c r="C131429" s="14" t="s">
        <v>596</v>
      </c>
      <c r="D131429" s="14" t="s">
        <v>193</v>
      </c>
      <c r="E131429" s="15">
        <v>45405</v>
      </c>
      <c r="F131429" s="14" t="s">
        <v>15</v>
      </c>
      <c r="G131429" s="16">
        <v>0</v>
      </c>
    </row>
    <row r="131430" spans="1:7" x14ac:dyDescent="0.3">
      <c r="A131430" s="13" t="s">
        <v>598</v>
      </c>
      <c r="B131430" s="14" t="s">
        <v>1</v>
      </c>
      <c r="C131430" s="14" t="s">
        <v>596</v>
      </c>
      <c r="D131430" s="14" t="s">
        <v>193</v>
      </c>
      <c r="E131430" s="15">
        <v>45406</v>
      </c>
      <c r="F131430" s="14" t="s">
        <v>15</v>
      </c>
      <c r="G131430" s="16">
        <v>0</v>
      </c>
    </row>
    <row r="131431" spans="1:7" x14ac:dyDescent="0.3">
      <c r="A131431" s="13" t="s">
        <v>598</v>
      </c>
      <c r="B131431" s="14" t="s">
        <v>1</v>
      </c>
      <c r="C131431" s="14" t="s">
        <v>596</v>
      </c>
      <c r="D131431" s="14" t="s">
        <v>193</v>
      </c>
      <c r="E131431" s="15">
        <v>45407</v>
      </c>
      <c r="F131431" s="14" t="s">
        <v>15</v>
      </c>
      <c r="G131431" s="16">
        <v>0</v>
      </c>
    </row>
    <row r="131432" spans="1:7" x14ac:dyDescent="0.3">
      <c r="A131432" s="13" t="s">
        <v>598</v>
      </c>
      <c r="B131432" s="14" t="s">
        <v>1</v>
      </c>
      <c r="C131432" s="14" t="s">
        <v>596</v>
      </c>
      <c r="D131432" s="14" t="s">
        <v>193</v>
      </c>
      <c r="E131432" s="15">
        <v>45408</v>
      </c>
      <c r="F131432" s="14" t="s">
        <v>15</v>
      </c>
      <c r="G131432" s="16">
        <v>0</v>
      </c>
    </row>
    <row r="131433" spans="1:7" x14ac:dyDescent="0.3">
      <c r="A131433" s="13" t="s">
        <v>598</v>
      </c>
      <c r="B131433" s="14" t="s">
        <v>1</v>
      </c>
      <c r="C131433" s="14" t="s">
        <v>596</v>
      </c>
      <c r="D131433" s="14" t="s">
        <v>193</v>
      </c>
      <c r="E131433" s="15">
        <v>45409</v>
      </c>
      <c r="F131433" s="14" t="s">
        <v>15</v>
      </c>
      <c r="G131433" s="16">
        <v>0</v>
      </c>
    </row>
    <row r="131434" spans="1:7" x14ac:dyDescent="0.3">
      <c r="A131434" s="13" t="s">
        <v>598</v>
      </c>
      <c r="B131434" s="14" t="s">
        <v>1</v>
      </c>
      <c r="C131434" s="14" t="s">
        <v>596</v>
      </c>
      <c r="D131434" s="14" t="s">
        <v>193</v>
      </c>
      <c r="E131434" s="15">
        <v>45410</v>
      </c>
      <c r="F131434" s="14" t="s">
        <v>15</v>
      </c>
      <c r="G131434" s="16">
        <v>0</v>
      </c>
    </row>
    <row r="131435" spans="1:7" x14ac:dyDescent="0.3">
      <c r="A131435" s="13" t="s">
        <v>598</v>
      </c>
      <c r="B131435" s="14" t="s">
        <v>1</v>
      </c>
      <c r="C131435" s="14" t="s">
        <v>596</v>
      </c>
      <c r="D131435" s="14" t="s">
        <v>193</v>
      </c>
      <c r="E131435" s="15">
        <v>45411</v>
      </c>
      <c r="F131435" s="14" t="s">
        <v>15</v>
      </c>
      <c r="G131435" s="16">
        <v>0</v>
      </c>
    </row>
    <row r="131436" spans="1:7" x14ac:dyDescent="0.3">
      <c r="A131436" s="13" t="s">
        <v>598</v>
      </c>
      <c r="B131436" s="14" t="s">
        <v>1</v>
      </c>
      <c r="C131436" s="14" t="s">
        <v>596</v>
      </c>
      <c r="D131436" s="14" t="s">
        <v>193</v>
      </c>
      <c r="E131436" s="15">
        <v>45412</v>
      </c>
      <c r="F131436" s="14" t="s">
        <v>15</v>
      </c>
      <c r="G131436" s="16">
        <v>0</v>
      </c>
    </row>
    <row r="131437" spans="1:7" x14ac:dyDescent="0.3">
      <c r="A131437" s="13" t="s">
        <v>598</v>
      </c>
      <c r="B131437" s="14" t="s">
        <v>1</v>
      </c>
      <c r="C131437" s="14" t="s">
        <v>596</v>
      </c>
      <c r="D131437" s="14" t="s">
        <v>193</v>
      </c>
      <c r="E131437" s="15">
        <v>45413</v>
      </c>
      <c r="F131437" s="14" t="s">
        <v>15</v>
      </c>
      <c r="G131437" s="16">
        <v>0</v>
      </c>
    </row>
    <row r="131438" spans="1:7" x14ac:dyDescent="0.3">
      <c r="A131438" s="13" t="s">
        <v>598</v>
      </c>
      <c r="B131438" s="14" t="s">
        <v>1</v>
      </c>
      <c r="C131438" s="14" t="s">
        <v>596</v>
      </c>
      <c r="D131438" s="14" t="s">
        <v>193</v>
      </c>
      <c r="E131438" s="15">
        <v>45414</v>
      </c>
      <c r="F131438" s="14" t="s">
        <v>15</v>
      </c>
      <c r="G131438" s="16">
        <v>0</v>
      </c>
    </row>
    <row r="131439" spans="1:7" x14ac:dyDescent="0.3">
      <c r="A131439" s="13" t="s">
        <v>598</v>
      </c>
      <c r="B131439" s="14" t="s">
        <v>1</v>
      </c>
      <c r="C131439" s="14" t="s">
        <v>596</v>
      </c>
      <c r="D131439" s="14" t="s">
        <v>193</v>
      </c>
      <c r="E131439" s="15">
        <v>45415</v>
      </c>
      <c r="F131439" s="14" t="s">
        <v>15</v>
      </c>
      <c r="G131439" s="16">
        <v>0</v>
      </c>
    </row>
    <row r="131440" spans="1:7" x14ac:dyDescent="0.3">
      <c r="A131440" s="13" t="s">
        <v>598</v>
      </c>
      <c r="B131440" s="14" t="s">
        <v>1</v>
      </c>
      <c r="C131440" s="14" t="s">
        <v>596</v>
      </c>
      <c r="D131440" s="14" t="s">
        <v>193</v>
      </c>
      <c r="E131440" s="15">
        <v>45416</v>
      </c>
      <c r="F131440" s="14" t="s">
        <v>15</v>
      </c>
      <c r="G131440" s="16">
        <v>0</v>
      </c>
    </row>
    <row r="131441" spans="1:7" x14ac:dyDescent="0.3">
      <c r="A131441" s="13" t="s">
        <v>598</v>
      </c>
      <c r="B131441" s="14" t="s">
        <v>1</v>
      </c>
      <c r="C131441" s="14" t="s">
        <v>596</v>
      </c>
      <c r="D131441" s="14" t="s">
        <v>193</v>
      </c>
      <c r="E131441" s="15">
        <v>45417</v>
      </c>
      <c r="F131441" s="14" t="s">
        <v>15</v>
      </c>
      <c r="G131441" s="16">
        <v>0</v>
      </c>
    </row>
    <row r="131442" spans="1:7" x14ac:dyDescent="0.3">
      <c r="A131442" s="13" t="s">
        <v>598</v>
      </c>
      <c r="B131442" s="14" t="s">
        <v>1</v>
      </c>
      <c r="C131442" s="14" t="s">
        <v>596</v>
      </c>
      <c r="D131442" s="14" t="s">
        <v>193</v>
      </c>
      <c r="E131442" s="15">
        <v>45418</v>
      </c>
      <c r="F131442" s="14" t="s">
        <v>15</v>
      </c>
      <c r="G131442" s="16">
        <v>0</v>
      </c>
    </row>
    <row r="131443" spans="1:7" x14ac:dyDescent="0.3">
      <c r="A131443" s="13" t="s">
        <v>598</v>
      </c>
      <c r="B131443" s="14" t="s">
        <v>1</v>
      </c>
      <c r="C131443" s="14" t="s">
        <v>596</v>
      </c>
      <c r="D131443" s="14" t="s">
        <v>193</v>
      </c>
      <c r="E131443" s="15">
        <v>45419</v>
      </c>
      <c r="F131443" s="14" t="s">
        <v>15</v>
      </c>
      <c r="G131443" s="16">
        <v>0</v>
      </c>
    </row>
    <row r="131444" spans="1:7" x14ac:dyDescent="0.3">
      <c r="A131444" s="13" t="s">
        <v>598</v>
      </c>
      <c r="B131444" s="14" t="s">
        <v>1</v>
      </c>
      <c r="C131444" s="14" t="s">
        <v>596</v>
      </c>
      <c r="D131444" s="14" t="s">
        <v>193</v>
      </c>
      <c r="E131444" s="15">
        <v>45420</v>
      </c>
      <c r="F131444" s="14" t="s">
        <v>15</v>
      </c>
      <c r="G131444" s="16">
        <v>0</v>
      </c>
    </row>
    <row r="131445" spans="1:7" x14ac:dyDescent="0.3">
      <c r="A131445" s="13" t="s">
        <v>598</v>
      </c>
      <c r="B131445" s="14" t="s">
        <v>1</v>
      </c>
      <c r="C131445" s="14" t="s">
        <v>596</v>
      </c>
      <c r="D131445" s="14" t="s">
        <v>193</v>
      </c>
      <c r="E131445" s="15">
        <v>45421</v>
      </c>
      <c r="F131445" s="14" t="s">
        <v>15</v>
      </c>
      <c r="G131445" s="16">
        <v>0</v>
      </c>
    </row>
    <row r="131446" spans="1:7" x14ac:dyDescent="0.3">
      <c r="A131446" s="13" t="s">
        <v>598</v>
      </c>
      <c r="B131446" s="14" t="s">
        <v>1</v>
      </c>
      <c r="C131446" s="14" t="s">
        <v>596</v>
      </c>
      <c r="D131446" s="14" t="s">
        <v>193</v>
      </c>
      <c r="E131446" s="15">
        <v>45422</v>
      </c>
      <c r="F131446" s="14" t="s">
        <v>15</v>
      </c>
      <c r="G131446" s="16">
        <v>0</v>
      </c>
    </row>
    <row r="131447" spans="1:7" x14ac:dyDescent="0.3">
      <c r="A131447" s="13" t="s">
        <v>598</v>
      </c>
      <c r="B131447" s="14" t="s">
        <v>1</v>
      </c>
      <c r="C131447" s="14" t="s">
        <v>596</v>
      </c>
      <c r="D131447" s="14" t="s">
        <v>193</v>
      </c>
      <c r="E131447" s="15">
        <v>45423</v>
      </c>
      <c r="F131447" s="14" t="s">
        <v>15</v>
      </c>
      <c r="G131447" s="16">
        <v>0</v>
      </c>
    </row>
    <row r="131448" spans="1:7" x14ac:dyDescent="0.3">
      <c r="A131448" s="13" t="s">
        <v>598</v>
      </c>
      <c r="B131448" s="14" t="s">
        <v>1</v>
      </c>
      <c r="C131448" s="14" t="s">
        <v>596</v>
      </c>
      <c r="D131448" s="14" t="s">
        <v>193</v>
      </c>
      <c r="E131448" s="15">
        <v>45424</v>
      </c>
      <c r="F131448" s="14" t="s">
        <v>15</v>
      </c>
      <c r="G131448" s="16">
        <v>0</v>
      </c>
    </row>
    <row r="131449" spans="1:7" x14ac:dyDescent="0.3">
      <c r="A131449" s="13" t="s">
        <v>598</v>
      </c>
      <c r="B131449" s="14" t="s">
        <v>1</v>
      </c>
      <c r="C131449" s="14" t="s">
        <v>596</v>
      </c>
      <c r="D131449" s="14" t="s">
        <v>193</v>
      </c>
      <c r="E131449" s="15">
        <v>45425</v>
      </c>
      <c r="F131449" s="14" t="s">
        <v>15</v>
      </c>
      <c r="G131449" s="16">
        <v>0</v>
      </c>
    </row>
    <row r="131450" spans="1:7" x14ac:dyDescent="0.3">
      <c r="A131450" s="13" t="s">
        <v>598</v>
      </c>
      <c r="B131450" s="14" t="s">
        <v>1</v>
      </c>
      <c r="C131450" s="14" t="s">
        <v>596</v>
      </c>
      <c r="D131450" s="14" t="s">
        <v>193</v>
      </c>
      <c r="E131450" s="15">
        <v>45426</v>
      </c>
      <c r="F131450" s="14" t="s">
        <v>15</v>
      </c>
      <c r="G131450" s="16">
        <v>0</v>
      </c>
    </row>
    <row r="131451" spans="1:7" x14ac:dyDescent="0.3">
      <c r="A131451" s="13" t="s">
        <v>598</v>
      </c>
      <c r="B131451" s="14" t="s">
        <v>1</v>
      </c>
      <c r="C131451" s="14" t="s">
        <v>596</v>
      </c>
      <c r="D131451" s="14" t="s">
        <v>193</v>
      </c>
      <c r="E131451" s="15">
        <v>45427</v>
      </c>
      <c r="F131451" s="14" t="s">
        <v>15</v>
      </c>
      <c r="G131451" s="16">
        <v>0</v>
      </c>
    </row>
    <row r="131452" spans="1:7" x14ac:dyDescent="0.3">
      <c r="A131452" s="13" t="s">
        <v>598</v>
      </c>
      <c r="B131452" s="14" t="s">
        <v>1</v>
      </c>
      <c r="C131452" s="14" t="s">
        <v>596</v>
      </c>
      <c r="D131452" s="14" t="s">
        <v>193</v>
      </c>
      <c r="E131452" s="15">
        <v>45428</v>
      </c>
      <c r="F131452" s="14" t="s">
        <v>15</v>
      </c>
      <c r="G131452" s="16">
        <v>0</v>
      </c>
    </row>
    <row r="131453" spans="1:7" x14ac:dyDescent="0.3">
      <c r="A131453" s="13" t="s">
        <v>598</v>
      </c>
      <c r="B131453" s="14" t="s">
        <v>1</v>
      </c>
      <c r="C131453" s="14" t="s">
        <v>596</v>
      </c>
      <c r="D131453" s="14" t="s">
        <v>193</v>
      </c>
      <c r="E131453" s="15">
        <v>45429</v>
      </c>
      <c r="F131453" s="14" t="s">
        <v>15</v>
      </c>
      <c r="G131453" s="16">
        <v>0</v>
      </c>
    </row>
    <row r="131454" spans="1:7" x14ac:dyDescent="0.3">
      <c r="A131454" s="13" t="s">
        <v>598</v>
      </c>
      <c r="B131454" s="14" t="s">
        <v>1</v>
      </c>
      <c r="C131454" s="14" t="s">
        <v>596</v>
      </c>
      <c r="D131454" s="14" t="s">
        <v>193</v>
      </c>
      <c r="E131454" s="15">
        <v>45430</v>
      </c>
      <c r="F131454" s="14" t="s">
        <v>15</v>
      </c>
      <c r="G131454" s="16">
        <v>0</v>
      </c>
    </row>
    <row r="131455" spans="1:7" x14ac:dyDescent="0.3">
      <c r="A131455" s="13" t="s">
        <v>598</v>
      </c>
      <c r="B131455" s="14" t="s">
        <v>1</v>
      </c>
      <c r="C131455" s="14" t="s">
        <v>596</v>
      </c>
      <c r="D131455" s="14" t="s">
        <v>193</v>
      </c>
      <c r="E131455" s="15">
        <v>45431</v>
      </c>
      <c r="F131455" s="14" t="s">
        <v>15</v>
      </c>
      <c r="G131455" s="16">
        <v>0</v>
      </c>
    </row>
    <row r="131456" spans="1:7" x14ac:dyDescent="0.3">
      <c r="A131456" s="13" t="s">
        <v>598</v>
      </c>
      <c r="B131456" s="14" t="s">
        <v>1</v>
      </c>
      <c r="C131456" s="14" t="s">
        <v>596</v>
      </c>
      <c r="D131456" s="14" t="s">
        <v>193</v>
      </c>
      <c r="E131456" s="15">
        <v>45432</v>
      </c>
      <c r="F131456" s="14" t="s">
        <v>15</v>
      </c>
      <c r="G131456" s="16">
        <v>0</v>
      </c>
    </row>
    <row r="131457" spans="1:7" x14ac:dyDescent="0.3">
      <c r="A131457" s="13" t="s">
        <v>598</v>
      </c>
      <c r="B131457" s="14" t="s">
        <v>1</v>
      </c>
      <c r="C131457" s="14" t="s">
        <v>596</v>
      </c>
      <c r="D131457" s="14" t="s">
        <v>193</v>
      </c>
      <c r="E131457" s="15">
        <v>45433</v>
      </c>
      <c r="F131457" s="14" t="s">
        <v>15</v>
      </c>
      <c r="G131457" s="16">
        <v>0</v>
      </c>
    </row>
    <row r="131458" spans="1:7" x14ac:dyDescent="0.3">
      <c r="A131458" s="13" t="s">
        <v>598</v>
      </c>
      <c r="B131458" s="14" t="s">
        <v>1</v>
      </c>
      <c r="C131458" s="14" t="s">
        <v>596</v>
      </c>
      <c r="D131458" s="14" t="s">
        <v>193</v>
      </c>
      <c r="E131458" s="15">
        <v>45434</v>
      </c>
      <c r="F131458" s="14" t="s">
        <v>15</v>
      </c>
      <c r="G131458" s="16">
        <v>0</v>
      </c>
    </row>
    <row r="131459" spans="1:7" x14ac:dyDescent="0.3">
      <c r="A131459" s="13" t="s">
        <v>598</v>
      </c>
      <c r="B131459" s="14" t="s">
        <v>1</v>
      </c>
      <c r="C131459" s="14" t="s">
        <v>596</v>
      </c>
      <c r="D131459" s="14" t="s">
        <v>193</v>
      </c>
      <c r="E131459" s="15">
        <v>45435</v>
      </c>
      <c r="F131459" s="14" t="s">
        <v>15</v>
      </c>
      <c r="G131459" s="16">
        <v>0</v>
      </c>
    </row>
    <row r="131460" spans="1:7" x14ac:dyDescent="0.3">
      <c r="A131460" s="13" t="s">
        <v>598</v>
      </c>
      <c r="B131460" s="14" t="s">
        <v>1</v>
      </c>
      <c r="C131460" s="14" t="s">
        <v>596</v>
      </c>
      <c r="D131460" s="14" t="s">
        <v>193</v>
      </c>
      <c r="E131460" s="15">
        <v>45436</v>
      </c>
      <c r="F131460" s="14" t="s">
        <v>15</v>
      </c>
      <c r="G131460" s="16">
        <v>0</v>
      </c>
    </row>
    <row r="131461" spans="1:7" x14ac:dyDescent="0.3">
      <c r="A131461" s="13" t="s">
        <v>598</v>
      </c>
      <c r="B131461" s="14" t="s">
        <v>1</v>
      </c>
      <c r="C131461" s="14" t="s">
        <v>596</v>
      </c>
      <c r="D131461" s="14" t="s">
        <v>193</v>
      </c>
      <c r="E131461" s="15">
        <v>45437</v>
      </c>
      <c r="F131461" s="14" t="s">
        <v>15</v>
      </c>
      <c r="G131461" s="16">
        <v>0</v>
      </c>
    </row>
    <row r="131462" spans="1:7" x14ac:dyDescent="0.3">
      <c r="A131462" s="13" t="s">
        <v>598</v>
      </c>
      <c r="B131462" s="14" t="s">
        <v>1</v>
      </c>
      <c r="C131462" s="14" t="s">
        <v>596</v>
      </c>
      <c r="D131462" s="14" t="s">
        <v>193</v>
      </c>
      <c r="E131462" s="15">
        <v>45438</v>
      </c>
      <c r="F131462" s="14" t="s">
        <v>15</v>
      </c>
      <c r="G131462" s="16">
        <v>0</v>
      </c>
    </row>
    <row r="131463" spans="1:7" x14ac:dyDescent="0.3">
      <c r="A131463" s="13" t="s">
        <v>598</v>
      </c>
      <c r="B131463" s="14" t="s">
        <v>1</v>
      </c>
      <c r="C131463" s="14" t="s">
        <v>596</v>
      </c>
      <c r="D131463" s="14" t="s">
        <v>193</v>
      </c>
      <c r="E131463" s="15">
        <v>45439</v>
      </c>
      <c r="F131463" s="14" t="s">
        <v>15</v>
      </c>
      <c r="G131463" s="16">
        <v>0</v>
      </c>
    </row>
    <row r="131464" spans="1:7" x14ac:dyDescent="0.3">
      <c r="A131464" s="13" t="s">
        <v>598</v>
      </c>
      <c r="B131464" s="14" t="s">
        <v>1</v>
      </c>
      <c r="C131464" s="14" t="s">
        <v>596</v>
      </c>
      <c r="D131464" s="14" t="s">
        <v>193</v>
      </c>
      <c r="E131464" s="15">
        <v>45440</v>
      </c>
      <c r="F131464" s="14" t="s">
        <v>15</v>
      </c>
      <c r="G131464" s="16">
        <v>0</v>
      </c>
    </row>
    <row r="131465" spans="1:7" x14ac:dyDescent="0.3">
      <c r="A131465" s="13" t="s">
        <v>598</v>
      </c>
      <c r="B131465" s="14" t="s">
        <v>1</v>
      </c>
      <c r="C131465" s="14" t="s">
        <v>596</v>
      </c>
      <c r="D131465" s="14" t="s">
        <v>193</v>
      </c>
      <c r="E131465" s="15">
        <v>45441</v>
      </c>
      <c r="F131465" s="14" t="s">
        <v>15</v>
      </c>
      <c r="G131465" s="16">
        <v>0</v>
      </c>
    </row>
    <row r="131466" spans="1:7" x14ac:dyDescent="0.3">
      <c r="A131466" s="13" t="s">
        <v>598</v>
      </c>
      <c r="B131466" s="14" t="s">
        <v>1</v>
      </c>
      <c r="C131466" s="14" t="s">
        <v>596</v>
      </c>
      <c r="D131466" s="14" t="s">
        <v>193</v>
      </c>
      <c r="E131466" s="15">
        <v>45442</v>
      </c>
      <c r="F131466" s="14" t="s">
        <v>15</v>
      </c>
      <c r="G131466" s="16">
        <v>0</v>
      </c>
    </row>
    <row r="131467" spans="1:7" x14ac:dyDescent="0.3">
      <c r="A131467" s="13" t="s">
        <v>598</v>
      </c>
      <c r="B131467" s="14" t="s">
        <v>1</v>
      </c>
      <c r="C131467" s="14" t="s">
        <v>596</v>
      </c>
      <c r="D131467" s="14" t="s">
        <v>193</v>
      </c>
      <c r="E131467" s="15">
        <v>45443</v>
      </c>
      <c r="F131467" s="14" t="s">
        <v>15</v>
      </c>
      <c r="G131467" s="16">
        <v>0</v>
      </c>
    </row>
    <row r="131468" spans="1:7" x14ac:dyDescent="0.3">
      <c r="A131468" s="13" t="s">
        <v>598</v>
      </c>
      <c r="B131468" s="14" t="s">
        <v>1</v>
      </c>
      <c r="C131468" s="14" t="s">
        <v>596</v>
      </c>
      <c r="D131468" s="14" t="s">
        <v>193</v>
      </c>
      <c r="E131468" s="15">
        <v>45444</v>
      </c>
      <c r="F131468" s="14" t="s">
        <v>15</v>
      </c>
      <c r="G131468" s="16">
        <v>0</v>
      </c>
    </row>
    <row r="131469" spans="1:7" x14ac:dyDescent="0.3">
      <c r="A131469" s="13" t="s">
        <v>598</v>
      </c>
      <c r="B131469" s="14" t="s">
        <v>1</v>
      </c>
      <c r="C131469" s="14" t="s">
        <v>596</v>
      </c>
      <c r="D131469" s="14" t="s">
        <v>193</v>
      </c>
      <c r="E131469" s="15">
        <v>45445</v>
      </c>
      <c r="F131469" s="14" t="s">
        <v>15</v>
      </c>
      <c r="G131469" s="16">
        <v>0</v>
      </c>
    </row>
    <row r="131470" spans="1:7" x14ac:dyDescent="0.3">
      <c r="A131470" s="13" t="s">
        <v>598</v>
      </c>
      <c r="B131470" s="14" t="s">
        <v>1</v>
      </c>
      <c r="C131470" s="14" t="s">
        <v>596</v>
      </c>
      <c r="D131470" s="14" t="s">
        <v>193</v>
      </c>
      <c r="E131470" s="15">
        <v>45446</v>
      </c>
      <c r="F131470" s="14" t="s">
        <v>15</v>
      </c>
      <c r="G131470" s="16">
        <v>0</v>
      </c>
    </row>
    <row r="131471" spans="1:7" x14ac:dyDescent="0.3">
      <c r="A131471" s="13" t="s">
        <v>598</v>
      </c>
      <c r="B131471" s="14" t="s">
        <v>1</v>
      </c>
      <c r="C131471" s="14" t="s">
        <v>596</v>
      </c>
      <c r="D131471" s="14" t="s">
        <v>193</v>
      </c>
      <c r="E131471" s="15">
        <v>45447</v>
      </c>
      <c r="F131471" s="14" t="s">
        <v>15</v>
      </c>
      <c r="G131471" s="16">
        <v>0</v>
      </c>
    </row>
    <row r="131472" spans="1:7" x14ac:dyDescent="0.3">
      <c r="A131472" s="13" t="s">
        <v>598</v>
      </c>
      <c r="B131472" s="14" t="s">
        <v>1</v>
      </c>
      <c r="C131472" s="14" t="s">
        <v>596</v>
      </c>
      <c r="D131472" s="14" t="s">
        <v>193</v>
      </c>
      <c r="E131472" s="15">
        <v>45448</v>
      </c>
      <c r="F131472" s="14" t="s">
        <v>15</v>
      </c>
      <c r="G131472" s="16">
        <v>0</v>
      </c>
    </row>
    <row r="131473" spans="1:7" x14ac:dyDescent="0.3">
      <c r="A131473" s="13" t="s">
        <v>598</v>
      </c>
      <c r="B131473" s="14" t="s">
        <v>1</v>
      </c>
      <c r="C131473" s="14" t="s">
        <v>596</v>
      </c>
      <c r="D131473" s="14" t="s">
        <v>193</v>
      </c>
      <c r="E131473" s="15">
        <v>45449</v>
      </c>
      <c r="F131473" s="14" t="s">
        <v>15</v>
      </c>
      <c r="G131473" s="16">
        <v>0</v>
      </c>
    </row>
    <row r="131474" spans="1:7" x14ac:dyDescent="0.3">
      <c r="A131474" s="13" t="s">
        <v>598</v>
      </c>
      <c r="B131474" s="14" t="s">
        <v>1</v>
      </c>
      <c r="C131474" s="14" t="s">
        <v>596</v>
      </c>
      <c r="D131474" s="14" t="s">
        <v>193</v>
      </c>
      <c r="E131474" s="15">
        <v>45450</v>
      </c>
      <c r="F131474" s="14" t="s">
        <v>15</v>
      </c>
      <c r="G131474" s="16">
        <v>0</v>
      </c>
    </row>
    <row r="131475" spans="1:7" x14ac:dyDescent="0.3">
      <c r="A131475" s="13" t="s">
        <v>598</v>
      </c>
      <c r="B131475" s="14" t="s">
        <v>1</v>
      </c>
      <c r="C131475" s="14" t="s">
        <v>596</v>
      </c>
      <c r="D131475" s="14" t="s">
        <v>193</v>
      </c>
      <c r="E131475" s="15">
        <v>45451</v>
      </c>
      <c r="F131475" s="14" t="s">
        <v>15</v>
      </c>
      <c r="G131475" s="16">
        <v>0</v>
      </c>
    </row>
    <row r="131476" spans="1:7" x14ac:dyDescent="0.3">
      <c r="A131476" s="13" t="s">
        <v>598</v>
      </c>
      <c r="B131476" s="14" t="s">
        <v>1</v>
      </c>
      <c r="C131476" s="14" t="s">
        <v>596</v>
      </c>
      <c r="D131476" s="14" t="s">
        <v>193</v>
      </c>
      <c r="E131476" s="15">
        <v>45452</v>
      </c>
      <c r="F131476" s="14" t="s">
        <v>15</v>
      </c>
      <c r="G131476" s="16">
        <v>0</v>
      </c>
    </row>
    <row r="131477" spans="1:7" x14ac:dyDescent="0.3">
      <c r="A131477" s="13" t="s">
        <v>598</v>
      </c>
      <c r="B131477" s="14" t="s">
        <v>1</v>
      </c>
      <c r="C131477" s="14" t="s">
        <v>596</v>
      </c>
      <c r="D131477" s="14" t="s">
        <v>193</v>
      </c>
      <c r="E131477" s="15">
        <v>45453</v>
      </c>
      <c r="F131477" s="14" t="s">
        <v>15</v>
      </c>
      <c r="G131477" s="16">
        <v>0</v>
      </c>
    </row>
    <row r="131478" spans="1:7" x14ac:dyDescent="0.3">
      <c r="A131478" s="13" t="s">
        <v>598</v>
      </c>
      <c r="B131478" s="14" t="s">
        <v>1</v>
      </c>
      <c r="C131478" s="14" t="s">
        <v>596</v>
      </c>
      <c r="D131478" s="14" t="s">
        <v>193</v>
      </c>
      <c r="E131478" s="15">
        <v>45454</v>
      </c>
      <c r="F131478" s="14" t="s">
        <v>15</v>
      </c>
      <c r="G131478" s="16">
        <v>0</v>
      </c>
    </row>
    <row r="131479" spans="1:7" x14ac:dyDescent="0.3">
      <c r="A131479" s="13" t="s">
        <v>598</v>
      </c>
      <c r="B131479" s="14" t="s">
        <v>1</v>
      </c>
      <c r="C131479" s="14" t="s">
        <v>596</v>
      </c>
      <c r="D131479" s="14" t="s">
        <v>193</v>
      </c>
      <c r="E131479" s="15">
        <v>45455</v>
      </c>
      <c r="F131479" s="14" t="s">
        <v>15</v>
      </c>
      <c r="G131479" s="16">
        <v>0</v>
      </c>
    </row>
    <row r="131480" spans="1:7" x14ac:dyDescent="0.3">
      <c r="A131480" s="13" t="s">
        <v>598</v>
      </c>
      <c r="B131480" s="14" t="s">
        <v>1</v>
      </c>
      <c r="C131480" s="14" t="s">
        <v>596</v>
      </c>
      <c r="D131480" s="14" t="s">
        <v>193</v>
      </c>
      <c r="E131480" s="15">
        <v>45456</v>
      </c>
      <c r="F131480" s="14" t="s">
        <v>15</v>
      </c>
      <c r="G131480" s="16">
        <v>0</v>
      </c>
    </row>
    <row r="131481" spans="1:7" x14ac:dyDescent="0.3">
      <c r="A131481" s="13" t="s">
        <v>598</v>
      </c>
      <c r="B131481" s="14" t="s">
        <v>1</v>
      </c>
      <c r="C131481" s="14" t="s">
        <v>596</v>
      </c>
      <c r="D131481" s="14" t="s">
        <v>193</v>
      </c>
      <c r="E131481" s="15">
        <v>45457</v>
      </c>
      <c r="F131481" s="14" t="s">
        <v>15</v>
      </c>
      <c r="G131481" s="16">
        <v>0</v>
      </c>
    </row>
    <row r="131482" spans="1:7" x14ac:dyDescent="0.3">
      <c r="A131482" s="13" t="s">
        <v>598</v>
      </c>
      <c r="B131482" s="14" t="s">
        <v>1</v>
      </c>
      <c r="C131482" s="14" t="s">
        <v>596</v>
      </c>
      <c r="D131482" s="14" t="s">
        <v>193</v>
      </c>
      <c r="E131482" s="15">
        <v>45458</v>
      </c>
      <c r="F131482" s="14" t="s">
        <v>15</v>
      </c>
      <c r="G131482" s="16">
        <v>0</v>
      </c>
    </row>
    <row r="131483" spans="1:7" x14ac:dyDescent="0.3">
      <c r="A131483" s="13" t="s">
        <v>598</v>
      </c>
      <c r="B131483" s="14" t="s">
        <v>1</v>
      </c>
      <c r="C131483" s="14" t="s">
        <v>596</v>
      </c>
      <c r="D131483" s="14" t="s">
        <v>193</v>
      </c>
      <c r="E131483" s="15">
        <v>45459</v>
      </c>
      <c r="F131483" s="14" t="s">
        <v>15</v>
      </c>
      <c r="G131483" s="16">
        <v>0</v>
      </c>
    </row>
    <row r="131484" spans="1:7" x14ac:dyDescent="0.3">
      <c r="A131484" s="13" t="s">
        <v>598</v>
      </c>
      <c r="B131484" s="14" t="s">
        <v>1</v>
      </c>
      <c r="C131484" s="14" t="s">
        <v>596</v>
      </c>
      <c r="D131484" s="14" t="s">
        <v>193</v>
      </c>
      <c r="E131484" s="15">
        <v>45460</v>
      </c>
      <c r="F131484" s="14" t="s">
        <v>15</v>
      </c>
      <c r="G131484" s="16">
        <v>0</v>
      </c>
    </row>
    <row r="131485" spans="1:7" x14ac:dyDescent="0.3">
      <c r="A131485" s="13" t="s">
        <v>598</v>
      </c>
      <c r="B131485" s="14" t="s">
        <v>1</v>
      </c>
      <c r="C131485" s="14" t="s">
        <v>596</v>
      </c>
      <c r="D131485" s="14" t="s">
        <v>193</v>
      </c>
      <c r="E131485" s="15">
        <v>45461</v>
      </c>
      <c r="F131485" s="14" t="s">
        <v>15</v>
      </c>
      <c r="G131485" s="16">
        <v>0</v>
      </c>
    </row>
    <row r="131486" spans="1:7" x14ac:dyDescent="0.3">
      <c r="A131486" s="13" t="s">
        <v>598</v>
      </c>
      <c r="B131486" s="14" t="s">
        <v>1</v>
      </c>
      <c r="C131486" s="14" t="s">
        <v>596</v>
      </c>
      <c r="D131486" s="14" t="s">
        <v>193</v>
      </c>
      <c r="E131486" s="15">
        <v>45462</v>
      </c>
      <c r="F131486" s="14" t="s">
        <v>15</v>
      </c>
      <c r="G131486" s="16">
        <v>0</v>
      </c>
    </row>
    <row r="131487" spans="1:7" x14ac:dyDescent="0.3">
      <c r="A131487" s="13" t="s">
        <v>598</v>
      </c>
      <c r="B131487" s="14" t="s">
        <v>1</v>
      </c>
      <c r="C131487" s="14" t="s">
        <v>596</v>
      </c>
      <c r="D131487" s="14" t="s">
        <v>193</v>
      </c>
      <c r="E131487" s="15">
        <v>45463</v>
      </c>
      <c r="F131487" s="14" t="s">
        <v>15</v>
      </c>
      <c r="G131487" s="16">
        <v>0</v>
      </c>
    </row>
    <row r="131488" spans="1:7" x14ac:dyDescent="0.3">
      <c r="A131488" s="13" t="s">
        <v>598</v>
      </c>
      <c r="B131488" s="14" t="s">
        <v>1</v>
      </c>
      <c r="C131488" s="14" t="s">
        <v>596</v>
      </c>
      <c r="D131488" s="14" t="s">
        <v>193</v>
      </c>
      <c r="E131488" s="15">
        <v>45464</v>
      </c>
      <c r="F131488" s="14" t="s">
        <v>15</v>
      </c>
      <c r="G131488" s="16">
        <v>0</v>
      </c>
    </row>
    <row r="131489" spans="1:7" x14ac:dyDescent="0.3">
      <c r="A131489" s="13" t="s">
        <v>598</v>
      </c>
      <c r="B131489" s="14" t="s">
        <v>1</v>
      </c>
      <c r="C131489" s="14" t="s">
        <v>596</v>
      </c>
      <c r="D131489" s="14" t="s">
        <v>193</v>
      </c>
      <c r="E131489" s="15">
        <v>45465</v>
      </c>
      <c r="F131489" s="14" t="s">
        <v>15</v>
      </c>
      <c r="G131489" s="16">
        <v>0</v>
      </c>
    </row>
    <row r="131490" spans="1:7" x14ac:dyDescent="0.3">
      <c r="A131490" s="13" t="s">
        <v>598</v>
      </c>
      <c r="B131490" s="14" t="s">
        <v>1</v>
      </c>
      <c r="C131490" s="14" t="s">
        <v>596</v>
      </c>
      <c r="D131490" s="14" t="s">
        <v>193</v>
      </c>
      <c r="E131490" s="15">
        <v>45466</v>
      </c>
      <c r="F131490" s="14" t="s">
        <v>15</v>
      </c>
      <c r="G131490" s="16">
        <v>0</v>
      </c>
    </row>
    <row r="131491" spans="1:7" x14ac:dyDescent="0.3">
      <c r="A131491" s="13" t="s">
        <v>598</v>
      </c>
      <c r="B131491" s="14" t="s">
        <v>1</v>
      </c>
      <c r="C131491" s="14" t="s">
        <v>596</v>
      </c>
      <c r="D131491" s="14" t="s">
        <v>193</v>
      </c>
      <c r="E131491" s="15">
        <v>45467</v>
      </c>
      <c r="F131491" s="14" t="s">
        <v>15</v>
      </c>
      <c r="G131491" s="16">
        <v>0</v>
      </c>
    </row>
    <row r="131492" spans="1:7" x14ac:dyDescent="0.3">
      <c r="A131492" s="13" t="s">
        <v>598</v>
      </c>
      <c r="B131492" s="14" t="s">
        <v>1</v>
      </c>
      <c r="C131492" s="14" t="s">
        <v>596</v>
      </c>
      <c r="D131492" s="14" t="s">
        <v>193</v>
      </c>
      <c r="E131492" s="15">
        <v>45468</v>
      </c>
      <c r="F131492" s="14" t="s">
        <v>15</v>
      </c>
      <c r="G131492" s="16">
        <v>0</v>
      </c>
    </row>
    <row r="131493" spans="1:7" x14ac:dyDescent="0.3">
      <c r="A131493" s="13" t="s">
        <v>598</v>
      </c>
      <c r="B131493" s="14" t="s">
        <v>1</v>
      </c>
      <c r="C131493" s="14" t="s">
        <v>596</v>
      </c>
      <c r="D131493" s="14" t="s">
        <v>193</v>
      </c>
      <c r="E131493" s="15">
        <v>45469</v>
      </c>
      <c r="F131493" s="14" t="s">
        <v>15</v>
      </c>
      <c r="G131493" s="16">
        <v>0</v>
      </c>
    </row>
    <row r="131494" spans="1:7" x14ac:dyDescent="0.3">
      <c r="A131494" s="13" t="s">
        <v>598</v>
      </c>
      <c r="B131494" s="14" t="s">
        <v>1</v>
      </c>
      <c r="C131494" s="14" t="s">
        <v>596</v>
      </c>
      <c r="D131494" s="14" t="s">
        <v>193</v>
      </c>
      <c r="E131494" s="15">
        <v>45470</v>
      </c>
      <c r="F131494" s="14" t="s">
        <v>15</v>
      </c>
      <c r="G131494" s="16">
        <v>0</v>
      </c>
    </row>
    <row r="131495" spans="1:7" x14ac:dyDescent="0.3">
      <c r="A131495" s="13" t="s">
        <v>598</v>
      </c>
      <c r="B131495" s="14" t="s">
        <v>1</v>
      </c>
      <c r="C131495" s="14" t="s">
        <v>596</v>
      </c>
      <c r="D131495" s="14" t="s">
        <v>193</v>
      </c>
      <c r="E131495" s="15">
        <v>45471</v>
      </c>
      <c r="F131495" s="14" t="s">
        <v>15</v>
      </c>
      <c r="G131495" s="16">
        <v>0</v>
      </c>
    </row>
    <row r="131496" spans="1:7" x14ac:dyDescent="0.3">
      <c r="A131496" s="13" t="s">
        <v>598</v>
      </c>
      <c r="B131496" s="14" t="s">
        <v>1</v>
      </c>
      <c r="C131496" s="14" t="s">
        <v>596</v>
      </c>
      <c r="D131496" s="14" t="s">
        <v>193</v>
      </c>
      <c r="E131496" s="15">
        <v>45472</v>
      </c>
      <c r="F131496" s="14" t="s">
        <v>15</v>
      </c>
      <c r="G131496" s="16">
        <v>0</v>
      </c>
    </row>
    <row r="131497" spans="1:7" x14ac:dyDescent="0.3">
      <c r="A131497" s="13" t="s">
        <v>598</v>
      </c>
      <c r="B131497" s="14" t="s">
        <v>1</v>
      </c>
      <c r="C131497" s="14" t="s">
        <v>596</v>
      </c>
      <c r="D131497" s="14" t="s">
        <v>193</v>
      </c>
      <c r="E131497" s="15">
        <v>45473</v>
      </c>
      <c r="F131497" s="14" t="s">
        <v>15</v>
      </c>
      <c r="G131497" s="16">
        <v>0</v>
      </c>
    </row>
    <row r="131498" spans="1:7" x14ac:dyDescent="0.3">
      <c r="A131498" s="13" t="s">
        <v>598</v>
      </c>
      <c r="B131498" s="14" t="s">
        <v>1</v>
      </c>
      <c r="C131498" s="14" t="s">
        <v>596</v>
      </c>
      <c r="D131498" s="14" t="s">
        <v>193</v>
      </c>
      <c r="E131498" s="15">
        <v>45474</v>
      </c>
      <c r="F131498" s="14" t="s">
        <v>15</v>
      </c>
      <c r="G131498" s="16">
        <v>0</v>
      </c>
    </row>
    <row r="131499" spans="1:7" x14ac:dyDescent="0.3">
      <c r="A131499" s="13" t="s">
        <v>598</v>
      </c>
      <c r="B131499" s="14" t="s">
        <v>1</v>
      </c>
      <c r="C131499" s="14" t="s">
        <v>596</v>
      </c>
      <c r="D131499" s="14" t="s">
        <v>193</v>
      </c>
      <c r="E131499" s="15">
        <v>45475</v>
      </c>
      <c r="F131499" s="14" t="s">
        <v>15</v>
      </c>
      <c r="G131499" s="16">
        <v>0</v>
      </c>
    </row>
    <row r="131500" spans="1:7" x14ac:dyDescent="0.3">
      <c r="A131500" s="13" t="s">
        <v>598</v>
      </c>
      <c r="B131500" s="14" t="s">
        <v>1</v>
      </c>
      <c r="C131500" s="14" t="s">
        <v>596</v>
      </c>
      <c r="D131500" s="14" t="s">
        <v>193</v>
      </c>
      <c r="E131500" s="15">
        <v>45476</v>
      </c>
      <c r="F131500" s="14" t="s">
        <v>15</v>
      </c>
      <c r="G131500" s="16">
        <v>0</v>
      </c>
    </row>
    <row r="131501" spans="1:7" x14ac:dyDescent="0.3">
      <c r="A131501" s="13" t="s">
        <v>598</v>
      </c>
      <c r="B131501" s="14" t="s">
        <v>1</v>
      </c>
      <c r="C131501" s="14" t="s">
        <v>596</v>
      </c>
      <c r="D131501" s="14" t="s">
        <v>193</v>
      </c>
      <c r="E131501" s="15">
        <v>45477</v>
      </c>
      <c r="F131501" s="14" t="s">
        <v>15</v>
      </c>
      <c r="G131501" s="16">
        <v>0</v>
      </c>
    </row>
    <row r="131502" spans="1:7" x14ac:dyDescent="0.3">
      <c r="A131502" s="13" t="s">
        <v>598</v>
      </c>
      <c r="B131502" s="14" t="s">
        <v>1</v>
      </c>
      <c r="C131502" s="14" t="s">
        <v>596</v>
      </c>
      <c r="D131502" s="14" t="s">
        <v>193</v>
      </c>
      <c r="E131502" s="15">
        <v>45478</v>
      </c>
      <c r="F131502" s="14" t="s">
        <v>15</v>
      </c>
      <c r="G131502" s="16">
        <v>0</v>
      </c>
    </row>
    <row r="131503" spans="1:7" x14ac:dyDescent="0.3">
      <c r="A131503" s="13" t="s">
        <v>598</v>
      </c>
      <c r="B131503" s="14" t="s">
        <v>1</v>
      </c>
      <c r="C131503" s="14" t="s">
        <v>596</v>
      </c>
      <c r="D131503" s="14" t="s">
        <v>193</v>
      </c>
      <c r="E131503" s="15">
        <v>45479</v>
      </c>
      <c r="F131503" s="14" t="s">
        <v>15</v>
      </c>
      <c r="G131503" s="16">
        <v>0</v>
      </c>
    </row>
    <row r="131504" spans="1:7" x14ac:dyDescent="0.3">
      <c r="A131504" s="13" t="s">
        <v>598</v>
      </c>
      <c r="B131504" s="14" t="s">
        <v>1</v>
      </c>
      <c r="C131504" s="14" t="s">
        <v>596</v>
      </c>
      <c r="D131504" s="14" t="s">
        <v>193</v>
      </c>
      <c r="E131504" s="15">
        <v>45480</v>
      </c>
      <c r="F131504" s="14" t="s">
        <v>15</v>
      </c>
      <c r="G131504" s="16">
        <v>0</v>
      </c>
    </row>
    <row r="131505" spans="1:7" x14ac:dyDescent="0.3">
      <c r="A131505" s="13" t="s">
        <v>598</v>
      </c>
      <c r="B131505" s="14" t="s">
        <v>1</v>
      </c>
      <c r="C131505" s="14" t="s">
        <v>596</v>
      </c>
      <c r="D131505" s="14" t="s">
        <v>193</v>
      </c>
      <c r="E131505" s="15">
        <v>45481</v>
      </c>
      <c r="F131505" s="14" t="s">
        <v>15</v>
      </c>
      <c r="G131505" s="16">
        <v>0</v>
      </c>
    </row>
    <row r="131506" spans="1:7" x14ac:dyDescent="0.3">
      <c r="A131506" s="13" t="s">
        <v>598</v>
      </c>
      <c r="B131506" s="14" t="s">
        <v>1</v>
      </c>
      <c r="C131506" s="14" t="s">
        <v>596</v>
      </c>
      <c r="D131506" s="14" t="s">
        <v>193</v>
      </c>
      <c r="E131506" s="15">
        <v>45482</v>
      </c>
      <c r="F131506" s="14" t="s">
        <v>15</v>
      </c>
      <c r="G131506" s="16">
        <v>0</v>
      </c>
    </row>
    <row r="131507" spans="1:7" x14ac:dyDescent="0.3">
      <c r="A131507" s="13" t="s">
        <v>598</v>
      </c>
      <c r="B131507" s="14" t="s">
        <v>1</v>
      </c>
      <c r="C131507" s="14" t="s">
        <v>596</v>
      </c>
      <c r="D131507" s="14" t="s">
        <v>193</v>
      </c>
      <c r="E131507" s="15">
        <v>45483</v>
      </c>
      <c r="F131507" s="14" t="s">
        <v>15</v>
      </c>
      <c r="G131507" s="16">
        <v>0</v>
      </c>
    </row>
    <row r="131508" spans="1:7" x14ac:dyDescent="0.3">
      <c r="A131508" s="13" t="s">
        <v>598</v>
      </c>
      <c r="B131508" s="14" t="s">
        <v>1</v>
      </c>
      <c r="C131508" s="14" t="s">
        <v>596</v>
      </c>
      <c r="D131508" s="14" t="s">
        <v>193</v>
      </c>
      <c r="E131508" s="15">
        <v>45484</v>
      </c>
      <c r="F131508" s="14" t="s">
        <v>15</v>
      </c>
      <c r="G131508" s="16">
        <v>0</v>
      </c>
    </row>
    <row r="131509" spans="1:7" x14ac:dyDescent="0.3">
      <c r="A131509" s="13" t="s">
        <v>598</v>
      </c>
      <c r="B131509" s="14" t="s">
        <v>1</v>
      </c>
      <c r="C131509" s="14" t="s">
        <v>596</v>
      </c>
      <c r="D131509" s="14" t="s">
        <v>193</v>
      </c>
      <c r="E131509" s="15">
        <v>45485</v>
      </c>
      <c r="F131509" s="14" t="s">
        <v>15</v>
      </c>
      <c r="G131509" s="16">
        <v>0</v>
      </c>
    </row>
    <row r="131510" spans="1:7" x14ac:dyDescent="0.3">
      <c r="A131510" s="13" t="s">
        <v>598</v>
      </c>
      <c r="B131510" s="14" t="s">
        <v>1</v>
      </c>
      <c r="C131510" s="14" t="s">
        <v>596</v>
      </c>
      <c r="D131510" s="14" t="s">
        <v>193</v>
      </c>
      <c r="E131510" s="15">
        <v>45486</v>
      </c>
      <c r="F131510" s="14" t="s">
        <v>15</v>
      </c>
      <c r="G131510" s="16">
        <v>0</v>
      </c>
    </row>
    <row r="131511" spans="1:7" x14ac:dyDescent="0.3">
      <c r="A131511" s="13" t="s">
        <v>598</v>
      </c>
      <c r="B131511" s="14" t="s">
        <v>1</v>
      </c>
      <c r="C131511" s="14" t="s">
        <v>596</v>
      </c>
      <c r="D131511" s="14" t="s">
        <v>193</v>
      </c>
      <c r="E131511" s="15">
        <v>45487</v>
      </c>
      <c r="F131511" s="14" t="s">
        <v>15</v>
      </c>
      <c r="G131511" s="16">
        <v>0</v>
      </c>
    </row>
    <row r="131512" spans="1:7" x14ac:dyDescent="0.3">
      <c r="A131512" s="13" t="s">
        <v>598</v>
      </c>
      <c r="B131512" s="14" t="s">
        <v>1</v>
      </c>
      <c r="C131512" s="14" t="s">
        <v>596</v>
      </c>
      <c r="D131512" s="14" t="s">
        <v>193</v>
      </c>
      <c r="E131512" s="15">
        <v>45488</v>
      </c>
      <c r="F131512" s="14" t="s">
        <v>15</v>
      </c>
      <c r="G131512" s="16">
        <v>0</v>
      </c>
    </row>
    <row r="131513" spans="1:7" x14ac:dyDescent="0.3">
      <c r="A131513" s="13" t="s">
        <v>598</v>
      </c>
      <c r="B131513" s="14" t="s">
        <v>1</v>
      </c>
      <c r="C131513" s="14" t="s">
        <v>596</v>
      </c>
      <c r="D131513" s="14" t="s">
        <v>193</v>
      </c>
      <c r="E131513" s="15">
        <v>45489</v>
      </c>
      <c r="F131513" s="14" t="s">
        <v>15</v>
      </c>
      <c r="G131513" s="16">
        <v>0</v>
      </c>
    </row>
    <row r="131514" spans="1:7" x14ac:dyDescent="0.3">
      <c r="A131514" s="13" t="s">
        <v>598</v>
      </c>
      <c r="B131514" s="14" t="s">
        <v>1</v>
      </c>
      <c r="C131514" s="14" t="s">
        <v>596</v>
      </c>
      <c r="D131514" s="14" t="s">
        <v>193</v>
      </c>
      <c r="E131514" s="15">
        <v>45490</v>
      </c>
      <c r="F131514" s="14" t="s">
        <v>15</v>
      </c>
      <c r="G131514" s="16">
        <v>0</v>
      </c>
    </row>
    <row r="131515" spans="1:7" x14ac:dyDescent="0.3">
      <c r="A131515" s="13" t="s">
        <v>598</v>
      </c>
      <c r="B131515" s="14" t="s">
        <v>1</v>
      </c>
      <c r="C131515" s="14" t="s">
        <v>596</v>
      </c>
      <c r="D131515" s="14" t="s">
        <v>193</v>
      </c>
      <c r="E131515" s="15">
        <v>45491</v>
      </c>
      <c r="F131515" s="14" t="s">
        <v>15</v>
      </c>
      <c r="G131515" s="16">
        <v>0</v>
      </c>
    </row>
    <row r="131516" spans="1:7" x14ac:dyDescent="0.3">
      <c r="A131516" s="13" t="s">
        <v>598</v>
      </c>
      <c r="B131516" s="14" t="s">
        <v>1</v>
      </c>
      <c r="C131516" s="14" t="s">
        <v>596</v>
      </c>
      <c r="D131516" s="14" t="s">
        <v>193</v>
      </c>
      <c r="E131516" s="15">
        <v>45492</v>
      </c>
      <c r="F131516" s="14" t="s">
        <v>15</v>
      </c>
      <c r="G131516" s="16">
        <v>0</v>
      </c>
    </row>
    <row r="131517" spans="1:7" x14ac:dyDescent="0.3">
      <c r="A131517" s="13" t="s">
        <v>598</v>
      </c>
      <c r="B131517" s="14" t="s">
        <v>1</v>
      </c>
      <c r="C131517" s="14" t="s">
        <v>596</v>
      </c>
      <c r="D131517" s="14" t="s">
        <v>193</v>
      </c>
      <c r="E131517" s="15">
        <v>45493</v>
      </c>
      <c r="F131517" s="14" t="s">
        <v>15</v>
      </c>
      <c r="G131517" s="16">
        <v>0</v>
      </c>
    </row>
    <row r="131518" spans="1:7" x14ac:dyDescent="0.3">
      <c r="A131518" s="13" t="s">
        <v>598</v>
      </c>
      <c r="B131518" s="14" t="s">
        <v>1</v>
      </c>
      <c r="C131518" s="14" t="s">
        <v>596</v>
      </c>
      <c r="D131518" s="14" t="s">
        <v>193</v>
      </c>
      <c r="E131518" s="15">
        <v>45494</v>
      </c>
      <c r="F131518" s="14" t="s">
        <v>15</v>
      </c>
      <c r="G131518" s="16">
        <v>0</v>
      </c>
    </row>
    <row r="131519" spans="1:7" x14ac:dyDescent="0.3">
      <c r="A131519" s="13" t="s">
        <v>598</v>
      </c>
      <c r="B131519" s="14" t="s">
        <v>1</v>
      </c>
      <c r="C131519" s="14" t="s">
        <v>596</v>
      </c>
      <c r="D131519" s="14" t="s">
        <v>193</v>
      </c>
      <c r="E131519" s="15">
        <v>45495</v>
      </c>
      <c r="F131519" s="14" t="s">
        <v>15</v>
      </c>
      <c r="G131519" s="16">
        <v>0</v>
      </c>
    </row>
    <row r="131520" spans="1:7" x14ac:dyDescent="0.3">
      <c r="A131520" s="13" t="s">
        <v>598</v>
      </c>
      <c r="B131520" s="14" t="s">
        <v>1</v>
      </c>
      <c r="C131520" s="14" t="s">
        <v>596</v>
      </c>
      <c r="D131520" s="14" t="s">
        <v>193</v>
      </c>
      <c r="E131520" s="15">
        <v>45496</v>
      </c>
      <c r="F131520" s="14" t="s">
        <v>15</v>
      </c>
      <c r="G131520" s="16">
        <v>0</v>
      </c>
    </row>
    <row r="131521" spans="1:7" x14ac:dyDescent="0.3">
      <c r="A131521" s="13" t="s">
        <v>598</v>
      </c>
      <c r="B131521" s="14" t="s">
        <v>1</v>
      </c>
      <c r="C131521" s="14" t="s">
        <v>596</v>
      </c>
      <c r="D131521" s="14" t="s">
        <v>193</v>
      </c>
      <c r="E131521" s="15">
        <v>45497</v>
      </c>
      <c r="F131521" s="14" t="s">
        <v>15</v>
      </c>
      <c r="G131521" s="16">
        <v>0</v>
      </c>
    </row>
    <row r="131522" spans="1:7" x14ac:dyDescent="0.3">
      <c r="A131522" s="13" t="s">
        <v>598</v>
      </c>
      <c r="B131522" s="14" t="s">
        <v>1</v>
      </c>
      <c r="C131522" s="14" t="s">
        <v>596</v>
      </c>
      <c r="D131522" s="14" t="s">
        <v>193</v>
      </c>
      <c r="E131522" s="15">
        <v>45498</v>
      </c>
      <c r="F131522" s="14" t="s">
        <v>15</v>
      </c>
      <c r="G131522" s="16">
        <v>0</v>
      </c>
    </row>
    <row r="131523" spans="1:7" x14ac:dyDescent="0.3">
      <c r="A131523" s="13" t="s">
        <v>598</v>
      </c>
      <c r="B131523" s="14" t="s">
        <v>1</v>
      </c>
      <c r="C131523" s="14" t="s">
        <v>596</v>
      </c>
      <c r="D131523" s="14" t="s">
        <v>193</v>
      </c>
      <c r="E131523" s="15">
        <v>45499</v>
      </c>
      <c r="F131523" s="14" t="s">
        <v>15</v>
      </c>
      <c r="G131523" s="16">
        <v>0</v>
      </c>
    </row>
    <row r="131524" spans="1:7" x14ac:dyDescent="0.3">
      <c r="A131524" s="13" t="s">
        <v>598</v>
      </c>
      <c r="B131524" s="14" t="s">
        <v>1</v>
      </c>
      <c r="C131524" s="14" t="s">
        <v>596</v>
      </c>
      <c r="D131524" s="14" t="s">
        <v>193</v>
      </c>
      <c r="E131524" s="15">
        <v>45500</v>
      </c>
      <c r="F131524" s="14" t="s">
        <v>15</v>
      </c>
      <c r="G131524" s="16">
        <v>0</v>
      </c>
    </row>
    <row r="131525" spans="1:7" x14ac:dyDescent="0.3">
      <c r="A131525" s="13" t="s">
        <v>598</v>
      </c>
      <c r="B131525" s="14" t="s">
        <v>1</v>
      </c>
      <c r="C131525" s="14" t="s">
        <v>596</v>
      </c>
      <c r="D131525" s="14" t="s">
        <v>193</v>
      </c>
      <c r="E131525" s="15">
        <v>45501</v>
      </c>
      <c r="F131525" s="14" t="s">
        <v>15</v>
      </c>
      <c r="G131525" s="16">
        <v>0</v>
      </c>
    </row>
    <row r="131526" spans="1:7" x14ac:dyDescent="0.3">
      <c r="A131526" s="13" t="s">
        <v>598</v>
      </c>
      <c r="B131526" s="14" t="s">
        <v>1</v>
      </c>
      <c r="C131526" s="14" t="s">
        <v>596</v>
      </c>
      <c r="D131526" s="14" t="s">
        <v>193</v>
      </c>
      <c r="E131526" s="15">
        <v>45502</v>
      </c>
      <c r="F131526" s="14" t="s">
        <v>15</v>
      </c>
      <c r="G131526" s="16">
        <v>0</v>
      </c>
    </row>
    <row r="131527" spans="1:7" x14ac:dyDescent="0.3">
      <c r="A131527" s="13" t="s">
        <v>598</v>
      </c>
      <c r="B131527" s="14" t="s">
        <v>1</v>
      </c>
      <c r="C131527" s="14" t="s">
        <v>596</v>
      </c>
      <c r="D131527" s="14" t="s">
        <v>193</v>
      </c>
      <c r="E131527" s="15">
        <v>45503</v>
      </c>
      <c r="F131527" s="14" t="s">
        <v>15</v>
      </c>
      <c r="G131527" s="16">
        <v>0</v>
      </c>
    </row>
    <row r="131528" spans="1:7" x14ac:dyDescent="0.3">
      <c r="A131528" s="13" t="s">
        <v>598</v>
      </c>
      <c r="B131528" s="14" t="s">
        <v>1</v>
      </c>
      <c r="C131528" s="14" t="s">
        <v>596</v>
      </c>
      <c r="D131528" s="14" t="s">
        <v>193</v>
      </c>
      <c r="E131528" s="15">
        <v>45504</v>
      </c>
      <c r="F131528" s="14" t="s">
        <v>15</v>
      </c>
      <c r="G131528" s="16">
        <v>0</v>
      </c>
    </row>
    <row r="131529" spans="1:7" x14ac:dyDescent="0.3">
      <c r="A131529" s="13" t="s">
        <v>598</v>
      </c>
      <c r="B131529" s="14" t="s">
        <v>1</v>
      </c>
      <c r="C131529" s="14" t="s">
        <v>596</v>
      </c>
      <c r="D131529" s="14" t="s">
        <v>193</v>
      </c>
      <c r="E131529" s="15">
        <v>45505</v>
      </c>
      <c r="F131529" s="14" t="s">
        <v>15</v>
      </c>
      <c r="G131529" s="16">
        <v>0</v>
      </c>
    </row>
    <row r="131530" spans="1:7" x14ac:dyDescent="0.3">
      <c r="A131530" s="13" t="s">
        <v>598</v>
      </c>
      <c r="B131530" s="14" t="s">
        <v>1</v>
      </c>
      <c r="C131530" s="14" t="s">
        <v>596</v>
      </c>
      <c r="D131530" s="14" t="s">
        <v>193</v>
      </c>
      <c r="E131530" s="15">
        <v>45506</v>
      </c>
      <c r="F131530" s="14" t="s">
        <v>15</v>
      </c>
      <c r="G131530" s="16">
        <v>0</v>
      </c>
    </row>
    <row r="131531" spans="1:7" x14ac:dyDescent="0.3">
      <c r="A131531" s="13" t="s">
        <v>598</v>
      </c>
      <c r="B131531" s="14" t="s">
        <v>1</v>
      </c>
      <c r="C131531" s="14" t="s">
        <v>596</v>
      </c>
      <c r="D131531" s="14" t="s">
        <v>193</v>
      </c>
      <c r="E131531" s="15">
        <v>45507</v>
      </c>
      <c r="F131531" s="14" t="s">
        <v>15</v>
      </c>
      <c r="G131531" s="16">
        <v>0</v>
      </c>
    </row>
    <row r="131532" spans="1:7" x14ac:dyDescent="0.3">
      <c r="A131532" s="13" t="s">
        <v>598</v>
      </c>
      <c r="B131532" s="14" t="s">
        <v>1</v>
      </c>
      <c r="C131532" s="14" t="s">
        <v>596</v>
      </c>
      <c r="D131532" s="14" t="s">
        <v>193</v>
      </c>
      <c r="E131532" s="15">
        <v>45508</v>
      </c>
      <c r="F131532" s="14" t="s">
        <v>15</v>
      </c>
      <c r="G131532" s="16">
        <v>0</v>
      </c>
    </row>
    <row r="131533" spans="1:7" x14ac:dyDescent="0.3">
      <c r="A131533" s="13" t="s">
        <v>598</v>
      </c>
      <c r="B131533" s="14" t="s">
        <v>1</v>
      </c>
      <c r="C131533" s="14" t="s">
        <v>596</v>
      </c>
      <c r="D131533" s="14" t="s">
        <v>193</v>
      </c>
      <c r="E131533" s="15">
        <v>45509</v>
      </c>
      <c r="F131533" s="14" t="s">
        <v>15</v>
      </c>
      <c r="G131533" s="16">
        <v>0</v>
      </c>
    </row>
    <row r="131534" spans="1:7" x14ac:dyDescent="0.3">
      <c r="A131534" s="13" t="s">
        <v>598</v>
      </c>
      <c r="B131534" s="14" t="s">
        <v>1</v>
      </c>
      <c r="C131534" s="14" t="s">
        <v>596</v>
      </c>
      <c r="D131534" s="14" t="s">
        <v>193</v>
      </c>
      <c r="E131534" s="15">
        <v>45510</v>
      </c>
      <c r="F131534" s="14" t="s">
        <v>15</v>
      </c>
      <c r="G131534" s="16">
        <v>0</v>
      </c>
    </row>
    <row r="131535" spans="1:7" x14ac:dyDescent="0.3">
      <c r="A131535" s="13" t="s">
        <v>598</v>
      </c>
      <c r="B131535" s="14" t="s">
        <v>1</v>
      </c>
      <c r="C131535" s="14" t="s">
        <v>596</v>
      </c>
      <c r="D131535" s="14" t="s">
        <v>193</v>
      </c>
      <c r="E131535" s="15">
        <v>45511</v>
      </c>
      <c r="F131535" s="14" t="s">
        <v>15</v>
      </c>
      <c r="G131535" s="16">
        <v>0</v>
      </c>
    </row>
    <row r="131536" spans="1:7" x14ac:dyDescent="0.3">
      <c r="A131536" s="13" t="s">
        <v>598</v>
      </c>
      <c r="B131536" s="14" t="s">
        <v>1</v>
      </c>
      <c r="C131536" s="14" t="s">
        <v>596</v>
      </c>
      <c r="D131536" s="14" t="s">
        <v>193</v>
      </c>
      <c r="E131536" s="15">
        <v>45512</v>
      </c>
      <c r="F131536" s="14" t="s">
        <v>15</v>
      </c>
      <c r="G131536" s="16">
        <v>0</v>
      </c>
    </row>
    <row r="131537" spans="1:7" x14ac:dyDescent="0.3">
      <c r="A131537" s="13" t="s">
        <v>598</v>
      </c>
      <c r="B131537" s="14" t="s">
        <v>1</v>
      </c>
      <c r="C131537" s="14" t="s">
        <v>596</v>
      </c>
      <c r="D131537" s="14" t="s">
        <v>193</v>
      </c>
      <c r="E131537" s="15">
        <v>45513</v>
      </c>
      <c r="F131537" s="14" t="s">
        <v>15</v>
      </c>
      <c r="G131537" s="16">
        <v>0</v>
      </c>
    </row>
    <row r="131538" spans="1:7" x14ac:dyDescent="0.3">
      <c r="A131538" s="13" t="s">
        <v>598</v>
      </c>
      <c r="B131538" s="14" t="s">
        <v>1</v>
      </c>
      <c r="C131538" s="14" t="s">
        <v>596</v>
      </c>
      <c r="D131538" s="14" t="s">
        <v>193</v>
      </c>
      <c r="E131538" s="15">
        <v>45514</v>
      </c>
      <c r="F131538" s="14" t="s">
        <v>15</v>
      </c>
      <c r="G131538" s="16">
        <v>0</v>
      </c>
    </row>
    <row r="131539" spans="1:7" x14ac:dyDescent="0.3">
      <c r="A131539" s="13" t="s">
        <v>598</v>
      </c>
      <c r="B131539" s="14" t="s">
        <v>1</v>
      </c>
      <c r="C131539" s="14" t="s">
        <v>596</v>
      </c>
      <c r="D131539" s="14" t="s">
        <v>193</v>
      </c>
      <c r="E131539" s="15">
        <v>45515</v>
      </c>
      <c r="F131539" s="14" t="s">
        <v>15</v>
      </c>
      <c r="G131539" s="16">
        <v>0</v>
      </c>
    </row>
    <row r="131540" spans="1:7" x14ac:dyDescent="0.3">
      <c r="A131540" s="13" t="s">
        <v>598</v>
      </c>
      <c r="B131540" s="14" t="s">
        <v>1</v>
      </c>
      <c r="C131540" s="14" t="s">
        <v>596</v>
      </c>
      <c r="D131540" s="14" t="s">
        <v>193</v>
      </c>
      <c r="E131540" s="15">
        <v>45516</v>
      </c>
      <c r="F131540" s="14" t="s">
        <v>15</v>
      </c>
      <c r="G131540" s="16">
        <v>0</v>
      </c>
    </row>
    <row r="131541" spans="1:7" x14ac:dyDescent="0.3">
      <c r="A131541" s="13" t="s">
        <v>598</v>
      </c>
      <c r="B131541" s="14" t="s">
        <v>1</v>
      </c>
      <c r="C131541" s="14" t="s">
        <v>596</v>
      </c>
      <c r="D131541" s="14" t="s">
        <v>193</v>
      </c>
      <c r="E131541" s="15">
        <v>45517</v>
      </c>
      <c r="F131541" s="14" t="s">
        <v>15</v>
      </c>
      <c r="G131541" s="16">
        <v>0</v>
      </c>
    </row>
    <row r="131542" spans="1:7" x14ac:dyDescent="0.3">
      <c r="A131542" s="13" t="s">
        <v>598</v>
      </c>
      <c r="B131542" s="14" t="s">
        <v>1</v>
      </c>
      <c r="C131542" s="14" t="s">
        <v>596</v>
      </c>
      <c r="D131542" s="14" t="s">
        <v>193</v>
      </c>
      <c r="E131542" s="15">
        <v>45518</v>
      </c>
      <c r="F131542" s="14" t="s">
        <v>15</v>
      </c>
      <c r="G131542" s="16">
        <v>0</v>
      </c>
    </row>
    <row r="131543" spans="1:7" x14ac:dyDescent="0.3">
      <c r="A131543" s="13" t="s">
        <v>598</v>
      </c>
      <c r="B131543" s="14" t="s">
        <v>1</v>
      </c>
      <c r="C131543" s="14" t="s">
        <v>596</v>
      </c>
      <c r="D131543" s="14" t="s">
        <v>193</v>
      </c>
      <c r="E131543" s="15">
        <v>45519</v>
      </c>
      <c r="F131543" s="14" t="s">
        <v>15</v>
      </c>
      <c r="G131543" s="16">
        <v>0</v>
      </c>
    </row>
    <row r="131544" spans="1:7" x14ac:dyDescent="0.3">
      <c r="A131544" s="13" t="s">
        <v>598</v>
      </c>
      <c r="B131544" s="14" t="s">
        <v>1</v>
      </c>
      <c r="C131544" s="14" t="s">
        <v>596</v>
      </c>
      <c r="D131544" s="14" t="s">
        <v>193</v>
      </c>
      <c r="E131544" s="15">
        <v>45520</v>
      </c>
      <c r="F131544" s="14" t="s">
        <v>15</v>
      </c>
      <c r="G131544" s="16">
        <v>0</v>
      </c>
    </row>
    <row r="131545" spans="1:7" x14ac:dyDescent="0.3">
      <c r="A131545" s="13" t="s">
        <v>598</v>
      </c>
      <c r="B131545" s="14" t="s">
        <v>1</v>
      </c>
      <c r="C131545" s="14" t="s">
        <v>596</v>
      </c>
      <c r="D131545" s="14" t="s">
        <v>193</v>
      </c>
      <c r="E131545" s="15">
        <v>45521</v>
      </c>
      <c r="F131545" s="14" t="s">
        <v>15</v>
      </c>
      <c r="G131545" s="16">
        <v>0</v>
      </c>
    </row>
    <row r="131546" spans="1:7" x14ac:dyDescent="0.3">
      <c r="A131546" s="13" t="s">
        <v>598</v>
      </c>
      <c r="B131546" s="14" t="s">
        <v>1</v>
      </c>
      <c r="C131546" s="14" t="s">
        <v>596</v>
      </c>
      <c r="D131546" s="14" t="s">
        <v>193</v>
      </c>
      <c r="E131546" s="15">
        <v>45522</v>
      </c>
      <c r="F131546" s="14" t="s">
        <v>15</v>
      </c>
      <c r="G131546" s="16">
        <v>0</v>
      </c>
    </row>
    <row r="131547" spans="1:7" x14ac:dyDescent="0.3">
      <c r="A131547" s="13" t="s">
        <v>598</v>
      </c>
      <c r="B131547" s="14" t="s">
        <v>1</v>
      </c>
      <c r="C131547" s="14" t="s">
        <v>596</v>
      </c>
      <c r="D131547" s="14" t="s">
        <v>193</v>
      </c>
      <c r="E131547" s="15">
        <v>45523</v>
      </c>
      <c r="F131547" s="14" t="s">
        <v>15</v>
      </c>
      <c r="G131547" s="16">
        <v>0</v>
      </c>
    </row>
    <row r="131548" spans="1:7" x14ac:dyDescent="0.3">
      <c r="A131548" s="13" t="s">
        <v>598</v>
      </c>
      <c r="B131548" s="14" t="s">
        <v>1</v>
      </c>
      <c r="C131548" s="14" t="s">
        <v>596</v>
      </c>
      <c r="D131548" s="14" t="s">
        <v>193</v>
      </c>
      <c r="E131548" s="15">
        <v>45524</v>
      </c>
      <c r="F131548" s="14" t="s">
        <v>15</v>
      </c>
      <c r="G131548" s="16">
        <v>0</v>
      </c>
    </row>
    <row r="131549" spans="1:7" x14ac:dyDescent="0.3">
      <c r="A131549" s="13" t="s">
        <v>598</v>
      </c>
      <c r="B131549" s="14" t="s">
        <v>1</v>
      </c>
      <c r="C131549" s="14" t="s">
        <v>596</v>
      </c>
      <c r="D131549" s="14" t="s">
        <v>193</v>
      </c>
      <c r="E131549" s="15">
        <v>45525</v>
      </c>
      <c r="F131549" s="14" t="s">
        <v>15</v>
      </c>
      <c r="G131549" s="16">
        <v>0</v>
      </c>
    </row>
    <row r="131550" spans="1:7" x14ac:dyDescent="0.3">
      <c r="A131550" s="13" t="s">
        <v>598</v>
      </c>
      <c r="B131550" s="14" t="s">
        <v>1</v>
      </c>
      <c r="C131550" s="14" t="s">
        <v>596</v>
      </c>
      <c r="D131550" s="14" t="s">
        <v>193</v>
      </c>
      <c r="E131550" s="15">
        <v>45526</v>
      </c>
      <c r="F131550" s="14" t="s">
        <v>15</v>
      </c>
      <c r="G131550" s="16">
        <v>0</v>
      </c>
    </row>
    <row r="131551" spans="1:7" x14ac:dyDescent="0.3">
      <c r="A131551" s="13" t="s">
        <v>598</v>
      </c>
      <c r="B131551" s="14" t="s">
        <v>1</v>
      </c>
      <c r="C131551" s="14" t="s">
        <v>596</v>
      </c>
      <c r="D131551" s="14" t="s">
        <v>193</v>
      </c>
      <c r="E131551" s="15">
        <v>45527</v>
      </c>
      <c r="F131551" s="14" t="s">
        <v>15</v>
      </c>
      <c r="G131551" s="16">
        <v>0</v>
      </c>
    </row>
    <row r="131552" spans="1:7" x14ac:dyDescent="0.3">
      <c r="A131552" s="13" t="s">
        <v>598</v>
      </c>
      <c r="B131552" s="14" t="s">
        <v>1</v>
      </c>
      <c r="C131552" s="14" t="s">
        <v>596</v>
      </c>
      <c r="D131552" s="14" t="s">
        <v>193</v>
      </c>
      <c r="E131552" s="15">
        <v>45528</v>
      </c>
      <c r="F131552" s="14" t="s">
        <v>15</v>
      </c>
      <c r="G131552" s="16">
        <v>0</v>
      </c>
    </row>
    <row r="131553" spans="1:7" x14ac:dyDescent="0.3">
      <c r="A131553" s="13" t="s">
        <v>598</v>
      </c>
      <c r="B131553" s="14" t="s">
        <v>1</v>
      </c>
      <c r="C131553" s="14" t="s">
        <v>596</v>
      </c>
      <c r="D131553" s="14" t="s">
        <v>193</v>
      </c>
      <c r="E131553" s="15">
        <v>45529</v>
      </c>
      <c r="F131553" s="14" t="s">
        <v>15</v>
      </c>
      <c r="G131553" s="16">
        <v>0</v>
      </c>
    </row>
    <row r="131554" spans="1:7" x14ac:dyDescent="0.3">
      <c r="A131554" s="13" t="s">
        <v>598</v>
      </c>
      <c r="B131554" s="14" t="s">
        <v>1</v>
      </c>
      <c r="C131554" s="14" t="s">
        <v>596</v>
      </c>
      <c r="D131554" s="14" t="s">
        <v>193</v>
      </c>
      <c r="E131554" s="15">
        <v>45530</v>
      </c>
      <c r="F131554" s="14" t="s">
        <v>15</v>
      </c>
      <c r="G131554" s="16">
        <v>0</v>
      </c>
    </row>
    <row r="131555" spans="1:7" x14ac:dyDescent="0.3">
      <c r="A131555" s="13" t="s">
        <v>598</v>
      </c>
      <c r="B131555" s="14" t="s">
        <v>1</v>
      </c>
      <c r="C131555" s="14" t="s">
        <v>596</v>
      </c>
      <c r="D131555" s="14" t="s">
        <v>193</v>
      </c>
      <c r="E131555" s="15">
        <v>45531</v>
      </c>
      <c r="F131555" s="14" t="s">
        <v>15</v>
      </c>
      <c r="G131555" s="16">
        <v>0</v>
      </c>
    </row>
    <row r="131556" spans="1:7" x14ac:dyDescent="0.3">
      <c r="A131556" s="13" t="s">
        <v>598</v>
      </c>
      <c r="B131556" s="14" t="s">
        <v>1</v>
      </c>
      <c r="C131556" s="14" t="s">
        <v>596</v>
      </c>
      <c r="D131556" s="14" t="s">
        <v>193</v>
      </c>
      <c r="E131556" s="15">
        <v>45532</v>
      </c>
      <c r="F131556" s="14" t="s">
        <v>15</v>
      </c>
      <c r="G131556" s="16">
        <v>0</v>
      </c>
    </row>
    <row r="131557" spans="1:7" x14ac:dyDescent="0.3">
      <c r="A131557" s="13" t="s">
        <v>598</v>
      </c>
      <c r="B131557" s="14" t="s">
        <v>1</v>
      </c>
      <c r="C131557" s="14" t="s">
        <v>596</v>
      </c>
      <c r="D131557" s="14" t="s">
        <v>193</v>
      </c>
      <c r="E131557" s="15">
        <v>45533</v>
      </c>
      <c r="F131557" s="14" t="s">
        <v>15</v>
      </c>
      <c r="G131557" s="16">
        <v>0</v>
      </c>
    </row>
    <row r="131558" spans="1:7" x14ac:dyDescent="0.3">
      <c r="A131558" s="13" t="s">
        <v>598</v>
      </c>
      <c r="B131558" s="14" t="s">
        <v>1</v>
      </c>
      <c r="C131558" s="14" t="s">
        <v>596</v>
      </c>
      <c r="D131558" s="14" t="s">
        <v>193</v>
      </c>
      <c r="E131558" s="15">
        <v>45534</v>
      </c>
      <c r="F131558" s="14" t="s">
        <v>15</v>
      </c>
      <c r="G131558" s="16">
        <v>0</v>
      </c>
    </row>
    <row r="131559" spans="1:7" x14ac:dyDescent="0.3">
      <c r="A131559" s="13" t="s">
        <v>598</v>
      </c>
      <c r="B131559" s="14" t="s">
        <v>1</v>
      </c>
      <c r="C131559" s="14" t="s">
        <v>596</v>
      </c>
      <c r="D131559" s="14" t="s">
        <v>193</v>
      </c>
      <c r="E131559" s="15">
        <v>45535</v>
      </c>
      <c r="F131559" s="14" t="s">
        <v>15</v>
      </c>
      <c r="G131559" s="16">
        <v>0</v>
      </c>
    </row>
    <row r="131560" spans="1:7" x14ac:dyDescent="0.3">
      <c r="A131560" s="13" t="s">
        <v>598</v>
      </c>
      <c r="B131560" s="14" t="s">
        <v>1</v>
      </c>
      <c r="C131560" s="14" t="s">
        <v>596</v>
      </c>
      <c r="D131560" s="14" t="s">
        <v>193</v>
      </c>
      <c r="E131560" s="15">
        <v>45536</v>
      </c>
      <c r="F131560" s="14" t="s">
        <v>15</v>
      </c>
      <c r="G131560" s="16">
        <v>0</v>
      </c>
    </row>
    <row r="131561" spans="1:7" x14ac:dyDescent="0.3">
      <c r="A131561" s="13" t="s">
        <v>598</v>
      </c>
      <c r="B131561" s="14" t="s">
        <v>1</v>
      </c>
      <c r="C131561" s="14" t="s">
        <v>596</v>
      </c>
      <c r="D131561" s="14" t="s">
        <v>193</v>
      </c>
      <c r="E131561" s="15">
        <v>45537</v>
      </c>
      <c r="F131561" s="14" t="s">
        <v>15</v>
      </c>
      <c r="G131561" s="16">
        <v>0</v>
      </c>
    </row>
    <row r="131562" spans="1:7" x14ac:dyDescent="0.3">
      <c r="A131562" s="13" t="s">
        <v>598</v>
      </c>
      <c r="B131562" s="14" t="s">
        <v>1</v>
      </c>
      <c r="C131562" s="14" t="s">
        <v>596</v>
      </c>
      <c r="D131562" s="14" t="s">
        <v>193</v>
      </c>
      <c r="E131562" s="15">
        <v>45538</v>
      </c>
      <c r="F131562" s="14" t="s">
        <v>15</v>
      </c>
      <c r="G131562" s="16">
        <v>0</v>
      </c>
    </row>
    <row r="131563" spans="1:7" x14ac:dyDescent="0.3">
      <c r="A131563" s="13" t="s">
        <v>598</v>
      </c>
      <c r="B131563" s="14" t="s">
        <v>1</v>
      </c>
      <c r="C131563" s="14" t="s">
        <v>596</v>
      </c>
      <c r="D131563" s="14" t="s">
        <v>193</v>
      </c>
      <c r="E131563" s="15">
        <v>45539</v>
      </c>
      <c r="F131563" s="14" t="s">
        <v>15</v>
      </c>
      <c r="G131563" s="16">
        <v>0</v>
      </c>
    </row>
    <row r="131564" spans="1:7" x14ac:dyDescent="0.3">
      <c r="A131564" s="13" t="s">
        <v>598</v>
      </c>
      <c r="B131564" s="14" t="s">
        <v>1</v>
      </c>
      <c r="C131564" s="14" t="s">
        <v>596</v>
      </c>
      <c r="D131564" s="14" t="s">
        <v>193</v>
      </c>
      <c r="E131564" s="15">
        <v>45540</v>
      </c>
      <c r="F131564" s="14" t="s">
        <v>15</v>
      </c>
      <c r="G131564" s="16">
        <v>0</v>
      </c>
    </row>
    <row r="131565" spans="1:7" x14ac:dyDescent="0.3">
      <c r="A131565" s="13" t="s">
        <v>598</v>
      </c>
      <c r="B131565" s="14" t="s">
        <v>1</v>
      </c>
      <c r="C131565" s="14" t="s">
        <v>596</v>
      </c>
      <c r="D131565" s="14" t="s">
        <v>193</v>
      </c>
      <c r="E131565" s="15">
        <v>45541</v>
      </c>
      <c r="F131565" s="14" t="s">
        <v>15</v>
      </c>
      <c r="G131565" s="16">
        <v>0</v>
      </c>
    </row>
    <row r="131566" spans="1:7" x14ac:dyDescent="0.3">
      <c r="A131566" s="13" t="s">
        <v>598</v>
      </c>
      <c r="B131566" s="14" t="s">
        <v>1</v>
      </c>
      <c r="C131566" s="14" t="s">
        <v>596</v>
      </c>
      <c r="D131566" s="14" t="s">
        <v>193</v>
      </c>
      <c r="E131566" s="15">
        <v>45542</v>
      </c>
      <c r="F131566" s="14" t="s">
        <v>15</v>
      </c>
      <c r="G131566" s="16">
        <v>0</v>
      </c>
    </row>
    <row r="131567" spans="1:7" x14ac:dyDescent="0.3">
      <c r="A131567" s="13" t="s">
        <v>598</v>
      </c>
      <c r="B131567" s="14" t="s">
        <v>1</v>
      </c>
      <c r="C131567" s="14" t="s">
        <v>596</v>
      </c>
      <c r="D131567" s="14" t="s">
        <v>193</v>
      </c>
      <c r="E131567" s="15">
        <v>45543</v>
      </c>
      <c r="F131567" s="14" t="s">
        <v>15</v>
      </c>
      <c r="G131567" s="16">
        <v>0</v>
      </c>
    </row>
    <row r="131568" spans="1:7" x14ac:dyDescent="0.3">
      <c r="A131568" s="13" t="s">
        <v>598</v>
      </c>
      <c r="B131568" s="14" t="s">
        <v>1</v>
      </c>
      <c r="C131568" s="14" t="s">
        <v>596</v>
      </c>
      <c r="D131568" s="14" t="s">
        <v>193</v>
      </c>
      <c r="E131568" s="15">
        <v>45544</v>
      </c>
      <c r="F131568" s="14" t="s">
        <v>15</v>
      </c>
      <c r="G131568" s="16">
        <v>0</v>
      </c>
    </row>
    <row r="131569" spans="1:7" x14ac:dyDescent="0.3">
      <c r="A131569" s="13" t="s">
        <v>598</v>
      </c>
      <c r="B131569" s="14" t="s">
        <v>1</v>
      </c>
      <c r="C131569" s="14" t="s">
        <v>596</v>
      </c>
      <c r="D131569" s="14" t="s">
        <v>193</v>
      </c>
      <c r="E131569" s="15">
        <v>45545</v>
      </c>
      <c r="F131569" s="14" t="s">
        <v>15</v>
      </c>
      <c r="G131569" s="16">
        <v>0</v>
      </c>
    </row>
    <row r="131570" spans="1:7" x14ac:dyDescent="0.3">
      <c r="A131570" s="13" t="s">
        <v>598</v>
      </c>
      <c r="B131570" s="14" t="s">
        <v>1</v>
      </c>
      <c r="C131570" s="14" t="s">
        <v>596</v>
      </c>
      <c r="D131570" s="14" t="s">
        <v>193</v>
      </c>
      <c r="E131570" s="15">
        <v>45546</v>
      </c>
      <c r="F131570" s="14" t="s">
        <v>15</v>
      </c>
      <c r="G131570" s="16">
        <v>0</v>
      </c>
    </row>
    <row r="131571" spans="1:7" x14ac:dyDescent="0.3">
      <c r="A131571" s="13" t="s">
        <v>598</v>
      </c>
      <c r="B131571" s="14" t="s">
        <v>1</v>
      </c>
      <c r="C131571" s="14" t="s">
        <v>596</v>
      </c>
      <c r="D131571" s="14" t="s">
        <v>193</v>
      </c>
      <c r="E131571" s="15">
        <v>45547</v>
      </c>
      <c r="F131571" s="14" t="s">
        <v>15</v>
      </c>
      <c r="G131571" s="16">
        <v>0</v>
      </c>
    </row>
    <row r="131572" spans="1:7" x14ac:dyDescent="0.3">
      <c r="A131572" s="13" t="s">
        <v>598</v>
      </c>
      <c r="B131572" s="14" t="s">
        <v>1</v>
      </c>
      <c r="C131572" s="14" t="s">
        <v>596</v>
      </c>
      <c r="D131572" s="14" t="s">
        <v>193</v>
      </c>
      <c r="E131572" s="15">
        <v>45548</v>
      </c>
      <c r="F131572" s="14" t="s">
        <v>15</v>
      </c>
      <c r="G131572" s="16">
        <v>0</v>
      </c>
    </row>
    <row r="131573" spans="1:7" x14ac:dyDescent="0.3">
      <c r="A131573" s="13" t="s">
        <v>598</v>
      </c>
      <c r="B131573" s="14" t="s">
        <v>1</v>
      </c>
      <c r="C131573" s="14" t="s">
        <v>596</v>
      </c>
      <c r="D131573" s="14" t="s">
        <v>193</v>
      </c>
      <c r="E131573" s="15">
        <v>45549</v>
      </c>
      <c r="F131573" s="14" t="s">
        <v>15</v>
      </c>
      <c r="G131573" s="16">
        <v>0</v>
      </c>
    </row>
    <row r="131574" spans="1:7" x14ac:dyDescent="0.3">
      <c r="A131574" s="13" t="s">
        <v>598</v>
      </c>
      <c r="B131574" s="14" t="s">
        <v>1</v>
      </c>
      <c r="C131574" s="14" t="s">
        <v>596</v>
      </c>
      <c r="D131574" s="14" t="s">
        <v>193</v>
      </c>
      <c r="E131574" s="15">
        <v>45550</v>
      </c>
      <c r="F131574" s="14" t="s">
        <v>15</v>
      </c>
      <c r="G131574" s="16">
        <v>0</v>
      </c>
    </row>
    <row r="131575" spans="1:7" x14ac:dyDescent="0.3">
      <c r="A131575" s="13" t="s">
        <v>598</v>
      </c>
      <c r="B131575" s="14" t="s">
        <v>1</v>
      </c>
      <c r="C131575" s="14" t="s">
        <v>596</v>
      </c>
      <c r="D131575" s="14" t="s">
        <v>193</v>
      </c>
      <c r="E131575" s="15">
        <v>45551</v>
      </c>
      <c r="F131575" s="14" t="s">
        <v>15</v>
      </c>
      <c r="G131575" s="16">
        <v>0</v>
      </c>
    </row>
    <row r="131576" spans="1:7" x14ac:dyDescent="0.3">
      <c r="A131576" s="13" t="s">
        <v>598</v>
      </c>
      <c r="B131576" s="14" t="s">
        <v>1</v>
      </c>
      <c r="C131576" s="14" t="s">
        <v>596</v>
      </c>
      <c r="D131576" s="14" t="s">
        <v>193</v>
      </c>
      <c r="E131576" s="15">
        <v>45552</v>
      </c>
      <c r="F131576" s="14" t="s">
        <v>15</v>
      </c>
      <c r="G131576" s="16">
        <v>0</v>
      </c>
    </row>
    <row r="131577" spans="1:7" x14ac:dyDescent="0.3">
      <c r="A131577" s="13" t="s">
        <v>598</v>
      </c>
      <c r="B131577" s="14" t="s">
        <v>1</v>
      </c>
      <c r="C131577" s="14" t="s">
        <v>596</v>
      </c>
      <c r="D131577" s="14" t="s">
        <v>193</v>
      </c>
      <c r="E131577" s="15">
        <v>45553</v>
      </c>
      <c r="F131577" s="14" t="s">
        <v>15</v>
      </c>
      <c r="G131577" s="16">
        <v>0</v>
      </c>
    </row>
    <row r="131578" spans="1:7" x14ac:dyDescent="0.3">
      <c r="A131578" s="13" t="s">
        <v>598</v>
      </c>
      <c r="B131578" s="14" t="s">
        <v>1</v>
      </c>
      <c r="C131578" s="14" t="s">
        <v>596</v>
      </c>
      <c r="D131578" s="14" t="s">
        <v>193</v>
      </c>
      <c r="E131578" s="15">
        <v>45554</v>
      </c>
      <c r="F131578" s="14" t="s">
        <v>15</v>
      </c>
      <c r="G131578" s="16">
        <v>0</v>
      </c>
    </row>
    <row r="131579" spans="1:7" x14ac:dyDescent="0.3">
      <c r="A131579" s="13" t="s">
        <v>598</v>
      </c>
      <c r="B131579" s="14" t="s">
        <v>1</v>
      </c>
      <c r="C131579" s="14" t="s">
        <v>596</v>
      </c>
      <c r="D131579" s="14" t="s">
        <v>193</v>
      </c>
      <c r="E131579" s="15">
        <v>45555</v>
      </c>
      <c r="F131579" s="14" t="s">
        <v>15</v>
      </c>
      <c r="G131579" s="16">
        <v>0</v>
      </c>
    </row>
    <row r="131580" spans="1:7" x14ac:dyDescent="0.3">
      <c r="A131580" s="13" t="s">
        <v>598</v>
      </c>
      <c r="B131580" s="14" t="s">
        <v>1</v>
      </c>
      <c r="C131580" s="14" t="s">
        <v>596</v>
      </c>
      <c r="D131580" s="14" t="s">
        <v>193</v>
      </c>
      <c r="E131580" s="15">
        <v>45556</v>
      </c>
      <c r="F131580" s="14" t="s">
        <v>15</v>
      </c>
      <c r="G131580" s="16">
        <v>0</v>
      </c>
    </row>
    <row r="131581" spans="1:7" x14ac:dyDescent="0.3">
      <c r="A131581" s="13" t="s">
        <v>598</v>
      </c>
      <c r="B131581" s="14" t="s">
        <v>1</v>
      </c>
      <c r="C131581" s="14" t="s">
        <v>596</v>
      </c>
      <c r="D131581" s="14" t="s">
        <v>193</v>
      </c>
      <c r="E131581" s="15">
        <v>45557</v>
      </c>
      <c r="F131581" s="14" t="s">
        <v>15</v>
      </c>
      <c r="G131581" s="16">
        <v>0</v>
      </c>
    </row>
    <row r="131582" spans="1:7" x14ac:dyDescent="0.3">
      <c r="A131582" s="13" t="s">
        <v>598</v>
      </c>
      <c r="B131582" s="14" t="s">
        <v>1</v>
      </c>
      <c r="C131582" s="14" t="s">
        <v>596</v>
      </c>
      <c r="D131582" s="14" t="s">
        <v>193</v>
      </c>
      <c r="E131582" s="15">
        <v>45558</v>
      </c>
      <c r="F131582" s="14" t="s">
        <v>15</v>
      </c>
      <c r="G131582" s="16">
        <v>0</v>
      </c>
    </row>
    <row r="131583" spans="1:7" x14ac:dyDescent="0.3">
      <c r="A131583" s="13" t="s">
        <v>598</v>
      </c>
      <c r="B131583" s="14" t="s">
        <v>1</v>
      </c>
      <c r="C131583" s="14" t="s">
        <v>596</v>
      </c>
      <c r="D131583" s="14" t="s">
        <v>193</v>
      </c>
      <c r="E131583" s="15">
        <v>45559</v>
      </c>
      <c r="F131583" s="14" t="s">
        <v>15</v>
      </c>
      <c r="G131583" s="16">
        <v>0</v>
      </c>
    </row>
    <row r="131584" spans="1:7" x14ac:dyDescent="0.3">
      <c r="A131584" s="13" t="s">
        <v>598</v>
      </c>
      <c r="B131584" s="14" t="s">
        <v>1</v>
      </c>
      <c r="C131584" s="14" t="s">
        <v>596</v>
      </c>
      <c r="D131584" s="14" t="s">
        <v>193</v>
      </c>
      <c r="E131584" s="15">
        <v>45560</v>
      </c>
      <c r="F131584" s="14" t="s">
        <v>15</v>
      </c>
      <c r="G131584" s="16">
        <v>0</v>
      </c>
    </row>
    <row r="131585" spans="1:7" x14ac:dyDescent="0.3">
      <c r="A131585" s="13" t="s">
        <v>598</v>
      </c>
      <c r="B131585" s="14" t="s">
        <v>1</v>
      </c>
      <c r="C131585" s="14" t="s">
        <v>596</v>
      </c>
      <c r="D131585" s="14" t="s">
        <v>193</v>
      </c>
      <c r="E131585" s="15">
        <v>45561</v>
      </c>
      <c r="F131585" s="14" t="s">
        <v>15</v>
      </c>
      <c r="G131585" s="16">
        <v>0</v>
      </c>
    </row>
    <row r="131586" spans="1:7" x14ac:dyDescent="0.3">
      <c r="A131586" s="13" t="s">
        <v>598</v>
      </c>
      <c r="B131586" s="14" t="s">
        <v>1</v>
      </c>
      <c r="C131586" s="14" t="s">
        <v>596</v>
      </c>
      <c r="D131586" s="14" t="s">
        <v>193</v>
      </c>
      <c r="E131586" s="15">
        <v>45562</v>
      </c>
      <c r="F131586" s="14" t="s">
        <v>15</v>
      </c>
      <c r="G131586" s="16">
        <v>0</v>
      </c>
    </row>
    <row r="131587" spans="1:7" x14ac:dyDescent="0.3">
      <c r="A131587" s="13" t="s">
        <v>598</v>
      </c>
      <c r="B131587" s="14" t="s">
        <v>1</v>
      </c>
      <c r="C131587" s="14" t="s">
        <v>596</v>
      </c>
      <c r="D131587" s="14" t="s">
        <v>193</v>
      </c>
      <c r="E131587" s="15">
        <v>45563</v>
      </c>
      <c r="F131587" s="14" t="s">
        <v>15</v>
      </c>
      <c r="G131587" s="16">
        <v>0</v>
      </c>
    </row>
    <row r="131588" spans="1:7" x14ac:dyDescent="0.3">
      <c r="A131588" s="13" t="s">
        <v>598</v>
      </c>
      <c r="B131588" s="14" t="s">
        <v>1</v>
      </c>
      <c r="C131588" s="14" t="s">
        <v>596</v>
      </c>
      <c r="D131588" s="14" t="s">
        <v>193</v>
      </c>
      <c r="E131588" s="15">
        <v>45564</v>
      </c>
      <c r="F131588" s="14" t="s">
        <v>15</v>
      </c>
      <c r="G131588" s="16">
        <v>0</v>
      </c>
    </row>
    <row r="131589" spans="1:7" x14ac:dyDescent="0.3">
      <c r="A131589" s="13" t="s">
        <v>598</v>
      </c>
      <c r="B131589" s="14" t="s">
        <v>1</v>
      </c>
      <c r="C131589" s="14" t="s">
        <v>596</v>
      </c>
      <c r="D131589" s="14" t="s">
        <v>193</v>
      </c>
      <c r="E131589" s="15">
        <v>45565</v>
      </c>
      <c r="F131589" s="14" t="s">
        <v>15</v>
      </c>
      <c r="G131589" s="16">
        <v>0</v>
      </c>
    </row>
    <row r="131590" spans="1:7" x14ac:dyDescent="0.3">
      <c r="A131590" s="13" t="s">
        <v>598</v>
      </c>
      <c r="B131590" s="14" t="s">
        <v>1</v>
      </c>
      <c r="C131590" s="14" t="s">
        <v>596</v>
      </c>
      <c r="D131590" s="14" t="s">
        <v>193</v>
      </c>
      <c r="E131590" s="15">
        <v>45566</v>
      </c>
      <c r="F131590" s="14" t="s">
        <v>15</v>
      </c>
      <c r="G131590" s="16">
        <v>0</v>
      </c>
    </row>
    <row r="131591" spans="1:7" x14ac:dyDescent="0.3">
      <c r="A131591" s="13" t="s">
        <v>598</v>
      </c>
      <c r="B131591" s="14" t="s">
        <v>1</v>
      </c>
      <c r="C131591" s="14" t="s">
        <v>596</v>
      </c>
      <c r="D131591" s="14" t="s">
        <v>193</v>
      </c>
      <c r="E131591" s="15">
        <v>45567</v>
      </c>
      <c r="F131591" s="14" t="s">
        <v>15</v>
      </c>
      <c r="G131591" s="16">
        <v>0</v>
      </c>
    </row>
    <row r="131592" spans="1:7" x14ac:dyDescent="0.3">
      <c r="A131592" s="13" t="s">
        <v>598</v>
      </c>
      <c r="B131592" s="14" t="s">
        <v>1</v>
      </c>
      <c r="C131592" s="14" t="s">
        <v>596</v>
      </c>
      <c r="D131592" s="14" t="s">
        <v>193</v>
      </c>
      <c r="E131592" s="15">
        <v>45568</v>
      </c>
      <c r="F131592" s="14" t="s">
        <v>15</v>
      </c>
      <c r="G131592" s="16">
        <v>0</v>
      </c>
    </row>
    <row r="131593" spans="1:7" x14ac:dyDescent="0.3">
      <c r="A131593" s="13" t="s">
        <v>598</v>
      </c>
      <c r="B131593" s="14" t="s">
        <v>1</v>
      </c>
      <c r="C131593" s="14" t="s">
        <v>596</v>
      </c>
      <c r="D131593" s="14" t="s">
        <v>193</v>
      </c>
      <c r="E131593" s="15">
        <v>45569</v>
      </c>
      <c r="F131593" s="14" t="s">
        <v>15</v>
      </c>
      <c r="G131593" s="16">
        <v>0</v>
      </c>
    </row>
    <row r="131594" spans="1:7" x14ac:dyDescent="0.3">
      <c r="A131594" s="13" t="s">
        <v>598</v>
      </c>
      <c r="B131594" s="14" t="s">
        <v>1</v>
      </c>
      <c r="C131594" s="14" t="s">
        <v>596</v>
      </c>
      <c r="D131594" s="14" t="s">
        <v>193</v>
      </c>
      <c r="E131594" s="15">
        <v>45570</v>
      </c>
      <c r="F131594" s="14" t="s">
        <v>15</v>
      </c>
      <c r="G131594" s="16">
        <v>0</v>
      </c>
    </row>
    <row r="131595" spans="1:7" x14ac:dyDescent="0.3">
      <c r="A131595" s="13" t="s">
        <v>598</v>
      </c>
      <c r="B131595" s="14" t="s">
        <v>1</v>
      </c>
      <c r="C131595" s="14" t="s">
        <v>596</v>
      </c>
      <c r="D131595" s="14" t="s">
        <v>193</v>
      </c>
      <c r="E131595" s="15">
        <v>45571</v>
      </c>
      <c r="F131595" s="14" t="s">
        <v>15</v>
      </c>
      <c r="G131595" s="16">
        <v>0</v>
      </c>
    </row>
    <row r="131596" spans="1:7" x14ac:dyDescent="0.3">
      <c r="A131596" s="13" t="s">
        <v>598</v>
      </c>
      <c r="B131596" s="14" t="s">
        <v>1</v>
      </c>
      <c r="C131596" s="14" t="s">
        <v>596</v>
      </c>
      <c r="D131596" s="14" t="s">
        <v>193</v>
      </c>
      <c r="E131596" s="15">
        <v>45572</v>
      </c>
      <c r="F131596" s="14" t="s">
        <v>15</v>
      </c>
      <c r="G131596" s="16">
        <v>0</v>
      </c>
    </row>
    <row r="131597" spans="1:7" x14ac:dyDescent="0.3">
      <c r="A131597" s="13" t="s">
        <v>598</v>
      </c>
      <c r="B131597" s="14" t="s">
        <v>1</v>
      </c>
      <c r="C131597" s="14" t="s">
        <v>596</v>
      </c>
      <c r="D131597" s="14" t="s">
        <v>193</v>
      </c>
      <c r="E131597" s="15">
        <v>45573</v>
      </c>
      <c r="F131597" s="14" t="s">
        <v>15</v>
      </c>
      <c r="G131597" s="16">
        <v>0</v>
      </c>
    </row>
    <row r="131598" spans="1:7" x14ac:dyDescent="0.3">
      <c r="A131598" s="13" t="s">
        <v>598</v>
      </c>
      <c r="B131598" s="14" t="s">
        <v>1</v>
      </c>
      <c r="C131598" s="14" t="s">
        <v>596</v>
      </c>
      <c r="D131598" s="14" t="s">
        <v>193</v>
      </c>
      <c r="E131598" s="15">
        <v>45574</v>
      </c>
      <c r="F131598" s="14" t="s">
        <v>15</v>
      </c>
      <c r="G131598" s="16">
        <v>0</v>
      </c>
    </row>
    <row r="131599" spans="1:7" x14ac:dyDescent="0.3">
      <c r="A131599" s="13" t="s">
        <v>598</v>
      </c>
      <c r="B131599" s="14" t="s">
        <v>1</v>
      </c>
      <c r="C131599" s="14" t="s">
        <v>596</v>
      </c>
      <c r="D131599" s="14" t="s">
        <v>193</v>
      </c>
      <c r="E131599" s="15">
        <v>45575</v>
      </c>
      <c r="F131599" s="14" t="s">
        <v>15</v>
      </c>
      <c r="G131599" s="16">
        <v>0</v>
      </c>
    </row>
    <row r="131600" spans="1:7" x14ac:dyDescent="0.3">
      <c r="A131600" s="13" t="s">
        <v>598</v>
      </c>
      <c r="B131600" s="14" t="s">
        <v>1</v>
      </c>
      <c r="C131600" s="14" t="s">
        <v>596</v>
      </c>
      <c r="D131600" s="14" t="s">
        <v>193</v>
      </c>
      <c r="E131600" s="15">
        <v>45576</v>
      </c>
      <c r="F131600" s="14" t="s">
        <v>15</v>
      </c>
      <c r="G131600" s="16">
        <v>0</v>
      </c>
    </row>
    <row r="131601" spans="1:7" x14ac:dyDescent="0.3">
      <c r="A131601" s="13" t="s">
        <v>598</v>
      </c>
      <c r="B131601" s="14" t="s">
        <v>1</v>
      </c>
      <c r="C131601" s="14" t="s">
        <v>596</v>
      </c>
      <c r="D131601" s="14" t="s">
        <v>193</v>
      </c>
      <c r="E131601" s="15">
        <v>45577</v>
      </c>
      <c r="F131601" s="14" t="s">
        <v>15</v>
      </c>
      <c r="G131601" s="16">
        <v>0</v>
      </c>
    </row>
    <row r="131602" spans="1:7" x14ac:dyDescent="0.3">
      <c r="A131602" s="13" t="s">
        <v>598</v>
      </c>
      <c r="B131602" s="14" t="s">
        <v>1</v>
      </c>
      <c r="C131602" s="14" t="s">
        <v>596</v>
      </c>
      <c r="D131602" s="14" t="s">
        <v>193</v>
      </c>
      <c r="E131602" s="15">
        <v>45578</v>
      </c>
      <c r="F131602" s="14" t="s">
        <v>15</v>
      </c>
      <c r="G131602" s="16">
        <v>0</v>
      </c>
    </row>
    <row r="131603" spans="1:7" x14ac:dyDescent="0.3">
      <c r="A131603" s="13" t="s">
        <v>598</v>
      </c>
      <c r="B131603" s="14" t="s">
        <v>1</v>
      </c>
      <c r="C131603" s="14" t="s">
        <v>596</v>
      </c>
      <c r="D131603" s="14" t="s">
        <v>193</v>
      </c>
      <c r="E131603" s="15">
        <v>45579</v>
      </c>
      <c r="F131603" s="14" t="s">
        <v>15</v>
      </c>
      <c r="G131603" s="16">
        <v>0</v>
      </c>
    </row>
    <row r="131604" spans="1:7" x14ac:dyDescent="0.3">
      <c r="A131604" s="13" t="s">
        <v>598</v>
      </c>
      <c r="B131604" s="14" t="s">
        <v>1</v>
      </c>
      <c r="C131604" s="14" t="s">
        <v>596</v>
      </c>
      <c r="D131604" s="14" t="s">
        <v>193</v>
      </c>
      <c r="E131604" s="15">
        <v>45580</v>
      </c>
      <c r="F131604" s="14" t="s">
        <v>15</v>
      </c>
      <c r="G131604" s="16">
        <v>0</v>
      </c>
    </row>
    <row r="131605" spans="1:7" x14ac:dyDescent="0.3">
      <c r="A131605" s="13" t="s">
        <v>598</v>
      </c>
      <c r="B131605" s="14" t="s">
        <v>1</v>
      </c>
      <c r="C131605" s="14" t="s">
        <v>596</v>
      </c>
      <c r="D131605" s="14" t="s">
        <v>193</v>
      </c>
      <c r="E131605" s="15">
        <v>45581</v>
      </c>
      <c r="F131605" s="14" t="s">
        <v>15</v>
      </c>
      <c r="G131605" s="16">
        <v>0</v>
      </c>
    </row>
    <row r="131606" spans="1:7" x14ac:dyDescent="0.3">
      <c r="A131606" s="13" t="s">
        <v>598</v>
      </c>
      <c r="B131606" s="14" t="s">
        <v>1</v>
      </c>
      <c r="C131606" s="14" t="s">
        <v>596</v>
      </c>
      <c r="D131606" s="14" t="s">
        <v>193</v>
      </c>
      <c r="E131606" s="15">
        <v>45582</v>
      </c>
      <c r="F131606" s="14" t="s">
        <v>15</v>
      </c>
      <c r="G131606" s="16">
        <v>0</v>
      </c>
    </row>
    <row r="131607" spans="1:7" x14ac:dyDescent="0.3">
      <c r="A131607" s="13" t="s">
        <v>598</v>
      </c>
      <c r="B131607" s="14" t="s">
        <v>1</v>
      </c>
      <c r="C131607" s="14" t="s">
        <v>596</v>
      </c>
      <c r="D131607" s="14" t="s">
        <v>193</v>
      </c>
      <c r="E131607" s="15">
        <v>45583</v>
      </c>
      <c r="F131607" s="14" t="s">
        <v>15</v>
      </c>
      <c r="G131607" s="16">
        <v>0</v>
      </c>
    </row>
    <row r="131608" spans="1:7" x14ac:dyDescent="0.3">
      <c r="A131608" s="13" t="s">
        <v>598</v>
      </c>
      <c r="B131608" s="14" t="s">
        <v>1</v>
      </c>
      <c r="C131608" s="14" t="s">
        <v>596</v>
      </c>
      <c r="D131608" s="14" t="s">
        <v>193</v>
      </c>
      <c r="E131608" s="15">
        <v>45584</v>
      </c>
      <c r="F131608" s="14" t="s">
        <v>15</v>
      </c>
      <c r="G131608" s="16">
        <v>0</v>
      </c>
    </row>
    <row r="131609" spans="1:7" x14ac:dyDescent="0.3">
      <c r="A131609" s="13" t="s">
        <v>598</v>
      </c>
      <c r="B131609" s="14" t="s">
        <v>1</v>
      </c>
      <c r="C131609" s="14" t="s">
        <v>596</v>
      </c>
      <c r="D131609" s="14" t="s">
        <v>193</v>
      </c>
      <c r="E131609" s="15">
        <v>45585</v>
      </c>
      <c r="F131609" s="14" t="s">
        <v>15</v>
      </c>
      <c r="G131609" s="16">
        <v>0</v>
      </c>
    </row>
    <row r="131610" spans="1:7" x14ac:dyDescent="0.3">
      <c r="A131610" s="13" t="s">
        <v>598</v>
      </c>
      <c r="B131610" s="14" t="s">
        <v>1</v>
      </c>
      <c r="C131610" s="14" t="s">
        <v>596</v>
      </c>
      <c r="D131610" s="14" t="s">
        <v>193</v>
      </c>
      <c r="E131610" s="15">
        <v>45586</v>
      </c>
      <c r="F131610" s="14" t="s">
        <v>15</v>
      </c>
      <c r="G131610" s="16">
        <v>0</v>
      </c>
    </row>
    <row r="131611" spans="1:7" x14ac:dyDescent="0.3">
      <c r="A131611" s="13" t="s">
        <v>598</v>
      </c>
      <c r="B131611" s="14" t="s">
        <v>1</v>
      </c>
      <c r="C131611" s="14" t="s">
        <v>596</v>
      </c>
      <c r="D131611" s="14" t="s">
        <v>193</v>
      </c>
      <c r="E131611" s="15">
        <v>45587</v>
      </c>
      <c r="F131611" s="14" t="s">
        <v>15</v>
      </c>
      <c r="G131611" s="16">
        <v>0</v>
      </c>
    </row>
    <row r="131612" spans="1:7" x14ac:dyDescent="0.3">
      <c r="A131612" s="13" t="s">
        <v>598</v>
      </c>
      <c r="B131612" s="14" t="s">
        <v>1</v>
      </c>
      <c r="C131612" s="14" t="s">
        <v>596</v>
      </c>
      <c r="D131612" s="14" t="s">
        <v>193</v>
      </c>
      <c r="E131612" s="15">
        <v>45588</v>
      </c>
      <c r="F131612" s="14" t="s">
        <v>15</v>
      </c>
      <c r="G131612" s="16">
        <v>0</v>
      </c>
    </row>
    <row r="131613" spans="1:7" x14ac:dyDescent="0.3">
      <c r="A131613" s="13" t="s">
        <v>598</v>
      </c>
      <c r="B131613" s="14" t="s">
        <v>1</v>
      </c>
      <c r="C131613" s="14" t="s">
        <v>596</v>
      </c>
      <c r="D131613" s="14" t="s">
        <v>193</v>
      </c>
      <c r="E131613" s="15">
        <v>45589</v>
      </c>
      <c r="F131613" s="14" t="s">
        <v>15</v>
      </c>
      <c r="G131613" s="16">
        <v>0</v>
      </c>
    </row>
    <row r="131614" spans="1:7" x14ac:dyDescent="0.3">
      <c r="A131614" s="13" t="s">
        <v>598</v>
      </c>
      <c r="B131614" s="14" t="s">
        <v>1</v>
      </c>
      <c r="C131614" s="14" t="s">
        <v>596</v>
      </c>
      <c r="D131614" s="14" t="s">
        <v>193</v>
      </c>
      <c r="E131614" s="15">
        <v>45590</v>
      </c>
      <c r="F131614" s="14" t="s">
        <v>15</v>
      </c>
      <c r="G131614" s="16">
        <v>0</v>
      </c>
    </row>
    <row r="131615" spans="1:7" x14ac:dyDescent="0.3">
      <c r="A131615" s="13" t="s">
        <v>598</v>
      </c>
      <c r="B131615" s="14" t="s">
        <v>1</v>
      </c>
      <c r="C131615" s="14" t="s">
        <v>596</v>
      </c>
      <c r="D131615" s="14" t="s">
        <v>193</v>
      </c>
      <c r="E131615" s="15">
        <v>45591</v>
      </c>
      <c r="F131615" s="14" t="s">
        <v>15</v>
      </c>
      <c r="G131615" s="16">
        <v>0</v>
      </c>
    </row>
    <row r="131616" spans="1:7" x14ac:dyDescent="0.3">
      <c r="A131616" s="13" t="s">
        <v>598</v>
      </c>
      <c r="B131616" s="14" t="s">
        <v>1</v>
      </c>
      <c r="C131616" s="14" t="s">
        <v>596</v>
      </c>
      <c r="D131616" s="14" t="s">
        <v>193</v>
      </c>
      <c r="E131616" s="15">
        <v>45592</v>
      </c>
      <c r="F131616" s="14" t="s">
        <v>15</v>
      </c>
      <c r="G131616" s="16">
        <v>0</v>
      </c>
    </row>
    <row r="131617" spans="1:7" x14ac:dyDescent="0.3">
      <c r="A131617" s="13" t="s">
        <v>598</v>
      </c>
      <c r="B131617" s="14" t="s">
        <v>1</v>
      </c>
      <c r="C131617" s="14" t="s">
        <v>596</v>
      </c>
      <c r="D131617" s="14" t="s">
        <v>193</v>
      </c>
      <c r="E131617" s="15">
        <v>45593</v>
      </c>
      <c r="F131617" s="14" t="s">
        <v>15</v>
      </c>
      <c r="G131617" s="16">
        <v>0</v>
      </c>
    </row>
    <row r="131618" spans="1:7" x14ac:dyDescent="0.3">
      <c r="A131618" s="13" t="s">
        <v>598</v>
      </c>
      <c r="B131618" s="14" t="s">
        <v>1</v>
      </c>
      <c r="C131618" s="14" t="s">
        <v>596</v>
      </c>
      <c r="D131618" s="14" t="s">
        <v>193</v>
      </c>
      <c r="E131618" s="15">
        <v>45594</v>
      </c>
      <c r="F131618" s="14" t="s">
        <v>15</v>
      </c>
      <c r="G131618" s="16">
        <v>0</v>
      </c>
    </row>
    <row r="131619" spans="1:7" x14ac:dyDescent="0.3">
      <c r="A131619" s="13" t="s">
        <v>598</v>
      </c>
      <c r="B131619" s="14" t="s">
        <v>1</v>
      </c>
      <c r="C131619" s="14" t="s">
        <v>596</v>
      </c>
      <c r="D131619" s="14" t="s">
        <v>193</v>
      </c>
      <c r="E131619" s="15">
        <v>45595</v>
      </c>
      <c r="F131619" s="14" t="s">
        <v>15</v>
      </c>
      <c r="G131619" s="16">
        <v>0</v>
      </c>
    </row>
    <row r="131620" spans="1:7" x14ac:dyDescent="0.3">
      <c r="A131620" s="13" t="s">
        <v>598</v>
      </c>
      <c r="B131620" s="14" t="s">
        <v>1</v>
      </c>
      <c r="C131620" s="14" t="s">
        <v>596</v>
      </c>
      <c r="D131620" s="14" t="s">
        <v>193</v>
      </c>
      <c r="E131620" s="15">
        <v>45596</v>
      </c>
      <c r="F131620" s="14" t="s">
        <v>15</v>
      </c>
      <c r="G131620" s="16">
        <v>0</v>
      </c>
    </row>
    <row r="131621" spans="1:7" x14ac:dyDescent="0.3">
      <c r="A131621" s="13" t="s">
        <v>598</v>
      </c>
      <c r="B131621" s="14" t="s">
        <v>1</v>
      </c>
      <c r="C131621" s="14" t="s">
        <v>596</v>
      </c>
      <c r="D131621" s="14" t="s">
        <v>193</v>
      </c>
      <c r="E131621" s="15">
        <v>45597</v>
      </c>
      <c r="F131621" s="14" t="s">
        <v>15</v>
      </c>
      <c r="G131621" s="16">
        <v>0</v>
      </c>
    </row>
    <row r="131622" spans="1:7" x14ac:dyDescent="0.3">
      <c r="A131622" s="13" t="s">
        <v>598</v>
      </c>
      <c r="B131622" s="14" t="s">
        <v>1</v>
      </c>
      <c r="C131622" s="14" t="s">
        <v>596</v>
      </c>
      <c r="D131622" s="14" t="s">
        <v>193</v>
      </c>
      <c r="E131622" s="15">
        <v>45598</v>
      </c>
      <c r="F131622" s="14" t="s">
        <v>15</v>
      </c>
      <c r="G131622" s="16">
        <v>0</v>
      </c>
    </row>
    <row r="131623" spans="1:7" x14ac:dyDescent="0.3">
      <c r="A131623" s="13" t="s">
        <v>598</v>
      </c>
      <c r="B131623" s="14" t="s">
        <v>1</v>
      </c>
      <c r="C131623" s="14" t="s">
        <v>596</v>
      </c>
      <c r="D131623" s="14" t="s">
        <v>193</v>
      </c>
      <c r="E131623" s="15">
        <v>45599</v>
      </c>
      <c r="F131623" s="14" t="s">
        <v>15</v>
      </c>
      <c r="G131623" s="16">
        <v>0</v>
      </c>
    </row>
    <row r="131624" spans="1:7" x14ac:dyDescent="0.3">
      <c r="A131624" s="13" t="s">
        <v>598</v>
      </c>
      <c r="B131624" s="14" t="s">
        <v>1</v>
      </c>
      <c r="C131624" s="14" t="s">
        <v>596</v>
      </c>
      <c r="D131624" s="14" t="s">
        <v>193</v>
      </c>
      <c r="E131624" s="15">
        <v>45600</v>
      </c>
      <c r="F131624" s="14" t="s">
        <v>15</v>
      </c>
      <c r="G131624" s="16">
        <v>0</v>
      </c>
    </row>
    <row r="131625" spans="1:7" x14ac:dyDescent="0.3">
      <c r="A131625" s="13" t="s">
        <v>598</v>
      </c>
      <c r="B131625" s="14" t="s">
        <v>1</v>
      </c>
      <c r="C131625" s="14" t="s">
        <v>596</v>
      </c>
      <c r="D131625" s="14" t="s">
        <v>193</v>
      </c>
      <c r="E131625" s="15">
        <v>45601</v>
      </c>
      <c r="F131625" s="14" t="s">
        <v>15</v>
      </c>
      <c r="G131625" s="16">
        <v>0</v>
      </c>
    </row>
    <row r="131626" spans="1:7" x14ac:dyDescent="0.3">
      <c r="A131626" s="13" t="s">
        <v>598</v>
      </c>
      <c r="B131626" s="14" t="s">
        <v>1</v>
      </c>
      <c r="C131626" s="14" t="s">
        <v>596</v>
      </c>
      <c r="D131626" s="14" t="s">
        <v>193</v>
      </c>
      <c r="E131626" s="15">
        <v>45602</v>
      </c>
      <c r="F131626" s="14" t="s">
        <v>15</v>
      </c>
      <c r="G131626" s="16">
        <v>0</v>
      </c>
    </row>
    <row r="131627" spans="1:7" x14ac:dyDescent="0.3">
      <c r="A131627" s="13" t="s">
        <v>598</v>
      </c>
      <c r="B131627" s="14" t="s">
        <v>1</v>
      </c>
      <c r="C131627" s="14" t="s">
        <v>596</v>
      </c>
      <c r="D131627" s="14" t="s">
        <v>193</v>
      </c>
      <c r="E131627" s="15">
        <v>45603</v>
      </c>
      <c r="F131627" s="14" t="s">
        <v>15</v>
      </c>
      <c r="G131627" s="16">
        <v>0</v>
      </c>
    </row>
    <row r="131628" spans="1:7" x14ac:dyDescent="0.3">
      <c r="A131628" s="13" t="s">
        <v>598</v>
      </c>
      <c r="B131628" s="14" t="s">
        <v>1</v>
      </c>
      <c r="C131628" s="14" t="s">
        <v>596</v>
      </c>
      <c r="D131628" s="14" t="s">
        <v>193</v>
      </c>
      <c r="E131628" s="15">
        <v>45604</v>
      </c>
      <c r="F131628" s="14" t="s">
        <v>15</v>
      </c>
      <c r="G131628" s="16">
        <v>0</v>
      </c>
    </row>
    <row r="131629" spans="1:7" x14ac:dyDescent="0.3">
      <c r="A131629" s="13" t="s">
        <v>598</v>
      </c>
      <c r="B131629" s="14" t="s">
        <v>1</v>
      </c>
      <c r="C131629" s="14" t="s">
        <v>596</v>
      </c>
      <c r="D131629" s="14" t="s">
        <v>193</v>
      </c>
      <c r="E131629" s="15">
        <v>45605</v>
      </c>
      <c r="F131629" s="14" t="s">
        <v>15</v>
      </c>
      <c r="G131629" s="16">
        <v>0</v>
      </c>
    </row>
    <row r="131630" spans="1:7" x14ac:dyDescent="0.3">
      <c r="A131630" s="13" t="s">
        <v>598</v>
      </c>
      <c r="B131630" s="14" t="s">
        <v>1</v>
      </c>
      <c r="C131630" s="14" t="s">
        <v>596</v>
      </c>
      <c r="D131630" s="14" t="s">
        <v>193</v>
      </c>
      <c r="E131630" s="15">
        <v>45606</v>
      </c>
      <c r="F131630" s="14" t="s">
        <v>15</v>
      </c>
      <c r="G131630" s="16">
        <v>0</v>
      </c>
    </row>
    <row r="131631" spans="1:7" x14ac:dyDescent="0.3">
      <c r="A131631" s="13" t="s">
        <v>598</v>
      </c>
      <c r="B131631" s="14" t="s">
        <v>1</v>
      </c>
      <c r="C131631" s="14" t="s">
        <v>596</v>
      </c>
      <c r="D131631" s="14" t="s">
        <v>193</v>
      </c>
      <c r="E131631" s="15">
        <v>45607</v>
      </c>
      <c r="F131631" s="14" t="s">
        <v>15</v>
      </c>
      <c r="G131631" s="16">
        <v>0</v>
      </c>
    </row>
    <row r="131632" spans="1:7" x14ac:dyDescent="0.3">
      <c r="A131632" s="13" t="s">
        <v>598</v>
      </c>
      <c r="B131632" s="14" t="s">
        <v>1</v>
      </c>
      <c r="C131632" s="14" t="s">
        <v>596</v>
      </c>
      <c r="D131632" s="14" t="s">
        <v>193</v>
      </c>
      <c r="E131632" s="15">
        <v>45608</v>
      </c>
      <c r="F131632" s="14" t="s">
        <v>15</v>
      </c>
      <c r="G131632" s="16">
        <v>0</v>
      </c>
    </row>
    <row r="131633" spans="1:7" x14ac:dyDescent="0.3">
      <c r="A131633" s="13" t="s">
        <v>598</v>
      </c>
      <c r="B131633" s="14" t="s">
        <v>1</v>
      </c>
      <c r="C131633" s="14" t="s">
        <v>596</v>
      </c>
      <c r="D131633" s="14" t="s">
        <v>193</v>
      </c>
      <c r="E131633" s="15">
        <v>45609</v>
      </c>
      <c r="F131633" s="14" t="s">
        <v>15</v>
      </c>
      <c r="G131633" s="16">
        <v>0</v>
      </c>
    </row>
    <row r="131634" spans="1:7" x14ac:dyDescent="0.3">
      <c r="A131634" s="13" t="s">
        <v>598</v>
      </c>
      <c r="B131634" s="14" t="s">
        <v>1</v>
      </c>
      <c r="C131634" s="14" t="s">
        <v>596</v>
      </c>
      <c r="D131634" s="14" t="s">
        <v>193</v>
      </c>
      <c r="E131634" s="15">
        <v>45610</v>
      </c>
      <c r="F131634" s="14" t="s">
        <v>15</v>
      </c>
      <c r="G131634" s="16">
        <v>0</v>
      </c>
    </row>
    <row r="131635" spans="1:7" x14ac:dyDescent="0.3">
      <c r="A131635" s="13" t="s">
        <v>598</v>
      </c>
      <c r="B131635" s="14" t="s">
        <v>1</v>
      </c>
      <c r="C131635" s="14" t="s">
        <v>596</v>
      </c>
      <c r="D131635" s="14" t="s">
        <v>193</v>
      </c>
      <c r="E131635" s="15">
        <v>45611</v>
      </c>
      <c r="F131635" s="14" t="s">
        <v>15</v>
      </c>
      <c r="G131635" s="16">
        <v>0</v>
      </c>
    </row>
    <row r="131636" spans="1:7" x14ac:dyDescent="0.3">
      <c r="A131636" s="13" t="s">
        <v>598</v>
      </c>
      <c r="B131636" s="14" t="s">
        <v>1</v>
      </c>
      <c r="C131636" s="14" t="s">
        <v>596</v>
      </c>
      <c r="D131636" s="14" t="s">
        <v>193</v>
      </c>
      <c r="E131636" s="15">
        <v>45612</v>
      </c>
      <c r="F131636" s="14" t="s">
        <v>15</v>
      </c>
      <c r="G131636" s="16">
        <v>0</v>
      </c>
    </row>
    <row r="131637" spans="1:7" x14ac:dyDescent="0.3">
      <c r="A131637" s="13" t="s">
        <v>598</v>
      </c>
      <c r="B131637" s="14" t="s">
        <v>1</v>
      </c>
      <c r="C131637" s="14" t="s">
        <v>596</v>
      </c>
      <c r="D131637" s="14" t="s">
        <v>193</v>
      </c>
      <c r="E131637" s="15">
        <v>45613</v>
      </c>
      <c r="F131637" s="14" t="s">
        <v>15</v>
      </c>
      <c r="G131637" s="16">
        <v>0</v>
      </c>
    </row>
    <row r="131638" spans="1:7" x14ac:dyDescent="0.3">
      <c r="A131638" s="13" t="s">
        <v>598</v>
      </c>
      <c r="B131638" s="14" t="s">
        <v>1</v>
      </c>
      <c r="C131638" s="14" t="s">
        <v>596</v>
      </c>
      <c r="D131638" s="14" t="s">
        <v>193</v>
      </c>
      <c r="E131638" s="15">
        <v>45614</v>
      </c>
      <c r="F131638" s="14" t="s">
        <v>15</v>
      </c>
      <c r="G131638" s="16">
        <v>0</v>
      </c>
    </row>
    <row r="131639" spans="1:7" x14ac:dyDescent="0.3">
      <c r="A131639" s="13" t="s">
        <v>598</v>
      </c>
      <c r="B131639" s="14" t="s">
        <v>1</v>
      </c>
      <c r="C131639" s="14" t="s">
        <v>596</v>
      </c>
      <c r="D131639" s="14" t="s">
        <v>193</v>
      </c>
      <c r="E131639" s="15">
        <v>45615</v>
      </c>
      <c r="F131639" s="14" t="s">
        <v>15</v>
      </c>
      <c r="G131639" s="16">
        <v>0</v>
      </c>
    </row>
    <row r="131640" spans="1:7" x14ac:dyDescent="0.3">
      <c r="A131640" s="13" t="s">
        <v>598</v>
      </c>
      <c r="B131640" s="14" t="s">
        <v>1</v>
      </c>
      <c r="C131640" s="14" t="s">
        <v>596</v>
      </c>
      <c r="D131640" s="14" t="s">
        <v>193</v>
      </c>
      <c r="E131640" s="15">
        <v>45616</v>
      </c>
      <c r="F131640" s="14" t="s">
        <v>15</v>
      </c>
      <c r="G131640" s="16">
        <v>0</v>
      </c>
    </row>
    <row r="131641" spans="1:7" x14ac:dyDescent="0.3">
      <c r="A131641" s="13" t="s">
        <v>598</v>
      </c>
      <c r="B131641" s="14" t="s">
        <v>1</v>
      </c>
      <c r="C131641" s="14" t="s">
        <v>596</v>
      </c>
      <c r="D131641" s="14" t="s">
        <v>193</v>
      </c>
      <c r="E131641" s="15">
        <v>45617</v>
      </c>
      <c r="F131641" s="14" t="s">
        <v>15</v>
      </c>
      <c r="G131641" s="16">
        <v>0</v>
      </c>
    </row>
    <row r="131642" spans="1:7" x14ac:dyDescent="0.3">
      <c r="A131642" s="13" t="s">
        <v>598</v>
      </c>
      <c r="B131642" s="14" t="s">
        <v>1</v>
      </c>
      <c r="C131642" s="14" t="s">
        <v>596</v>
      </c>
      <c r="D131642" s="14" t="s">
        <v>193</v>
      </c>
      <c r="E131642" s="15">
        <v>45618</v>
      </c>
      <c r="F131642" s="14" t="s">
        <v>15</v>
      </c>
      <c r="G131642" s="16">
        <v>0</v>
      </c>
    </row>
    <row r="131643" spans="1:7" x14ac:dyDescent="0.3">
      <c r="A131643" s="13" t="s">
        <v>598</v>
      </c>
      <c r="B131643" s="14" t="s">
        <v>1</v>
      </c>
      <c r="C131643" s="14" t="s">
        <v>596</v>
      </c>
      <c r="D131643" s="14" t="s">
        <v>193</v>
      </c>
      <c r="E131643" s="15">
        <v>45619</v>
      </c>
      <c r="F131643" s="14" t="s">
        <v>15</v>
      </c>
      <c r="G131643" s="16">
        <v>0</v>
      </c>
    </row>
    <row r="131644" spans="1:7" x14ac:dyDescent="0.3">
      <c r="A131644" s="13" t="s">
        <v>598</v>
      </c>
      <c r="B131644" s="14" t="s">
        <v>1</v>
      </c>
      <c r="C131644" s="14" t="s">
        <v>596</v>
      </c>
      <c r="D131644" s="14" t="s">
        <v>193</v>
      </c>
      <c r="E131644" s="15">
        <v>45620</v>
      </c>
      <c r="F131644" s="14" t="s">
        <v>15</v>
      </c>
      <c r="G131644" s="16">
        <v>0</v>
      </c>
    </row>
    <row r="131645" spans="1:7" x14ac:dyDescent="0.3">
      <c r="A131645" s="13" t="s">
        <v>598</v>
      </c>
      <c r="B131645" s="14" t="s">
        <v>1</v>
      </c>
      <c r="C131645" s="14" t="s">
        <v>596</v>
      </c>
      <c r="D131645" s="14" t="s">
        <v>193</v>
      </c>
      <c r="E131645" s="15">
        <v>45621</v>
      </c>
      <c r="F131645" s="14" t="s">
        <v>15</v>
      </c>
      <c r="G131645" s="16">
        <v>0</v>
      </c>
    </row>
    <row r="131646" spans="1:7" x14ac:dyDescent="0.3">
      <c r="A131646" s="13" t="s">
        <v>598</v>
      </c>
      <c r="B131646" s="14" t="s">
        <v>1</v>
      </c>
      <c r="C131646" s="14" t="s">
        <v>596</v>
      </c>
      <c r="D131646" s="14" t="s">
        <v>193</v>
      </c>
      <c r="E131646" s="15">
        <v>45622</v>
      </c>
      <c r="F131646" s="14" t="s">
        <v>15</v>
      </c>
      <c r="G131646" s="16">
        <v>0</v>
      </c>
    </row>
    <row r="131647" spans="1:7" x14ac:dyDescent="0.3">
      <c r="A131647" s="13" t="s">
        <v>598</v>
      </c>
      <c r="B131647" s="14" t="s">
        <v>1</v>
      </c>
      <c r="C131647" s="14" t="s">
        <v>596</v>
      </c>
      <c r="D131647" s="14" t="s">
        <v>193</v>
      </c>
      <c r="E131647" s="15">
        <v>45623</v>
      </c>
      <c r="F131647" s="14" t="s">
        <v>15</v>
      </c>
      <c r="G131647" s="16">
        <v>0</v>
      </c>
    </row>
    <row r="131648" spans="1:7" x14ac:dyDescent="0.3">
      <c r="A131648" s="13" t="s">
        <v>598</v>
      </c>
      <c r="B131648" s="14" t="s">
        <v>1</v>
      </c>
      <c r="C131648" s="14" t="s">
        <v>596</v>
      </c>
      <c r="D131648" s="14" t="s">
        <v>193</v>
      </c>
      <c r="E131648" s="15">
        <v>45624</v>
      </c>
      <c r="F131648" s="14" t="s">
        <v>15</v>
      </c>
      <c r="G131648" s="16">
        <v>0</v>
      </c>
    </row>
    <row r="131649" spans="1:7" x14ac:dyDescent="0.3">
      <c r="A131649" s="13" t="s">
        <v>598</v>
      </c>
      <c r="B131649" s="14" t="s">
        <v>1</v>
      </c>
      <c r="C131649" s="14" t="s">
        <v>596</v>
      </c>
      <c r="D131649" s="14" t="s">
        <v>193</v>
      </c>
      <c r="E131649" s="15">
        <v>45625</v>
      </c>
      <c r="F131649" s="14" t="s">
        <v>15</v>
      </c>
      <c r="G131649" s="16">
        <v>0</v>
      </c>
    </row>
    <row r="131650" spans="1:7" x14ac:dyDescent="0.3">
      <c r="A131650" s="13" t="s">
        <v>598</v>
      </c>
      <c r="B131650" s="14" t="s">
        <v>1</v>
      </c>
      <c r="C131650" s="14" t="s">
        <v>596</v>
      </c>
      <c r="D131650" s="14" t="s">
        <v>193</v>
      </c>
      <c r="E131650" s="15">
        <v>45626</v>
      </c>
      <c r="F131650" s="14" t="s">
        <v>15</v>
      </c>
      <c r="G131650" s="16">
        <v>0</v>
      </c>
    </row>
    <row r="131651" spans="1:7" x14ac:dyDescent="0.3">
      <c r="A131651" s="13" t="s">
        <v>598</v>
      </c>
      <c r="B131651" s="14" t="s">
        <v>1</v>
      </c>
      <c r="C131651" s="14" t="s">
        <v>596</v>
      </c>
      <c r="D131651" s="14" t="s">
        <v>193</v>
      </c>
      <c r="E131651" s="15">
        <v>45627</v>
      </c>
      <c r="F131651" s="14" t="s">
        <v>15</v>
      </c>
      <c r="G131651" s="16">
        <v>0</v>
      </c>
    </row>
    <row r="131652" spans="1:7" x14ac:dyDescent="0.3">
      <c r="A131652" s="13" t="s">
        <v>598</v>
      </c>
      <c r="B131652" s="14" t="s">
        <v>1</v>
      </c>
      <c r="C131652" s="14" t="s">
        <v>596</v>
      </c>
      <c r="D131652" s="14" t="s">
        <v>193</v>
      </c>
      <c r="E131652" s="15">
        <v>45628</v>
      </c>
      <c r="F131652" s="14" t="s">
        <v>15</v>
      </c>
      <c r="G131652" s="16">
        <v>0</v>
      </c>
    </row>
    <row r="131653" spans="1:7" x14ac:dyDescent="0.3">
      <c r="A131653" s="13" t="s">
        <v>598</v>
      </c>
      <c r="B131653" s="14" t="s">
        <v>1</v>
      </c>
      <c r="C131653" s="14" t="s">
        <v>596</v>
      </c>
      <c r="D131653" s="14" t="s">
        <v>193</v>
      </c>
      <c r="E131653" s="15">
        <v>45629</v>
      </c>
      <c r="F131653" s="14" t="s">
        <v>15</v>
      </c>
      <c r="G131653" s="16">
        <v>0</v>
      </c>
    </row>
    <row r="131654" spans="1:7" x14ac:dyDescent="0.3">
      <c r="A131654" s="13" t="s">
        <v>598</v>
      </c>
      <c r="B131654" s="14" t="s">
        <v>1</v>
      </c>
      <c r="C131654" s="14" t="s">
        <v>596</v>
      </c>
      <c r="D131654" s="14" t="s">
        <v>193</v>
      </c>
      <c r="E131654" s="15">
        <v>45630</v>
      </c>
      <c r="F131654" s="14" t="s">
        <v>15</v>
      </c>
      <c r="G131654" s="16">
        <v>0</v>
      </c>
    </row>
    <row r="131655" spans="1:7" x14ac:dyDescent="0.3">
      <c r="A131655" s="13" t="s">
        <v>598</v>
      </c>
      <c r="B131655" s="14" t="s">
        <v>1</v>
      </c>
      <c r="C131655" s="14" t="s">
        <v>596</v>
      </c>
      <c r="D131655" s="14" t="s">
        <v>193</v>
      </c>
      <c r="E131655" s="15">
        <v>45631</v>
      </c>
      <c r="F131655" s="14" t="s">
        <v>15</v>
      </c>
      <c r="G131655" s="16">
        <v>0</v>
      </c>
    </row>
    <row r="131656" spans="1:7" x14ac:dyDescent="0.3">
      <c r="A131656" s="13" t="s">
        <v>598</v>
      </c>
      <c r="B131656" s="14" t="s">
        <v>1</v>
      </c>
      <c r="C131656" s="14" t="s">
        <v>596</v>
      </c>
      <c r="D131656" s="14" t="s">
        <v>193</v>
      </c>
      <c r="E131656" s="15">
        <v>45632</v>
      </c>
      <c r="F131656" s="14" t="s">
        <v>15</v>
      </c>
      <c r="G131656" s="16">
        <v>0</v>
      </c>
    </row>
    <row r="131657" spans="1:7" x14ac:dyDescent="0.3">
      <c r="A131657" s="13" t="s">
        <v>598</v>
      </c>
      <c r="B131657" s="14" t="s">
        <v>1</v>
      </c>
      <c r="C131657" s="14" t="s">
        <v>596</v>
      </c>
      <c r="D131657" s="14" t="s">
        <v>193</v>
      </c>
      <c r="E131657" s="15">
        <v>45633</v>
      </c>
      <c r="F131657" s="14" t="s">
        <v>15</v>
      </c>
      <c r="G131657" s="16">
        <v>0</v>
      </c>
    </row>
    <row r="131658" spans="1:7" x14ac:dyDescent="0.3">
      <c r="A131658" s="13" t="s">
        <v>598</v>
      </c>
      <c r="B131658" s="14" t="s">
        <v>1</v>
      </c>
      <c r="C131658" s="14" t="s">
        <v>596</v>
      </c>
      <c r="D131658" s="14" t="s">
        <v>193</v>
      </c>
      <c r="E131658" s="15">
        <v>45634</v>
      </c>
      <c r="F131658" s="14" t="s">
        <v>15</v>
      </c>
      <c r="G131658" s="16">
        <v>0</v>
      </c>
    </row>
    <row r="131659" spans="1:7" x14ac:dyDescent="0.3">
      <c r="A131659" s="13" t="s">
        <v>598</v>
      </c>
      <c r="B131659" s="14" t="s">
        <v>1</v>
      </c>
      <c r="C131659" s="14" t="s">
        <v>596</v>
      </c>
      <c r="D131659" s="14" t="s">
        <v>193</v>
      </c>
      <c r="E131659" s="15">
        <v>45635</v>
      </c>
      <c r="F131659" s="14" t="s">
        <v>15</v>
      </c>
      <c r="G131659" s="16">
        <v>0</v>
      </c>
    </row>
    <row r="131660" spans="1:7" x14ac:dyDescent="0.3">
      <c r="A131660" s="13" t="s">
        <v>598</v>
      </c>
      <c r="B131660" s="14" t="s">
        <v>1</v>
      </c>
      <c r="C131660" s="14" t="s">
        <v>596</v>
      </c>
      <c r="D131660" s="14" t="s">
        <v>193</v>
      </c>
      <c r="E131660" s="15">
        <v>45636</v>
      </c>
      <c r="F131660" s="14" t="s">
        <v>15</v>
      </c>
      <c r="G131660" s="16">
        <v>0</v>
      </c>
    </row>
    <row r="131661" spans="1:7" x14ac:dyDescent="0.3">
      <c r="A131661" s="13" t="s">
        <v>598</v>
      </c>
      <c r="B131661" s="14" t="s">
        <v>1</v>
      </c>
      <c r="C131661" s="14" t="s">
        <v>596</v>
      </c>
      <c r="D131661" s="14" t="s">
        <v>193</v>
      </c>
      <c r="E131661" s="15">
        <v>45637</v>
      </c>
      <c r="F131661" s="14" t="s">
        <v>15</v>
      </c>
      <c r="G131661" s="16">
        <v>0</v>
      </c>
    </row>
    <row r="131662" spans="1:7" x14ac:dyDescent="0.3">
      <c r="A131662" s="13" t="s">
        <v>598</v>
      </c>
      <c r="B131662" s="14" t="s">
        <v>1</v>
      </c>
      <c r="C131662" s="14" t="s">
        <v>596</v>
      </c>
      <c r="D131662" s="14" t="s">
        <v>193</v>
      </c>
      <c r="E131662" s="15">
        <v>45638</v>
      </c>
      <c r="F131662" s="14" t="s">
        <v>15</v>
      </c>
      <c r="G131662" s="16">
        <v>0</v>
      </c>
    </row>
    <row r="131663" spans="1:7" x14ac:dyDescent="0.3">
      <c r="A131663" s="13" t="s">
        <v>598</v>
      </c>
      <c r="B131663" s="14" t="s">
        <v>1</v>
      </c>
      <c r="C131663" s="14" t="s">
        <v>596</v>
      </c>
      <c r="D131663" s="14" t="s">
        <v>193</v>
      </c>
      <c r="E131663" s="15">
        <v>45639</v>
      </c>
      <c r="F131663" s="14" t="s">
        <v>15</v>
      </c>
      <c r="G131663" s="16">
        <v>0</v>
      </c>
    </row>
    <row r="131664" spans="1:7" x14ac:dyDescent="0.3">
      <c r="A131664" s="13" t="s">
        <v>598</v>
      </c>
      <c r="B131664" s="14" t="s">
        <v>1</v>
      </c>
      <c r="C131664" s="14" t="s">
        <v>596</v>
      </c>
      <c r="D131664" s="14" t="s">
        <v>193</v>
      </c>
      <c r="E131664" s="15">
        <v>45640</v>
      </c>
      <c r="F131664" s="14" t="s">
        <v>15</v>
      </c>
      <c r="G131664" s="16">
        <v>0</v>
      </c>
    </row>
    <row r="131665" spans="1:7" x14ac:dyDescent="0.3">
      <c r="A131665" s="13" t="s">
        <v>598</v>
      </c>
      <c r="B131665" s="14" t="s">
        <v>1</v>
      </c>
      <c r="C131665" s="14" t="s">
        <v>596</v>
      </c>
      <c r="D131665" s="14" t="s">
        <v>193</v>
      </c>
      <c r="E131665" s="15">
        <v>45641</v>
      </c>
      <c r="F131665" s="14" t="s">
        <v>15</v>
      </c>
      <c r="G131665" s="16">
        <v>0</v>
      </c>
    </row>
    <row r="131666" spans="1:7" x14ac:dyDescent="0.3">
      <c r="A131666" s="13" t="s">
        <v>598</v>
      </c>
      <c r="B131666" s="14" t="s">
        <v>1</v>
      </c>
      <c r="C131666" s="14" t="s">
        <v>596</v>
      </c>
      <c r="D131666" s="14" t="s">
        <v>193</v>
      </c>
      <c r="E131666" s="15">
        <v>45642</v>
      </c>
      <c r="F131666" s="14" t="s">
        <v>15</v>
      </c>
      <c r="G131666" s="16">
        <v>0</v>
      </c>
    </row>
    <row r="131667" spans="1:7" x14ac:dyDescent="0.3">
      <c r="A131667" s="13" t="s">
        <v>598</v>
      </c>
      <c r="B131667" s="14" t="s">
        <v>1</v>
      </c>
      <c r="C131667" s="14" t="s">
        <v>596</v>
      </c>
      <c r="D131667" s="14" t="s">
        <v>193</v>
      </c>
      <c r="E131667" s="15">
        <v>45643</v>
      </c>
      <c r="F131667" s="14" t="s">
        <v>15</v>
      </c>
      <c r="G131667" s="16">
        <v>0</v>
      </c>
    </row>
    <row r="131668" spans="1:7" x14ac:dyDescent="0.3">
      <c r="A131668" s="13" t="s">
        <v>598</v>
      </c>
      <c r="B131668" s="14" t="s">
        <v>1</v>
      </c>
      <c r="C131668" s="14" t="s">
        <v>596</v>
      </c>
      <c r="D131668" s="14" t="s">
        <v>193</v>
      </c>
      <c r="E131668" s="15">
        <v>45644</v>
      </c>
      <c r="F131668" s="14" t="s">
        <v>15</v>
      </c>
      <c r="G131668" s="16">
        <v>0</v>
      </c>
    </row>
    <row r="131669" spans="1:7" x14ac:dyDescent="0.3">
      <c r="A131669" s="13" t="s">
        <v>598</v>
      </c>
      <c r="B131669" s="14" t="s">
        <v>1</v>
      </c>
      <c r="C131669" s="14" t="s">
        <v>596</v>
      </c>
      <c r="D131669" s="14" t="s">
        <v>193</v>
      </c>
      <c r="E131669" s="15">
        <v>45645</v>
      </c>
      <c r="F131669" s="14" t="s">
        <v>15</v>
      </c>
      <c r="G131669" s="16">
        <v>0</v>
      </c>
    </row>
    <row r="131670" spans="1:7" x14ac:dyDescent="0.3">
      <c r="A131670" s="13" t="s">
        <v>598</v>
      </c>
      <c r="B131670" s="14" t="s">
        <v>1</v>
      </c>
      <c r="C131670" s="14" t="s">
        <v>596</v>
      </c>
      <c r="D131670" s="14" t="s">
        <v>193</v>
      </c>
      <c r="E131670" s="15">
        <v>45646</v>
      </c>
      <c r="F131670" s="14" t="s">
        <v>15</v>
      </c>
      <c r="G131670" s="16">
        <v>0</v>
      </c>
    </row>
    <row r="131671" spans="1:7" x14ac:dyDescent="0.3">
      <c r="A131671" s="13" t="s">
        <v>598</v>
      </c>
      <c r="B131671" s="14" t="s">
        <v>1</v>
      </c>
      <c r="C131671" s="14" t="s">
        <v>596</v>
      </c>
      <c r="D131671" s="14" t="s">
        <v>193</v>
      </c>
      <c r="E131671" s="15">
        <v>45647</v>
      </c>
      <c r="F131671" s="14" t="s">
        <v>15</v>
      </c>
      <c r="G131671" s="16">
        <v>0</v>
      </c>
    </row>
    <row r="131672" spans="1:7" x14ac:dyDescent="0.3">
      <c r="A131672" s="13" t="s">
        <v>598</v>
      </c>
      <c r="B131672" s="14" t="s">
        <v>1</v>
      </c>
      <c r="C131672" s="14" t="s">
        <v>596</v>
      </c>
      <c r="D131672" s="14" t="s">
        <v>193</v>
      </c>
      <c r="E131672" s="15">
        <v>45648</v>
      </c>
      <c r="F131672" s="14" t="s">
        <v>15</v>
      </c>
      <c r="G131672" s="16">
        <v>0</v>
      </c>
    </row>
    <row r="131673" spans="1:7" x14ac:dyDescent="0.3">
      <c r="A131673" s="13" t="s">
        <v>598</v>
      </c>
      <c r="B131673" s="14" t="s">
        <v>1</v>
      </c>
      <c r="C131673" s="14" t="s">
        <v>596</v>
      </c>
      <c r="D131673" s="14" t="s">
        <v>193</v>
      </c>
      <c r="E131673" s="15">
        <v>45649</v>
      </c>
      <c r="F131673" s="14" t="s">
        <v>15</v>
      </c>
      <c r="G131673" s="16">
        <v>0</v>
      </c>
    </row>
    <row r="131674" spans="1:7" x14ac:dyDescent="0.3">
      <c r="A131674" s="13" t="s">
        <v>598</v>
      </c>
      <c r="B131674" s="14" t="s">
        <v>1</v>
      </c>
      <c r="C131674" s="14" t="s">
        <v>596</v>
      </c>
      <c r="D131674" s="14" t="s">
        <v>193</v>
      </c>
      <c r="E131674" s="15">
        <v>45650</v>
      </c>
      <c r="F131674" s="14" t="s">
        <v>15</v>
      </c>
      <c r="G131674" s="16">
        <v>0</v>
      </c>
    </row>
    <row r="131675" spans="1:7" x14ac:dyDescent="0.3">
      <c r="A131675" s="13" t="s">
        <v>598</v>
      </c>
      <c r="B131675" s="14" t="s">
        <v>1</v>
      </c>
      <c r="C131675" s="14" t="s">
        <v>596</v>
      </c>
      <c r="D131675" s="14" t="s">
        <v>193</v>
      </c>
      <c r="E131675" s="15">
        <v>45651</v>
      </c>
      <c r="F131675" s="14" t="s">
        <v>15</v>
      </c>
      <c r="G131675" s="16">
        <v>0</v>
      </c>
    </row>
    <row r="131676" spans="1:7" x14ac:dyDescent="0.3">
      <c r="A131676" s="13" t="s">
        <v>598</v>
      </c>
      <c r="B131676" s="14" t="s">
        <v>1</v>
      </c>
      <c r="C131676" s="14" t="s">
        <v>596</v>
      </c>
      <c r="D131676" s="14" t="s">
        <v>193</v>
      </c>
      <c r="E131676" s="15">
        <v>45652</v>
      </c>
      <c r="F131676" s="14" t="s">
        <v>15</v>
      </c>
      <c r="G131676" s="16">
        <v>0</v>
      </c>
    </row>
    <row r="131677" spans="1:7" x14ac:dyDescent="0.3">
      <c r="A131677" s="13" t="s">
        <v>598</v>
      </c>
      <c r="B131677" s="14" t="s">
        <v>1</v>
      </c>
      <c r="C131677" s="14" t="s">
        <v>596</v>
      </c>
      <c r="D131677" s="14" t="s">
        <v>193</v>
      </c>
      <c r="E131677" s="15">
        <v>45653</v>
      </c>
      <c r="F131677" s="14" t="s">
        <v>15</v>
      </c>
      <c r="G131677" s="16">
        <v>0</v>
      </c>
    </row>
    <row r="131678" spans="1:7" x14ac:dyDescent="0.3">
      <c r="A131678" s="13" t="s">
        <v>598</v>
      </c>
      <c r="B131678" s="14" t="s">
        <v>1</v>
      </c>
      <c r="C131678" s="14" t="s">
        <v>596</v>
      </c>
      <c r="D131678" s="14" t="s">
        <v>193</v>
      </c>
      <c r="E131678" s="15">
        <v>45654</v>
      </c>
      <c r="F131678" s="14" t="s">
        <v>15</v>
      </c>
      <c r="G131678" s="16">
        <v>0</v>
      </c>
    </row>
    <row r="131679" spans="1:7" x14ac:dyDescent="0.3">
      <c r="A131679" s="13" t="s">
        <v>598</v>
      </c>
      <c r="B131679" s="14" t="s">
        <v>1</v>
      </c>
      <c r="C131679" s="14" t="s">
        <v>596</v>
      </c>
      <c r="D131679" s="14" t="s">
        <v>193</v>
      </c>
      <c r="E131679" s="15">
        <v>45655</v>
      </c>
      <c r="F131679" s="14" t="s">
        <v>15</v>
      </c>
      <c r="G131679" s="16">
        <v>0</v>
      </c>
    </row>
    <row r="131680" spans="1:7" x14ac:dyDescent="0.3">
      <c r="A131680" s="13" t="s">
        <v>598</v>
      </c>
      <c r="B131680" s="14" t="s">
        <v>1</v>
      </c>
      <c r="C131680" s="14" t="s">
        <v>596</v>
      </c>
      <c r="D131680" s="14" t="s">
        <v>193</v>
      </c>
      <c r="E131680" s="15">
        <v>45656</v>
      </c>
      <c r="F131680" s="14" t="s">
        <v>15</v>
      </c>
      <c r="G131680" s="16">
        <v>0</v>
      </c>
    </row>
    <row r="131681" spans="1:7" x14ac:dyDescent="0.3">
      <c r="A131681" s="13" t="s">
        <v>598</v>
      </c>
      <c r="B131681" s="14" t="s">
        <v>1</v>
      </c>
      <c r="C131681" s="14" t="s">
        <v>596</v>
      </c>
      <c r="D131681" s="14" t="s">
        <v>193</v>
      </c>
      <c r="E131681" s="15">
        <v>45657</v>
      </c>
      <c r="F131681" s="14" t="s">
        <v>15</v>
      </c>
      <c r="G131681" s="16">
        <v>0</v>
      </c>
    </row>
    <row r="131682" spans="1:7" x14ac:dyDescent="0.3">
      <c r="A131682" s="13" t="s">
        <v>598</v>
      </c>
      <c r="B131682" s="14" t="s">
        <v>1</v>
      </c>
      <c r="C131682" s="14" t="s">
        <v>596</v>
      </c>
      <c r="D131682" s="14" t="s">
        <v>193</v>
      </c>
      <c r="E131682" s="15">
        <v>45658</v>
      </c>
      <c r="F131682" s="14" t="s">
        <v>15</v>
      </c>
      <c r="G131682" s="16">
        <v>0</v>
      </c>
    </row>
    <row r="131683" spans="1:7" x14ac:dyDescent="0.3">
      <c r="A131683" s="13" t="s">
        <v>598</v>
      </c>
      <c r="B131683" s="14" t="s">
        <v>1</v>
      </c>
      <c r="C131683" s="14" t="s">
        <v>596</v>
      </c>
      <c r="D131683" s="14" t="s">
        <v>193</v>
      </c>
      <c r="E131683" s="15">
        <v>45659</v>
      </c>
      <c r="F131683" s="14" t="s">
        <v>15</v>
      </c>
      <c r="G131683" s="16">
        <v>0</v>
      </c>
    </row>
    <row r="131684" spans="1:7" x14ac:dyDescent="0.3">
      <c r="A131684" s="13" t="s">
        <v>598</v>
      </c>
      <c r="B131684" s="14" t="s">
        <v>1</v>
      </c>
      <c r="C131684" s="14" t="s">
        <v>596</v>
      </c>
      <c r="D131684" s="14" t="s">
        <v>193</v>
      </c>
      <c r="E131684" s="15">
        <v>45660</v>
      </c>
      <c r="F131684" s="14" t="s">
        <v>15</v>
      </c>
      <c r="G131684" s="16">
        <v>0</v>
      </c>
    </row>
    <row r="131685" spans="1:7" x14ac:dyDescent="0.3">
      <c r="A131685" s="13" t="s">
        <v>598</v>
      </c>
      <c r="B131685" s="14" t="s">
        <v>1</v>
      </c>
      <c r="C131685" s="14" t="s">
        <v>596</v>
      </c>
      <c r="D131685" s="14" t="s">
        <v>193</v>
      </c>
      <c r="E131685" s="15">
        <v>45661</v>
      </c>
      <c r="F131685" s="14" t="s">
        <v>15</v>
      </c>
      <c r="G131685" s="16">
        <v>0</v>
      </c>
    </row>
    <row r="131686" spans="1:7" x14ac:dyDescent="0.3">
      <c r="A131686" s="13" t="s">
        <v>598</v>
      </c>
      <c r="B131686" s="14" t="s">
        <v>1</v>
      </c>
      <c r="C131686" s="14" t="s">
        <v>596</v>
      </c>
      <c r="D131686" s="14" t="s">
        <v>193</v>
      </c>
      <c r="E131686" s="15">
        <v>45662</v>
      </c>
      <c r="F131686" s="14" t="s">
        <v>15</v>
      </c>
      <c r="G131686" s="16">
        <v>0</v>
      </c>
    </row>
    <row r="131687" spans="1:7" x14ac:dyDescent="0.3">
      <c r="A131687" s="13" t="s">
        <v>598</v>
      </c>
      <c r="B131687" s="14" t="s">
        <v>1</v>
      </c>
      <c r="C131687" s="14" t="s">
        <v>596</v>
      </c>
      <c r="D131687" s="14" t="s">
        <v>193</v>
      </c>
      <c r="E131687" s="15">
        <v>45663</v>
      </c>
      <c r="F131687" s="14" t="s">
        <v>15</v>
      </c>
      <c r="G131687" s="16">
        <v>0</v>
      </c>
    </row>
    <row r="131688" spans="1:7" x14ac:dyDescent="0.3">
      <c r="A131688" s="13" t="s">
        <v>598</v>
      </c>
      <c r="B131688" s="14" t="s">
        <v>1</v>
      </c>
      <c r="C131688" s="14" t="s">
        <v>596</v>
      </c>
      <c r="D131688" s="14" t="s">
        <v>193</v>
      </c>
      <c r="E131688" s="15">
        <v>45664</v>
      </c>
      <c r="F131688" s="14" t="s">
        <v>15</v>
      </c>
      <c r="G131688" s="16">
        <v>0</v>
      </c>
    </row>
    <row r="131689" spans="1:7" x14ac:dyDescent="0.3">
      <c r="A131689" s="13" t="s">
        <v>598</v>
      </c>
      <c r="B131689" s="14" t="s">
        <v>1</v>
      </c>
      <c r="C131689" s="14" t="s">
        <v>596</v>
      </c>
      <c r="D131689" s="14" t="s">
        <v>193</v>
      </c>
      <c r="E131689" s="15">
        <v>45665</v>
      </c>
      <c r="F131689" s="14" t="s">
        <v>15</v>
      </c>
      <c r="G131689" s="16">
        <v>0</v>
      </c>
    </row>
    <row r="131690" spans="1:7" x14ac:dyDescent="0.3">
      <c r="A131690" s="13" t="s">
        <v>598</v>
      </c>
      <c r="B131690" s="14" t="s">
        <v>1</v>
      </c>
      <c r="C131690" s="14" t="s">
        <v>596</v>
      </c>
      <c r="D131690" s="14" t="s">
        <v>193</v>
      </c>
      <c r="E131690" s="15">
        <v>45666</v>
      </c>
      <c r="F131690" s="14" t="s">
        <v>15</v>
      </c>
      <c r="G131690" s="16">
        <v>0</v>
      </c>
    </row>
    <row r="131691" spans="1:7" x14ac:dyDescent="0.3">
      <c r="A131691" s="13" t="s">
        <v>598</v>
      </c>
      <c r="B131691" s="14" t="s">
        <v>1</v>
      </c>
      <c r="C131691" s="14" t="s">
        <v>596</v>
      </c>
      <c r="D131691" s="14" t="s">
        <v>193</v>
      </c>
      <c r="E131691" s="15">
        <v>45667</v>
      </c>
      <c r="F131691" s="14" t="s">
        <v>15</v>
      </c>
      <c r="G131691" s="16">
        <v>0</v>
      </c>
    </row>
    <row r="131692" spans="1:7" x14ac:dyDescent="0.3">
      <c r="A131692" s="13" t="s">
        <v>598</v>
      </c>
      <c r="B131692" s="14" t="s">
        <v>1</v>
      </c>
      <c r="C131692" s="14" t="s">
        <v>596</v>
      </c>
      <c r="D131692" s="14" t="s">
        <v>193</v>
      </c>
      <c r="E131692" s="15">
        <v>45668</v>
      </c>
      <c r="F131692" s="14" t="s">
        <v>15</v>
      </c>
      <c r="G131692" s="16">
        <v>0</v>
      </c>
    </row>
    <row r="131693" spans="1:7" x14ac:dyDescent="0.3">
      <c r="A131693" s="13" t="s">
        <v>598</v>
      </c>
      <c r="B131693" s="14" t="s">
        <v>1</v>
      </c>
      <c r="C131693" s="14" t="s">
        <v>596</v>
      </c>
      <c r="D131693" s="14" t="s">
        <v>193</v>
      </c>
      <c r="E131693" s="15">
        <v>45669</v>
      </c>
      <c r="F131693" s="14" t="s">
        <v>15</v>
      </c>
      <c r="G131693" s="16">
        <v>0</v>
      </c>
    </row>
    <row r="131694" spans="1:7" x14ac:dyDescent="0.3">
      <c r="A131694" s="13" t="s">
        <v>598</v>
      </c>
      <c r="B131694" s="14" t="s">
        <v>1</v>
      </c>
      <c r="C131694" s="14" t="s">
        <v>596</v>
      </c>
      <c r="D131694" s="14" t="s">
        <v>193</v>
      </c>
      <c r="E131694" s="15">
        <v>45670</v>
      </c>
      <c r="F131694" s="14" t="s">
        <v>15</v>
      </c>
      <c r="G131694" s="16">
        <v>0</v>
      </c>
    </row>
    <row r="131695" spans="1:7" x14ac:dyDescent="0.3">
      <c r="A131695" s="13" t="s">
        <v>598</v>
      </c>
      <c r="B131695" s="14" t="s">
        <v>1</v>
      </c>
      <c r="C131695" s="14" t="s">
        <v>596</v>
      </c>
      <c r="D131695" s="14" t="s">
        <v>193</v>
      </c>
      <c r="E131695" s="15">
        <v>45671</v>
      </c>
      <c r="F131695" s="14" t="s">
        <v>15</v>
      </c>
      <c r="G131695" s="16">
        <v>0</v>
      </c>
    </row>
    <row r="131696" spans="1:7" x14ac:dyDescent="0.3">
      <c r="A131696" s="13" t="s">
        <v>598</v>
      </c>
      <c r="B131696" s="14" t="s">
        <v>1</v>
      </c>
      <c r="C131696" s="14" t="s">
        <v>596</v>
      </c>
      <c r="D131696" s="14" t="s">
        <v>193</v>
      </c>
      <c r="E131696" s="15">
        <v>45672</v>
      </c>
      <c r="F131696" s="14" t="s">
        <v>15</v>
      </c>
      <c r="G131696" s="16">
        <v>0</v>
      </c>
    </row>
    <row r="131697" spans="1:7" x14ac:dyDescent="0.3">
      <c r="A131697" s="13" t="s">
        <v>598</v>
      </c>
      <c r="B131697" s="14" t="s">
        <v>1</v>
      </c>
      <c r="C131697" s="14" t="s">
        <v>596</v>
      </c>
      <c r="D131697" s="14" t="s">
        <v>193</v>
      </c>
      <c r="E131697" s="15">
        <v>45673</v>
      </c>
      <c r="F131697" s="14" t="s">
        <v>15</v>
      </c>
      <c r="G131697" s="16">
        <v>0</v>
      </c>
    </row>
    <row r="131698" spans="1:7" x14ac:dyDescent="0.3">
      <c r="A131698" s="13" t="s">
        <v>598</v>
      </c>
      <c r="B131698" s="14" t="s">
        <v>1</v>
      </c>
      <c r="C131698" s="14" t="s">
        <v>596</v>
      </c>
      <c r="D131698" s="14" t="s">
        <v>193</v>
      </c>
      <c r="E131698" s="15">
        <v>45674</v>
      </c>
      <c r="F131698" s="14" t="s">
        <v>15</v>
      </c>
      <c r="G131698" s="16">
        <v>0</v>
      </c>
    </row>
    <row r="131699" spans="1:7" x14ac:dyDescent="0.3">
      <c r="A131699" s="13" t="s">
        <v>598</v>
      </c>
      <c r="B131699" s="14" t="s">
        <v>1</v>
      </c>
      <c r="C131699" s="14" t="s">
        <v>596</v>
      </c>
      <c r="D131699" s="14" t="s">
        <v>193</v>
      </c>
      <c r="E131699" s="15">
        <v>45675</v>
      </c>
      <c r="F131699" s="14" t="s">
        <v>15</v>
      </c>
      <c r="G131699" s="16">
        <v>0</v>
      </c>
    </row>
    <row r="131700" spans="1:7" x14ac:dyDescent="0.3">
      <c r="A131700" s="13" t="s">
        <v>598</v>
      </c>
      <c r="B131700" s="14" t="s">
        <v>1</v>
      </c>
      <c r="C131700" s="14" t="s">
        <v>596</v>
      </c>
      <c r="D131700" s="14" t="s">
        <v>193</v>
      </c>
      <c r="E131700" s="15">
        <v>45676</v>
      </c>
      <c r="F131700" s="14" t="s">
        <v>15</v>
      </c>
      <c r="G131700" s="16">
        <v>0</v>
      </c>
    </row>
    <row r="131701" spans="1:7" x14ac:dyDescent="0.3">
      <c r="A131701" s="13" t="s">
        <v>598</v>
      </c>
      <c r="B131701" s="14" t="s">
        <v>1</v>
      </c>
      <c r="C131701" s="14" t="s">
        <v>596</v>
      </c>
      <c r="D131701" s="14" t="s">
        <v>193</v>
      </c>
      <c r="E131701" s="15">
        <v>45677</v>
      </c>
      <c r="F131701" s="14" t="s">
        <v>15</v>
      </c>
      <c r="G131701" s="16">
        <v>0</v>
      </c>
    </row>
    <row r="131702" spans="1:7" x14ac:dyDescent="0.3">
      <c r="A131702" s="13" t="s">
        <v>598</v>
      </c>
      <c r="B131702" s="14" t="s">
        <v>1</v>
      </c>
      <c r="C131702" s="14" t="s">
        <v>596</v>
      </c>
      <c r="D131702" s="14" t="s">
        <v>193</v>
      </c>
      <c r="E131702" s="15">
        <v>45678</v>
      </c>
      <c r="F131702" s="14" t="s">
        <v>15</v>
      </c>
      <c r="G131702" s="16">
        <v>0</v>
      </c>
    </row>
    <row r="131703" spans="1:7" x14ac:dyDescent="0.3">
      <c r="A131703" s="13" t="s">
        <v>598</v>
      </c>
      <c r="B131703" s="14" t="s">
        <v>1</v>
      </c>
      <c r="C131703" s="14" t="s">
        <v>596</v>
      </c>
      <c r="D131703" s="14" t="s">
        <v>193</v>
      </c>
      <c r="E131703" s="15">
        <v>45679</v>
      </c>
      <c r="F131703" s="14" t="s">
        <v>15</v>
      </c>
      <c r="G131703" s="16">
        <v>0</v>
      </c>
    </row>
    <row r="131704" spans="1:7" x14ac:dyDescent="0.3">
      <c r="A131704" s="13" t="s">
        <v>598</v>
      </c>
      <c r="B131704" s="14" t="s">
        <v>1</v>
      </c>
      <c r="C131704" s="14" t="s">
        <v>596</v>
      </c>
      <c r="D131704" s="14" t="s">
        <v>193</v>
      </c>
      <c r="E131704" s="15">
        <v>45680</v>
      </c>
      <c r="F131704" s="14" t="s">
        <v>15</v>
      </c>
      <c r="G131704" s="16">
        <v>0</v>
      </c>
    </row>
    <row r="131705" spans="1:7" x14ac:dyDescent="0.3">
      <c r="A131705" s="13" t="s">
        <v>598</v>
      </c>
      <c r="B131705" s="14" t="s">
        <v>1</v>
      </c>
      <c r="C131705" s="14" t="s">
        <v>596</v>
      </c>
      <c r="D131705" s="14" t="s">
        <v>193</v>
      </c>
      <c r="E131705" s="15">
        <v>45681</v>
      </c>
      <c r="F131705" s="14" t="s">
        <v>15</v>
      </c>
      <c r="G131705" s="16">
        <v>0</v>
      </c>
    </row>
    <row r="131706" spans="1:7" x14ac:dyDescent="0.3">
      <c r="A131706" s="13" t="s">
        <v>598</v>
      </c>
      <c r="B131706" s="14" t="s">
        <v>1</v>
      </c>
      <c r="C131706" s="14" t="s">
        <v>596</v>
      </c>
      <c r="D131706" s="14" t="s">
        <v>193</v>
      </c>
      <c r="E131706" s="15">
        <v>45682</v>
      </c>
      <c r="F131706" s="14" t="s">
        <v>15</v>
      </c>
      <c r="G131706" s="16">
        <v>0</v>
      </c>
    </row>
    <row r="131707" spans="1:7" x14ac:dyDescent="0.3">
      <c r="A131707" s="13" t="s">
        <v>598</v>
      </c>
      <c r="B131707" s="14" t="s">
        <v>1</v>
      </c>
      <c r="C131707" s="14" t="s">
        <v>596</v>
      </c>
      <c r="D131707" s="14" t="s">
        <v>193</v>
      </c>
      <c r="E131707" s="15">
        <v>45683</v>
      </c>
      <c r="F131707" s="14" t="s">
        <v>15</v>
      </c>
      <c r="G131707" s="16">
        <v>0</v>
      </c>
    </row>
    <row r="131708" spans="1:7" x14ac:dyDescent="0.3">
      <c r="A131708" s="13" t="s">
        <v>598</v>
      </c>
      <c r="B131708" s="14" t="s">
        <v>1</v>
      </c>
      <c r="C131708" s="14" t="s">
        <v>596</v>
      </c>
      <c r="D131708" s="14" t="s">
        <v>193</v>
      </c>
      <c r="E131708" s="15">
        <v>45684</v>
      </c>
      <c r="F131708" s="14" t="s">
        <v>15</v>
      </c>
      <c r="G131708" s="16">
        <v>0</v>
      </c>
    </row>
    <row r="131709" spans="1:7" x14ac:dyDescent="0.3">
      <c r="A131709" s="13" t="s">
        <v>598</v>
      </c>
      <c r="B131709" s="14" t="s">
        <v>1</v>
      </c>
      <c r="C131709" s="14" t="s">
        <v>596</v>
      </c>
      <c r="D131709" s="14" t="s">
        <v>193</v>
      </c>
      <c r="E131709" s="15">
        <v>45685</v>
      </c>
      <c r="F131709" s="14" t="s">
        <v>15</v>
      </c>
      <c r="G131709" s="16">
        <v>0</v>
      </c>
    </row>
    <row r="131710" spans="1:7" x14ac:dyDescent="0.3">
      <c r="A131710" s="13" t="s">
        <v>598</v>
      </c>
      <c r="B131710" s="14" t="s">
        <v>1</v>
      </c>
      <c r="C131710" s="14" t="s">
        <v>596</v>
      </c>
      <c r="D131710" s="14" t="s">
        <v>193</v>
      </c>
      <c r="E131710" s="15">
        <v>45686</v>
      </c>
      <c r="F131710" s="14" t="s">
        <v>15</v>
      </c>
      <c r="G131710" s="16">
        <v>0</v>
      </c>
    </row>
    <row r="131711" spans="1:7" x14ac:dyDescent="0.3">
      <c r="A131711" s="13" t="s">
        <v>598</v>
      </c>
      <c r="B131711" s="14" t="s">
        <v>1</v>
      </c>
      <c r="C131711" s="14" t="s">
        <v>596</v>
      </c>
      <c r="D131711" s="14" t="s">
        <v>193</v>
      </c>
      <c r="E131711" s="15">
        <v>45687</v>
      </c>
      <c r="F131711" s="14" t="s">
        <v>15</v>
      </c>
      <c r="G131711" s="16">
        <v>0</v>
      </c>
    </row>
    <row r="131712" spans="1:7" x14ac:dyDescent="0.3">
      <c r="A131712" s="13" t="s">
        <v>598</v>
      </c>
      <c r="B131712" s="14" t="s">
        <v>1</v>
      </c>
      <c r="C131712" s="14" t="s">
        <v>596</v>
      </c>
      <c r="D131712" s="14" t="s">
        <v>193</v>
      </c>
      <c r="E131712" s="15">
        <v>45688</v>
      </c>
      <c r="F131712" s="14" t="s">
        <v>15</v>
      </c>
      <c r="G131712" s="16">
        <v>0</v>
      </c>
    </row>
    <row r="131713" spans="1:7" x14ac:dyDescent="0.3">
      <c r="A131713" s="13" t="s">
        <v>598</v>
      </c>
      <c r="B131713" s="14" t="s">
        <v>1</v>
      </c>
      <c r="C131713" s="14" t="s">
        <v>596</v>
      </c>
      <c r="D131713" s="14" t="s">
        <v>193</v>
      </c>
      <c r="E131713" s="15">
        <v>45689</v>
      </c>
      <c r="F131713" s="14" t="s">
        <v>15</v>
      </c>
      <c r="G131713" s="16">
        <v>0</v>
      </c>
    </row>
    <row r="131714" spans="1:7" x14ac:dyDescent="0.3">
      <c r="A131714" s="13" t="s">
        <v>598</v>
      </c>
      <c r="B131714" s="14" t="s">
        <v>1</v>
      </c>
      <c r="C131714" s="14" t="s">
        <v>596</v>
      </c>
      <c r="D131714" s="14" t="s">
        <v>193</v>
      </c>
      <c r="E131714" s="15">
        <v>45690</v>
      </c>
      <c r="F131714" s="14" t="s">
        <v>15</v>
      </c>
      <c r="G131714" s="16">
        <v>0</v>
      </c>
    </row>
    <row r="131715" spans="1:7" x14ac:dyDescent="0.3">
      <c r="A131715" s="13" t="s">
        <v>598</v>
      </c>
      <c r="B131715" s="14" t="s">
        <v>1</v>
      </c>
      <c r="C131715" s="14" t="s">
        <v>596</v>
      </c>
      <c r="D131715" s="14" t="s">
        <v>193</v>
      </c>
      <c r="E131715" s="15">
        <v>45691</v>
      </c>
      <c r="F131715" s="14" t="s">
        <v>15</v>
      </c>
      <c r="G131715" s="16">
        <v>0</v>
      </c>
    </row>
    <row r="131716" spans="1:7" x14ac:dyDescent="0.3">
      <c r="A131716" s="13" t="s">
        <v>598</v>
      </c>
      <c r="B131716" s="14" t="s">
        <v>1</v>
      </c>
      <c r="C131716" s="14" t="s">
        <v>596</v>
      </c>
      <c r="D131716" s="14" t="s">
        <v>193</v>
      </c>
      <c r="E131716" s="15">
        <v>45692</v>
      </c>
      <c r="F131716" s="14" t="s">
        <v>15</v>
      </c>
      <c r="G131716" s="16">
        <v>0</v>
      </c>
    </row>
    <row r="131717" spans="1:7" x14ac:dyDescent="0.3">
      <c r="A131717" s="13" t="s">
        <v>598</v>
      </c>
      <c r="B131717" s="14" t="s">
        <v>1</v>
      </c>
      <c r="C131717" s="14" t="s">
        <v>596</v>
      </c>
      <c r="D131717" s="14" t="s">
        <v>193</v>
      </c>
      <c r="E131717" s="15">
        <v>45693</v>
      </c>
      <c r="F131717" s="14" t="s">
        <v>15</v>
      </c>
      <c r="G131717" s="16">
        <v>0</v>
      </c>
    </row>
    <row r="131718" spans="1:7" x14ac:dyDescent="0.3">
      <c r="A131718" s="13" t="s">
        <v>598</v>
      </c>
      <c r="B131718" s="14" t="s">
        <v>1</v>
      </c>
      <c r="C131718" s="14" t="s">
        <v>596</v>
      </c>
      <c r="D131718" s="14" t="s">
        <v>193</v>
      </c>
      <c r="E131718" s="15">
        <v>45694</v>
      </c>
      <c r="F131718" s="14" t="s">
        <v>15</v>
      </c>
      <c r="G131718" s="16">
        <v>0</v>
      </c>
    </row>
    <row r="131719" spans="1:7" x14ac:dyDescent="0.3">
      <c r="A131719" s="13" t="s">
        <v>598</v>
      </c>
      <c r="B131719" s="14" t="s">
        <v>1</v>
      </c>
      <c r="C131719" s="14" t="s">
        <v>596</v>
      </c>
      <c r="D131719" s="14" t="s">
        <v>193</v>
      </c>
      <c r="E131719" s="15">
        <v>45695</v>
      </c>
      <c r="F131719" s="14" t="s">
        <v>15</v>
      </c>
      <c r="G131719" s="16">
        <v>0</v>
      </c>
    </row>
    <row r="131720" spans="1:7" x14ac:dyDescent="0.3">
      <c r="A131720" s="13" t="s">
        <v>598</v>
      </c>
      <c r="B131720" s="14" t="s">
        <v>1</v>
      </c>
      <c r="C131720" s="14" t="s">
        <v>596</v>
      </c>
      <c r="D131720" s="14" t="s">
        <v>193</v>
      </c>
      <c r="E131720" s="15">
        <v>45696</v>
      </c>
      <c r="F131720" s="14" t="s">
        <v>15</v>
      </c>
      <c r="G131720" s="16">
        <v>0</v>
      </c>
    </row>
    <row r="131721" spans="1:7" x14ac:dyDescent="0.3">
      <c r="A131721" s="13" t="s">
        <v>598</v>
      </c>
      <c r="B131721" s="14" t="s">
        <v>1</v>
      </c>
      <c r="C131721" s="14" t="s">
        <v>596</v>
      </c>
      <c r="D131721" s="14" t="s">
        <v>193</v>
      </c>
      <c r="E131721" s="15">
        <v>45697</v>
      </c>
      <c r="F131721" s="14" t="s">
        <v>15</v>
      </c>
      <c r="G131721" s="16">
        <v>0</v>
      </c>
    </row>
    <row r="131722" spans="1:7" x14ac:dyDescent="0.3">
      <c r="A131722" s="13" t="s">
        <v>598</v>
      </c>
      <c r="B131722" s="14" t="s">
        <v>1</v>
      </c>
      <c r="C131722" s="14" t="s">
        <v>596</v>
      </c>
      <c r="D131722" s="14" t="s">
        <v>193</v>
      </c>
      <c r="E131722" s="15">
        <v>45698</v>
      </c>
      <c r="F131722" s="14" t="s">
        <v>15</v>
      </c>
      <c r="G131722" s="16">
        <v>0</v>
      </c>
    </row>
    <row r="131723" spans="1:7" x14ac:dyDescent="0.3">
      <c r="A131723" s="13" t="s">
        <v>598</v>
      </c>
      <c r="B131723" s="14" t="s">
        <v>1</v>
      </c>
      <c r="C131723" s="14" t="s">
        <v>596</v>
      </c>
      <c r="D131723" s="14" t="s">
        <v>193</v>
      </c>
      <c r="E131723" s="15">
        <v>45699</v>
      </c>
      <c r="F131723" s="14" t="s">
        <v>15</v>
      </c>
      <c r="G131723" s="16">
        <v>0</v>
      </c>
    </row>
    <row r="131724" spans="1:7" x14ac:dyDescent="0.3">
      <c r="A131724" s="13" t="s">
        <v>598</v>
      </c>
      <c r="B131724" s="14" t="s">
        <v>1</v>
      </c>
      <c r="C131724" s="14" t="s">
        <v>596</v>
      </c>
      <c r="D131724" s="14" t="s">
        <v>193</v>
      </c>
      <c r="E131724" s="15">
        <v>45700</v>
      </c>
      <c r="F131724" s="14" t="s">
        <v>15</v>
      </c>
      <c r="G131724" s="16">
        <v>0</v>
      </c>
    </row>
    <row r="131725" spans="1:7" x14ac:dyDescent="0.3">
      <c r="A131725" s="13" t="s">
        <v>598</v>
      </c>
      <c r="B131725" s="14" t="s">
        <v>1</v>
      </c>
      <c r="C131725" s="14" t="s">
        <v>596</v>
      </c>
      <c r="D131725" s="14" t="s">
        <v>193</v>
      </c>
      <c r="E131725" s="15">
        <v>45701</v>
      </c>
      <c r="F131725" s="14" t="s">
        <v>15</v>
      </c>
      <c r="G131725" s="16">
        <v>0</v>
      </c>
    </row>
    <row r="131726" spans="1:7" x14ac:dyDescent="0.3">
      <c r="A131726" s="13" t="s">
        <v>598</v>
      </c>
      <c r="B131726" s="14" t="s">
        <v>1</v>
      </c>
      <c r="C131726" s="14" t="s">
        <v>596</v>
      </c>
      <c r="D131726" s="14" t="s">
        <v>193</v>
      </c>
      <c r="E131726" s="15">
        <v>45702</v>
      </c>
      <c r="F131726" s="14" t="s">
        <v>15</v>
      </c>
      <c r="G131726" s="16">
        <v>0</v>
      </c>
    </row>
    <row r="131727" spans="1:7" x14ac:dyDescent="0.3">
      <c r="A131727" s="13" t="s">
        <v>598</v>
      </c>
      <c r="B131727" s="14" t="s">
        <v>1</v>
      </c>
      <c r="C131727" s="14" t="s">
        <v>596</v>
      </c>
      <c r="D131727" s="14" t="s">
        <v>193</v>
      </c>
      <c r="E131727" s="15">
        <v>45703</v>
      </c>
      <c r="F131727" s="14" t="s">
        <v>15</v>
      </c>
      <c r="G131727" s="16">
        <v>0</v>
      </c>
    </row>
    <row r="131728" spans="1:7" x14ac:dyDescent="0.3">
      <c r="A131728" s="13" t="s">
        <v>598</v>
      </c>
      <c r="B131728" s="14" t="s">
        <v>1</v>
      </c>
      <c r="C131728" s="14" t="s">
        <v>596</v>
      </c>
      <c r="D131728" s="14" t="s">
        <v>193</v>
      </c>
      <c r="E131728" s="15">
        <v>45704</v>
      </c>
      <c r="F131728" s="14" t="s">
        <v>15</v>
      </c>
      <c r="G131728" s="16">
        <v>0</v>
      </c>
    </row>
    <row r="131729" spans="1:7" x14ac:dyDescent="0.3">
      <c r="A131729" s="13" t="s">
        <v>598</v>
      </c>
      <c r="B131729" s="14" t="s">
        <v>1</v>
      </c>
      <c r="C131729" s="14" t="s">
        <v>596</v>
      </c>
      <c r="D131729" s="14" t="s">
        <v>193</v>
      </c>
      <c r="E131729" s="15">
        <v>45705</v>
      </c>
      <c r="F131729" s="14" t="s">
        <v>15</v>
      </c>
      <c r="G131729" s="16">
        <v>0</v>
      </c>
    </row>
    <row r="131730" spans="1:7" x14ac:dyDescent="0.3">
      <c r="A131730" s="13" t="s">
        <v>598</v>
      </c>
      <c r="B131730" s="14" t="s">
        <v>1</v>
      </c>
      <c r="C131730" s="14" t="s">
        <v>596</v>
      </c>
      <c r="D131730" s="14" t="s">
        <v>193</v>
      </c>
      <c r="E131730" s="15">
        <v>45706</v>
      </c>
      <c r="F131730" s="14" t="s">
        <v>15</v>
      </c>
      <c r="G131730" s="16">
        <v>0</v>
      </c>
    </row>
    <row r="131731" spans="1:7" x14ac:dyDescent="0.3">
      <c r="A131731" s="13" t="s">
        <v>598</v>
      </c>
      <c r="B131731" s="14" t="s">
        <v>1</v>
      </c>
      <c r="C131731" s="14" t="s">
        <v>596</v>
      </c>
      <c r="D131731" s="14" t="s">
        <v>193</v>
      </c>
      <c r="E131731" s="15">
        <v>45707</v>
      </c>
      <c r="F131731" s="14" t="s">
        <v>15</v>
      </c>
      <c r="G131731" s="16">
        <v>0</v>
      </c>
    </row>
    <row r="131732" spans="1:7" x14ac:dyDescent="0.3">
      <c r="A131732" s="13" t="s">
        <v>598</v>
      </c>
      <c r="B131732" s="14" t="s">
        <v>1</v>
      </c>
      <c r="C131732" s="14" t="s">
        <v>596</v>
      </c>
      <c r="D131732" s="14" t="s">
        <v>193</v>
      </c>
      <c r="E131732" s="15">
        <v>45708</v>
      </c>
      <c r="F131732" s="14" t="s">
        <v>15</v>
      </c>
      <c r="G131732" s="16">
        <v>0</v>
      </c>
    </row>
    <row r="131733" spans="1:7" x14ac:dyDescent="0.3">
      <c r="A131733" s="13" t="s">
        <v>598</v>
      </c>
      <c r="B131733" s="14" t="s">
        <v>1</v>
      </c>
      <c r="C131733" s="14" t="s">
        <v>596</v>
      </c>
      <c r="D131733" s="14" t="s">
        <v>193</v>
      </c>
      <c r="E131733" s="15">
        <v>45709</v>
      </c>
      <c r="F131733" s="14" t="s">
        <v>15</v>
      </c>
      <c r="G131733" s="16">
        <v>0</v>
      </c>
    </row>
    <row r="131734" spans="1:7" x14ac:dyDescent="0.3">
      <c r="A131734" s="13" t="s">
        <v>598</v>
      </c>
      <c r="B131734" s="14" t="s">
        <v>1</v>
      </c>
      <c r="C131734" s="14" t="s">
        <v>596</v>
      </c>
      <c r="D131734" s="14" t="s">
        <v>193</v>
      </c>
      <c r="E131734" s="15">
        <v>45710</v>
      </c>
      <c r="F131734" s="14" t="s">
        <v>15</v>
      </c>
      <c r="G131734" s="16">
        <v>0</v>
      </c>
    </row>
    <row r="131735" spans="1:7" x14ac:dyDescent="0.3">
      <c r="A131735" s="13" t="s">
        <v>598</v>
      </c>
      <c r="B131735" s="14" t="s">
        <v>1</v>
      </c>
      <c r="C131735" s="14" t="s">
        <v>596</v>
      </c>
      <c r="D131735" s="14" t="s">
        <v>193</v>
      </c>
      <c r="E131735" s="15">
        <v>45711</v>
      </c>
      <c r="F131735" s="14" t="s">
        <v>15</v>
      </c>
      <c r="G131735" s="16">
        <v>0</v>
      </c>
    </row>
    <row r="131736" spans="1:7" x14ac:dyDescent="0.3">
      <c r="A131736" s="13" t="s">
        <v>598</v>
      </c>
      <c r="B131736" s="14" t="s">
        <v>1</v>
      </c>
      <c r="C131736" s="14" t="s">
        <v>596</v>
      </c>
      <c r="D131736" s="14" t="s">
        <v>193</v>
      </c>
      <c r="E131736" s="15">
        <v>45712</v>
      </c>
      <c r="F131736" s="14" t="s">
        <v>15</v>
      </c>
      <c r="G131736" s="16">
        <v>0</v>
      </c>
    </row>
    <row r="131737" spans="1:7" x14ac:dyDescent="0.3">
      <c r="A131737" s="13" t="s">
        <v>598</v>
      </c>
      <c r="B131737" s="14" t="s">
        <v>1</v>
      </c>
      <c r="C131737" s="14" t="s">
        <v>596</v>
      </c>
      <c r="D131737" s="14" t="s">
        <v>193</v>
      </c>
      <c r="E131737" s="15">
        <v>45713</v>
      </c>
      <c r="F131737" s="14" t="s">
        <v>15</v>
      </c>
      <c r="G131737" s="16">
        <v>0</v>
      </c>
    </row>
    <row r="131738" spans="1:7" x14ac:dyDescent="0.3">
      <c r="A131738" s="13" t="s">
        <v>598</v>
      </c>
      <c r="B131738" s="14" t="s">
        <v>1</v>
      </c>
      <c r="C131738" s="14" t="s">
        <v>596</v>
      </c>
      <c r="D131738" s="14" t="s">
        <v>193</v>
      </c>
      <c r="E131738" s="15">
        <v>45714</v>
      </c>
      <c r="F131738" s="14" t="s">
        <v>15</v>
      </c>
      <c r="G131738" s="16">
        <v>0</v>
      </c>
    </row>
    <row r="131739" spans="1:7" x14ac:dyDescent="0.3">
      <c r="A131739" s="13" t="s">
        <v>598</v>
      </c>
      <c r="B131739" s="14" t="s">
        <v>1</v>
      </c>
      <c r="C131739" s="14" t="s">
        <v>596</v>
      </c>
      <c r="D131739" s="14" t="s">
        <v>193</v>
      </c>
      <c r="E131739" s="15">
        <v>45715</v>
      </c>
      <c r="F131739" s="14" t="s">
        <v>15</v>
      </c>
      <c r="G131739" s="16">
        <v>0</v>
      </c>
    </row>
    <row r="131740" spans="1:7" x14ac:dyDescent="0.3">
      <c r="A131740" s="13" t="s">
        <v>598</v>
      </c>
      <c r="B131740" s="14" t="s">
        <v>1</v>
      </c>
      <c r="C131740" s="14" t="s">
        <v>596</v>
      </c>
      <c r="D131740" s="14" t="s">
        <v>193</v>
      </c>
      <c r="E131740" s="15">
        <v>45716</v>
      </c>
      <c r="F131740" s="14" t="s">
        <v>15</v>
      </c>
      <c r="G131740" s="16">
        <v>0</v>
      </c>
    </row>
    <row r="131741" spans="1:7" x14ac:dyDescent="0.3">
      <c r="A131741" s="13" t="s">
        <v>598</v>
      </c>
      <c r="B131741" s="14" t="s">
        <v>1</v>
      </c>
      <c r="C131741" s="14" t="s">
        <v>596</v>
      </c>
      <c r="D131741" s="14" t="s">
        <v>193</v>
      </c>
      <c r="E131741" s="15">
        <v>45717</v>
      </c>
      <c r="F131741" s="14" t="s">
        <v>15</v>
      </c>
      <c r="G131741" s="16">
        <v>0</v>
      </c>
    </row>
    <row r="131742" spans="1:7" x14ac:dyDescent="0.3">
      <c r="A131742" s="13" t="s">
        <v>598</v>
      </c>
      <c r="B131742" s="14" t="s">
        <v>1</v>
      </c>
      <c r="C131742" s="14" t="s">
        <v>596</v>
      </c>
      <c r="D131742" s="14" t="s">
        <v>193</v>
      </c>
      <c r="E131742" s="15">
        <v>45718</v>
      </c>
      <c r="F131742" s="14" t="s">
        <v>15</v>
      </c>
      <c r="G131742" s="16">
        <v>0</v>
      </c>
    </row>
    <row r="131743" spans="1:7" x14ac:dyDescent="0.3">
      <c r="A131743" s="13" t="s">
        <v>598</v>
      </c>
      <c r="B131743" s="14" t="s">
        <v>1</v>
      </c>
      <c r="C131743" s="14" t="s">
        <v>596</v>
      </c>
      <c r="D131743" s="14" t="s">
        <v>193</v>
      </c>
      <c r="E131743" s="15">
        <v>45719</v>
      </c>
      <c r="F131743" s="14" t="s">
        <v>15</v>
      </c>
      <c r="G131743" s="16">
        <v>0</v>
      </c>
    </row>
    <row r="131744" spans="1:7" x14ac:dyDescent="0.3">
      <c r="A131744" s="13" t="s">
        <v>598</v>
      </c>
      <c r="B131744" s="14" t="s">
        <v>1</v>
      </c>
      <c r="C131744" s="14" t="s">
        <v>596</v>
      </c>
      <c r="D131744" s="14" t="s">
        <v>193</v>
      </c>
      <c r="E131744" s="15">
        <v>45720</v>
      </c>
      <c r="F131744" s="14" t="s">
        <v>15</v>
      </c>
      <c r="G131744" s="16">
        <v>0</v>
      </c>
    </row>
    <row r="131745" spans="1:7" x14ac:dyDescent="0.3">
      <c r="A131745" s="13" t="s">
        <v>598</v>
      </c>
      <c r="B131745" s="14" t="s">
        <v>1</v>
      </c>
      <c r="C131745" s="14" t="s">
        <v>596</v>
      </c>
      <c r="D131745" s="14" t="s">
        <v>193</v>
      </c>
      <c r="E131745" s="15">
        <v>45721</v>
      </c>
      <c r="F131745" s="14" t="s">
        <v>15</v>
      </c>
      <c r="G131745" s="16">
        <v>0</v>
      </c>
    </row>
    <row r="131746" spans="1:7" x14ac:dyDescent="0.3">
      <c r="A131746" s="13" t="s">
        <v>598</v>
      </c>
      <c r="B131746" s="14" t="s">
        <v>1</v>
      </c>
      <c r="C131746" s="14" t="s">
        <v>596</v>
      </c>
      <c r="D131746" s="14" t="s">
        <v>193</v>
      </c>
      <c r="E131746" s="15">
        <v>45722</v>
      </c>
      <c r="F131746" s="14" t="s">
        <v>15</v>
      </c>
      <c r="G131746" s="16">
        <v>0</v>
      </c>
    </row>
    <row r="131747" spans="1:7" x14ac:dyDescent="0.3">
      <c r="A131747" s="13" t="s">
        <v>598</v>
      </c>
      <c r="B131747" s="14" t="s">
        <v>1</v>
      </c>
      <c r="C131747" s="14" t="s">
        <v>596</v>
      </c>
      <c r="D131747" s="14" t="s">
        <v>193</v>
      </c>
      <c r="E131747" s="15">
        <v>45723</v>
      </c>
      <c r="F131747" s="14" t="s">
        <v>15</v>
      </c>
      <c r="G131747" s="16">
        <v>0</v>
      </c>
    </row>
    <row r="131748" spans="1:7" x14ac:dyDescent="0.3">
      <c r="A131748" s="13" t="s">
        <v>598</v>
      </c>
      <c r="B131748" s="14" t="s">
        <v>1</v>
      </c>
      <c r="C131748" s="14" t="s">
        <v>596</v>
      </c>
      <c r="D131748" s="14" t="s">
        <v>193</v>
      </c>
      <c r="E131748" s="15">
        <v>45724</v>
      </c>
      <c r="F131748" s="14" t="s">
        <v>15</v>
      </c>
      <c r="G131748" s="16">
        <v>0</v>
      </c>
    </row>
    <row r="131749" spans="1:7" x14ac:dyDescent="0.3">
      <c r="A131749" s="13" t="s">
        <v>598</v>
      </c>
      <c r="B131749" s="14" t="s">
        <v>1</v>
      </c>
      <c r="C131749" s="14" t="s">
        <v>596</v>
      </c>
      <c r="D131749" s="14" t="s">
        <v>193</v>
      </c>
      <c r="E131749" s="15">
        <v>45725</v>
      </c>
      <c r="F131749" s="14" t="s">
        <v>15</v>
      </c>
      <c r="G131749" s="16">
        <v>0</v>
      </c>
    </row>
    <row r="131750" spans="1:7" x14ac:dyDescent="0.3">
      <c r="A131750" s="13" t="s">
        <v>598</v>
      </c>
      <c r="B131750" s="14" t="s">
        <v>1</v>
      </c>
      <c r="C131750" s="14" t="s">
        <v>596</v>
      </c>
      <c r="D131750" s="14" t="s">
        <v>193</v>
      </c>
      <c r="E131750" s="15">
        <v>45726</v>
      </c>
      <c r="F131750" s="14" t="s">
        <v>15</v>
      </c>
      <c r="G131750" s="16">
        <v>0</v>
      </c>
    </row>
    <row r="131751" spans="1:7" x14ac:dyDescent="0.3">
      <c r="A131751" s="13" t="s">
        <v>598</v>
      </c>
      <c r="B131751" s="14" t="s">
        <v>1</v>
      </c>
      <c r="C131751" s="14" t="s">
        <v>596</v>
      </c>
      <c r="D131751" s="14" t="s">
        <v>193</v>
      </c>
      <c r="E131751" s="15">
        <v>45727</v>
      </c>
      <c r="F131751" s="14" t="s">
        <v>15</v>
      </c>
      <c r="G131751" s="16">
        <v>0</v>
      </c>
    </row>
    <row r="131752" spans="1:7" x14ac:dyDescent="0.3">
      <c r="A131752" s="13" t="s">
        <v>598</v>
      </c>
      <c r="B131752" s="14" t="s">
        <v>1</v>
      </c>
      <c r="C131752" s="14" t="s">
        <v>596</v>
      </c>
      <c r="D131752" s="14" t="s">
        <v>193</v>
      </c>
      <c r="E131752" s="15">
        <v>45728</v>
      </c>
      <c r="F131752" s="14" t="s">
        <v>15</v>
      </c>
      <c r="G131752" s="16">
        <v>0</v>
      </c>
    </row>
    <row r="131753" spans="1:7" x14ac:dyDescent="0.3">
      <c r="A131753" s="13" t="s">
        <v>598</v>
      </c>
      <c r="B131753" s="14" t="s">
        <v>1</v>
      </c>
      <c r="C131753" s="14" t="s">
        <v>596</v>
      </c>
      <c r="D131753" s="14" t="s">
        <v>193</v>
      </c>
      <c r="E131753" s="15">
        <v>45729</v>
      </c>
      <c r="F131753" s="14" t="s">
        <v>15</v>
      </c>
      <c r="G131753" s="16">
        <v>0</v>
      </c>
    </row>
    <row r="131754" spans="1:7" x14ac:dyDescent="0.3">
      <c r="A131754" s="13" t="s">
        <v>598</v>
      </c>
      <c r="B131754" s="14" t="s">
        <v>1</v>
      </c>
      <c r="C131754" s="14" t="s">
        <v>596</v>
      </c>
      <c r="D131754" s="14" t="s">
        <v>193</v>
      </c>
      <c r="E131754" s="15">
        <v>45730</v>
      </c>
      <c r="F131754" s="14" t="s">
        <v>15</v>
      </c>
      <c r="G131754" s="16">
        <v>0</v>
      </c>
    </row>
    <row r="131755" spans="1:7" x14ac:dyDescent="0.3">
      <c r="A131755" s="13" t="s">
        <v>598</v>
      </c>
      <c r="B131755" s="14" t="s">
        <v>1</v>
      </c>
      <c r="C131755" s="14" t="s">
        <v>596</v>
      </c>
      <c r="D131755" s="14" t="s">
        <v>193</v>
      </c>
      <c r="E131755" s="15">
        <v>45731</v>
      </c>
      <c r="F131755" s="14" t="s">
        <v>15</v>
      </c>
      <c r="G131755" s="16">
        <v>0</v>
      </c>
    </row>
    <row r="131756" spans="1:7" x14ac:dyDescent="0.3">
      <c r="A131756" s="13" t="s">
        <v>598</v>
      </c>
      <c r="B131756" s="14" t="s">
        <v>1</v>
      </c>
      <c r="C131756" s="14" t="s">
        <v>596</v>
      </c>
      <c r="D131756" s="14" t="s">
        <v>193</v>
      </c>
      <c r="E131756" s="15">
        <v>45732</v>
      </c>
      <c r="F131756" s="14" t="s">
        <v>15</v>
      </c>
      <c r="G131756" s="16">
        <v>0</v>
      </c>
    </row>
    <row r="131757" spans="1:7" x14ac:dyDescent="0.3">
      <c r="A131757" s="13" t="s">
        <v>598</v>
      </c>
      <c r="B131757" s="14" t="s">
        <v>1</v>
      </c>
      <c r="C131757" s="14" t="s">
        <v>596</v>
      </c>
      <c r="D131757" s="14" t="s">
        <v>193</v>
      </c>
      <c r="E131757" s="15">
        <v>45733</v>
      </c>
      <c r="F131757" s="14" t="s">
        <v>15</v>
      </c>
      <c r="G131757" s="16">
        <v>0</v>
      </c>
    </row>
    <row r="131758" spans="1:7" x14ac:dyDescent="0.3">
      <c r="A131758" s="13" t="s">
        <v>598</v>
      </c>
      <c r="B131758" s="14" t="s">
        <v>1</v>
      </c>
      <c r="C131758" s="14" t="s">
        <v>596</v>
      </c>
      <c r="D131758" s="14" t="s">
        <v>193</v>
      </c>
      <c r="E131758" s="15">
        <v>45734</v>
      </c>
      <c r="F131758" s="14" t="s">
        <v>15</v>
      </c>
      <c r="G131758" s="16">
        <v>0</v>
      </c>
    </row>
    <row r="131759" spans="1:7" x14ac:dyDescent="0.3">
      <c r="A131759" s="13" t="s">
        <v>598</v>
      </c>
      <c r="B131759" s="14" t="s">
        <v>1</v>
      </c>
      <c r="C131759" s="14" t="s">
        <v>596</v>
      </c>
      <c r="D131759" s="14" t="s">
        <v>193</v>
      </c>
      <c r="E131759" s="15">
        <v>45735</v>
      </c>
      <c r="F131759" s="14" t="s">
        <v>15</v>
      </c>
      <c r="G131759" s="16">
        <v>0</v>
      </c>
    </row>
    <row r="131760" spans="1:7" x14ac:dyDescent="0.3">
      <c r="A131760" s="13" t="s">
        <v>598</v>
      </c>
      <c r="B131760" s="14" t="s">
        <v>1</v>
      </c>
      <c r="C131760" s="14" t="s">
        <v>596</v>
      </c>
      <c r="D131760" s="14" t="s">
        <v>193</v>
      </c>
      <c r="E131760" s="15">
        <v>45736</v>
      </c>
      <c r="F131760" s="14" t="s">
        <v>15</v>
      </c>
      <c r="G131760" s="16">
        <v>0</v>
      </c>
    </row>
    <row r="131761" spans="1:7" x14ac:dyDescent="0.3">
      <c r="A131761" s="13" t="s">
        <v>598</v>
      </c>
      <c r="B131761" s="14" t="s">
        <v>1</v>
      </c>
      <c r="C131761" s="14" t="s">
        <v>596</v>
      </c>
      <c r="D131761" s="14" t="s">
        <v>193</v>
      </c>
      <c r="E131761" s="15">
        <v>45737</v>
      </c>
      <c r="F131761" s="14" t="s">
        <v>15</v>
      </c>
      <c r="G131761" s="16">
        <v>0</v>
      </c>
    </row>
    <row r="131762" spans="1:7" x14ac:dyDescent="0.3">
      <c r="A131762" s="13" t="s">
        <v>598</v>
      </c>
      <c r="B131762" s="14" t="s">
        <v>1</v>
      </c>
      <c r="C131762" s="14" t="s">
        <v>596</v>
      </c>
      <c r="D131762" s="14" t="s">
        <v>193</v>
      </c>
      <c r="E131762" s="15">
        <v>45738</v>
      </c>
      <c r="F131762" s="14" t="s">
        <v>15</v>
      </c>
      <c r="G131762" s="16">
        <v>0</v>
      </c>
    </row>
    <row r="131763" spans="1:7" x14ac:dyDescent="0.3">
      <c r="A131763" s="13" t="s">
        <v>598</v>
      </c>
      <c r="B131763" s="14" t="s">
        <v>1</v>
      </c>
      <c r="C131763" s="14" t="s">
        <v>596</v>
      </c>
      <c r="D131763" s="14" t="s">
        <v>193</v>
      </c>
      <c r="E131763" s="15">
        <v>45739</v>
      </c>
      <c r="F131763" s="14" t="s">
        <v>15</v>
      </c>
      <c r="G131763" s="16">
        <v>0</v>
      </c>
    </row>
    <row r="131764" spans="1:7" x14ac:dyDescent="0.3">
      <c r="A131764" s="13" t="s">
        <v>598</v>
      </c>
      <c r="B131764" s="14" t="s">
        <v>1</v>
      </c>
      <c r="C131764" s="14" t="s">
        <v>596</v>
      </c>
      <c r="D131764" s="14" t="s">
        <v>193</v>
      </c>
      <c r="E131764" s="15">
        <v>45740</v>
      </c>
      <c r="F131764" s="14" t="s">
        <v>15</v>
      </c>
      <c r="G131764" s="16">
        <v>0</v>
      </c>
    </row>
    <row r="131765" spans="1:7" x14ac:dyDescent="0.3">
      <c r="A131765" s="13" t="s">
        <v>598</v>
      </c>
      <c r="B131765" s="14" t="s">
        <v>1</v>
      </c>
      <c r="C131765" s="14" t="s">
        <v>596</v>
      </c>
      <c r="D131765" s="14" t="s">
        <v>193</v>
      </c>
      <c r="E131765" s="15">
        <v>45741</v>
      </c>
      <c r="F131765" s="14" t="s">
        <v>15</v>
      </c>
      <c r="G131765" s="16">
        <v>0</v>
      </c>
    </row>
    <row r="131766" spans="1:7" x14ac:dyDescent="0.3">
      <c r="A131766" s="13" t="s">
        <v>598</v>
      </c>
      <c r="B131766" s="14" t="s">
        <v>1</v>
      </c>
      <c r="C131766" s="14" t="s">
        <v>596</v>
      </c>
      <c r="D131766" s="14" t="s">
        <v>193</v>
      </c>
      <c r="E131766" s="15">
        <v>45742</v>
      </c>
      <c r="F131766" s="14" t="s">
        <v>15</v>
      </c>
      <c r="G131766" s="16">
        <v>0</v>
      </c>
    </row>
    <row r="131767" spans="1:7" x14ac:dyDescent="0.3">
      <c r="A131767" s="13" t="s">
        <v>598</v>
      </c>
      <c r="B131767" s="14" t="s">
        <v>1</v>
      </c>
      <c r="C131767" s="14" t="s">
        <v>596</v>
      </c>
      <c r="D131767" s="14" t="s">
        <v>193</v>
      </c>
      <c r="E131767" s="15">
        <v>45743</v>
      </c>
      <c r="F131767" s="14" t="s">
        <v>15</v>
      </c>
      <c r="G131767" s="16">
        <v>0</v>
      </c>
    </row>
    <row r="131768" spans="1:7" x14ac:dyDescent="0.3">
      <c r="A131768" s="13" t="s">
        <v>598</v>
      </c>
      <c r="B131768" s="14" t="s">
        <v>1</v>
      </c>
      <c r="C131768" s="14" t="s">
        <v>596</v>
      </c>
      <c r="D131768" s="14" t="s">
        <v>193</v>
      </c>
      <c r="E131768" s="15">
        <v>45744</v>
      </c>
      <c r="F131768" s="14" t="s">
        <v>15</v>
      </c>
      <c r="G131768" s="16">
        <v>0</v>
      </c>
    </row>
    <row r="131769" spans="1:7" x14ac:dyDescent="0.3">
      <c r="A131769" s="13" t="s">
        <v>598</v>
      </c>
      <c r="B131769" s="14" t="s">
        <v>1</v>
      </c>
      <c r="C131769" s="14" t="s">
        <v>596</v>
      </c>
      <c r="D131769" s="14" t="s">
        <v>193</v>
      </c>
      <c r="E131769" s="15">
        <v>45745</v>
      </c>
      <c r="F131769" s="14" t="s">
        <v>15</v>
      </c>
      <c r="G131769" s="16">
        <v>0</v>
      </c>
    </row>
    <row r="131770" spans="1:7" x14ac:dyDescent="0.3">
      <c r="A131770" s="13" t="s">
        <v>598</v>
      </c>
      <c r="B131770" s="14" t="s">
        <v>1</v>
      </c>
      <c r="C131770" s="14" t="s">
        <v>596</v>
      </c>
      <c r="D131770" s="14" t="s">
        <v>193</v>
      </c>
      <c r="E131770" s="15">
        <v>45746</v>
      </c>
      <c r="F131770" s="14" t="s">
        <v>15</v>
      </c>
      <c r="G131770" s="16">
        <v>0</v>
      </c>
    </row>
    <row r="131771" spans="1:7" x14ac:dyDescent="0.3">
      <c r="A131771" s="13" t="s">
        <v>598</v>
      </c>
      <c r="B131771" s="14" t="s">
        <v>1</v>
      </c>
      <c r="C131771" s="14" t="s">
        <v>596</v>
      </c>
      <c r="D131771" s="14" t="s">
        <v>193</v>
      </c>
      <c r="E131771" s="15">
        <v>45747</v>
      </c>
      <c r="F131771" s="14" t="s">
        <v>15</v>
      </c>
      <c r="G131771" s="16">
        <v>0</v>
      </c>
    </row>
    <row r="131772" spans="1:7" x14ac:dyDescent="0.3">
      <c r="A131772" s="13" t="s">
        <v>599</v>
      </c>
      <c r="B131772" s="14" t="s">
        <v>1</v>
      </c>
      <c r="C131772" s="14" t="s">
        <v>596</v>
      </c>
      <c r="D131772" s="14" t="s">
        <v>406</v>
      </c>
      <c r="E131772" s="15">
        <v>45383</v>
      </c>
      <c r="F131772" s="14" t="s">
        <v>15</v>
      </c>
      <c r="G131772" s="16">
        <v>0</v>
      </c>
    </row>
    <row r="131773" spans="1:7" x14ac:dyDescent="0.3">
      <c r="A131773" s="13" t="s">
        <v>599</v>
      </c>
      <c r="B131773" s="14" t="s">
        <v>1</v>
      </c>
      <c r="C131773" s="14" t="s">
        <v>596</v>
      </c>
      <c r="D131773" s="14" t="s">
        <v>406</v>
      </c>
      <c r="E131773" s="15">
        <v>45384</v>
      </c>
      <c r="F131773" s="14" t="s">
        <v>15</v>
      </c>
      <c r="G131773" s="16">
        <v>0</v>
      </c>
    </row>
    <row r="131774" spans="1:7" x14ac:dyDescent="0.3">
      <c r="A131774" s="13" t="s">
        <v>599</v>
      </c>
      <c r="B131774" s="14" t="s">
        <v>1</v>
      </c>
      <c r="C131774" s="14" t="s">
        <v>596</v>
      </c>
      <c r="D131774" s="14" t="s">
        <v>406</v>
      </c>
      <c r="E131774" s="15">
        <v>45385</v>
      </c>
      <c r="F131774" s="14" t="s">
        <v>15</v>
      </c>
      <c r="G131774" s="16">
        <v>0</v>
      </c>
    </row>
    <row r="131775" spans="1:7" x14ac:dyDescent="0.3">
      <c r="A131775" s="13" t="s">
        <v>599</v>
      </c>
      <c r="B131775" s="14" t="s">
        <v>1</v>
      </c>
      <c r="C131775" s="14" t="s">
        <v>596</v>
      </c>
      <c r="D131775" s="14" t="s">
        <v>406</v>
      </c>
      <c r="E131775" s="15">
        <v>45386</v>
      </c>
      <c r="F131775" s="14" t="s">
        <v>15</v>
      </c>
      <c r="G131775" s="16">
        <v>0</v>
      </c>
    </row>
    <row r="131776" spans="1:7" x14ac:dyDescent="0.3">
      <c r="A131776" s="13" t="s">
        <v>599</v>
      </c>
      <c r="B131776" s="14" t="s">
        <v>1</v>
      </c>
      <c r="C131776" s="14" t="s">
        <v>596</v>
      </c>
      <c r="D131776" s="14" t="s">
        <v>406</v>
      </c>
      <c r="E131776" s="15">
        <v>45387</v>
      </c>
      <c r="F131776" s="14" t="s">
        <v>15</v>
      </c>
      <c r="G131776" s="16">
        <v>0</v>
      </c>
    </row>
    <row r="131777" spans="1:7" x14ac:dyDescent="0.3">
      <c r="A131777" s="13" t="s">
        <v>599</v>
      </c>
      <c r="B131777" s="14" t="s">
        <v>1</v>
      </c>
      <c r="C131777" s="14" t="s">
        <v>596</v>
      </c>
      <c r="D131777" s="14" t="s">
        <v>406</v>
      </c>
      <c r="E131777" s="15">
        <v>45388</v>
      </c>
      <c r="F131777" s="14" t="s">
        <v>15</v>
      </c>
      <c r="G131777" s="16">
        <v>0</v>
      </c>
    </row>
    <row r="131778" spans="1:7" x14ac:dyDescent="0.3">
      <c r="A131778" s="13" t="s">
        <v>599</v>
      </c>
      <c r="B131778" s="14" t="s">
        <v>1</v>
      </c>
      <c r="C131778" s="14" t="s">
        <v>596</v>
      </c>
      <c r="D131778" s="14" t="s">
        <v>406</v>
      </c>
      <c r="E131778" s="15">
        <v>45389</v>
      </c>
      <c r="F131778" s="14" t="s">
        <v>15</v>
      </c>
      <c r="G131778" s="16">
        <v>0</v>
      </c>
    </row>
    <row r="131779" spans="1:7" x14ac:dyDescent="0.3">
      <c r="A131779" s="13" t="s">
        <v>599</v>
      </c>
      <c r="B131779" s="14" t="s">
        <v>1</v>
      </c>
      <c r="C131779" s="14" t="s">
        <v>596</v>
      </c>
      <c r="D131779" s="14" t="s">
        <v>406</v>
      </c>
      <c r="E131779" s="15">
        <v>45390</v>
      </c>
      <c r="F131779" s="14" t="s">
        <v>15</v>
      </c>
      <c r="G131779" s="16">
        <v>0</v>
      </c>
    </row>
    <row r="131780" spans="1:7" x14ac:dyDescent="0.3">
      <c r="A131780" s="13" t="s">
        <v>599</v>
      </c>
      <c r="B131780" s="14" t="s">
        <v>1</v>
      </c>
      <c r="C131780" s="14" t="s">
        <v>596</v>
      </c>
      <c r="D131780" s="14" t="s">
        <v>406</v>
      </c>
      <c r="E131780" s="15">
        <v>45391</v>
      </c>
      <c r="F131780" s="14" t="s">
        <v>15</v>
      </c>
      <c r="G131780" s="16">
        <v>0</v>
      </c>
    </row>
    <row r="131781" spans="1:7" x14ac:dyDescent="0.3">
      <c r="A131781" s="13" t="s">
        <v>599</v>
      </c>
      <c r="B131781" s="14" t="s">
        <v>1</v>
      </c>
      <c r="C131781" s="14" t="s">
        <v>596</v>
      </c>
      <c r="D131781" s="14" t="s">
        <v>406</v>
      </c>
      <c r="E131781" s="15">
        <v>45392</v>
      </c>
      <c r="F131781" s="14" t="s">
        <v>15</v>
      </c>
      <c r="G131781" s="16">
        <v>0</v>
      </c>
    </row>
    <row r="131782" spans="1:7" x14ac:dyDescent="0.3">
      <c r="A131782" s="13" t="s">
        <v>599</v>
      </c>
      <c r="B131782" s="14" t="s">
        <v>1</v>
      </c>
      <c r="C131782" s="14" t="s">
        <v>596</v>
      </c>
      <c r="D131782" s="14" t="s">
        <v>406</v>
      </c>
      <c r="E131782" s="15">
        <v>45393</v>
      </c>
      <c r="F131782" s="14" t="s">
        <v>15</v>
      </c>
      <c r="G131782" s="16">
        <v>0</v>
      </c>
    </row>
    <row r="131783" spans="1:7" x14ac:dyDescent="0.3">
      <c r="A131783" s="13" t="s">
        <v>599</v>
      </c>
      <c r="B131783" s="14" t="s">
        <v>1</v>
      </c>
      <c r="C131783" s="14" t="s">
        <v>596</v>
      </c>
      <c r="D131783" s="14" t="s">
        <v>406</v>
      </c>
      <c r="E131783" s="15">
        <v>45394</v>
      </c>
      <c r="F131783" s="14" t="s">
        <v>15</v>
      </c>
      <c r="G131783" s="16">
        <v>0</v>
      </c>
    </row>
    <row r="131784" spans="1:7" x14ac:dyDescent="0.3">
      <c r="A131784" s="13" t="s">
        <v>599</v>
      </c>
      <c r="B131784" s="14" t="s">
        <v>1</v>
      </c>
      <c r="C131784" s="14" t="s">
        <v>596</v>
      </c>
      <c r="D131784" s="14" t="s">
        <v>406</v>
      </c>
      <c r="E131784" s="15">
        <v>45395</v>
      </c>
      <c r="F131784" s="14" t="s">
        <v>15</v>
      </c>
      <c r="G131784" s="16">
        <v>0</v>
      </c>
    </row>
    <row r="131785" spans="1:7" x14ac:dyDescent="0.3">
      <c r="A131785" s="13" t="s">
        <v>599</v>
      </c>
      <c r="B131785" s="14" t="s">
        <v>1</v>
      </c>
      <c r="C131785" s="14" t="s">
        <v>596</v>
      </c>
      <c r="D131785" s="14" t="s">
        <v>406</v>
      </c>
      <c r="E131785" s="15">
        <v>45396</v>
      </c>
      <c r="F131785" s="14" t="s">
        <v>15</v>
      </c>
      <c r="G131785" s="16">
        <v>0</v>
      </c>
    </row>
    <row r="131786" spans="1:7" x14ac:dyDescent="0.3">
      <c r="A131786" s="13" t="s">
        <v>599</v>
      </c>
      <c r="B131786" s="14" t="s">
        <v>1</v>
      </c>
      <c r="C131786" s="14" t="s">
        <v>596</v>
      </c>
      <c r="D131786" s="14" t="s">
        <v>406</v>
      </c>
      <c r="E131786" s="15">
        <v>45397</v>
      </c>
      <c r="F131786" s="14" t="s">
        <v>15</v>
      </c>
      <c r="G131786" s="16">
        <v>0</v>
      </c>
    </row>
    <row r="131787" spans="1:7" x14ac:dyDescent="0.3">
      <c r="A131787" s="13" t="s">
        <v>599</v>
      </c>
      <c r="B131787" s="14" t="s">
        <v>1</v>
      </c>
      <c r="C131787" s="14" t="s">
        <v>596</v>
      </c>
      <c r="D131787" s="14" t="s">
        <v>406</v>
      </c>
      <c r="E131787" s="15">
        <v>45398</v>
      </c>
      <c r="F131787" s="14" t="s">
        <v>15</v>
      </c>
      <c r="G131787" s="16">
        <v>0</v>
      </c>
    </row>
    <row r="131788" spans="1:7" x14ac:dyDescent="0.3">
      <c r="A131788" s="13" t="s">
        <v>599</v>
      </c>
      <c r="B131788" s="14" t="s">
        <v>1</v>
      </c>
      <c r="C131788" s="14" t="s">
        <v>596</v>
      </c>
      <c r="D131788" s="14" t="s">
        <v>406</v>
      </c>
      <c r="E131788" s="15">
        <v>45399</v>
      </c>
      <c r="F131788" s="14" t="s">
        <v>15</v>
      </c>
      <c r="G131788" s="16">
        <v>0</v>
      </c>
    </row>
    <row r="131789" spans="1:7" x14ac:dyDescent="0.3">
      <c r="A131789" s="13" t="s">
        <v>599</v>
      </c>
      <c r="B131789" s="14" t="s">
        <v>1</v>
      </c>
      <c r="C131789" s="14" t="s">
        <v>596</v>
      </c>
      <c r="D131789" s="14" t="s">
        <v>406</v>
      </c>
      <c r="E131789" s="15">
        <v>45400</v>
      </c>
      <c r="F131789" s="14" t="s">
        <v>15</v>
      </c>
      <c r="G131789" s="16">
        <v>0</v>
      </c>
    </row>
    <row r="131790" spans="1:7" x14ac:dyDescent="0.3">
      <c r="A131790" s="13" t="s">
        <v>599</v>
      </c>
      <c r="B131790" s="14" t="s">
        <v>1</v>
      </c>
      <c r="C131790" s="14" t="s">
        <v>596</v>
      </c>
      <c r="D131790" s="14" t="s">
        <v>406</v>
      </c>
      <c r="E131790" s="15">
        <v>45401</v>
      </c>
      <c r="F131790" s="14" t="s">
        <v>15</v>
      </c>
      <c r="G131790" s="16">
        <v>0</v>
      </c>
    </row>
    <row r="131791" spans="1:7" x14ac:dyDescent="0.3">
      <c r="A131791" s="13" t="s">
        <v>599</v>
      </c>
      <c r="B131791" s="14" t="s">
        <v>1</v>
      </c>
      <c r="C131791" s="14" t="s">
        <v>596</v>
      </c>
      <c r="D131791" s="14" t="s">
        <v>406</v>
      </c>
      <c r="E131791" s="15">
        <v>45402</v>
      </c>
      <c r="F131791" s="14" t="s">
        <v>15</v>
      </c>
      <c r="G131791" s="16">
        <v>0</v>
      </c>
    </row>
    <row r="131792" spans="1:7" x14ac:dyDescent="0.3">
      <c r="A131792" s="13" t="s">
        <v>599</v>
      </c>
      <c r="B131792" s="14" t="s">
        <v>1</v>
      </c>
      <c r="C131792" s="14" t="s">
        <v>596</v>
      </c>
      <c r="D131792" s="14" t="s">
        <v>406</v>
      </c>
      <c r="E131792" s="15">
        <v>45403</v>
      </c>
      <c r="F131792" s="14" t="s">
        <v>15</v>
      </c>
      <c r="G131792" s="16">
        <v>0</v>
      </c>
    </row>
    <row r="131793" spans="1:7" x14ac:dyDescent="0.3">
      <c r="A131793" s="13" t="s">
        <v>599</v>
      </c>
      <c r="B131793" s="14" t="s">
        <v>1</v>
      </c>
      <c r="C131793" s="14" t="s">
        <v>596</v>
      </c>
      <c r="D131793" s="14" t="s">
        <v>406</v>
      </c>
      <c r="E131793" s="15">
        <v>45404</v>
      </c>
      <c r="F131793" s="14" t="s">
        <v>15</v>
      </c>
      <c r="G131793" s="16">
        <v>0</v>
      </c>
    </row>
    <row r="131794" spans="1:7" x14ac:dyDescent="0.3">
      <c r="A131794" s="13" t="s">
        <v>599</v>
      </c>
      <c r="B131794" s="14" t="s">
        <v>1</v>
      </c>
      <c r="C131794" s="14" t="s">
        <v>596</v>
      </c>
      <c r="D131794" s="14" t="s">
        <v>406</v>
      </c>
      <c r="E131794" s="15">
        <v>45405</v>
      </c>
      <c r="F131794" s="14" t="s">
        <v>15</v>
      </c>
      <c r="G131794" s="16">
        <v>0</v>
      </c>
    </row>
    <row r="131795" spans="1:7" x14ac:dyDescent="0.3">
      <c r="A131795" s="13" t="s">
        <v>599</v>
      </c>
      <c r="B131795" s="14" t="s">
        <v>1</v>
      </c>
      <c r="C131795" s="14" t="s">
        <v>596</v>
      </c>
      <c r="D131795" s="14" t="s">
        <v>406</v>
      </c>
      <c r="E131795" s="15">
        <v>45406</v>
      </c>
      <c r="F131795" s="14" t="s">
        <v>15</v>
      </c>
      <c r="G131795" s="16">
        <v>0</v>
      </c>
    </row>
    <row r="131796" spans="1:7" x14ac:dyDescent="0.3">
      <c r="A131796" s="13" t="s">
        <v>599</v>
      </c>
      <c r="B131796" s="14" t="s">
        <v>1</v>
      </c>
      <c r="C131796" s="14" t="s">
        <v>596</v>
      </c>
      <c r="D131796" s="14" t="s">
        <v>406</v>
      </c>
      <c r="E131796" s="15">
        <v>45407</v>
      </c>
      <c r="F131796" s="14" t="s">
        <v>15</v>
      </c>
      <c r="G131796" s="16">
        <v>0</v>
      </c>
    </row>
    <row r="131797" spans="1:7" x14ac:dyDescent="0.3">
      <c r="A131797" s="13" t="s">
        <v>599</v>
      </c>
      <c r="B131797" s="14" t="s">
        <v>1</v>
      </c>
      <c r="C131797" s="14" t="s">
        <v>596</v>
      </c>
      <c r="D131797" s="14" t="s">
        <v>406</v>
      </c>
      <c r="E131797" s="15">
        <v>45408</v>
      </c>
      <c r="F131797" s="14" t="s">
        <v>15</v>
      </c>
      <c r="G131797" s="16">
        <v>0</v>
      </c>
    </row>
    <row r="131798" spans="1:7" x14ac:dyDescent="0.3">
      <c r="A131798" s="13" t="s">
        <v>599</v>
      </c>
      <c r="B131798" s="14" t="s">
        <v>1</v>
      </c>
      <c r="C131798" s="14" t="s">
        <v>596</v>
      </c>
      <c r="D131798" s="14" t="s">
        <v>406</v>
      </c>
      <c r="E131798" s="15">
        <v>45409</v>
      </c>
      <c r="F131798" s="14" t="s">
        <v>15</v>
      </c>
      <c r="G131798" s="16">
        <v>0</v>
      </c>
    </row>
    <row r="131799" spans="1:7" x14ac:dyDescent="0.3">
      <c r="A131799" s="13" t="s">
        <v>599</v>
      </c>
      <c r="B131799" s="14" t="s">
        <v>1</v>
      </c>
      <c r="C131799" s="14" t="s">
        <v>596</v>
      </c>
      <c r="D131799" s="14" t="s">
        <v>406</v>
      </c>
      <c r="E131799" s="15">
        <v>45410</v>
      </c>
      <c r="F131799" s="14" t="s">
        <v>15</v>
      </c>
      <c r="G131799" s="16">
        <v>0</v>
      </c>
    </row>
    <row r="131800" spans="1:7" x14ac:dyDescent="0.3">
      <c r="A131800" s="13" t="s">
        <v>599</v>
      </c>
      <c r="B131800" s="14" t="s">
        <v>1</v>
      </c>
      <c r="C131800" s="14" t="s">
        <v>596</v>
      </c>
      <c r="D131800" s="14" t="s">
        <v>406</v>
      </c>
      <c r="E131800" s="15">
        <v>45411</v>
      </c>
      <c r="F131800" s="14" t="s">
        <v>15</v>
      </c>
      <c r="G131800" s="16">
        <v>0</v>
      </c>
    </row>
    <row r="131801" spans="1:7" x14ac:dyDescent="0.3">
      <c r="A131801" s="13" t="s">
        <v>599</v>
      </c>
      <c r="B131801" s="14" t="s">
        <v>1</v>
      </c>
      <c r="C131801" s="14" t="s">
        <v>596</v>
      </c>
      <c r="D131801" s="14" t="s">
        <v>406</v>
      </c>
      <c r="E131801" s="15">
        <v>45412</v>
      </c>
      <c r="F131801" s="14" t="s">
        <v>15</v>
      </c>
      <c r="G131801" s="16">
        <v>0</v>
      </c>
    </row>
    <row r="131802" spans="1:7" x14ac:dyDescent="0.3">
      <c r="A131802" s="13" t="s">
        <v>599</v>
      </c>
      <c r="B131802" s="14" t="s">
        <v>1</v>
      </c>
      <c r="C131802" s="14" t="s">
        <v>596</v>
      </c>
      <c r="D131802" s="14" t="s">
        <v>406</v>
      </c>
      <c r="E131802" s="15">
        <v>45413</v>
      </c>
      <c r="F131802" s="14" t="s">
        <v>15</v>
      </c>
      <c r="G131802" s="16">
        <v>0</v>
      </c>
    </row>
    <row r="131803" spans="1:7" x14ac:dyDescent="0.3">
      <c r="A131803" s="13" t="s">
        <v>599</v>
      </c>
      <c r="B131803" s="14" t="s">
        <v>1</v>
      </c>
      <c r="C131803" s="14" t="s">
        <v>596</v>
      </c>
      <c r="D131803" s="14" t="s">
        <v>406</v>
      </c>
      <c r="E131803" s="15">
        <v>45414</v>
      </c>
      <c r="F131803" s="14" t="s">
        <v>15</v>
      </c>
      <c r="G131803" s="16">
        <v>0</v>
      </c>
    </row>
    <row r="131804" spans="1:7" x14ac:dyDescent="0.3">
      <c r="A131804" s="13" t="s">
        <v>599</v>
      </c>
      <c r="B131804" s="14" t="s">
        <v>1</v>
      </c>
      <c r="C131804" s="14" t="s">
        <v>596</v>
      </c>
      <c r="D131804" s="14" t="s">
        <v>406</v>
      </c>
      <c r="E131804" s="15">
        <v>45415</v>
      </c>
      <c r="F131804" s="14" t="s">
        <v>15</v>
      </c>
      <c r="G131804" s="16">
        <v>0</v>
      </c>
    </row>
    <row r="131805" spans="1:7" x14ac:dyDescent="0.3">
      <c r="A131805" s="13" t="s">
        <v>599</v>
      </c>
      <c r="B131805" s="14" t="s">
        <v>1</v>
      </c>
      <c r="C131805" s="14" t="s">
        <v>596</v>
      </c>
      <c r="D131805" s="14" t="s">
        <v>406</v>
      </c>
      <c r="E131805" s="15">
        <v>45416</v>
      </c>
      <c r="F131805" s="14" t="s">
        <v>15</v>
      </c>
      <c r="G131805" s="16">
        <v>0</v>
      </c>
    </row>
    <row r="131806" spans="1:7" x14ac:dyDescent="0.3">
      <c r="A131806" s="13" t="s">
        <v>599</v>
      </c>
      <c r="B131806" s="14" t="s">
        <v>1</v>
      </c>
      <c r="C131806" s="14" t="s">
        <v>596</v>
      </c>
      <c r="D131806" s="14" t="s">
        <v>406</v>
      </c>
      <c r="E131806" s="15">
        <v>45417</v>
      </c>
      <c r="F131806" s="14" t="s">
        <v>15</v>
      </c>
      <c r="G131806" s="16">
        <v>0</v>
      </c>
    </row>
    <row r="131807" spans="1:7" x14ac:dyDescent="0.3">
      <c r="A131807" s="13" t="s">
        <v>599</v>
      </c>
      <c r="B131807" s="14" t="s">
        <v>1</v>
      </c>
      <c r="C131807" s="14" t="s">
        <v>596</v>
      </c>
      <c r="D131807" s="14" t="s">
        <v>406</v>
      </c>
      <c r="E131807" s="15">
        <v>45418</v>
      </c>
      <c r="F131807" s="14" t="s">
        <v>15</v>
      </c>
      <c r="G131807" s="16">
        <v>0</v>
      </c>
    </row>
    <row r="131808" spans="1:7" x14ac:dyDescent="0.3">
      <c r="A131808" s="13" t="s">
        <v>599</v>
      </c>
      <c r="B131808" s="14" t="s">
        <v>1</v>
      </c>
      <c r="C131808" s="14" t="s">
        <v>596</v>
      </c>
      <c r="D131808" s="14" t="s">
        <v>406</v>
      </c>
      <c r="E131808" s="15">
        <v>45419</v>
      </c>
      <c r="F131808" s="14" t="s">
        <v>15</v>
      </c>
      <c r="G131808" s="16">
        <v>0</v>
      </c>
    </row>
    <row r="131809" spans="1:7" x14ac:dyDescent="0.3">
      <c r="A131809" s="13" t="s">
        <v>599</v>
      </c>
      <c r="B131809" s="14" t="s">
        <v>1</v>
      </c>
      <c r="C131809" s="14" t="s">
        <v>596</v>
      </c>
      <c r="D131809" s="14" t="s">
        <v>406</v>
      </c>
      <c r="E131809" s="15">
        <v>45420</v>
      </c>
      <c r="F131809" s="14" t="s">
        <v>15</v>
      </c>
      <c r="G131809" s="16">
        <v>0</v>
      </c>
    </row>
    <row r="131810" spans="1:7" x14ac:dyDescent="0.3">
      <c r="A131810" s="13" t="s">
        <v>599</v>
      </c>
      <c r="B131810" s="14" t="s">
        <v>1</v>
      </c>
      <c r="C131810" s="14" t="s">
        <v>596</v>
      </c>
      <c r="D131810" s="14" t="s">
        <v>406</v>
      </c>
      <c r="E131810" s="15">
        <v>45421</v>
      </c>
      <c r="F131810" s="14" t="s">
        <v>15</v>
      </c>
      <c r="G131810" s="16">
        <v>0</v>
      </c>
    </row>
    <row r="131811" spans="1:7" x14ac:dyDescent="0.3">
      <c r="A131811" s="13" t="s">
        <v>599</v>
      </c>
      <c r="B131811" s="14" t="s">
        <v>1</v>
      </c>
      <c r="C131811" s="14" t="s">
        <v>596</v>
      </c>
      <c r="D131811" s="14" t="s">
        <v>406</v>
      </c>
      <c r="E131811" s="15">
        <v>45422</v>
      </c>
      <c r="F131811" s="14" t="s">
        <v>15</v>
      </c>
      <c r="G131811" s="16">
        <v>0</v>
      </c>
    </row>
    <row r="131812" spans="1:7" x14ac:dyDescent="0.3">
      <c r="A131812" s="13" t="s">
        <v>599</v>
      </c>
      <c r="B131812" s="14" t="s">
        <v>1</v>
      </c>
      <c r="C131812" s="14" t="s">
        <v>596</v>
      </c>
      <c r="D131812" s="14" t="s">
        <v>406</v>
      </c>
      <c r="E131812" s="15">
        <v>45423</v>
      </c>
      <c r="F131812" s="14" t="s">
        <v>15</v>
      </c>
      <c r="G131812" s="16">
        <v>0</v>
      </c>
    </row>
    <row r="131813" spans="1:7" x14ac:dyDescent="0.3">
      <c r="A131813" s="13" t="s">
        <v>599</v>
      </c>
      <c r="B131813" s="14" t="s">
        <v>1</v>
      </c>
      <c r="C131813" s="14" t="s">
        <v>596</v>
      </c>
      <c r="D131813" s="14" t="s">
        <v>406</v>
      </c>
      <c r="E131813" s="15">
        <v>45424</v>
      </c>
      <c r="F131813" s="14" t="s">
        <v>15</v>
      </c>
      <c r="G131813" s="16">
        <v>0</v>
      </c>
    </row>
    <row r="131814" spans="1:7" x14ac:dyDescent="0.3">
      <c r="A131814" s="13" t="s">
        <v>599</v>
      </c>
      <c r="B131814" s="14" t="s">
        <v>1</v>
      </c>
      <c r="C131814" s="14" t="s">
        <v>596</v>
      </c>
      <c r="D131814" s="14" t="s">
        <v>406</v>
      </c>
      <c r="E131814" s="15">
        <v>45425</v>
      </c>
      <c r="F131814" s="14" t="s">
        <v>15</v>
      </c>
      <c r="G131814" s="16">
        <v>0</v>
      </c>
    </row>
    <row r="131815" spans="1:7" x14ac:dyDescent="0.3">
      <c r="A131815" s="13" t="s">
        <v>599</v>
      </c>
      <c r="B131815" s="14" t="s">
        <v>1</v>
      </c>
      <c r="C131815" s="14" t="s">
        <v>596</v>
      </c>
      <c r="D131815" s="14" t="s">
        <v>406</v>
      </c>
      <c r="E131815" s="15">
        <v>45426</v>
      </c>
      <c r="F131815" s="14" t="s">
        <v>15</v>
      </c>
      <c r="G131815" s="16">
        <v>0</v>
      </c>
    </row>
    <row r="131816" spans="1:7" x14ac:dyDescent="0.3">
      <c r="A131816" s="13" t="s">
        <v>599</v>
      </c>
      <c r="B131816" s="14" t="s">
        <v>1</v>
      </c>
      <c r="C131816" s="14" t="s">
        <v>596</v>
      </c>
      <c r="D131816" s="14" t="s">
        <v>406</v>
      </c>
      <c r="E131816" s="15">
        <v>45427</v>
      </c>
      <c r="F131816" s="14" t="s">
        <v>15</v>
      </c>
      <c r="G131816" s="16">
        <v>0</v>
      </c>
    </row>
    <row r="131817" spans="1:7" x14ac:dyDescent="0.3">
      <c r="A131817" s="13" t="s">
        <v>599</v>
      </c>
      <c r="B131817" s="14" t="s">
        <v>1</v>
      </c>
      <c r="C131817" s="14" t="s">
        <v>596</v>
      </c>
      <c r="D131817" s="14" t="s">
        <v>406</v>
      </c>
      <c r="E131817" s="15">
        <v>45428</v>
      </c>
      <c r="F131817" s="14" t="s">
        <v>15</v>
      </c>
      <c r="G131817" s="16">
        <v>0</v>
      </c>
    </row>
    <row r="131818" spans="1:7" x14ac:dyDescent="0.3">
      <c r="A131818" s="13" t="s">
        <v>599</v>
      </c>
      <c r="B131818" s="14" t="s">
        <v>1</v>
      </c>
      <c r="C131818" s="14" t="s">
        <v>596</v>
      </c>
      <c r="D131818" s="14" t="s">
        <v>406</v>
      </c>
      <c r="E131818" s="15">
        <v>45429</v>
      </c>
      <c r="F131818" s="14" t="s">
        <v>15</v>
      </c>
      <c r="G131818" s="16">
        <v>0</v>
      </c>
    </row>
    <row r="131819" spans="1:7" x14ac:dyDescent="0.3">
      <c r="A131819" s="13" t="s">
        <v>599</v>
      </c>
      <c r="B131819" s="14" t="s">
        <v>1</v>
      </c>
      <c r="C131819" s="14" t="s">
        <v>596</v>
      </c>
      <c r="D131819" s="14" t="s">
        <v>406</v>
      </c>
      <c r="E131819" s="15">
        <v>45430</v>
      </c>
      <c r="F131819" s="14" t="s">
        <v>15</v>
      </c>
      <c r="G131819" s="16">
        <v>0</v>
      </c>
    </row>
    <row r="131820" spans="1:7" x14ac:dyDescent="0.3">
      <c r="A131820" s="13" t="s">
        <v>599</v>
      </c>
      <c r="B131820" s="14" t="s">
        <v>1</v>
      </c>
      <c r="C131820" s="14" t="s">
        <v>596</v>
      </c>
      <c r="D131820" s="14" t="s">
        <v>406</v>
      </c>
      <c r="E131820" s="15">
        <v>45431</v>
      </c>
      <c r="F131820" s="14" t="s">
        <v>15</v>
      </c>
      <c r="G131820" s="16">
        <v>0</v>
      </c>
    </row>
    <row r="131821" spans="1:7" x14ac:dyDescent="0.3">
      <c r="A131821" s="13" t="s">
        <v>599</v>
      </c>
      <c r="B131821" s="14" t="s">
        <v>1</v>
      </c>
      <c r="C131821" s="14" t="s">
        <v>596</v>
      </c>
      <c r="D131821" s="14" t="s">
        <v>406</v>
      </c>
      <c r="E131821" s="15">
        <v>45432</v>
      </c>
      <c r="F131821" s="14" t="s">
        <v>15</v>
      </c>
      <c r="G131821" s="16">
        <v>0</v>
      </c>
    </row>
    <row r="131822" spans="1:7" x14ac:dyDescent="0.3">
      <c r="A131822" s="13" t="s">
        <v>599</v>
      </c>
      <c r="B131822" s="14" t="s">
        <v>1</v>
      </c>
      <c r="C131822" s="14" t="s">
        <v>596</v>
      </c>
      <c r="D131822" s="14" t="s">
        <v>406</v>
      </c>
      <c r="E131822" s="15">
        <v>45433</v>
      </c>
      <c r="F131822" s="14" t="s">
        <v>15</v>
      </c>
      <c r="G131822" s="16">
        <v>0</v>
      </c>
    </row>
    <row r="131823" spans="1:7" x14ac:dyDescent="0.3">
      <c r="A131823" s="13" t="s">
        <v>599</v>
      </c>
      <c r="B131823" s="14" t="s">
        <v>1</v>
      </c>
      <c r="C131823" s="14" t="s">
        <v>596</v>
      </c>
      <c r="D131823" s="14" t="s">
        <v>406</v>
      </c>
      <c r="E131823" s="15">
        <v>45434</v>
      </c>
      <c r="F131823" s="14" t="s">
        <v>15</v>
      </c>
      <c r="G131823" s="16">
        <v>0</v>
      </c>
    </row>
    <row r="131824" spans="1:7" x14ac:dyDescent="0.3">
      <c r="A131824" s="13" t="s">
        <v>599</v>
      </c>
      <c r="B131824" s="14" t="s">
        <v>1</v>
      </c>
      <c r="C131824" s="14" t="s">
        <v>596</v>
      </c>
      <c r="D131824" s="14" t="s">
        <v>406</v>
      </c>
      <c r="E131824" s="15">
        <v>45435</v>
      </c>
      <c r="F131824" s="14" t="s">
        <v>15</v>
      </c>
      <c r="G131824" s="16">
        <v>0</v>
      </c>
    </row>
    <row r="131825" spans="1:7" x14ac:dyDescent="0.3">
      <c r="A131825" s="13" t="s">
        <v>599</v>
      </c>
      <c r="B131825" s="14" t="s">
        <v>1</v>
      </c>
      <c r="C131825" s="14" t="s">
        <v>596</v>
      </c>
      <c r="D131825" s="14" t="s">
        <v>406</v>
      </c>
      <c r="E131825" s="15">
        <v>45436</v>
      </c>
      <c r="F131825" s="14" t="s">
        <v>15</v>
      </c>
      <c r="G131825" s="16">
        <v>0</v>
      </c>
    </row>
    <row r="131826" spans="1:7" x14ac:dyDescent="0.3">
      <c r="A131826" s="13" t="s">
        <v>599</v>
      </c>
      <c r="B131826" s="14" t="s">
        <v>1</v>
      </c>
      <c r="C131826" s="14" t="s">
        <v>596</v>
      </c>
      <c r="D131826" s="14" t="s">
        <v>406</v>
      </c>
      <c r="E131826" s="15">
        <v>45437</v>
      </c>
      <c r="F131826" s="14" t="s">
        <v>15</v>
      </c>
      <c r="G131826" s="16">
        <v>0</v>
      </c>
    </row>
    <row r="131827" spans="1:7" x14ac:dyDescent="0.3">
      <c r="A131827" s="13" t="s">
        <v>599</v>
      </c>
      <c r="B131827" s="14" t="s">
        <v>1</v>
      </c>
      <c r="C131827" s="14" t="s">
        <v>596</v>
      </c>
      <c r="D131827" s="14" t="s">
        <v>406</v>
      </c>
      <c r="E131827" s="15">
        <v>45438</v>
      </c>
      <c r="F131827" s="14" t="s">
        <v>15</v>
      </c>
      <c r="G131827" s="16">
        <v>0</v>
      </c>
    </row>
    <row r="131828" spans="1:7" x14ac:dyDescent="0.3">
      <c r="A131828" s="13" t="s">
        <v>599</v>
      </c>
      <c r="B131828" s="14" t="s">
        <v>1</v>
      </c>
      <c r="C131828" s="14" t="s">
        <v>596</v>
      </c>
      <c r="D131828" s="14" t="s">
        <v>406</v>
      </c>
      <c r="E131828" s="15">
        <v>45439</v>
      </c>
      <c r="F131828" s="14" t="s">
        <v>15</v>
      </c>
      <c r="G131828" s="16">
        <v>0</v>
      </c>
    </row>
    <row r="131829" spans="1:7" x14ac:dyDescent="0.3">
      <c r="A131829" s="13" t="s">
        <v>599</v>
      </c>
      <c r="B131829" s="14" t="s">
        <v>1</v>
      </c>
      <c r="C131829" s="14" t="s">
        <v>596</v>
      </c>
      <c r="D131829" s="14" t="s">
        <v>406</v>
      </c>
      <c r="E131829" s="15">
        <v>45440</v>
      </c>
      <c r="F131829" s="14" t="s">
        <v>15</v>
      </c>
      <c r="G131829" s="16">
        <v>0</v>
      </c>
    </row>
    <row r="131830" spans="1:7" x14ac:dyDescent="0.3">
      <c r="A131830" s="13" t="s">
        <v>599</v>
      </c>
      <c r="B131830" s="14" t="s">
        <v>1</v>
      </c>
      <c r="C131830" s="14" t="s">
        <v>596</v>
      </c>
      <c r="D131830" s="14" t="s">
        <v>406</v>
      </c>
      <c r="E131830" s="15">
        <v>45441</v>
      </c>
      <c r="F131830" s="14" t="s">
        <v>15</v>
      </c>
      <c r="G131830" s="16">
        <v>0</v>
      </c>
    </row>
    <row r="131831" spans="1:7" x14ac:dyDescent="0.3">
      <c r="A131831" s="13" t="s">
        <v>599</v>
      </c>
      <c r="B131831" s="14" t="s">
        <v>1</v>
      </c>
      <c r="C131831" s="14" t="s">
        <v>596</v>
      </c>
      <c r="D131831" s="14" t="s">
        <v>406</v>
      </c>
      <c r="E131831" s="15">
        <v>45442</v>
      </c>
      <c r="F131831" s="14" t="s">
        <v>15</v>
      </c>
      <c r="G131831" s="16">
        <v>0</v>
      </c>
    </row>
    <row r="131832" spans="1:7" x14ac:dyDescent="0.3">
      <c r="A131832" s="13" t="s">
        <v>599</v>
      </c>
      <c r="B131832" s="14" t="s">
        <v>1</v>
      </c>
      <c r="C131832" s="14" t="s">
        <v>596</v>
      </c>
      <c r="D131832" s="14" t="s">
        <v>406</v>
      </c>
      <c r="E131832" s="15">
        <v>45443</v>
      </c>
      <c r="F131832" s="14" t="s">
        <v>15</v>
      </c>
      <c r="G131832" s="16">
        <v>0</v>
      </c>
    </row>
    <row r="131833" spans="1:7" x14ac:dyDescent="0.3">
      <c r="A131833" s="13" t="s">
        <v>599</v>
      </c>
      <c r="B131833" s="14" t="s">
        <v>1</v>
      </c>
      <c r="C131833" s="14" t="s">
        <v>596</v>
      </c>
      <c r="D131833" s="14" t="s">
        <v>406</v>
      </c>
      <c r="E131833" s="15">
        <v>45444</v>
      </c>
      <c r="F131833" s="14" t="s">
        <v>15</v>
      </c>
      <c r="G131833" s="16">
        <v>0</v>
      </c>
    </row>
    <row r="131834" spans="1:7" x14ac:dyDescent="0.3">
      <c r="A131834" s="13" t="s">
        <v>599</v>
      </c>
      <c r="B131834" s="14" t="s">
        <v>1</v>
      </c>
      <c r="C131834" s="14" t="s">
        <v>596</v>
      </c>
      <c r="D131834" s="14" t="s">
        <v>406</v>
      </c>
      <c r="E131834" s="15">
        <v>45445</v>
      </c>
      <c r="F131834" s="14" t="s">
        <v>15</v>
      </c>
      <c r="G131834" s="16">
        <v>0</v>
      </c>
    </row>
    <row r="131835" spans="1:7" x14ac:dyDescent="0.3">
      <c r="A131835" s="13" t="s">
        <v>599</v>
      </c>
      <c r="B131835" s="14" t="s">
        <v>1</v>
      </c>
      <c r="C131835" s="14" t="s">
        <v>596</v>
      </c>
      <c r="D131835" s="14" t="s">
        <v>406</v>
      </c>
      <c r="E131835" s="15">
        <v>45446</v>
      </c>
      <c r="F131835" s="14" t="s">
        <v>15</v>
      </c>
      <c r="G131835" s="16">
        <v>0</v>
      </c>
    </row>
    <row r="131836" spans="1:7" x14ac:dyDescent="0.3">
      <c r="A131836" s="13" t="s">
        <v>599</v>
      </c>
      <c r="B131836" s="14" t="s">
        <v>1</v>
      </c>
      <c r="C131836" s="14" t="s">
        <v>596</v>
      </c>
      <c r="D131836" s="14" t="s">
        <v>406</v>
      </c>
      <c r="E131836" s="15">
        <v>45447</v>
      </c>
      <c r="F131836" s="14" t="s">
        <v>15</v>
      </c>
      <c r="G131836" s="16">
        <v>0</v>
      </c>
    </row>
    <row r="131837" spans="1:7" x14ac:dyDescent="0.3">
      <c r="A131837" s="13" t="s">
        <v>599</v>
      </c>
      <c r="B131837" s="14" t="s">
        <v>1</v>
      </c>
      <c r="C131837" s="14" t="s">
        <v>596</v>
      </c>
      <c r="D131837" s="14" t="s">
        <v>406</v>
      </c>
      <c r="E131837" s="15">
        <v>45448</v>
      </c>
      <c r="F131837" s="14" t="s">
        <v>15</v>
      </c>
      <c r="G131837" s="16">
        <v>0</v>
      </c>
    </row>
    <row r="131838" spans="1:7" x14ac:dyDescent="0.3">
      <c r="A131838" s="13" t="s">
        <v>599</v>
      </c>
      <c r="B131838" s="14" t="s">
        <v>1</v>
      </c>
      <c r="C131838" s="14" t="s">
        <v>596</v>
      </c>
      <c r="D131838" s="14" t="s">
        <v>406</v>
      </c>
      <c r="E131838" s="15">
        <v>45449</v>
      </c>
      <c r="F131838" s="14" t="s">
        <v>15</v>
      </c>
      <c r="G131838" s="16">
        <v>0</v>
      </c>
    </row>
    <row r="131839" spans="1:7" x14ac:dyDescent="0.3">
      <c r="A131839" s="13" t="s">
        <v>599</v>
      </c>
      <c r="B131839" s="14" t="s">
        <v>1</v>
      </c>
      <c r="C131839" s="14" t="s">
        <v>596</v>
      </c>
      <c r="D131839" s="14" t="s">
        <v>406</v>
      </c>
      <c r="E131839" s="15">
        <v>45450</v>
      </c>
      <c r="F131839" s="14" t="s">
        <v>15</v>
      </c>
      <c r="G131839" s="16">
        <v>0</v>
      </c>
    </row>
    <row r="131840" spans="1:7" x14ac:dyDescent="0.3">
      <c r="A131840" s="13" t="s">
        <v>599</v>
      </c>
      <c r="B131840" s="14" t="s">
        <v>1</v>
      </c>
      <c r="C131840" s="14" t="s">
        <v>596</v>
      </c>
      <c r="D131840" s="14" t="s">
        <v>406</v>
      </c>
      <c r="E131840" s="15">
        <v>45451</v>
      </c>
      <c r="F131840" s="14" t="s">
        <v>15</v>
      </c>
      <c r="G131840" s="16">
        <v>0</v>
      </c>
    </row>
    <row r="131841" spans="1:7" x14ac:dyDescent="0.3">
      <c r="A131841" s="13" t="s">
        <v>599</v>
      </c>
      <c r="B131841" s="14" t="s">
        <v>1</v>
      </c>
      <c r="C131841" s="14" t="s">
        <v>596</v>
      </c>
      <c r="D131841" s="14" t="s">
        <v>406</v>
      </c>
      <c r="E131841" s="15">
        <v>45452</v>
      </c>
      <c r="F131841" s="14" t="s">
        <v>15</v>
      </c>
      <c r="G131841" s="16">
        <v>0</v>
      </c>
    </row>
    <row r="131842" spans="1:7" x14ac:dyDescent="0.3">
      <c r="A131842" s="13" t="s">
        <v>599</v>
      </c>
      <c r="B131842" s="14" t="s">
        <v>1</v>
      </c>
      <c r="C131842" s="14" t="s">
        <v>596</v>
      </c>
      <c r="D131842" s="14" t="s">
        <v>406</v>
      </c>
      <c r="E131842" s="15">
        <v>45453</v>
      </c>
      <c r="F131842" s="14" t="s">
        <v>15</v>
      </c>
      <c r="G131842" s="16">
        <v>0</v>
      </c>
    </row>
    <row r="131843" spans="1:7" x14ac:dyDescent="0.3">
      <c r="A131843" s="13" t="s">
        <v>599</v>
      </c>
      <c r="B131843" s="14" t="s">
        <v>1</v>
      </c>
      <c r="C131843" s="14" t="s">
        <v>596</v>
      </c>
      <c r="D131843" s="14" t="s">
        <v>406</v>
      </c>
      <c r="E131843" s="15">
        <v>45454</v>
      </c>
      <c r="F131843" s="14" t="s">
        <v>15</v>
      </c>
      <c r="G131843" s="16">
        <v>0</v>
      </c>
    </row>
    <row r="131844" spans="1:7" x14ac:dyDescent="0.3">
      <c r="A131844" s="13" t="s">
        <v>599</v>
      </c>
      <c r="B131844" s="14" t="s">
        <v>1</v>
      </c>
      <c r="C131844" s="14" t="s">
        <v>596</v>
      </c>
      <c r="D131844" s="14" t="s">
        <v>406</v>
      </c>
      <c r="E131844" s="15">
        <v>45455</v>
      </c>
      <c r="F131844" s="14" t="s">
        <v>15</v>
      </c>
      <c r="G131844" s="16">
        <v>0</v>
      </c>
    </row>
    <row r="131845" spans="1:7" x14ac:dyDescent="0.3">
      <c r="A131845" s="13" t="s">
        <v>599</v>
      </c>
      <c r="B131845" s="14" t="s">
        <v>1</v>
      </c>
      <c r="C131845" s="14" t="s">
        <v>596</v>
      </c>
      <c r="D131845" s="14" t="s">
        <v>406</v>
      </c>
      <c r="E131845" s="15">
        <v>45456</v>
      </c>
      <c r="F131845" s="14" t="s">
        <v>15</v>
      </c>
      <c r="G131845" s="16">
        <v>0</v>
      </c>
    </row>
    <row r="131846" spans="1:7" x14ac:dyDescent="0.3">
      <c r="A131846" s="13" t="s">
        <v>599</v>
      </c>
      <c r="B131846" s="14" t="s">
        <v>1</v>
      </c>
      <c r="C131846" s="14" t="s">
        <v>596</v>
      </c>
      <c r="D131846" s="14" t="s">
        <v>406</v>
      </c>
      <c r="E131846" s="15">
        <v>45457</v>
      </c>
      <c r="F131846" s="14" t="s">
        <v>15</v>
      </c>
      <c r="G131846" s="16">
        <v>0</v>
      </c>
    </row>
    <row r="131847" spans="1:7" x14ac:dyDescent="0.3">
      <c r="A131847" s="13" t="s">
        <v>599</v>
      </c>
      <c r="B131847" s="14" t="s">
        <v>1</v>
      </c>
      <c r="C131847" s="14" t="s">
        <v>596</v>
      </c>
      <c r="D131847" s="14" t="s">
        <v>406</v>
      </c>
      <c r="E131847" s="15">
        <v>45458</v>
      </c>
      <c r="F131847" s="14" t="s">
        <v>15</v>
      </c>
      <c r="G131847" s="16">
        <v>0</v>
      </c>
    </row>
    <row r="131848" spans="1:7" x14ac:dyDescent="0.3">
      <c r="A131848" s="13" t="s">
        <v>599</v>
      </c>
      <c r="B131848" s="14" t="s">
        <v>1</v>
      </c>
      <c r="C131848" s="14" t="s">
        <v>596</v>
      </c>
      <c r="D131848" s="14" t="s">
        <v>406</v>
      </c>
      <c r="E131848" s="15">
        <v>45459</v>
      </c>
      <c r="F131848" s="14" t="s">
        <v>15</v>
      </c>
      <c r="G131848" s="16">
        <v>0</v>
      </c>
    </row>
    <row r="131849" spans="1:7" x14ac:dyDescent="0.3">
      <c r="A131849" s="13" t="s">
        <v>599</v>
      </c>
      <c r="B131849" s="14" t="s">
        <v>1</v>
      </c>
      <c r="C131849" s="14" t="s">
        <v>596</v>
      </c>
      <c r="D131849" s="14" t="s">
        <v>406</v>
      </c>
      <c r="E131849" s="15">
        <v>45460</v>
      </c>
      <c r="F131849" s="14" t="s">
        <v>15</v>
      </c>
      <c r="G131849" s="16">
        <v>0</v>
      </c>
    </row>
    <row r="131850" spans="1:7" x14ac:dyDescent="0.3">
      <c r="A131850" s="13" t="s">
        <v>599</v>
      </c>
      <c r="B131850" s="14" t="s">
        <v>1</v>
      </c>
      <c r="C131850" s="14" t="s">
        <v>596</v>
      </c>
      <c r="D131850" s="14" t="s">
        <v>406</v>
      </c>
      <c r="E131850" s="15">
        <v>45461</v>
      </c>
      <c r="F131850" s="14" t="s">
        <v>15</v>
      </c>
      <c r="G131850" s="16">
        <v>0</v>
      </c>
    </row>
    <row r="131851" spans="1:7" x14ac:dyDescent="0.3">
      <c r="A131851" s="13" t="s">
        <v>599</v>
      </c>
      <c r="B131851" s="14" t="s">
        <v>1</v>
      </c>
      <c r="C131851" s="14" t="s">
        <v>596</v>
      </c>
      <c r="D131851" s="14" t="s">
        <v>406</v>
      </c>
      <c r="E131851" s="15">
        <v>45462</v>
      </c>
      <c r="F131851" s="14" t="s">
        <v>15</v>
      </c>
      <c r="G131851" s="16">
        <v>0</v>
      </c>
    </row>
    <row r="131852" spans="1:7" x14ac:dyDescent="0.3">
      <c r="A131852" s="13" t="s">
        <v>599</v>
      </c>
      <c r="B131852" s="14" t="s">
        <v>1</v>
      </c>
      <c r="C131852" s="14" t="s">
        <v>596</v>
      </c>
      <c r="D131852" s="14" t="s">
        <v>406</v>
      </c>
      <c r="E131852" s="15">
        <v>45463</v>
      </c>
      <c r="F131852" s="14" t="s">
        <v>15</v>
      </c>
      <c r="G131852" s="16">
        <v>0</v>
      </c>
    </row>
    <row r="131853" spans="1:7" x14ac:dyDescent="0.3">
      <c r="A131853" s="13" t="s">
        <v>599</v>
      </c>
      <c r="B131853" s="14" t="s">
        <v>1</v>
      </c>
      <c r="C131853" s="14" t="s">
        <v>596</v>
      </c>
      <c r="D131853" s="14" t="s">
        <v>406</v>
      </c>
      <c r="E131853" s="15">
        <v>45464</v>
      </c>
      <c r="F131853" s="14" t="s">
        <v>15</v>
      </c>
      <c r="G131853" s="16">
        <v>0</v>
      </c>
    </row>
    <row r="131854" spans="1:7" x14ac:dyDescent="0.3">
      <c r="A131854" s="13" t="s">
        <v>599</v>
      </c>
      <c r="B131854" s="14" t="s">
        <v>1</v>
      </c>
      <c r="C131854" s="14" t="s">
        <v>596</v>
      </c>
      <c r="D131854" s="14" t="s">
        <v>406</v>
      </c>
      <c r="E131854" s="15">
        <v>45465</v>
      </c>
      <c r="F131854" s="14" t="s">
        <v>15</v>
      </c>
      <c r="G131854" s="16">
        <v>0</v>
      </c>
    </row>
    <row r="131855" spans="1:7" x14ac:dyDescent="0.3">
      <c r="A131855" s="13" t="s">
        <v>599</v>
      </c>
      <c r="B131855" s="14" t="s">
        <v>1</v>
      </c>
      <c r="C131855" s="14" t="s">
        <v>596</v>
      </c>
      <c r="D131855" s="14" t="s">
        <v>406</v>
      </c>
      <c r="E131855" s="15">
        <v>45466</v>
      </c>
      <c r="F131855" s="14" t="s">
        <v>15</v>
      </c>
      <c r="G131855" s="16">
        <v>0</v>
      </c>
    </row>
    <row r="131856" spans="1:7" x14ac:dyDescent="0.3">
      <c r="A131856" s="13" t="s">
        <v>599</v>
      </c>
      <c r="B131856" s="14" t="s">
        <v>1</v>
      </c>
      <c r="C131856" s="14" t="s">
        <v>596</v>
      </c>
      <c r="D131856" s="14" t="s">
        <v>406</v>
      </c>
      <c r="E131856" s="15">
        <v>45467</v>
      </c>
      <c r="F131856" s="14" t="s">
        <v>15</v>
      </c>
      <c r="G131856" s="16">
        <v>0</v>
      </c>
    </row>
    <row r="131857" spans="1:7" x14ac:dyDescent="0.3">
      <c r="A131857" s="13" t="s">
        <v>599</v>
      </c>
      <c r="B131857" s="14" t="s">
        <v>1</v>
      </c>
      <c r="C131857" s="14" t="s">
        <v>596</v>
      </c>
      <c r="D131857" s="14" t="s">
        <v>406</v>
      </c>
      <c r="E131857" s="15">
        <v>45468</v>
      </c>
      <c r="F131857" s="14" t="s">
        <v>15</v>
      </c>
      <c r="G131857" s="16">
        <v>0</v>
      </c>
    </row>
    <row r="131858" spans="1:7" x14ac:dyDescent="0.3">
      <c r="A131858" s="13" t="s">
        <v>599</v>
      </c>
      <c r="B131858" s="14" t="s">
        <v>1</v>
      </c>
      <c r="C131858" s="14" t="s">
        <v>596</v>
      </c>
      <c r="D131858" s="14" t="s">
        <v>406</v>
      </c>
      <c r="E131858" s="15">
        <v>45469</v>
      </c>
      <c r="F131858" s="14" t="s">
        <v>15</v>
      </c>
      <c r="G131858" s="16">
        <v>0</v>
      </c>
    </row>
    <row r="131859" spans="1:7" x14ac:dyDescent="0.3">
      <c r="A131859" s="13" t="s">
        <v>599</v>
      </c>
      <c r="B131859" s="14" t="s">
        <v>1</v>
      </c>
      <c r="C131859" s="14" t="s">
        <v>596</v>
      </c>
      <c r="D131859" s="14" t="s">
        <v>406</v>
      </c>
      <c r="E131859" s="15">
        <v>45470</v>
      </c>
      <c r="F131859" s="14" t="s">
        <v>15</v>
      </c>
      <c r="G131859" s="16">
        <v>0</v>
      </c>
    </row>
    <row r="131860" spans="1:7" x14ac:dyDescent="0.3">
      <c r="A131860" s="13" t="s">
        <v>599</v>
      </c>
      <c r="B131860" s="14" t="s">
        <v>1</v>
      </c>
      <c r="C131860" s="14" t="s">
        <v>596</v>
      </c>
      <c r="D131860" s="14" t="s">
        <v>406</v>
      </c>
      <c r="E131860" s="15">
        <v>45471</v>
      </c>
      <c r="F131860" s="14" t="s">
        <v>15</v>
      </c>
      <c r="G131860" s="16">
        <v>0</v>
      </c>
    </row>
    <row r="131861" spans="1:7" x14ac:dyDescent="0.3">
      <c r="A131861" s="13" t="s">
        <v>599</v>
      </c>
      <c r="B131861" s="14" t="s">
        <v>1</v>
      </c>
      <c r="C131861" s="14" t="s">
        <v>596</v>
      </c>
      <c r="D131861" s="14" t="s">
        <v>406</v>
      </c>
      <c r="E131861" s="15">
        <v>45472</v>
      </c>
      <c r="F131861" s="14" t="s">
        <v>15</v>
      </c>
      <c r="G131861" s="16">
        <v>0</v>
      </c>
    </row>
    <row r="131862" spans="1:7" x14ac:dyDescent="0.3">
      <c r="A131862" s="13" t="s">
        <v>599</v>
      </c>
      <c r="B131862" s="14" t="s">
        <v>1</v>
      </c>
      <c r="C131862" s="14" t="s">
        <v>596</v>
      </c>
      <c r="D131862" s="14" t="s">
        <v>406</v>
      </c>
      <c r="E131862" s="15">
        <v>45473</v>
      </c>
      <c r="F131862" s="14" t="s">
        <v>15</v>
      </c>
      <c r="G131862" s="16">
        <v>0</v>
      </c>
    </row>
    <row r="131863" spans="1:7" x14ac:dyDescent="0.3">
      <c r="A131863" s="13" t="s">
        <v>599</v>
      </c>
      <c r="B131863" s="14" t="s">
        <v>1</v>
      </c>
      <c r="C131863" s="14" t="s">
        <v>596</v>
      </c>
      <c r="D131863" s="14" t="s">
        <v>406</v>
      </c>
      <c r="E131863" s="15">
        <v>45474</v>
      </c>
      <c r="F131863" s="14" t="s">
        <v>15</v>
      </c>
      <c r="G131863" s="16">
        <v>0</v>
      </c>
    </row>
    <row r="131864" spans="1:7" x14ac:dyDescent="0.3">
      <c r="A131864" s="13" t="s">
        <v>599</v>
      </c>
      <c r="B131864" s="14" t="s">
        <v>1</v>
      </c>
      <c r="C131864" s="14" t="s">
        <v>596</v>
      </c>
      <c r="D131864" s="14" t="s">
        <v>406</v>
      </c>
      <c r="E131864" s="15">
        <v>45475</v>
      </c>
      <c r="F131864" s="14" t="s">
        <v>15</v>
      </c>
      <c r="G131864" s="16">
        <v>0</v>
      </c>
    </row>
    <row r="131865" spans="1:7" x14ac:dyDescent="0.3">
      <c r="A131865" s="13" t="s">
        <v>599</v>
      </c>
      <c r="B131865" s="14" t="s">
        <v>1</v>
      </c>
      <c r="C131865" s="14" t="s">
        <v>596</v>
      </c>
      <c r="D131865" s="14" t="s">
        <v>406</v>
      </c>
      <c r="E131865" s="15">
        <v>45476</v>
      </c>
      <c r="F131865" s="14" t="s">
        <v>15</v>
      </c>
      <c r="G131865" s="16">
        <v>0</v>
      </c>
    </row>
    <row r="131866" spans="1:7" x14ac:dyDescent="0.3">
      <c r="A131866" s="13" t="s">
        <v>599</v>
      </c>
      <c r="B131866" s="14" t="s">
        <v>1</v>
      </c>
      <c r="C131866" s="14" t="s">
        <v>596</v>
      </c>
      <c r="D131866" s="14" t="s">
        <v>406</v>
      </c>
      <c r="E131866" s="15">
        <v>45477</v>
      </c>
      <c r="F131866" s="14" t="s">
        <v>15</v>
      </c>
      <c r="G131866" s="16">
        <v>0</v>
      </c>
    </row>
    <row r="131867" spans="1:7" x14ac:dyDescent="0.3">
      <c r="A131867" s="13" t="s">
        <v>599</v>
      </c>
      <c r="B131867" s="14" t="s">
        <v>1</v>
      </c>
      <c r="C131867" s="14" t="s">
        <v>596</v>
      </c>
      <c r="D131867" s="14" t="s">
        <v>406</v>
      </c>
      <c r="E131867" s="15">
        <v>45478</v>
      </c>
      <c r="F131867" s="14" t="s">
        <v>15</v>
      </c>
      <c r="G131867" s="16">
        <v>0</v>
      </c>
    </row>
    <row r="131868" spans="1:7" x14ac:dyDescent="0.3">
      <c r="A131868" s="13" t="s">
        <v>599</v>
      </c>
      <c r="B131868" s="14" t="s">
        <v>1</v>
      </c>
      <c r="C131868" s="14" t="s">
        <v>596</v>
      </c>
      <c r="D131868" s="14" t="s">
        <v>406</v>
      </c>
      <c r="E131868" s="15">
        <v>45479</v>
      </c>
      <c r="F131868" s="14" t="s">
        <v>15</v>
      </c>
      <c r="G131868" s="16">
        <v>0</v>
      </c>
    </row>
    <row r="131869" spans="1:7" x14ac:dyDescent="0.3">
      <c r="A131869" s="13" t="s">
        <v>599</v>
      </c>
      <c r="B131869" s="14" t="s">
        <v>1</v>
      </c>
      <c r="C131869" s="14" t="s">
        <v>596</v>
      </c>
      <c r="D131869" s="14" t="s">
        <v>406</v>
      </c>
      <c r="E131869" s="15">
        <v>45480</v>
      </c>
      <c r="F131869" s="14" t="s">
        <v>15</v>
      </c>
      <c r="G131869" s="16">
        <v>0</v>
      </c>
    </row>
    <row r="131870" spans="1:7" x14ac:dyDescent="0.3">
      <c r="A131870" s="13" t="s">
        <v>599</v>
      </c>
      <c r="B131870" s="14" t="s">
        <v>1</v>
      </c>
      <c r="C131870" s="14" t="s">
        <v>596</v>
      </c>
      <c r="D131870" s="14" t="s">
        <v>406</v>
      </c>
      <c r="E131870" s="15">
        <v>45481</v>
      </c>
      <c r="F131870" s="14" t="s">
        <v>15</v>
      </c>
      <c r="G131870" s="16">
        <v>0</v>
      </c>
    </row>
    <row r="131871" spans="1:7" x14ac:dyDescent="0.3">
      <c r="A131871" s="13" t="s">
        <v>599</v>
      </c>
      <c r="B131871" s="14" t="s">
        <v>1</v>
      </c>
      <c r="C131871" s="14" t="s">
        <v>596</v>
      </c>
      <c r="D131871" s="14" t="s">
        <v>406</v>
      </c>
      <c r="E131871" s="15">
        <v>45482</v>
      </c>
      <c r="F131871" s="14" t="s">
        <v>15</v>
      </c>
      <c r="G131871" s="16">
        <v>0</v>
      </c>
    </row>
    <row r="131872" spans="1:7" x14ac:dyDescent="0.3">
      <c r="A131872" s="13" t="s">
        <v>599</v>
      </c>
      <c r="B131872" s="14" t="s">
        <v>1</v>
      </c>
      <c r="C131872" s="14" t="s">
        <v>596</v>
      </c>
      <c r="D131872" s="14" t="s">
        <v>406</v>
      </c>
      <c r="E131872" s="15">
        <v>45483</v>
      </c>
      <c r="F131872" s="14" t="s">
        <v>15</v>
      </c>
      <c r="G131872" s="16">
        <v>0</v>
      </c>
    </row>
    <row r="131873" spans="1:7" x14ac:dyDescent="0.3">
      <c r="A131873" s="13" t="s">
        <v>599</v>
      </c>
      <c r="B131873" s="14" t="s">
        <v>1</v>
      </c>
      <c r="C131873" s="14" t="s">
        <v>596</v>
      </c>
      <c r="D131873" s="14" t="s">
        <v>406</v>
      </c>
      <c r="E131873" s="15">
        <v>45484</v>
      </c>
      <c r="F131873" s="14" t="s">
        <v>15</v>
      </c>
      <c r="G131873" s="16">
        <v>0</v>
      </c>
    </row>
    <row r="131874" spans="1:7" x14ac:dyDescent="0.3">
      <c r="A131874" s="13" t="s">
        <v>599</v>
      </c>
      <c r="B131874" s="14" t="s">
        <v>1</v>
      </c>
      <c r="C131874" s="14" t="s">
        <v>596</v>
      </c>
      <c r="D131874" s="14" t="s">
        <v>406</v>
      </c>
      <c r="E131874" s="15">
        <v>45485</v>
      </c>
      <c r="F131874" s="14" t="s">
        <v>15</v>
      </c>
      <c r="G131874" s="16">
        <v>0</v>
      </c>
    </row>
    <row r="131875" spans="1:7" x14ac:dyDescent="0.3">
      <c r="A131875" s="13" t="s">
        <v>599</v>
      </c>
      <c r="B131875" s="14" t="s">
        <v>1</v>
      </c>
      <c r="C131875" s="14" t="s">
        <v>596</v>
      </c>
      <c r="D131875" s="14" t="s">
        <v>406</v>
      </c>
      <c r="E131875" s="15">
        <v>45486</v>
      </c>
      <c r="F131875" s="14" t="s">
        <v>15</v>
      </c>
      <c r="G131875" s="16">
        <v>0</v>
      </c>
    </row>
    <row r="131876" spans="1:7" x14ac:dyDescent="0.3">
      <c r="A131876" s="13" t="s">
        <v>599</v>
      </c>
      <c r="B131876" s="14" t="s">
        <v>1</v>
      </c>
      <c r="C131876" s="14" t="s">
        <v>596</v>
      </c>
      <c r="D131876" s="14" t="s">
        <v>406</v>
      </c>
      <c r="E131876" s="15">
        <v>45487</v>
      </c>
      <c r="F131876" s="14" t="s">
        <v>15</v>
      </c>
      <c r="G131876" s="16">
        <v>0</v>
      </c>
    </row>
    <row r="131877" spans="1:7" x14ac:dyDescent="0.3">
      <c r="A131877" s="13" t="s">
        <v>599</v>
      </c>
      <c r="B131877" s="14" t="s">
        <v>1</v>
      </c>
      <c r="C131877" s="14" t="s">
        <v>596</v>
      </c>
      <c r="D131877" s="14" t="s">
        <v>406</v>
      </c>
      <c r="E131877" s="15">
        <v>45488</v>
      </c>
      <c r="F131877" s="14" t="s">
        <v>15</v>
      </c>
      <c r="G131877" s="16">
        <v>0</v>
      </c>
    </row>
    <row r="131878" spans="1:7" x14ac:dyDescent="0.3">
      <c r="A131878" s="13" t="s">
        <v>599</v>
      </c>
      <c r="B131878" s="14" t="s">
        <v>1</v>
      </c>
      <c r="C131878" s="14" t="s">
        <v>596</v>
      </c>
      <c r="D131878" s="14" t="s">
        <v>406</v>
      </c>
      <c r="E131878" s="15">
        <v>45489</v>
      </c>
      <c r="F131878" s="14" t="s">
        <v>15</v>
      </c>
      <c r="G131878" s="16">
        <v>0</v>
      </c>
    </row>
    <row r="131879" spans="1:7" x14ac:dyDescent="0.3">
      <c r="A131879" s="13" t="s">
        <v>599</v>
      </c>
      <c r="B131879" s="14" t="s">
        <v>1</v>
      </c>
      <c r="C131879" s="14" t="s">
        <v>596</v>
      </c>
      <c r="D131879" s="14" t="s">
        <v>406</v>
      </c>
      <c r="E131879" s="15">
        <v>45490</v>
      </c>
      <c r="F131879" s="14" t="s">
        <v>15</v>
      </c>
      <c r="G131879" s="16">
        <v>0</v>
      </c>
    </row>
    <row r="131880" spans="1:7" x14ac:dyDescent="0.3">
      <c r="A131880" s="13" t="s">
        <v>599</v>
      </c>
      <c r="B131880" s="14" t="s">
        <v>1</v>
      </c>
      <c r="C131880" s="14" t="s">
        <v>596</v>
      </c>
      <c r="D131880" s="14" t="s">
        <v>406</v>
      </c>
      <c r="E131880" s="15">
        <v>45491</v>
      </c>
      <c r="F131880" s="14" t="s">
        <v>15</v>
      </c>
      <c r="G131880" s="16">
        <v>0</v>
      </c>
    </row>
    <row r="131881" spans="1:7" x14ac:dyDescent="0.3">
      <c r="A131881" s="13" t="s">
        <v>599</v>
      </c>
      <c r="B131881" s="14" t="s">
        <v>1</v>
      </c>
      <c r="C131881" s="14" t="s">
        <v>596</v>
      </c>
      <c r="D131881" s="14" t="s">
        <v>406</v>
      </c>
      <c r="E131881" s="15">
        <v>45492</v>
      </c>
      <c r="F131881" s="14" t="s">
        <v>15</v>
      </c>
      <c r="G131881" s="16">
        <v>0</v>
      </c>
    </row>
    <row r="131882" spans="1:7" x14ac:dyDescent="0.3">
      <c r="A131882" s="13" t="s">
        <v>599</v>
      </c>
      <c r="B131882" s="14" t="s">
        <v>1</v>
      </c>
      <c r="C131882" s="14" t="s">
        <v>596</v>
      </c>
      <c r="D131882" s="14" t="s">
        <v>406</v>
      </c>
      <c r="E131882" s="15">
        <v>45493</v>
      </c>
      <c r="F131882" s="14" t="s">
        <v>15</v>
      </c>
      <c r="G131882" s="16">
        <v>0</v>
      </c>
    </row>
    <row r="131883" spans="1:7" x14ac:dyDescent="0.3">
      <c r="A131883" s="13" t="s">
        <v>599</v>
      </c>
      <c r="B131883" s="14" t="s">
        <v>1</v>
      </c>
      <c r="C131883" s="14" t="s">
        <v>596</v>
      </c>
      <c r="D131883" s="14" t="s">
        <v>406</v>
      </c>
      <c r="E131883" s="15">
        <v>45494</v>
      </c>
      <c r="F131883" s="14" t="s">
        <v>15</v>
      </c>
      <c r="G131883" s="16">
        <v>0</v>
      </c>
    </row>
    <row r="131884" spans="1:7" x14ac:dyDescent="0.3">
      <c r="A131884" s="13" t="s">
        <v>599</v>
      </c>
      <c r="B131884" s="14" t="s">
        <v>1</v>
      </c>
      <c r="C131884" s="14" t="s">
        <v>596</v>
      </c>
      <c r="D131884" s="14" t="s">
        <v>406</v>
      </c>
      <c r="E131884" s="15">
        <v>45495</v>
      </c>
      <c r="F131884" s="14" t="s">
        <v>15</v>
      </c>
      <c r="G131884" s="16">
        <v>0</v>
      </c>
    </row>
    <row r="131885" spans="1:7" x14ac:dyDescent="0.3">
      <c r="A131885" s="13" t="s">
        <v>599</v>
      </c>
      <c r="B131885" s="14" t="s">
        <v>1</v>
      </c>
      <c r="C131885" s="14" t="s">
        <v>596</v>
      </c>
      <c r="D131885" s="14" t="s">
        <v>406</v>
      </c>
      <c r="E131885" s="15">
        <v>45496</v>
      </c>
      <c r="F131885" s="14" t="s">
        <v>15</v>
      </c>
      <c r="G131885" s="16">
        <v>0</v>
      </c>
    </row>
    <row r="131886" spans="1:7" x14ac:dyDescent="0.3">
      <c r="A131886" s="13" t="s">
        <v>599</v>
      </c>
      <c r="B131886" s="14" t="s">
        <v>1</v>
      </c>
      <c r="C131886" s="14" t="s">
        <v>596</v>
      </c>
      <c r="D131886" s="14" t="s">
        <v>406</v>
      </c>
      <c r="E131886" s="15">
        <v>45497</v>
      </c>
      <c r="F131886" s="14" t="s">
        <v>15</v>
      </c>
      <c r="G131886" s="16">
        <v>0</v>
      </c>
    </row>
    <row r="131887" spans="1:7" x14ac:dyDescent="0.3">
      <c r="A131887" s="13" t="s">
        <v>599</v>
      </c>
      <c r="B131887" s="14" t="s">
        <v>1</v>
      </c>
      <c r="C131887" s="14" t="s">
        <v>596</v>
      </c>
      <c r="D131887" s="14" t="s">
        <v>406</v>
      </c>
      <c r="E131887" s="15">
        <v>45498</v>
      </c>
      <c r="F131887" s="14" t="s">
        <v>15</v>
      </c>
      <c r="G131887" s="16">
        <v>0</v>
      </c>
    </row>
    <row r="131888" spans="1:7" x14ac:dyDescent="0.3">
      <c r="A131888" s="13" t="s">
        <v>599</v>
      </c>
      <c r="B131888" s="14" t="s">
        <v>1</v>
      </c>
      <c r="C131888" s="14" t="s">
        <v>596</v>
      </c>
      <c r="D131888" s="14" t="s">
        <v>406</v>
      </c>
      <c r="E131888" s="15">
        <v>45499</v>
      </c>
      <c r="F131888" s="14" t="s">
        <v>15</v>
      </c>
      <c r="G131888" s="16">
        <v>0</v>
      </c>
    </row>
    <row r="131889" spans="1:7" x14ac:dyDescent="0.3">
      <c r="A131889" s="13" t="s">
        <v>599</v>
      </c>
      <c r="B131889" s="14" t="s">
        <v>1</v>
      </c>
      <c r="C131889" s="14" t="s">
        <v>596</v>
      </c>
      <c r="D131889" s="14" t="s">
        <v>406</v>
      </c>
      <c r="E131889" s="15">
        <v>45500</v>
      </c>
      <c r="F131889" s="14" t="s">
        <v>15</v>
      </c>
      <c r="G131889" s="16">
        <v>0</v>
      </c>
    </row>
    <row r="131890" spans="1:7" x14ac:dyDescent="0.3">
      <c r="A131890" s="13" t="s">
        <v>599</v>
      </c>
      <c r="B131890" s="14" t="s">
        <v>1</v>
      </c>
      <c r="C131890" s="14" t="s">
        <v>596</v>
      </c>
      <c r="D131890" s="14" t="s">
        <v>406</v>
      </c>
      <c r="E131890" s="15">
        <v>45501</v>
      </c>
      <c r="F131890" s="14" t="s">
        <v>15</v>
      </c>
      <c r="G131890" s="16">
        <v>0</v>
      </c>
    </row>
    <row r="131891" spans="1:7" x14ac:dyDescent="0.3">
      <c r="A131891" s="13" t="s">
        <v>599</v>
      </c>
      <c r="B131891" s="14" t="s">
        <v>1</v>
      </c>
      <c r="C131891" s="14" t="s">
        <v>596</v>
      </c>
      <c r="D131891" s="14" t="s">
        <v>406</v>
      </c>
      <c r="E131891" s="15">
        <v>45502</v>
      </c>
      <c r="F131891" s="14" t="s">
        <v>15</v>
      </c>
      <c r="G131891" s="16">
        <v>0</v>
      </c>
    </row>
    <row r="131892" spans="1:7" x14ac:dyDescent="0.3">
      <c r="A131892" s="13" t="s">
        <v>599</v>
      </c>
      <c r="B131892" s="14" t="s">
        <v>1</v>
      </c>
      <c r="C131892" s="14" t="s">
        <v>596</v>
      </c>
      <c r="D131892" s="14" t="s">
        <v>406</v>
      </c>
      <c r="E131892" s="15">
        <v>45503</v>
      </c>
      <c r="F131892" s="14" t="s">
        <v>15</v>
      </c>
      <c r="G131892" s="16">
        <v>0</v>
      </c>
    </row>
    <row r="131893" spans="1:7" x14ac:dyDescent="0.3">
      <c r="A131893" s="13" t="s">
        <v>599</v>
      </c>
      <c r="B131893" s="14" t="s">
        <v>1</v>
      </c>
      <c r="C131893" s="14" t="s">
        <v>596</v>
      </c>
      <c r="D131893" s="14" t="s">
        <v>406</v>
      </c>
      <c r="E131893" s="15">
        <v>45504</v>
      </c>
      <c r="F131893" s="14" t="s">
        <v>15</v>
      </c>
      <c r="G131893" s="16">
        <v>0</v>
      </c>
    </row>
    <row r="131894" spans="1:7" x14ac:dyDescent="0.3">
      <c r="A131894" s="13" t="s">
        <v>599</v>
      </c>
      <c r="B131894" s="14" t="s">
        <v>1</v>
      </c>
      <c r="C131894" s="14" t="s">
        <v>596</v>
      </c>
      <c r="D131894" s="14" t="s">
        <v>406</v>
      </c>
      <c r="E131894" s="15">
        <v>45505</v>
      </c>
      <c r="F131894" s="14" t="s">
        <v>15</v>
      </c>
      <c r="G131894" s="16">
        <v>0</v>
      </c>
    </row>
    <row r="131895" spans="1:7" x14ac:dyDescent="0.3">
      <c r="A131895" s="13" t="s">
        <v>599</v>
      </c>
      <c r="B131895" s="14" t="s">
        <v>1</v>
      </c>
      <c r="C131895" s="14" t="s">
        <v>596</v>
      </c>
      <c r="D131895" s="14" t="s">
        <v>406</v>
      </c>
      <c r="E131895" s="15">
        <v>45506</v>
      </c>
      <c r="F131895" s="14" t="s">
        <v>15</v>
      </c>
      <c r="G131895" s="16">
        <v>0</v>
      </c>
    </row>
    <row r="131896" spans="1:7" x14ac:dyDescent="0.3">
      <c r="A131896" s="13" t="s">
        <v>599</v>
      </c>
      <c r="B131896" s="14" t="s">
        <v>1</v>
      </c>
      <c r="C131896" s="14" t="s">
        <v>596</v>
      </c>
      <c r="D131896" s="14" t="s">
        <v>406</v>
      </c>
      <c r="E131896" s="15">
        <v>45507</v>
      </c>
      <c r="F131896" s="14" t="s">
        <v>15</v>
      </c>
      <c r="G131896" s="16">
        <v>0</v>
      </c>
    </row>
    <row r="131897" spans="1:7" x14ac:dyDescent="0.3">
      <c r="A131897" s="13" t="s">
        <v>599</v>
      </c>
      <c r="B131897" s="14" t="s">
        <v>1</v>
      </c>
      <c r="C131897" s="14" t="s">
        <v>596</v>
      </c>
      <c r="D131897" s="14" t="s">
        <v>406</v>
      </c>
      <c r="E131897" s="15">
        <v>45508</v>
      </c>
      <c r="F131897" s="14" t="s">
        <v>15</v>
      </c>
      <c r="G131897" s="16">
        <v>0</v>
      </c>
    </row>
    <row r="131898" spans="1:7" x14ac:dyDescent="0.3">
      <c r="A131898" s="13" t="s">
        <v>599</v>
      </c>
      <c r="B131898" s="14" t="s">
        <v>1</v>
      </c>
      <c r="C131898" s="14" t="s">
        <v>596</v>
      </c>
      <c r="D131898" s="14" t="s">
        <v>406</v>
      </c>
      <c r="E131898" s="15">
        <v>45509</v>
      </c>
      <c r="F131898" s="14" t="s">
        <v>15</v>
      </c>
      <c r="G131898" s="16">
        <v>0</v>
      </c>
    </row>
    <row r="131899" spans="1:7" x14ac:dyDescent="0.3">
      <c r="A131899" s="13" t="s">
        <v>599</v>
      </c>
      <c r="B131899" s="14" t="s">
        <v>1</v>
      </c>
      <c r="C131899" s="14" t="s">
        <v>596</v>
      </c>
      <c r="D131899" s="14" t="s">
        <v>406</v>
      </c>
      <c r="E131899" s="15">
        <v>45510</v>
      </c>
      <c r="F131899" s="14" t="s">
        <v>15</v>
      </c>
      <c r="G131899" s="16">
        <v>0</v>
      </c>
    </row>
    <row r="131900" spans="1:7" x14ac:dyDescent="0.3">
      <c r="A131900" s="13" t="s">
        <v>599</v>
      </c>
      <c r="B131900" s="14" t="s">
        <v>1</v>
      </c>
      <c r="C131900" s="14" t="s">
        <v>596</v>
      </c>
      <c r="D131900" s="14" t="s">
        <v>406</v>
      </c>
      <c r="E131900" s="15">
        <v>45511</v>
      </c>
      <c r="F131900" s="14" t="s">
        <v>15</v>
      </c>
      <c r="G131900" s="16">
        <v>0</v>
      </c>
    </row>
    <row r="131901" spans="1:7" x14ac:dyDescent="0.3">
      <c r="A131901" s="13" t="s">
        <v>599</v>
      </c>
      <c r="B131901" s="14" t="s">
        <v>1</v>
      </c>
      <c r="C131901" s="14" t="s">
        <v>596</v>
      </c>
      <c r="D131901" s="14" t="s">
        <v>406</v>
      </c>
      <c r="E131901" s="15">
        <v>45512</v>
      </c>
      <c r="F131901" s="14" t="s">
        <v>15</v>
      </c>
      <c r="G131901" s="16">
        <v>0</v>
      </c>
    </row>
    <row r="131902" spans="1:7" x14ac:dyDescent="0.3">
      <c r="A131902" s="13" t="s">
        <v>599</v>
      </c>
      <c r="B131902" s="14" t="s">
        <v>1</v>
      </c>
      <c r="C131902" s="14" t="s">
        <v>596</v>
      </c>
      <c r="D131902" s="14" t="s">
        <v>406</v>
      </c>
      <c r="E131902" s="15">
        <v>45513</v>
      </c>
      <c r="F131902" s="14" t="s">
        <v>15</v>
      </c>
      <c r="G131902" s="16">
        <v>0</v>
      </c>
    </row>
    <row r="131903" spans="1:7" x14ac:dyDescent="0.3">
      <c r="A131903" s="13" t="s">
        <v>599</v>
      </c>
      <c r="B131903" s="14" t="s">
        <v>1</v>
      </c>
      <c r="C131903" s="14" t="s">
        <v>596</v>
      </c>
      <c r="D131903" s="14" t="s">
        <v>406</v>
      </c>
      <c r="E131903" s="15">
        <v>45514</v>
      </c>
      <c r="F131903" s="14" t="s">
        <v>15</v>
      </c>
      <c r="G131903" s="16">
        <v>0</v>
      </c>
    </row>
    <row r="131904" spans="1:7" x14ac:dyDescent="0.3">
      <c r="A131904" s="13" t="s">
        <v>599</v>
      </c>
      <c r="B131904" s="14" t="s">
        <v>1</v>
      </c>
      <c r="C131904" s="14" t="s">
        <v>596</v>
      </c>
      <c r="D131904" s="14" t="s">
        <v>406</v>
      </c>
      <c r="E131904" s="15">
        <v>45515</v>
      </c>
      <c r="F131904" s="14" t="s">
        <v>15</v>
      </c>
      <c r="G131904" s="16">
        <v>0</v>
      </c>
    </row>
    <row r="131905" spans="1:7" x14ac:dyDescent="0.3">
      <c r="A131905" s="13" t="s">
        <v>599</v>
      </c>
      <c r="B131905" s="14" t="s">
        <v>1</v>
      </c>
      <c r="C131905" s="14" t="s">
        <v>596</v>
      </c>
      <c r="D131905" s="14" t="s">
        <v>406</v>
      </c>
      <c r="E131905" s="15">
        <v>45516</v>
      </c>
      <c r="F131905" s="14" t="s">
        <v>15</v>
      </c>
      <c r="G131905" s="16">
        <v>0</v>
      </c>
    </row>
    <row r="131906" spans="1:7" x14ac:dyDescent="0.3">
      <c r="A131906" s="13" t="s">
        <v>599</v>
      </c>
      <c r="B131906" s="14" t="s">
        <v>1</v>
      </c>
      <c r="C131906" s="14" t="s">
        <v>596</v>
      </c>
      <c r="D131906" s="14" t="s">
        <v>406</v>
      </c>
      <c r="E131906" s="15">
        <v>45517</v>
      </c>
      <c r="F131906" s="14" t="s">
        <v>15</v>
      </c>
      <c r="G131906" s="16">
        <v>0</v>
      </c>
    </row>
    <row r="131907" spans="1:7" x14ac:dyDescent="0.3">
      <c r="A131907" s="13" t="s">
        <v>599</v>
      </c>
      <c r="B131907" s="14" t="s">
        <v>1</v>
      </c>
      <c r="C131907" s="14" t="s">
        <v>596</v>
      </c>
      <c r="D131907" s="14" t="s">
        <v>406</v>
      </c>
      <c r="E131907" s="15">
        <v>45518</v>
      </c>
      <c r="F131907" s="14" t="s">
        <v>15</v>
      </c>
      <c r="G131907" s="16">
        <v>0</v>
      </c>
    </row>
    <row r="131908" spans="1:7" x14ac:dyDescent="0.3">
      <c r="A131908" s="13" t="s">
        <v>599</v>
      </c>
      <c r="B131908" s="14" t="s">
        <v>1</v>
      </c>
      <c r="C131908" s="14" t="s">
        <v>596</v>
      </c>
      <c r="D131908" s="14" t="s">
        <v>406</v>
      </c>
      <c r="E131908" s="15">
        <v>45519</v>
      </c>
      <c r="F131908" s="14" t="s">
        <v>15</v>
      </c>
      <c r="G131908" s="16">
        <v>0</v>
      </c>
    </row>
    <row r="131909" spans="1:7" x14ac:dyDescent="0.3">
      <c r="A131909" s="13" t="s">
        <v>599</v>
      </c>
      <c r="B131909" s="14" t="s">
        <v>1</v>
      </c>
      <c r="C131909" s="14" t="s">
        <v>596</v>
      </c>
      <c r="D131909" s="14" t="s">
        <v>406</v>
      </c>
      <c r="E131909" s="15">
        <v>45520</v>
      </c>
      <c r="F131909" s="14" t="s">
        <v>15</v>
      </c>
      <c r="G131909" s="16">
        <v>0</v>
      </c>
    </row>
    <row r="131910" spans="1:7" x14ac:dyDescent="0.3">
      <c r="A131910" s="13" t="s">
        <v>599</v>
      </c>
      <c r="B131910" s="14" t="s">
        <v>1</v>
      </c>
      <c r="C131910" s="14" t="s">
        <v>596</v>
      </c>
      <c r="D131910" s="14" t="s">
        <v>406</v>
      </c>
      <c r="E131910" s="15">
        <v>45521</v>
      </c>
      <c r="F131910" s="14" t="s">
        <v>15</v>
      </c>
      <c r="G131910" s="16">
        <v>0</v>
      </c>
    </row>
    <row r="131911" spans="1:7" x14ac:dyDescent="0.3">
      <c r="A131911" s="13" t="s">
        <v>599</v>
      </c>
      <c r="B131911" s="14" t="s">
        <v>1</v>
      </c>
      <c r="C131911" s="14" t="s">
        <v>596</v>
      </c>
      <c r="D131911" s="14" t="s">
        <v>406</v>
      </c>
      <c r="E131911" s="15">
        <v>45522</v>
      </c>
      <c r="F131911" s="14" t="s">
        <v>15</v>
      </c>
      <c r="G131911" s="16">
        <v>0</v>
      </c>
    </row>
    <row r="131912" spans="1:7" x14ac:dyDescent="0.3">
      <c r="A131912" s="13" t="s">
        <v>599</v>
      </c>
      <c r="B131912" s="14" t="s">
        <v>1</v>
      </c>
      <c r="C131912" s="14" t="s">
        <v>596</v>
      </c>
      <c r="D131912" s="14" t="s">
        <v>406</v>
      </c>
      <c r="E131912" s="15">
        <v>45523</v>
      </c>
      <c r="F131912" s="14" t="s">
        <v>15</v>
      </c>
      <c r="G131912" s="16">
        <v>0</v>
      </c>
    </row>
    <row r="131913" spans="1:7" x14ac:dyDescent="0.3">
      <c r="A131913" s="13" t="s">
        <v>599</v>
      </c>
      <c r="B131913" s="14" t="s">
        <v>1</v>
      </c>
      <c r="C131913" s="14" t="s">
        <v>596</v>
      </c>
      <c r="D131913" s="14" t="s">
        <v>406</v>
      </c>
      <c r="E131913" s="15">
        <v>45524</v>
      </c>
      <c r="F131913" s="14" t="s">
        <v>15</v>
      </c>
      <c r="G131913" s="16">
        <v>0</v>
      </c>
    </row>
    <row r="131914" spans="1:7" x14ac:dyDescent="0.3">
      <c r="A131914" s="13" t="s">
        <v>599</v>
      </c>
      <c r="B131914" s="14" t="s">
        <v>1</v>
      </c>
      <c r="C131914" s="14" t="s">
        <v>596</v>
      </c>
      <c r="D131914" s="14" t="s">
        <v>406</v>
      </c>
      <c r="E131914" s="15">
        <v>45525</v>
      </c>
      <c r="F131914" s="14" t="s">
        <v>15</v>
      </c>
      <c r="G131914" s="16">
        <v>0</v>
      </c>
    </row>
    <row r="131915" spans="1:7" x14ac:dyDescent="0.3">
      <c r="A131915" s="13" t="s">
        <v>599</v>
      </c>
      <c r="B131915" s="14" t="s">
        <v>1</v>
      </c>
      <c r="C131915" s="14" t="s">
        <v>596</v>
      </c>
      <c r="D131915" s="14" t="s">
        <v>406</v>
      </c>
      <c r="E131915" s="15">
        <v>45526</v>
      </c>
      <c r="F131915" s="14" t="s">
        <v>15</v>
      </c>
      <c r="G131915" s="16">
        <v>0</v>
      </c>
    </row>
    <row r="131916" spans="1:7" x14ac:dyDescent="0.3">
      <c r="A131916" s="13" t="s">
        <v>599</v>
      </c>
      <c r="B131916" s="14" t="s">
        <v>1</v>
      </c>
      <c r="C131916" s="14" t="s">
        <v>596</v>
      </c>
      <c r="D131916" s="14" t="s">
        <v>406</v>
      </c>
      <c r="E131916" s="15">
        <v>45527</v>
      </c>
      <c r="F131916" s="14" t="s">
        <v>15</v>
      </c>
      <c r="G131916" s="16">
        <v>0</v>
      </c>
    </row>
    <row r="131917" spans="1:7" x14ac:dyDescent="0.3">
      <c r="A131917" s="13" t="s">
        <v>599</v>
      </c>
      <c r="B131917" s="14" t="s">
        <v>1</v>
      </c>
      <c r="C131917" s="14" t="s">
        <v>596</v>
      </c>
      <c r="D131917" s="14" t="s">
        <v>406</v>
      </c>
      <c r="E131917" s="15">
        <v>45528</v>
      </c>
      <c r="F131917" s="14" t="s">
        <v>15</v>
      </c>
      <c r="G131917" s="16">
        <v>0</v>
      </c>
    </row>
    <row r="131918" spans="1:7" x14ac:dyDescent="0.3">
      <c r="A131918" s="13" t="s">
        <v>599</v>
      </c>
      <c r="B131918" s="14" t="s">
        <v>1</v>
      </c>
      <c r="C131918" s="14" t="s">
        <v>596</v>
      </c>
      <c r="D131918" s="14" t="s">
        <v>406</v>
      </c>
      <c r="E131918" s="15">
        <v>45529</v>
      </c>
      <c r="F131918" s="14" t="s">
        <v>15</v>
      </c>
      <c r="G131918" s="16">
        <v>0</v>
      </c>
    </row>
    <row r="131919" spans="1:7" x14ac:dyDescent="0.3">
      <c r="A131919" s="13" t="s">
        <v>599</v>
      </c>
      <c r="B131919" s="14" t="s">
        <v>1</v>
      </c>
      <c r="C131919" s="14" t="s">
        <v>596</v>
      </c>
      <c r="D131919" s="14" t="s">
        <v>406</v>
      </c>
      <c r="E131919" s="15">
        <v>45530</v>
      </c>
      <c r="F131919" s="14" t="s">
        <v>15</v>
      </c>
      <c r="G131919" s="16">
        <v>0</v>
      </c>
    </row>
    <row r="131920" spans="1:7" x14ac:dyDescent="0.3">
      <c r="A131920" s="13" t="s">
        <v>599</v>
      </c>
      <c r="B131920" s="14" t="s">
        <v>1</v>
      </c>
      <c r="C131920" s="14" t="s">
        <v>596</v>
      </c>
      <c r="D131920" s="14" t="s">
        <v>406</v>
      </c>
      <c r="E131920" s="15">
        <v>45531</v>
      </c>
      <c r="F131920" s="14" t="s">
        <v>15</v>
      </c>
      <c r="G131920" s="16">
        <v>0</v>
      </c>
    </row>
    <row r="131921" spans="1:7" x14ac:dyDescent="0.3">
      <c r="A131921" s="13" t="s">
        <v>599</v>
      </c>
      <c r="B131921" s="14" t="s">
        <v>1</v>
      </c>
      <c r="C131921" s="14" t="s">
        <v>596</v>
      </c>
      <c r="D131921" s="14" t="s">
        <v>406</v>
      </c>
      <c r="E131921" s="15">
        <v>45532</v>
      </c>
      <c r="F131921" s="14" t="s">
        <v>15</v>
      </c>
      <c r="G131921" s="16">
        <v>0</v>
      </c>
    </row>
    <row r="131922" spans="1:7" x14ac:dyDescent="0.3">
      <c r="A131922" s="13" t="s">
        <v>599</v>
      </c>
      <c r="B131922" s="14" t="s">
        <v>1</v>
      </c>
      <c r="C131922" s="14" t="s">
        <v>596</v>
      </c>
      <c r="D131922" s="14" t="s">
        <v>406</v>
      </c>
      <c r="E131922" s="15">
        <v>45533</v>
      </c>
      <c r="F131922" s="14" t="s">
        <v>15</v>
      </c>
      <c r="G131922" s="16">
        <v>0</v>
      </c>
    </row>
    <row r="131923" spans="1:7" x14ac:dyDescent="0.3">
      <c r="A131923" s="13" t="s">
        <v>599</v>
      </c>
      <c r="B131923" s="14" t="s">
        <v>1</v>
      </c>
      <c r="C131923" s="14" t="s">
        <v>596</v>
      </c>
      <c r="D131923" s="14" t="s">
        <v>406</v>
      </c>
      <c r="E131923" s="15">
        <v>45534</v>
      </c>
      <c r="F131923" s="14" t="s">
        <v>15</v>
      </c>
      <c r="G131923" s="16">
        <v>0</v>
      </c>
    </row>
    <row r="131924" spans="1:7" x14ac:dyDescent="0.3">
      <c r="A131924" s="13" t="s">
        <v>599</v>
      </c>
      <c r="B131924" s="14" t="s">
        <v>1</v>
      </c>
      <c r="C131924" s="14" t="s">
        <v>596</v>
      </c>
      <c r="D131924" s="14" t="s">
        <v>406</v>
      </c>
      <c r="E131924" s="15">
        <v>45535</v>
      </c>
      <c r="F131924" s="14" t="s">
        <v>15</v>
      </c>
      <c r="G131924" s="16">
        <v>0</v>
      </c>
    </row>
    <row r="131925" spans="1:7" x14ac:dyDescent="0.3">
      <c r="A131925" s="13" t="s">
        <v>599</v>
      </c>
      <c r="B131925" s="14" t="s">
        <v>1</v>
      </c>
      <c r="C131925" s="14" t="s">
        <v>596</v>
      </c>
      <c r="D131925" s="14" t="s">
        <v>406</v>
      </c>
      <c r="E131925" s="15">
        <v>45536</v>
      </c>
      <c r="F131925" s="14" t="s">
        <v>15</v>
      </c>
      <c r="G131925" s="16">
        <v>0</v>
      </c>
    </row>
    <row r="131926" spans="1:7" x14ac:dyDescent="0.3">
      <c r="A131926" s="13" t="s">
        <v>599</v>
      </c>
      <c r="B131926" s="14" t="s">
        <v>1</v>
      </c>
      <c r="C131926" s="14" t="s">
        <v>596</v>
      </c>
      <c r="D131926" s="14" t="s">
        <v>406</v>
      </c>
      <c r="E131926" s="15">
        <v>45537</v>
      </c>
      <c r="F131926" s="14" t="s">
        <v>15</v>
      </c>
      <c r="G131926" s="16">
        <v>0</v>
      </c>
    </row>
    <row r="131927" spans="1:7" x14ac:dyDescent="0.3">
      <c r="A131927" s="13" t="s">
        <v>599</v>
      </c>
      <c r="B131927" s="14" t="s">
        <v>1</v>
      </c>
      <c r="C131927" s="14" t="s">
        <v>596</v>
      </c>
      <c r="D131927" s="14" t="s">
        <v>406</v>
      </c>
      <c r="E131927" s="15">
        <v>45538</v>
      </c>
      <c r="F131927" s="14" t="s">
        <v>15</v>
      </c>
      <c r="G131927" s="16">
        <v>0</v>
      </c>
    </row>
    <row r="131928" spans="1:7" x14ac:dyDescent="0.3">
      <c r="A131928" s="13" t="s">
        <v>599</v>
      </c>
      <c r="B131928" s="14" t="s">
        <v>1</v>
      </c>
      <c r="C131928" s="14" t="s">
        <v>596</v>
      </c>
      <c r="D131928" s="14" t="s">
        <v>406</v>
      </c>
      <c r="E131928" s="15">
        <v>45539</v>
      </c>
      <c r="F131928" s="14" t="s">
        <v>15</v>
      </c>
      <c r="G131928" s="16">
        <v>0</v>
      </c>
    </row>
    <row r="131929" spans="1:7" x14ac:dyDescent="0.3">
      <c r="A131929" s="13" t="s">
        <v>599</v>
      </c>
      <c r="B131929" s="14" t="s">
        <v>1</v>
      </c>
      <c r="C131929" s="14" t="s">
        <v>596</v>
      </c>
      <c r="D131929" s="14" t="s">
        <v>406</v>
      </c>
      <c r="E131929" s="15">
        <v>45540</v>
      </c>
      <c r="F131929" s="14" t="s">
        <v>15</v>
      </c>
      <c r="G131929" s="16">
        <v>0</v>
      </c>
    </row>
    <row r="131930" spans="1:7" x14ac:dyDescent="0.3">
      <c r="A131930" s="13" t="s">
        <v>599</v>
      </c>
      <c r="B131930" s="14" t="s">
        <v>1</v>
      </c>
      <c r="C131930" s="14" t="s">
        <v>596</v>
      </c>
      <c r="D131930" s="14" t="s">
        <v>406</v>
      </c>
      <c r="E131930" s="15">
        <v>45541</v>
      </c>
      <c r="F131930" s="14" t="s">
        <v>15</v>
      </c>
      <c r="G131930" s="16">
        <v>0</v>
      </c>
    </row>
    <row r="131931" spans="1:7" x14ac:dyDescent="0.3">
      <c r="A131931" s="13" t="s">
        <v>599</v>
      </c>
      <c r="B131931" s="14" t="s">
        <v>1</v>
      </c>
      <c r="C131931" s="14" t="s">
        <v>596</v>
      </c>
      <c r="D131931" s="14" t="s">
        <v>406</v>
      </c>
      <c r="E131931" s="15">
        <v>45542</v>
      </c>
      <c r="F131931" s="14" t="s">
        <v>15</v>
      </c>
      <c r="G131931" s="16">
        <v>0</v>
      </c>
    </row>
    <row r="131932" spans="1:7" x14ac:dyDescent="0.3">
      <c r="A131932" s="13" t="s">
        <v>599</v>
      </c>
      <c r="B131932" s="14" t="s">
        <v>1</v>
      </c>
      <c r="C131932" s="14" t="s">
        <v>596</v>
      </c>
      <c r="D131932" s="14" t="s">
        <v>406</v>
      </c>
      <c r="E131932" s="15">
        <v>45543</v>
      </c>
      <c r="F131932" s="14" t="s">
        <v>15</v>
      </c>
      <c r="G131932" s="16">
        <v>0</v>
      </c>
    </row>
    <row r="131933" spans="1:7" x14ac:dyDescent="0.3">
      <c r="A131933" s="13" t="s">
        <v>599</v>
      </c>
      <c r="B131933" s="14" t="s">
        <v>1</v>
      </c>
      <c r="C131933" s="14" t="s">
        <v>596</v>
      </c>
      <c r="D131933" s="14" t="s">
        <v>406</v>
      </c>
      <c r="E131933" s="15">
        <v>45544</v>
      </c>
      <c r="F131933" s="14" t="s">
        <v>15</v>
      </c>
      <c r="G131933" s="16">
        <v>0</v>
      </c>
    </row>
    <row r="131934" spans="1:7" x14ac:dyDescent="0.3">
      <c r="A131934" s="13" t="s">
        <v>599</v>
      </c>
      <c r="B131934" s="14" t="s">
        <v>1</v>
      </c>
      <c r="C131934" s="14" t="s">
        <v>596</v>
      </c>
      <c r="D131934" s="14" t="s">
        <v>406</v>
      </c>
      <c r="E131934" s="15">
        <v>45545</v>
      </c>
      <c r="F131934" s="14" t="s">
        <v>15</v>
      </c>
      <c r="G131934" s="16">
        <v>0</v>
      </c>
    </row>
    <row r="131935" spans="1:7" x14ac:dyDescent="0.3">
      <c r="A131935" s="13" t="s">
        <v>599</v>
      </c>
      <c r="B131935" s="14" t="s">
        <v>1</v>
      </c>
      <c r="C131935" s="14" t="s">
        <v>596</v>
      </c>
      <c r="D131935" s="14" t="s">
        <v>406</v>
      </c>
      <c r="E131935" s="15">
        <v>45546</v>
      </c>
      <c r="F131935" s="14" t="s">
        <v>15</v>
      </c>
      <c r="G131935" s="16">
        <v>0</v>
      </c>
    </row>
    <row r="131936" spans="1:7" x14ac:dyDescent="0.3">
      <c r="A131936" s="13" t="s">
        <v>599</v>
      </c>
      <c r="B131936" s="14" t="s">
        <v>1</v>
      </c>
      <c r="C131936" s="14" t="s">
        <v>596</v>
      </c>
      <c r="D131936" s="14" t="s">
        <v>406</v>
      </c>
      <c r="E131936" s="15">
        <v>45547</v>
      </c>
      <c r="F131936" s="14" t="s">
        <v>15</v>
      </c>
      <c r="G131936" s="16">
        <v>0</v>
      </c>
    </row>
    <row r="131937" spans="1:7" x14ac:dyDescent="0.3">
      <c r="A131937" s="13" t="s">
        <v>599</v>
      </c>
      <c r="B131937" s="14" t="s">
        <v>1</v>
      </c>
      <c r="C131937" s="14" t="s">
        <v>596</v>
      </c>
      <c r="D131937" s="14" t="s">
        <v>406</v>
      </c>
      <c r="E131937" s="15">
        <v>45548</v>
      </c>
      <c r="F131937" s="14" t="s">
        <v>15</v>
      </c>
      <c r="G131937" s="16">
        <v>0</v>
      </c>
    </row>
    <row r="131938" spans="1:7" x14ac:dyDescent="0.3">
      <c r="A131938" s="13" t="s">
        <v>599</v>
      </c>
      <c r="B131938" s="14" t="s">
        <v>1</v>
      </c>
      <c r="C131938" s="14" t="s">
        <v>596</v>
      </c>
      <c r="D131938" s="14" t="s">
        <v>406</v>
      </c>
      <c r="E131938" s="15">
        <v>45549</v>
      </c>
      <c r="F131938" s="14" t="s">
        <v>15</v>
      </c>
      <c r="G131938" s="16">
        <v>0</v>
      </c>
    </row>
    <row r="131939" spans="1:7" x14ac:dyDescent="0.3">
      <c r="A131939" s="13" t="s">
        <v>599</v>
      </c>
      <c r="B131939" s="14" t="s">
        <v>1</v>
      </c>
      <c r="C131939" s="14" t="s">
        <v>596</v>
      </c>
      <c r="D131939" s="14" t="s">
        <v>406</v>
      </c>
      <c r="E131939" s="15">
        <v>45550</v>
      </c>
      <c r="F131939" s="14" t="s">
        <v>15</v>
      </c>
      <c r="G131939" s="16">
        <v>0</v>
      </c>
    </row>
    <row r="131940" spans="1:7" x14ac:dyDescent="0.3">
      <c r="A131940" s="13" t="s">
        <v>599</v>
      </c>
      <c r="B131940" s="14" t="s">
        <v>1</v>
      </c>
      <c r="C131940" s="14" t="s">
        <v>596</v>
      </c>
      <c r="D131940" s="14" t="s">
        <v>406</v>
      </c>
      <c r="E131940" s="15">
        <v>45551</v>
      </c>
      <c r="F131940" s="14" t="s">
        <v>15</v>
      </c>
      <c r="G131940" s="16">
        <v>0</v>
      </c>
    </row>
    <row r="131941" spans="1:7" x14ac:dyDescent="0.3">
      <c r="A131941" s="13" t="s">
        <v>599</v>
      </c>
      <c r="B131941" s="14" t="s">
        <v>1</v>
      </c>
      <c r="C131941" s="14" t="s">
        <v>596</v>
      </c>
      <c r="D131941" s="14" t="s">
        <v>406</v>
      </c>
      <c r="E131941" s="15">
        <v>45552</v>
      </c>
      <c r="F131941" s="14" t="s">
        <v>15</v>
      </c>
      <c r="G131941" s="16">
        <v>0</v>
      </c>
    </row>
    <row r="131942" spans="1:7" x14ac:dyDescent="0.3">
      <c r="A131942" s="13" t="s">
        <v>599</v>
      </c>
      <c r="B131942" s="14" t="s">
        <v>1</v>
      </c>
      <c r="C131942" s="14" t="s">
        <v>596</v>
      </c>
      <c r="D131942" s="14" t="s">
        <v>406</v>
      </c>
      <c r="E131942" s="15">
        <v>45553</v>
      </c>
      <c r="F131942" s="14" t="s">
        <v>15</v>
      </c>
      <c r="G131942" s="16">
        <v>0</v>
      </c>
    </row>
    <row r="131943" spans="1:7" x14ac:dyDescent="0.3">
      <c r="A131943" s="13" t="s">
        <v>599</v>
      </c>
      <c r="B131943" s="14" t="s">
        <v>1</v>
      </c>
      <c r="C131943" s="14" t="s">
        <v>596</v>
      </c>
      <c r="D131943" s="14" t="s">
        <v>406</v>
      </c>
      <c r="E131943" s="15">
        <v>45554</v>
      </c>
      <c r="F131943" s="14" t="s">
        <v>15</v>
      </c>
      <c r="G131943" s="16">
        <v>0</v>
      </c>
    </row>
    <row r="131944" spans="1:7" x14ac:dyDescent="0.3">
      <c r="A131944" s="13" t="s">
        <v>599</v>
      </c>
      <c r="B131944" s="14" t="s">
        <v>1</v>
      </c>
      <c r="C131944" s="14" t="s">
        <v>596</v>
      </c>
      <c r="D131944" s="14" t="s">
        <v>406</v>
      </c>
      <c r="E131944" s="15">
        <v>45555</v>
      </c>
      <c r="F131944" s="14" t="s">
        <v>15</v>
      </c>
      <c r="G131944" s="16">
        <v>0</v>
      </c>
    </row>
    <row r="131945" spans="1:7" x14ac:dyDescent="0.3">
      <c r="A131945" s="13" t="s">
        <v>599</v>
      </c>
      <c r="B131945" s="14" t="s">
        <v>1</v>
      </c>
      <c r="C131945" s="14" t="s">
        <v>596</v>
      </c>
      <c r="D131945" s="14" t="s">
        <v>406</v>
      </c>
      <c r="E131945" s="15">
        <v>45556</v>
      </c>
      <c r="F131945" s="14" t="s">
        <v>15</v>
      </c>
      <c r="G131945" s="16">
        <v>0</v>
      </c>
    </row>
    <row r="131946" spans="1:7" x14ac:dyDescent="0.3">
      <c r="A131946" s="13" t="s">
        <v>599</v>
      </c>
      <c r="B131946" s="14" t="s">
        <v>1</v>
      </c>
      <c r="C131946" s="14" t="s">
        <v>596</v>
      </c>
      <c r="D131946" s="14" t="s">
        <v>406</v>
      </c>
      <c r="E131946" s="15">
        <v>45557</v>
      </c>
      <c r="F131946" s="14" t="s">
        <v>15</v>
      </c>
      <c r="G131946" s="16">
        <v>0</v>
      </c>
    </row>
    <row r="131947" spans="1:7" x14ac:dyDescent="0.3">
      <c r="A131947" s="13" t="s">
        <v>599</v>
      </c>
      <c r="B131947" s="14" t="s">
        <v>1</v>
      </c>
      <c r="C131947" s="14" t="s">
        <v>596</v>
      </c>
      <c r="D131947" s="14" t="s">
        <v>406</v>
      </c>
      <c r="E131947" s="15">
        <v>45558</v>
      </c>
      <c r="F131947" s="14" t="s">
        <v>15</v>
      </c>
      <c r="G131947" s="16">
        <v>0</v>
      </c>
    </row>
    <row r="131948" spans="1:7" x14ac:dyDescent="0.3">
      <c r="A131948" s="13" t="s">
        <v>599</v>
      </c>
      <c r="B131948" s="14" t="s">
        <v>1</v>
      </c>
      <c r="C131948" s="14" t="s">
        <v>596</v>
      </c>
      <c r="D131948" s="14" t="s">
        <v>406</v>
      </c>
      <c r="E131948" s="15">
        <v>45559</v>
      </c>
      <c r="F131948" s="14" t="s">
        <v>15</v>
      </c>
      <c r="G131948" s="16">
        <v>0</v>
      </c>
    </row>
    <row r="131949" spans="1:7" x14ac:dyDescent="0.3">
      <c r="A131949" s="13" t="s">
        <v>599</v>
      </c>
      <c r="B131949" s="14" t="s">
        <v>1</v>
      </c>
      <c r="C131949" s="14" t="s">
        <v>596</v>
      </c>
      <c r="D131949" s="14" t="s">
        <v>406</v>
      </c>
      <c r="E131949" s="15">
        <v>45560</v>
      </c>
      <c r="F131949" s="14" t="s">
        <v>15</v>
      </c>
      <c r="G131949" s="16">
        <v>0</v>
      </c>
    </row>
    <row r="131950" spans="1:7" x14ac:dyDescent="0.3">
      <c r="A131950" s="13" t="s">
        <v>599</v>
      </c>
      <c r="B131950" s="14" t="s">
        <v>1</v>
      </c>
      <c r="C131950" s="14" t="s">
        <v>596</v>
      </c>
      <c r="D131950" s="14" t="s">
        <v>406</v>
      </c>
      <c r="E131950" s="15">
        <v>45561</v>
      </c>
      <c r="F131950" s="14" t="s">
        <v>15</v>
      </c>
      <c r="G131950" s="16">
        <v>0</v>
      </c>
    </row>
    <row r="131951" spans="1:7" x14ac:dyDescent="0.3">
      <c r="A131951" s="13" t="s">
        <v>599</v>
      </c>
      <c r="B131951" s="14" t="s">
        <v>1</v>
      </c>
      <c r="C131951" s="14" t="s">
        <v>596</v>
      </c>
      <c r="D131951" s="14" t="s">
        <v>406</v>
      </c>
      <c r="E131951" s="15">
        <v>45562</v>
      </c>
      <c r="F131951" s="14" t="s">
        <v>15</v>
      </c>
      <c r="G131951" s="16">
        <v>0</v>
      </c>
    </row>
    <row r="131952" spans="1:7" x14ac:dyDescent="0.3">
      <c r="A131952" s="13" t="s">
        <v>599</v>
      </c>
      <c r="B131952" s="14" t="s">
        <v>1</v>
      </c>
      <c r="C131952" s="14" t="s">
        <v>596</v>
      </c>
      <c r="D131952" s="14" t="s">
        <v>406</v>
      </c>
      <c r="E131952" s="15">
        <v>45563</v>
      </c>
      <c r="F131952" s="14" t="s">
        <v>15</v>
      </c>
      <c r="G131952" s="16">
        <v>0</v>
      </c>
    </row>
    <row r="131953" spans="1:7" x14ac:dyDescent="0.3">
      <c r="A131953" s="13" t="s">
        <v>599</v>
      </c>
      <c r="B131953" s="14" t="s">
        <v>1</v>
      </c>
      <c r="C131953" s="14" t="s">
        <v>596</v>
      </c>
      <c r="D131953" s="14" t="s">
        <v>406</v>
      </c>
      <c r="E131953" s="15">
        <v>45564</v>
      </c>
      <c r="F131953" s="14" t="s">
        <v>15</v>
      </c>
      <c r="G131953" s="16">
        <v>0</v>
      </c>
    </row>
    <row r="131954" spans="1:7" x14ac:dyDescent="0.3">
      <c r="A131954" s="13" t="s">
        <v>599</v>
      </c>
      <c r="B131954" s="14" t="s">
        <v>1</v>
      </c>
      <c r="C131954" s="14" t="s">
        <v>596</v>
      </c>
      <c r="D131954" s="14" t="s">
        <v>406</v>
      </c>
      <c r="E131954" s="15">
        <v>45565</v>
      </c>
      <c r="F131954" s="14" t="s">
        <v>15</v>
      </c>
      <c r="G131954" s="16">
        <v>0</v>
      </c>
    </row>
    <row r="131955" spans="1:7" x14ac:dyDescent="0.3">
      <c r="A131955" s="13" t="s">
        <v>599</v>
      </c>
      <c r="B131955" s="14" t="s">
        <v>1</v>
      </c>
      <c r="C131955" s="14" t="s">
        <v>596</v>
      </c>
      <c r="D131955" s="14" t="s">
        <v>406</v>
      </c>
      <c r="E131955" s="15">
        <v>45566</v>
      </c>
      <c r="F131955" s="14" t="s">
        <v>15</v>
      </c>
      <c r="G131955" s="16">
        <v>0</v>
      </c>
    </row>
    <row r="131956" spans="1:7" x14ac:dyDescent="0.3">
      <c r="A131956" s="13" t="s">
        <v>599</v>
      </c>
      <c r="B131956" s="14" t="s">
        <v>1</v>
      </c>
      <c r="C131956" s="14" t="s">
        <v>596</v>
      </c>
      <c r="D131956" s="14" t="s">
        <v>406</v>
      </c>
      <c r="E131956" s="15">
        <v>45567</v>
      </c>
      <c r="F131956" s="14" t="s">
        <v>15</v>
      </c>
      <c r="G131956" s="16">
        <v>0</v>
      </c>
    </row>
    <row r="131957" spans="1:7" x14ac:dyDescent="0.3">
      <c r="A131957" s="13" t="s">
        <v>599</v>
      </c>
      <c r="B131957" s="14" t="s">
        <v>1</v>
      </c>
      <c r="C131957" s="14" t="s">
        <v>596</v>
      </c>
      <c r="D131957" s="14" t="s">
        <v>406</v>
      </c>
      <c r="E131957" s="15">
        <v>45568</v>
      </c>
      <c r="F131957" s="14" t="s">
        <v>15</v>
      </c>
      <c r="G131957" s="16">
        <v>0</v>
      </c>
    </row>
    <row r="131958" spans="1:7" x14ac:dyDescent="0.3">
      <c r="A131958" s="13" t="s">
        <v>599</v>
      </c>
      <c r="B131958" s="14" t="s">
        <v>1</v>
      </c>
      <c r="C131958" s="14" t="s">
        <v>596</v>
      </c>
      <c r="D131958" s="14" t="s">
        <v>406</v>
      </c>
      <c r="E131958" s="15">
        <v>45569</v>
      </c>
      <c r="F131958" s="14" t="s">
        <v>15</v>
      </c>
      <c r="G131958" s="16">
        <v>0</v>
      </c>
    </row>
    <row r="131959" spans="1:7" x14ac:dyDescent="0.3">
      <c r="A131959" s="13" t="s">
        <v>599</v>
      </c>
      <c r="B131959" s="14" t="s">
        <v>1</v>
      </c>
      <c r="C131959" s="14" t="s">
        <v>596</v>
      </c>
      <c r="D131959" s="14" t="s">
        <v>406</v>
      </c>
      <c r="E131959" s="15">
        <v>45570</v>
      </c>
      <c r="F131959" s="14" t="s">
        <v>15</v>
      </c>
      <c r="G131959" s="16">
        <v>0</v>
      </c>
    </row>
    <row r="131960" spans="1:7" x14ac:dyDescent="0.3">
      <c r="A131960" s="13" t="s">
        <v>599</v>
      </c>
      <c r="B131960" s="14" t="s">
        <v>1</v>
      </c>
      <c r="C131960" s="14" t="s">
        <v>596</v>
      </c>
      <c r="D131960" s="14" t="s">
        <v>406</v>
      </c>
      <c r="E131960" s="15">
        <v>45571</v>
      </c>
      <c r="F131960" s="14" t="s">
        <v>15</v>
      </c>
      <c r="G131960" s="16">
        <v>0</v>
      </c>
    </row>
    <row r="131961" spans="1:7" x14ac:dyDescent="0.3">
      <c r="A131961" s="13" t="s">
        <v>599</v>
      </c>
      <c r="B131961" s="14" t="s">
        <v>1</v>
      </c>
      <c r="C131961" s="14" t="s">
        <v>596</v>
      </c>
      <c r="D131961" s="14" t="s">
        <v>406</v>
      </c>
      <c r="E131961" s="15">
        <v>45572</v>
      </c>
      <c r="F131961" s="14" t="s">
        <v>15</v>
      </c>
      <c r="G131961" s="16">
        <v>0</v>
      </c>
    </row>
    <row r="131962" spans="1:7" x14ac:dyDescent="0.3">
      <c r="A131962" s="13" t="s">
        <v>599</v>
      </c>
      <c r="B131962" s="14" t="s">
        <v>1</v>
      </c>
      <c r="C131962" s="14" t="s">
        <v>596</v>
      </c>
      <c r="D131962" s="14" t="s">
        <v>406</v>
      </c>
      <c r="E131962" s="15">
        <v>45573</v>
      </c>
      <c r="F131962" s="14" t="s">
        <v>15</v>
      </c>
      <c r="G131962" s="16">
        <v>0</v>
      </c>
    </row>
    <row r="131963" spans="1:7" x14ac:dyDescent="0.3">
      <c r="A131963" s="13" t="s">
        <v>599</v>
      </c>
      <c r="B131963" s="14" t="s">
        <v>1</v>
      </c>
      <c r="C131963" s="14" t="s">
        <v>596</v>
      </c>
      <c r="D131963" s="14" t="s">
        <v>406</v>
      </c>
      <c r="E131963" s="15">
        <v>45574</v>
      </c>
      <c r="F131963" s="14" t="s">
        <v>15</v>
      </c>
      <c r="G131963" s="16">
        <v>0</v>
      </c>
    </row>
    <row r="131964" spans="1:7" x14ac:dyDescent="0.3">
      <c r="A131964" s="13" t="s">
        <v>599</v>
      </c>
      <c r="B131964" s="14" t="s">
        <v>1</v>
      </c>
      <c r="C131964" s="14" t="s">
        <v>596</v>
      </c>
      <c r="D131964" s="14" t="s">
        <v>406</v>
      </c>
      <c r="E131964" s="15">
        <v>45575</v>
      </c>
      <c r="F131964" s="14" t="s">
        <v>15</v>
      </c>
      <c r="G131964" s="16">
        <v>0</v>
      </c>
    </row>
    <row r="131965" spans="1:7" x14ac:dyDescent="0.3">
      <c r="A131965" s="13" t="s">
        <v>599</v>
      </c>
      <c r="B131965" s="14" t="s">
        <v>1</v>
      </c>
      <c r="C131965" s="14" t="s">
        <v>596</v>
      </c>
      <c r="D131965" s="14" t="s">
        <v>406</v>
      </c>
      <c r="E131965" s="15">
        <v>45576</v>
      </c>
      <c r="F131965" s="14" t="s">
        <v>15</v>
      </c>
      <c r="G131965" s="16">
        <v>0</v>
      </c>
    </row>
    <row r="131966" spans="1:7" x14ac:dyDescent="0.3">
      <c r="A131966" s="13" t="s">
        <v>599</v>
      </c>
      <c r="B131966" s="14" t="s">
        <v>1</v>
      </c>
      <c r="C131966" s="14" t="s">
        <v>596</v>
      </c>
      <c r="D131966" s="14" t="s">
        <v>406</v>
      </c>
      <c r="E131966" s="15">
        <v>45577</v>
      </c>
      <c r="F131966" s="14" t="s">
        <v>15</v>
      </c>
      <c r="G131966" s="16">
        <v>0</v>
      </c>
    </row>
    <row r="131967" spans="1:7" x14ac:dyDescent="0.3">
      <c r="A131967" s="13" t="s">
        <v>599</v>
      </c>
      <c r="B131967" s="14" t="s">
        <v>1</v>
      </c>
      <c r="C131967" s="14" t="s">
        <v>596</v>
      </c>
      <c r="D131967" s="14" t="s">
        <v>406</v>
      </c>
      <c r="E131967" s="15">
        <v>45578</v>
      </c>
      <c r="F131967" s="14" t="s">
        <v>15</v>
      </c>
      <c r="G131967" s="16">
        <v>0</v>
      </c>
    </row>
    <row r="131968" spans="1:7" x14ac:dyDescent="0.3">
      <c r="A131968" s="13" t="s">
        <v>599</v>
      </c>
      <c r="B131968" s="14" t="s">
        <v>1</v>
      </c>
      <c r="C131968" s="14" t="s">
        <v>596</v>
      </c>
      <c r="D131968" s="14" t="s">
        <v>406</v>
      </c>
      <c r="E131968" s="15">
        <v>45579</v>
      </c>
      <c r="F131968" s="14" t="s">
        <v>15</v>
      </c>
      <c r="G131968" s="16">
        <v>0</v>
      </c>
    </row>
    <row r="131969" spans="1:7" x14ac:dyDescent="0.3">
      <c r="A131969" s="13" t="s">
        <v>599</v>
      </c>
      <c r="B131969" s="14" t="s">
        <v>1</v>
      </c>
      <c r="C131969" s="14" t="s">
        <v>596</v>
      </c>
      <c r="D131969" s="14" t="s">
        <v>406</v>
      </c>
      <c r="E131969" s="15">
        <v>45580</v>
      </c>
      <c r="F131969" s="14" t="s">
        <v>15</v>
      </c>
      <c r="G131969" s="16">
        <v>0</v>
      </c>
    </row>
    <row r="131970" spans="1:7" x14ac:dyDescent="0.3">
      <c r="A131970" s="13" t="s">
        <v>599</v>
      </c>
      <c r="B131970" s="14" t="s">
        <v>1</v>
      </c>
      <c r="C131970" s="14" t="s">
        <v>596</v>
      </c>
      <c r="D131970" s="14" t="s">
        <v>406</v>
      </c>
      <c r="E131970" s="15">
        <v>45581</v>
      </c>
      <c r="F131970" s="14" t="s">
        <v>15</v>
      </c>
      <c r="G131970" s="16">
        <v>0</v>
      </c>
    </row>
    <row r="131971" spans="1:7" x14ac:dyDescent="0.3">
      <c r="A131971" s="13" t="s">
        <v>599</v>
      </c>
      <c r="B131971" s="14" t="s">
        <v>1</v>
      </c>
      <c r="C131971" s="14" t="s">
        <v>596</v>
      </c>
      <c r="D131971" s="14" t="s">
        <v>406</v>
      </c>
      <c r="E131971" s="15">
        <v>45582</v>
      </c>
      <c r="F131971" s="14" t="s">
        <v>15</v>
      </c>
      <c r="G131971" s="16">
        <v>0</v>
      </c>
    </row>
    <row r="131972" spans="1:7" x14ac:dyDescent="0.3">
      <c r="A131972" s="13" t="s">
        <v>599</v>
      </c>
      <c r="B131972" s="14" t="s">
        <v>1</v>
      </c>
      <c r="C131972" s="14" t="s">
        <v>596</v>
      </c>
      <c r="D131972" s="14" t="s">
        <v>406</v>
      </c>
      <c r="E131972" s="15">
        <v>45583</v>
      </c>
      <c r="F131972" s="14" t="s">
        <v>15</v>
      </c>
      <c r="G131972" s="16">
        <v>0</v>
      </c>
    </row>
    <row r="131973" spans="1:7" x14ac:dyDescent="0.3">
      <c r="A131973" s="13" t="s">
        <v>599</v>
      </c>
      <c r="B131973" s="14" t="s">
        <v>1</v>
      </c>
      <c r="C131973" s="14" t="s">
        <v>596</v>
      </c>
      <c r="D131973" s="14" t="s">
        <v>406</v>
      </c>
      <c r="E131973" s="15">
        <v>45584</v>
      </c>
      <c r="F131973" s="14" t="s">
        <v>15</v>
      </c>
      <c r="G131973" s="16">
        <v>0</v>
      </c>
    </row>
    <row r="131974" spans="1:7" x14ac:dyDescent="0.3">
      <c r="A131974" s="13" t="s">
        <v>599</v>
      </c>
      <c r="B131974" s="14" t="s">
        <v>1</v>
      </c>
      <c r="C131974" s="14" t="s">
        <v>596</v>
      </c>
      <c r="D131974" s="14" t="s">
        <v>406</v>
      </c>
      <c r="E131974" s="15">
        <v>45585</v>
      </c>
      <c r="F131974" s="14" t="s">
        <v>15</v>
      </c>
      <c r="G131974" s="16">
        <v>0</v>
      </c>
    </row>
    <row r="131975" spans="1:7" x14ac:dyDescent="0.3">
      <c r="A131975" s="13" t="s">
        <v>599</v>
      </c>
      <c r="B131975" s="14" t="s">
        <v>1</v>
      </c>
      <c r="C131975" s="14" t="s">
        <v>596</v>
      </c>
      <c r="D131975" s="14" t="s">
        <v>406</v>
      </c>
      <c r="E131975" s="15">
        <v>45586</v>
      </c>
      <c r="F131975" s="14" t="s">
        <v>15</v>
      </c>
      <c r="G131975" s="16">
        <v>0</v>
      </c>
    </row>
    <row r="131976" spans="1:7" x14ac:dyDescent="0.3">
      <c r="A131976" s="13" t="s">
        <v>599</v>
      </c>
      <c r="B131976" s="14" t="s">
        <v>1</v>
      </c>
      <c r="C131976" s="14" t="s">
        <v>596</v>
      </c>
      <c r="D131976" s="14" t="s">
        <v>406</v>
      </c>
      <c r="E131976" s="15">
        <v>45587</v>
      </c>
      <c r="F131976" s="14" t="s">
        <v>15</v>
      </c>
      <c r="G131976" s="16">
        <v>0</v>
      </c>
    </row>
    <row r="131977" spans="1:7" x14ac:dyDescent="0.3">
      <c r="A131977" s="13" t="s">
        <v>599</v>
      </c>
      <c r="B131977" s="14" t="s">
        <v>1</v>
      </c>
      <c r="C131977" s="14" t="s">
        <v>596</v>
      </c>
      <c r="D131977" s="14" t="s">
        <v>406</v>
      </c>
      <c r="E131977" s="15">
        <v>45588</v>
      </c>
      <c r="F131977" s="14" t="s">
        <v>15</v>
      </c>
      <c r="G131977" s="16">
        <v>0</v>
      </c>
    </row>
    <row r="131978" spans="1:7" x14ac:dyDescent="0.3">
      <c r="A131978" s="13" t="s">
        <v>599</v>
      </c>
      <c r="B131978" s="14" t="s">
        <v>1</v>
      </c>
      <c r="C131978" s="14" t="s">
        <v>596</v>
      </c>
      <c r="D131978" s="14" t="s">
        <v>406</v>
      </c>
      <c r="E131978" s="15">
        <v>45589</v>
      </c>
      <c r="F131978" s="14" t="s">
        <v>15</v>
      </c>
      <c r="G131978" s="16">
        <v>0</v>
      </c>
    </row>
    <row r="131979" spans="1:7" x14ac:dyDescent="0.3">
      <c r="A131979" s="13" t="s">
        <v>599</v>
      </c>
      <c r="B131979" s="14" t="s">
        <v>1</v>
      </c>
      <c r="C131979" s="14" t="s">
        <v>596</v>
      </c>
      <c r="D131979" s="14" t="s">
        <v>406</v>
      </c>
      <c r="E131979" s="15">
        <v>45590</v>
      </c>
      <c r="F131979" s="14" t="s">
        <v>15</v>
      </c>
      <c r="G131979" s="16">
        <v>0</v>
      </c>
    </row>
    <row r="131980" spans="1:7" x14ac:dyDescent="0.3">
      <c r="A131980" s="13" t="s">
        <v>599</v>
      </c>
      <c r="B131980" s="14" t="s">
        <v>1</v>
      </c>
      <c r="C131980" s="14" t="s">
        <v>596</v>
      </c>
      <c r="D131980" s="14" t="s">
        <v>406</v>
      </c>
      <c r="E131980" s="15">
        <v>45591</v>
      </c>
      <c r="F131980" s="14" t="s">
        <v>15</v>
      </c>
      <c r="G131980" s="16">
        <v>0</v>
      </c>
    </row>
    <row r="131981" spans="1:7" x14ac:dyDescent="0.3">
      <c r="A131981" s="13" t="s">
        <v>599</v>
      </c>
      <c r="B131981" s="14" t="s">
        <v>1</v>
      </c>
      <c r="C131981" s="14" t="s">
        <v>596</v>
      </c>
      <c r="D131981" s="14" t="s">
        <v>406</v>
      </c>
      <c r="E131981" s="15">
        <v>45592</v>
      </c>
      <c r="F131981" s="14" t="s">
        <v>15</v>
      </c>
      <c r="G131981" s="16">
        <v>0</v>
      </c>
    </row>
    <row r="131982" spans="1:7" x14ac:dyDescent="0.3">
      <c r="A131982" s="13" t="s">
        <v>599</v>
      </c>
      <c r="B131982" s="14" t="s">
        <v>1</v>
      </c>
      <c r="C131982" s="14" t="s">
        <v>596</v>
      </c>
      <c r="D131982" s="14" t="s">
        <v>406</v>
      </c>
      <c r="E131982" s="15">
        <v>45593</v>
      </c>
      <c r="F131982" s="14" t="s">
        <v>15</v>
      </c>
      <c r="G131982" s="16">
        <v>0</v>
      </c>
    </row>
    <row r="131983" spans="1:7" x14ac:dyDescent="0.3">
      <c r="A131983" s="13" t="s">
        <v>599</v>
      </c>
      <c r="B131983" s="14" t="s">
        <v>1</v>
      </c>
      <c r="C131983" s="14" t="s">
        <v>596</v>
      </c>
      <c r="D131983" s="14" t="s">
        <v>406</v>
      </c>
      <c r="E131983" s="15">
        <v>45594</v>
      </c>
      <c r="F131983" s="14" t="s">
        <v>15</v>
      </c>
      <c r="G131983" s="16">
        <v>0</v>
      </c>
    </row>
    <row r="131984" spans="1:7" x14ac:dyDescent="0.3">
      <c r="A131984" s="13" t="s">
        <v>599</v>
      </c>
      <c r="B131984" s="14" t="s">
        <v>1</v>
      </c>
      <c r="C131984" s="14" t="s">
        <v>596</v>
      </c>
      <c r="D131984" s="14" t="s">
        <v>406</v>
      </c>
      <c r="E131984" s="15">
        <v>45595</v>
      </c>
      <c r="F131984" s="14" t="s">
        <v>15</v>
      </c>
      <c r="G131984" s="16">
        <v>0</v>
      </c>
    </row>
    <row r="131985" spans="1:7" x14ac:dyDescent="0.3">
      <c r="A131985" s="13" t="s">
        <v>599</v>
      </c>
      <c r="B131985" s="14" t="s">
        <v>1</v>
      </c>
      <c r="C131985" s="14" t="s">
        <v>596</v>
      </c>
      <c r="D131985" s="14" t="s">
        <v>406</v>
      </c>
      <c r="E131985" s="15">
        <v>45596</v>
      </c>
      <c r="F131985" s="14" t="s">
        <v>15</v>
      </c>
      <c r="G131985" s="16">
        <v>0</v>
      </c>
    </row>
    <row r="131986" spans="1:7" x14ac:dyDescent="0.3">
      <c r="A131986" s="13" t="s">
        <v>599</v>
      </c>
      <c r="B131986" s="14" t="s">
        <v>1</v>
      </c>
      <c r="C131986" s="14" t="s">
        <v>596</v>
      </c>
      <c r="D131986" s="14" t="s">
        <v>406</v>
      </c>
      <c r="E131986" s="15">
        <v>45597</v>
      </c>
      <c r="F131986" s="14" t="s">
        <v>15</v>
      </c>
      <c r="G131986" s="16">
        <v>0</v>
      </c>
    </row>
    <row r="131987" spans="1:7" x14ac:dyDescent="0.3">
      <c r="A131987" s="13" t="s">
        <v>599</v>
      </c>
      <c r="B131987" s="14" t="s">
        <v>1</v>
      </c>
      <c r="C131987" s="14" t="s">
        <v>596</v>
      </c>
      <c r="D131987" s="14" t="s">
        <v>406</v>
      </c>
      <c r="E131987" s="15">
        <v>45598</v>
      </c>
      <c r="F131987" s="14" t="s">
        <v>15</v>
      </c>
      <c r="G131987" s="16">
        <v>0</v>
      </c>
    </row>
    <row r="131988" spans="1:7" x14ac:dyDescent="0.3">
      <c r="A131988" s="13" t="s">
        <v>599</v>
      </c>
      <c r="B131988" s="14" t="s">
        <v>1</v>
      </c>
      <c r="C131988" s="14" t="s">
        <v>596</v>
      </c>
      <c r="D131988" s="14" t="s">
        <v>406</v>
      </c>
      <c r="E131988" s="15">
        <v>45599</v>
      </c>
      <c r="F131988" s="14" t="s">
        <v>15</v>
      </c>
      <c r="G131988" s="16">
        <v>0</v>
      </c>
    </row>
    <row r="131989" spans="1:7" x14ac:dyDescent="0.3">
      <c r="A131989" s="13" t="s">
        <v>599</v>
      </c>
      <c r="B131989" s="14" t="s">
        <v>1</v>
      </c>
      <c r="C131989" s="14" t="s">
        <v>596</v>
      </c>
      <c r="D131989" s="14" t="s">
        <v>406</v>
      </c>
      <c r="E131989" s="15">
        <v>45600</v>
      </c>
      <c r="F131989" s="14" t="s">
        <v>15</v>
      </c>
      <c r="G131989" s="16">
        <v>0</v>
      </c>
    </row>
    <row r="131990" spans="1:7" x14ac:dyDescent="0.3">
      <c r="A131990" s="13" t="s">
        <v>599</v>
      </c>
      <c r="B131990" s="14" t="s">
        <v>1</v>
      </c>
      <c r="C131990" s="14" t="s">
        <v>596</v>
      </c>
      <c r="D131990" s="14" t="s">
        <v>406</v>
      </c>
      <c r="E131990" s="15">
        <v>45601</v>
      </c>
      <c r="F131990" s="14" t="s">
        <v>15</v>
      </c>
      <c r="G131990" s="16">
        <v>0</v>
      </c>
    </row>
    <row r="131991" spans="1:7" x14ac:dyDescent="0.3">
      <c r="A131991" s="13" t="s">
        <v>599</v>
      </c>
      <c r="B131991" s="14" t="s">
        <v>1</v>
      </c>
      <c r="C131991" s="14" t="s">
        <v>596</v>
      </c>
      <c r="D131991" s="14" t="s">
        <v>406</v>
      </c>
      <c r="E131991" s="15">
        <v>45602</v>
      </c>
      <c r="F131991" s="14" t="s">
        <v>15</v>
      </c>
      <c r="G131991" s="16">
        <v>0</v>
      </c>
    </row>
    <row r="131992" spans="1:7" x14ac:dyDescent="0.3">
      <c r="A131992" s="13" t="s">
        <v>599</v>
      </c>
      <c r="B131992" s="14" t="s">
        <v>1</v>
      </c>
      <c r="C131992" s="14" t="s">
        <v>596</v>
      </c>
      <c r="D131992" s="14" t="s">
        <v>406</v>
      </c>
      <c r="E131992" s="15">
        <v>45603</v>
      </c>
      <c r="F131992" s="14" t="s">
        <v>15</v>
      </c>
      <c r="G131992" s="16">
        <v>0</v>
      </c>
    </row>
    <row r="131993" spans="1:7" x14ac:dyDescent="0.3">
      <c r="A131993" s="13" t="s">
        <v>599</v>
      </c>
      <c r="B131993" s="14" t="s">
        <v>1</v>
      </c>
      <c r="C131993" s="14" t="s">
        <v>596</v>
      </c>
      <c r="D131993" s="14" t="s">
        <v>406</v>
      </c>
      <c r="E131993" s="15">
        <v>45604</v>
      </c>
      <c r="F131993" s="14" t="s">
        <v>15</v>
      </c>
      <c r="G131993" s="16">
        <v>0</v>
      </c>
    </row>
    <row r="131994" spans="1:7" x14ac:dyDescent="0.3">
      <c r="A131994" s="13" t="s">
        <v>599</v>
      </c>
      <c r="B131994" s="14" t="s">
        <v>1</v>
      </c>
      <c r="C131994" s="14" t="s">
        <v>596</v>
      </c>
      <c r="D131994" s="14" t="s">
        <v>406</v>
      </c>
      <c r="E131994" s="15">
        <v>45605</v>
      </c>
      <c r="F131994" s="14" t="s">
        <v>15</v>
      </c>
      <c r="G131994" s="16">
        <v>0</v>
      </c>
    </row>
    <row r="131995" spans="1:7" x14ac:dyDescent="0.3">
      <c r="A131995" s="13" t="s">
        <v>599</v>
      </c>
      <c r="B131995" s="14" t="s">
        <v>1</v>
      </c>
      <c r="C131995" s="14" t="s">
        <v>596</v>
      </c>
      <c r="D131995" s="14" t="s">
        <v>406</v>
      </c>
      <c r="E131995" s="15">
        <v>45606</v>
      </c>
      <c r="F131995" s="14" t="s">
        <v>15</v>
      </c>
      <c r="G131995" s="16">
        <v>0</v>
      </c>
    </row>
    <row r="131996" spans="1:7" x14ac:dyDescent="0.3">
      <c r="A131996" s="13" t="s">
        <v>599</v>
      </c>
      <c r="B131996" s="14" t="s">
        <v>1</v>
      </c>
      <c r="C131996" s="14" t="s">
        <v>596</v>
      </c>
      <c r="D131996" s="14" t="s">
        <v>406</v>
      </c>
      <c r="E131996" s="15">
        <v>45607</v>
      </c>
      <c r="F131996" s="14" t="s">
        <v>15</v>
      </c>
      <c r="G131996" s="16">
        <v>0</v>
      </c>
    </row>
    <row r="131997" spans="1:7" x14ac:dyDescent="0.3">
      <c r="A131997" s="13" t="s">
        <v>599</v>
      </c>
      <c r="B131997" s="14" t="s">
        <v>1</v>
      </c>
      <c r="C131997" s="14" t="s">
        <v>596</v>
      </c>
      <c r="D131997" s="14" t="s">
        <v>406</v>
      </c>
      <c r="E131997" s="15">
        <v>45608</v>
      </c>
      <c r="F131997" s="14" t="s">
        <v>15</v>
      </c>
      <c r="G131997" s="16">
        <v>0</v>
      </c>
    </row>
    <row r="131998" spans="1:7" x14ac:dyDescent="0.3">
      <c r="A131998" s="13" t="s">
        <v>599</v>
      </c>
      <c r="B131998" s="14" t="s">
        <v>1</v>
      </c>
      <c r="C131998" s="14" t="s">
        <v>596</v>
      </c>
      <c r="D131998" s="14" t="s">
        <v>406</v>
      </c>
      <c r="E131998" s="15">
        <v>45609</v>
      </c>
      <c r="F131998" s="14" t="s">
        <v>15</v>
      </c>
      <c r="G131998" s="16">
        <v>0</v>
      </c>
    </row>
    <row r="131999" spans="1:7" x14ac:dyDescent="0.3">
      <c r="A131999" s="13" t="s">
        <v>599</v>
      </c>
      <c r="B131999" s="14" t="s">
        <v>1</v>
      </c>
      <c r="C131999" s="14" t="s">
        <v>596</v>
      </c>
      <c r="D131999" s="14" t="s">
        <v>406</v>
      </c>
      <c r="E131999" s="15">
        <v>45610</v>
      </c>
      <c r="F131999" s="14" t="s">
        <v>15</v>
      </c>
      <c r="G131999" s="16">
        <v>0</v>
      </c>
    </row>
    <row r="132000" spans="1:7" x14ac:dyDescent="0.3">
      <c r="A132000" s="13" t="s">
        <v>599</v>
      </c>
      <c r="B132000" s="14" t="s">
        <v>1</v>
      </c>
      <c r="C132000" s="14" t="s">
        <v>596</v>
      </c>
      <c r="D132000" s="14" t="s">
        <v>406</v>
      </c>
      <c r="E132000" s="15">
        <v>45611</v>
      </c>
      <c r="F132000" s="14" t="s">
        <v>15</v>
      </c>
      <c r="G132000" s="16">
        <v>0</v>
      </c>
    </row>
    <row r="132001" spans="1:7" x14ac:dyDescent="0.3">
      <c r="A132001" s="13" t="s">
        <v>599</v>
      </c>
      <c r="B132001" s="14" t="s">
        <v>1</v>
      </c>
      <c r="C132001" s="14" t="s">
        <v>596</v>
      </c>
      <c r="D132001" s="14" t="s">
        <v>406</v>
      </c>
      <c r="E132001" s="15">
        <v>45612</v>
      </c>
      <c r="F132001" s="14" t="s">
        <v>15</v>
      </c>
      <c r="G132001" s="16">
        <v>0</v>
      </c>
    </row>
    <row r="132002" spans="1:7" x14ac:dyDescent="0.3">
      <c r="A132002" s="13" t="s">
        <v>599</v>
      </c>
      <c r="B132002" s="14" t="s">
        <v>1</v>
      </c>
      <c r="C132002" s="14" t="s">
        <v>596</v>
      </c>
      <c r="D132002" s="14" t="s">
        <v>406</v>
      </c>
      <c r="E132002" s="15">
        <v>45613</v>
      </c>
      <c r="F132002" s="14" t="s">
        <v>15</v>
      </c>
      <c r="G132002" s="16">
        <v>0</v>
      </c>
    </row>
    <row r="132003" spans="1:7" x14ac:dyDescent="0.3">
      <c r="A132003" s="13" t="s">
        <v>599</v>
      </c>
      <c r="B132003" s="14" t="s">
        <v>1</v>
      </c>
      <c r="C132003" s="14" t="s">
        <v>596</v>
      </c>
      <c r="D132003" s="14" t="s">
        <v>406</v>
      </c>
      <c r="E132003" s="15">
        <v>45614</v>
      </c>
      <c r="F132003" s="14" t="s">
        <v>15</v>
      </c>
      <c r="G132003" s="16">
        <v>0</v>
      </c>
    </row>
    <row r="132004" spans="1:7" x14ac:dyDescent="0.3">
      <c r="A132004" s="13" t="s">
        <v>599</v>
      </c>
      <c r="B132004" s="14" t="s">
        <v>1</v>
      </c>
      <c r="C132004" s="14" t="s">
        <v>596</v>
      </c>
      <c r="D132004" s="14" t="s">
        <v>406</v>
      </c>
      <c r="E132004" s="15">
        <v>45615</v>
      </c>
      <c r="F132004" s="14" t="s">
        <v>15</v>
      </c>
      <c r="G132004" s="16">
        <v>0</v>
      </c>
    </row>
    <row r="132005" spans="1:7" x14ac:dyDescent="0.3">
      <c r="A132005" s="13" t="s">
        <v>599</v>
      </c>
      <c r="B132005" s="14" t="s">
        <v>1</v>
      </c>
      <c r="C132005" s="14" t="s">
        <v>596</v>
      </c>
      <c r="D132005" s="14" t="s">
        <v>406</v>
      </c>
      <c r="E132005" s="15">
        <v>45616</v>
      </c>
      <c r="F132005" s="14" t="s">
        <v>15</v>
      </c>
      <c r="G132005" s="16">
        <v>0</v>
      </c>
    </row>
    <row r="132006" spans="1:7" x14ac:dyDescent="0.3">
      <c r="A132006" s="13" t="s">
        <v>599</v>
      </c>
      <c r="B132006" s="14" t="s">
        <v>1</v>
      </c>
      <c r="C132006" s="14" t="s">
        <v>596</v>
      </c>
      <c r="D132006" s="14" t="s">
        <v>406</v>
      </c>
      <c r="E132006" s="15">
        <v>45617</v>
      </c>
      <c r="F132006" s="14" t="s">
        <v>15</v>
      </c>
      <c r="G132006" s="16">
        <v>0</v>
      </c>
    </row>
    <row r="132007" spans="1:7" x14ac:dyDescent="0.3">
      <c r="A132007" s="13" t="s">
        <v>599</v>
      </c>
      <c r="B132007" s="14" t="s">
        <v>1</v>
      </c>
      <c r="C132007" s="14" t="s">
        <v>596</v>
      </c>
      <c r="D132007" s="14" t="s">
        <v>406</v>
      </c>
      <c r="E132007" s="15">
        <v>45618</v>
      </c>
      <c r="F132007" s="14" t="s">
        <v>15</v>
      </c>
      <c r="G132007" s="16">
        <v>0</v>
      </c>
    </row>
    <row r="132008" spans="1:7" x14ac:dyDescent="0.3">
      <c r="A132008" s="13" t="s">
        <v>599</v>
      </c>
      <c r="B132008" s="14" t="s">
        <v>1</v>
      </c>
      <c r="C132008" s="14" t="s">
        <v>596</v>
      </c>
      <c r="D132008" s="14" t="s">
        <v>406</v>
      </c>
      <c r="E132008" s="15">
        <v>45619</v>
      </c>
      <c r="F132008" s="14" t="s">
        <v>15</v>
      </c>
      <c r="G132008" s="16">
        <v>0</v>
      </c>
    </row>
    <row r="132009" spans="1:7" x14ac:dyDescent="0.3">
      <c r="A132009" s="13" t="s">
        <v>599</v>
      </c>
      <c r="B132009" s="14" t="s">
        <v>1</v>
      </c>
      <c r="C132009" s="14" t="s">
        <v>596</v>
      </c>
      <c r="D132009" s="14" t="s">
        <v>406</v>
      </c>
      <c r="E132009" s="15">
        <v>45620</v>
      </c>
      <c r="F132009" s="14" t="s">
        <v>15</v>
      </c>
      <c r="G132009" s="16">
        <v>0</v>
      </c>
    </row>
    <row r="132010" spans="1:7" x14ac:dyDescent="0.3">
      <c r="A132010" s="13" t="s">
        <v>599</v>
      </c>
      <c r="B132010" s="14" t="s">
        <v>1</v>
      </c>
      <c r="C132010" s="14" t="s">
        <v>596</v>
      </c>
      <c r="D132010" s="14" t="s">
        <v>406</v>
      </c>
      <c r="E132010" s="15">
        <v>45621</v>
      </c>
      <c r="F132010" s="14" t="s">
        <v>15</v>
      </c>
      <c r="G132010" s="16">
        <v>0</v>
      </c>
    </row>
    <row r="132011" spans="1:7" x14ac:dyDescent="0.3">
      <c r="A132011" s="13" t="s">
        <v>599</v>
      </c>
      <c r="B132011" s="14" t="s">
        <v>1</v>
      </c>
      <c r="C132011" s="14" t="s">
        <v>596</v>
      </c>
      <c r="D132011" s="14" t="s">
        <v>406</v>
      </c>
      <c r="E132011" s="15">
        <v>45622</v>
      </c>
      <c r="F132011" s="14" t="s">
        <v>15</v>
      </c>
      <c r="G132011" s="16">
        <v>0</v>
      </c>
    </row>
    <row r="132012" spans="1:7" x14ac:dyDescent="0.3">
      <c r="A132012" s="13" t="s">
        <v>599</v>
      </c>
      <c r="B132012" s="14" t="s">
        <v>1</v>
      </c>
      <c r="C132012" s="14" t="s">
        <v>596</v>
      </c>
      <c r="D132012" s="14" t="s">
        <v>406</v>
      </c>
      <c r="E132012" s="15">
        <v>45623</v>
      </c>
      <c r="F132012" s="14" t="s">
        <v>15</v>
      </c>
      <c r="G132012" s="16">
        <v>0</v>
      </c>
    </row>
    <row r="132013" spans="1:7" x14ac:dyDescent="0.3">
      <c r="A132013" s="13" t="s">
        <v>599</v>
      </c>
      <c r="B132013" s="14" t="s">
        <v>1</v>
      </c>
      <c r="C132013" s="14" t="s">
        <v>596</v>
      </c>
      <c r="D132013" s="14" t="s">
        <v>406</v>
      </c>
      <c r="E132013" s="15">
        <v>45624</v>
      </c>
      <c r="F132013" s="14" t="s">
        <v>15</v>
      </c>
      <c r="G132013" s="16">
        <v>0</v>
      </c>
    </row>
    <row r="132014" spans="1:7" x14ac:dyDescent="0.3">
      <c r="A132014" s="13" t="s">
        <v>599</v>
      </c>
      <c r="B132014" s="14" t="s">
        <v>1</v>
      </c>
      <c r="C132014" s="14" t="s">
        <v>596</v>
      </c>
      <c r="D132014" s="14" t="s">
        <v>406</v>
      </c>
      <c r="E132014" s="15">
        <v>45625</v>
      </c>
      <c r="F132014" s="14" t="s">
        <v>15</v>
      </c>
      <c r="G132014" s="16">
        <v>0</v>
      </c>
    </row>
    <row r="132015" spans="1:7" x14ac:dyDescent="0.3">
      <c r="A132015" s="13" t="s">
        <v>599</v>
      </c>
      <c r="B132015" s="14" t="s">
        <v>1</v>
      </c>
      <c r="C132015" s="14" t="s">
        <v>596</v>
      </c>
      <c r="D132015" s="14" t="s">
        <v>406</v>
      </c>
      <c r="E132015" s="15">
        <v>45626</v>
      </c>
      <c r="F132015" s="14" t="s">
        <v>15</v>
      </c>
      <c r="G132015" s="16">
        <v>0</v>
      </c>
    </row>
    <row r="132016" spans="1:7" x14ac:dyDescent="0.3">
      <c r="A132016" s="13" t="s">
        <v>599</v>
      </c>
      <c r="B132016" s="14" t="s">
        <v>1</v>
      </c>
      <c r="C132016" s="14" t="s">
        <v>596</v>
      </c>
      <c r="D132016" s="14" t="s">
        <v>406</v>
      </c>
      <c r="E132016" s="15">
        <v>45627</v>
      </c>
      <c r="F132016" s="14" t="s">
        <v>15</v>
      </c>
      <c r="G132016" s="16">
        <v>0</v>
      </c>
    </row>
    <row r="132017" spans="1:7" x14ac:dyDescent="0.3">
      <c r="A132017" s="13" t="s">
        <v>599</v>
      </c>
      <c r="B132017" s="14" t="s">
        <v>1</v>
      </c>
      <c r="C132017" s="14" t="s">
        <v>596</v>
      </c>
      <c r="D132017" s="14" t="s">
        <v>406</v>
      </c>
      <c r="E132017" s="15">
        <v>45628</v>
      </c>
      <c r="F132017" s="14" t="s">
        <v>15</v>
      </c>
      <c r="G132017" s="16">
        <v>0</v>
      </c>
    </row>
    <row r="132018" spans="1:7" x14ac:dyDescent="0.3">
      <c r="A132018" s="13" t="s">
        <v>599</v>
      </c>
      <c r="B132018" s="14" t="s">
        <v>1</v>
      </c>
      <c r="C132018" s="14" t="s">
        <v>596</v>
      </c>
      <c r="D132018" s="14" t="s">
        <v>406</v>
      </c>
      <c r="E132018" s="15">
        <v>45629</v>
      </c>
      <c r="F132018" s="14" t="s">
        <v>15</v>
      </c>
      <c r="G132018" s="16">
        <v>0</v>
      </c>
    </row>
    <row r="132019" spans="1:7" x14ac:dyDescent="0.3">
      <c r="A132019" s="13" t="s">
        <v>599</v>
      </c>
      <c r="B132019" s="14" t="s">
        <v>1</v>
      </c>
      <c r="C132019" s="14" t="s">
        <v>596</v>
      </c>
      <c r="D132019" s="14" t="s">
        <v>406</v>
      </c>
      <c r="E132019" s="15">
        <v>45630</v>
      </c>
      <c r="F132019" s="14" t="s">
        <v>15</v>
      </c>
      <c r="G132019" s="16">
        <v>0</v>
      </c>
    </row>
    <row r="132020" spans="1:7" x14ac:dyDescent="0.3">
      <c r="A132020" s="13" t="s">
        <v>599</v>
      </c>
      <c r="B132020" s="14" t="s">
        <v>1</v>
      </c>
      <c r="C132020" s="14" t="s">
        <v>596</v>
      </c>
      <c r="D132020" s="14" t="s">
        <v>406</v>
      </c>
      <c r="E132020" s="15">
        <v>45631</v>
      </c>
      <c r="F132020" s="14" t="s">
        <v>15</v>
      </c>
      <c r="G132020" s="16">
        <v>0</v>
      </c>
    </row>
    <row r="132021" spans="1:7" x14ac:dyDescent="0.3">
      <c r="A132021" s="13" t="s">
        <v>599</v>
      </c>
      <c r="B132021" s="14" t="s">
        <v>1</v>
      </c>
      <c r="C132021" s="14" t="s">
        <v>596</v>
      </c>
      <c r="D132021" s="14" t="s">
        <v>406</v>
      </c>
      <c r="E132021" s="15">
        <v>45632</v>
      </c>
      <c r="F132021" s="14" t="s">
        <v>15</v>
      </c>
      <c r="G132021" s="16">
        <v>0</v>
      </c>
    </row>
    <row r="132022" spans="1:7" x14ac:dyDescent="0.3">
      <c r="A132022" s="13" t="s">
        <v>599</v>
      </c>
      <c r="B132022" s="14" t="s">
        <v>1</v>
      </c>
      <c r="C132022" s="14" t="s">
        <v>596</v>
      </c>
      <c r="D132022" s="14" t="s">
        <v>406</v>
      </c>
      <c r="E132022" s="15">
        <v>45633</v>
      </c>
      <c r="F132022" s="14" t="s">
        <v>15</v>
      </c>
      <c r="G132022" s="16">
        <v>0</v>
      </c>
    </row>
    <row r="132023" spans="1:7" x14ac:dyDescent="0.3">
      <c r="A132023" s="13" t="s">
        <v>599</v>
      </c>
      <c r="B132023" s="14" t="s">
        <v>1</v>
      </c>
      <c r="C132023" s="14" t="s">
        <v>596</v>
      </c>
      <c r="D132023" s="14" t="s">
        <v>406</v>
      </c>
      <c r="E132023" s="15">
        <v>45634</v>
      </c>
      <c r="F132023" s="14" t="s">
        <v>15</v>
      </c>
      <c r="G132023" s="16">
        <v>0</v>
      </c>
    </row>
    <row r="132024" spans="1:7" x14ac:dyDescent="0.3">
      <c r="A132024" s="13" t="s">
        <v>599</v>
      </c>
      <c r="B132024" s="14" t="s">
        <v>1</v>
      </c>
      <c r="C132024" s="14" t="s">
        <v>596</v>
      </c>
      <c r="D132024" s="14" t="s">
        <v>406</v>
      </c>
      <c r="E132024" s="15">
        <v>45635</v>
      </c>
      <c r="F132024" s="14" t="s">
        <v>15</v>
      </c>
      <c r="G132024" s="16">
        <v>0</v>
      </c>
    </row>
    <row r="132025" spans="1:7" x14ac:dyDescent="0.3">
      <c r="A132025" s="13" t="s">
        <v>599</v>
      </c>
      <c r="B132025" s="14" t="s">
        <v>1</v>
      </c>
      <c r="C132025" s="14" t="s">
        <v>596</v>
      </c>
      <c r="D132025" s="14" t="s">
        <v>406</v>
      </c>
      <c r="E132025" s="15">
        <v>45636</v>
      </c>
      <c r="F132025" s="14" t="s">
        <v>15</v>
      </c>
      <c r="G132025" s="16">
        <v>0</v>
      </c>
    </row>
    <row r="132026" spans="1:7" x14ac:dyDescent="0.3">
      <c r="A132026" s="13" t="s">
        <v>599</v>
      </c>
      <c r="B132026" s="14" t="s">
        <v>1</v>
      </c>
      <c r="C132026" s="14" t="s">
        <v>596</v>
      </c>
      <c r="D132026" s="14" t="s">
        <v>406</v>
      </c>
      <c r="E132026" s="15">
        <v>45637</v>
      </c>
      <c r="F132026" s="14" t="s">
        <v>15</v>
      </c>
      <c r="G132026" s="16">
        <v>0</v>
      </c>
    </row>
    <row r="132027" spans="1:7" x14ac:dyDescent="0.3">
      <c r="A132027" s="13" t="s">
        <v>599</v>
      </c>
      <c r="B132027" s="14" t="s">
        <v>1</v>
      </c>
      <c r="C132027" s="14" t="s">
        <v>596</v>
      </c>
      <c r="D132027" s="14" t="s">
        <v>406</v>
      </c>
      <c r="E132027" s="15">
        <v>45638</v>
      </c>
      <c r="F132027" s="14" t="s">
        <v>15</v>
      </c>
      <c r="G132027" s="16">
        <v>0</v>
      </c>
    </row>
    <row r="132028" spans="1:7" x14ac:dyDescent="0.3">
      <c r="A132028" s="13" t="s">
        <v>599</v>
      </c>
      <c r="B132028" s="14" t="s">
        <v>1</v>
      </c>
      <c r="C132028" s="14" t="s">
        <v>596</v>
      </c>
      <c r="D132028" s="14" t="s">
        <v>406</v>
      </c>
      <c r="E132028" s="15">
        <v>45639</v>
      </c>
      <c r="F132028" s="14" t="s">
        <v>15</v>
      </c>
      <c r="G132028" s="16">
        <v>0</v>
      </c>
    </row>
    <row r="132029" spans="1:7" x14ac:dyDescent="0.3">
      <c r="A132029" s="13" t="s">
        <v>599</v>
      </c>
      <c r="B132029" s="14" t="s">
        <v>1</v>
      </c>
      <c r="C132029" s="14" t="s">
        <v>596</v>
      </c>
      <c r="D132029" s="14" t="s">
        <v>406</v>
      </c>
      <c r="E132029" s="15">
        <v>45640</v>
      </c>
      <c r="F132029" s="14" t="s">
        <v>15</v>
      </c>
      <c r="G132029" s="16">
        <v>0</v>
      </c>
    </row>
    <row r="132030" spans="1:7" x14ac:dyDescent="0.3">
      <c r="A132030" s="13" t="s">
        <v>599</v>
      </c>
      <c r="B132030" s="14" t="s">
        <v>1</v>
      </c>
      <c r="C132030" s="14" t="s">
        <v>596</v>
      </c>
      <c r="D132030" s="14" t="s">
        <v>406</v>
      </c>
      <c r="E132030" s="15">
        <v>45641</v>
      </c>
      <c r="F132030" s="14" t="s">
        <v>15</v>
      </c>
      <c r="G132030" s="16">
        <v>0</v>
      </c>
    </row>
    <row r="132031" spans="1:7" x14ac:dyDescent="0.3">
      <c r="A132031" s="13" t="s">
        <v>599</v>
      </c>
      <c r="B132031" s="14" t="s">
        <v>1</v>
      </c>
      <c r="C132031" s="14" t="s">
        <v>596</v>
      </c>
      <c r="D132031" s="14" t="s">
        <v>406</v>
      </c>
      <c r="E132031" s="15">
        <v>45642</v>
      </c>
      <c r="F132031" s="14" t="s">
        <v>15</v>
      </c>
      <c r="G132031" s="16">
        <v>0</v>
      </c>
    </row>
    <row r="132032" spans="1:7" x14ac:dyDescent="0.3">
      <c r="A132032" s="13" t="s">
        <v>599</v>
      </c>
      <c r="B132032" s="14" t="s">
        <v>1</v>
      </c>
      <c r="C132032" s="14" t="s">
        <v>596</v>
      </c>
      <c r="D132032" s="14" t="s">
        <v>406</v>
      </c>
      <c r="E132032" s="15">
        <v>45643</v>
      </c>
      <c r="F132032" s="14" t="s">
        <v>15</v>
      </c>
      <c r="G132032" s="16">
        <v>0</v>
      </c>
    </row>
    <row r="132033" spans="1:7" x14ac:dyDescent="0.3">
      <c r="A132033" s="13" t="s">
        <v>599</v>
      </c>
      <c r="B132033" s="14" t="s">
        <v>1</v>
      </c>
      <c r="C132033" s="14" t="s">
        <v>596</v>
      </c>
      <c r="D132033" s="14" t="s">
        <v>406</v>
      </c>
      <c r="E132033" s="15">
        <v>45644</v>
      </c>
      <c r="F132033" s="14" t="s">
        <v>15</v>
      </c>
      <c r="G132033" s="16">
        <v>0</v>
      </c>
    </row>
    <row r="132034" spans="1:7" x14ac:dyDescent="0.3">
      <c r="A132034" s="13" t="s">
        <v>599</v>
      </c>
      <c r="B132034" s="14" t="s">
        <v>1</v>
      </c>
      <c r="C132034" s="14" t="s">
        <v>596</v>
      </c>
      <c r="D132034" s="14" t="s">
        <v>406</v>
      </c>
      <c r="E132034" s="15">
        <v>45645</v>
      </c>
      <c r="F132034" s="14" t="s">
        <v>15</v>
      </c>
      <c r="G132034" s="16">
        <v>0</v>
      </c>
    </row>
    <row r="132035" spans="1:7" x14ac:dyDescent="0.3">
      <c r="A132035" s="13" t="s">
        <v>599</v>
      </c>
      <c r="B132035" s="14" t="s">
        <v>1</v>
      </c>
      <c r="C132035" s="14" t="s">
        <v>596</v>
      </c>
      <c r="D132035" s="14" t="s">
        <v>406</v>
      </c>
      <c r="E132035" s="15">
        <v>45646</v>
      </c>
      <c r="F132035" s="14" t="s">
        <v>15</v>
      </c>
      <c r="G132035" s="16">
        <v>0</v>
      </c>
    </row>
    <row r="132036" spans="1:7" x14ac:dyDescent="0.3">
      <c r="A132036" s="13" t="s">
        <v>599</v>
      </c>
      <c r="B132036" s="14" t="s">
        <v>1</v>
      </c>
      <c r="C132036" s="14" t="s">
        <v>596</v>
      </c>
      <c r="D132036" s="14" t="s">
        <v>406</v>
      </c>
      <c r="E132036" s="15">
        <v>45647</v>
      </c>
      <c r="F132036" s="14" t="s">
        <v>15</v>
      </c>
      <c r="G132036" s="16">
        <v>0</v>
      </c>
    </row>
    <row r="132037" spans="1:7" x14ac:dyDescent="0.3">
      <c r="A132037" s="13" t="s">
        <v>599</v>
      </c>
      <c r="B132037" s="14" t="s">
        <v>1</v>
      </c>
      <c r="C132037" s="14" t="s">
        <v>596</v>
      </c>
      <c r="D132037" s="14" t="s">
        <v>406</v>
      </c>
      <c r="E132037" s="15">
        <v>45648</v>
      </c>
      <c r="F132037" s="14" t="s">
        <v>15</v>
      </c>
      <c r="G132037" s="16">
        <v>0</v>
      </c>
    </row>
    <row r="132038" spans="1:7" x14ac:dyDescent="0.3">
      <c r="A132038" s="13" t="s">
        <v>599</v>
      </c>
      <c r="B132038" s="14" t="s">
        <v>1</v>
      </c>
      <c r="C132038" s="14" t="s">
        <v>596</v>
      </c>
      <c r="D132038" s="14" t="s">
        <v>406</v>
      </c>
      <c r="E132038" s="15">
        <v>45649</v>
      </c>
      <c r="F132038" s="14" t="s">
        <v>15</v>
      </c>
      <c r="G132038" s="16">
        <v>0</v>
      </c>
    </row>
    <row r="132039" spans="1:7" x14ac:dyDescent="0.3">
      <c r="A132039" s="13" t="s">
        <v>599</v>
      </c>
      <c r="B132039" s="14" t="s">
        <v>1</v>
      </c>
      <c r="C132039" s="14" t="s">
        <v>596</v>
      </c>
      <c r="D132039" s="14" t="s">
        <v>406</v>
      </c>
      <c r="E132039" s="15">
        <v>45650</v>
      </c>
      <c r="F132039" s="14" t="s">
        <v>15</v>
      </c>
      <c r="G132039" s="16">
        <v>0</v>
      </c>
    </row>
    <row r="132040" spans="1:7" x14ac:dyDescent="0.3">
      <c r="A132040" s="13" t="s">
        <v>599</v>
      </c>
      <c r="B132040" s="14" t="s">
        <v>1</v>
      </c>
      <c r="C132040" s="14" t="s">
        <v>596</v>
      </c>
      <c r="D132040" s="14" t="s">
        <v>406</v>
      </c>
      <c r="E132040" s="15">
        <v>45651</v>
      </c>
      <c r="F132040" s="14" t="s">
        <v>15</v>
      </c>
      <c r="G132040" s="16">
        <v>0</v>
      </c>
    </row>
    <row r="132041" spans="1:7" x14ac:dyDescent="0.3">
      <c r="A132041" s="13" t="s">
        <v>599</v>
      </c>
      <c r="B132041" s="14" t="s">
        <v>1</v>
      </c>
      <c r="C132041" s="14" t="s">
        <v>596</v>
      </c>
      <c r="D132041" s="14" t="s">
        <v>406</v>
      </c>
      <c r="E132041" s="15">
        <v>45652</v>
      </c>
      <c r="F132041" s="14" t="s">
        <v>15</v>
      </c>
      <c r="G132041" s="16">
        <v>0</v>
      </c>
    </row>
    <row r="132042" spans="1:7" x14ac:dyDescent="0.3">
      <c r="A132042" s="13" t="s">
        <v>599</v>
      </c>
      <c r="B132042" s="14" t="s">
        <v>1</v>
      </c>
      <c r="C132042" s="14" t="s">
        <v>596</v>
      </c>
      <c r="D132042" s="14" t="s">
        <v>406</v>
      </c>
      <c r="E132042" s="15">
        <v>45653</v>
      </c>
      <c r="F132042" s="14" t="s">
        <v>15</v>
      </c>
      <c r="G132042" s="16">
        <v>0</v>
      </c>
    </row>
    <row r="132043" spans="1:7" x14ac:dyDescent="0.3">
      <c r="A132043" s="13" t="s">
        <v>599</v>
      </c>
      <c r="B132043" s="14" t="s">
        <v>1</v>
      </c>
      <c r="C132043" s="14" t="s">
        <v>596</v>
      </c>
      <c r="D132043" s="14" t="s">
        <v>406</v>
      </c>
      <c r="E132043" s="15">
        <v>45654</v>
      </c>
      <c r="F132043" s="14" t="s">
        <v>15</v>
      </c>
      <c r="G132043" s="16">
        <v>0</v>
      </c>
    </row>
    <row r="132044" spans="1:7" x14ac:dyDescent="0.3">
      <c r="A132044" s="13" t="s">
        <v>599</v>
      </c>
      <c r="B132044" s="14" t="s">
        <v>1</v>
      </c>
      <c r="C132044" s="14" t="s">
        <v>596</v>
      </c>
      <c r="D132044" s="14" t="s">
        <v>406</v>
      </c>
      <c r="E132044" s="15">
        <v>45655</v>
      </c>
      <c r="F132044" s="14" t="s">
        <v>15</v>
      </c>
      <c r="G132044" s="16">
        <v>0</v>
      </c>
    </row>
    <row r="132045" spans="1:7" x14ac:dyDescent="0.3">
      <c r="A132045" s="13" t="s">
        <v>599</v>
      </c>
      <c r="B132045" s="14" t="s">
        <v>1</v>
      </c>
      <c r="C132045" s="14" t="s">
        <v>596</v>
      </c>
      <c r="D132045" s="14" t="s">
        <v>406</v>
      </c>
      <c r="E132045" s="15">
        <v>45656</v>
      </c>
      <c r="F132045" s="14" t="s">
        <v>15</v>
      </c>
      <c r="G132045" s="16">
        <v>0</v>
      </c>
    </row>
    <row r="132046" spans="1:7" x14ac:dyDescent="0.3">
      <c r="A132046" s="13" t="s">
        <v>599</v>
      </c>
      <c r="B132046" s="14" t="s">
        <v>1</v>
      </c>
      <c r="C132046" s="14" t="s">
        <v>596</v>
      </c>
      <c r="D132046" s="14" t="s">
        <v>406</v>
      </c>
      <c r="E132046" s="15">
        <v>45657</v>
      </c>
      <c r="F132046" s="14" t="s">
        <v>15</v>
      </c>
      <c r="G132046" s="16">
        <v>0</v>
      </c>
    </row>
    <row r="132047" spans="1:7" x14ac:dyDescent="0.3">
      <c r="A132047" s="13" t="s">
        <v>599</v>
      </c>
      <c r="B132047" s="14" t="s">
        <v>1</v>
      </c>
      <c r="C132047" s="14" t="s">
        <v>596</v>
      </c>
      <c r="D132047" s="14" t="s">
        <v>406</v>
      </c>
      <c r="E132047" s="15">
        <v>45658</v>
      </c>
      <c r="F132047" s="14" t="s">
        <v>15</v>
      </c>
      <c r="G132047" s="16">
        <v>0</v>
      </c>
    </row>
    <row r="132048" spans="1:7" x14ac:dyDescent="0.3">
      <c r="A132048" s="13" t="s">
        <v>599</v>
      </c>
      <c r="B132048" s="14" t="s">
        <v>1</v>
      </c>
      <c r="C132048" s="14" t="s">
        <v>596</v>
      </c>
      <c r="D132048" s="14" t="s">
        <v>406</v>
      </c>
      <c r="E132048" s="15">
        <v>45659</v>
      </c>
      <c r="F132048" s="14" t="s">
        <v>15</v>
      </c>
      <c r="G132048" s="16">
        <v>0</v>
      </c>
    </row>
    <row r="132049" spans="1:7" x14ac:dyDescent="0.3">
      <c r="A132049" s="13" t="s">
        <v>599</v>
      </c>
      <c r="B132049" s="14" t="s">
        <v>1</v>
      </c>
      <c r="C132049" s="14" t="s">
        <v>596</v>
      </c>
      <c r="D132049" s="14" t="s">
        <v>406</v>
      </c>
      <c r="E132049" s="15">
        <v>45660</v>
      </c>
      <c r="F132049" s="14" t="s">
        <v>15</v>
      </c>
      <c r="G132049" s="16">
        <v>0</v>
      </c>
    </row>
    <row r="132050" spans="1:7" x14ac:dyDescent="0.3">
      <c r="A132050" s="13" t="s">
        <v>599</v>
      </c>
      <c r="B132050" s="14" t="s">
        <v>1</v>
      </c>
      <c r="C132050" s="14" t="s">
        <v>596</v>
      </c>
      <c r="D132050" s="14" t="s">
        <v>406</v>
      </c>
      <c r="E132050" s="15">
        <v>45661</v>
      </c>
      <c r="F132050" s="14" t="s">
        <v>15</v>
      </c>
      <c r="G132050" s="16">
        <v>0</v>
      </c>
    </row>
    <row r="132051" spans="1:7" x14ac:dyDescent="0.3">
      <c r="A132051" s="13" t="s">
        <v>599</v>
      </c>
      <c r="B132051" s="14" t="s">
        <v>1</v>
      </c>
      <c r="C132051" s="14" t="s">
        <v>596</v>
      </c>
      <c r="D132051" s="14" t="s">
        <v>406</v>
      </c>
      <c r="E132051" s="15">
        <v>45662</v>
      </c>
      <c r="F132051" s="14" t="s">
        <v>15</v>
      </c>
      <c r="G132051" s="16">
        <v>0</v>
      </c>
    </row>
    <row r="132052" spans="1:7" x14ac:dyDescent="0.3">
      <c r="A132052" s="13" t="s">
        <v>599</v>
      </c>
      <c r="B132052" s="14" t="s">
        <v>1</v>
      </c>
      <c r="C132052" s="14" t="s">
        <v>596</v>
      </c>
      <c r="D132052" s="14" t="s">
        <v>406</v>
      </c>
      <c r="E132052" s="15">
        <v>45663</v>
      </c>
      <c r="F132052" s="14" t="s">
        <v>15</v>
      </c>
      <c r="G132052" s="16">
        <v>0</v>
      </c>
    </row>
    <row r="132053" spans="1:7" x14ac:dyDescent="0.3">
      <c r="A132053" s="13" t="s">
        <v>599</v>
      </c>
      <c r="B132053" s="14" t="s">
        <v>1</v>
      </c>
      <c r="C132053" s="14" t="s">
        <v>596</v>
      </c>
      <c r="D132053" s="14" t="s">
        <v>406</v>
      </c>
      <c r="E132053" s="15">
        <v>45664</v>
      </c>
      <c r="F132053" s="14" t="s">
        <v>15</v>
      </c>
      <c r="G132053" s="16">
        <v>0</v>
      </c>
    </row>
    <row r="132054" spans="1:7" x14ac:dyDescent="0.3">
      <c r="A132054" s="13" t="s">
        <v>599</v>
      </c>
      <c r="B132054" s="14" t="s">
        <v>1</v>
      </c>
      <c r="C132054" s="14" t="s">
        <v>596</v>
      </c>
      <c r="D132054" s="14" t="s">
        <v>406</v>
      </c>
      <c r="E132054" s="15">
        <v>45665</v>
      </c>
      <c r="F132054" s="14" t="s">
        <v>15</v>
      </c>
      <c r="G132054" s="16">
        <v>0</v>
      </c>
    </row>
    <row r="132055" spans="1:7" x14ac:dyDescent="0.3">
      <c r="A132055" s="13" t="s">
        <v>599</v>
      </c>
      <c r="B132055" s="14" t="s">
        <v>1</v>
      </c>
      <c r="C132055" s="14" t="s">
        <v>596</v>
      </c>
      <c r="D132055" s="14" t="s">
        <v>406</v>
      </c>
      <c r="E132055" s="15">
        <v>45666</v>
      </c>
      <c r="F132055" s="14" t="s">
        <v>15</v>
      </c>
      <c r="G132055" s="16">
        <v>0</v>
      </c>
    </row>
    <row r="132056" spans="1:7" x14ac:dyDescent="0.3">
      <c r="A132056" s="13" t="s">
        <v>599</v>
      </c>
      <c r="B132056" s="14" t="s">
        <v>1</v>
      </c>
      <c r="C132056" s="14" t="s">
        <v>596</v>
      </c>
      <c r="D132056" s="14" t="s">
        <v>406</v>
      </c>
      <c r="E132056" s="15">
        <v>45667</v>
      </c>
      <c r="F132056" s="14" t="s">
        <v>15</v>
      </c>
      <c r="G132056" s="16">
        <v>0</v>
      </c>
    </row>
    <row r="132057" spans="1:7" x14ac:dyDescent="0.3">
      <c r="A132057" s="13" t="s">
        <v>599</v>
      </c>
      <c r="B132057" s="14" t="s">
        <v>1</v>
      </c>
      <c r="C132057" s="14" t="s">
        <v>596</v>
      </c>
      <c r="D132057" s="14" t="s">
        <v>406</v>
      </c>
      <c r="E132057" s="15">
        <v>45668</v>
      </c>
      <c r="F132057" s="14" t="s">
        <v>15</v>
      </c>
      <c r="G132057" s="16">
        <v>0</v>
      </c>
    </row>
    <row r="132058" spans="1:7" x14ac:dyDescent="0.3">
      <c r="A132058" s="13" t="s">
        <v>599</v>
      </c>
      <c r="B132058" s="14" t="s">
        <v>1</v>
      </c>
      <c r="C132058" s="14" t="s">
        <v>596</v>
      </c>
      <c r="D132058" s="14" t="s">
        <v>406</v>
      </c>
      <c r="E132058" s="15">
        <v>45669</v>
      </c>
      <c r="F132058" s="14" t="s">
        <v>15</v>
      </c>
      <c r="G132058" s="16">
        <v>0</v>
      </c>
    </row>
    <row r="132059" spans="1:7" x14ac:dyDescent="0.3">
      <c r="A132059" s="13" t="s">
        <v>599</v>
      </c>
      <c r="B132059" s="14" t="s">
        <v>1</v>
      </c>
      <c r="C132059" s="14" t="s">
        <v>596</v>
      </c>
      <c r="D132059" s="14" t="s">
        <v>406</v>
      </c>
      <c r="E132059" s="15">
        <v>45670</v>
      </c>
      <c r="F132059" s="14" t="s">
        <v>15</v>
      </c>
      <c r="G132059" s="16">
        <v>0</v>
      </c>
    </row>
    <row r="132060" spans="1:7" x14ac:dyDescent="0.3">
      <c r="A132060" s="13" t="s">
        <v>599</v>
      </c>
      <c r="B132060" s="14" t="s">
        <v>1</v>
      </c>
      <c r="C132060" s="14" t="s">
        <v>596</v>
      </c>
      <c r="D132060" s="14" t="s">
        <v>406</v>
      </c>
      <c r="E132060" s="15">
        <v>45671</v>
      </c>
      <c r="F132060" s="14" t="s">
        <v>15</v>
      </c>
      <c r="G132060" s="16">
        <v>0</v>
      </c>
    </row>
    <row r="132061" spans="1:7" x14ac:dyDescent="0.3">
      <c r="A132061" s="13" t="s">
        <v>599</v>
      </c>
      <c r="B132061" s="14" t="s">
        <v>1</v>
      </c>
      <c r="C132061" s="14" t="s">
        <v>596</v>
      </c>
      <c r="D132061" s="14" t="s">
        <v>406</v>
      </c>
      <c r="E132061" s="15">
        <v>45672</v>
      </c>
      <c r="F132061" s="14" t="s">
        <v>15</v>
      </c>
      <c r="G132061" s="16">
        <v>0</v>
      </c>
    </row>
    <row r="132062" spans="1:7" x14ac:dyDescent="0.3">
      <c r="A132062" s="13" t="s">
        <v>599</v>
      </c>
      <c r="B132062" s="14" t="s">
        <v>1</v>
      </c>
      <c r="C132062" s="14" t="s">
        <v>596</v>
      </c>
      <c r="D132062" s="14" t="s">
        <v>406</v>
      </c>
      <c r="E132062" s="15">
        <v>45673</v>
      </c>
      <c r="F132062" s="14" t="s">
        <v>15</v>
      </c>
      <c r="G132062" s="16">
        <v>0</v>
      </c>
    </row>
    <row r="132063" spans="1:7" x14ac:dyDescent="0.3">
      <c r="A132063" s="13" t="s">
        <v>599</v>
      </c>
      <c r="B132063" s="14" t="s">
        <v>1</v>
      </c>
      <c r="C132063" s="14" t="s">
        <v>596</v>
      </c>
      <c r="D132063" s="14" t="s">
        <v>406</v>
      </c>
      <c r="E132063" s="15">
        <v>45674</v>
      </c>
      <c r="F132063" s="14" t="s">
        <v>15</v>
      </c>
      <c r="G132063" s="16">
        <v>0</v>
      </c>
    </row>
    <row r="132064" spans="1:7" x14ac:dyDescent="0.3">
      <c r="A132064" s="13" t="s">
        <v>599</v>
      </c>
      <c r="B132064" s="14" t="s">
        <v>1</v>
      </c>
      <c r="C132064" s="14" t="s">
        <v>596</v>
      </c>
      <c r="D132064" s="14" t="s">
        <v>406</v>
      </c>
      <c r="E132064" s="15">
        <v>45675</v>
      </c>
      <c r="F132064" s="14" t="s">
        <v>15</v>
      </c>
      <c r="G132064" s="16">
        <v>0</v>
      </c>
    </row>
    <row r="132065" spans="1:7" x14ac:dyDescent="0.3">
      <c r="A132065" s="13" t="s">
        <v>599</v>
      </c>
      <c r="B132065" s="14" t="s">
        <v>1</v>
      </c>
      <c r="C132065" s="14" t="s">
        <v>596</v>
      </c>
      <c r="D132065" s="14" t="s">
        <v>406</v>
      </c>
      <c r="E132065" s="15">
        <v>45676</v>
      </c>
      <c r="F132065" s="14" t="s">
        <v>15</v>
      </c>
      <c r="G132065" s="16">
        <v>0</v>
      </c>
    </row>
    <row r="132066" spans="1:7" x14ac:dyDescent="0.3">
      <c r="A132066" s="13" t="s">
        <v>599</v>
      </c>
      <c r="B132066" s="14" t="s">
        <v>1</v>
      </c>
      <c r="C132066" s="14" t="s">
        <v>596</v>
      </c>
      <c r="D132066" s="14" t="s">
        <v>406</v>
      </c>
      <c r="E132066" s="15">
        <v>45677</v>
      </c>
      <c r="F132066" s="14" t="s">
        <v>15</v>
      </c>
      <c r="G132066" s="16">
        <v>0</v>
      </c>
    </row>
    <row r="132067" spans="1:7" x14ac:dyDescent="0.3">
      <c r="A132067" s="13" t="s">
        <v>599</v>
      </c>
      <c r="B132067" s="14" t="s">
        <v>1</v>
      </c>
      <c r="C132067" s="14" t="s">
        <v>596</v>
      </c>
      <c r="D132067" s="14" t="s">
        <v>406</v>
      </c>
      <c r="E132067" s="15">
        <v>45678</v>
      </c>
      <c r="F132067" s="14" t="s">
        <v>15</v>
      </c>
      <c r="G132067" s="16">
        <v>0</v>
      </c>
    </row>
    <row r="132068" spans="1:7" x14ac:dyDescent="0.3">
      <c r="A132068" s="13" t="s">
        <v>599</v>
      </c>
      <c r="B132068" s="14" t="s">
        <v>1</v>
      </c>
      <c r="C132068" s="14" t="s">
        <v>596</v>
      </c>
      <c r="D132068" s="14" t="s">
        <v>406</v>
      </c>
      <c r="E132068" s="15">
        <v>45679</v>
      </c>
      <c r="F132068" s="14" t="s">
        <v>15</v>
      </c>
      <c r="G132068" s="16">
        <v>0</v>
      </c>
    </row>
    <row r="132069" spans="1:7" x14ac:dyDescent="0.3">
      <c r="A132069" s="13" t="s">
        <v>599</v>
      </c>
      <c r="B132069" s="14" t="s">
        <v>1</v>
      </c>
      <c r="C132069" s="14" t="s">
        <v>596</v>
      </c>
      <c r="D132069" s="14" t="s">
        <v>406</v>
      </c>
      <c r="E132069" s="15">
        <v>45680</v>
      </c>
      <c r="F132069" s="14" t="s">
        <v>15</v>
      </c>
      <c r="G132069" s="16">
        <v>0</v>
      </c>
    </row>
    <row r="132070" spans="1:7" x14ac:dyDescent="0.3">
      <c r="A132070" s="13" t="s">
        <v>599</v>
      </c>
      <c r="B132070" s="14" t="s">
        <v>1</v>
      </c>
      <c r="C132070" s="14" t="s">
        <v>596</v>
      </c>
      <c r="D132070" s="14" t="s">
        <v>406</v>
      </c>
      <c r="E132070" s="15">
        <v>45681</v>
      </c>
      <c r="F132070" s="14" t="s">
        <v>15</v>
      </c>
      <c r="G132070" s="16">
        <v>0</v>
      </c>
    </row>
    <row r="132071" spans="1:7" x14ac:dyDescent="0.3">
      <c r="A132071" s="13" t="s">
        <v>599</v>
      </c>
      <c r="B132071" s="14" t="s">
        <v>1</v>
      </c>
      <c r="C132071" s="14" t="s">
        <v>596</v>
      </c>
      <c r="D132071" s="14" t="s">
        <v>406</v>
      </c>
      <c r="E132071" s="15">
        <v>45682</v>
      </c>
      <c r="F132071" s="14" t="s">
        <v>15</v>
      </c>
      <c r="G132071" s="16">
        <v>0</v>
      </c>
    </row>
    <row r="132072" spans="1:7" x14ac:dyDescent="0.3">
      <c r="A132072" s="13" t="s">
        <v>599</v>
      </c>
      <c r="B132072" s="14" t="s">
        <v>1</v>
      </c>
      <c r="C132072" s="14" t="s">
        <v>596</v>
      </c>
      <c r="D132072" s="14" t="s">
        <v>406</v>
      </c>
      <c r="E132072" s="15">
        <v>45683</v>
      </c>
      <c r="F132072" s="14" t="s">
        <v>15</v>
      </c>
      <c r="G132072" s="16">
        <v>0</v>
      </c>
    </row>
    <row r="132073" spans="1:7" x14ac:dyDescent="0.3">
      <c r="A132073" s="13" t="s">
        <v>599</v>
      </c>
      <c r="B132073" s="14" t="s">
        <v>1</v>
      </c>
      <c r="C132073" s="14" t="s">
        <v>596</v>
      </c>
      <c r="D132073" s="14" t="s">
        <v>406</v>
      </c>
      <c r="E132073" s="15">
        <v>45684</v>
      </c>
      <c r="F132073" s="14" t="s">
        <v>15</v>
      </c>
      <c r="G132073" s="16">
        <v>0</v>
      </c>
    </row>
    <row r="132074" spans="1:7" x14ac:dyDescent="0.3">
      <c r="A132074" s="13" t="s">
        <v>599</v>
      </c>
      <c r="B132074" s="14" t="s">
        <v>1</v>
      </c>
      <c r="C132074" s="14" t="s">
        <v>596</v>
      </c>
      <c r="D132074" s="14" t="s">
        <v>406</v>
      </c>
      <c r="E132074" s="15">
        <v>45685</v>
      </c>
      <c r="F132074" s="14" t="s">
        <v>15</v>
      </c>
      <c r="G132074" s="16">
        <v>0</v>
      </c>
    </row>
    <row r="132075" spans="1:7" x14ac:dyDescent="0.3">
      <c r="A132075" s="13" t="s">
        <v>599</v>
      </c>
      <c r="B132075" s="14" t="s">
        <v>1</v>
      </c>
      <c r="C132075" s="14" t="s">
        <v>596</v>
      </c>
      <c r="D132075" s="14" t="s">
        <v>406</v>
      </c>
      <c r="E132075" s="15">
        <v>45686</v>
      </c>
      <c r="F132075" s="14" t="s">
        <v>15</v>
      </c>
      <c r="G132075" s="16">
        <v>0</v>
      </c>
    </row>
    <row r="132076" spans="1:7" x14ac:dyDescent="0.3">
      <c r="A132076" s="13" t="s">
        <v>599</v>
      </c>
      <c r="B132076" s="14" t="s">
        <v>1</v>
      </c>
      <c r="C132076" s="14" t="s">
        <v>596</v>
      </c>
      <c r="D132076" s="14" t="s">
        <v>406</v>
      </c>
      <c r="E132076" s="15">
        <v>45687</v>
      </c>
      <c r="F132076" s="14" t="s">
        <v>15</v>
      </c>
      <c r="G132076" s="16">
        <v>0</v>
      </c>
    </row>
    <row r="132077" spans="1:7" x14ac:dyDescent="0.3">
      <c r="A132077" s="13" t="s">
        <v>599</v>
      </c>
      <c r="B132077" s="14" t="s">
        <v>1</v>
      </c>
      <c r="C132077" s="14" t="s">
        <v>596</v>
      </c>
      <c r="D132077" s="14" t="s">
        <v>406</v>
      </c>
      <c r="E132077" s="15">
        <v>45688</v>
      </c>
      <c r="F132077" s="14" t="s">
        <v>15</v>
      </c>
      <c r="G132077" s="16">
        <v>0</v>
      </c>
    </row>
    <row r="132078" spans="1:7" x14ac:dyDescent="0.3">
      <c r="A132078" s="13" t="s">
        <v>599</v>
      </c>
      <c r="B132078" s="14" t="s">
        <v>1</v>
      </c>
      <c r="C132078" s="14" t="s">
        <v>596</v>
      </c>
      <c r="D132078" s="14" t="s">
        <v>406</v>
      </c>
      <c r="E132078" s="15">
        <v>45689</v>
      </c>
      <c r="F132078" s="14" t="s">
        <v>15</v>
      </c>
      <c r="G132078" s="16">
        <v>0</v>
      </c>
    </row>
    <row r="132079" spans="1:7" x14ac:dyDescent="0.3">
      <c r="A132079" s="13" t="s">
        <v>599</v>
      </c>
      <c r="B132079" s="14" t="s">
        <v>1</v>
      </c>
      <c r="C132079" s="14" t="s">
        <v>596</v>
      </c>
      <c r="D132079" s="14" t="s">
        <v>406</v>
      </c>
      <c r="E132079" s="15">
        <v>45690</v>
      </c>
      <c r="F132079" s="14" t="s">
        <v>15</v>
      </c>
      <c r="G132079" s="16">
        <v>0</v>
      </c>
    </row>
    <row r="132080" spans="1:7" x14ac:dyDescent="0.3">
      <c r="A132080" s="13" t="s">
        <v>599</v>
      </c>
      <c r="B132080" s="14" t="s">
        <v>1</v>
      </c>
      <c r="C132080" s="14" t="s">
        <v>596</v>
      </c>
      <c r="D132080" s="14" t="s">
        <v>406</v>
      </c>
      <c r="E132080" s="15">
        <v>45691</v>
      </c>
      <c r="F132080" s="14" t="s">
        <v>15</v>
      </c>
      <c r="G132080" s="16">
        <v>0</v>
      </c>
    </row>
    <row r="132081" spans="1:7" x14ac:dyDescent="0.3">
      <c r="A132081" s="13" t="s">
        <v>599</v>
      </c>
      <c r="B132081" s="14" t="s">
        <v>1</v>
      </c>
      <c r="C132081" s="14" t="s">
        <v>596</v>
      </c>
      <c r="D132081" s="14" t="s">
        <v>406</v>
      </c>
      <c r="E132081" s="15">
        <v>45692</v>
      </c>
      <c r="F132081" s="14" t="s">
        <v>15</v>
      </c>
      <c r="G132081" s="16">
        <v>0</v>
      </c>
    </row>
    <row r="132082" spans="1:7" x14ac:dyDescent="0.3">
      <c r="A132082" s="13" t="s">
        <v>599</v>
      </c>
      <c r="B132082" s="14" t="s">
        <v>1</v>
      </c>
      <c r="C132082" s="14" t="s">
        <v>596</v>
      </c>
      <c r="D132082" s="14" t="s">
        <v>406</v>
      </c>
      <c r="E132082" s="15">
        <v>45693</v>
      </c>
      <c r="F132082" s="14" t="s">
        <v>15</v>
      </c>
      <c r="G132082" s="16">
        <v>0</v>
      </c>
    </row>
    <row r="132083" spans="1:7" x14ac:dyDescent="0.3">
      <c r="A132083" s="13" t="s">
        <v>599</v>
      </c>
      <c r="B132083" s="14" t="s">
        <v>1</v>
      </c>
      <c r="C132083" s="14" t="s">
        <v>596</v>
      </c>
      <c r="D132083" s="14" t="s">
        <v>406</v>
      </c>
      <c r="E132083" s="15">
        <v>45694</v>
      </c>
      <c r="F132083" s="14" t="s">
        <v>15</v>
      </c>
      <c r="G132083" s="16">
        <v>0</v>
      </c>
    </row>
    <row r="132084" spans="1:7" x14ac:dyDescent="0.3">
      <c r="A132084" s="13" t="s">
        <v>599</v>
      </c>
      <c r="B132084" s="14" t="s">
        <v>1</v>
      </c>
      <c r="C132084" s="14" t="s">
        <v>596</v>
      </c>
      <c r="D132084" s="14" t="s">
        <v>406</v>
      </c>
      <c r="E132084" s="15">
        <v>45695</v>
      </c>
      <c r="F132084" s="14" t="s">
        <v>15</v>
      </c>
      <c r="G132084" s="16">
        <v>0</v>
      </c>
    </row>
    <row r="132085" spans="1:7" x14ac:dyDescent="0.3">
      <c r="A132085" s="13" t="s">
        <v>599</v>
      </c>
      <c r="B132085" s="14" t="s">
        <v>1</v>
      </c>
      <c r="C132085" s="14" t="s">
        <v>596</v>
      </c>
      <c r="D132085" s="14" t="s">
        <v>406</v>
      </c>
      <c r="E132085" s="15">
        <v>45696</v>
      </c>
      <c r="F132085" s="14" t="s">
        <v>15</v>
      </c>
      <c r="G132085" s="16">
        <v>0</v>
      </c>
    </row>
    <row r="132086" spans="1:7" x14ac:dyDescent="0.3">
      <c r="A132086" s="13" t="s">
        <v>599</v>
      </c>
      <c r="B132086" s="14" t="s">
        <v>1</v>
      </c>
      <c r="C132086" s="14" t="s">
        <v>596</v>
      </c>
      <c r="D132086" s="14" t="s">
        <v>406</v>
      </c>
      <c r="E132086" s="15">
        <v>45697</v>
      </c>
      <c r="F132086" s="14" t="s">
        <v>15</v>
      </c>
      <c r="G132086" s="16">
        <v>0</v>
      </c>
    </row>
    <row r="132087" spans="1:7" x14ac:dyDescent="0.3">
      <c r="A132087" s="13" t="s">
        <v>599</v>
      </c>
      <c r="B132087" s="14" t="s">
        <v>1</v>
      </c>
      <c r="C132087" s="14" t="s">
        <v>596</v>
      </c>
      <c r="D132087" s="14" t="s">
        <v>406</v>
      </c>
      <c r="E132087" s="15">
        <v>45698</v>
      </c>
      <c r="F132087" s="14" t="s">
        <v>15</v>
      </c>
      <c r="G132087" s="16">
        <v>0</v>
      </c>
    </row>
    <row r="132088" spans="1:7" x14ac:dyDescent="0.3">
      <c r="A132088" s="13" t="s">
        <v>599</v>
      </c>
      <c r="B132088" s="14" t="s">
        <v>1</v>
      </c>
      <c r="C132088" s="14" t="s">
        <v>596</v>
      </c>
      <c r="D132088" s="14" t="s">
        <v>406</v>
      </c>
      <c r="E132088" s="15">
        <v>45699</v>
      </c>
      <c r="F132088" s="14" t="s">
        <v>15</v>
      </c>
      <c r="G132088" s="16">
        <v>0</v>
      </c>
    </row>
    <row r="132089" spans="1:7" x14ac:dyDescent="0.3">
      <c r="A132089" s="13" t="s">
        <v>599</v>
      </c>
      <c r="B132089" s="14" t="s">
        <v>1</v>
      </c>
      <c r="C132089" s="14" t="s">
        <v>596</v>
      </c>
      <c r="D132089" s="14" t="s">
        <v>406</v>
      </c>
      <c r="E132089" s="15">
        <v>45700</v>
      </c>
      <c r="F132089" s="14" t="s">
        <v>15</v>
      </c>
      <c r="G132089" s="16">
        <v>0</v>
      </c>
    </row>
    <row r="132090" spans="1:7" x14ac:dyDescent="0.3">
      <c r="A132090" s="13" t="s">
        <v>599</v>
      </c>
      <c r="B132090" s="14" t="s">
        <v>1</v>
      </c>
      <c r="C132090" s="14" t="s">
        <v>596</v>
      </c>
      <c r="D132090" s="14" t="s">
        <v>406</v>
      </c>
      <c r="E132090" s="15">
        <v>45701</v>
      </c>
      <c r="F132090" s="14" t="s">
        <v>15</v>
      </c>
      <c r="G132090" s="16">
        <v>0</v>
      </c>
    </row>
    <row r="132091" spans="1:7" x14ac:dyDescent="0.3">
      <c r="A132091" s="13" t="s">
        <v>599</v>
      </c>
      <c r="B132091" s="14" t="s">
        <v>1</v>
      </c>
      <c r="C132091" s="14" t="s">
        <v>596</v>
      </c>
      <c r="D132091" s="14" t="s">
        <v>406</v>
      </c>
      <c r="E132091" s="15">
        <v>45702</v>
      </c>
      <c r="F132091" s="14" t="s">
        <v>15</v>
      </c>
      <c r="G132091" s="16">
        <v>0</v>
      </c>
    </row>
    <row r="132092" spans="1:7" x14ac:dyDescent="0.3">
      <c r="A132092" s="13" t="s">
        <v>599</v>
      </c>
      <c r="B132092" s="14" t="s">
        <v>1</v>
      </c>
      <c r="C132092" s="14" t="s">
        <v>596</v>
      </c>
      <c r="D132092" s="14" t="s">
        <v>406</v>
      </c>
      <c r="E132092" s="15">
        <v>45703</v>
      </c>
      <c r="F132092" s="14" t="s">
        <v>15</v>
      </c>
      <c r="G132092" s="16">
        <v>0</v>
      </c>
    </row>
    <row r="132093" spans="1:7" x14ac:dyDescent="0.3">
      <c r="A132093" s="13" t="s">
        <v>599</v>
      </c>
      <c r="B132093" s="14" t="s">
        <v>1</v>
      </c>
      <c r="C132093" s="14" t="s">
        <v>596</v>
      </c>
      <c r="D132093" s="14" t="s">
        <v>406</v>
      </c>
      <c r="E132093" s="15">
        <v>45704</v>
      </c>
      <c r="F132093" s="14" t="s">
        <v>15</v>
      </c>
      <c r="G132093" s="16">
        <v>0</v>
      </c>
    </row>
    <row r="132094" spans="1:7" x14ac:dyDescent="0.3">
      <c r="A132094" s="13" t="s">
        <v>599</v>
      </c>
      <c r="B132094" s="14" t="s">
        <v>1</v>
      </c>
      <c r="C132094" s="14" t="s">
        <v>596</v>
      </c>
      <c r="D132094" s="14" t="s">
        <v>406</v>
      </c>
      <c r="E132094" s="15">
        <v>45705</v>
      </c>
      <c r="F132094" s="14" t="s">
        <v>15</v>
      </c>
      <c r="G132094" s="16">
        <v>0</v>
      </c>
    </row>
    <row r="132095" spans="1:7" x14ac:dyDescent="0.3">
      <c r="A132095" s="13" t="s">
        <v>599</v>
      </c>
      <c r="B132095" s="14" t="s">
        <v>1</v>
      </c>
      <c r="C132095" s="14" t="s">
        <v>596</v>
      </c>
      <c r="D132095" s="14" t="s">
        <v>406</v>
      </c>
      <c r="E132095" s="15">
        <v>45706</v>
      </c>
      <c r="F132095" s="14" t="s">
        <v>15</v>
      </c>
      <c r="G132095" s="16">
        <v>0</v>
      </c>
    </row>
    <row r="132096" spans="1:7" x14ac:dyDescent="0.3">
      <c r="A132096" s="13" t="s">
        <v>599</v>
      </c>
      <c r="B132096" s="14" t="s">
        <v>1</v>
      </c>
      <c r="C132096" s="14" t="s">
        <v>596</v>
      </c>
      <c r="D132096" s="14" t="s">
        <v>406</v>
      </c>
      <c r="E132096" s="15">
        <v>45707</v>
      </c>
      <c r="F132096" s="14" t="s">
        <v>15</v>
      </c>
      <c r="G132096" s="16">
        <v>0</v>
      </c>
    </row>
    <row r="132097" spans="1:7" x14ac:dyDescent="0.3">
      <c r="A132097" s="13" t="s">
        <v>599</v>
      </c>
      <c r="B132097" s="14" t="s">
        <v>1</v>
      </c>
      <c r="C132097" s="14" t="s">
        <v>596</v>
      </c>
      <c r="D132097" s="14" t="s">
        <v>406</v>
      </c>
      <c r="E132097" s="15">
        <v>45708</v>
      </c>
      <c r="F132097" s="14" t="s">
        <v>15</v>
      </c>
      <c r="G132097" s="16">
        <v>0</v>
      </c>
    </row>
    <row r="132098" spans="1:7" x14ac:dyDescent="0.3">
      <c r="A132098" s="13" t="s">
        <v>599</v>
      </c>
      <c r="B132098" s="14" t="s">
        <v>1</v>
      </c>
      <c r="C132098" s="14" t="s">
        <v>596</v>
      </c>
      <c r="D132098" s="14" t="s">
        <v>406</v>
      </c>
      <c r="E132098" s="15">
        <v>45709</v>
      </c>
      <c r="F132098" s="14" t="s">
        <v>15</v>
      </c>
      <c r="G132098" s="16">
        <v>0</v>
      </c>
    </row>
    <row r="132099" spans="1:7" x14ac:dyDescent="0.3">
      <c r="A132099" s="13" t="s">
        <v>599</v>
      </c>
      <c r="B132099" s="14" t="s">
        <v>1</v>
      </c>
      <c r="C132099" s="14" t="s">
        <v>596</v>
      </c>
      <c r="D132099" s="14" t="s">
        <v>406</v>
      </c>
      <c r="E132099" s="15">
        <v>45710</v>
      </c>
      <c r="F132099" s="14" t="s">
        <v>15</v>
      </c>
      <c r="G132099" s="16">
        <v>0</v>
      </c>
    </row>
    <row r="132100" spans="1:7" x14ac:dyDescent="0.3">
      <c r="A132100" s="13" t="s">
        <v>599</v>
      </c>
      <c r="B132100" s="14" t="s">
        <v>1</v>
      </c>
      <c r="C132100" s="14" t="s">
        <v>596</v>
      </c>
      <c r="D132100" s="14" t="s">
        <v>406</v>
      </c>
      <c r="E132100" s="15">
        <v>45711</v>
      </c>
      <c r="F132100" s="14" t="s">
        <v>15</v>
      </c>
      <c r="G132100" s="16">
        <v>0</v>
      </c>
    </row>
    <row r="132101" spans="1:7" x14ac:dyDescent="0.3">
      <c r="A132101" s="13" t="s">
        <v>599</v>
      </c>
      <c r="B132101" s="14" t="s">
        <v>1</v>
      </c>
      <c r="C132101" s="14" t="s">
        <v>596</v>
      </c>
      <c r="D132101" s="14" t="s">
        <v>406</v>
      </c>
      <c r="E132101" s="15">
        <v>45712</v>
      </c>
      <c r="F132101" s="14" t="s">
        <v>15</v>
      </c>
      <c r="G132101" s="16">
        <v>0</v>
      </c>
    </row>
    <row r="132102" spans="1:7" x14ac:dyDescent="0.3">
      <c r="A132102" s="13" t="s">
        <v>599</v>
      </c>
      <c r="B132102" s="14" t="s">
        <v>1</v>
      </c>
      <c r="C132102" s="14" t="s">
        <v>596</v>
      </c>
      <c r="D132102" s="14" t="s">
        <v>406</v>
      </c>
      <c r="E132102" s="15">
        <v>45713</v>
      </c>
      <c r="F132102" s="14" t="s">
        <v>15</v>
      </c>
      <c r="G132102" s="16">
        <v>0</v>
      </c>
    </row>
    <row r="132103" spans="1:7" x14ac:dyDescent="0.3">
      <c r="A132103" s="13" t="s">
        <v>599</v>
      </c>
      <c r="B132103" s="14" t="s">
        <v>1</v>
      </c>
      <c r="C132103" s="14" t="s">
        <v>596</v>
      </c>
      <c r="D132103" s="14" t="s">
        <v>406</v>
      </c>
      <c r="E132103" s="15">
        <v>45714</v>
      </c>
      <c r="F132103" s="14" t="s">
        <v>15</v>
      </c>
      <c r="G132103" s="16">
        <v>0</v>
      </c>
    </row>
    <row r="132104" spans="1:7" x14ac:dyDescent="0.3">
      <c r="A132104" s="13" t="s">
        <v>599</v>
      </c>
      <c r="B132104" s="14" t="s">
        <v>1</v>
      </c>
      <c r="C132104" s="14" t="s">
        <v>596</v>
      </c>
      <c r="D132104" s="14" t="s">
        <v>406</v>
      </c>
      <c r="E132104" s="15">
        <v>45715</v>
      </c>
      <c r="F132104" s="14" t="s">
        <v>15</v>
      </c>
      <c r="G132104" s="16">
        <v>0</v>
      </c>
    </row>
    <row r="132105" spans="1:7" x14ac:dyDescent="0.3">
      <c r="A132105" s="13" t="s">
        <v>599</v>
      </c>
      <c r="B132105" s="14" t="s">
        <v>1</v>
      </c>
      <c r="C132105" s="14" t="s">
        <v>596</v>
      </c>
      <c r="D132105" s="14" t="s">
        <v>406</v>
      </c>
      <c r="E132105" s="15">
        <v>45716</v>
      </c>
      <c r="F132105" s="14" t="s">
        <v>15</v>
      </c>
      <c r="G132105" s="16">
        <v>0</v>
      </c>
    </row>
    <row r="132106" spans="1:7" x14ac:dyDescent="0.3">
      <c r="A132106" s="13" t="s">
        <v>599</v>
      </c>
      <c r="B132106" s="14" t="s">
        <v>1</v>
      </c>
      <c r="C132106" s="14" t="s">
        <v>596</v>
      </c>
      <c r="D132106" s="14" t="s">
        <v>406</v>
      </c>
      <c r="E132106" s="15">
        <v>45717</v>
      </c>
      <c r="F132106" s="14" t="s">
        <v>15</v>
      </c>
      <c r="G132106" s="16">
        <v>0</v>
      </c>
    </row>
    <row r="132107" spans="1:7" x14ac:dyDescent="0.3">
      <c r="A132107" s="13" t="s">
        <v>599</v>
      </c>
      <c r="B132107" s="14" t="s">
        <v>1</v>
      </c>
      <c r="C132107" s="14" t="s">
        <v>596</v>
      </c>
      <c r="D132107" s="14" t="s">
        <v>406</v>
      </c>
      <c r="E132107" s="15">
        <v>45718</v>
      </c>
      <c r="F132107" s="14" t="s">
        <v>15</v>
      </c>
      <c r="G132107" s="16">
        <v>0</v>
      </c>
    </row>
    <row r="132108" spans="1:7" x14ac:dyDescent="0.3">
      <c r="A132108" s="13" t="s">
        <v>599</v>
      </c>
      <c r="B132108" s="14" t="s">
        <v>1</v>
      </c>
      <c r="C132108" s="14" t="s">
        <v>596</v>
      </c>
      <c r="D132108" s="14" t="s">
        <v>406</v>
      </c>
      <c r="E132108" s="15">
        <v>45719</v>
      </c>
      <c r="F132108" s="14" t="s">
        <v>15</v>
      </c>
      <c r="G132108" s="16">
        <v>0</v>
      </c>
    </row>
    <row r="132109" spans="1:7" x14ac:dyDescent="0.3">
      <c r="A132109" s="13" t="s">
        <v>599</v>
      </c>
      <c r="B132109" s="14" t="s">
        <v>1</v>
      </c>
      <c r="C132109" s="14" t="s">
        <v>596</v>
      </c>
      <c r="D132109" s="14" t="s">
        <v>406</v>
      </c>
      <c r="E132109" s="15">
        <v>45720</v>
      </c>
      <c r="F132109" s="14" t="s">
        <v>15</v>
      </c>
      <c r="G132109" s="16">
        <v>0</v>
      </c>
    </row>
    <row r="132110" spans="1:7" x14ac:dyDescent="0.3">
      <c r="A132110" s="13" t="s">
        <v>599</v>
      </c>
      <c r="B132110" s="14" t="s">
        <v>1</v>
      </c>
      <c r="C132110" s="14" t="s">
        <v>596</v>
      </c>
      <c r="D132110" s="14" t="s">
        <v>406</v>
      </c>
      <c r="E132110" s="15">
        <v>45721</v>
      </c>
      <c r="F132110" s="14" t="s">
        <v>15</v>
      </c>
      <c r="G132110" s="16">
        <v>0</v>
      </c>
    </row>
    <row r="132111" spans="1:7" x14ac:dyDescent="0.3">
      <c r="A132111" s="13" t="s">
        <v>599</v>
      </c>
      <c r="B132111" s="14" t="s">
        <v>1</v>
      </c>
      <c r="C132111" s="14" t="s">
        <v>596</v>
      </c>
      <c r="D132111" s="14" t="s">
        <v>406</v>
      </c>
      <c r="E132111" s="15">
        <v>45722</v>
      </c>
      <c r="F132111" s="14" t="s">
        <v>15</v>
      </c>
      <c r="G132111" s="16">
        <v>0</v>
      </c>
    </row>
    <row r="132112" spans="1:7" x14ac:dyDescent="0.3">
      <c r="A132112" s="13" t="s">
        <v>599</v>
      </c>
      <c r="B132112" s="14" t="s">
        <v>1</v>
      </c>
      <c r="C132112" s="14" t="s">
        <v>596</v>
      </c>
      <c r="D132112" s="14" t="s">
        <v>406</v>
      </c>
      <c r="E132112" s="15">
        <v>45723</v>
      </c>
      <c r="F132112" s="14" t="s">
        <v>15</v>
      </c>
      <c r="G132112" s="16">
        <v>0</v>
      </c>
    </row>
    <row r="132113" spans="1:7" x14ac:dyDescent="0.3">
      <c r="A132113" s="13" t="s">
        <v>599</v>
      </c>
      <c r="B132113" s="14" t="s">
        <v>1</v>
      </c>
      <c r="C132113" s="14" t="s">
        <v>596</v>
      </c>
      <c r="D132113" s="14" t="s">
        <v>406</v>
      </c>
      <c r="E132113" s="15">
        <v>45724</v>
      </c>
      <c r="F132113" s="14" t="s">
        <v>15</v>
      </c>
      <c r="G132113" s="16">
        <v>0</v>
      </c>
    </row>
    <row r="132114" spans="1:7" x14ac:dyDescent="0.3">
      <c r="A132114" s="13" t="s">
        <v>599</v>
      </c>
      <c r="B132114" s="14" t="s">
        <v>1</v>
      </c>
      <c r="C132114" s="14" t="s">
        <v>596</v>
      </c>
      <c r="D132114" s="14" t="s">
        <v>406</v>
      </c>
      <c r="E132114" s="15">
        <v>45725</v>
      </c>
      <c r="F132114" s="14" t="s">
        <v>15</v>
      </c>
      <c r="G132114" s="16">
        <v>0</v>
      </c>
    </row>
    <row r="132115" spans="1:7" x14ac:dyDescent="0.3">
      <c r="A132115" s="13" t="s">
        <v>599</v>
      </c>
      <c r="B132115" s="14" t="s">
        <v>1</v>
      </c>
      <c r="C132115" s="14" t="s">
        <v>596</v>
      </c>
      <c r="D132115" s="14" t="s">
        <v>406</v>
      </c>
      <c r="E132115" s="15">
        <v>45726</v>
      </c>
      <c r="F132115" s="14" t="s">
        <v>15</v>
      </c>
      <c r="G132115" s="16">
        <v>0</v>
      </c>
    </row>
    <row r="132116" spans="1:7" x14ac:dyDescent="0.3">
      <c r="A132116" s="13" t="s">
        <v>599</v>
      </c>
      <c r="B132116" s="14" t="s">
        <v>1</v>
      </c>
      <c r="C132116" s="14" t="s">
        <v>596</v>
      </c>
      <c r="D132116" s="14" t="s">
        <v>406</v>
      </c>
      <c r="E132116" s="15">
        <v>45727</v>
      </c>
      <c r="F132116" s="14" t="s">
        <v>15</v>
      </c>
      <c r="G132116" s="16">
        <v>0</v>
      </c>
    </row>
    <row r="132117" spans="1:7" x14ac:dyDescent="0.3">
      <c r="A132117" s="13" t="s">
        <v>599</v>
      </c>
      <c r="B132117" s="14" t="s">
        <v>1</v>
      </c>
      <c r="C132117" s="14" t="s">
        <v>596</v>
      </c>
      <c r="D132117" s="14" t="s">
        <v>406</v>
      </c>
      <c r="E132117" s="15">
        <v>45728</v>
      </c>
      <c r="F132117" s="14" t="s">
        <v>15</v>
      </c>
      <c r="G132117" s="16">
        <v>0</v>
      </c>
    </row>
    <row r="132118" spans="1:7" x14ac:dyDescent="0.3">
      <c r="A132118" s="13" t="s">
        <v>599</v>
      </c>
      <c r="B132118" s="14" t="s">
        <v>1</v>
      </c>
      <c r="C132118" s="14" t="s">
        <v>596</v>
      </c>
      <c r="D132118" s="14" t="s">
        <v>406</v>
      </c>
      <c r="E132118" s="15">
        <v>45729</v>
      </c>
      <c r="F132118" s="14" t="s">
        <v>15</v>
      </c>
      <c r="G132118" s="16">
        <v>0</v>
      </c>
    </row>
    <row r="132119" spans="1:7" x14ac:dyDescent="0.3">
      <c r="A132119" s="13" t="s">
        <v>599</v>
      </c>
      <c r="B132119" s="14" t="s">
        <v>1</v>
      </c>
      <c r="C132119" s="14" t="s">
        <v>596</v>
      </c>
      <c r="D132119" s="14" t="s">
        <v>406</v>
      </c>
      <c r="E132119" s="15">
        <v>45730</v>
      </c>
      <c r="F132119" s="14" t="s">
        <v>15</v>
      </c>
      <c r="G132119" s="16">
        <v>0</v>
      </c>
    </row>
    <row r="132120" spans="1:7" x14ac:dyDescent="0.3">
      <c r="A132120" s="13" t="s">
        <v>599</v>
      </c>
      <c r="B132120" s="14" t="s">
        <v>1</v>
      </c>
      <c r="C132120" s="14" t="s">
        <v>596</v>
      </c>
      <c r="D132120" s="14" t="s">
        <v>406</v>
      </c>
      <c r="E132120" s="15">
        <v>45731</v>
      </c>
      <c r="F132120" s="14" t="s">
        <v>15</v>
      </c>
      <c r="G132120" s="16">
        <v>0</v>
      </c>
    </row>
    <row r="132121" spans="1:7" x14ac:dyDescent="0.3">
      <c r="A132121" s="13" t="s">
        <v>599</v>
      </c>
      <c r="B132121" s="14" t="s">
        <v>1</v>
      </c>
      <c r="C132121" s="14" t="s">
        <v>596</v>
      </c>
      <c r="D132121" s="14" t="s">
        <v>406</v>
      </c>
      <c r="E132121" s="15">
        <v>45732</v>
      </c>
      <c r="F132121" s="14" t="s">
        <v>15</v>
      </c>
      <c r="G132121" s="16">
        <v>0</v>
      </c>
    </row>
    <row r="132122" spans="1:7" x14ac:dyDescent="0.3">
      <c r="A132122" s="13" t="s">
        <v>599</v>
      </c>
      <c r="B132122" s="14" t="s">
        <v>1</v>
      </c>
      <c r="C132122" s="14" t="s">
        <v>596</v>
      </c>
      <c r="D132122" s="14" t="s">
        <v>406</v>
      </c>
      <c r="E132122" s="15">
        <v>45733</v>
      </c>
      <c r="F132122" s="14" t="s">
        <v>15</v>
      </c>
      <c r="G132122" s="16">
        <v>0</v>
      </c>
    </row>
    <row r="132123" spans="1:7" x14ac:dyDescent="0.3">
      <c r="A132123" s="13" t="s">
        <v>599</v>
      </c>
      <c r="B132123" s="14" t="s">
        <v>1</v>
      </c>
      <c r="C132123" s="14" t="s">
        <v>596</v>
      </c>
      <c r="D132123" s="14" t="s">
        <v>406</v>
      </c>
      <c r="E132123" s="15">
        <v>45734</v>
      </c>
      <c r="F132123" s="14" t="s">
        <v>15</v>
      </c>
      <c r="G132123" s="16">
        <v>0</v>
      </c>
    </row>
    <row r="132124" spans="1:7" x14ac:dyDescent="0.3">
      <c r="A132124" s="13" t="s">
        <v>599</v>
      </c>
      <c r="B132124" s="14" t="s">
        <v>1</v>
      </c>
      <c r="C132124" s="14" t="s">
        <v>596</v>
      </c>
      <c r="D132124" s="14" t="s">
        <v>406</v>
      </c>
      <c r="E132124" s="15">
        <v>45735</v>
      </c>
      <c r="F132124" s="14" t="s">
        <v>15</v>
      </c>
      <c r="G132124" s="16">
        <v>0</v>
      </c>
    </row>
    <row r="132125" spans="1:7" x14ac:dyDescent="0.3">
      <c r="A132125" s="13" t="s">
        <v>599</v>
      </c>
      <c r="B132125" s="14" t="s">
        <v>1</v>
      </c>
      <c r="C132125" s="14" t="s">
        <v>596</v>
      </c>
      <c r="D132125" s="14" t="s">
        <v>406</v>
      </c>
      <c r="E132125" s="15">
        <v>45736</v>
      </c>
      <c r="F132125" s="14" t="s">
        <v>15</v>
      </c>
      <c r="G132125" s="16">
        <v>0</v>
      </c>
    </row>
    <row r="132126" spans="1:7" x14ac:dyDescent="0.3">
      <c r="A132126" s="13" t="s">
        <v>599</v>
      </c>
      <c r="B132126" s="14" t="s">
        <v>1</v>
      </c>
      <c r="C132126" s="14" t="s">
        <v>596</v>
      </c>
      <c r="D132126" s="14" t="s">
        <v>406</v>
      </c>
      <c r="E132126" s="15">
        <v>45737</v>
      </c>
      <c r="F132126" s="14" t="s">
        <v>15</v>
      </c>
      <c r="G132126" s="16">
        <v>0</v>
      </c>
    </row>
    <row r="132127" spans="1:7" x14ac:dyDescent="0.3">
      <c r="A132127" s="13" t="s">
        <v>599</v>
      </c>
      <c r="B132127" s="14" t="s">
        <v>1</v>
      </c>
      <c r="C132127" s="14" t="s">
        <v>596</v>
      </c>
      <c r="D132127" s="14" t="s">
        <v>406</v>
      </c>
      <c r="E132127" s="15">
        <v>45738</v>
      </c>
      <c r="F132127" s="14" t="s">
        <v>15</v>
      </c>
      <c r="G132127" s="16">
        <v>0</v>
      </c>
    </row>
    <row r="132128" spans="1:7" x14ac:dyDescent="0.3">
      <c r="A132128" s="13" t="s">
        <v>599</v>
      </c>
      <c r="B132128" s="14" t="s">
        <v>1</v>
      </c>
      <c r="C132128" s="14" t="s">
        <v>596</v>
      </c>
      <c r="D132128" s="14" t="s">
        <v>406</v>
      </c>
      <c r="E132128" s="15">
        <v>45739</v>
      </c>
      <c r="F132128" s="14" t="s">
        <v>15</v>
      </c>
      <c r="G132128" s="16">
        <v>0</v>
      </c>
    </row>
    <row r="132129" spans="1:7" x14ac:dyDescent="0.3">
      <c r="A132129" s="13" t="s">
        <v>599</v>
      </c>
      <c r="B132129" s="14" t="s">
        <v>1</v>
      </c>
      <c r="C132129" s="14" t="s">
        <v>596</v>
      </c>
      <c r="D132129" s="14" t="s">
        <v>406</v>
      </c>
      <c r="E132129" s="15">
        <v>45740</v>
      </c>
      <c r="F132129" s="14" t="s">
        <v>15</v>
      </c>
      <c r="G132129" s="16">
        <v>0</v>
      </c>
    </row>
    <row r="132130" spans="1:7" x14ac:dyDescent="0.3">
      <c r="A132130" s="13" t="s">
        <v>599</v>
      </c>
      <c r="B132130" s="14" t="s">
        <v>1</v>
      </c>
      <c r="C132130" s="14" t="s">
        <v>596</v>
      </c>
      <c r="D132130" s="14" t="s">
        <v>406</v>
      </c>
      <c r="E132130" s="15">
        <v>45741</v>
      </c>
      <c r="F132130" s="14" t="s">
        <v>15</v>
      </c>
      <c r="G132130" s="16">
        <v>0</v>
      </c>
    </row>
    <row r="132131" spans="1:7" x14ac:dyDescent="0.3">
      <c r="A132131" s="13" t="s">
        <v>599</v>
      </c>
      <c r="B132131" s="14" t="s">
        <v>1</v>
      </c>
      <c r="C132131" s="14" t="s">
        <v>596</v>
      </c>
      <c r="D132131" s="14" t="s">
        <v>406</v>
      </c>
      <c r="E132131" s="15">
        <v>45742</v>
      </c>
      <c r="F132131" s="14" t="s">
        <v>15</v>
      </c>
      <c r="G132131" s="16">
        <v>0</v>
      </c>
    </row>
    <row r="132132" spans="1:7" x14ac:dyDescent="0.3">
      <c r="A132132" s="13" t="s">
        <v>599</v>
      </c>
      <c r="B132132" s="14" t="s">
        <v>1</v>
      </c>
      <c r="C132132" s="14" t="s">
        <v>596</v>
      </c>
      <c r="D132132" s="14" t="s">
        <v>406</v>
      </c>
      <c r="E132132" s="15">
        <v>45743</v>
      </c>
      <c r="F132132" s="14" t="s">
        <v>15</v>
      </c>
      <c r="G132132" s="16">
        <v>0</v>
      </c>
    </row>
    <row r="132133" spans="1:7" x14ac:dyDescent="0.3">
      <c r="A132133" s="13" t="s">
        <v>599</v>
      </c>
      <c r="B132133" s="14" t="s">
        <v>1</v>
      </c>
      <c r="C132133" s="14" t="s">
        <v>596</v>
      </c>
      <c r="D132133" s="14" t="s">
        <v>406</v>
      </c>
      <c r="E132133" s="15">
        <v>45744</v>
      </c>
      <c r="F132133" s="14" t="s">
        <v>15</v>
      </c>
      <c r="G132133" s="16">
        <v>0</v>
      </c>
    </row>
    <row r="132134" spans="1:7" x14ac:dyDescent="0.3">
      <c r="A132134" s="13" t="s">
        <v>599</v>
      </c>
      <c r="B132134" s="14" t="s">
        <v>1</v>
      </c>
      <c r="C132134" s="14" t="s">
        <v>596</v>
      </c>
      <c r="D132134" s="14" t="s">
        <v>406</v>
      </c>
      <c r="E132134" s="15">
        <v>45745</v>
      </c>
      <c r="F132134" s="14" t="s">
        <v>15</v>
      </c>
      <c r="G132134" s="16">
        <v>0</v>
      </c>
    </row>
    <row r="132135" spans="1:7" x14ac:dyDescent="0.3">
      <c r="A132135" s="13" t="s">
        <v>599</v>
      </c>
      <c r="B132135" s="14" t="s">
        <v>1</v>
      </c>
      <c r="C132135" s="14" t="s">
        <v>596</v>
      </c>
      <c r="D132135" s="14" t="s">
        <v>406</v>
      </c>
      <c r="E132135" s="15">
        <v>45746</v>
      </c>
      <c r="F132135" s="14" t="s">
        <v>15</v>
      </c>
      <c r="G132135" s="16">
        <v>0</v>
      </c>
    </row>
    <row r="132136" spans="1:7" x14ac:dyDescent="0.3">
      <c r="A132136" s="13" t="s">
        <v>599</v>
      </c>
      <c r="B132136" s="14" t="s">
        <v>1</v>
      </c>
      <c r="C132136" s="14" t="s">
        <v>596</v>
      </c>
      <c r="D132136" s="14" t="s">
        <v>406</v>
      </c>
      <c r="E132136" s="15">
        <v>45747</v>
      </c>
      <c r="F132136" s="14" t="s">
        <v>15</v>
      </c>
      <c r="G132136" s="16">
        <v>0</v>
      </c>
    </row>
    <row r="132137" spans="1:7" x14ac:dyDescent="0.3">
      <c r="A132137" s="13" t="s">
        <v>600</v>
      </c>
      <c r="B132137" s="14" t="s">
        <v>1</v>
      </c>
      <c r="C132137" s="14" t="s">
        <v>596</v>
      </c>
      <c r="D132137" s="14" t="s">
        <v>18</v>
      </c>
      <c r="E132137" s="15">
        <v>45383</v>
      </c>
      <c r="F132137" s="14" t="s">
        <v>15</v>
      </c>
      <c r="G132137" s="16">
        <v>0</v>
      </c>
    </row>
    <row r="132138" spans="1:7" x14ac:dyDescent="0.3">
      <c r="A132138" s="13" t="s">
        <v>600</v>
      </c>
      <c r="B132138" s="14" t="s">
        <v>1</v>
      </c>
      <c r="C132138" s="14" t="s">
        <v>596</v>
      </c>
      <c r="D132138" s="14" t="s">
        <v>18</v>
      </c>
      <c r="E132138" s="15">
        <v>45384</v>
      </c>
      <c r="F132138" s="14" t="s">
        <v>15</v>
      </c>
      <c r="G132138" s="16">
        <v>0</v>
      </c>
    </row>
    <row r="132139" spans="1:7" x14ac:dyDescent="0.3">
      <c r="A132139" s="13" t="s">
        <v>600</v>
      </c>
      <c r="B132139" s="14" t="s">
        <v>1</v>
      </c>
      <c r="C132139" s="14" t="s">
        <v>596</v>
      </c>
      <c r="D132139" s="14" t="s">
        <v>18</v>
      </c>
      <c r="E132139" s="15">
        <v>45385</v>
      </c>
      <c r="F132139" s="14" t="s">
        <v>15</v>
      </c>
      <c r="G132139" s="16">
        <v>0</v>
      </c>
    </row>
    <row r="132140" spans="1:7" x14ac:dyDescent="0.3">
      <c r="A132140" s="13" t="s">
        <v>600</v>
      </c>
      <c r="B132140" s="14" t="s">
        <v>1</v>
      </c>
      <c r="C132140" s="14" t="s">
        <v>596</v>
      </c>
      <c r="D132140" s="14" t="s">
        <v>18</v>
      </c>
      <c r="E132140" s="15">
        <v>45386</v>
      </c>
      <c r="F132140" s="14" t="s">
        <v>15</v>
      </c>
      <c r="G132140" s="16">
        <v>0</v>
      </c>
    </row>
    <row r="132141" spans="1:7" x14ac:dyDescent="0.3">
      <c r="A132141" s="13" t="s">
        <v>600</v>
      </c>
      <c r="B132141" s="14" t="s">
        <v>1</v>
      </c>
      <c r="C132141" s="14" t="s">
        <v>596</v>
      </c>
      <c r="D132141" s="14" t="s">
        <v>18</v>
      </c>
      <c r="E132141" s="15">
        <v>45387</v>
      </c>
      <c r="F132141" s="14" t="s">
        <v>15</v>
      </c>
      <c r="G132141" s="16">
        <v>0</v>
      </c>
    </row>
    <row r="132142" spans="1:7" x14ac:dyDescent="0.3">
      <c r="A132142" s="13" t="s">
        <v>600</v>
      </c>
      <c r="B132142" s="14" t="s">
        <v>1</v>
      </c>
      <c r="C132142" s="14" t="s">
        <v>596</v>
      </c>
      <c r="D132142" s="14" t="s">
        <v>18</v>
      </c>
      <c r="E132142" s="15">
        <v>45388</v>
      </c>
      <c r="F132142" s="14" t="s">
        <v>15</v>
      </c>
      <c r="G132142" s="16">
        <v>0</v>
      </c>
    </row>
    <row r="132143" spans="1:7" x14ac:dyDescent="0.3">
      <c r="A132143" s="13" t="s">
        <v>600</v>
      </c>
      <c r="B132143" s="14" t="s">
        <v>1</v>
      </c>
      <c r="C132143" s="14" t="s">
        <v>596</v>
      </c>
      <c r="D132143" s="14" t="s">
        <v>18</v>
      </c>
      <c r="E132143" s="15">
        <v>45389</v>
      </c>
      <c r="F132143" s="14" t="s">
        <v>15</v>
      </c>
      <c r="G132143" s="16">
        <v>0</v>
      </c>
    </row>
    <row r="132144" spans="1:7" x14ac:dyDescent="0.3">
      <c r="A132144" s="13" t="s">
        <v>600</v>
      </c>
      <c r="B132144" s="14" t="s">
        <v>1</v>
      </c>
      <c r="C132144" s="14" t="s">
        <v>596</v>
      </c>
      <c r="D132144" s="14" t="s">
        <v>18</v>
      </c>
      <c r="E132144" s="15">
        <v>45390</v>
      </c>
      <c r="F132144" s="14" t="s">
        <v>15</v>
      </c>
      <c r="G132144" s="16">
        <v>0</v>
      </c>
    </row>
    <row r="132145" spans="1:7" x14ac:dyDescent="0.3">
      <c r="A132145" s="13" t="s">
        <v>600</v>
      </c>
      <c r="B132145" s="14" t="s">
        <v>1</v>
      </c>
      <c r="C132145" s="14" t="s">
        <v>596</v>
      </c>
      <c r="D132145" s="14" t="s">
        <v>18</v>
      </c>
      <c r="E132145" s="15">
        <v>45391</v>
      </c>
      <c r="F132145" s="14" t="s">
        <v>15</v>
      </c>
      <c r="G132145" s="16">
        <v>0</v>
      </c>
    </row>
    <row r="132146" spans="1:7" x14ac:dyDescent="0.3">
      <c r="A132146" s="13" t="s">
        <v>600</v>
      </c>
      <c r="B132146" s="14" t="s">
        <v>1</v>
      </c>
      <c r="C132146" s="14" t="s">
        <v>596</v>
      </c>
      <c r="D132146" s="14" t="s">
        <v>18</v>
      </c>
      <c r="E132146" s="15">
        <v>45392</v>
      </c>
      <c r="F132146" s="14" t="s">
        <v>15</v>
      </c>
      <c r="G132146" s="16">
        <v>0</v>
      </c>
    </row>
    <row r="132147" spans="1:7" x14ac:dyDescent="0.3">
      <c r="A132147" s="13" t="s">
        <v>600</v>
      </c>
      <c r="B132147" s="14" t="s">
        <v>1</v>
      </c>
      <c r="C132147" s="14" t="s">
        <v>596</v>
      </c>
      <c r="D132147" s="14" t="s">
        <v>18</v>
      </c>
      <c r="E132147" s="15">
        <v>45393</v>
      </c>
      <c r="F132147" s="14" t="s">
        <v>15</v>
      </c>
      <c r="G132147" s="16">
        <v>0</v>
      </c>
    </row>
    <row r="132148" spans="1:7" x14ac:dyDescent="0.3">
      <c r="A132148" s="13" t="s">
        <v>600</v>
      </c>
      <c r="B132148" s="14" t="s">
        <v>1</v>
      </c>
      <c r="C132148" s="14" t="s">
        <v>596</v>
      </c>
      <c r="D132148" s="14" t="s">
        <v>18</v>
      </c>
      <c r="E132148" s="15">
        <v>45394</v>
      </c>
      <c r="F132148" s="14" t="s">
        <v>15</v>
      </c>
      <c r="G132148" s="16">
        <v>0</v>
      </c>
    </row>
    <row r="132149" spans="1:7" x14ac:dyDescent="0.3">
      <c r="A132149" s="13" t="s">
        <v>600</v>
      </c>
      <c r="B132149" s="14" t="s">
        <v>1</v>
      </c>
      <c r="C132149" s="14" t="s">
        <v>596</v>
      </c>
      <c r="D132149" s="14" t="s">
        <v>18</v>
      </c>
      <c r="E132149" s="15">
        <v>45395</v>
      </c>
      <c r="F132149" s="14" t="s">
        <v>15</v>
      </c>
      <c r="G132149" s="16">
        <v>0</v>
      </c>
    </row>
    <row r="132150" spans="1:7" x14ac:dyDescent="0.3">
      <c r="A132150" s="13" t="s">
        <v>600</v>
      </c>
      <c r="B132150" s="14" t="s">
        <v>1</v>
      </c>
      <c r="C132150" s="14" t="s">
        <v>596</v>
      </c>
      <c r="D132150" s="14" t="s">
        <v>18</v>
      </c>
      <c r="E132150" s="15">
        <v>45396</v>
      </c>
      <c r="F132150" s="14" t="s">
        <v>15</v>
      </c>
      <c r="G132150" s="16">
        <v>0</v>
      </c>
    </row>
    <row r="132151" spans="1:7" x14ac:dyDescent="0.3">
      <c r="A132151" s="13" t="s">
        <v>600</v>
      </c>
      <c r="B132151" s="14" t="s">
        <v>1</v>
      </c>
      <c r="C132151" s="14" t="s">
        <v>596</v>
      </c>
      <c r="D132151" s="14" t="s">
        <v>18</v>
      </c>
      <c r="E132151" s="15">
        <v>45397</v>
      </c>
      <c r="F132151" s="14" t="s">
        <v>15</v>
      </c>
      <c r="G132151" s="16">
        <v>0</v>
      </c>
    </row>
    <row r="132152" spans="1:7" x14ac:dyDescent="0.3">
      <c r="A132152" s="13" t="s">
        <v>600</v>
      </c>
      <c r="B132152" s="14" t="s">
        <v>1</v>
      </c>
      <c r="C132152" s="14" t="s">
        <v>596</v>
      </c>
      <c r="D132152" s="14" t="s">
        <v>18</v>
      </c>
      <c r="E132152" s="15">
        <v>45398</v>
      </c>
      <c r="F132152" s="14" t="s">
        <v>15</v>
      </c>
      <c r="G132152" s="16">
        <v>0</v>
      </c>
    </row>
    <row r="132153" spans="1:7" x14ac:dyDescent="0.3">
      <c r="A132153" s="13" t="s">
        <v>600</v>
      </c>
      <c r="B132153" s="14" t="s">
        <v>1</v>
      </c>
      <c r="C132153" s="14" t="s">
        <v>596</v>
      </c>
      <c r="D132153" s="14" t="s">
        <v>18</v>
      </c>
      <c r="E132153" s="15">
        <v>45399</v>
      </c>
      <c r="F132153" s="14" t="s">
        <v>15</v>
      </c>
      <c r="G132153" s="16">
        <v>0</v>
      </c>
    </row>
    <row r="132154" spans="1:7" x14ac:dyDescent="0.3">
      <c r="A132154" s="13" t="s">
        <v>600</v>
      </c>
      <c r="B132154" s="14" t="s">
        <v>1</v>
      </c>
      <c r="C132154" s="14" t="s">
        <v>596</v>
      </c>
      <c r="D132154" s="14" t="s">
        <v>18</v>
      </c>
      <c r="E132154" s="15">
        <v>45400</v>
      </c>
      <c r="F132154" s="14" t="s">
        <v>15</v>
      </c>
      <c r="G132154" s="16">
        <v>0</v>
      </c>
    </row>
    <row r="132155" spans="1:7" x14ac:dyDescent="0.3">
      <c r="A132155" s="13" t="s">
        <v>600</v>
      </c>
      <c r="B132155" s="14" t="s">
        <v>1</v>
      </c>
      <c r="C132155" s="14" t="s">
        <v>596</v>
      </c>
      <c r="D132155" s="14" t="s">
        <v>18</v>
      </c>
      <c r="E132155" s="15">
        <v>45401</v>
      </c>
      <c r="F132155" s="14" t="s">
        <v>15</v>
      </c>
      <c r="G132155" s="16">
        <v>0</v>
      </c>
    </row>
    <row r="132156" spans="1:7" x14ac:dyDescent="0.3">
      <c r="A132156" s="13" t="s">
        <v>600</v>
      </c>
      <c r="B132156" s="14" t="s">
        <v>1</v>
      </c>
      <c r="C132156" s="14" t="s">
        <v>596</v>
      </c>
      <c r="D132156" s="14" t="s">
        <v>18</v>
      </c>
      <c r="E132156" s="15">
        <v>45402</v>
      </c>
      <c r="F132156" s="14" t="s">
        <v>15</v>
      </c>
      <c r="G132156" s="16">
        <v>0</v>
      </c>
    </row>
    <row r="132157" spans="1:7" x14ac:dyDescent="0.3">
      <c r="A132157" s="13" t="s">
        <v>600</v>
      </c>
      <c r="B132157" s="14" t="s">
        <v>1</v>
      </c>
      <c r="C132157" s="14" t="s">
        <v>596</v>
      </c>
      <c r="D132157" s="14" t="s">
        <v>18</v>
      </c>
      <c r="E132157" s="15">
        <v>45403</v>
      </c>
      <c r="F132157" s="14" t="s">
        <v>15</v>
      </c>
      <c r="G132157" s="16">
        <v>0</v>
      </c>
    </row>
    <row r="132158" spans="1:7" x14ac:dyDescent="0.3">
      <c r="A132158" s="13" t="s">
        <v>600</v>
      </c>
      <c r="B132158" s="14" t="s">
        <v>1</v>
      </c>
      <c r="C132158" s="14" t="s">
        <v>596</v>
      </c>
      <c r="D132158" s="14" t="s">
        <v>18</v>
      </c>
      <c r="E132158" s="15">
        <v>45404</v>
      </c>
      <c r="F132158" s="14" t="s">
        <v>15</v>
      </c>
      <c r="G132158" s="16">
        <v>0</v>
      </c>
    </row>
    <row r="132159" spans="1:7" x14ac:dyDescent="0.3">
      <c r="A132159" s="13" t="s">
        <v>600</v>
      </c>
      <c r="B132159" s="14" t="s">
        <v>1</v>
      </c>
      <c r="C132159" s="14" t="s">
        <v>596</v>
      </c>
      <c r="D132159" s="14" t="s">
        <v>18</v>
      </c>
      <c r="E132159" s="15">
        <v>45405</v>
      </c>
      <c r="F132159" s="14" t="s">
        <v>15</v>
      </c>
      <c r="G132159" s="16">
        <v>0</v>
      </c>
    </row>
    <row r="132160" spans="1:7" x14ac:dyDescent="0.3">
      <c r="A132160" s="13" t="s">
        <v>600</v>
      </c>
      <c r="B132160" s="14" t="s">
        <v>1</v>
      </c>
      <c r="C132160" s="14" t="s">
        <v>596</v>
      </c>
      <c r="D132160" s="14" t="s">
        <v>18</v>
      </c>
      <c r="E132160" s="15">
        <v>45406</v>
      </c>
      <c r="F132160" s="14" t="s">
        <v>15</v>
      </c>
      <c r="G132160" s="16">
        <v>0</v>
      </c>
    </row>
    <row r="132161" spans="1:7" x14ac:dyDescent="0.3">
      <c r="A132161" s="13" t="s">
        <v>600</v>
      </c>
      <c r="B132161" s="14" t="s">
        <v>1</v>
      </c>
      <c r="C132161" s="14" t="s">
        <v>596</v>
      </c>
      <c r="D132161" s="14" t="s">
        <v>18</v>
      </c>
      <c r="E132161" s="15">
        <v>45407</v>
      </c>
      <c r="F132161" s="14" t="s">
        <v>15</v>
      </c>
      <c r="G132161" s="16">
        <v>0</v>
      </c>
    </row>
    <row r="132162" spans="1:7" x14ac:dyDescent="0.3">
      <c r="A132162" s="13" t="s">
        <v>600</v>
      </c>
      <c r="B132162" s="14" t="s">
        <v>1</v>
      </c>
      <c r="C132162" s="14" t="s">
        <v>596</v>
      </c>
      <c r="D132162" s="14" t="s">
        <v>18</v>
      </c>
      <c r="E132162" s="15">
        <v>45408</v>
      </c>
      <c r="F132162" s="14" t="s">
        <v>15</v>
      </c>
      <c r="G132162" s="16">
        <v>0</v>
      </c>
    </row>
    <row r="132163" spans="1:7" x14ac:dyDescent="0.3">
      <c r="A132163" s="13" t="s">
        <v>600</v>
      </c>
      <c r="B132163" s="14" t="s">
        <v>1</v>
      </c>
      <c r="C132163" s="14" t="s">
        <v>596</v>
      </c>
      <c r="D132163" s="14" t="s">
        <v>18</v>
      </c>
      <c r="E132163" s="15">
        <v>45409</v>
      </c>
      <c r="F132163" s="14" t="s">
        <v>15</v>
      </c>
      <c r="G132163" s="16">
        <v>0</v>
      </c>
    </row>
    <row r="132164" spans="1:7" x14ac:dyDescent="0.3">
      <c r="A132164" s="13" t="s">
        <v>600</v>
      </c>
      <c r="B132164" s="14" t="s">
        <v>1</v>
      </c>
      <c r="C132164" s="14" t="s">
        <v>596</v>
      </c>
      <c r="D132164" s="14" t="s">
        <v>18</v>
      </c>
      <c r="E132164" s="15">
        <v>45410</v>
      </c>
      <c r="F132164" s="14" t="s">
        <v>15</v>
      </c>
      <c r="G132164" s="16">
        <v>0</v>
      </c>
    </row>
    <row r="132165" spans="1:7" x14ac:dyDescent="0.3">
      <c r="A132165" s="13" t="s">
        <v>600</v>
      </c>
      <c r="B132165" s="14" t="s">
        <v>1</v>
      </c>
      <c r="C132165" s="14" t="s">
        <v>596</v>
      </c>
      <c r="D132165" s="14" t="s">
        <v>18</v>
      </c>
      <c r="E132165" s="15">
        <v>45411</v>
      </c>
      <c r="F132165" s="14" t="s">
        <v>15</v>
      </c>
      <c r="G132165" s="16">
        <v>0</v>
      </c>
    </row>
    <row r="132166" spans="1:7" x14ac:dyDescent="0.3">
      <c r="A132166" s="13" t="s">
        <v>600</v>
      </c>
      <c r="B132166" s="14" t="s">
        <v>1</v>
      </c>
      <c r="C132166" s="14" t="s">
        <v>596</v>
      </c>
      <c r="D132166" s="14" t="s">
        <v>18</v>
      </c>
      <c r="E132166" s="15">
        <v>45412</v>
      </c>
      <c r="F132166" s="14" t="s">
        <v>15</v>
      </c>
      <c r="G132166" s="16">
        <v>0</v>
      </c>
    </row>
    <row r="132167" spans="1:7" x14ac:dyDescent="0.3">
      <c r="A132167" s="13" t="s">
        <v>600</v>
      </c>
      <c r="B132167" s="14" t="s">
        <v>1</v>
      </c>
      <c r="C132167" s="14" t="s">
        <v>596</v>
      </c>
      <c r="D132167" s="14" t="s">
        <v>18</v>
      </c>
      <c r="E132167" s="15">
        <v>45413</v>
      </c>
      <c r="F132167" s="14" t="s">
        <v>15</v>
      </c>
      <c r="G132167" s="16">
        <v>0</v>
      </c>
    </row>
    <row r="132168" spans="1:7" x14ac:dyDescent="0.3">
      <c r="A132168" s="13" t="s">
        <v>600</v>
      </c>
      <c r="B132168" s="14" t="s">
        <v>1</v>
      </c>
      <c r="C132168" s="14" t="s">
        <v>596</v>
      </c>
      <c r="D132168" s="14" t="s">
        <v>18</v>
      </c>
      <c r="E132168" s="15">
        <v>45414</v>
      </c>
      <c r="F132168" s="14" t="s">
        <v>15</v>
      </c>
      <c r="G132168" s="16">
        <v>0</v>
      </c>
    </row>
    <row r="132169" spans="1:7" x14ac:dyDescent="0.3">
      <c r="A132169" s="13" t="s">
        <v>600</v>
      </c>
      <c r="B132169" s="14" t="s">
        <v>1</v>
      </c>
      <c r="C132169" s="14" t="s">
        <v>596</v>
      </c>
      <c r="D132169" s="14" t="s">
        <v>18</v>
      </c>
      <c r="E132169" s="15">
        <v>45415</v>
      </c>
      <c r="F132169" s="14" t="s">
        <v>15</v>
      </c>
      <c r="G132169" s="16">
        <v>0</v>
      </c>
    </row>
    <row r="132170" spans="1:7" x14ac:dyDescent="0.3">
      <c r="A132170" s="13" t="s">
        <v>600</v>
      </c>
      <c r="B132170" s="14" t="s">
        <v>1</v>
      </c>
      <c r="C132170" s="14" t="s">
        <v>596</v>
      </c>
      <c r="D132170" s="14" t="s">
        <v>18</v>
      </c>
      <c r="E132170" s="15">
        <v>45416</v>
      </c>
      <c r="F132170" s="14" t="s">
        <v>15</v>
      </c>
      <c r="G132170" s="16">
        <v>0</v>
      </c>
    </row>
    <row r="132171" spans="1:7" x14ac:dyDescent="0.3">
      <c r="A132171" s="13" t="s">
        <v>600</v>
      </c>
      <c r="B132171" s="14" t="s">
        <v>1</v>
      </c>
      <c r="C132171" s="14" t="s">
        <v>596</v>
      </c>
      <c r="D132171" s="14" t="s">
        <v>18</v>
      </c>
      <c r="E132171" s="15">
        <v>45417</v>
      </c>
      <c r="F132171" s="14" t="s">
        <v>15</v>
      </c>
      <c r="G132171" s="16">
        <v>0</v>
      </c>
    </row>
    <row r="132172" spans="1:7" x14ac:dyDescent="0.3">
      <c r="A132172" s="13" t="s">
        <v>600</v>
      </c>
      <c r="B132172" s="14" t="s">
        <v>1</v>
      </c>
      <c r="C132172" s="14" t="s">
        <v>596</v>
      </c>
      <c r="D132172" s="14" t="s">
        <v>18</v>
      </c>
      <c r="E132172" s="15">
        <v>45418</v>
      </c>
      <c r="F132172" s="14" t="s">
        <v>15</v>
      </c>
      <c r="G132172" s="16">
        <v>0</v>
      </c>
    </row>
    <row r="132173" spans="1:7" x14ac:dyDescent="0.3">
      <c r="A132173" s="13" t="s">
        <v>600</v>
      </c>
      <c r="B132173" s="14" t="s">
        <v>1</v>
      </c>
      <c r="C132173" s="14" t="s">
        <v>596</v>
      </c>
      <c r="D132173" s="14" t="s">
        <v>18</v>
      </c>
      <c r="E132173" s="15">
        <v>45419</v>
      </c>
      <c r="F132173" s="14" t="s">
        <v>15</v>
      </c>
      <c r="G132173" s="16">
        <v>0</v>
      </c>
    </row>
    <row r="132174" spans="1:7" x14ac:dyDescent="0.3">
      <c r="A132174" s="13" t="s">
        <v>600</v>
      </c>
      <c r="B132174" s="14" t="s">
        <v>1</v>
      </c>
      <c r="C132174" s="14" t="s">
        <v>596</v>
      </c>
      <c r="D132174" s="14" t="s">
        <v>18</v>
      </c>
      <c r="E132174" s="15">
        <v>45420</v>
      </c>
      <c r="F132174" s="14" t="s">
        <v>15</v>
      </c>
      <c r="G132174" s="16">
        <v>0</v>
      </c>
    </row>
    <row r="132175" spans="1:7" x14ac:dyDescent="0.3">
      <c r="A132175" s="13" t="s">
        <v>600</v>
      </c>
      <c r="B132175" s="14" t="s">
        <v>1</v>
      </c>
      <c r="C132175" s="14" t="s">
        <v>596</v>
      </c>
      <c r="D132175" s="14" t="s">
        <v>18</v>
      </c>
      <c r="E132175" s="15">
        <v>45421</v>
      </c>
      <c r="F132175" s="14" t="s">
        <v>15</v>
      </c>
      <c r="G132175" s="16">
        <v>0</v>
      </c>
    </row>
    <row r="132176" spans="1:7" x14ac:dyDescent="0.3">
      <c r="A132176" s="13" t="s">
        <v>600</v>
      </c>
      <c r="B132176" s="14" t="s">
        <v>1</v>
      </c>
      <c r="C132176" s="14" t="s">
        <v>596</v>
      </c>
      <c r="D132176" s="14" t="s">
        <v>18</v>
      </c>
      <c r="E132176" s="15">
        <v>45422</v>
      </c>
      <c r="F132176" s="14" t="s">
        <v>15</v>
      </c>
      <c r="G132176" s="16">
        <v>0</v>
      </c>
    </row>
    <row r="132177" spans="1:7" x14ac:dyDescent="0.3">
      <c r="A132177" s="13" t="s">
        <v>600</v>
      </c>
      <c r="B132177" s="14" t="s">
        <v>1</v>
      </c>
      <c r="C132177" s="14" t="s">
        <v>596</v>
      </c>
      <c r="D132177" s="14" t="s">
        <v>18</v>
      </c>
      <c r="E132177" s="15">
        <v>45423</v>
      </c>
      <c r="F132177" s="14" t="s">
        <v>15</v>
      </c>
      <c r="G132177" s="16">
        <v>0</v>
      </c>
    </row>
    <row r="132178" spans="1:7" x14ac:dyDescent="0.3">
      <c r="A132178" s="13" t="s">
        <v>600</v>
      </c>
      <c r="B132178" s="14" t="s">
        <v>1</v>
      </c>
      <c r="C132178" s="14" t="s">
        <v>596</v>
      </c>
      <c r="D132178" s="14" t="s">
        <v>18</v>
      </c>
      <c r="E132178" s="15">
        <v>45424</v>
      </c>
      <c r="F132178" s="14" t="s">
        <v>15</v>
      </c>
      <c r="G132178" s="16">
        <v>0</v>
      </c>
    </row>
    <row r="132179" spans="1:7" x14ac:dyDescent="0.3">
      <c r="A132179" s="13" t="s">
        <v>600</v>
      </c>
      <c r="B132179" s="14" t="s">
        <v>1</v>
      </c>
      <c r="C132179" s="14" t="s">
        <v>596</v>
      </c>
      <c r="D132179" s="14" t="s">
        <v>18</v>
      </c>
      <c r="E132179" s="15">
        <v>45425</v>
      </c>
      <c r="F132179" s="14" t="s">
        <v>15</v>
      </c>
      <c r="G132179" s="16">
        <v>0</v>
      </c>
    </row>
    <row r="132180" spans="1:7" x14ac:dyDescent="0.3">
      <c r="A132180" s="13" t="s">
        <v>600</v>
      </c>
      <c r="B132180" s="14" t="s">
        <v>1</v>
      </c>
      <c r="C132180" s="14" t="s">
        <v>596</v>
      </c>
      <c r="D132180" s="14" t="s">
        <v>18</v>
      </c>
      <c r="E132180" s="15">
        <v>45426</v>
      </c>
      <c r="F132180" s="14" t="s">
        <v>15</v>
      </c>
      <c r="G132180" s="16">
        <v>0</v>
      </c>
    </row>
    <row r="132181" spans="1:7" x14ac:dyDescent="0.3">
      <c r="A132181" s="13" t="s">
        <v>600</v>
      </c>
      <c r="B132181" s="14" t="s">
        <v>1</v>
      </c>
      <c r="C132181" s="14" t="s">
        <v>596</v>
      </c>
      <c r="D132181" s="14" t="s">
        <v>18</v>
      </c>
      <c r="E132181" s="15">
        <v>45427</v>
      </c>
      <c r="F132181" s="14" t="s">
        <v>15</v>
      </c>
      <c r="G132181" s="16">
        <v>0</v>
      </c>
    </row>
    <row r="132182" spans="1:7" x14ac:dyDescent="0.3">
      <c r="A132182" s="13" t="s">
        <v>600</v>
      </c>
      <c r="B132182" s="14" t="s">
        <v>1</v>
      </c>
      <c r="C132182" s="14" t="s">
        <v>596</v>
      </c>
      <c r="D132182" s="14" t="s">
        <v>18</v>
      </c>
      <c r="E132182" s="15">
        <v>45428</v>
      </c>
      <c r="F132182" s="14" t="s">
        <v>15</v>
      </c>
      <c r="G132182" s="16">
        <v>0</v>
      </c>
    </row>
    <row r="132183" spans="1:7" x14ac:dyDescent="0.3">
      <c r="A132183" s="13" t="s">
        <v>600</v>
      </c>
      <c r="B132183" s="14" t="s">
        <v>1</v>
      </c>
      <c r="C132183" s="14" t="s">
        <v>596</v>
      </c>
      <c r="D132183" s="14" t="s">
        <v>18</v>
      </c>
      <c r="E132183" s="15">
        <v>45429</v>
      </c>
      <c r="F132183" s="14" t="s">
        <v>15</v>
      </c>
      <c r="G132183" s="16">
        <v>0</v>
      </c>
    </row>
    <row r="132184" spans="1:7" x14ac:dyDescent="0.3">
      <c r="A132184" s="13" t="s">
        <v>600</v>
      </c>
      <c r="B132184" s="14" t="s">
        <v>1</v>
      </c>
      <c r="C132184" s="14" t="s">
        <v>596</v>
      </c>
      <c r="D132184" s="14" t="s">
        <v>18</v>
      </c>
      <c r="E132184" s="15">
        <v>45430</v>
      </c>
      <c r="F132184" s="14" t="s">
        <v>15</v>
      </c>
      <c r="G132184" s="16">
        <v>0</v>
      </c>
    </row>
    <row r="132185" spans="1:7" x14ac:dyDescent="0.3">
      <c r="A132185" s="13" t="s">
        <v>600</v>
      </c>
      <c r="B132185" s="14" t="s">
        <v>1</v>
      </c>
      <c r="C132185" s="14" t="s">
        <v>596</v>
      </c>
      <c r="D132185" s="14" t="s">
        <v>18</v>
      </c>
      <c r="E132185" s="15">
        <v>45431</v>
      </c>
      <c r="F132185" s="14" t="s">
        <v>15</v>
      </c>
      <c r="G132185" s="16">
        <v>0</v>
      </c>
    </row>
    <row r="132186" spans="1:7" x14ac:dyDescent="0.3">
      <c r="A132186" s="13" t="s">
        <v>600</v>
      </c>
      <c r="B132186" s="14" t="s">
        <v>1</v>
      </c>
      <c r="C132186" s="14" t="s">
        <v>596</v>
      </c>
      <c r="D132186" s="14" t="s">
        <v>18</v>
      </c>
      <c r="E132186" s="15">
        <v>45432</v>
      </c>
      <c r="F132186" s="14" t="s">
        <v>15</v>
      </c>
      <c r="G132186" s="16">
        <v>0</v>
      </c>
    </row>
    <row r="132187" spans="1:7" x14ac:dyDescent="0.3">
      <c r="A132187" s="13" t="s">
        <v>600</v>
      </c>
      <c r="B132187" s="14" t="s">
        <v>1</v>
      </c>
      <c r="C132187" s="14" t="s">
        <v>596</v>
      </c>
      <c r="D132187" s="14" t="s">
        <v>18</v>
      </c>
      <c r="E132187" s="15">
        <v>45433</v>
      </c>
      <c r="F132187" s="14" t="s">
        <v>15</v>
      </c>
      <c r="G132187" s="16">
        <v>0</v>
      </c>
    </row>
    <row r="132188" spans="1:7" x14ac:dyDescent="0.3">
      <c r="A132188" s="13" t="s">
        <v>600</v>
      </c>
      <c r="B132188" s="14" t="s">
        <v>1</v>
      </c>
      <c r="C132188" s="14" t="s">
        <v>596</v>
      </c>
      <c r="D132188" s="14" t="s">
        <v>18</v>
      </c>
      <c r="E132188" s="15">
        <v>45434</v>
      </c>
      <c r="F132188" s="14" t="s">
        <v>15</v>
      </c>
      <c r="G132188" s="16">
        <v>0</v>
      </c>
    </row>
    <row r="132189" spans="1:7" x14ac:dyDescent="0.3">
      <c r="A132189" s="13" t="s">
        <v>600</v>
      </c>
      <c r="B132189" s="14" t="s">
        <v>1</v>
      </c>
      <c r="C132189" s="14" t="s">
        <v>596</v>
      </c>
      <c r="D132189" s="14" t="s">
        <v>18</v>
      </c>
      <c r="E132189" s="15">
        <v>45435</v>
      </c>
      <c r="F132189" s="14" t="s">
        <v>15</v>
      </c>
      <c r="G132189" s="16">
        <v>0</v>
      </c>
    </row>
    <row r="132190" spans="1:7" x14ac:dyDescent="0.3">
      <c r="A132190" s="13" t="s">
        <v>600</v>
      </c>
      <c r="B132190" s="14" t="s">
        <v>1</v>
      </c>
      <c r="C132190" s="14" t="s">
        <v>596</v>
      </c>
      <c r="D132190" s="14" t="s">
        <v>18</v>
      </c>
      <c r="E132190" s="15">
        <v>45436</v>
      </c>
      <c r="F132190" s="14" t="s">
        <v>15</v>
      </c>
      <c r="G132190" s="16">
        <v>0</v>
      </c>
    </row>
    <row r="132191" spans="1:7" x14ac:dyDescent="0.3">
      <c r="A132191" s="13" t="s">
        <v>600</v>
      </c>
      <c r="B132191" s="14" t="s">
        <v>1</v>
      </c>
      <c r="C132191" s="14" t="s">
        <v>596</v>
      </c>
      <c r="D132191" s="14" t="s">
        <v>18</v>
      </c>
      <c r="E132191" s="15">
        <v>45437</v>
      </c>
      <c r="F132191" s="14" t="s">
        <v>15</v>
      </c>
      <c r="G132191" s="16">
        <v>0</v>
      </c>
    </row>
    <row r="132192" spans="1:7" x14ac:dyDescent="0.3">
      <c r="A132192" s="13" t="s">
        <v>600</v>
      </c>
      <c r="B132192" s="14" t="s">
        <v>1</v>
      </c>
      <c r="C132192" s="14" t="s">
        <v>596</v>
      </c>
      <c r="D132192" s="14" t="s">
        <v>18</v>
      </c>
      <c r="E132192" s="15">
        <v>45438</v>
      </c>
      <c r="F132192" s="14" t="s">
        <v>15</v>
      </c>
      <c r="G132192" s="16">
        <v>0</v>
      </c>
    </row>
    <row r="132193" spans="1:7" x14ac:dyDescent="0.3">
      <c r="A132193" s="13" t="s">
        <v>600</v>
      </c>
      <c r="B132193" s="14" t="s">
        <v>1</v>
      </c>
      <c r="C132193" s="14" t="s">
        <v>596</v>
      </c>
      <c r="D132193" s="14" t="s">
        <v>18</v>
      </c>
      <c r="E132193" s="15">
        <v>45439</v>
      </c>
      <c r="F132193" s="14" t="s">
        <v>15</v>
      </c>
      <c r="G132193" s="16">
        <v>0</v>
      </c>
    </row>
    <row r="132194" spans="1:7" x14ac:dyDescent="0.3">
      <c r="A132194" s="13" t="s">
        <v>600</v>
      </c>
      <c r="B132194" s="14" t="s">
        <v>1</v>
      </c>
      <c r="C132194" s="14" t="s">
        <v>596</v>
      </c>
      <c r="D132194" s="14" t="s">
        <v>18</v>
      </c>
      <c r="E132194" s="15">
        <v>45440</v>
      </c>
      <c r="F132194" s="14" t="s">
        <v>15</v>
      </c>
      <c r="G132194" s="16">
        <v>0</v>
      </c>
    </row>
    <row r="132195" spans="1:7" x14ac:dyDescent="0.3">
      <c r="A132195" s="13" t="s">
        <v>600</v>
      </c>
      <c r="B132195" s="14" t="s">
        <v>1</v>
      </c>
      <c r="C132195" s="14" t="s">
        <v>596</v>
      </c>
      <c r="D132195" s="14" t="s">
        <v>18</v>
      </c>
      <c r="E132195" s="15">
        <v>45441</v>
      </c>
      <c r="F132195" s="14" t="s">
        <v>15</v>
      </c>
      <c r="G132195" s="16">
        <v>0</v>
      </c>
    </row>
    <row r="132196" spans="1:7" x14ac:dyDescent="0.3">
      <c r="A132196" s="13" t="s">
        <v>600</v>
      </c>
      <c r="B132196" s="14" t="s">
        <v>1</v>
      </c>
      <c r="C132196" s="14" t="s">
        <v>596</v>
      </c>
      <c r="D132196" s="14" t="s">
        <v>18</v>
      </c>
      <c r="E132196" s="15">
        <v>45442</v>
      </c>
      <c r="F132196" s="14" t="s">
        <v>15</v>
      </c>
      <c r="G132196" s="16">
        <v>0</v>
      </c>
    </row>
    <row r="132197" spans="1:7" x14ac:dyDescent="0.3">
      <c r="A132197" s="13" t="s">
        <v>600</v>
      </c>
      <c r="B132197" s="14" t="s">
        <v>1</v>
      </c>
      <c r="C132197" s="14" t="s">
        <v>596</v>
      </c>
      <c r="D132197" s="14" t="s">
        <v>18</v>
      </c>
      <c r="E132197" s="15">
        <v>45443</v>
      </c>
      <c r="F132197" s="14" t="s">
        <v>15</v>
      </c>
      <c r="G132197" s="16">
        <v>0</v>
      </c>
    </row>
    <row r="132198" spans="1:7" x14ac:dyDescent="0.3">
      <c r="A132198" s="13" t="s">
        <v>600</v>
      </c>
      <c r="B132198" s="14" t="s">
        <v>1</v>
      </c>
      <c r="C132198" s="14" t="s">
        <v>596</v>
      </c>
      <c r="D132198" s="14" t="s">
        <v>18</v>
      </c>
      <c r="E132198" s="15">
        <v>45444</v>
      </c>
      <c r="F132198" s="14" t="s">
        <v>15</v>
      </c>
      <c r="G132198" s="16">
        <v>0</v>
      </c>
    </row>
    <row r="132199" spans="1:7" x14ac:dyDescent="0.3">
      <c r="A132199" s="13" t="s">
        <v>600</v>
      </c>
      <c r="B132199" s="14" t="s">
        <v>1</v>
      </c>
      <c r="C132199" s="14" t="s">
        <v>596</v>
      </c>
      <c r="D132199" s="14" t="s">
        <v>18</v>
      </c>
      <c r="E132199" s="15">
        <v>45445</v>
      </c>
      <c r="F132199" s="14" t="s">
        <v>15</v>
      </c>
      <c r="G132199" s="16">
        <v>0</v>
      </c>
    </row>
    <row r="132200" spans="1:7" x14ac:dyDescent="0.3">
      <c r="A132200" s="13" t="s">
        <v>600</v>
      </c>
      <c r="B132200" s="14" t="s">
        <v>1</v>
      </c>
      <c r="C132200" s="14" t="s">
        <v>596</v>
      </c>
      <c r="D132200" s="14" t="s">
        <v>18</v>
      </c>
      <c r="E132200" s="15">
        <v>45446</v>
      </c>
      <c r="F132200" s="14" t="s">
        <v>15</v>
      </c>
      <c r="G132200" s="16">
        <v>0</v>
      </c>
    </row>
    <row r="132201" spans="1:7" x14ac:dyDescent="0.3">
      <c r="A132201" s="13" t="s">
        <v>600</v>
      </c>
      <c r="B132201" s="14" t="s">
        <v>1</v>
      </c>
      <c r="C132201" s="14" t="s">
        <v>596</v>
      </c>
      <c r="D132201" s="14" t="s">
        <v>18</v>
      </c>
      <c r="E132201" s="15">
        <v>45447</v>
      </c>
      <c r="F132201" s="14" t="s">
        <v>15</v>
      </c>
      <c r="G132201" s="16">
        <v>0</v>
      </c>
    </row>
    <row r="132202" spans="1:7" x14ac:dyDescent="0.3">
      <c r="A132202" s="13" t="s">
        <v>600</v>
      </c>
      <c r="B132202" s="14" t="s">
        <v>1</v>
      </c>
      <c r="C132202" s="14" t="s">
        <v>596</v>
      </c>
      <c r="D132202" s="14" t="s">
        <v>18</v>
      </c>
      <c r="E132202" s="15">
        <v>45448</v>
      </c>
      <c r="F132202" s="14" t="s">
        <v>15</v>
      </c>
      <c r="G132202" s="16">
        <v>0</v>
      </c>
    </row>
    <row r="132203" spans="1:7" x14ac:dyDescent="0.3">
      <c r="A132203" s="13" t="s">
        <v>600</v>
      </c>
      <c r="B132203" s="14" t="s">
        <v>1</v>
      </c>
      <c r="C132203" s="14" t="s">
        <v>596</v>
      </c>
      <c r="D132203" s="14" t="s">
        <v>18</v>
      </c>
      <c r="E132203" s="15">
        <v>45449</v>
      </c>
      <c r="F132203" s="14" t="s">
        <v>15</v>
      </c>
      <c r="G132203" s="16">
        <v>0</v>
      </c>
    </row>
    <row r="132204" spans="1:7" x14ac:dyDescent="0.3">
      <c r="A132204" s="13" t="s">
        <v>600</v>
      </c>
      <c r="B132204" s="14" t="s">
        <v>1</v>
      </c>
      <c r="C132204" s="14" t="s">
        <v>596</v>
      </c>
      <c r="D132204" s="14" t="s">
        <v>18</v>
      </c>
      <c r="E132204" s="15">
        <v>45450</v>
      </c>
      <c r="F132204" s="14" t="s">
        <v>15</v>
      </c>
      <c r="G132204" s="16">
        <v>0</v>
      </c>
    </row>
    <row r="132205" spans="1:7" x14ac:dyDescent="0.3">
      <c r="A132205" s="13" t="s">
        <v>600</v>
      </c>
      <c r="B132205" s="14" t="s">
        <v>1</v>
      </c>
      <c r="C132205" s="14" t="s">
        <v>596</v>
      </c>
      <c r="D132205" s="14" t="s">
        <v>18</v>
      </c>
      <c r="E132205" s="15">
        <v>45451</v>
      </c>
      <c r="F132205" s="14" t="s">
        <v>15</v>
      </c>
      <c r="G132205" s="16">
        <v>0</v>
      </c>
    </row>
    <row r="132206" spans="1:7" x14ac:dyDescent="0.3">
      <c r="A132206" s="13" t="s">
        <v>600</v>
      </c>
      <c r="B132206" s="14" t="s">
        <v>1</v>
      </c>
      <c r="C132206" s="14" t="s">
        <v>596</v>
      </c>
      <c r="D132206" s="14" t="s">
        <v>18</v>
      </c>
      <c r="E132206" s="15">
        <v>45452</v>
      </c>
      <c r="F132206" s="14" t="s">
        <v>15</v>
      </c>
      <c r="G132206" s="16">
        <v>0</v>
      </c>
    </row>
    <row r="132207" spans="1:7" x14ac:dyDescent="0.3">
      <c r="A132207" s="13" t="s">
        <v>600</v>
      </c>
      <c r="B132207" s="14" t="s">
        <v>1</v>
      </c>
      <c r="C132207" s="14" t="s">
        <v>596</v>
      </c>
      <c r="D132207" s="14" t="s">
        <v>18</v>
      </c>
      <c r="E132207" s="15">
        <v>45453</v>
      </c>
      <c r="F132207" s="14" t="s">
        <v>15</v>
      </c>
      <c r="G132207" s="16">
        <v>0</v>
      </c>
    </row>
    <row r="132208" spans="1:7" x14ac:dyDescent="0.3">
      <c r="A132208" s="13" t="s">
        <v>600</v>
      </c>
      <c r="B132208" s="14" t="s">
        <v>1</v>
      </c>
      <c r="C132208" s="14" t="s">
        <v>596</v>
      </c>
      <c r="D132208" s="14" t="s">
        <v>18</v>
      </c>
      <c r="E132208" s="15">
        <v>45454</v>
      </c>
      <c r="F132208" s="14" t="s">
        <v>15</v>
      </c>
      <c r="G132208" s="16">
        <v>0</v>
      </c>
    </row>
    <row r="132209" spans="1:7" x14ac:dyDescent="0.3">
      <c r="A132209" s="13" t="s">
        <v>600</v>
      </c>
      <c r="B132209" s="14" t="s">
        <v>1</v>
      </c>
      <c r="C132209" s="14" t="s">
        <v>596</v>
      </c>
      <c r="D132209" s="14" t="s">
        <v>18</v>
      </c>
      <c r="E132209" s="15">
        <v>45455</v>
      </c>
      <c r="F132209" s="14" t="s">
        <v>15</v>
      </c>
      <c r="G132209" s="16">
        <v>0</v>
      </c>
    </row>
    <row r="132210" spans="1:7" x14ac:dyDescent="0.3">
      <c r="A132210" s="13" t="s">
        <v>600</v>
      </c>
      <c r="B132210" s="14" t="s">
        <v>1</v>
      </c>
      <c r="C132210" s="14" t="s">
        <v>596</v>
      </c>
      <c r="D132210" s="14" t="s">
        <v>18</v>
      </c>
      <c r="E132210" s="15">
        <v>45456</v>
      </c>
      <c r="F132210" s="14" t="s">
        <v>15</v>
      </c>
      <c r="G132210" s="16">
        <v>0</v>
      </c>
    </row>
    <row r="132211" spans="1:7" x14ac:dyDescent="0.3">
      <c r="A132211" s="13" t="s">
        <v>600</v>
      </c>
      <c r="B132211" s="14" t="s">
        <v>1</v>
      </c>
      <c r="C132211" s="14" t="s">
        <v>596</v>
      </c>
      <c r="D132211" s="14" t="s">
        <v>18</v>
      </c>
      <c r="E132211" s="15">
        <v>45457</v>
      </c>
      <c r="F132211" s="14" t="s">
        <v>15</v>
      </c>
      <c r="G132211" s="16">
        <v>0</v>
      </c>
    </row>
    <row r="132212" spans="1:7" x14ac:dyDescent="0.3">
      <c r="A132212" s="13" t="s">
        <v>600</v>
      </c>
      <c r="B132212" s="14" t="s">
        <v>1</v>
      </c>
      <c r="C132212" s="14" t="s">
        <v>596</v>
      </c>
      <c r="D132212" s="14" t="s">
        <v>18</v>
      </c>
      <c r="E132212" s="15">
        <v>45458</v>
      </c>
      <c r="F132212" s="14" t="s">
        <v>15</v>
      </c>
      <c r="G132212" s="16">
        <v>0</v>
      </c>
    </row>
    <row r="132213" spans="1:7" x14ac:dyDescent="0.3">
      <c r="A132213" s="13" t="s">
        <v>600</v>
      </c>
      <c r="B132213" s="14" t="s">
        <v>1</v>
      </c>
      <c r="C132213" s="14" t="s">
        <v>596</v>
      </c>
      <c r="D132213" s="14" t="s">
        <v>18</v>
      </c>
      <c r="E132213" s="15">
        <v>45459</v>
      </c>
      <c r="F132213" s="14" t="s">
        <v>15</v>
      </c>
      <c r="G132213" s="16">
        <v>0</v>
      </c>
    </row>
    <row r="132214" spans="1:7" x14ac:dyDescent="0.3">
      <c r="A132214" s="13" t="s">
        <v>600</v>
      </c>
      <c r="B132214" s="14" t="s">
        <v>1</v>
      </c>
      <c r="C132214" s="14" t="s">
        <v>596</v>
      </c>
      <c r="D132214" s="14" t="s">
        <v>18</v>
      </c>
      <c r="E132214" s="15">
        <v>45460</v>
      </c>
      <c r="F132214" s="14" t="s">
        <v>15</v>
      </c>
      <c r="G132214" s="16">
        <v>0</v>
      </c>
    </row>
    <row r="132215" spans="1:7" x14ac:dyDescent="0.3">
      <c r="A132215" s="13" t="s">
        <v>600</v>
      </c>
      <c r="B132215" s="14" t="s">
        <v>1</v>
      </c>
      <c r="C132215" s="14" t="s">
        <v>596</v>
      </c>
      <c r="D132215" s="14" t="s">
        <v>18</v>
      </c>
      <c r="E132215" s="15">
        <v>45461</v>
      </c>
      <c r="F132215" s="14" t="s">
        <v>15</v>
      </c>
      <c r="G132215" s="16">
        <v>0</v>
      </c>
    </row>
    <row r="132216" spans="1:7" x14ac:dyDescent="0.3">
      <c r="A132216" s="13" t="s">
        <v>600</v>
      </c>
      <c r="B132216" s="14" t="s">
        <v>1</v>
      </c>
      <c r="C132216" s="14" t="s">
        <v>596</v>
      </c>
      <c r="D132216" s="14" t="s">
        <v>18</v>
      </c>
      <c r="E132216" s="15">
        <v>45462</v>
      </c>
      <c r="F132216" s="14" t="s">
        <v>15</v>
      </c>
      <c r="G132216" s="16">
        <v>0</v>
      </c>
    </row>
    <row r="132217" spans="1:7" x14ac:dyDescent="0.3">
      <c r="A132217" s="13" t="s">
        <v>600</v>
      </c>
      <c r="B132217" s="14" t="s">
        <v>1</v>
      </c>
      <c r="C132217" s="14" t="s">
        <v>596</v>
      </c>
      <c r="D132217" s="14" t="s">
        <v>18</v>
      </c>
      <c r="E132217" s="15">
        <v>45463</v>
      </c>
      <c r="F132217" s="14" t="s">
        <v>15</v>
      </c>
      <c r="G132217" s="16">
        <v>0</v>
      </c>
    </row>
    <row r="132218" spans="1:7" x14ac:dyDescent="0.3">
      <c r="A132218" s="13" t="s">
        <v>600</v>
      </c>
      <c r="B132218" s="14" t="s">
        <v>1</v>
      </c>
      <c r="C132218" s="14" t="s">
        <v>596</v>
      </c>
      <c r="D132218" s="14" t="s">
        <v>18</v>
      </c>
      <c r="E132218" s="15">
        <v>45464</v>
      </c>
      <c r="F132218" s="14" t="s">
        <v>15</v>
      </c>
      <c r="G132218" s="16">
        <v>0</v>
      </c>
    </row>
    <row r="132219" spans="1:7" x14ac:dyDescent="0.3">
      <c r="A132219" s="13" t="s">
        <v>600</v>
      </c>
      <c r="B132219" s="14" t="s">
        <v>1</v>
      </c>
      <c r="C132219" s="14" t="s">
        <v>596</v>
      </c>
      <c r="D132219" s="14" t="s">
        <v>18</v>
      </c>
      <c r="E132219" s="15">
        <v>45465</v>
      </c>
      <c r="F132219" s="14" t="s">
        <v>15</v>
      </c>
      <c r="G132219" s="16">
        <v>0</v>
      </c>
    </row>
    <row r="132220" spans="1:7" x14ac:dyDescent="0.3">
      <c r="A132220" s="13" t="s">
        <v>600</v>
      </c>
      <c r="B132220" s="14" t="s">
        <v>1</v>
      </c>
      <c r="C132220" s="14" t="s">
        <v>596</v>
      </c>
      <c r="D132220" s="14" t="s">
        <v>18</v>
      </c>
      <c r="E132220" s="15">
        <v>45466</v>
      </c>
      <c r="F132220" s="14" t="s">
        <v>15</v>
      </c>
      <c r="G132220" s="16">
        <v>0</v>
      </c>
    </row>
    <row r="132221" spans="1:7" x14ac:dyDescent="0.3">
      <c r="A132221" s="13" t="s">
        <v>600</v>
      </c>
      <c r="B132221" s="14" t="s">
        <v>1</v>
      </c>
      <c r="C132221" s="14" t="s">
        <v>596</v>
      </c>
      <c r="D132221" s="14" t="s">
        <v>18</v>
      </c>
      <c r="E132221" s="15">
        <v>45467</v>
      </c>
      <c r="F132221" s="14" t="s">
        <v>15</v>
      </c>
      <c r="G132221" s="16">
        <v>0</v>
      </c>
    </row>
    <row r="132222" spans="1:7" x14ac:dyDescent="0.3">
      <c r="A132222" s="13" t="s">
        <v>600</v>
      </c>
      <c r="B132222" s="14" t="s">
        <v>1</v>
      </c>
      <c r="C132222" s="14" t="s">
        <v>596</v>
      </c>
      <c r="D132222" s="14" t="s">
        <v>18</v>
      </c>
      <c r="E132222" s="15">
        <v>45468</v>
      </c>
      <c r="F132222" s="14" t="s">
        <v>15</v>
      </c>
      <c r="G132222" s="16">
        <v>0</v>
      </c>
    </row>
    <row r="132223" spans="1:7" x14ac:dyDescent="0.3">
      <c r="A132223" s="13" t="s">
        <v>600</v>
      </c>
      <c r="B132223" s="14" t="s">
        <v>1</v>
      </c>
      <c r="C132223" s="14" t="s">
        <v>596</v>
      </c>
      <c r="D132223" s="14" t="s">
        <v>18</v>
      </c>
      <c r="E132223" s="15">
        <v>45469</v>
      </c>
      <c r="F132223" s="14" t="s">
        <v>15</v>
      </c>
      <c r="G132223" s="16">
        <v>0</v>
      </c>
    </row>
    <row r="132224" spans="1:7" x14ac:dyDescent="0.3">
      <c r="A132224" s="13" t="s">
        <v>600</v>
      </c>
      <c r="B132224" s="14" t="s">
        <v>1</v>
      </c>
      <c r="C132224" s="14" t="s">
        <v>596</v>
      </c>
      <c r="D132224" s="14" t="s">
        <v>18</v>
      </c>
      <c r="E132224" s="15">
        <v>45470</v>
      </c>
      <c r="F132224" s="14" t="s">
        <v>15</v>
      </c>
      <c r="G132224" s="16">
        <v>0</v>
      </c>
    </row>
    <row r="132225" spans="1:7" x14ac:dyDescent="0.3">
      <c r="A132225" s="13" t="s">
        <v>600</v>
      </c>
      <c r="B132225" s="14" t="s">
        <v>1</v>
      </c>
      <c r="C132225" s="14" t="s">
        <v>596</v>
      </c>
      <c r="D132225" s="14" t="s">
        <v>18</v>
      </c>
      <c r="E132225" s="15">
        <v>45471</v>
      </c>
      <c r="F132225" s="14" t="s">
        <v>15</v>
      </c>
      <c r="G132225" s="16">
        <v>0</v>
      </c>
    </row>
    <row r="132226" spans="1:7" x14ac:dyDescent="0.3">
      <c r="A132226" s="13" t="s">
        <v>600</v>
      </c>
      <c r="B132226" s="14" t="s">
        <v>1</v>
      </c>
      <c r="C132226" s="14" t="s">
        <v>596</v>
      </c>
      <c r="D132226" s="14" t="s">
        <v>18</v>
      </c>
      <c r="E132226" s="15">
        <v>45472</v>
      </c>
      <c r="F132226" s="14" t="s">
        <v>15</v>
      </c>
      <c r="G132226" s="16">
        <v>0</v>
      </c>
    </row>
    <row r="132227" spans="1:7" x14ac:dyDescent="0.3">
      <c r="A132227" s="13" t="s">
        <v>600</v>
      </c>
      <c r="B132227" s="14" t="s">
        <v>1</v>
      </c>
      <c r="C132227" s="14" t="s">
        <v>596</v>
      </c>
      <c r="D132227" s="14" t="s">
        <v>18</v>
      </c>
      <c r="E132227" s="15">
        <v>45473</v>
      </c>
      <c r="F132227" s="14" t="s">
        <v>15</v>
      </c>
      <c r="G132227" s="16">
        <v>0</v>
      </c>
    </row>
    <row r="132228" spans="1:7" x14ac:dyDescent="0.3">
      <c r="A132228" s="13" t="s">
        <v>600</v>
      </c>
      <c r="B132228" s="14" t="s">
        <v>1</v>
      </c>
      <c r="C132228" s="14" t="s">
        <v>596</v>
      </c>
      <c r="D132228" s="14" t="s">
        <v>18</v>
      </c>
      <c r="E132228" s="15">
        <v>45474</v>
      </c>
      <c r="F132228" s="14" t="s">
        <v>15</v>
      </c>
      <c r="G132228" s="16">
        <v>0</v>
      </c>
    </row>
    <row r="132229" spans="1:7" x14ac:dyDescent="0.3">
      <c r="A132229" s="13" t="s">
        <v>600</v>
      </c>
      <c r="B132229" s="14" t="s">
        <v>1</v>
      </c>
      <c r="C132229" s="14" t="s">
        <v>596</v>
      </c>
      <c r="D132229" s="14" t="s">
        <v>18</v>
      </c>
      <c r="E132229" s="15">
        <v>45475</v>
      </c>
      <c r="F132229" s="14" t="s">
        <v>15</v>
      </c>
      <c r="G132229" s="16">
        <v>0</v>
      </c>
    </row>
    <row r="132230" spans="1:7" x14ac:dyDescent="0.3">
      <c r="A132230" s="13" t="s">
        <v>600</v>
      </c>
      <c r="B132230" s="14" t="s">
        <v>1</v>
      </c>
      <c r="C132230" s="14" t="s">
        <v>596</v>
      </c>
      <c r="D132230" s="14" t="s">
        <v>18</v>
      </c>
      <c r="E132230" s="15">
        <v>45476</v>
      </c>
      <c r="F132230" s="14" t="s">
        <v>15</v>
      </c>
      <c r="G132230" s="16">
        <v>0</v>
      </c>
    </row>
    <row r="132231" spans="1:7" x14ac:dyDescent="0.3">
      <c r="A132231" s="13" t="s">
        <v>600</v>
      </c>
      <c r="B132231" s="14" t="s">
        <v>1</v>
      </c>
      <c r="C132231" s="14" t="s">
        <v>596</v>
      </c>
      <c r="D132231" s="14" t="s">
        <v>18</v>
      </c>
      <c r="E132231" s="15">
        <v>45477</v>
      </c>
      <c r="F132231" s="14" t="s">
        <v>15</v>
      </c>
      <c r="G132231" s="16">
        <v>0</v>
      </c>
    </row>
    <row r="132232" spans="1:7" x14ac:dyDescent="0.3">
      <c r="A132232" s="13" t="s">
        <v>600</v>
      </c>
      <c r="B132232" s="14" t="s">
        <v>1</v>
      </c>
      <c r="C132232" s="14" t="s">
        <v>596</v>
      </c>
      <c r="D132232" s="14" t="s">
        <v>18</v>
      </c>
      <c r="E132232" s="15">
        <v>45478</v>
      </c>
      <c r="F132232" s="14" t="s">
        <v>15</v>
      </c>
      <c r="G132232" s="16">
        <v>0</v>
      </c>
    </row>
    <row r="132233" spans="1:7" x14ac:dyDescent="0.3">
      <c r="A132233" s="13" t="s">
        <v>600</v>
      </c>
      <c r="B132233" s="14" t="s">
        <v>1</v>
      </c>
      <c r="C132233" s="14" t="s">
        <v>596</v>
      </c>
      <c r="D132233" s="14" t="s">
        <v>18</v>
      </c>
      <c r="E132233" s="15">
        <v>45479</v>
      </c>
      <c r="F132233" s="14" t="s">
        <v>15</v>
      </c>
      <c r="G132233" s="16">
        <v>0</v>
      </c>
    </row>
    <row r="132234" spans="1:7" x14ac:dyDescent="0.3">
      <c r="A132234" s="13" t="s">
        <v>600</v>
      </c>
      <c r="B132234" s="14" t="s">
        <v>1</v>
      </c>
      <c r="C132234" s="14" t="s">
        <v>596</v>
      </c>
      <c r="D132234" s="14" t="s">
        <v>18</v>
      </c>
      <c r="E132234" s="15">
        <v>45480</v>
      </c>
      <c r="F132234" s="14" t="s">
        <v>15</v>
      </c>
      <c r="G132234" s="16">
        <v>0</v>
      </c>
    </row>
    <row r="132235" spans="1:7" x14ac:dyDescent="0.3">
      <c r="A132235" s="13" t="s">
        <v>600</v>
      </c>
      <c r="B132235" s="14" t="s">
        <v>1</v>
      </c>
      <c r="C132235" s="14" t="s">
        <v>596</v>
      </c>
      <c r="D132235" s="14" t="s">
        <v>18</v>
      </c>
      <c r="E132235" s="15">
        <v>45481</v>
      </c>
      <c r="F132235" s="14" t="s">
        <v>15</v>
      </c>
      <c r="G132235" s="16">
        <v>0</v>
      </c>
    </row>
    <row r="132236" spans="1:7" x14ac:dyDescent="0.3">
      <c r="A132236" s="13" t="s">
        <v>600</v>
      </c>
      <c r="B132236" s="14" t="s">
        <v>1</v>
      </c>
      <c r="C132236" s="14" t="s">
        <v>596</v>
      </c>
      <c r="D132236" s="14" t="s">
        <v>18</v>
      </c>
      <c r="E132236" s="15">
        <v>45482</v>
      </c>
      <c r="F132236" s="14" t="s">
        <v>15</v>
      </c>
      <c r="G132236" s="16">
        <v>0</v>
      </c>
    </row>
    <row r="132237" spans="1:7" x14ac:dyDescent="0.3">
      <c r="A132237" s="13" t="s">
        <v>600</v>
      </c>
      <c r="B132237" s="14" t="s">
        <v>1</v>
      </c>
      <c r="C132237" s="14" t="s">
        <v>596</v>
      </c>
      <c r="D132237" s="14" t="s">
        <v>18</v>
      </c>
      <c r="E132237" s="15">
        <v>45483</v>
      </c>
      <c r="F132237" s="14" t="s">
        <v>15</v>
      </c>
      <c r="G132237" s="16">
        <v>0</v>
      </c>
    </row>
    <row r="132238" spans="1:7" x14ac:dyDescent="0.3">
      <c r="A132238" s="13" t="s">
        <v>600</v>
      </c>
      <c r="B132238" s="14" t="s">
        <v>1</v>
      </c>
      <c r="C132238" s="14" t="s">
        <v>596</v>
      </c>
      <c r="D132238" s="14" t="s">
        <v>18</v>
      </c>
      <c r="E132238" s="15">
        <v>45484</v>
      </c>
      <c r="F132238" s="14" t="s">
        <v>15</v>
      </c>
      <c r="G132238" s="16">
        <v>0</v>
      </c>
    </row>
    <row r="132239" spans="1:7" x14ac:dyDescent="0.3">
      <c r="A132239" s="13" t="s">
        <v>600</v>
      </c>
      <c r="B132239" s="14" t="s">
        <v>1</v>
      </c>
      <c r="C132239" s="14" t="s">
        <v>596</v>
      </c>
      <c r="D132239" s="14" t="s">
        <v>18</v>
      </c>
      <c r="E132239" s="15">
        <v>45485</v>
      </c>
      <c r="F132239" s="14" t="s">
        <v>15</v>
      </c>
      <c r="G132239" s="16">
        <v>0</v>
      </c>
    </row>
    <row r="132240" spans="1:7" x14ac:dyDescent="0.3">
      <c r="A132240" s="13" t="s">
        <v>600</v>
      </c>
      <c r="B132240" s="14" t="s">
        <v>1</v>
      </c>
      <c r="C132240" s="14" t="s">
        <v>596</v>
      </c>
      <c r="D132240" s="14" t="s">
        <v>18</v>
      </c>
      <c r="E132240" s="15">
        <v>45486</v>
      </c>
      <c r="F132240" s="14" t="s">
        <v>15</v>
      </c>
      <c r="G132240" s="16">
        <v>0</v>
      </c>
    </row>
    <row r="132241" spans="1:7" x14ac:dyDescent="0.3">
      <c r="A132241" s="13" t="s">
        <v>600</v>
      </c>
      <c r="B132241" s="14" t="s">
        <v>1</v>
      </c>
      <c r="C132241" s="14" t="s">
        <v>596</v>
      </c>
      <c r="D132241" s="14" t="s">
        <v>18</v>
      </c>
      <c r="E132241" s="15">
        <v>45487</v>
      </c>
      <c r="F132241" s="14" t="s">
        <v>15</v>
      </c>
      <c r="G132241" s="16">
        <v>0</v>
      </c>
    </row>
    <row r="132242" spans="1:7" x14ac:dyDescent="0.3">
      <c r="A132242" s="13" t="s">
        <v>600</v>
      </c>
      <c r="B132242" s="14" t="s">
        <v>1</v>
      </c>
      <c r="C132242" s="14" t="s">
        <v>596</v>
      </c>
      <c r="D132242" s="14" t="s">
        <v>18</v>
      </c>
      <c r="E132242" s="15">
        <v>45488</v>
      </c>
      <c r="F132242" s="14" t="s">
        <v>15</v>
      </c>
      <c r="G132242" s="16">
        <v>0</v>
      </c>
    </row>
    <row r="132243" spans="1:7" x14ac:dyDescent="0.3">
      <c r="A132243" s="13" t="s">
        <v>600</v>
      </c>
      <c r="B132243" s="14" t="s">
        <v>1</v>
      </c>
      <c r="C132243" s="14" t="s">
        <v>596</v>
      </c>
      <c r="D132243" s="14" t="s">
        <v>18</v>
      </c>
      <c r="E132243" s="15">
        <v>45489</v>
      </c>
      <c r="F132243" s="14" t="s">
        <v>15</v>
      </c>
      <c r="G132243" s="16">
        <v>0</v>
      </c>
    </row>
    <row r="132244" spans="1:7" x14ac:dyDescent="0.3">
      <c r="A132244" s="13" t="s">
        <v>600</v>
      </c>
      <c r="B132244" s="14" t="s">
        <v>1</v>
      </c>
      <c r="C132244" s="14" t="s">
        <v>596</v>
      </c>
      <c r="D132244" s="14" t="s">
        <v>18</v>
      </c>
      <c r="E132244" s="15">
        <v>45490</v>
      </c>
      <c r="F132244" s="14" t="s">
        <v>15</v>
      </c>
      <c r="G132244" s="16">
        <v>0</v>
      </c>
    </row>
    <row r="132245" spans="1:7" x14ac:dyDescent="0.3">
      <c r="A132245" s="13" t="s">
        <v>600</v>
      </c>
      <c r="B132245" s="14" t="s">
        <v>1</v>
      </c>
      <c r="C132245" s="14" t="s">
        <v>596</v>
      </c>
      <c r="D132245" s="14" t="s">
        <v>18</v>
      </c>
      <c r="E132245" s="15">
        <v>45491</v>
      </c>
      <c r="F132245" s="14" t="s">
        <v>15</v>
      </c>
      <c r="G132245" s="16">
        <v>0</v>
      </c>
    </row>
    <row r="132246" spans="1:7" x14ac:dyDescent="0.3">
      <c r="A132246" s="13" t="s">
        <v>600</v>
      </c>
      <c r="B132246" s="14" t="s">
        <v>1</v>
      </c>
      <c r="C132246" s="14" t="s">
        <v>596</v>
      </c>
      <c r="D132246" s="14" t="s">
        <v>18</v>
      </c>
      <c r="E132246" s="15">
        <v>45492</v>
      </c>
      <c r="F132246" s="14" t="s">
        <v>15</v>
      </c>
      <c r="G132246" s="16">
        <v>0</v>
      </c>
    </row>
    <row r="132247" spans="1:7" x14ac:dyDescent="0.3">
      <c r="A132247" s="13" t="s">
        <v>600</v>
      </c>
      <c r="B132247" s="14" t="s">
        <v>1</v>
      </c>
      <c r="C132247" s="14" t="s">
        <v>596</v>
      </c>
      <c r="D132247" s="14" t="s">
        <v>18</v>
      </c>
      <c r="E132247" s="15">
        <v>45493</v>
      </c>
      <c r="F132247" s="14" t="s">
        <v>15</v>
      </c>
      <c r="G132247" s="16">
        <v>0</v>
      </c>
    </row>
    <row r="132248" spans="1:7" x14ac:dyDescent="0.3">
      <c r="A132248" s="13" t="s">
        <v>600</v>
      </c>
      <c r="B132248" s="14" t="s">
        <v>1</v>
      </c>
      <c r="C132248" s="14" t="s">
        <v>596</v>
      </c>
      <c r="D132248" s="14" t="s">
        <v>18</v>
      </c>
      <c r="E132248" s="15">
        <v>45494</v>
      </c>
      <c r="F132248" s="14" t="s">
        <v>15</v>
      </c>
      <c r="G132248" s="16">
        <v>0</v>
      </c>
    </row>
    <row r="132249" spans="1:7" x14ac:dyDescent="0.3">
      <c r="A132249" s="13" t="s">
        <v>600</v>
      </c>
      <c r="B132249" s="14" t="s">
        <v>1</v>
      </c>
      <c r="C132249" s="14" t="s">
        <v>596</v>
      </c>
      <c r="D132249" s="14" t="s">
        <v>18</v>
      </c>
      <c r="E132249" s="15">
        <v>45495</v>
      </c>
      <c r="F132249" s="14" t="s">
        <v>15</v>
      </c>
      <c r="G132249" s="16">
        <v>0</v>
      </c>
    </row>
    <row r="132250" spans="1:7" x14ac:dyDescent="0.3">
      <c r="A132250" s="13" t="s">
        <v>600</v>
      </c>
      <c r="B132250" s="14" t="s">
        <v>1</v>
      </c>
      <c r="C132250" s="14" t="s">
        <v>596</v>
      </c>
      <c r="D132250" s="14" t="s">
        <v>18</v>
      </c>
      <c r="E132250" s="15">
        <v>45496</v>
      </c>
      <c r="F132250" s="14" t="s">
        <v>15</v>
      </c>
      <c r="G132250" s="16">
        <v>0</v>
      </c>
    </row>
    <row r="132251" spans="1:7" x14ac:dyDescent="0.3">
      <c r="A132251" s="13" t="s">
        <v>600</v>
      </c>
      <c r="B132251" s="14" t="s">
        <v>1</v>
      </c>
      <c r="C132251" s="14" t="s">
        <v>596</v>
      </c>
      <c r="D132251" s="14" t="s">
        <v>18</v>
      </c>
      <c r="E132251" s="15">
        <v>45497</v>
      </c>
      <c r="F132251" s="14" t="s">
        <v>15</v>
      </c>
      <c r="G132251" s="16">
        <v>0</v>
      </c>
    </row>
    <row r="132252" spans="1:7" x14ac:dyDescent="0.3">
      <c r="A132252" s="13" t="s">
        <v>600</v>
      </c>
      <c r="B132252" s="14" t="s">
        <v>1</v>
      </c>
      <c r="C132252" s="14" t="s">
        <v>596</v>
      </c>
      <c r="D132252" s="14" t="s">
        <v>18</v>
      </c>
      <c r="E132252" s="15">
        <v>45498</v>
      </c>
      <c r="F132252" s="14" t="s">
        <v>15</v>
      </c>
      <c r="G132252" s="16">
        <v>0</v>
      </c>
    </row>
    <row r="132253" spans="1:7" x14ac:dyDescent="0.3">
      <c r="A132253" s="13" t="s">
        <v>600</v>
      </c>
      <c r="B132253" s="14" t="s">
        <v>1</v>
      </c>
      <c r="C132253" s="14" t="s">
        <v>596</v>
      </c>
      <c r="D132253" s="14" t="s">
        <v>18</v>
      </c>
      <c r="E132253" s="15">
        <v>45499</v>
      </c>
      <c r="F132253" s="14" t="s">
        <v>15</v>
      </c>
      <c r="G132253" s="16">
        <v>0</v>
      </c>
    </row>
    <row r="132254" spans="1:7" x14ac:dyDescent="0.3">
      <c r="A132254" s="13" t="s">
        <v>600</v>
      </c>
      <c r="B132254" s="14" t="s">
        <v>1</v>
      </c>
      <c r="C132254" s="14" t="s">
        <v>596</v>
      </c>
      <c r="D132254" s="14" t="s">
        <v>18</v>
      </c>
      <c r="E132254" s="15">
        <v>45500</v>
      </c>
      <c r="F132254" s="14" t="s">
        <v>15</v>
      </c>
      <c r="G132254" s="16">
        <v>0</v>
      </c>
    </row>
    <row r="132255" spans="1:7" x14ac:dyDescent="0.3">
      <c r="A132255" s="13" t="s">
        <v>600</v>
      </c>
      <c r="B132255" s="14" t="s">
        <v>1</v>
      </c>
      <c r="C132255" s="14" t="s">
        <v>596</v>
      </c>
      <c r="D132255" s="14" t="s">
        <v>18</v>
      </c>
      <c r="E132255" s="15">
        <v>45501</v>
      </c>
      <c r="F132255" s="14" t="s">
        <v>15</v>
      </c>
      <c r="G132255" s="16">
        <v>0</v>
      </c>
    </row>
    <row r="132256" spans="1:7" x14ac:dyDescent="0.3">
      <c r="A132256" s="13" t="s">
        <v>600</v>
      </c>
      <c r="B132256" s="14" t="s">
        <v>1</v>
      </c>
      <c r="C132256" s="14" t="s">
        <v>596</v>
      </c>
      <c r="D132256" s="14" t="s">
        <v>18</v>
      </c>
      <c r="E132256" s="15">
        <v>45502</v>
      </c>
      <c r="F132256" s="14" t="s">
        <v>15</v>
      </c>
      <c r="G132256" s="16">
        <v>0</v>
      </c>
    </row>
    <row r="132257" spans="1:7" x14ac:dyDescent="0.3">
      <c r="A132257" s="13" t="s">
        <v>600</v>
      </c>
      <c r="B132257" s="14" t="s">
        <v>1</v>
      </c>
      <c r="C132257" s="14" t="s">
        <v>596</v>
      </c>
      <c r="D132257" s="14" t="s">
        <v>18</v>
      </c>
      <c r="E132257" s="15">
        <v>45503</v>
      </c>
      <c r="F132257" s="14" t="s">
        <v>15</v>
      </c>
      <c r="G132257" s="16">
        <v>0</v>
      </c>
    </row>
    <row r="132258" spans="1:7" x14ac:dyDescent="0.3">
      <c r="A132258" s="13" t="s">
        <v>600</v>
      </c>
      <c r="B132258" s="14" t="s">
        <v>1</v>
      </c>
      <c r="C132258" s="14" t="s">
        <v>596</v>
      </c>
      <c r="D132258" s="14" t="s">
        <v>18</v>
      </c>
      <c r="E132258" s="15">
        <v>45504</v>
      </c>
      <c r="F132258" s="14" t="s">
        <v>15</v>
      </c>
      <c r="G132258" s="16">
        <v>0</v>
      </c>
    </row>
    <row r="132259" spans="1:7" x14ac:dyDescent="0.3">
      <c r="A132259" s="13" t="s">
        <v>600</v>
      </c>
      <c r="B132259" s="14" t="s">
        <v>1</v>
      </c>
      <c r="C132259" s="14" t="s">
        <v>596</v>
      </c>
      <c r="D132259" s="14" t="s">
        <v>18</v>
      </c>
      <c r="E132259" s="15">
        <v>45505</v>
      </c>
      <c r="F132259" s="14" t="s">
        <v>15</v>
      </c>
      <c r="G132259" s="16">
        <v>0</v>
      </c>
    </row>
    <row r="132260" spans="1:7" x14ac:dyDescent="0.3">
      <c r="A132260" s="13" t="s">
        <v>600</v>
      </c>
      <c r="B132260" s="14" t="s">
        <v>1</v>
      </c>
      <c r="C132260" s="14" t="s">
        <v>596</v>
      </c>
      <c r="D132260" s="14" t="s">
        <v>18</v>
      </c>
      <c r="E132260" s="15">
        <v>45506</v>
      </c>
      <c r="F132260" s="14" t="s">
        <v>15</v>
      </c>
      <c r="G132260" s="16">
        <v>0</v>
      </c>
    </row>
    <row r="132261" spans="1:7" x14ac:dyDescent="0.3">
      <c r="A132261" s="13" t="s">
        <v>600</v>
      </c>
      <c r="B132261" s="14" t="s">
        <v>1</v>
      </c>
      <c r="C132261" s="14" t="s">
        <v>596</v>
      </c>
      <c r="D132261" s="14" t="s">
        <v>18</v>
      </c>
      <c r="E132261" s="15">
        <v>45507</v>
      </c>
      <c r="F132261" s="14" t="s">
        <v>15</v>
      </c>
      <c r="G132261" s="16">
        <v>0</v>
      </c>
    </row>
    <row r="132262" spans="1:7" x14ac:dyDescent="0.3">
      <c r="A132262" s="13" t="s">
        <v>600</v>
      </c>
      <c r="B132262" s="14" t="s">
        <v>1</v>
      </c>
      <c r="C132262" s="14" t="s">
        <v>596</v>
      </c>
      <c r="D132262" s="14" t="s">
        <v>18</v>
      </c>
      <c r="E132262" s="15">
        <v>45508</v>
      </c>
      <c r="F132262" s="14" t="s">
        <v>15</v>
      </c>
      <c r="G132262" s="16">
        <v>0</v>
      </c>
    </row>
    <row r="132263" spans="1:7" x14ac:dyDescent="0.3">
      <c r="A132263" s="13" t="s">
        <v>600</v>
      </c>
      <c r="B132263" s="14" t="s">
        <v>1</v>
      </c>
      <c r="C132263" s="14" t="s">
        <v>596</v>
      </c>
      <c r="D132263" s="14" t="s">
        <v>18</v>
      </c>
      <c r="E132263" s="15">
        <v>45509</v>
      </c>
      <c r="F132263" s="14" t="s">
        <v>15</v>
      </c>
      <c r="G132263" s="16">
        <v>0</v>
      </c>
    </row>
    <row r="132264" spans="1:7" x14ac:dyDescent="0.3">
      <c r="A132264" s="13" t="s">
        <v>600</v>
      </c>
      <c r="B132264" s="14" t="s">
        <v>1</v>
      </c>
      <c r="C132264" s="14" t="s">
        <v>596</v>
      </c>
      <c r="D132264" s="14" t="s">
        <v>18</v>
      </c>
      <c r="E132264" s="15">
        <v>45510</v>
      </c>
      <c r="F132264" s="14" t="s">
        <v>15</v>
      </c>
      <c r="G132264" s="16">
        <v>0</v>
      </c>
    </row>
    <row r="132265" spans="1:7" x14ac:dyDescent="0.3">
      <c r="A132265" s="13" t="s">
        <v>600</v>
      </c>
      <c r="B132265" s="14" t="s">
        <v>1</v>
      </c>
      <c r="C132265" s="14" t="s">
        <v>596</v>
      </c>
      <c r="D132265" s="14" t="s">
        <v>18</v>
      </c>
      <c r="E132265" s="15">
        <v>45511</v>
      </c>
      <c r="F132265" s="14" t="s">
        <v>15</v>
      </c>
      <c r="G132265" s="16">
        <v>0</v>
      </c>
    </row>
    <row r="132266" spans="1:7" x14ac:dyDescent="0.3">
      <c r="A132266" s="13" t="s">
        <v>600</v>
      </c>
      <c r="B132266" s="14" t="s">
        <v>1</v>
      </c>
      <c r="C132266" s="14" t="s">
        <v>596</v>
      </c>
      <c r="D132266" s="14" t="s">
        <v>18</v>
      </c>
      <c r="E132266" s="15">
        <v>45512</v>
      </c>
      <c r="F132266" s="14" t="s">
        <v>15</v>
      </c>
      <c r="G132266" s="16">
        <v>0</v>
      </c>
    </row>
    <row r="132267" spans="1:7" x14ac:dyDescent="0.3">
      <c r="A132267" s="13" t="s">
        <v>600</v>
      </c>
      <c r="B132267" s="14" t="s">
        <v>1</v>
      </c>
      <c r="C132267" s="14" t="s">
        <v>596</v>
      </c>
      <c r="D132267" s="14" t="s">
        <v>18</v>
      </c>
      <c r="E132267" s="15">
        <v>45513</v>
      </c>
      <c r="F132267" s="14" t="s">
        <v>15</v>
      </c>
      <c r="G132267" s="16">
        <v>0</v>
      </c>
    </row>
    <row r="132268" spans="1:7" x14ac:dyDescent="0.3">
      <c r="A132268" s="13" t="s">
        <v>600</v>
      </c>
      <c r="B132268" s="14" t="s">
        <v>1</v>
      </c>
      <c r="C132268" s="14" t="s">
        <v>596</v>
      </c>
      <c r="D132268" s="14" t="s">
        <v>18</v>
      </c>
      <c r="E132268" s="15">
        <v>45514</v>
      </c>
      <c r="F132268" s="14" t="s">
        <v>15</v>
      </c>
      <c r="G132268" s="16">
        <v>0</v>
      </c>
    </row>
    <row r="132269" spans="1:7" x14ac:dyDescent="0.3">
      <c r="A132269" s="13" t="s">
        <v>600</v>
      </c>
      <c r="B132269" s="14" t="s">
        <v>1</v>
      </c>
      <c r="C132269" s="14" t="s">
        <v>596</v>
      </c>
      <c r="D132269" s="14" t="s">
        <v>18</v>
      </c>
      <c r="E132269" s="15">
        <v>45515</v>
      </c>
      <c r="F132269" s="14" t="s">
        <v>15</v>
      </c>
      <c r="G132269" s="16">
        <v>0</v>
      </c>
    </row>
    <row r="132270" spans="1:7" x14ac:dyDescent="0.3">
      <c r="A132270" s="13" t="s">
        <v>600</v>
      </c>
      <c r="B132270" s="14" t="s">
        <v>1</v>
      </c>
      <c r="C132270" s="14" t="s">
        <v>596</v>
      </c>
      <c r="D132270" s="14" t="s">
        <v>18</v>
      </c>
      <c r="E132270" s="15">
        <v>45516</v>
      </c>
      <c r="F132270" s="14" t="s">
        <v>15</v>
      </c>
      <c r="G132270" s="16">
        <v>0</v>
      </c>
    </row>
    <row r="132271" spans="1:7" x14ac:dyDescent="0.3">
      <c r="A132271" s="13" t="s">
        <v>600</v>
      </c>
      <c r="B132271" s="14" t="s">
        <v>1</v>
      </c>
      <c r="C132271" s="14" t="s">
        <v>596</v>
      </c>
      <c r="D132271" s="14" t="s">
        <v>18</v>
      </c>
      <c r="E132271" s="15">
        <v>45517</v>
      </c>
      <c r="F132271" s="14" t="s">
        <v>15</v>
      </c>
      <c r="G132271" s="16">
        <v>0</v>
      </c>
    </row>
    <row r="132272" spans="1:7" x14ac:dyDescent="0.3">
      <c r="A132272" s="13" t="s">
        <v>600</v>
      </c>
      <c r="B132272" s="14" t="s">
        <v>1</v>
      </c>
      <c r="C132272" s="14" t="s">
        <v>596</v>
      </c>
      <c r="D132272" s="14" t="s">
        <v>18</v>
      </c>
      <c r="E132272" s="15">
        <v>45518</v>
      </c>
      <c r="F132272" s="14" t="s">
        <v>15</v>
      </c>
      <c r="G132272" s="16">
        <v>0</v>
      </c>
    </row>
    <row r="132273" spans="1:7" x14ac:dyDescent="0.3">
      <c r="A132273" s="13" t="s">
        <v>600</v>
      </c>
      <c r="B132273" s="14" t="s">
        <v>1</v>
      </c>
      <c r="C132273" s="14" t="s">
        <v>596</v>
      </c>
      <c r="D132273" s="14" t="s">
        <v>18</v>
      </c>
      <c r="E132273" s="15">
        <v>45519</v>
      </c>
      <c r="F132273" s="14" t="s">
        <v>15</v>
      </c>
      <c r="G132273" s="16">
        <v>0</v>
      </c>
    </row>
    <row r="132274" spans="1:7" x14ac:dyDescent="0.3">
      <c r="A132274" s="13" t="s">
        <v>600</v>
      </c>
      <c r="B132274" s="14" t="s">
        <v>1</v>
      </c>
      <c r="C132274" s="14" t="s">
        <v>596</v>
      </c>
      <c r="D132274" s="14" t="s">
        <v>18</v>
      </c>
      <c r="E132274" s="15">
        <v>45520</v>
      </c>
      <c r="F132274" s="14" t="s">
        <v>15</v>
      </c>
      <c r="G132274" s="16">
        <v>0</v>
      </c>
    </row>
    <row r="132275" spans="1:7" x14ac:dyDescent="0.3">
      <c r="A132275" s="13" t="s">
        <v>600</v>
      </c>
      <c r="B132275" s="14" t="s">
        <v>1</v>
      </c>
      <c r="C132275" s="14" t="s">
        <v>596</v>
      </c>
      <c r="D132275" s="14" t="s">
        <v>18</v>
      </c>
      <c r="E132275" s="15">
        <v>45521</v>
      </c>
      <c r="F132275" s="14" t="s">
        <v>15</v>
      </c>
      <c r="G132275" s="16">
        <v>0</v>
      </c>
    </row>
    <row r="132276" spans="1:7" x14ac:dyDescent="0.3">
      <c r="A132276" s="13" t="s">
        <v>600</v>
      </c>
      <c r="B132276" s="14" t="s">
        <v>1</v>
      </c>
      <c r="C132276" s="14" t="s">
        <v>596</v>
      </c>
      <c r="D132276" s="14" t="s">
        <v>18</v>
      </c>
      <c r="E132276" s="15">
        <v>45522</v>
      </c>
      <c r="F132276" s="14" t="s">
        <v>15</v>
      </c>
      <c r="G132276" s="16">
        <v>0</v>
      </c>
    </row>
    <row r="132277" spans="1:7" x14ac:dyDescent="0.3">
      <c r="A132277" s="13" t="s">
        <v>600</v>
      </c>
      <c r="B132277" s="14" t="s">
        <v>1</v>
      </c>
      <c r="C132277" s="14" t="s">
        <v>596</v>
      </c>
      <c r="D132277" s="14" t="s">
        <v>18</v>
      </c>
      <c r="E132277" s="15">
        <v>45523</v>
      </c>
      <c r="F132277" s="14" t="s">
        <v>15</v>
      </c>
      <c r="G132277" s="16">
        <v>0</v>
      </c>
    </row>
    <row r="132278" spans="1:7" x14ac:dyDescent="0.3">
      <c r="A132278" s="13" t="s">
        <v>600</v>
      </c>
      <c r="B132278" s="14" t="s">
        <v>1</v>
      </c>
      <c r="C132278" s="14" t="s">
        <v>596</v>
      </c>
      <c r="D132278" s="14" t="s">
        <v>18</v>
      </c>
      <c r="E132278" s="15">
        <v>45524</v>
      </c>
      <c r="F132278" s="14" t="s">
        <v>15</v>
      </c>
      <c r="G132278" s="16">
        <v>0</v>
      </c>
    </row>
    <row r="132279" spans="1:7" x14ac:dyDescent="0.3">
      <c r="A132279" s="13" t="s">
        <v>600</v>
      </c>
      <c r="B132279" s="14" t="s">
        <v>1</v>
      </c>
      <c r="C132279" s="14" t="s">
        <v>596</v>
      </c>
      <c r="D132279" s="14" t="s">
        <v>18</v>
      </c>
      <c r="E132279" s="15">
        <v>45525</v>
      </c>
      <c r="F132279" s="14" t="s">
        <v>15</v>
      </c>
      <c r="G132279" s="16">
        <v>0</v>
      </c>
    </row>
    <row r="132280" spans="1:7" x14ac:dyDescent="0.3">
      <c r="A132280" s="13" t="s">
        <v>600</v>
      </c>
      <c r="B132280" s="14" t="s">
        <v>1</v>
      </c>
      <c r="C132280" s="14" t="s">
        <v>596</v>
      </c>
      <c r="D132280" s="14" t="s">
        <v>18</v>
      </c>
      <c r="E132280" s="15">
        <v>45526</v>
      </c>
      <c r="F132280" s="14" t="s">
        <v>15</v>
      </c>
      <c r="G132280" s="16">
        <v>0</v>
      </c>
    </row>
    <row r="132281" spans="1:7" x14ac:dyDescent="0.3">
      <c r="A132281" s="13" t="s">
        <v>600</v>
      </c>
      <c r="B132281" s="14" t="s">
        <v>1</v>
      </c>
      <c r="C132281" s="14" t="s">
        <v>596</v>
      </c>
      <c r="D132281" s="14" t="s">
        <v>18</v>
      </c>
      <c r="E132281" s="15">
        <v>45527</v>
      </c>
      <c r="F132281" s="14" t="s">
        <v>15</v>
      </c>
      <c r="G132281" s="16">
        <v>0</v>
      </c>
    </row>
    <row r="132282" spans="1:7" x14ac:dyDescent="0.3">
      <c r="A132282" s="13" t="s">
        <v>600</v>
      </c>
      <c r="B132282" s="14" t="s">
        <v>1</v>
      </c>
      <c r="C132282" s="14" t="s">
        <v>596</v>
      </c>
      <c r="D132282" s="14" t="s">
        <v>18</v>
      </c>
      <c r="E132282" s="15">
        <v>45528</v>
      </c>
      <c r="F132282" s="14" t="s">
        <v>15</v>
      </c>
      <c r="G132282" s="16">
        <v>0</v>
      </c>
    </row>
    <row r="132283" spans="1:7" x14ac:dyDescent="0.3">
      <c r="A132283" s="13" t="s">
        <v>600</v>
      </c>
      <c r="B132283" s="14" t="s">
        <v>1</v>
      </c>
      <c r="C132283" s="14" t="s">
        <v>596</v>
      </c>
      <c r="D132283" s="14" t="s">
        <v>18</v>
      </c>
      <c r="E132283" s="15">
        <v>45529</v>
      </c>
      <c r="F132283" s="14" t="s">
        <v>15</v>
      </c>
      <c r="G132283" s="16">
        <v>0</v>
      </c>
    </row>
    <row r="132284" spans="1:7" x14ac:dyDescent="0.3">
      <c r="A132284" s="13" t="s">
        <v>600</v>
      </c>
      <c r="B132284" s="14" t="s">
        <v>1</v>
      </c>
      <c r="C132284" s="14" t="s">
        <v>596</v>
      </c>
      <c r="D132284" s="14" t="s">
        <v>18</v>
      </c>
      <c r="E132284" s="15">
        <v>45530</v>
      </c>
      <c r="F132284" s="14" t="s">
        <v>15</v>
      </c>
      <c r="G132284" s="16">
        <v>0</v>
      </c>
    </row>
    <row r="132285" spans="1:7" x14ac:dyDescent="0.3">
      <c r="A132285" s="13" t="s">
        <v>600</v>
      </c>
      <c r="B132285" s="14" t="s">
        <v>1</v>
      </c>
      <c r="C132285" s="14" t="s">
        <v>596</v>
      </c>
      <c r="D132285" s="14" t="s">
        <v>18</v>
      </c>
      <c r="E132285" s="15">
        <v>45531</v>
      </c>
      <c r="F132285" s="14" t="s">
        <v>15</v>
      </c>
      <c r="G132285" s="16">
        <v>0</v>
      </c>
    </row>
    <row r="132286" spans="1:7" x14ac:dyDescent="0.3">
      <c r="A132286" s="13" t="s">
        <v>600</v>
      </c>
      <c r="B132286" s="14" t="s">
        <v>1</v>
      </c>
      <c r="C132286" s="14" t="s">
        <v>596</v>
      </c>
      <c r="D132286" s="14" t="s">
        <v>18</v>
      </c>
      <c r="E132286" s="15">
        <v>45532</v>
      </c>
      <c r="F132286" s="14" t="s">
        <v>15</v>
      </c>
      <c r="G132286" s="16">
        <v>0</v>
      </c>
    </row>
    <row r="132287" spans="1:7" x14ac:dyDescent="0.3">
      <c r="A132287" s="13" t="s">
        <v>600</v>
      </c>
      <c r="B132287" s="14" t="s">
        <v>1</v>
      </c>
      <c r="C132287" s="14" t="s">
        <v>596</v>
      </c>
      <c r="D132287" s="14" t="s">
        <v>18</v>
      </c>
      <c r="E132287" s="15">
        <v>45533</v>
      </c>
      <c r="F132287" s="14" t="s">
        <v>15</v>
      </c>
      <c r="G132287" s="16">
        <v>0</v>
      </c>
    </row>
    <row r="132288" spans="1:7" x14ac:dyDescent="0.3">
      <c r="A132288" s="13" t="s">
        <v>600</v>
      </c>
      <c r="B132288" s="14" t="s">
        <v>1</v>
      </c>
      <c r="C132288" s="14" t="s">
        <v>596</v>
      </c>
      <c r="D132288" s="14" t="s">
        <v>18</v>
      </c>
      <c r="E132288" s="15">
        <v>45534</v>
      </c>
      <c r="F132288" s="14" t="s">
        <v>15</v>
      </c>
      <c r="G132288" s="16">
        <v>0</v>
      </c>
    </row>
    <row r="132289" spans="1:7" x14ac:dyDescent="0.3">
      <c r="A132289" s="13" t="s">
        <v>600</v>
      </c>
      <c r="B132289" s="14" t="s">
        <v>1</v>
      </c>
      <c r="C132289" s="14" t="s">
        <v>596</v>
      </c>
      <c r="D132289" s="14" t="s">
        <v>18</v>
      </c>
      <c r="E132289" s="15">
        <v>45535</v>
      </c>
      <c r="F132289" s="14" t="s">
        <v>15</v>
      </c>
      <c r="G132289" s="16">
        <v>0</v>
      </c>
    </row>
    <row r="132290" spans="1:7" x14ac:dyDescent="0.3">
      <c r="A132290" s="13" t="s">
        <v>600</v>
      </c>
      <c r="B132290" s="14" t="s">
        <v>1</v>
      </c>
      <c r="C132290" s="14" t="s">
        <v>596</v>
      </c>
      <c r="D132290" s="14" t="s">
        <v>18</v>
      </c>
      <c r="E132290" s="15">
        <v>45536</v>
      </c>
      <c r="F132290" s="14" t="s">
        <v>15</v>
      </c>
      <c r="G132290" s="16">
        <v>0</v>
      </c>
    </row>
    <row r="132291" spans="1:7" x14ac:dyDescent="0.3">
      <c r="A132291" s="13" t="s">
        <v>600</v>
      </c>
      <c r="B132291" s="14" t="s">
        <v>1</v>
      </c>
      <c r="C132291" s="14" t="s">
        <v>596</v>
      </c>
      <c r="D132291" s="14" t="s">
        <v>18</v>
      </c>
      <c r="E132291" s="15">
        <v>45537</v>
      </c>
      <c r="F132291" s="14" t="s">
        <v>15</v>
      </c>
      <c r="G132291" s="16">
        <v>0</v>
      </c>
    </row>
    <row r="132292" spans="1:7" x14ac:dyDescent="0.3">
      <c r="A132292" s="13" t="s">
        <v>600</v>
      </c>
      <c r="B132292" s="14" t="s">
        <v>1</v>
      </c>
      <c r="C132292" s="14" t="s">
        <v>596</v>
      </c>
      <c r="D132292" s="14" t="s">
        <v>18</v>
      </c>
      <c r="E132292" s="15">
        <v>45538</v>
      </c>
      <c r="F132292" s="14" t="s">
        <v>15</v>
      </c>
      <c r="G132292" s="16">
        <v>0</v>
      </c>
    </row>
    <row r="132293" spans="1:7" x14ac:dyDescent="0.3">
      <c r="A132293" s="13" t="s">
        <v>600</v>
      </c>
      <c r="B132293" s="14" t="s">
        <v>1</v>
      </c>
      <c r="C132293" s="14" t="s">
        <v>596</v>
      </c>
      <c r="D132293" s="14" t="s">
        <v>18</v>
      </c>
      <c r="E132293" s="15">
        <v>45539</v>
      </c>
      <c r="F132293" s="14" t="s">
        <v>15</v>
      </c>
      <c r="G132293" s="16">
        <v>0</v>
      </c>
    </row>
    <row r="132294" spans="1:7" x14ac:dyDescent="0.3">
      <c r="A132294" s="13" t="s">
        <v>600</v>
      </c>
      <c r="B132294" s="14" t="s">
        <v>1</v>
      </c>
      <c r="C132294" s="14" t="s">
        <v>596</v>
      </c>
      <c r="D132294" s="14" t="s">
        <v>18</v>
      </c>
      <c r="E132294" s="15">
        <v>45540</v>
      </c>
      <c r="F132294" s="14" t="s">
        <v>15</v>
      </c>
      <c r="G132294" s="16">
        <v>0</v>
      </c>
    </row>
    <row r="132295" spans="1:7" x14ac:dyDescent="0.3">
      <c r="A132295" s="13" t="s">
        <v>600</v>
      </c>
      <c r="B132295" s="14" t="s">
        <v>1</v>
      </c>
      <c r="C132295" s="14" t="s">
        <v>596</v>
      </c>
      <c r="D132295" s="14" t="s">
        <v>18</v>
      </c>
      <c r="E132295" s="15">
        <v>45541</v>
      </c>
      <c r="F132295" s="14" t="s">
        <v>15</v>
      </c>
      <c r="G132295" s="16">
        <v>0</v>
      </c>
    </row>
    <row r="132296" spans="1:7" x14ac:dyDescent="0.3">
      <c r="A132296" s="13" t="s">
        <v>600</v>
      </c>
      <c r="B132296" s="14" t="s">
        <v>1</v>
      </c>
      <c r="C132296" s="14" t="s">
        <v>596</v>
      </c>
      <c r="D132296" s="14" t="s">
        <v>18</v>
      </c>
      <c r="E132296" s="15">
        <v>45542</v>
      </c>
      <c r="F132296" s="14" t="s">
        <v>15</v>
      </c>
      <c r="G132296" s="16">
        <v>0</v>
      </c>
    </row>
    <row r="132297" spans="1:7" x14ac:dyDescent="0.3">
      <c r="A132297" s="13" t="s">
        <v>600</v>
      </c>
      <c r="B132297" s="14" t="s">
        <v>1</v>
      </c>
      <c r="C132297" s="14" t="s">
        <v>596</v>
      </c>
      <c r="D132297" s="14" t="s">
        <v>18</v>
      </c>
      <c r="E132297" s="15">
        <v>45543</v>
      </c>
      <c r="F132297" s="14" t="s">
        <v>15</v>
      </c>
      <c r="G132297" s="16">
        <v>0</v>
      </c>
    </row>
    <row r="132298" spans="1:7" x14ac:dyDescent="0.3">
      <c r="A132298" s="13" t="s">
        <v>600</v>
      </c>
      <c r="B132298" s="14" t="s">
        <v>1</v>
      </c>
      <c r="C132298" s="14" t="s">
        <v>596</v>
      </c>
      <c r="D132298" s="14" t="s">
        <v>18</v>
      </c>
      <c r="E132298" s="15">
        <v>45544</v>
      </c>
      <c r="F132298" s="14" t="s">
        <v>15</v>
      </c>
      <c r="G132298" s="16">
        <v>0</v>
      </c>
    </row>
    <row r="132299" spans="1:7" x14ac:dyDescent="0.3">
      <c r="A132299" s="13" t="s">
        <v>600</v>
      </c>
      <c r="B132299" s="14" t="s">
        <v>1</v>
      </c>
      <c r="C132299" s="14" t="s">
        <v>596</v>
      </c>
      <c r="D132299" s="14" t="s">
        <v>18</v>
      </c>
      <c r="E132299" s="15">
        <v>45545</v>
      </c>
      <c r="F132299" s="14" t="s">
        <v>15</v>
      </c>
      <c r="G132299" s="16">
        <v>0</v>
      </c>
    </row>
    <row r="132300" spans="1:7" x14ac:dyDescent="0.3">
      <c r="A132300" s="13" t="s">
        <v>600</v>
      </c>
      <c r="B132300" s="14" t="s">
        <v>1</v>
      </c>
      <c r="C132300" s="14" t="s">
        <v>596</v>
      </c>
      <c r="D132300" s="14" t="s">
        <v>18</v>
      </c>
      <c r="E132300" s="15">
        <v>45546</v>
      </c>
      <c r="F132300" s="14" t="s">
        <v>15</v>
      </c>
      <c r="G132300" s="16">
        <v>0</v>
      </c>
    </row>
    <row r="132301" spans="1:7" x14ac:dyDescent="0.3">
      <c r="A132301" s="13" t="s">
        <v>600</v>
      </c>
      <c r="B132301" s="14" t="s">
        <v>1</v>
      </c>
      <c r="C132301" s="14" t="s">
        <v>596</v>
      </c>
      <c r="D132301" s="14" t="s">
        <v>18</v>
      </c>
      <c r="E132301" s="15">
        <v>45547</v>
      </c>
      <c r="F132301" s="14" t="s">
        <v>15</v>
      </c>
      <c r="G132301" s="16">
        <v>0</v>
      </c>
    </row>
    <row r="132302" spans="1:7" x14ac:dyDescent="0.3">
      <c r="A132302" s="13" t="s">
        <v>600</v>
      </c>
      <c r="B132302" s="14" t="s">
        <v>1</v>
      </c>
      <c r="C132302" s="14" t="s">
        <v>596</v>
      </c>
      <c r="D132302" s="14" t="s">
        <v>18</v>
      </c>
      <c r="E132302" s="15">
        <v>45548</v>
      </c>
      <c r="F132302" s="14" t="s">
        <v>15</v>
      </c>
      <c r="G132302" s="16">
        <v>0</v>
      </c>
    </row>
    <row r="132303" spans="1:7" x14ac:dyDescent="0.3">
      <c r="A132303" s="13" t="s">
        <v>600</v>
      </c>
      <c r="B132303" s="14" t="s">
        <v>1</v>
      </c>
      <c r="C132303" s="14" t="s">
        <v>596</v>
      </c>
      <c r="D132303" s="14" t="s">
        <v>18</v>
      </c>
      <c r="E132303" s="15">
        <v>45549</v>
      </c>
      <c r="F132303" s="14" t="s">
        <v>15</v>
      </c>
      <c r="G132303" s="16">
        <v>0</v>
      </c>
    </row>
    <row r="132304" spans="1:7" x14ac:dyDescent="0.3">
      <c r="A132304" s="13" t="s">
        <v>600</v>
      </c>
      <c r="B132304" s="14" t="s">
        <v>1</v>
      </c>
      <c r="C132304" s="14" t="s">
        <v>596</v>
      </c>
      <c r="D132304" s="14" t="s">
        <v>18</v>
      </c>
      <c r="E132304" s="15">
        <v>45550</v>
      </c>
      <c r="F132304" s="14" t="s">
        <v>15</v>
      </c>
      <c r="G132304" s="16">
        <v>0</v>
      </c>
    </row>
    <row r="132305" spans="1:7" x14ac:dyDescent="0.3">
      <c r="A132305" s="13" t="s">
        <v>600</v>
      </c>
      <c r="B132305" s="14" t="s">
        <v>1</v>
      </c>
      <c r="C132305" s="14" t="s">
        <v>596</v>
      </c>
      <c r="D132305" s="14" t="s">
        <v>18</v>
      </c>
      <c r="E132305" s="15">
        <v>45551</v>
      </c>
      <c r="F132305" s="14" t="s">
        <v>15</v>
      </c>
      <c r="G132305" s="16">
        <v>0</v>
      </c>
    </row>
    <row r="132306" spans="1:7" x14ac:dyDescent="0.3">
      <c r="A132306" s="13" t="s">
        <v>600</v>
      </c>
      <c r="B132306" s="14" t="s">
        <v>1</v>
      </c>
      <c r="C132306" s="14" t="s">
        <v>596</v>
      </c>
      <c r="D132306" s="14" t="s">
        <v>18</v>
      </c>
      <c r="E132306" s="15">
        <v>45552</v>
      </c>
      <c r="F132306" s="14" t="s">
        <v>15</v>
      </c>
      <c r="G132306" s="16">
        <v>0</v>
      </c>
    </row>
    <row r="132307" spans="1:7" x14ac:dyDescent="0.3">
      <c r="A132307" s="13" t="s">
        <v>600</v>
      </c>
      <c r="B132307" s="14" t="s">
        <v>1</v>
      </c>
      <c r="C132307" s="14" t="s">
        <v>596</v>
      </c>
      <c r="D132307" s="14" t="s">
        <v>18</v>
      </c>
      <c r="E132307" s="15">
        <v>45553</v>
      </c>
      <c r="F132307" s="14" t="s">
        <v>15</v>
      </c>
      <c r="G132307" s="16">
        <v>0</v>
      </c>
    </row>
    <row r="132308" spans="1:7" x14ac:dyDescent="0.3">
      <c r="A132308" s="13" t="s">
        <v>600</v>
      </c>
      <c r="B132308" s="14" t="s">
        <v>1</v>
      </c>
      <c r="C132308" s="14" t="s">
        <v>596</v>
      </c>
      <c r="D132308" s="14" t="s">
        <v>18</v>
      </c>
      <c r="E132308" s="15">
        <v>45554</v>
      </c>
      <c r="F132308" s="14" t="s">
        <v>15</v>
      </c>
      <c r="G132308" s="16">
        <v>0</v>
      </c>
    </row>
    <row r="132309" spans="1:7" x14ac:dyDescent="0.3">
      <c r="A132309" s="13" t="s">
        <v>600</v>
      </c>
      <c r="B132309" s="14" t="s">
        <v>1</v>
      </c>
      <c r="C132309" s="14" t="s">
        <v>596</v>
      </c>
      <c r="D132309" s="14" t="s">
        <v>18</v>
      </c>
      <c r="E132309" s="15">
        <v>45555</v>
      </c>
      <c r="F132309" s="14" t="s">
        <v>15</v>
      </c>
      <c r="G132309" s="16">
        <v>0</v>
      </c>
    </row>
    <row r="132310" spans="1:7" x14ac:dyDescent="0.3">
      <c r="A132310" s="13" t="s">
        <v>600</v>
      </c>
      <c r="B132310" s="14" t="s">
        <v>1</v>
      </c>
      <c r="C132310" s="14" t="s">
        <v>596</v>
      </c>
      <c r="D132310" s="14" t="s">
        <v>18</v>
      </c>
      <c r="E132310" s="15">
        <v>45556</v>
      </c>
      <c r="F132310" s="14" t="s">
        <v>15</v>
      </c>
      <c r="G132310" s="16">
        <v>0</v>
      </c>
    </row>
    <row r="132311" spans="1:7" x14ac:dyDescent="0.3">
      <c r="A132311" s="13" t="s">
        <v>600</v>
      </c>
      <c r="B132311" s="14" t="s">
        <v>1</v>
      </c>
      <c r="C132311" s="14" t="s">
        <v>596</v>
      </c>
      <c r="D132311" s="14" t="s">
        <v>18</v>
      </c>
      <c r="E132311" s="15">
        <v>45557</v>
      </c>
      <c r="F132311" s="14" t="s">
        <v>15</v>
      </c>
      <c r="G132311" s="16">
        <v>0</v>
      </c>
    </row>
    <row r="132312" spans="1:7" x14ac:dyDescent="0.3">
      <c r="A132312" s="13" t="s">
        <v>600</v>
      </c>
      <c r="B132312" s="14" t="s">
        <v>1</v>
      </c>
      <c r="C132312" s="14" t="s">
        <v>596</v>
      </c>
      <c r="D132312" s="14" t="s">
        <v>18</v>
      </c>
      <c r="E132312" s="15">
        <v>45558</v>
      </c>
      <c r="F132312" s="14" t="s">
        <v>15</v>
      </c>
      <c r="G132312" s="16">
        <v>0</v>
      </c>
    </row>
    <row r="132313" spans="1:7" x14ac:dyDescent="0.3">
      <c r="A132313" s="13" t="s">
        <v>600</v>
      </c>
      <c r="B132313" s="14" t="s">
        <v>1</v>
      </c>
      <c r="C132313" s="14" t="s">
        <v>596</v>
      </c>
      <c r="D132313" s="14" t="s">
        <v>18</v>
      </c>
      <c r="E132313" s="15">
        <v>45559</v>
      </c>
      <c r="F132313" s="14" t="s">
        <v>15</v>
      </c>
      <c r="G132313" s="16">
        <v>0</v>
      </c>
    </row>
    <row r="132314" spans="1:7" x14ac:dyDescent="0.3">
      <c r="A132314" s="13" t="s">
        <v>600</v>
      </c>
      <c r="B132314" s="14" t="s">
        <v>1</v>
      </c>
      <c r="C132314" s="14" t="s">
        <v>596</v>
      </c>
      <c r="D132314" s="14" t="s">
        <v>18</v>
      </c>
      <c r="E132314" s="15">
        <v>45560</v>
      </c>
      <c r="F132314" s="14" t="s">
        <v>15</v>
      </c>
      <c r="G132314" s="16">
        <v>0</v>
      </c>
    </row>
    <row r="132315" spans="1:7" x14ac:dyDescent="0.3">
      <c r="A132315" s="13" t="s">
        <v>600</v>
      </c>
      <c r="B132315" s="14" t="s">
        <v>1</v>
      </c>
      <c r="C132315" s="14" t="s">
        <v>596</v>
      </c>
      <c r="D132315" s="14" t="s">
        <v>18</v>
      </c>
      <c r="E132315" s="15">
        <v>45561</v>
      </c>
      <c r="F132315" s="14" t="s">
        <v>15</v>
      </c>
      <c r="G132315" s="16">
        <v>0</v>
      </c>
    </row>
    <row r="132316" spans="1:7" x14ac:dyDescent="0.3">
      <c r="A132316" s="13" t="s">
        <v>600</v>
      </c>
      <c r="B132316" s="14" t="s">
        <v>1</v>
      </c>
      <c r="C132316" s="14" t="s">
        <v>596</v>
      </c>
      <c r="D132316" s="14" t="s">
        <v>18</v>
      </c>
      <c r="E132316" s="15">
        <v>45562</v>
      </c>
      <c r="F132316" s="14" t="s">
        <v>15</v>
      </c>
      <c r="G132316" s="16">
        <v>0</v>
      </c>
    </row>
    <row r="132317" spans="1:7" x14ac:dyDescent="0.3">
      <c r="A132317" s="13" t="s">
        <v>600</v>
      </c>
      <c r="B132317" s="14" t="s">
        <v>1</v>
      </c>
      <c r="C132317" s="14" t="s">
        <v>596</v>
      </c>
      <c r="D132317" s="14" t="s">
        <v>18</v>
      </c>
      <c r="E132317" s="15">
        <v>45563</v>
      </c>
      <c r="F132317" s="14" t="s">
        <v>15</v>
      </c>
      <c r="G132317" s="16">
        <v>0</v>
      </c>
    </row>
    <row r="132318" spans="1:7" x14ac:dyDescent="0.3">
      <c r="A132318" s="13" t="s">
        <v>600</v>
      </c>
      <c r="B132318" s="14" t="s">
        <v>1</v>
      </c>
      <c r="C132318" s="14" t="s">
        <v>596</v>
      </c>
      <c r="D132318" s="14" t="s">
        <v>18</v>
      </c>
      <c r="E132318" s="15">
        <v>45564</v>
      </c>
      <c r="F132318" s="14" t="s">
        <v>15</v>
      </c>
      <c r="G132318" s="16">
        <v>0</v>
      </c>
    </row>
    <row r="132319" spans="1:7" x14ac:dyDescent="0.3">
      <c r="A132319" s="13" t="s">
        <v>600</v>
      </c>
      <c r="B132319" s="14" t="s">
        <v>1</v>
      </c>
      <c r="C132319" s="14" t="s">
        <v>596</v>
      </c>
      <c r="D132319" s="14" t="s">
        <v>18</v>
      </c>
      <c r="E132319" s="15">
        <v>45565</v>
      </c>
      <c r="F132319" s="14" t="s">
        <v>15</v>
      </c>
      <c r="G132319" s="16">
        <v>0</v>
      </c>
    </row>
    <row r="132320" spans="1:7" x14ac:dyDescent="0.3">
      <c r="A132320" s="13" t="s">
        <v>600</v>
      </c>
      <c r="B132320" s="14" t="s">
        <v>1</v>
      </c>
      <c r="C132320" s="14" t="s">
        <v>596</v>
      </c>
      <c r="D132320" s="14" t="s">
        <v>18</v>
      </c>
      <c r="E132320" s="15">
        <v>45566</v>
      </c>
      <c r="F132320" s="14" t="s">
        <v>15</v>
      </c>
      <c r="G132320" s="16">
        <v>0</v>
      </c>
    </row>
    <row r="132321" spans="1:7" x14ac:dyDescent="0.3">
      <c r="A132321" s="13" t="s">
        <v>600</v>
      </c>
      <c r="B132321" s="14" t="s">
        <v>1</v>
      </c>
      <c r="C132321" s="14" t="s">
        <v>596</v>
      </c>
      <c r="D132321" s="14" t="s">
        <v>18</v>
      </c>
      <c r="E132321" s="15">
        <v>45567</v>
      </c>
      <c r="F132321" s="14" t="s">
        <v>15</v>
      </c>
      <c r="G132321" s="16">
        <v>0</v>
      </c>
    </row>
    <row r="132322" spans="1:7" x14ac:dyDescent="0.3">
      <c r="A132322" s="13" t="s">
        <v>600</v>
      </c>
      <c r="B132322" s="14" t="s">
        <v>1</v>
      </c>
      <c r="C132322" s="14" t="s">
        <v>596</v>
      </c>
      <c r="D132322" s="14" t="s">
        <v>18</v>
      </c>
      <c r="E132322" s="15">
        <v>45568</v>
      </c>
      <c r="F132322" s="14" t="s">
        <v>15</v>
      </c>
      <c r="G132322" s="16">
        <v>0</v>
      </c>
    </row>
    <row r="132323" spans="1:7" x14ac:dyDescent="0.3">
      <c r="A132323" s="13" t="s">
        <v>600</v>
      </c>
      <c r="B132323" s="14" t="s">
        <v>1</v>
      </c>
      <c r="C132323" s="14" t="s">
        <v>596</v>
      </c>
      <c r="D132323" s="14" t="s">
        <v>18</v>
      </c>
      <c r="E132323" s="15">
        <v>45569</v>
      </c>
      <c r="F132323" s="14" t="s">
        <v>15</v>
      </c>
      <c r="G132323" s="16">
        <v>0</v>
      </c>
    </row>
    <row r="132324" spans="1:7" x14ac:dyDescent="0.3">
      <c r="A132324" s="13" t="s">
        <v>600</v>
      </c>
      <c r="B132324" s="14" t="s">
        <v>1</v>
      </c>
      <c r="C132324" s="14" t="s">
        <v>596</v>
      </c>
      <c r="D132324" s="14" t="s">
        <v>18</v>
      </c>
      <c r="E132324" s="15">
        <v>45570</v>
      </c>
      <c r="F132324" s="14" t="s">
        <v>15</v>
      </c>
      <c r="G132324" s="16">
        <v>0</v>
      </c>
    </row>
    <row r="132325" spans="1:7" x14ac:dyDescent="0.3">
      <c r="A132325" s="13" t="s">
        <v>600</v>
      </c>
      <c r="B132325" s="14" t="s">
        <v>1</v>
      </c>
      <c r="C132325" s="14" t="s">
        <v>596</v>
      </c>
      <c r="D132325" s="14" t="s">
        <v>18</v>
      </c>
      <c r="E132325" s="15">
        <v>45571</v>
      </c>
      <c r="F132325" s="14" t="s">
        <v>15</v>
      </c>
      <c r="G132325" s="16">
        <v>0</v>
      </c>
    </row>
    <row r="132326" spans="1:7" x14ac:dyDescent="0.3">
      <c r="A132326" s="13" t="s">
        <v>600</v>
      </c>
      <c r="B132326" s="14" t="s">
        <v>1</v>
      </c>
      <c r="C132326" s="14" t="s">
        <v>596</v>
      </c>
      <c r="D132326" s="14" t="s">
        <v>18</v>
      </c>
      <c r="E132326" s="15">
        <v>45572</v>
      </c>
      <c r="F132326" s="14" t="s">
        <v>15</v>
      </c>
      <c r="G132326" s="16">
        <v>0</v>
      </c>
    </row>
    <row r="132327" spans="1:7" x14ac:dyDescent="0.3">
      <c r="A132327" s="13" t="s">
        <v>600</v>
      </c>
      <c r="B132327" s="14" t="s">
        <v>1</v>
      </c>
      <c r="C132327" s="14" t="s">
        <v>596</v>
      </c>
      <c r="D132327" s="14" t="s">
        <v>18</v>
      </c>
      <c r="E132327" s="15">
        <v>45573</v>
      </c>
      <c r="F132327" s="14" t="s">
        <v>15</v>
      </c>
      <c r="G132327" s="16">
        <v>0</v>
      </c>
    </row>
    <row r="132328" spans="1:7" x14ac:dyDescent="0.3">
      <c r="A132328" s="13" t="s">
        <v>600</v>
      </c>
      <c r="B132328" s="14" t="s">
        <v>1</v>
      </c>
      <c r="C132328" s="14" t="s">
        <v>596</v>
      </c>
      <c r="D132328" s="14" t="s">
        <v>18</v>
      </c>
      <c r="E132328" s="15">
        <v>45574</v>
      </c>
      <c r="F132328" s="14" t="s">
        <v>15</v>
      </c>
      <c r="G132328" s="16">
        <v>0</v>
      </c>
    </row>
    <row r="132329" spans="1:7" x14ac:dyDescent="0.3">
      <c r="A132329" s="13" t="s">
        <v>600</v>
      </c>
      <c r="B132329" s="14" t="s">
        <v>1</v>
      </c>
      <c r="C132329" s="14" t="s">
        <v>596</v>
      </c>
      <c r="D132329" s="14" t="s">
        <v>18</v>
      </c>
      <c r="E132329" s="15">
        <v>45575</v>
      </c>
      <c r="F132329" s="14" t="s">
        <v>15</v>
      </c>
      <c r="G132329" s="16">
        <v>0</v>
      </c>
    </row>
    <row r="132330" spans="1:7" x14ac:dyDescent="0.3">
      <c r="A132330" s="13" t="s">
        <v>600</v>
      </c>
      <c r="B132330" s="14" t="s">
        <v>1</v>
      </c>
      <c r="C132330" s="14" t="s">
        <v>596</v>
      </c>
      <c r="D132330" s="14" t="s">
        <v>18</v>
      </c>
      <c r="E132330" s="15">
        <v>45576</v>
      </c>
      <c r="F132330" s="14" t="s">
        <v>15</v>
      </c>
      <c r="G132330" s="16">
        <v>0</v>
      </c>
    </row>
    <row r="132331" spans="1:7" x14ac:dyDescent="0.3">
      <c r="A132331" s="13" t="s">
        <v>600</v>
      </c>
      <c r="B132331" s="14" t="s">
        <v>1</v>
      </c>
      <c r="C132331" s="14" t="s">
        <v>596</v>
      </c>
      <c r="D132331" s="14" t="s">
        <v>18</v>
      </c>
      <c r="E132331" s="15">
        <v>45577</v>
      </c>
      <c r="F132331" s="14" t="s">
        <v>15</v>
      </c>
      <c r="G132331" s="16">
        <v>0</v>
      </c>
    </row>
    <row r="132332" spans="1:7" x14ac:dyDescent="0.3">
      <c r="A132332" s="13" t="s">
        <v>600</v>
      </c>
      <c r="B132332" s="14" t="s">
        <v>1</v>
      </c>
      <c r="C132332" s="14" t="s">
        <v>596</v>
      </c>
      <c r="D132332" s="14" t="s">
        <v>18</v>
      </c>
      <c r="E132332" s="15">
        <v>45578</v>
      </c>
      <c r="F132332" s="14" t="s">
        <v>15</v>
      </c>
      <c r="G132332" s="16">
        <v>0</v>
      </c>
    </row>
    <row r="132333" spans="1:7" x14ac:dyDescent="0.3">
      <c r="A132333" s="13" t="s">
        <v>600</v>
      </c>
      <c r="B132333" s="14" t="s">
        <v>1</v>
      </c>
      <c r="C132333" s="14" t="s">
        <v>596</v>
      </c>
      <c r="D132333" s="14" t="s">
        <v>18</v>
      </c>
      <c r="E132333" s="15">
        <v>45579</v>
      </c>
      <c r="F132333" s="14" t="s">
        <v>15</v>
      </c>
      <c r="G132333" s="16">
        <v>0</v>
      </c>
    </row>
    <row r="132334" spans="1:7" x14ac:dyDescent="0.3">
      <c r="A132334" s="13" t="s">
        <v>600</v>
      </c>
      <c r="B132334" s="14" t="s">
        <v>1</v>
      </c>
      <c r="C132334" s="14" t="s">
        <v>596</v>
      </c>
      <c r="D132334" s="14" t="s">
        <v>18</v>
      </c>
      <c r="E132334" s="15">
        <v>45580</v>
      </c>
      <c r="F132334" s="14" t="s">
        <v>15</v>
      </c>
      <c r="G132334" s="16">
        <v>0</v>
      </c>
    </row>
    <row r="132335" spans="1:7" x14ac:dyDescent="0.3">
      <c r="A132335" s="13" t="s">
        <v>600</v>
      </c>
      <c r="B132335" s="14" t="s">
        <v>1</v>
      </c>
      <c r="C132335" s="14" t="s">
        <v>596</v>
      </c>
      <c r="D132335" s="14" t="s">
        <v>18</v>
      </c>
      <c r="E132335" s="15">
        <v>45581</v>
      </c>
      <c r="F132335" s="14" t="s">
        <v>15</v>
      </c>
      <c r="G132335" s="16">
        <v>0</v>
      </c>
    </row>
    <row r="132336" spans="1:7" x14ac:dyDescent="0.3">
      <c r="A132336" s="13" t="s">
        <v>600</v>
      </c>
      <c r="B132336" s="14" t="s">
        <v>1</v>
      </c>
      <c r="C132336" s="14" t="s">
        <v>596</v>
      </c>
      <c r="D132336" s="14" t="s">
        <v>18</v>
      </c>
      <c r="E132336" s="15">
        <v>45582</v>
      </c>
      <c r="F132336" s="14" t="s">
        <v>15</v>
      </c>
      <c r="G132336" s="16">
        <v>0</v>
      </c>
    </row>
    <row r="132337" spans="1:7" x14ac:dyDescent="0.3">
      <c r="A132337" s="13" t="s">
        <v>600</v>
      </c>
      <c r="B132337" s="14" t="s">
        <v>1</v>
      </c>
      <c r="C132337" s="14" t="s">
        <v>596</v>
      </c>
      <c r="D132337" s="14" t="s">
        <v>18</v>
      </c>
      <c r="E132337" s="15">
        <v>45583</v>
      </c>
      <c r="F132337" s="14" t="s">
        <v>15</v>
      </c>
      <c r="G132337" s="16">
        <v>0</v>
      </c>
    </row>
    <row r="132338" spans="1:7" x14ac:dyDescent="0.3">
      <c r="A132338" s="13" t="s">
        <v>600</v>
      </c>
      <c r="B132338" s="14" t="s">
        <v>1</v>
      </c>
      <c r="C132338" s="14" t="s">
        <v>596</v>
      </c>
      <c r="D132338" s="14" t="s">
        <v>18</v>
      </c>
      <c r="E132338" s="15">
        <v>45584</v>
      </c>
      <c r="F132338" s="14" t="s">
        <v>15</v>
      </c>
      <c r="G132338" s="16">
        <v>0</v>
      </c>
    </row>
    <row r="132339" spans="1:7" x14ac:dyDescent="0.3">
      <c r="A132339" s="13" t="s">
        <v>600</v>
      </c>
      <c r="B132339" s="14" t="s">
        <v>1</v>
      </c>
      <c r="C132339" s="14" t="s">
        <v>596</v>
      </c>
      <c r="D132339" s="14" t="s">
        <v>18</v>
      </c>
      <c r="E132339" s="15">
        <v>45585</v>
      </c>
      <c r="F132339" s="14" t="s">
        <v>15</v>
      </c>
      <c r="G132339" s="16">
        <v>0</v>
      </c>
    </row>
    <row r="132340" spans="1:7" x14ac:dyDescent="0.3">
      <c r="A132340" s="13" t="s">
        <v>600</v>
      </c>
      <c r="B132340" s="14" t="s">
        <v>1</v>
      </c>
      <c r="C132340" s="14" t="s">
        <v>596</v>
      </c>
      <c r="D132340" s="14" t="s">
        <v>18</v>
      </c>
      <c r="E132340" s="15">
        <v>45586</v>
      </c>
      <c r="F132340" s="14" t="s">
        <v>15</v>
      </c>
      <c r="G132340" s="16">
        <v>0</v>
      </c>
    </row>
    <row r="132341" spans="1:7" x14ac:dyDescent="0.3">
      <c r="A132341" s="13" t="s">
        <v>600</v>
      </c>
      <c r="B132341" s="14" t="s">
        <v>1</v>
      </c>
      <c r="C132341" s="14" t="s">
        <v>596</v>
      </c>
      <c r="D132341" s="14" t="s">
        <v>18</v>
      </c>
      <c r="E132341" s="15">
        <v>45587</v>
      </c>
      <c r="F132341" s="14" t="s">
        <v>15</v>
      </c>
      <c r="G132341" s="16">
        <v>0</v>
      </c>
    </row>
    <row r="132342" spans="1:7" x14ac:dyDescent="0.3">
      <c r="A132342" s="13" t="s">
        <v>600</v>
      </c>
      <c r="B132342" s="14" t="s">
        <v>1</v>
      </c>
      <c r="C132342" s="14" t="s">
        <v>596</v>
      </c>
      <c r="D132342" s="14" t="s">
        <v>18</v>
      </c>
      <c r="E132342" s="15">
        <v>45588</v>
      </c>
      <c r="F132342" s="14" t="s">
        <v>15</v>
      </c>
      <c r="G132342" s="16">
        <v>0</v>
      </c>
    </row>
    <row r="132343" spans="1:7" x14ac:dyDescent="0.3">
      <c r="A132343" s="13" t="s">
        <v>600</v>
      </c>
      <c r="B132343" s="14" t="s">
        <v>1</v>
      </c>
      <c r="C132343" s="14" t="s">
        <v>596</v>
      </c>
      <c r="D132343" s="14" t="s">
        <v>18</v>
      </c>
      <c r="E132343" s="15">
        <v>45589</v>
      </c>
      <c r="F132343" s="14" t="s">
        <v>15</v>
      </c>
      <c r="G132343" s="16">
        <v>0</v>
      </c>
    </row>
    <row r="132344" spans="1:7" x14ac:dyDescent="0.3">
      <c r="A132344" s="13" t="s">
        <v>600</v>
      </c>
      <c r="B132344" s="14" t="s">
        <v>1</v>
      </c>
      <c r="C132344" s="14" t="s">
        <v>596</v>
      </c>
      <c r="D132344" s="14" t="s">
        <v>18</v>
      </c>
      <c r="E132344" s="15">
        <v>45590</v>
      </c>
      <c r="F132344" s="14" t="s">
        <v>15</v>
      </c>
      <c r="G132344" s="16">
        <v>0</v>
      </c>
    </row>
    <row r="132345" spans="1:7" x14ac:dyDescent="0.3">
      <c r="A132345" s="13" t="s">
        <v>600</v>
      </c>
      <c r="B132345" s="14" t="s">
        <v>1</v>
      </c>
      <c r="C132345" s="14" t="s">
        <v>596</v>
      </c>
      <c r="D132345" s="14" t="s">
        <v>18</v>
      </c>
      <c r="E132345" s="15">
        <v>45591</v>
      </c>
      <c r="F132345" s="14" t="s">
        <v>15</v>
      </c>
      <c r="G132345" s="16">
        <v>0</v>
      </c>
    </row>
    <row r="132346" spans="1:7" x14ac:dyDescent="0.3">
      <c r="A132346" s="13" t="s">
        <v>600</v>
      </c>
      <c r="B132346" s="14" t="s">
        <v>1</v>
      </c>
      <c r="C132346" s="14" t="s">
        <v>596</v>
      </c>
      <c r="D132346" s="14" t="s">
        <v>18</v>
      </c>
      <c r="E132346" s="15">
        <v>45592</v>
      </c>
      <c r="F132346" s="14" t="s">
        <v>15</v>
      </c>
      <c r="G132346" s="16">
        <v>0</v>
      </c>
    </row>
    <row r="132347" spans="1:7" x14ac:dyDescent="0.3">
      <c r="A132347" s="13" t="s">
        <v>600</v>
      </c>
      <c r="B132347" s="14" t="s">
        <v>1</v>
      </c>
      <c r="C132347" s="14" t="s">
        <v>596</v>
      </c>
      <c r="D132347" s="14" t="s">
        <v>18</v>
      </c>
      <c r="E132347" s="15">
        <v>45593</v>
      </c>
      <c r="F132347" s="14" t="s">
        <v>15</v>
      </c>
      <c r="G132347" s="16">
        <v>0</v>
      </c>
    </row>
    <row r="132348" spans="1:7" x14ac:dyDescent="0.3">
      <c r="A132348" s="13" t="s">
        <v>600</v>
      </c>
      <c r="B132348" s="14" t="s">
        <v>1</v>
      </c>
      <c r="C132348" s="14" t="s">
        <v>596</v>
      </c>
      <c r="D132348" s="14" t="s">
        <v>18</v>
      </c>
      <c r="E132348" s="15">
        <v>45594</v>
      </c>
      <c r="F132348" s="14" t="s">
        <v>15</v>
      </c>
      <c r="G132348" s="16">
        <v>0</v>
      </c>
    </row>
    <row r="132349" spans="1:7" x14ac:dyDescent="0.3">
      <c r="A132349" s="13" t="s">
        <v>600</v>
      </c>
      <c r="B132349" s="14" t="s">
        <v>1</v>
      </c>
      <c r="C132349" s="14" t="s">
        <v>596</v>
      </c>
      <c r="D132349" s="14" t="s">
        <v>18</v>
      </c>
      <c r="E132349" s="15">
        <v>45595</v>
      </c>
      <c r="F132349" s="14" t="s">
        <v>15</v>
      </c>
      <c r="G132349" s="16">
        <v>0</v>
      </c>
    </row>
    <row r="132350" spans="1:7" x14ac:dyDescent="0.3">
      <c r="A132350" s="13" t="s">
        <v>600</v>
      </c>
      <c r="B132350" s="14" t="s">
        <v>1</v>
      </c>
      <c r="C132350" s="14" t="s">
        <v>596</v>
      </c>
      <c r="D132350" s="14" t="s">
        <v>18</v>
      </c>
      <c r="E132350" s="15">
        <v>45596</v>
      </c>
      <c r="F132350" s="14" t="s">
        <v>15</v>
      </c>
      <c r="G132350" s="16">
        <v>0</v>
      </c>
    </row>
    <row r="132351" spans="1:7" x14ac:dyDescent="0.3">
      <c r="A132351" s="13" t="s">
        <v>600</v>
      </c>
      <c r="B132351" s="14" t="s">
        <v>1</v>
      </c>
      <c r="C132351" s="14" t="s">
        <v>596</v>
      </c>
      <c r="D132351" s="14" t="s">
        <v>18</v>
      </c>
      <c r="E132351" s="15">
        <v>45597</v>
      </c>
      <c r="F132351" s="14" t="s">
        <v>15</v>
      </c>
      <c r="G132351" s="16">
        <v>0</v>
      </c>
    </row>
    <row r="132352" spans="1:7" x14ac:dyDescent="0.3">
      <c r="A132352" s="13" t="s">
        <v>600</v>
      </c>
      <c r="B132352" s="14" t="s">
        <v>1</v>
      </c>
      <c r="C132352" s="14" t="s">
        <v>596</v>
      </c>
      <c r="D132352" s="14" t="s">
        <v>18</v>
      </c>
      <c r="E132352" s="15">
        <v>45598</v>
      </c>
      <c r="F132352" s="14" t="s">
        <v>15</v>
      </c>
      <c r="G132352" s="16">
        <v>0</v>
      </c>
    </row>
    <row r="132353" spans="1:7" x14ac:dyDescent="0.3">
      <c r="A132353" s="13" t="s">
        <v>600</v>
      </c>
      <c r="B132353" s="14" t="s">
        <v>1</v>
      </c>
      <c r="C132353" s="14" t="s">
        <v>596</v>
      </c>
      <c r="D132353" s="14" t="s">
        <v>18</v>
      </c>
      <c r="E132353" s="15">
        <v>45599</v>
      </c>
      <c r="F132353" s="14" t="s">
        <v>15</v>
      </c>
      <c r="G132353" s="16">
        <v>0</v>
      </c>
    </row>
    <row r="132354" spans="1:7" x14ac:dyDescent="0.3">
      <c r="A132354" s="13" t="s">
        <v>600</v>
      </c>
      <c r="B132354" s="14" t="s">
        <v>1</v>
      </c>
      <c r="C132354" s="14" t="s">
        <v>596</v>
      </c>
      <c r="D132354" s="14" t="s">
        <v>18</v>
      </c>
      <c r="E132354" s="15">
        <v>45600</v>
      </c>
      <c r="F132354" s="14" t="s">
        <v>15</v>
      </c>
      <c r="G132354" s="16">
        <v>0</v>
      </c>
    </row>
    <row r="132355" spans="1:7" x14ac:dyDescent="0.3">
      <c r="A132355" s="13" t="s">
        <v>600</v>
      </c>
      <c r="B132355" s="14" t="s">
        <v>1</v>
      </c>
      <c r="C132355" s="14" t="s">
        <v>596</v>
      </c>
      <c r="D132355" s="14" t="s">
        <v>18</v>
      </c>
      <c r="E132355" s="15">
        <v>45601</v>
      </c>
      <c r="F132355" s="14" t="s">
        <v>15</v>
      </c>
      <c r="G132355" s="16">
        <v>0</v>
      </c>
    </row>
    <row r="132356" spans="1:7" x14ac:dyDescent="0.3">
      <c r="A132356" s="13" t="s">
        <v>600</v>
      </c>
      <c r="B132356" s="14" t="s">
        <v>1</v>
      </c>
      <c r="C132356" s="14" t="s">
        <v>596</v>
      </c>
      <c r="D132356" s="14" t="s">
        <v>18</v>
      </c>
      <c r="E132356" s="15">
        <v>45602</v>
      </c>
      <c r="F132356" s="14" t="s">
        <v>15</v>
      </c>
      <c r="G132356" s="16">
        <v>0</v>
      </c>
    </row>
    <row r="132357" spans="1:7" x14ac:dyDescent="0.3">
      <c r="A132357" s="13" t="s">
        <v>600</v>
      </c>
      <c r="B132357" s="14" t="s">
        <v>1</v>
      </c>
      <c r="C132357" s="14" t="s">
        <v>596</v>
      </c>
      <c r="D132357" s="14" t="s">
        <v>18</v>
      </c>
      <c r="E132357" s="15">
        <v>45603</v>
      </c>
      <c r="F132357" s="14" t="s">
        <v>15</v>
      </c>
      <c r="G132357" s="16">
        <v>0</v>
      </c>
    </row>
    <row r="132358" spans="1:7" x14ac:dyDescent="0.3">
      <c r="A132358" s="13" t="s">
        <v>600</v>
      </c>
      <c r="B132358" s="14" t="s">
        <v>1</v>
      </c>
      <c r="C132358" s="14" t="s">
        <v>596</v>
      </c>
      <c r="D132358" s="14" t="s">
        <v>18</v>
      </c>
      <c r="E132358" s="15">
        <v>45604</v>
      </c>
      <c r="F132358" s="14" t="s">
        <v>15</v>
      </c>
      <c r="G132358" s="16">
        <v>0</v>
      </c>
    </row>
    <row r="132359" spans="1:7" x14ac:dyDescent="0.3">
      <c r="A132359" s="13" t="s">
        <v>600</v>
      </c>
      <c r="B132359" s="14" t="s">
        <v>1</v>
      </c>
      <c r="C132359" s="14" t="s">
        <v>596</v>
      </c>
      <c r="D132359" s="14" t="s">
        <v>18</v>
      </c>
      <c r="E132359" s="15">
        <v>45605</v>
      </c>
      <c r="F132359" s="14" t="s">
        <v>15</v>
      </c>
      <c r="G132359" s="16">
        <v>0</v>
      </c>
    </row>
    <row r="132360" spans="1:7" x14ac:dyDescent="0.3">
      <c r="A132360" s="13" t="s">
        <v>600</v>
      </c>
      <c r="B132360" s="14" t="s">
        <v>1</v>
      </c>
      <c r="C132360" s="14" t="s">
        <v>596</v>
      </c>
      <c r="D132360" s="14" t="s">
        <v>18</v>
      </c>
      <c r="E132360" s="15">
        <v>45606</v>
      </c>
      <c r="F132360" s="14" t="s">
        <v>15</v>
      </c>
      <c r="G132360" s="16">
        <v>0</v>
      </c>
    </row>
    <row r="132361" spans="1:7" x14ac:dyDescent="0.3">
      <c r="A132361" s="13" t="s">
        <v>600</v>
      </c>
      <c r="B132361" s="14" t="s">
        <v>1</v>
      </c>
      <c r="C132361" s="14" t="s">
        <v>596</v>
      </c>
      <c r="D132361" s="14" t="s">
        <v>18</v>
      </c>
      <c r="E132361" s="15">
        <v>45607</v>
      </c>
      <c r="F132361" s="14" t="s">
        <v>15</v>
      </c>
      <c r="G132361" s="16">
        <v>0</v>
      </c>
    </row>
    <row r="132362" spans="1:7" x14ac:dyDescent="0.3">
      <c r="A132362" s="13" t="s">
        <v>600</v>
      </c>
      <c r="B132362" s="14" t="s">
        <v>1</v>
      </c>
      <c r="C132362" s="14" t="s">
        <v>596</v>
      </c>
      <c r="D132362" s="14" t="s">
        <v>18</v>
      </c>
      <c r="E132362" s="15">
        <v>45608</v>
      </c>
      <c r="F132362" s="14" t="s">
        <v>15</v>
      </c>
      <c r="G132362" s="16">
        <v>0</v>
      </c>
    </row>
    <row r="132363" spans="1:7" x14ac:dyDescent="0.3">
      <c r="A132363" s="13" t="s">
        <v>600</v>
      </c>
      <c r="B132363" s="14" t="s">
        <v>1</v>
      </c>
      <c r="C132363" s="14" t="s">
        <v>596</v>
      </c>
      <c r="D132363" s="14" t="s">
        <v>18</v>
      </c>
      <c r="E132363" s="15">
        <v>45609</v>
      </c>
      <c r="F132363" s="14" t="s">
        <v>15</v>
      </c>
      <c r="G132363" s="16">
        <v>0</v>
      </c>
    </row>
    <row r="132364" spans="1:7" x14ac:dyDescent="0.3">
      <c r="A132364" s="13" t="s">
        <v>600</v>
      </c>
      <c r="B132364" s="14" t="s">
        <v>1</v>
      </c>
      <c r="C132364" s="14" t="s">
        <v>596</v>
      </c>
      <c r="D132364" s="14" t="s">
        <v>18</v>
      </c>
      <c r="E132364" s="15">
        <v>45610</v>
      </c>
      <c r="F132364" s="14" t="s">
        <v>15</v>
      </c>
      <c r="G132364" s="16">
        <v>0</v>
      </c>
    </row>
    <row r="132365" spans="1:7" x14ac:dyDescent="0.3">
      <c r="A132365" s="13" t="s">
        <v>600</v>
      </c>
      <c r="B132365" s="14" t="s">
        <v>1</v>
      </c>
      <c r="C132365" s="14" t="s">
        <v>596</v>
      </c>
      <c r="D132365" s="14" t="s">
        <v>18</v>
      </c>
      <c r="E132365" s="15">
        <v>45611</v>
      </c>
      <c r="F132365" s="14" t="s">
        <v>15</v>
      </c>
      <c r="G132365" s="16">
        <v>0</v>
      </c>
    </row>
    <row r="132366" spans="1:7" x14ac:dyDescent="0.3">
      <c r="A132366" s="13" t="s">
        <v>600</v>
      </c>
      <c r="B132366" s="14" t="s">
        <v>1</v>
      </c>
      <c r="C132366" s="14" t="s">
        <v>596</v>
      </c>
      <c r="D132366" s="14" t="s">
        <v>18</v>
      </c>
      <c r="E132366" s="15">
        <v>45612</v>
      </c>
      <c r="F132366" s="14" t="s">
        <v>15</v>
      </c>
      <c r="G132366" s="16">
        <v>0</v>
      </c>
    </row>
    <row r="132367" spans="1:7" x14ac:dyDescent="0.3">
      <c r="A132367" s="13" t="s">
        <v>600</v>
      </c>
      <c r="B132367" s="14" t="s">
        <v>1</v>
      </c>
      <c r="C132367" s="14" t="s">
        <v>596</v>
      </c>
      <c r="D132367" s="14" t="s">
        <v>18</v>
      </c>
      <c r="E132367" s="15">
        <v>45613</v>
      </c>
      <c r="F132367" s="14" t="s">
        <v>15</v>
      </c>
      <c r="G132367" s="16">
        <v>0</v>
      </c>
    </row>
    <row r="132368" spans="1:7" x14ac:dyDescent="0.3">
      <c r="A132368" s="13" t="s">
        <v>600</v>
      </c>
      <c r="B132368" s="14" t="s">
        <v>1</v>
      </c>
      <c r="C132368" s="14" t="s">
        <v>596</v>
      </c>
      <c r="D132368" s="14" t="s">
        <v>18</v>
      </c>
      <c r="E132368" s="15">
        <v>45614</v>
      </c>
      <c r="F132368" s="14" t="s">
        <v>15</v>
      </c>
      <c r="G132368" s="16">
        <v>0</v>
      </c>
    </row>
    <row r="132369" spans="1:7" x14ac:dyDescent="0.3">
      <c r="A132369" s="13" t="s">
        <v>600</v>
      </c>
      <c r="B132369" s="14" t="s">
        <v>1</v>
      </c>
      <c r="C132369" s="14" t="s">
        <v>596</v>
      </c>
      <c r="D132369" s="14" t="s">
        <v>18</v>
      </c>
      <c r="E132369" s="15">
        <v>45615</v>
      </c>
      <c r="F132369" s="14" t="s">
        <v>15</v>
      </c>
      <c r="G132369" s="16">
        <v>0</v>
      </c>
    </row>
    <row r="132370" spans="1:7" x14ac:dyDescent="0.3">
      <c r="A132370" s="13" t="s">
        <v>600</v>
      </c>
      <c r="B132370" s="14" t="s">
        <v>1</v>
      </c>
      <c r="C132370" s="14" t="s">
        <v>596</v>
      </c>
      <c r="D132370" s="14" t="s">
        <v>18</v>
      </c>
      <c r="E132370" s="15">
        <v>45616</v>
      </c>
      <c r="F132370" s="14" t="s">
        <v>15</v>
      </c>
      <c r="G132370" s="16">
        <v>0</v>
      </c>
    </row>
    <row r="132371" spans="1:7" x14ac:dyDescent="0.3">
      <c r="A132371" s="13" t="s">
        <v>600</v>
      </c>
      <c r="B132371" s="14" t="s">
        <v>1</v>
      </c>
      <c r="C132371" s="14" t="s">
        <v>596</v>
      </c>
      <c r="D132371" s="14" t="s">
        <v>18</v>
      </c>
      <c r="E132371" s="15">
        <v>45617</v>
      </c>
      <c r="F132371" s="14" t="s">
        <v>15</v>
      </c>
      <c r="G132371" s="16">
        <v>0</v>
      </c>
    </row>
    <row r="132372" spans="1:7" x14ac:dyDescent="0.3">
      <c r="A132372" s="13" t="s">
        <v>600</v>
      </c>
      <c r="B132372" s="14" t="s">
        <v>1</v>
      </c>
      <c r="C132372" s="14" t="s">
        <v>596</v>
      </c>
      <c r="D132372" s="14" t="s">
        <v>18</v>
      </c>
      <c r="E132372" s="15">
        <v>45618</v>
      </c>
      <c r="F132372" s="14" t="s">
        <v>15</v>
      </c>
      <c r="G132372" s="16">
        <v>0</v>
      </c>
    </row>
    <row r="132373" spans="1:7" x14ac:dyDescent="0.3">
      <c r="A132373" s="13" t="s">
        <v>600</v>
      </c>
      <c r="B132373" s="14" t="s">
        <v>1</v>
      </c>
      <c r="C132373" s="14" t="s">
        <v>596</v>
      </c>
      <c r="D132373" s="14" t="s">
        <v>18</v>
      </c>
      <c r="E132373" s="15">
        <v>45619</v>
      </c>
      <c r="F132373" s="14" t="s">
        <v>15</v>
      </c>
      <c r="G132373" s="16">
        <v>0</v>
      </c>
    </row>
    <row r="132374" spans="1:7" x14ac:dyDescent="0.3">
      <c r="A132374" s="13" t="s">
        <v>600</v>
      </c>
      <c r="B132374" s="14" t="s">
        <v>1</v>
      </c>
      <c r="C132374" s="14" t="s">
        <v>596</v>
      </c>
      <c r="D132374" s="14" t="s">
        <v>18</v>
      </c>
      <c r="E132374" s="15">
        <v>45620</v>
      </c>
      <c r="F132374" s="14" t="s">
        <v>15</v>
      </c>
      <c r="G132374" s="16">
        <v>0</v>
      </c>
    </row>
    <row r="132375" spans="1:7" x14ac:dyDescent="0.3">
      <c r="A132375" s="13" t="s">
        <v>600</v>
      </c>
      <c r="B132375" s="14" t="s">
        <v>1</v>
      </c>
      <c r="C132375" s="14" t="s">
        <v>596</v>
      </c>
      <c r="D132375" s="14" t="s">
        <v>18</v>
      </c>
      <c r="E132375" s="15">
        <v>45621</v>
      </c>
      <c r="F132375" s="14" t="s">
        <v>15</v>
      </c>
      <c r="G132375" s="16">
        <v>0</v>
      </c>
    </row>
    <row r="132376" spans="1:7" x14ac:dyDescent="0.3">
      <c r="A132376" s="13" t="s">
        <v>600</v>
      </c>
      <c r="B132376" s="14" t="s">
        <v>1</v>
      </c>
      <c r="C132376" s="14" t="s">
        <v>596</v>
      </c>
      <c r="D132376" s="14" t="s">
        <v>18</v>
      </c>
      <c r="E132376" s="15">
        <v>45622</v>
      </c>
      <c r="F132376" s="14" t="s">
        <v>15</v>
      </c>
      <c r="G132376" s="16">
        <v>0</v>
      </c>
    </row>
    <row r="132377" spans="1:7" x14ac:dyDescent="0.3">
      <c r="A132377" s="13" t="s">
        <v>600</v>
      </c>
      <c r="B132377" s="14" t="s">
        <v>1</v>
      </c>
      <c r="C132377" s="14" t="s">
        <v>596</v>
      </c>
      <c r="D132377" s="14" t="s">
        <v>18</v>
      </c>
      <c r="E132377" s="15">
        <v>45623</v>
      </c>
      <c r="F132377" s="14" t="s">
        <v>15</v>
      </c>
      <c r="G132377" s="16">
        <v>0</v>
      </c>
    </row>
    <row r="132378" spans="1:7" x14ac:dyDescent="0.3">
      <c r="A132378" s="13" t="s">
        <v>600</v>
      </c>
      <c r="B132378" s="14" t="s">
        <v>1</v>
      </c>
      <c r="C132378" s="14" t="s">
        <v>596</v>
      </c>
      <c r="D132378" s="14" t="s">
        <v>18</v>
      </c>
      <c r="E132378" s="15">
        <v>45624</v>
      </c>
      <c r="F132378" s="14" t="s">
        <v>15</v>
      </c>
      <c r="G132378" s="16">
        <v>0</v>
      </c>
    </row>
    <row r="132379" spans="1:7" x14ac:dyDescent="0.3">
      <c r="A132379" s="13" t="s">
        <v>600</v>
      </c>
      <c r="B132379" s="14" t="s">
        <v>1</v>
      </c>
      <c r="C132379" s="14" t="s">
        <v>596</v>
      </c>
      <c r="D132379" s="14" t="s">
        <v>18</v>
      </c>
      <c r="E132379" s="15">
        <v>45625</v>
      </c>
      <c r="F132379" s="14" t="s">
        <v>15</v>
      </c>
      <c r="G132379" s="16">
        <v>0</v>
      </c>
    </row>
    <row r="132380" spans="1:7" x14ac:dyDescent="0.3">
      <c r="A132380" s="13" t="s">
        <v>600</v>
      </c>
      <c r="B132380" s="14" t="s">
        <v>1</v>
      </c>
      <c r="C132380" s="14" t="s">
        <v>596</v>
      </c>
      <c r="D132380" s="14" t="s">
        <v>18</v>
      </c>
      <c r="E132380" s="15">
        <v>45626</v>
      </c>
      <c r="F132380" s="14" t="s">
        <v>15</v>
      </c>
      <c r="G132380" s="16">
        <v>0</v>
      </c>
    </row>
    <row r="132381" spans="1:7" x14ac:dyDescent="0.3">
      <c r="A132381" s="13" t="s">
        <v>600</v>
      </c>
      <c r="B132381" s="14" t="s">
        <v>1</v>
      </c>
      <c r="C132381" s="14" t="s">
        <v>596</v>
      </c>
      <c r="D132381" s="14" t="s">
        <v>18</v>
      </c>
      <c r="E132381" s="15">
        <v>45627</v>
      </c>
      <c r="F132381" s="14" t="s">
        <v>15</v>
      </c>
      <c r="G132381" s="16">
        <v>0</v>
      </c>
    </row>
    <row r="132382" spans="1:7" x14ac:dyDescent="0.3">
      <c r="A132382" s="13" t="s">
        <v>600</v>
      </c>
      <c r="B132382" s="14" t="s">
        <v>1</v>
      </c>
      <c r="C132382" s="14" t="s">
        <v>596</v>
      </c>
      <c r="D132382" s="14" t="s">
        <v>18</v>
      </c>
      <c r="E132382" s="15">
        <v>45628</v>
      </c>
      <c r="F132382" s="14" t="s">
        <v>15</v>
      </c>
      <c r="G132382" s="16">
        <v>0</v>
      </c>
    </row>
    <row r="132383" spans="1:7" x14ac:dyDescent="0.3">
      <c r="A132383" s="13" t="s">
        <v>600</v>
      </c>
      <c r="B132383" s="14" t="s">
        <v>1</v>
      </c>
      <c r="C132383" s="14" t="s">
        <v>596</v>
      </c>
      <c r="D132383" s="14" t="s">
        <v>18</v>
      </c>
      <c r="E132383" s="15">
        <v>45629</v>
      </c>
      <c r="F132383" s="14" t="s">
        <v>15</v>
      </c>
      <c r="G132383" s="16">
        <v>0</v>
      </c>
    </row>
    <row r="132384" spans="1:7" x14ac:dyDescent="0.3">
      <c r="A132384" s="13" t="s">
        <v>600</v>
      </c>
      <c r="B132384" s="14" t="s">
        <v>1</v>
      </c>
      <c r="C132384" s="14" t="s">
        <v>596</v>
      </c>
      <c r="D132384" s="14" t="s">
        <v>18</v>
      </c>
      <c r="E132384" s="15">
        <v>45630</v>
      </c>
      <c r="F132384" s="14" t="s">
        <v>15</v>
      </c>
      <c r="G132384" s="16">
        <v>0</v>
      </c>
    </row>
    <row r="132385" spans="1:7" x14ac:dyDescent="0.3">
      <c r="A132385" s="13" t="s">
        <v>600</v>
      </c>
      <c r="B132385" s="14" t="s">
        <v>1</v>
      </c>
      <c r="C132385" s="14" t="s">
        <v>596</v>
      </c>
      <c r="D132385" s="14" t="s">
        <v>18</v>
      </c>
      <c r="E132385" s="15">
        <v>45631</v>
      </c>
      <c r="F132385" s="14" t="s">
        <v>15</v>
      </c>
      <c r="G132385" s="16">
        <v>0</v>
      </c>
    </row>
    <row r="132386" spans="1:7" x14ac:dyDescent="0.3">
      <c r="A132386" s="13" t="s">
        <v>600</v>
      </c>
      <c r="B132386" s="14" t="s">
        <v>1</v>
      </c>
      <c r="C132386" s="14" t="s">
        <v>596</v>
      </c>
      <c r="D132386" s="14" t="s">
        <v>18</v>
      </c>
      <c r="E132386" s="15">
        <v>45632</v>
      </c>
      <c r="F132386" s="14" t="s">
        <v>15</v>
      </c>
      <c r="G132386" s="16">
        <v>0</v>
      </c>
    </row>
    <row r="132387" spans="1:7" x14ac:dyDescent="0.3">
      <c r="A132387" s="13" t="s">
        <v>600</v>
      </c>
      <c r="B132387" s="14" t="s">
        <v>1</v>
      </c>
      <c r="C132387" s="14" t="s">
        <v>596</v>
      </c>
      <c r="D132387" s="14" t="s">
        <v>18</v>
      </c>
      <c r="E132387" s="15">
        <v>45633</v>
      </c>
      <c r="F132387" s="14" t="s">
        <v>15</v>
      </c>
      <c r="G132387" s="16">
        <v>0</v>
      </c>
    </row>
    <row r="132388" spans="1:7" x14ac:dyDescent="0.3">
      <c r="A132388" s="13" t="s">
        <v>600</v>
      </c>
      <c r="B132388" s="14" t="s">
        <v>1</v>
      </c>
      <c r="C132388" s="14" t="s">
        <v>596</v>
      </c>
      <c r="D132388" s="14" t="s">
        <v>18</v>
      </c>
      <c r="E132388" s="15">
        <v>45634</v>
      </c>
      <c r="F132388" s="14" t="s">
        <v>15</v>
      </c>
      <c r="G132388" s="16">
        <v>0</v>
      </c>
    </row>
    <row r="132389" spans="1:7" x14ac:dyDescent="0.3">
      <c r="A132389" s="13" t="s">
        <v>600</v>
      </c>
      <c r="B132389" s="14" t="s">
        <v>1</v>
      </c>
      <c r="C132389" s="14" t="s">
        <v>596</v>
      </c>
      <c r="D132389" s="14" t="s">
        <v>18</v>
      </c>
      <c r="E132389" s="15">
        <v>45635</v>
      </c>
      <c r="F132389" s="14" t="s">
        <v>15</v>
      </c>
      <c r="G132389" s="16">
        <v>0</v>
      </c>
    </row>
    <row r="132390" spans="1:7" x14ac:dyDescent="0.3">
      <c r="A132390" s="13" t="s">
        <v>600</v>
      </c>
      <c r="B132390" s="14" t="s">
        <v>1</v>
      </c>
      <c r="C132390" s="14" t="s">
        <v>596</v>
      </c>
      <c r="D132390" s="14" t="s">
        <v>18</v>
      </c>
      <c r="E132390" s="15">
        <v>45636</v>
      </c>
      <c r="F132390" s="14" t="s">
        <v>15</v>
      </c>
      <c r="G132390" s="16">
        <v>0</v>
      </c>
    </row>
    <row r="132391" spans="1:7" x14ac:dyDescent="0.3">
      <c r="A132391" s="13" t="s">
        <v>600</v>
      </c>
      <c r="B132391" s="14" t="s">
        <v>1</v>
      </c>
      <c r="C132391" s="14" t="s">
        <v>596</v>
      </c>
      <c r="D132391" s="14" t="s">
        <v>18</v>
      </c>
      <c r="E132391" s="15">
        <v>45637</v>
      </c>
      <c r="F132391" s="14" t="s">
        <v>15</v>
      </c>
      <c r="G132391" s="16">
        <v>0</v>
      </c>
    </row>
    <row r="132392" spans="1:7" x14ac:dyDescent="0.3">
      <c r="A132392" s="13" t="s">
        <v>600</v>
      </c>
      <c r="B132392" s="14" t="s">
        <v>1</v>
      </c>
      <c r="C132392" s="14" t="s">
        <v>596</v>
      </c>
      <c r="D132392" s="14" t="s">
        <v>18</v>
      </c>
      <c r="E132392" s="15">
        <v>45638</v>
      </c>
      <c r="F132392" s="14" t="s">
        <v>15</v>
      </c>
      <c r="G132392" s="16">
        <v>0</v>
      </c>
    </row>
    <row r="132393" spans="1:7" x14ac:dyDescent="0.3">
      <c r="A132393" s="13" t="s">
        <v>600</v>
      </c>
      <c r="B132393" s="14" t="s">
        <v>1</v>
      </c>
      <c r="C132393" s="14" t="s">
        <v>596</v>
      </c>
      <c r="D132393" s="14" t="s">
        <v>18</v>
      </c>
      <c r="E132393" s="15">
        <v>45639</v>
      </c>
      <c r="F132393" s="14" t="s">
        <v>15</v>
      </c>
      <c r="G132393" s="16">
        <v>0</v>
      </c>
    </row>
    <row r="132394" spans="1:7" x14ac:dyDescent="0.3">
      <c r="A132394" s="13" t="s">
        <v>600</v>
      </c>
      <c r="B132394" s="14" t="s">
        <v>1</v>
      </c>
      <c r="C132394" s="14" t="s">
        <v>596</v>
      </c>
      <c r="D132394" s="14" t="s">
        <v>18</v>
      </c>
      <c r="E132394" s="15">
        <v>45640</v>
      </c>
      <c r="F132394" s="14" t="s">
        <v>15</v>
      </c>
      <c r="G132394" s="16">
        <v>0</v>
      </c>
    </row>
    <row r="132395" spans="1:7" x14ac:dyDescent="0.3">
      <c r="A132395" s="13" t="s">
        <v>600</v>
      </c>
      <c r="B132395" s="14" t="s">
        <v>1</v>
      </c>
      <c r="C132395" s="14" t="s">
        <v>596</v>
      </c>
      <c r="D132395" s="14" t="s">
        <v>18</v>
      </c>
      <c r="E132395" s="15">
        <v>45641</v>
      </c>
      <c r="F132395" s="14" t="s">
        <v>15</v>
      </c>
      <c r="G132395" s="16">
        <v>0</v>
      </c>
    </row>
    <row r="132396" spans="1:7" x14ac:dyDescent="0.3">
      <c r="A132396" s="13" t="s">
        <v>600</v>
      </c>
      <c r="B132396" s="14" t="s">
        <v>1</v>
      </c>
      <c r="C132396" s="14" t="s">
        <v>596</v>
      </c>
      <c r="D132396" s="14" t="s">
        <v>18</v>
      </c>
      <c r="E132396" s="15">
        <v>45642</v>
      </c>
      <c r="F132396" s="14" t="s">
        <v>15</v>
      </c>
      <c r="G132396" s="16">
        <v>0</v>
      </c>
    </row>
    <row r="132397" spans="1:7" x14ac:dyDescent="0.3">
      <c r="A132397" s="13" t="s">
        <v>600</v>
      </c>
      <c r="B132397" s="14" t="s">
        <v>1</v>
      </c>
      <c r="C132397" s="14" t="s">
        <v>596</v>
      </c>
      <c r="D132397" s="14" t="s">
        <v>18</v>
      </c>
      <c r="E132397" s="15">
        <v>45643</v>
      </c>
      <c r="F132397" s="14" t="s">
        <v>15</v>
      </c>
      <c r="G132397" s="16">
        <v>0</v>
      </c>
    </row>
    <row r="132398" spans="1:7" x14ac:dyDescent="0.3">
      <c r="A132398" s="13" t="s">
        <v>600</v>
      </c>
      <c r="B132398" s="14" t="s">
        <v>1</v>
      </c>
      <c r="C132398" s="14" t="s">
        <v>596</v>
      </c>
      <c r="D132398" s="14" t="s">
        <v>18</v>
      </c>
      <c r="E132398" s="15">
        <v>45644</v>
      </c>
      <c r="F132398" s="14" t="s">
        <v>15</v>
      </c>
      <c r="G132398" s="16">
        <v>0</v>
      </c>
    </row>
    <row r="132399" spans="1:7" x14ac:dyDescent="0.3">
      <c r="A132399" s="13" t="s">
        <v>600</v>
      </c>
      <c r="B132399" s="14" t="s">
        <v>1</v>
      </c>
      <c r="C132399" s="14" t="s">
        <v>596</v>
      </c>
      <c r="D132399" s="14" t="s">
        <v>18</v>
      </c>
      <c r="E132399" s="15">
        <v>45645</v>
      </c>
      <c r="F132399" s="14" t="s">
        <v>15</v>
      </c>
      <c r="G132399" s="16">
        <v>0</v>
      </c>
    </row>
    <row r="132400" spans="1:7" x14ac:dyDescent="0.3">
      <c r="A132400" s="13" t="s">
        <v>600</v>
      </c>
      <c r="B132400" s="14" t="s">
        <v>1</v>
      </c>
      <c r="C132400" s="14" t="s">
        <v>596</v>
      </c>
      <c r="D132400" s="14" t="s">
        <v>18</v>
      </c>
      <c r="E132400" s="15">
        <v>45646</v>
      </c>
      <c r="F132400" s="14" t="s">
        <v>15</v>
      </c>
      <c r="G132400" s="16">
        <v>0</v>
      </c>
    </row>
    <row r="132401" spans="1:7" x14ac:dyDescent="0.3">
      <c r="A132401" s="13" t="s">
        <v>600</v>
      </c>
      <c r="B132401" s="14" t="s">
        <v>1</v>
      </c>
      <c r="C132401" s="14" t="s">
        <v>596</v>
      </c>
      <c r="D132401" s="14" t="s">
        <v>18</v>
      </c>
      <c r="E132401" s="15">
        <v>45647</v>
      </c>
      <c r="F132401" s="14" t="s">
        <v>15</v>
      </c>
      <c r="G132401" s="16">
        <v>0</v>
      </c>
    </row>
    <row r="132402" spans="1:7" x14ac:dyDescent="0.3">
      <c r="A132402" s="13" t="s">
        <v>600</v>
      </c>
      <c r="B132402" s="14" t="s">
        <v>1</v>
      </c>
      <c r="C132402" s="14" t="s">
        <v>596</v>
      </c>
      <c r="D132402" s="14" t="s">
        <v>18</v>
      </c>
      <c r="E132402" s="15">
        <v>45648</v>
      </c>
      <c r="F132402" s="14" t="s">
        <v>15</v>
      </c>
      <c r="G132402" s="16">
        <v>0</v>
      </c>
    </row>
    <row r="132403" spans="1:7" x14ac:dyDescent="0.3">
      <c r="A132403" s="13" t="s">
        <v>600</v>
      </c>
      <c r="B132403" s="14" t="s">
        <v>1</v>
      </c>
      <c r="C132403" s="14" t="s">
        <v>596</v>
      </c>
      <c r="D132403" s="14" t="s">
        <v>18</v>
      </c>
      <c r="E132403" s="15">
        <v>45649</v>
      </c>
      <c r="F132403" s="14" t="s">
        <v>15</v>
      </c>
      <c r="G132403" s="16">
        <v>0</v>
      </c>
    </row>
    <row r="132404" spans="1:7" x14ac:dyDescent="0.3">
      <c r="A132404" s="13" t="s">
        <v>600</v>
      </c>
      <c r="B132404" s="14" t="s">
        <v>1</v>
      </c>
      <c r="C132404" s="14" t="s">
        <v>596</v>
      </c>
      <c r="D132404" s="14" t="s">
        <v>18</v>
      </c>
      <c r="E132404" s="15">
        <v>45650</v>
      </c>
      <c r="F132404" s="14" t="s">
        <v>15</v>
      </c>
      <c r="G132404" s="16">
        <v>0</v>
      </c>
    </row>
    <row r="132405" spans="1:7" x14ac:dyDescent="0.3">
      <c r="A132405" s="13" t="s">
        <v>600</v>
      </c>
      <c r="B132405" s="14" t="s">
        <v>1</v>
      </c>
      <c r="C132405" s="14" t="s">
        <v>596</v>
      </c>
      <c r="D132405" s="14" t="s">
        <v>18</v>
      </c>
      <c r="E132405" s="15">
        <v>45651</v>
      </c>
      <c r="F132405" s="14" t="s">
        <v>15</v>
      </c>
      <c r="G132405" s="16">
        <v>0</v>
      </c>
    </row>
    <row r="132406" spans="1:7" x14ac:dyDescent="0.3">
      <c r="A132406" s="13" t="s">
        <v>600</v>
      </c>
      <c r="B132406" s="14" t="s">
        <v>1</v>
      </c>
      <c r="C132406" s="14" t="s">
        <v>596</v>
      </c>
      <c r="D132406" s="14" t="s">
        <v>18</v>
      </c>
      <c r="E132406" s="15">
        <v>45652</v>
      </c>
      <c r="F132406" s="14" t="s">
        <v>15</v>
      </c>
      <c r="G132406" s="16">
        <v>0</v>
      </c>
    </row>
    <row r="132407" spans="1:7" x14ac:dyDescent="0.3">
      <c r="A132407" s="13" t="s">
        <v>600</v>
      </c>
      <c r="B132407" s="14" t="s">
        <v>1</v>
      </c>
      <c r="C132407" s="14" t="s">
        <v>596</v>
      </c>
      <c r="D132407" s="14" t="s">
        <v>18</v>
      </c>
      <c r="E132407" s="15">
        <v>45653</v>
      </c>
      <c r="F132407" s="14" t="s">
        <v>15</v>
      </c>
      <c r="G132407" s="16">
        <v>0</v>
      </c>
    </row>
    <row r="132408" spans="1:7" x14ac:dyDescent="0.3">
      <c r="A132408" s="13" t="s">
        <v>600</v>
      </c>
      <c r="B132408" s="14" t="s">
        <v>1</v>
      </c>
      <c r="C132408" s="14" t="s">
        <v>596</v>
      </c>
      <c r="D132408" s="14" t="s">
        <v>18</v>
      </c>
      <c r="E132408" s="15">
        <v>45654</v>
      </c>
      <c r="F132408" s="14" t="s">
        <v>15</v>
      </c>
      <c r="G132408" s="16">
        <v>0</v>
      </c>
    </row>
    <row r="132409" spans="1:7" x14ac:dyDescent="0.3">
      <c r="A132409" s="13" t="s">
        <v>600</v>
      </c>
      <c r="B132409" s="14" t="s">
        <v>1</v>
      </c>
      <c r="C132409" s="14" t="s">
        <v>596</v>
      </c>
      <c r="D132409" s="14" t="s">
        <v>18</v>
      </c>
      <c r="E132409" s="15">
        <v>45655</v>
      </c>
      <c r="F132409" s="14" t="s">
        <v>15</v>
      </c>
      <c r="G132409" s="16">
        <v>0</v>
      </c>
    </row>
    <row r="132410" spans="1:7" x14ac:dyDescent="0.3">
      <c r="A132410" s="13" t="s">
        <v>600</v>
      </c>
      <c r="B132410" s="14" t="s">
        <v>1</v>
      </c>
      <c r="C132410" s="14" t="s">
        <v>596</v>
      </c>
      <c r="D132410" s="14" t="s">
        <v>18</v>
      </c>
      <c r="E132410" s="15">
        <v>45656</v>
      </c>
      <c r="F132410" s="14" t="s">
        <v>15</v>
      </c>
      <c r="G132410" s="16">
        <v>0</v>
      </c>
    </row>
    <row r="132411" spans="1:7" x14ac:dyDescent="0.3">
      <c r="A132411" s="13" t="s">
        <v>600</v>
      </c>
      <c r="B132411" s="14" t="s">
        <v>1</v>
      </c>
      <c r="C132411" s="14" t="s">
        <v>596</v>
      </c>
      <c r="D132411" s="14" t="s">
        <v>18</v>
      </c>
      <c r="E132411" s="15">
        <v>45657</v>
      </c>
      <c r="F132411" s="14" t="s">
        <v>15</v>
      </c>
      <c r="G132411" s="16">
        <v>0</v>
      </c>
    </row>
    <row r="132412" spans="1:7" x14ac:dyDescent="0.3">
      <c r="A132412" s="13" t="s">
        <v>600</v>
      </c>
      <c r="B132412" s="14" t="s">
        <v>1</v>
      </c>
      <c r="C132412" s="14" t="s">
        <v>596</v>
      </c>
      <c r="D132412" s="14" t="s">
        <v>18</v>
      </c>
      <c r="E132412" s="15">
        <v>45658</v>
      </c>
      <c r="F132412" s="14" t="s">
        <v>15</v>
      </c>
      <c r="G132412" s="16">
        <v>0</v>
      </c>
    </row>
    <row r="132413" spans="1:7" x14ac:dyDescent="0.3">
      <c r="A132413" s="13" t="s">
        <v>600</v>
      </c>
      <c r="B132413" s="14" t="s">
        <v>1</v>
      </c>
      <c r="C132413" s="14" t="s">
        <v>596</v>
      </c>
      <c r="D132413" s="14" t="s">
        <v>18</v>
      </c>
      <c r="E132413" s="15">
        <v>45659</v>
      </c>
      <c r="F132413" s="14" t="s">
        <v>15</v>
      </c>
      <c r="G132413" s="16">
        <v>0</v>
      </c>
    </row>
    <row r="132414" spans="1:7" x14ac:dyDescent="0.3">
      <c r="A132414" s="13" t="s">
        <v>600</v>
      </c>
      <c r="B132414" s="14" t="s">
        <v>1</v>
      </c>
      <c r="C132414" s="14" t="s">
        <v>596</v>
      </c>
      <c r="D132414" s="14" t="s">
        <v>18</v>
      </c>
      <c r="E132414" s="15">
        <v>45660</v>
      </c>
      <c r="F132414" s="14" t="s">
        <v>15</v>
      </c>
      <c r="G132414" s="16">
        <v>0</v>
      </c>
    </row>
    <row r="132415" spans="1:7" x14ac:dyDescent="0.3">
      <c r="A132415" s="13" t="s">
        <v>600</v>
      </c>
      <c r="B132415" s="14" t="s">
        <v>1</v>
      </c>
      <c r="C132415" s="14" t="s">
        <v>596</v>
      </c>
      <c r="D132415" s="14" t="s">
        <v>18</v>
      </c>
      <c r="E132415" s="15">
        <v>45661</v>
      </c>
      <c r="F132415" s="14" t="s">
        <v>15</v>
      </c>
      <c r="G132415" s="16">
        <v>0</v>
      </c>
    </row>
    <row r="132416" spans="1:7" x14ac:dyDescent="0.3">
      <c r="A132416" s="13" t="s">
        <v>600</v>
      </c>
      <c r="B132416" s="14" t="s">
        <v>1</v>
      </c>
      <c r="C132416" s="14" t="s">
        <v>596</v>
      </c>
      <c r="D132416" s="14" t="s">
        <v>18</v>
      </c>
      <c r="E132416" s="15">
        <v>45662</v>
      </c>
      <c r="F132416" s="14" t="s">
        <v>15</v>
      </c>
      <c r="G132416" s="16">
        <v>0</v>
      </c>
    </row>
    <row r="132417" spans="1:7" x14ac:dyDescent="0.3">
      <c r="A132417" s="13" t="s">
        <v>600</v>
      </c>
      <c r="B132417" s="14" t="s">
        <v>1</v>
      </c>
      <c r="C132417" s="14" t="s">
        <v>596</v>
      </c>
      <c r="D132417" s="14" t="s">
        <v>18</v>
      </c>
      <c r="E132417" s="15">
        <v>45663</v>
      </c>
      <c r="F132417" s="14" t="s">
        <v>15</v>
      </c>
      <c r="G132417" s="16">
        <v>0</v>
      </c>
    </row>
    <row r="132418" spans="1:7" x14ac:dyDescent="0.3">
      <c r="A132418" s="13" t="s">
        <v>600</v>
      </c>
      <c r="B132418" s="14" t="s">
        <v>1</v>
      </c>
      <c r="C132418" s="14" t="s">
        <v>596</v>
      </c>
      <c r="D132418" s="14" t="s">
        <v>18</v>
      </c>
      <c r="E132418" s="15">
        <v>45664</v>
      </c>
      <c r="F132418" s="14" t="s">
        <v>15</v>
      </c>
      <c r="G132418" s="16">
        <v>0</v>
      </c>
    </row>
    <row r="132419" spans="1:7" x14ac:dyDescent="0.3">
      <c r="A132419" s="13" t="s">
        <v>600</v>
      </c>
      <c r="B132419" s="14" t="s">
        <v>1</v>
      </c>
      <c r="C132419" s="14" t="s">
        <v>596</v>
      </c>
      <c r="D132419" s="14" t="s">
        <v>18</v>
      </c>
      <c r="E132419" s="15">
        <v>45665</v>
      </c>
      <c r="F132419" s="14" t="s">
        <v>15</v>
      </c>
      <c r="G132419" s="16">
        <v>0</v>
      </c>
    </row>
    <row r="132420" spans="1:7" x14ac:dyDescent="0.3">
      <c r="A132420" s="13" t="s">
        <v>600</v>
      </c>
      <c r="B132420" s="14" t="s">
        <v>1</v>
      </c>
      <c r="C132420" s="14" t="s">
        <v>596</v>
      </c>
      <c r="D132420" s="14" t="s">
        <v>18</v>
      </c>
      <c r="E132420" s="15">
        <v>45666</v>
      </c>
      <c r="F132420" s="14" t="s">
        <v>15</v>
      </c>
      <c r="G132420" s="16">
        <v>0</v>
      </c>
    </row>
    <row r="132421" spans="1:7" x14ac:dyDescent="0.3">
      <c r="A132421" s="13" t="s">
        <v>600</v>
      </c>
      <c r="B132421" s="14" t="s">
        <v>1</v>
      </c>
      <c r="C132421" s="14" t="s">
        <v>596</v>
      </c>
      <c r="D132421" s="14" t="s">
        <v>18</v>
      </c>
      <c r="E132421" s="15">
        <v>45667</v>
      </c>
      <c r="F132421" s="14" t="s">
        <v>15</v>
      </c>
      <c r="G132421" s="16">
        <v>0</v>
      </c>
    </row>
    <row r="132422" spans="1:7" x14ac:dyDescent="0.3">
      <c r="A132422" s="13" t="s">
        <v>600</v>
      </c>
      <c r="B132422" s="14" t="s">
        <v>1</v>
      </c>
      <c r="C132422" s="14" t="s">
        <v>596</v>
      </c>
      <c r="D132422" s="14" t="s">
        <v>18</v>
      </c>
      <c r="E132422" s="15">
        <v>45668</v>
      </c>
      <c r="F132422" s="14" t="s">
        <v>15</v>
      </c>
      <c r="G132422" s="16">
        <v>0</v>
      </c>
    </row>
    <row r="132423" spans="1:7" x14ac:dyDescent="0.3">
      <c r="A132423" s="13" t="s">
        <v>600</v>
      </c>
      <c r="B132423" s="14" t="s">
        <v>1</v>
      </c>
      <c r="C132423" s="14" t="s">
        <v>596</v>
      </c>
      <c r="D132423" s="14" t="s">
        <v>18</v>
      </c>
      <c r="E132423" s="15">
        <v>45669</v>
      </c>
      <c r="F132423" s="14" t="s">
        <v>15</v>
      </c>
      <c r="G132423" s="16">
        <v>0</v>
      </c>
    </row>
    <row r="132424" spans="1:7" x14ac:dyDescent="0.3">
      <c r="A132424" s="13" t="s">
        <v>600</v>
      </c>
      <c r="B132424" s="14" t="s">
        <v>1</v>
      </c>
      <c r="C132424" s="14" t="s">
        <v>596</v>
      </c>
      <c r="D132424" s="14" t="s">
        <v>18</v>
      </c>
      <c r="E132424" s="15">
        <v>45670</v>
      </c>
      <c r="F132424" s="14" t="s">
        <v>15</v>
      </c>
      <c r="G132424" s="16">
        <v>0</v>
      </c>
    </row>
    <row r="132425" spans="1:7" x14ac:dyDescent="0.3">
      <c r="A132425" s="13" t="s">
        <v>600</v>
      </c>
      <c r="B132425" s="14" t="s">
        <v>1</v>
      </c>
      <c r="C132425" s="14" t="s">
        <v>596</v>
      </c>
      <c r="D132425" s="14" t="s">
        <v>18</v>
      </c>
      <c r="E132425" s="15">
        <v>45671</v>
      </c>
      <c r="F132425" s="14" t="s">
        <v>15</v>
      </c>
      <c r="G132425" s="16">
        <v>0</v>
      </c>
    </row>
    <row r="132426" spans="1:7" x14ac:dyDescent="0.3">
      <c r="A132426" s="13" t="s">
        <v>600</v>
      </c>
      <c r="B132426" s="14" t="s">
        <v>1</v>
      </c>
      <c r="C132426" s="14" t="s">
        <v>596</v>
      </c>
      <c r="D132426" s="14" t="s">
        <v>18</v>
      </c>
      <c r="E132426" s="15">
        <v>45672</v>
      </c>
      <c r="F132426" s="14" t="s">
        <v>15</v>
      </c>
      <c r="G132426" s="16">
        <v>0</v>
      </c>
    </row>
    <row r="132427" spans="1:7" x14ac:dyDescent="0.3">
      <c r="A132427" s="13" t="s">
        <v>600</v>
      </c>
      <c r="B132427" s="14" t="s">
        <v>1</v>
      </c>
      <c r="C132427" s="14" t="s">
        <v>596</v>
      </c>
      <c r="D132427" s="14" t="s">
        <v>18</v>
      </c>
      <c r="E132427" s="15">
        <v>45673</v>
      </c>
      <c r="F132427" s="14" t="s">
        <v>15</v>
      </c>
      <c r="G132427" s="16">
        <v>0</v>
      </c>
    </row>
    <row r="132428" spans="1:7" x14ac:dyDescent="0.3">
      <c r="A132428" s="13" t="s">
        <v>600</v>
      </c>
      <c r="B132428" s="14" t="s">
        <v>1</v>
      </c>
      <c r="C132428" s="14" t="s">
        <v>596</v>
      </c>
      <c r="D132428" s="14" t="s">
        <v>18</v>
      </c>
      <c r="E132428" s="15">
        <v>45674</v>
      </c>
      <c r="F132428" s="14" t="s">
        <v>15</v>
      </c>
      <c r="G132428" s="16">
        <v>0</v>
      </c>
    </row>
    <row r="132429" spans="1:7" x14ac:dyDescent="0.3">
      <c r="A132429" s="13" t="s">
        <v>600</v>
      </c>
      <c r="B132429" s="14" t="s">
        <v>1</v>
      </c>
      <c r="C132429" s="14" t="s">
        <v>596</v>
      </c>
      <c r="D132429" s="14" t="s">
        <v>18</v>
      </c>
      <c r="E132429" s="15">
        <v>45675</v>
      </c>
      <c r="F132429" s="14" t="s">
        <v>15</v>
      </c>
      <c r="G132429" s="16">
        <v>0</v>
      </c>
    </row>
    <row r="132430" spans="1:7" x14ac:dyDescent="0.3">
      <c r="A132430" s="13" t="s">
        <v>600</v>
      </c>
      <c r="B132430" s="14" t="s">
        <v>1</v>
      </c>
      <c r="C132430" s="14" t="s">
        <v>596</v>
      </c>
      <c r="D132430" s="14" t="s">
        <v>18</v>
      </c>
      <c r="E132430" s="15">
        <v>45676</v>
      </c>
      <c r="F132430" s="14" t="s">
        <v>15</v>
      </c>
      <c r="G132430" s="16">
        <v>0</v>
      </c>
    </row>
    <row r="132431" spans="1:7" x14ac:dyDescent="0.3">
      <c r="A132431" s="13" t="s">
        <v>600</v>
      </c>
      <c r="B132431" s="14" t="s">
        <v>1</v>
      </c>
      <c r="C132431" s="14" t="s">
        <v>596</v>
      </c>
      <c r="D132431" s="14" t="s">
        <v>18</v>
      </c>
      <c r="E132431" s="15">
        <v>45677</v>
      </c>
      <c r="F132431" s="14" t="s">
        <v>15</v>
      </c>
      <c r="G132431" s="16">
        <v>0</v>
      </c>
    </row>
    <row r="132432" spans="1:7" x14ac:dyDescent="0.3">
      <c r="A132432" s="13" t="s">
        <v>600</v>
      </c>
      <c r="B132432" s="14" t="s">
        <v>1</v>
      </c>
      <c r="C132432" s="14" t="s">
        <v>596</v>
      </c>
      <c r="D132432" s="14" t="s">
        <v>18</v>
      </c>
      <c r="E132432" s="15">
        <v>45678</v>
      </c>
      <c r="F132432" s="14" t="s">
        <v>15</v>
      </c>
      <c r="G132432" s="16">
        <v>0</v>
      </c>
    </row>
    <row r="132433" spans="1:7" x14ac:dyDescent="0.3">
      <c r="A132433" s="13" t="s">
        <v>600</v>
      </c>
      <c r="B132433" s="14" t="s">
        <v>1</v>
      </c>
      <c r="C132433" s="14" t="s">
        <v>596</v>
      </c>
      <c r="D132433" s="14" t="s">
        <v>18</v>
      </c>
      <c r="E132433" s="15">
        <v>45679</v>
      </c>
      <c r="F132433" s="14" t="s">
        <v>15</v>
      </c>
      <c r="G132433" s="16">
        <v>0</v>
      </c>
    </row>
    <row r="132434" spans="1:7" x14ac:dyDescent="0.3">
      <c r="A132434" s="13" t="s">
        <v>600</v>
      </c>
      <c r="B132434" s="14" t="s">
        <v>1</v>
      </c>
      <c r="C132434" s="14" t="s">
        <v>596</v>
      </c>
      <c r="D132434" s="14" t="s">
        <v>18</v>
      </c>
      <c r="E132434" s="15">
        <v>45680</v>
      </c>
      <c r="F132434" s="14" t="s">
        <v>15</v>
      </c>
      <c r="G132434" s="16">
        <v>0</v>
      </c>
    </row>
    <row r="132435" spans="1:7" x14ac:dyDescent="0.3">
      <c r="A132435" s="13" t="s">
        <v>600</v>
      </c>
      <c r="B132435" s="14" t="s">
        <v>1</v>
      </c>
      <c r="C132435" s="14" t="s">
        <v>596</v>
      </c>
      <c r="D132435" s="14" t="s">
        <v>18</v>
      </c>
      <c r="E132435" s="15">
        <v>45681</v>
      </c>
      <c r="F132435" s="14" t="s">
        <v>15</v>
      </c>
      <c r="G132435" s="16">
        <v>0</v>
      </c>
    </row>
    <row r="132436" spans="1:7" x14ac:dyDescent="0.3">
      <c r="A132436" s="13" t="s">
        <v>600</v>
      </c>
      <c r="B132436" s="14" t="s">
        <v>1</v>
      </c>
      <c r="C132436" s="14" t="s">
        <v>596</v>
      </c>
      <c r="D132436" s="14" t="s">
        <v>18</v>
      </c>
      <c r="E132436" s="15">
        <v>45682</v>
      </c>
      <c r="F132436" s="14" t="s">
        <v>15</v>
      </c>
      <c r="G132436" s="16">
        <v>0</v>
      </c>
    </row>
    <row r="132437" spans="1:7" x14ac:dyDescent="0.3">
      <c r="A132437" s="13" t="s">
        <v>600</v>
      </c>
      <c r="B132437" s="14" t="s">
        <v>1</v>
      </c>
      <c r="C132437" s="14" t="s">
        <v>596</v>
      </c>
      <c r="D132437" s="14" t="s">
        <v>18</v>
      </c>
      <c r="E132437" s="15">
        <v>45683</v>
      </c>
      <c r="F132437" s="14" t="s">
        <v>15</v>
      </c>
      <c r="G132437" s="16">
        <v>0</v>
      </c>
    </row>
    <row r="132438" spans="1:7" x14ac:dyDescent="0.3">
      <c r="A132438" s="13" t="s">
        <v>600</v>
      </c>
      <c r="B132438" s="14" t="s">
        <v>1</v>
      </c>
      <c r="C132438" s="14" t="s">
        <v>596</v>
      </c>
      <c r="D132438" s="14" t="s">
        <v>18</v>
      </c>
      <c r="E132438" s="15">
        <v>45684</v>
      </c>
      <c r="F132438" s="14" t="s">
        <v>15</v>
      </c>
      <c r="G132438" s="16">
        <v>0</v>
      </c>
    </row>
    <row r="132439" spans="1:7" x14ac:dyDescent="0.3">
      <c r="A132439" s="13" t="s">
        <v>600</v>
      </c>
      <c r="B132439" s="14" t="s">
        <v>1</v>
      </c>
      <c r="C132439" s="14" t="s">
        <v>596</v>
      </c>
      <c r="D132439" s="14" t="s">
        <v>18</v>
      </c>
      <c r="E132439" s="15">
        <v>45685</v>
      </c>
      <c r="F132439" s="14" t="s">
        <v>15</v>
      </c>
      <c r="G132439" s="16">
        <v>0</v>
      </c>
    </row>
    <row r="132440" spans="1:7" x14ac:dyDescent="0.3">
      <c r="A132440" s="13" t="s">
        <v>600</v>
      </c>
      <c r="B132440" s="14" t="s">
        <v>1</v>
      </c>
      <c r="C132440" s="14" t="s">
        <v>596</v>
      </c>
      <c r="D132440" s="14" t="s">
        <v>18</v>
      </c>
      <c r="E132440" s="15">
        <v>45686</v>
      </c>
      <c r="F132440" s="14" t="s">
        <v>15</v>
      </c>
      <c r="G132440" s="16">
        <v>0</v>
      </c>
    </row>
    <row r="132441" spans="1:7" x14ac:dyDescent="0.3">
      <c r="A132441" s="13" t="s">
        <v>600</v>
      </c>
      <c r="B132441" s="14" t="s">
        <v>1</v>
      </c>
      <c r="C132441" s="14" t="s">
        <v>596</v>
      </c>
      <c r="D132441" s="14" t="s">
        <v>18</v>
      </c>
      <c r="E132441" s="15">
        <v>45687</v>
      </c>
      <c r="F132441" s="14" t="s">
        <v>15</v>
      </c>
      <c r="G132441" s="16">
        <v>0</v>
      </c>
    </row>
    <row r="132442" spans="1:7" x14ac:dyDescent="0.3">
      <c r="A132442" s="13" t="s">
        <v>600</v>
      </c>
      <c r="B132442" s="14" t="s">
        <v>1</v>
      </c>
      <c r="C132442" s="14" t="s">
        <v>596</v>
      </c>
      <c r="D132442" s="14" t="s">
        <v>18</v>
      </c>
      <c r="E132442" s="15">
        <v>45688</v>
      </c>
      <c r="F132442" s="14" t="s">
        <v>15</v>
      </c>
      <c r="G132442" s="16">
        <v>0</v>
      </c>
    </row>
    <row r="132443" spans="1:7" x14ac:dyDescent="0.3">
      <c r="A132443" s="13" t="s">
        <v>600</v>
      </c>
      <c r="B132443" s="14" t="s">
        <v>1</v>
      </c>
      <c r="C132443" s="14" t="s">
        <v>596</v>
      </c>
      <c r="D132443" s="14" t="s">
        <v>18</v>
      </c>
      <c r="E132443" s="15">
        <v>45689</v>
      </c>
      <c r="F132443" s="14" t="s">
        <v>15</v>
      </c>
      <c r="G132443" s="16">
        <v>0</v>
      </c>
    </row>
    <row r="132444" spans="1:7" x14ac:dyDescent="0.3">
      <c r="A132444" s="13" t="s">
        <v>600</v>
      </c>
      <c r="B132444" s="14" t="s">
        <v>1</v>
      </c>
      <c r="C132444" s="14" t="s">
        <v>596</v>
      </c>
      <c r="D132444" s="14" t="s">
        <v>18</v>
      </c>
      <c r="E132444" s="15">
        <v>45690</v>
      </c>
      <c r="F132444" s="14" t="s">
        <v>15</v>
      </c>
      <c r="G132444" s="16">
        <v>0</v>
      </c>
    </row>
    <row r="132445" spans="1:7" x14ac:dyDescent="0.3">
      <c r="A132445" s="13" t="s">
        <v>600</v>
      </c>
      <c r="B132445" s="14" t="s">
        <v>1</v>
      </c>
      <c r="C132445" s="14" t="s">
        <v>596</v>
      </c>
      <c r="D132445" s="14" t="s">
        <v>18</v>
      </c>
      <c r="E132445" s="15">
        <v>45691</v>
      </c>
      <c r="F132445" s="14" t="s">
        <v>15</v>
      </c>
      <c r="G132445" s="16">
        <v>0</v>
      </c>
    </row>
    <row r="132446" spans="1:7" x14ac:dyDescent="0.3">
      <c r="A132446" s="13" t="s">
        <v>600</v>
      </c>
      <c r="B132446" s="14" t="s">
        <v>1</v>
      </c>
      <c r="C132446" s="14" t="s">
        <v>596</v>
      </c>
      <c r="D132446" s="14" t="s">
        <v>18</v>
      </c>
      <c r="E132446" s="15">
        <v>45692</v>
      </c>
      <c r="F132446" s="14" t="s">
        <v>15</v>
      </c>
      <c r="G132446" s="16">
        <v>0</v>
      </c>
    </row>
    <row r="132447" spans="1:7" x14ac:dyDescent="0.3">
      <c r="A132447" s="13" t="s">
        <v>600</v>
      </c>
      <c r="B132447" s="14" t="s">
        <v>1</v>
      </c>
      <c r="C132447" s="14" t="s">
        <v>596</v>
      </c>
      <c r="D132447" s="14" t="s">
        <v>18</v>
      </c>
      <c r="E132447" s="15">
        <v>45693</v>
      </c>
      <c r="F132447" s="14" t="s">
        <v>15</v>
      </c>
      <c r="G132447" s="16">
        <v>0</v>
      </c>
    </row>
    <row r="132448" spans="1:7" x14ac:dyDescent="0.3">
      <c r="A132448" s="13" t="s">
        <v>600</v>
      </c>
      <c r="B132448" s="14" t="s">
        <v>1</v>
      </c>
      <c r="C132448" s="14" t="s">
        <v>596</v>
      </c>
      <c r="D132448" s="14" t="s">
        <v>18</v>
      </c>
      <c r="E132448" s="15">
        <v>45694</v>
      </c>
      <c r="F132448" s="14" t="s">
        <v>15</v>
      </c>
      <c r="G132448" s="16">
        <v>0</v>
      </c>
    </row>
    <row r="132449" spans="1:7" x14ac:dyDescent="0.3">
      <c r="A132449" s="13" t="s">
        <v>600</v>
      </c>
      <c r="B132449" s="14" t="s">
        <v>1</v>
      </c>
      <c r="C132449" s="14" t="s">
        <v>596</v>
      </c>
      <c r="D132449" s="14" t="s">
        <v>18</v>
      </c>
      <c r="E132449" s="15">
        <v>45695</v>
      </c>
      <c r="F132449" s="14" t="s">
        <v>15</v>
      </c>
      <c r="G132449" s="16">
        <v>0</v>
      </c>
    </row>
    <row r="132450" spans="1:7" x14ac:dyDescent="0.3">
      <c r="A132450" s="13" t="s">
        <v>600</v>
      </c>
      <c r="B132450" s="14" t="s">
        <v>1</v>
      </c>
      <c r="C132450" s="14" t="s">
        <v>596</v>
      </c>
      <c r="D132450" s="14" t="s">
        <v>18</v>
      </c>
      <c r="E132450" s="15">
        <v>45696</v>
      </c>
      <c r="F132450" s="14" t="s">
        <v>15</v>
      </c>
      <c r="G132450" s="16">
        <v>0</v>
      </c>
    </row>
    <row r="132451" spans="1:7" x14ac:dyDescent="0.3">
      <c r="A132451" s="13" t="s">
        <v>600</v>
      </c>
      <c r="B132451" s="14" t="s">
        <v>1</v>
      </c>
      <c r="C132451" s="14" t="s">
        <v>596</v>
      </c>
      <c r="D132451" s="14" t="s">
        <v>18</v>
      </c>
      <c r="E132451" s="15">
        <v>45697</v>
      </c>
      <c r="F132451" s="14" t="s">
        <v>15</v>
      </c>
      <c r="G132451" s="16">
        <v>0</v>
      </c>
    </row>
    <row r="132452" spans="1:7" x14ac:dyDescent="0.3">
      <c r="A132452" s="13" t="s">
        <v>600</v>
      </c>
      <c r="B132452" s="14" t="s">
        <v>1</v>
      </c>
      <c r="C132452" s="14" t="s">
        <v>596</v>
      </c>
      <c r="D132452" s="14" t="s">
        <v>18</v>
      </c>
      <c r="E132452" s="15">
        <v>45698</v>
      </c>
      <c r="F132452" s="14" t="s">
        <v>15</v>
      </c>
      <c r="G132452" s="16">
        <v>0</v>
      </c>
    </row>
    <row r="132453" spans="1:7" x14ac:dyDescent="0.3">
      <c r="A132453" s="13" t="s">
        <v>600</v>
      </c>
      <c r="B132453" s="14" t="s">
        <v>1</v>
      </c>
      <c r="C132453" s="14" t="s">
        <v>596</v>
      </c>
      <c r="D132453" s="14" t="s">
        <v>18</v>
      </c>
      <c r="E132453" s="15">
        <v>45699</v>
      </c>
      <c r="F132453" s="14" t="s">
        <v>15</v>
      </c>
      <c r="G132453" s="16">
        <v>0</v>
      </c>
    </row>
    <row r="132454" spans="1:7" x14ac:dyDescent="0.3">
      <c r="A132454" s="13" t="s">
        <v>600</v>
      </c>
      <c r="B132454" s="14" t="s">
        <v>1</v>
      </c>
      <c r="C132454" s="14" t="s">
        <v>596</v>
      </c>
      <c r="D132454" s="14" t="s">
        <v>18</v>
      </c>
      <c r="E132454" s="15">
        <v>45700</v>
      </c>
      <c r="F132454" s="14" t="s">
        <v>15</v>
      </c>
      <c r="G132454" s="16">
        <v>0</v>
      </c>
    </row>
    <row r="132455" spans="1:7" x14ac:dyDescent="0.3">
      <c r="A132455" s="13" t="s">
        <v>600</v>
      </c>
      <c r="B132455" s="14" t="s">
        <v>1</v>
      </c>
      <c r="C132455" s="14" t="s">
        <v>596</v>
      </c>
      <c r="D132455" s="14" t="s">
        <v>18</v>
      </c>
      <c r="E132455" s="15">
        <v>45701</v>
      </c>
      <c r="F132455" s="14" t="s">
        <v>15</v>
      </c>
      <c r="G132455" s="16">
        <v>0</v>
      </c>
    </row>
    <row r="132456" spans="1:7" x14ac:dyDescent="0.3">
      <c r="A132456" s="13" t="s">
        <v>600</v>
      </c>
      <c r="B132456" s="14" t="s">
        <v>1</v>
      </c>
      <c r="C132456" s="14" t="s">
        <v>596</v>
      </c>
      <c r="D132456" s="14" t="s">
        <v>18</v>
      </c>
      <c r="E132456" s="15">
        <v>45702</v>
      </c>
      <c r="F132456" s="14" t="s">
        <v>15</v>
      </c>
      <c r="G132456" s="16">
        <v>0</v>
      </c>
    </row>
    <row r="132457" spans="1:7" x14ac:dyDescent="0.3">
      <c r="A132457" s="13" t="s">
        <v>600</v>
      </c>
      <c r="B132457" s="14" t="s">
        <v>1</v>
      </c>
      <c r="C132457" s="14" t="s">
        <v>596</v>
      </c>
      <c r="D132457" s="14" t="s">
        <v>18</v>
      </c>
      <c r="E132457" s="15">
        <v>45703</v>
      </c>
      <c r="F132457" s="14" t="s">
        <v>15</v>
      </c>
      <c r="G132457" s="16">
        <v>0</v>
      </c>
    </row>
    <row r="132458" spans="1:7" x14ac:dyDescent="0.3">
      <c r="A132458" s="13" t="s">
        <v>600</v>
      </c>
      <c r="B132458" s="14" t="s">
        <v>1</v>
      </c>
      <c r="C132458" s="14" t="s">
        <v>596</v>
      </c>
      <c r="D132458" s="14" t="s">
        <v>18</v>
      </c>
      <c r="E132458" s="15">
        <v>45704</v>
      </c>
      <c r="F132458" s="14" t="s">
        <v>15</v>
      </c>
      <c r="G132458" s="16">
        <v>0</v>
      </c>
    </row>
    <row r="132459" spans="1:7" x14ac:dyDescent="0.3">
      <c r="A132459" s="13" t="s">
        <v>600</v>
      </c>
      <c r="B132459" s="14" t="s">
        <v>1</v>
      </c>
      <c r="C132459" s="14" t="s">
        <v>596</v>
      </c>
      <c r="D132459" s="14" t="s">
        <v>18</v>
      </c>
      <c r="E132459" s="15">
        <v>45705</v>
      </c>
      <c r="F132459" s="14" t="s">
        <v>15</v>
      </c>
      <c r="G132459" s="16">
        <v>0</v>
      </c>
    </row>
    <row r="132460" spans="1:7" x14ac:dyDescent="0.3">
      <c r="A132460" s="13" t="s">
        <v>600</v>
      </c>
      <c r="B132460" s="14" t="s">
        <v>1</v>
      </c>
      <c r="C132460" s="14" t="s">
        <v>596</v>
      </c>
      <c r="D132460" s="14" t="s">
        <v>18</v>
      </c>
      <c r="E132460" s="15">
        <v>45706</v>
      </c>
      <c r="F132460" s="14" t="s">
        <v>15</v>
      </c>
      <c r="G132460" s="16">
        <v>0</v>
      </c>
    </row>
    <row r="132461" spans="1:7" x14ac:dyDescent="0.3">
      <c r="A132461" s="13" t="s">
        <v>600</v>
      </c>
      <c r="B132461" s="14" t="s">
        <v>1</v>
      </c>
      <c r="C132461" s="14" t="s">
        <v>596</v>
      </c>
      <c r="D132461" s="14" t="s">
        <v>18</v>
      </c>
      <c r="E132461" s="15">
        <v>45707</v>
      </c>
      <c r="F132461" s="14" t="s">
        <v>15</v>
      </c>
      <c r="G132461" s="16">
        <v>0</v>
      </c>
    </row>
    <row r="132462" spans="1:7" x14ac:dyDescent="0.3">
      <c r="A132462" s="13" t="s">
        <v>600</v>
      </c>
      <c r="B132462" s="14" t="s">
        <v>1</v>
      </c>
      <c r="C132462" s="14" t="s">
        <v>596</v>
      </c>
      <c r="D132462" s="14" t="s">
        <v>18</v>
      </c>
      <c r="E132462" s="15">
        <v>45708</v>
      </c>
      <c r="F132462" s="14" t="s">
        <v>15</v>
      </c>
      <c r="G132462" s="16">
        <v>0</v>
      </c>
    </row>
    <row r="132463" spans="1:7" x14ac:dyDescent="0.3">
      <c r="A132463" s="13" t="s">
        <v>600</v>
      </c>
      <c r="B132463" s="14" t="s">
        <v>1</v>
      </c>
      <c r="C132463" s="14" t="s">
        <v>596</v>
      </c>
      <c r="D132463" s="14" t="s">
        <v>18</v>
      </c>
      <c r="E132463" s="15">
        <v>45709</v>
      </c>
      <c r="F132463" s="14" t="s">
        <v>15</v>
      </c>
      <c r="G132463" s="16">
        <v>0</v>
      </c>
    </row>
    <row r="132464" spans="1:7" x14ac:dyDescent="0.3">
      <c r="A132464" s="13" t="s">
        <v>600</v>
      </c>
      <c r="B132464" s="14" t="s">
        <v>1</v>
      </c>
      <c r="C132464" s="14" t="s">
        <v>596</v>
      </c>
      <c r="D132464" s="14" t="s">
        <v>18</v>
      </c>
      <c r="E132464" s="15">
        <v>45710</v>
      </c>
      <c r="F132464" s="14" t="s">
        <v>15</v>
      </c>
      <c r="G132464" s="16">
        <v>0</v>
      </c>
    </row>
    <row r="132465" spans="1:7" x14ac:dyDescent="0.3">
      <c r="A132465" s="13" t="s">
        <v>600</v>
      </c>
      <c r="B132465" s="14" t="s">
        <v>1</v>
      </c>
      <c r="C132465" s="14" t="s">
        <v>596</v>
      </c>
      <c r="D132465" s="14" t="s">
        <v>18</v>
      </c>
      <c r="E132465" s="15">
        <v>45711</v>
      </c>
      <c r="F132465" s="14" t="s">
        <v>15</v>
      </c>
      <c r="G132465" s="16">
        <v>0</v>
      </c>
    </row>
    <row r="132466" spans="1:7" x14ac:dyDescent="0.3">
      <c r="A132466" s="13" t="s">
        <v>600</v>
      </c>
      <c r="B132466" s="14" t="s">
        <v>1</v>
      </c>
      <c r="C132466" s="14" t="s">
        <v>596</v>
      </c>
      <c r="D132466" s="14" t="s">
        <v>18</v>
      </c>
      <c r="E132466" s="15">
        <v>45712</v>
      </c>
      <c r="F132466" s="14" t="s">
        <v>15</v>
      </c>
      <c r="G132466" s="16">
        <v>0</v>
      </c>
    </row>
    <row r="132467" spans="1:7" x14ac:dyDescent="0.3">
      <c r="A132467" s="13" t="s">
        <v>600</v>
      </c>
      <c r="B132467" s="14" t="s">
        <v>1</v>
      </c>
      <c r="C132467" s="14" t="s">
        <v>596</v>
      </c>
      <c r="D132467" s="14" t="s">
        <v>18</v>
      </c>
      <c r="E132467" s="15">
        <v>45713</v>
      </c>
      <c r="F132467" s="14" t="s">
        <v>15</v>
      </c>
      <c r="G132467" s="16">
        <v>0</v>
      </c>
    </row>
    <row r="132468" spans="1:7" x14ac:dyDescent="0.3">
      <c r="A132468" s="13" t="s">
        <v>600</v>
      </c>
      <c r="B132468" s="14" t="s">
        <v>1</v>
      </c>
      <c r="C132468" s="14" t="s">
        <v>596</v>
      </c>
      <c r="D132468" s="14" t="s">
        <v>18</v>
      </c>
      <c r="E132468" s="15">
        <v>45714</v>
      </c>
      <c r="F132468" s="14" t="s">
        <v>15</v>
      </c>
      <c r="G132468" s="16">
        <v>0</v>
      </c>
    </row>
    <row r="132469" spans="1:7" x14ac:dyDescent="0.3">
      <c r="A132469" s="13" t="s">
        <v>600</v>
      </c>
      <c r="B132469" s="14" t="s">
        <v>1</v>
      </c>
      <c r="C132469" s="14" t="s">
        <v>596</v>
      </c>
      <c r="D132469" s="14" t="s">
        <v>18</v>
      </c>
      <c r="E132469" s="15">
        <v>45715</v>
      </c>
      <c r="F132469" s="14" t="s">
        <v>15</v>
      </c>
      <c r="G132469" s="16">
        <v>0</v>
      </c>
    </row>
    <row r="132470" spans="1:7" x14ac:dyDescent="0.3">
      <c r="A132470" s="13" t="s">
        <v>600</v>
      </c>
      <c r="B132470" s="14" t="s">
        <v>1</v>
      </c>
      <c r="C132470" s="14" t="s">
        <v>596</v>
      </c>
      <c r="D132470" s="14" t="s">
        <v>18</v>
      </c>
      <c r="E132470" s="15">
        <v>45716</v>
      </c>
      <c r="F132470" s="14" t="s">
        <v>15</v>
      </c>
      <c r="G132470" s="16">
        <v>0</v>
      </c>
    </row>
    <row r="132471" spans="1:7" x14ac:dyDescent="0.3">
      <c r="A132471" s="13" t="s">
        <v>600</v>
      </c>
      <c r="B132471" s="14" t="s">
        <v>1</v>
      </c>
      <c r="C132471" s="14" t="s">
        <v>596</v>
      </c>
      <c r="D132471" s="14" t="s">
        <v>18</v>
      </c>
      <c r="E132471" s="15">
        <v>45717</v>
      </c>
      <c r="F132471" s="14" t="s">
        <v>15</v>
      </c>
      <c r="G132471" s="16">
        <v>0</v>
      </c>
    </row>
    <row r="132472" spans="1:7" x14ac:dyDescent="0.3">
      <c r="A132472" s="13" t="s">
        <v>600</v>
      </c>
      <c r="B132472" s="14" t="s">
        <v>1</v>
      </c>
      <c r="C132472" s="14" t="s">
        <v>596</v>
      </c>
      <c r="D132472" s="14" t="s">
        <v>18</v>
      </c>
      <c r="E132472" s="15">
        <v>45718</v>
      </c>
      <c r="F132472" s="14" t="s">
        <v>15</v>
      </c>
      <c r="G132472" s="16">
        <v>0</v>
      </c>
    </row>
    <row r="132473" spans="1:7" x14ac:dyDescent="0.3">
      <c r="A132473" s="13" t="s">
        <v>600</v>
      </c>
      <c r="B132473" s="14" t="s">
        <v>1</v>
      </c>
      <c r="C132473" s="14" t="s">
        <v>596</v>
      </c>
      <c r="D132473" s="14" t="s">
        <v>18</v>
      </c>
      <c r="E132473" s="15">
        <v>45719</v>
      </c>
      <c r="F132473" s="14" t="s">
        <v>15</v>
      </c>
      <c r="G132473" s="16">
        <v>0</v>
      </c>
    </row>
    <row r="132474" spans="1:7" x14ac:dyDescent="0.3">
      <c r="A132474" s="13" t="s">
        <v>600</v>
      </c>
      <c r="B132474" s="14" t="s">
        <v>1</v>
      </c>
      <c r="C132474" s="14" t="s">
        <v>596</v>
      </c>
      <c r="D132474" s="14" t="s">
        <v>18</v>
      </c>
      <c r="E132474" s="15">
        <v>45720</v>
      </c>
      <c r="F132474" s="14" t="s">
        <v>15</v>
      </c>
      <c r="G132474" s="16">
        <v>0</v>
      </c>
    </row>
    <row r="132475" spans="1:7" x14ac:dyDescent="0.3">
      <c r="A132475" s="13" t="s">
        <v>600</v>
      </c>
      <c r="B132475" s="14" t="s">
        <v>1</v>
      </c>
      <c r="C132475" s="14" t="s">
        <v>596</v>
      </c>
      <c r="D132475" s="14" t="s">
        <v>18</v>
      </c>
      <c r="E132475" s="15">
        <v>45721</v>
      </c>
      <c r="F132475" s="14" t="s">
        <v>15</v>
      </c>
      <c r="G132475" s="16">
        <v>0</v>
      </c>
    </row>
    <row r="132476" spans="1:7" x14ac:dyDescent="0.3">
      <c r="A132476" s="13" t="s">
        <v>600</v>
      </c>
      <c r="B132476" s="14" t="s">
        <v>1</v>
      </c>
      <c r="C132476" s="14" t="s">
        <v>596</v>
      </c>
      <c r="D132476" s="14" t="s">
        <v>18</v>
      </c>
      <c r="E132476" s="15">
        <v>45722</v>
      </c>
      <c r="F132476" s="14" t="s">
        <v>15</v>
      </c>
      <c r="G132476" s="16">
        <v>0</v>
      </c>
    </row>
    <row r="132477" spans="1:7" x14ac:dyDescent="0.3">
      <c r="A132477" s="13" t="s">
        <v>600</v>
      </c>
      <c r="B132477" s="14" t="s">
        <v>1</v>
      </c>
      <c r="C132477" s="14" t="s">
        <v>596</v>
      </c>
      <c r="D132477" s="14" t="s">
        <v>18</v>
      </c>
      <c r="E132477" s="15">
        <v>45723</v>
      </c>
      <c r="F132477" s="14" t="s">
        <v>15</v>
      </c>
      <c r="G132477" s="16">
        <v>0</v>
      </c>
    </row>
    <row r="132478" spans="1:7" x14ac:dyDescent="0.3">
      <c r="A132478" s="13" t="s">
        <v>600</v>
      </c>
      <c r="B132478" s="14" t="s">
        <v>1</v>
      </c>
      <c r="C132478" s="14" t="s">
        <v>596</v>
      </c>
      <c r="D132478" s="14" t="s">
        <v>18</v>
      </c>
      <c r="E132478" s="15">
        <v>45724</v>
      </c>
      <c r="F132478" s="14" t="s">
        <v>15</v>
      </c>
      <c r="G132478" s="16">
        <v>0</v>
      </c>
    </row>
    <row r="132479" spans="1:7" x14ac:dyDescent="0.3">
      <c r="A132479" s="13" t="s">
        <v>600</v>
      </c>
      <c r="B132479" s="14" t="s">
        <v>1</v>
      </c>
      <c r="C132479" s="14" t="s">
        <v>596</v>
      </c>
      <c r="D132479" s="14" t="s">
        <v>18</v>
      </c>
      <c r="E132479" s="15">
        <v>45725</v>
      </c>
      <c r="F132479" s="14" t="s">
        <v>15</v>
      </c>
      <c r="G132479" s="16">
        <v>0</v>
      </c>
    </row>
    <row r="132480" spans="1:7" x14ac:dyDescent="0.3">
      <c r="A132480" s="13" t="s">
        <v>600</v>
      </c>
      <c r="B132480" s="14" t="s">
        <v>1</v>
      </c>
      <c r="C132480" s="14" t="s">
        <v>596</v>
      </c>
      <c r="D132480" s="14" t="s">
        <v>18</v>
      </c>
      <c r="E132480" s="15">
        <v>45726</v>
      </c>
      <c r="F132480" s="14" t="s">
        <v>15</v>
      </c>
      <c r="G132480" s="16">
        <v>0</v>
      </c>
    </row>
    <row r="132481" spans="1:7" x14ac:dyDescent="0.3">
      <c r="A132481" s="13" t="s">
        <v>600</v>
      </c>
      <c r="B132481" s="14" t="s">
        <v>1</v>
      </c>
      <c r="C132481" s="14" t="s">
        <v>596</v>
      </c>
      <c r="D132481" s="14" t="s">
        <v>18</v>
      </c>
      <c r="E132481" s="15">
        <v>45727</v>
      </c>
      <c r="F132481" s="14" t="s">
        <v>15</v>
      </c>
      <c r="G132481" s="16">
        <v>0</v>
      </c>
    </row>
    <row r="132482" spans="1:7" x14ac:dyDescent="0.3">
      <c r="A132482" s="13" t="s">
        <v>600</v>
      </c>
      <c r="B132482" s="14" t="s">
        <v>1</v>
      </c>
      <c r="C132482" s="14" t="s">
        <v>596</v>
      </c>
      <c r="D132482" s="14" t="s">
        <v>18</v>
      </c>
      <c r="E132482" s="15">
        <v>45728</v>
      </c>
      <c r="F132482" s="14" t="s">
        <v>15</v>
      </c>
      <c r="G132482" s="16">
        <v>0</v>
      </c>
    </row>
    <row r="132483" spans="1:7" x14ac:dyDescent="0.3">
      <c r="A132483" s="13" t="s">
        <v>600</v>
      </c>
      <c r="B132483" s="14" t="s">
        <v>1</v>
      </c>
      <c r="C132483" s="14" t="s">
        <v>596</v>
      </c>
      <c r="D132483" s="14" t="s">
        <v>18</v>
      </c>
      <c r="E132483" s="15">
        <v>45729</v>
      </c>
      <c r="F132483" s="14" t="s">
        <v>15</v>
      </c>
      <c r="G132483" s="16">
        <v>0</v>
      </c>
    </row>
    <row r="132484" spans="1:7" x14ac:dyDescent="0.3">
      <c r="A132484" s="13" t="s">
        <v>600</v>
      </c>
      <c r="B132484" s="14" t="s">
        <v>1</v>
      </c>
      <c r="C132484" s="14" t="s">
        <v>596</v>
      </c>
      <c r="D132484" s="14" t="s">
        <v>18</v>
      </c>
      <c r="E132484" s="15">
        <v>45730</v>
      </c>
      <c r="F132484" s="14" t="s">
        <v>15</v>
      </c>
      <c r="G132484" s="16">
        <v>0</v>
      </c>
    </row>
    <row r="132485" spans="1:7" x14ac:dyDescent="0.3">
      <c r="A132485" s="13" t="s">
        <v>600</v>
      </c>
      <c r="B132485" s="14" t="s">
        <v>1</v>
      </c>
      <c r="C132485" s="14" t="s">
        <v>596</v>
      </c>
      <c r="D132485" s="14" t="s">
        <v>18</v>
      </c>
      <c r="E132485" s="15">
        <v>45731</v>
      </c>
      <c r="F132485" s="14" t="s">
        <v>15</v>
      </c>
      <c r="G132485" s="16">
        <v>0</v>
      </c>
    </row>
    <row r="132486" spans="1:7" x14ac:dyDescent="0.3">
      <c r="A132486" s="13" t="s">
        <v>600</v>
      </c>
      <c r="B132486" s="14" t="s">
        <v>1</v>
      </c>
      <c r="C132486" s="14" t="s">
        <v>596</v>
      </c>
      <c r="D132486" s="14" t="s">
        <v>18</v>
      </c>
      <c r="E132486" s="15">
        <v>45732</v>
      </c>
      <c r="F132486" s="14" t="s">
        <v>15</v>
      </c>
      <c r="G132486" s="16">
        <v>0</v>
      </c>
    </row>
    <row r="132487" spans="1:7" x14ac:dyDescent="0.3">
      <c r="A132487" s="13" t="s">
        <v>600</v>
      </c>
      <c r="B132487" s="14" t="s">
        <v>1</v>
      </c>
      <c r="C132487" s="14" t="s">
        <v>596</v>
      </c>
      <c r="D132487" s="14" t="s">
        <v>18</v>
      </c>
      <c r="E132487" s="15">
        <v>45733</v>
      </c>
      <c r="F132487" s="14" t="s">
        <v>15</v>
      </c>
      <c r="G132487" s="16">
        <v>0</v>
      </c>
    </row>
    <row r="132488" spans="1:7" x14ac:dyDescent="0.3">
      <c r="A132488" s="13" t="s">
        <v>600</v>
      </c>
      <c r="B132488" s="14" t="s">
        <v>1</v>
      </c>
      <c r="C132488" s="14" t="s">
        <v>596</v>
      </c>
      <c r="D132488" s="14" t="s">
        <v>18</v>
      </c>
      <c r="E132488" s="15">
        <v>45734</v>
      </c>
      <c r="F132488" s="14" t="s">
        <v>15</v>
      </c>
      <c r="G132488" s="16">
        <v>0</v>
      </c>
    </row>
    <row r="132489" spans="1:7" x14ac:dyDescent="0.3">
      <c r="A132489" s="13" t="s">
        <v>600</v>
      </c>
      <c r="B132489" s="14" t="s">
        <v>1</v>
      </c>
      <c r="C132489" s="14" t="s">
        <v>596</v>
      </c>
      <c r="D132489" s="14" t="s">
        <v>18</v>
      </c>
      <c r="E132489" s="15">
        <v>45735</v>
      </c>
      <c r="F132489" s="14" t="s">
        <v>15</v>
      </c>
      <c r="G132489" s="16">
        <v>0</v>
      </c>
    </row>
    <row r="132490" spans="1:7" x14ac:dyDescent="0.3">
      <c r="A132490" s="13" t="s">
        <v>600</v>
      </c>
      <c r="B132490" s="14" t="s">
        <v>1</v>
      </c>
      <c r="C132490" s="14" t="s">
        <v>596</v>
      </c>
      <c r="D132490" s="14" t="s">
        <v>18</v>
      </c>
      <c r="E132490" s="15">
        <v>45736</v>
      </c>
      <c r="F132490" s="14" t="s">
        <v>15</v>
      </c>
      <c r="G132490" s="16">
        <v>0</v>
      </c>
    </row>
    <row r="132491" spans="1:7" x14ac:dyDescent="0.3">
      <c r="A132491" s="13" t="s">
        <v>600</v>
      </c>
      <c r="B132491" s="14" t="s">
        <v>1</v>
      </c>
      <c r="C132491" s="14" t="s">
        <v>596</v>
      </c>
      <c r="D132491" s="14" t="s">
        <v>18</v>
      </c>
      <c r="E132491" s="15">
        <v>45737</v>
      </c>
      <c r="F132491" s="14" t="s">
        <v>15</v>
      </c>
      <c r="G132491" s="16">
        <v>0</v>
      </c>
    </row>
    <row r="132492" spans="1:7" x14ac:dyDescent="0.3">
      <c r="A132492" s="13" t="s">
        <v>600</v>
      </c>
      <c r="B132492" s="14" t="s">
        <v>1</v>
      </c>
      <c r="C132492" s="14" t="s">
        <v>596</v>
      </c>
      <c r="D132492" s="14" t="s">
        <v>18</v>
      </c>
      <c r="E132492" s="15">
        <v>45738</v>
      </c>
      <c r="F132492" s="14" t="s">
        <v>15</v>
      </c>
      <c r="G132492" s="16">
        <v>0</v>
      </c>
    </row>
    <row r="132493" spans="1:7" x14ac:dyDescent="0.3">
      <c r="A132493" s="13" t="s">
        <v>600</v>
      </c>
      <c r="B132493" s="14" t="s">
        <v>1</v>
      </c>
      <c r="C132493" s="14" t="s">
        <v>596</v>
      </c>
      <c r="D132493" s="14" t="s">
        <v>18</v>
      </c>
      <c r="E132493" s="15">
        <v>45739</v>
      </c>
      <c r="F132493" s="14" t="s">
        <v>15</v>
      </c>
      <c r="G132493" s="16">
        <v>0</v>
      </c>
    </row>
    <row r="132494" spans="1:7" x14ac:dyDescent="0.3">
      <c r="A132494" s="13" t="s">
        <v>600</v>
      </c>
      <c r="B132494" s="14" t="s">
        <v>1</v>
      </c>
      <c r="C132494" s="14" t="s">
        <v>596</v>
      </c>
      <c r="D132494" s="14" t="s">
        <v>18</v>
      </c>
      <c r="E132494" s="15">
        <v>45740</v>
      </c>
      <c r="F132494" s="14" t="s">
        <v>15</v>
      </c>
      <c r="G132494" s="16">
        <v>0</v>
      </c>
    </row>
    <row r="132495" spans="1:7" x14ac:dyDescent="0.3">
      <c r="A132495" s="13" t="s">
        <v>600</v>
      </c>
      <c r="B132495" s="14" t="s">
        <v>1</v>
      </c>
      <c r="C132495" s="14" t="s">
        <v>596</v>
      </c>
      <c r="D132495" s="14" t="s">
        <v>18</v>
      </c>
      <c r="E132495" s="15">
        <v>45741</v>
      </c>
      <c r="F132495" s="14" t="s">
        <v>15</v>
      </c>
      <c r="G132495" s="16">
        <v>0</v>
      </c>
    </row>
    <row r="132496" spans="1:7" x14ac:dyDescent="0.3">
      <c r="A132496" s="13" t="s">
        <v>600</v>
      </c>
      <c r="B132496" s="14" t="s">
        <v>1</v>
      </c>
      <c r="C132496" s="14" t="s">
        <v>596</v>
      </c>
      <c r="D132496" s="14" t="s">
        <v>18</v>
      </c>
      <c r="E132496" s="15">
        <v>45742</v>
      </c>
      <c r="F132496" s="14" t="s">
        <v>15</v>
      </c>
      <c r="G132496" s="16">
        <v>0</v>
      </c>
    </row>
    <row r="132497" spans="1:7" x14ac:dyDescent="0.3">
      <c r="A132497" s="13" t="s">
        <v>600</v>
      </c>
      <c r="B132497" s="14" t="s">
        <v>1</v>
      </c>
      <c r="C132497" s="14" t="s">
        <v>596</v>
      </c>
      <c r="D132497" s="14" t="s">
        <v>18</v>
      </c>
      <c r="E132497" s="15">
        <v>45743</v>
      </c>
      <c r="F132497" s="14" t="s">
        <v>15</v>
      </c>
      <c r="G132497" s="16">
        <v>0</v>
      </c>
    </row>
    <row r="132498" spans="1:7" x14ac:dyDescent="0.3">
      <c r="A132498" s="13" t="s">
        <v>600</v>
      </c>
      <c r="B132498" s="14" t="s">
        <v>1</v>
      </c>
      <c r="C132498" s="14" t="s">
        <v>596</v>
      </c>
      <c r="D132498" s="14" t="s">
        <v>18</v>
      </c>
      <c r="E132498" s="15">
        <v>45744</v>
      </c>
      <c r="F132498" s="14" t="s">
        <v>15</v>
      </c>
      <c r="G132498" s="16">
        <v>0</v>
      </c>
    </row>
    <row r="132499" spans="1:7" x14ac:dyDescent="0.3">
      <c r="A132499" s="13" t="s">
        <v>600</v>
      </c>
      <c r="B132499" s="14" t="s">
        <v>1</v>
      </c>
      <c r="C132499" s="14" t="s">
        <v>596</v>
      </c>
      <c r="D132499" s="14" t="s">
        <v>18</v>
      </c>
      <c r="E132499" s="15">
        <v>45745</v>
      </c>
      <c r="F132499" s="14" t="s">
        <v>15</v>
      </c>
      <c r="G132499" s="16">
        <v>0</v>
      </c>
    </row>
    <row r="132500" spans="1:7" x14ac:dyDescent="0.3">
      <c r="A132500" s="13" t="s">
        <v>600</v>
      </c>
      <c r="B132500" s="14" t="s">
        <v>1</v>
      </c>
      <c r="C132500" s="14" t="s">
        <v>596</v>
      </c>
      <c r="D132500" s="14" t="s">
        <v>18</v>
      </c>
      <c r="E132500" s="15">
        <v>45746</v>
      </c>
      <c r="F132500" s="14" t="s">
        <v>15</v>
      </c>
      <c r="G132500" s="16">
        <v>0</v>
      </c>
    </row>
    <row r="132501" spans="1:7" x14ac:dyDescent="0.3">
      <c r="A132501" s="13" t="s">
        <v>600</v>
      </c>
      <c r="B132501" s="14" t="s">
        <v>1</v>
      </c>
      <c r="C132501" s="14" t="s">
        <v>596</v>
      </c>
      <c r="D132501" s="14" t="s">
        <v>18</v>
      </c>
      <c r="E132501" s="15">
        <v>45747</v>
      </c>
      <c r="F132501" s="14" t="s">
        <v>15</v>
      </c>
      <c r="G132501" s="16">
        <v>0</v>
      </c>
    </row>
    <row r="132502" spans="1:7" x14ac:dyDescent="0.3">
      <c r="A132502" s="13" t="s">
        <v>601</v>
      </c>
      <c r="B132502" s="14" t="s">
        <v>1</v>
      </c>
      <c r="C132502" s="14" t="s">
        <v>596</v>
      </c>
      <c r="D132502" s="14" t="s">
        <v>39</v>
      </c>
      <c r="E132502" s="15">
        <v>45383</v>
      </c>
      <c r="F132502" s="14" t="s">
        <v>15</v>
      </c>
      <c r="G132502" s="16">
        <v>0</v>
      </c>
    </row>
    <row r="132503" spans="1:7" x14ac:dyDescent="0.3">
      <c r="A132503" s="13" t="s">
        <v>601</v>
      </c>
      <c r="B132503" s="14" t="s">
        <v>1</v>
      </c>
      <c r="C132503" s="14" t="s">
        <v>596</v>
      </c>
      <c r="D132503" s="14" t="s">
        <v>39</v>
      </c>
      <c r="E132503" s="15">
        <v>45384</v>
      </c>
      <c r="F132503" s="14" t="s">
        <v>15</v>
      </c>
      <c r="G132503" s="16">
        <v>0</v>
      </c>
    </row>
    <row r="132504" spans="1:7" x14ac:dyDescent="0.3">
      <c r="A132504" s="13" t="s">
        <v>601</v>
      </c>
      <c r="B132504" s="14" t="s">
        <v>1</v>
      </c>
      <c r="C132504" s="14" t="s">
        <v>596</v>
      </c>
      <c r="D132504" s="14" t="s">
        <v>39</v>
      </c>
      <c r="E132504" s="15">
        <v>45385</v>
      </c>
      <c r="F132504" s="14" t="s">
        <v>15</v>
      </c>
      <c r="G132504" s="16">
        <v>0</v>
      </c>
    </row>
    <row r="132505" spans="1:7" x14ac:dyDescent="0.3">
      <c r="A132505" s="13" t="s">
        <v>601</v>
      </c>
      <c r="B132505" s="14" t="s">
        <v>1</v>
      </c>
      <c r="C132505" s="14" t="s">
        <v>596</v>
      </c>
      <c r="D132505" s="14" t="s">
        <v>39</v>
      </c>
      <c r="E132505" s="15">
        <v>45386</v>
      </c>
      <c r="F132505" s="14" t="s">
        <v>15</v>
      </c>
      <c r="G132505" s="16">
        <v>0</v>
      </c>
    </row>
    <row r="132506" spans="1:7" x14ac:dyDescent="0.3">
      <c r="A132506" s="13" t="s">
        <v>601</v>
      </c>
      <c r="B132506" s="14" t="s">
        <v>1</v>
      </c>
      <c r="C132506" s="14" t="s">
        <v>596</v>
      </c>
      <c r="D132506" s="14" t="s">
        <v>39</v>
      </c>
      <c r="E132506" s="15">
        <v>45387</v>
      </c>
      <c r="F132506" s="14" t="s">
        <v>15</v>
      </c>
      <c r="G132506" s="16">
        <v>0</v>
      </c>
    </row>
    <row r="132507" spans="1:7" x14ac:dyDescent="0.3">
      <c r="A132507" s="13" t="s">
        <v>601</v>
      </c>
      <c r="B132507" s="14" t="s">
        <v>1</v>
      </c>
      <c r="C132507" s="14" t="s">
        <v>596</v>
      </c>
      <c r="D132507" s="14" t="s">
        <v>39</v>
      </c>
      <c r="E132507" s="15">
        <v>45388</v>
      </c>
      <c r="F132507" s="14" t="s">
        <v>15</v>
      </c>
      <c r="G132507" s="16">
        <v>0</v>
      </c>
    </row>
    <row r="132508" spans="1:7" x14ac:dyDescent="0.3">
      <c r="A132508" s="13" t="s">
        <v>601</v>
      </c>
      <c r="B132508" s="14" t="s">
        <v>1</v>
      </c>
      <c r="C132508" s="14" t="s">
        <v>596</v>
      </c>
      <c r="D132508" s="14" t="s">
        <v>39</v>
      </c>
      <c r="E132508" s="15">
        <v>45389</v>
      </c>
      <c r="F132508" s="14" t="s">
        <v>15</v>
      </c>
      <c r="G132508" s="16">
        <v>0</v>
      </c>
    </row>
    <row r="132509" spans="1:7" x14ac:dyDescent="0.3">
      <c r="A132509" s="13" t="s">
        <v>601</v>
      </c>
      <c r="B132509" s="14" t="s">
        <v>1</v>
      </c>
      <c r="C132509" s="14" t="s">
        <v>596</v>
      </c>
      <c r="D132509" s="14" t="s">
        <v>39</v>
      </c>
      <c r="E132509" s="15">
        <v>45390</v>
      </c>
      <c r="F132509" s="14" t="s">
        <v>15</v>
      </c>
      <c r="G132509" s="16">
        <v>0</v>
      </c>
    </row>
    <row r="132510" spans="1:7" x14ac:dyDescent="0.3">
      <c r="A132510" s="13" t="s">
        <v>601</v>
      </c>
      <c r="B132510" s="14" t="s">
        <v>1</v>
      </c>
      <c r="C132510" s="14" t="s">
        <v>596</v>
      </c>
      <c r="D132510" s="14" t="s">
        <v>39</v>
      </c>
      <c r="E132510" s="15">
        <v>45391</v>
      </c>
      <c r="F132510" s="14" t="s">
        <v>15</v>
      </c>
      <c r="G132510" s="16">
        <v>0</v>
      </c>
    </row>
    <row r="132511" spans="1:7" x14ac:dyDescent="0.3">
      <c r="A132511" s="13" t="s">
        <v>601</v>
      </c>
      <c r="B132511" s="14" t="s">
        <v>1</v>
      </c>
      <c r="C132511" s="14" t="s">
        <v>596</v>
      </c>
      <c r="D132511" s="14" t="s">
        <v>39</v>
      </c>
      <c r="E132511" s="15">
        <v>45392</v>
      </c>
      <c r="F132511" s="14" t="s">
        <v>15</v>
      </c>
      <c r="G132511" s="16">
        <v>0</v>
      </c>
    </row>
    <row r="132512" spans="1:7" x14ac:dyDescent="0.3">
      <c r="A132512" s="13" t="s">
        <v>601</v>
      </c>
      <c r="B132512" s="14" t="s">
        <v>1</v>
      </c>
      <c r="C132512" s="14" t="s">
        <v>596</v>
      </c>
      <c r="D132512" s="14" t="s">
        <v>39</v>
      </c>
      <c r="E132512" s="15">
        <v>45393</v>
      </c>
      <c r="F132512" s="14" t="s">
        <v>15</v>
      </c>
      <c r="G132512" s="16">
        <v>0</v>
      </c>
    </row>
    <row r="132513" spans="1:7" x14ac:dyDescent="0.3">
      <c r="A132513" s="13" t="s">
        <v>601</v>
      </c>
      <c r="B132513" s="14" t="s">
        <v>1</v>
      </c>
      <c r="C132513" s="14" t="s">
        <v>596</v>
      </c>
      <c r="D132513" s="14" t="s">
        <v>39</v>
      </c>
      <c r="E132513" s="15">
        <v>45394</v>
      </c>
      <c r="F132513" s="14" t="s">
        <v>15</v>
      </c>
      <c r="G132513" s="16">
        <v>0</v>
      </c>
    </row>
    <row r="132514" spans="1:7" x14ac:dyDescent="0.3">
      <c r="A132514" s="13" t="s">
        <v>601</v>
      </c>
      <c r="B132514" s="14" t="s">
        <v>1</v>
      </c>
      <c r="C132514" s="14" t="s">
        <v>596</v>
      </c>
      <c r="D132514" s="14" t="s">
        <v>39</v>
      </c>
      <c r="E132514" s="15">
        <v>45395</v>
      </c>
      <c r="F132514" s="14" t="s">
        <v>15</v>
      </c>
      <c r="G132514" s="16">
        <v>0</v>
      </c>
    </row>
    <row r="132515" spans="1:7" x14ac:dyDescent="0.3">
      <c r="A132515" s="13" t="s">
        <v>601</v>
      </c>
      <c r="B132515" s="14" t="s">
        <v>1</v>
      </c>
      <c r="C132515" s="14" t="s">
        <v>596</v>
      </c>
      <c r="D132515" s="14" t="s">
        <v>39</v>
      </c>
      <c r="E132515" s="15">
        <v>45396</v>
      </c>
      <c r="F132515" s="14" t="s">
        <v>15</v>
      </c>
      <c r="G132515" s="16">
        <v>0</v>
      </c>
    </row>
    <row r="132516" spans="1:7" x14ac:dyDescent="0.3">
      <c r="A132516" s="13" t="s">
        <v>601</v>
      </c>
      <c r="B132516" s="14" t="s">
        <v>1</v>
      </c>
      <c r="C132516" s="14" t="s">
        <v>596</v>
      </c>
      <c r="D132516" s="14" t="s">
        <v>39</v>
      </c>
      <c r="E132516" s="15">
        <v>45397</v>
      </c>
      <c r="F132516" s="14" t="s">
        <v>15</v>
      </c>
      <c r="G132516" s="16">
        <v>0</v>
      </c>
    </row>
    <row r="132517" spans="1:7" x14ac:dyDescent="0.3">
      <c r="A132517" s="13" t="s">
        <v>601</v>
      </c>
      <c r="B132517" s="14" t="s">
        <v>1</v>
      </c>
      <c r="C132517" s="14" t="s">
        <v>596</v>
      </c>
      <c r="D132517" s="14" t="s">
        <v>39</v>
      </c>
      <c r="E132517" s="15">
        <v>45398</v>
      </c>
      <c r="F132517" s="14" t="s">
        <v>15</v>
      </c>
      <c r="G132517" s="16">
        <v>0</v>
      </c>
    </row>
    <row r="132518" spans="1:7" x14ac:dyDescent="0.3">
      <c r="A132518" s="13" t="s">
        <v>601</v>
      </c>
      <c r="B132518" s="14" t="s">
        <v>1</v>
      </c>
      <c r="C132518" s="14" t="s">
        <v>596</v>
      </c>
      <c r="D132518" s="14" t="s">
        <v>39</v>
      </c>
      <c r="E132518" s="15">
        <v>45399</v>
      </c>
      <c r="F132518" s="14" t="s">
        <v>15</v>
      </c>
      <c r="G132518" s="16">
        <v>0</v>
      </c>
    </row>
    <row r="132519" spans="1:7" x14ac:dyDescent="0.3">
      <c r="A132519" s="13" t="s">
        <v>601</v>
      </c>
      <c r="B132519" s="14" t="s">
        <v>1</v>
      </c>
      <c r="C132519" s="14" t="s">
        <v>596</v>
      </c>
      <c r="D132519" s="14" t="s">
        <v>39</v>
      </c>
      <c r="E132519" s="15">
        <v>45400</v>
      </c>
      <c r="F132519" s="14" t="s">
        <v>15</v>
      </c>
      <c r="G132519" s="16">
        <v>0</v>
      </c>
    </row>
    <row r="132520" spans="1:7" x14ac:dyDescent="0.3">
      <c r="A132520" s="13" t="s">
        <v>601</v>
      </c>
      <c r="B132520" s="14" t="s">
        <v>1</v>
      </c>
      <c r="C132520" s="14" t="s">
        <v>596</v>
      </c>
      <c r="D132520" s="14" t="s">
        <v>39</v>
      </c>
      <c r="E132520" s="15">
        <v>45401</v>
      </c>
      <c r="F132520" s="14" t="s">
        <v>15</v>
      </c>
      <c r="G132520" s="16">
        <v>0</v>
      </c>
    </row>
    <row r="132521" spans="1:7" x14ac:dyDescent="0.3">
      <c r="A132521" s="13" t="s">
        <v>601</v>
      </c>
      <c r="B132521" s="14" t="s">
        <v>1</v>
      </c>
      <c r="C132521" s="14" t="s">
        <v>596</v>
      </c>
      <c r="D132521" s="14" t="s">
        <v>39</v>
      </c>
      <c r="E132521" s="15">
        <v>45402</v>
      </c>
      <c r="F132521" s="14" t="s">
        <v>15</v>
      </c>
      <c r="G132521" s="16">
        <v>0</v>
      </c>
    </row>
    <row r="132522" spans="1:7" x14ac:dyDescent="0.3">
      <c r="A132522" s="13" t="s">
        <v>601</v>
      </c>
      <c r="B132522" s="14" t="s">
        <v>1</v>
      </c>
      <c r="C132522" s="14" t="s">
        <v>596</v>
      </c>
      <c r="D132522" s="14" t="s">
        <v>39</v>
      </c>
      <c r="E132522" s="15">
        <v>45403</v>
      </c>
      <c r="F132522" s="14" t="s">
        <v>15</v>
      </c>
      <c r="G132522" s="16">
        <v>0</v>
      </c>
    </row>
    <row r="132523" spans="1:7" x14ac:dyDescent="0.3">
      <c r="A132523" s="13" t="s">
        <v>601</v>
      </c>
      <c r="B132523" s="14" t="s">
        <v>1</v>
      </c>
      <c r="C132523" s="14" t="s">
        <v>596</v>
      </c>
      <c r="D132523" s="14" t="s">
        <v>39</v>
      </c>
      <c r="E132523" s="15">
        <v>45404</v>
      </c>
      <c r="F132523" s="14" t="s">
        <v>15</v>
      </c>
      <c r="G132523" s="16">
        <v>0</v>
      </c>
    </row>
    <row r="132524" spans="1:7" x14ac:dyDescent="0.3">
      <c r="A132524" s="13" t="s">
        <v>601</v>
      </c>
      <c r="B132524" s="14" t="s">
        <v>1</v>
      </c>
      <c r="C132524" s="14" t="s">
        <v>596</v>
      </c>
      <c r="D132524" s="14" t="s">
        <v>39</v>
      </c>
      <c r="E132524" s="15">
        <v>45405</v>
      </c>
      <c r="F132524" s="14" t="s">
        <v>15</v>
      </c>
      <c r="G132524" s="16">
        <v>0</v>
      </c>
    </row>
    <row r="132525" spans="1:7" x14ac:dyDescent="0.3">
      <c r="A132525" s="13" t="s">
        <v>601</v>
      </c>
      <c r="B132525" s="14" t="s">
        <v>1</v>
      </c>
      <c r="C132525" s="14" t="s">
        <v>596</v>
      </c>
      <c r="D132525" s="14" t="s">
        <v>39</v>
      </c>
      <c r="E132525" s="15">
        <v>45406</v>
      </c>
      <c r="F132525" s="14" t="s">
        <v>15</v>
      </c>
      <c r="G132525" s="16">
        <v>0</v>
      </c>
    </row>
    <row r="132526" spans="1:7" x14ac:dyDescent="0.3">
      <c r="A132526" s="13" t="s">
        <v>601</v>
      </c>
      <c r="B132526" s="14" t="s">
        <v>1</v>
      </c>
      <c r="C132526" s="14" t="s">
        <v>596</v>
      </c>
      <c r="D132526" s="14" t="s">
        <v>39</v>
      </c>
      <c r="E132526" s="15">
        <v>45407</v>
      </c>
      <c r="F132526" s="14" t="s">
        <v>15</v>
      </c>
      <c r="G132526" s="16">
        <v>0</v>
      </c>
    </row>
    <row r="132527" spans="1:7" x14ac:dyDescent="0.3">
      <c r="A132527" s="13" t="s">
        <v>601</v>
      </c>
      <c r="B132527" s="14" t="s">
        <v>1</v>
      </c>
      <c r="C132527" s="14" t="s">
        <v>596</v>
      </c>
      <c r="D132527" s="14" t="s">
        <v>39</v>
      </c>
      <c r="E132527" s="15">
        <v>45408</v>
      </c>
      <c r="F132527" s="14" t="s">
        <v>15</v>
      </c>
      <c r="G132527" s="16">
        <v>0</v>
      </c>
    </row>
    <row r="132528" spans="1:7" x14ac:dyDescent="0.3">
      <c r="A132528" s="13" t="s">
        <v>601</v>
      </c>
      <c r="B132528" s="14" t="s">
        <v>1</v>
      </c>
      <c r="C132528" s="14" t="s">
        <v>596</v>
      </c>
      <c r="D132528" s="14" t="s">
        <v>39</v>
      </c>
      <c r="E132528" s="15">
        <v>45409</v>
      </c>
      <c r="F132528" s="14" t="s">
        <v>15</v>
      </c>
      <c r="G132528" s="16">
        <v>0</v>
      </c>
    </row>
    <row r="132529" spans="1:7" x14ac:dyDescent="0.3">
      <c r="A132529" s="13" t="s">
        <v>601</v>
      </c>
      <c r="B132529" s="14" t="s">
        <v>1</v>
      </c>
      <c r="C132529" s="14" t="s">
        <v>596</v>
      </c>
      <c r="D132529" s="14" t="s">
        <v>39</v>
      </c>
      <c r="E132529" s="15">
        <v>45410</v>
      </c>
      <c r="F132529" s="14" t="s">
        <v>15</v>
      </c>
      <c r="G132529" s="16">
        <v>0</v>
      </c>
    </row>
    <row r="132530" spans="1:7" x14ac:dyDescent="0.3">
      <c r="A132530" s="13" t="s">
        <v>601</v>
      </c>
      <c r="B132530" s="14" t="s">
        <v>1</v>
      </c>
      <c r="C132530" s="14" t="s">
        <v>596</v>
      </c>
      <c r="D132530" s="14" t="s">
        <v>39</v>
      </c>
      <c r="E132530" s="15">
        <v>45411</v>
      </c>
      <c r="F132530" s="14" t="s">
        <v>15</v>
      </c>
      <c r="G132530" s="16">
        <v>0</v>
      </c>
    </row>
    <row r="132531" spans="1:7" x14ac:dyDescent="0.3">
      <c r="A132531" s="13" t="s">
        <v>601</v>
      </c>
      <c r="B132531" s="14" t="s">
        <v>1</v>
      </c>
      <c r="C132531" s="14" t="s">
        <v>596</v>
      </c>
      <c r="D132531" s="14" t="s">
        <v>39</v>
      </c>
      <c r="E132531" s="15">
        <v>45412</v>
      </c>
      <c r="F132531" s="14" t="s">
        <v>15</v>
      </c>
      <c r="G132531" s="16">
        <v>0</v>
      </c>
    </row>
    <row r="132532" spans="1:7" x14ac:dyDescent="0.3">
      <c r="A132532" s="13" t="s">
        <v>601</v>
      </c>
      <c r="B132532" s="14" t="s">
        <v>1</v>
      </c>
      <c r="C132532" s="14" t="s">
        <v>596</v>
      </c>
      <c r="D132532" s="14" t="s">
        <v>39</v>
      </c>
      <c r="E132532" s="15">
        <v>45413</v>
      </c>
      <c r="F132532" s="14" t="s">
        <v>15</v>
      </c>
      <c r="G132532" s="16">
        <v>0</v>
      </c>
    </row>
    <row r="132533" spans="1:7" x14ac:dyDescent="0.3">
      <c r="A132533" s="13" t="s">
        <v>601</v>
      </c>
      <c r="B132533" s="14" t="s">
        <v>1</v>
      </c>
      <c r="C132533" s="14" t="s">
        <v>596</v>
      </c>
      <c r="D132533" s="14" t="s">
        <v>39</v>
      </c>
      <c r="E132533" s="15">
        <v>45414</v>
      </c>
      <c r="F132533" s="14" t="s">
        <v>15</v>
      </c>
      <c r="G132533" s="16">
        <v>0</v>
      </c>
    </row>
    <row r="132534" spans="1:7" x14ac:dyDescent="0.3">
      <c r="A132534" s="13" t="s">
        <v>601</v>
      </c>
      <c r="B132534" s="14" t="s">
        <v>1</v>
      </c>
      <c r="C132534" s="14" t="s">
        <v>596</v>
      </c>
      <c r="D132534" s="14" t="s">
        <v>39</v>
      </c>
      <c r="E132534" s="15">
        <v>45415</v>
      </c>
      <c r="F132534" s="14" t="s">
        <v>15</v>
      </c>
      <c r="G132534" s="16">
        <v>0</v>
      </c>
    </row>
    <row r="132535" spans="1:7" x14ac:dyDescent="0.3">
      <c r="A132535" s="13" t="s">
        <v>601</v>
      </c>
      <c r="B132535" s="14" t="s">
        <v>1</v>
      </c>
      <c r="C132535" s="14" t="s">
        <v>596</v>
      </c>
      <c r="D132535" s="14" t="s">
        <v>39</v>
      </c>
      <c r="E132535" s="15">
        <v>45416</v>
      </c>
      <c r="F132535" s="14" t="s">
        <v>15</v>
      </c>
      <c r="G132535" s="16">
        <v>0</v>
      </c>
    </row>
    <row r="132536" spans="1:7" x14ac:dyDescent="0.3">
      <c r="A132536" s="13" t="s">
        <v>601</v>
      </c>
      <c r="B132536" s="14" t="s">
        <v>1</v>
      </c>
      <c r="C132536" s="14" t="s">
        <v>596</v>
      </c>
      <c r="D132536" s="14" t="s">
        <v>39</v>
      </c>
      <c r="E132536" s="15">
        <v>45417</v>
      </c>
      <c r="F132536" s="14" t="s">
        <v>15</v>
      </c>
      <c r="G132536" s="16">
        <v>0</v>
      </c>
    </row>
    <row r="132537" spans="1:7" x14ac:dyDescent="0.3">
      <c r="A132537" s="13" t="s">
        <v>601</v>
      </c>
      <c r="B132537" s="14" t="s">
        <v>1</v>
      </c>
      <c r="C132537" s="14" t="s">
        <v>596</v>
      </c>
      <c r="D132537" s="14" t="s">
        <v>39</v>
      </c>
      <c r="E132537" s="15">
        <v>45418</v>
      </c>
      <c r="F132537" s="14" t="s">
        <v>15</v>
      </c>
      <c r="G132537" s="16">
        <v>0</v>
      </c>
    </row>
    <row r="132538" spans="1:7" x14ac:dyDescent="0.3">
      <c r="A132538" s="13" t="s">
        <v>601</v>
      </c>
      <c r="B132538" s="14" t="s">
        <v>1</v>
      </c>
      <c r="C132538" s="14" t="s">
        <v>596</v>
      </c>
      <c r="D132538" s="14" t="s">
        <v>39</v>
      </c>
      <c r="E132538" s="15">
        <v>45419</v>
      </c>
      <c r="F132538" s="14" t="s">
        <v>15</v>
      </c>
      <c r="G132538" s="16">
        <v>0</v>
      </c>
    </row>
    <row r="132539" spans="1:7" x14ac:dyDescent="0.3">
      <c r="A132539" s="13" t="s">
        <v>601</v>
      </c>
      <c r="B132539" s="14" t="s">
        <v>1</v>
      </c>
      <c r="C132539" s="14" t="s">
        <v>596</v>
      </c>
      <c r="D132539" s="14" t="s">
        <v>39</v>
      </c>
      <c r="E132539" s="15">
        <v>45420</v>
      </c>
      <c r="F132539" s="14" t="s">
        <v>15</v>
      </c>
      <c r="G132539" s="16">
        <v>0</v>
      </c>
    </row>
    <row r="132540" spans="1:7" x14ac:dyDescent="0.3">
      <c r="A132540" s="13" t="s">
        <v>601</v>
      </c>
      <c r="B132540" s="14" t="s">
        <v>1</v>
      </c>
      <c r="C132540" s="14" t="s">
        <v>596</v>
      </c>
      <c r="D132540" s="14" t="s">
        <v>39</v>
      </c>
      <c r="E132540" s="15">
        <v>45421</v>
      </c>
      <c r="F132540" s="14" t="s">
        <v>15</v>
      </c>
      <c r="G132540" s="16">
        <v>0</v>
      </c>
    </row>
    <row r="132541" spans="1:7" x14ac:dyDescent="0.3">
      <c r="A132541" s="13" t="s">
        <v>601</v>
      </c>
      <c r="B132541" s="14" t="s">
        <v>1</v>
      </c>
      <c r="C132541" s="14" t="s">
        <v>596</v>
      </c>
      <c r="D132541" s="14" t="s">
        <v>39</v>
      </c>
      <c r="E132541" s="15">
        <v>45422</v>
      </c>
      <c r="F132541" s="14" t="s">
        <v>15</v>
      </c>
      <c r="G132541" s="16">
        <v>0</v>
      </c>
    </row>
    <row r="132542" spans="1:7" x14ac:dyDescent="0.3">
      <c r="A132542" s="13" t="s">
        <v>601</v>
      </c>
      <c r="B132542" s="14" t="s">
        <v>1</v>
      </c>
      <c r="C132542" s="14" t="s">
        <v>596</v>
      </c>
      <c r="D132542" s="14" t="s">
        <v>39</v>
      </c>
      <c r="E132542" s="15">
        <v>45423</v>
      </c>
      <c r="F132542" s="14" t="s">
        <v>15</v>
      </c>
      <c r="G132542" s="16">
        <v>0</v>
      </c>
    </row>
    <row r="132543" spans="1:7" x14ac:dyDescent="0.3">
      <c r="A132543" s="13" t="s">
        <v>601</v>
      </c>
      <c r="B132543" s="14" t="s">
        <v>1</v>
      </c>
      <c r="C132543" s="14" t="s">
        <v>596</v>
      </c>
      <c r="D132543" s="14" t="s">
        <v>39</v>
      </c>
      <c r="E132543" s="15">
        <v>45424</v>
      </c>
      <c r="F132543" s="14" t="s">
        <v>15</v>
      </c>
      <c r="G132543" s="16">
        <v>0</v>
      </c>
    </row>
    <row r="132544" spans="1:7" x14ac:dyDescent="0.3">
      <c r="A132544" s="13" t="s">
        <v>601</v>
      </c>
      <c r="B132544" s="14" t="s">
        <v>1</v>
      </c>
      <c r="C132544" s="14" t="s">
        <v>596</v>
      </c>
      <c r="D132544" s="14" t="s">
        <v>39</v>
      </c>
      <c r="E132544" s="15">
        <v>45425</v>
      </c>
      <c r="F132544" s="14" t="s">
        <v>15</v>
      </c>
      <c r="G132544" s="16">
        <v>0</v>
      </c>
    </row>
    <row r="132545" spans="1:7" x14ac:dyDescent="0.3">
      <c r="A132545" s="13" t="s">
        <v>601</v>
      </c>
      <c r="B132545" s="14" t="s">
        <v>1</v>
      </c>
      <c r="C132545" s="14" t="s">
        <v>596</v>
      </c>
      <c r="D132545" s="14" t="s">
        <v>39</v>
      </c>
      <c r="E132545" s="15">
        <v>45426</v>
      </c>
      <c r="F132545" s="14" t="s">
        <v>15</v>
      </c>
      <c r="G132545" s="16">
        <v>0</v>
      </c>
    </row>
    <row r="132546" spans="1:7" x14ac:dyDescent="0.3">
      <c r="A132546" s="13" t="s">
        <v>601</v>
      </c>
      <c r="B132546" s="14" t="s">
        <v>1</v>
      </c>
      <c r="C132546" s="14" t="s">
        <v>596</v>
      </c>
      <c r="D132546" s="14" t="s">
        <v>39</v>
      </c>
      <c r="E132546" s="15">
        <v>45427</v>
      </c>
      <c r="F132546" s="14" t="s">
        <v>15</v>
      </c>
      <c r="G132546" s="16">
        <v>0</v>
      </c>
    </row>
    <row r="132547" spans="1:7" x14ac:dyDescent="0.3">
      <c r="A132547" s="13" t="s">
        <v>601</v>
      </c>
      <c r="B132547" s="14" t="s">
        <v>1</v>
      </c>
      <c r="C132547" s="14" t="s">
        <v>596</v>
      </c>
      <c r="D132547" s="14" t="s">
        <v>39</v>
      </c>
      <c r="E132547" s="15">
        <v>45428</v>
      </c>
      <c r="F132547" s="14" t="s">
        <v>15</v>
      </c>
      <c r="G132547" s="16">
        <v>0</v>
      </c>
    </row>
    <row r="132548" spans="1:7" x14ac:dyDescent="0.3">
      <c r="A132548" s="13" t="s">
        <v>601</v>
      </c>
      <c r="B132548" s="14" t="s">
        <v>1</v>
      </c>
      <c r="C132548" s="14" t="s">
        <v>596</v>
      </c>
      <c r="D132548" s="14" t="s">
        <v>39</v>
      </c>
      <c r="E132548" s="15">
        <v>45429</v>
      </c>
      <c r="F132548" s="14" t="s">
        <v>15</v>
      </c>
      <c r="G132548" s="16">
        <v>0</v>
      </c>
    </row>
    <row r="132549" spans="1:7" x14ac:dyDescent="0.3">
      <c r="A132549" s="13" t="s">
        <v>601</v>
      </c>
      <c r="B132549" s="14" t="s">
        <v>1</v>
      </c>
      <c r="C132549" s="14" t="s">
        <v>596</v>
      </c>
      <c r="D132549" s="14" t="s">
        <v>39</v>
      </c>
      <c r="E132549" s="15">
        <v>45430</v>
      </c>
      <c r="F132549" s="14" t="s">
        <v>15</v>
      </c>
      <c r="G132549" s="16">
        <v>0</v>
      </c>
    </row>
    <row r="132550" spans="1:7" x14ac:dyDescent="0.3">
      <c r="A132550" s="13" t="s">
        <v>601</v>
      </c>
      <c r="B132550" s="14" t="s">
        <v>1</v>
      </c>
      <c r="C132550" s="14" t="s">
        <v>596</v>
      </c>
      <c r="D132550" s="14" t="s">
        <v>39</v>
      </c>
      <c r="E132550" s="15">
        <v>45431</v>
      </c>
      <c r="F132550" s="14" t="s">
        <v>15</v>
      </c>
      <c r="G132550" s="16">
        <v>0</v>
      </c>
    </row>
    <row r="132551" spans="1:7" x14ac:dyDescent="0.3">
      <c r="A132551" s="13" t="s">
        <v>601</v>
      </c>
      <c r="B132551" s="14" t="s">
        <v>1</v>
      </c>
      <c r="C132551" s="14" t="s">
        <v>596</v>
      </c>
      <c r="D132551" s="14" t="s">
        <v>39</v>
      </c>
      <c r="E132551" s="15">
        <v>45432</v>
      </c>
      <c r="F132551" s="14" t="s">
        <v>15</v>
      </c>
      <c r="G132551" s="16">
        <v>0</v>
      </c>
    </row>
    <row r="132552" spans="1:7" x14ac:dyDescent="0.3">
      <c r="A132552" s="13" t="s">
        <v>601</v>
      </c>
      <c r="B132552" s="14" t="s">
        <v>1</v>
      </c>
      <c r="C132552" s="14" t="s">
        <v>596</v>
      </c>
      <c r="D132552" s="14" t="s">
        <v>39</v>
      </c>
      <c r="E132552" s="15">
        <v>45433</v>
      </c>
      <c r="F132552" s="14" t="s">
        <v>15</v>
      </c>
      <c r="G132552" s="16">
        <v>0</v>
      </c>
    </row>
    <row r="132553" spans="1:7" x14ac:dyDescent="0.3">
      <c r="A132553" s="13" t="s">
        <v>601</v>
      </c>
      <c r="B132553" s="14" t="s">
        <v>1</v>
      </c>
      <c r="C132553" s="14" t="s">
        <v>596</v>
      </c>
      <c r="D132553" s="14" t="s">
        <v>39</v>
      </c>
      <c r="E132553" s="15">
        <v>45434</v>
      </c>
      <c r="F132553" s="14" t="s">
        <v>15</v>
      </c>
      <c r="G132553" s="16">
        <v>0</v>
      </c>
    </row>
    <row r="132554" spans="1:7" x14ac:dyDescent="0.3">
      <c r="A132554" s="13" t="s">
        <v>601</v>
      </c>
      <c r="B132554" s="14" t="s">
        <v>1</v>
      </c>
      <c r="C132554" s="14" t="s">
        <v>596</v>
      </c>
      <c r="D132554" s="14" t="s">
        <v>39</v>
      </c>
      <c r="E132554" s="15">
        <v>45435</v>
      </c>
      <c r="F132554" s="14" t="s">
        <v>15</v>
      </c>
      <c r="G132554" s="16">
        <v>0</v>
      </c>
    </row>
    <row r="132555" spans="1:7" x14ac:dyDescent="0.3">
      <c r="A132555" s="13" t="s">
        <v>601</v>
      </c>
      <c r="B132555" s="14" t="s">
        <v>1</v>
      </c>
      <c r="C132555" s="14" t="s">
        <v>596</v>
      </c>
      <c r="D132555" s="14" t="s">
        <v>39</v>
      </c>
      <c r="E132555" s="15">
        <v>45436</v>
      </c>
      <c r="F132555" s="14" t="s">
        <v>15</v>
      </c>
      <c r="G132555" s="16">
        <v>0</v>
      </c>
    </row>
    <row r="132556" spans="1:7" x14ac:dyDescent="0.3">
      <c r="A132556" s="13" t="s">
        <v>601</v>
      </c>
      <c r="B132556" s="14" t="s">
        <v>1</v>
      </c>
      <c r="C132556" s="14" t="s">
        <v>596</v>
      </c>
      <c r="D132556" s="14" t="s">
        <v>39</v>
      </c>
      <c r="E132556" s="15">
        <v>45437</v>
      </c>
      <c r="F132556" s="14" t="s">
        <v>15</v>
      </c>
      <c r="G132556" s="16">
        <v>0</v>
      </c>
    </row>
    <row r="132557" spans="1:7" x14ac:dyDescent="0.3">
      <c r="A132557" s="13" t="s">
        <v>601</v>
      </c>
      <c r="B132557" s="14" t="s">
        <v>1</v>
      </c>
      <c r="C132557" s="14" t="s">
        <v>596</v>
      </c>
      <c r="D132557" s="14" t="s">
        <v>39</v>
      </c>
      <c r="E132557" s="15">
        <v>45438</v>
      </c>
      <c r="F132557" s="14" t="s">
        <v>15</v>
      </c>
      <c r="G132557" s="16">
        <v>0</v>
      </c>
    </row>
    <row r="132558" spans="1:7" x14ac:dyDescent="0.3">
      <c r="A132558" s="13" t="s">
        <v>601</v>
      </c>
      <c r="B132558" s="14" t="s">
        <v>1</v>
      </c>
      <c r="C132558" s="14" t="s">
        <v>596</v>
      </c>
      <c r="D132558" s="14" t="s">
        <v>39</v>
      </c>
      <c r="E132558" s="15">
        <v>45439</v>
      </c>
      <c r="F132558" s="14" t="s">
        <v>15</v>
      </c>
      <c r="G132558" s="16">
        <v>0</v>
      </c>
    </row>
    <row r="132559" spans="1:7" x14ac:dyDescent="0.3">
      <c r="A132559" s="13" t="s">
        <v>601</v>
      </c>
      <c r="B132559" s="14" t="s">
        <v>1</v>
      </c>
      <c r="C132559" s="14" t="s">
        <v>596</v>
      </c>
      <c r="D132559" s="14" t="s">
        <v>39</v>
      </c>
      <c r="E132559" s="15">
        <v>45440</v>
      </c>
      <c r="F132559" s="14" t="s">
        <v>15</v>
      </c>
      <c r="G132559" s="16">
        <v>0</v>
      </c>
    </row>
    <row r="132560" spans="1:7" x14ac:dyDescent="0.3">
      <c r="A132560" s="13" t="s">
        <v>601</v>
      </c>
      <c r="B132560" s="14" t="s">
        <v>1</v>
      </c>
      <c r="C132560" s="14" t="s">
        <v>596</v>
      </c>
      <c r="D132560" s="14" t="s">
        <v>39</v>
      </c>
      <c r="E132560" s="15">
        <v>45441</v>
      </c>
      <c r="F132560" s="14" t="s">
        <v>15</v>
      </c>
      <c r="G132560" s="16">
        <v>0</v>
      </c>
    </row>
    <row r="132561" spans="1:7" x14ac:dyDescent="0.3">
      <c r="A132561" s="13" t="s">
        <v>601</v>
      </c>
      <c r="B132561" s="14" t="s">
        <v>1</v>
      </c>
      <c r="C132561" s="14" t="s">
        <v>596</v>
      </c>
      <c r="D132561" s="14" t="s">
        <v>39</v>
      </c>
      <c r="E132561" s="15">
        <v>45442</v>
      </c>
      <c r="F132561" s="14" t="s">
        <v>15</v>
      </c>
      <c r="G132561" s="16">
        <v>0</v>
      </c>
    </row>
    <row r="132562" spans="1:7" x14ac:dyDescent="0.3">
      <c r="A132562" s="13" t="s">
        <v>601</v>
      </c>
      <c r="B132562" s="14" t="s">
        <v>1</v>
      </c>
      <c r="C132562" s="14" t="s">
        <v>596</v>
      </c>
      <c r="D132562" s="14" t="s">
        <v>39</v>
      </c>
      <c r="E132562" s="15">
        <v>45443</v>
      </c>
      <c r="F132562" s="14" t="s">
        <v>15</v>
      </c>
      <c r="G132562" s="16">
        <v>0</v>
      </c>
    </row>
    <row r="132563" spans="1:7" x14ac:dyDescent="0.3">
      <c r="A132563" s="13" t="s">
        <v>601</v>
      </c>
      <c r="B132563" s="14" t="s">
        <v>1</v>
      </c>
      <c r="C132563" s="14" t="s">
        <v>596</v>
      </c>
      <c r="D132563" s="14" t="s">
        <v>39</v>
      </c>
      <c r="E132563" s="15">
        <v>45444</v>
      </c>
      <c r="F132563" s="14" t="s">
        <v>15</v>
      </c>
      <c r="G132563" s="16">
        <v>0</v>
      </c>
    </row>
    <row r="132564" spans="1:7" x14ac:dyDescent="0.3">
      <c r="A132564" s="13" t="s">
        <v>601</v>
      </c>
      <c r="B132564" s="14" t="s">
        <v>1</v>
      </c>
      <c r="C132564" s="14" t="s">
        <v>596</v>
      </c>
      <c r="D132564" s="14" t="s">
        <v>39</v>
      </c>
      <c r="E132564" s="15">
        <v>45445</v>
      </c>
      <c r="F132564" s="14" t="s">
        <v>15</v>
      </c>
      <c r="G132564" s="16">
        <v>0</v>
      </c>
    </row>
    <row r="132565" spans="1:7" x14ac:dyDescent="0.3">
      <c r="A132565" s="13" t="s">
        <v>601</v>
      </c>
      <c r="B132565" s="14" t="s">
        <v>1</v>
      </c>
      <c r="C132565" s="14" t="s">
        <v>596</v>
      </c>
      <c r="D132565" s="14" t="s">
        <v>39</v>
      </c>
      <c r="E132565" s="15">
        <v>45446</v>
      </c>
      <c r="F132565" s="14" t="s">
        <v>15</v>
      </c>
      <c r="G132565" s="16">
        <v>0</v>
      </c>
    </row>
    <row r="132566" spans="1:7" x14ac:dyDescent="0.3">
      <c r="A132566" s="13" t="s">
        <v>601</v>
      </c>
      <c r="B132566" s="14" t="s">
        <v>1</v>
      </c>
      <c r="C132566" s="14" t="s">
        <v>596</v>
      </c>
      <c r="D132566" s="14" t="s">
        <v>39</v>
      </c>
      <c r="E132566" s="15">
        <v>45447</v>
      </c>
      <c r="F132566" s="14" t="s">
        <v>15</v>
      </c>
      <c r="G132566" s="16">
        <v>0</v>
      </c>
    </row>
    <row r="132567" spans="1:7" x14ac:dyDescent="0.3">
      <c r="A132567" s="13" t="s">
        <v>601</v>
      </c>
      <c r="B132567" s="14" t="s">
        <v>1</v>
      </c>
      <c r="C132567" s="14" t="s">
        <v>596</v>
      </c>
      <c r="D132567" s="14" t="s">
        <v>39</v>
      </c>
      <c r="E132567" s="15">
        <v>45448</v>
      </c>
      <c r="F132567" s="14" t="s">
        <v>15</v>
      </c>
      <c r="G132567" s="16">
        <v>0</v>
      </c>
    </row>
    <row r="132568" spans="1:7" x14ac:dyDescent="0.3">
      <c r="A132568" s="13" t="s">
        <v>601</v>
      </c>
      <c r="B132568" s="14" t="s">
        <v>1</v>
      </c>
      <c r="C132568" s="14" t="s">
        <v>596</v>
      </c>
      <c r="D132568" s="14" t="s">
        <v>39</v>
      </c>
      <c r="E132568" s="15">
        <v>45449</v>
      </c>
      <c r="F132568" s="14" t="s">
        <v>15</v>
      </c>
      <c r="G132568" s="16">
        <v>0</v>
      </c>
    </row>
    <row r="132569" spans="1:7" x14ac:dyDescent="0.3">
      <c r="A132569" s="13" t="s">
        <v>601</v>
      </c>
      <c r="B132569" s="14" t="s">
        <v>1</v>
      </c>
      <c r="C132569" s="14" t="s">
        <v>596</v>
      </c>
      <c r="D132569" s="14" t="s">
        <v>39</v>
      </c>
      <c r="E132569" s="15">
        <v>45450</v>
      </c>
      <c r="F132569" s="14" t="s">
        <v>15</v>
      </c>
      <c r="G132569" s="16">
        <v>0</v>
      </c>
    </row>
    <row r="132570" spans="1:7" x14ac:dyDescent="0.3">
      <c r="A132570" s="13" t="s">
        <v>601</v>
      </c>
      <c r="B132570" s="14" t="s">
        <v>1</v>
      </c>
      <c r="C132570" s="14" t="s">
        <v>596</v>
      </c>
      <c r="D132570" s="14" t="s">
        <v>39</v>
      </c>
      <c r="E132570" s="15">
        <v>45451</v>
      </c>
      <c r="F132570" s="14" t="s">
        <v>15</v>
      </c>
      <c r="G132570" s="16">
        <v>0</v>
      </c>
    </row>
    <row r="132571" spans="1:7" x14ac:dyDescent="0.3">
      <c r="A132571" s="13" t="s">
        <v>601</v>
      </c>
      <c r="B132571" s="14" t="s">
        <v>1</v>
      </c>
      <c r="C132571" s="14" t="s">
        <v>596</v>
      </c>
      <c r="D132571" s="14" t="s">
        <v>39</v>
      </c>
      <c r="E132571" s="15">
        <v>45452</v>
      </c>
      <c r="F132571" s="14" t="s">
        <v>15</v>
      </c>
      <c r="G132571" s="16">
        <v>0</v>
      </c>
    </row>
    <row r="132572" spans="1:7" x14ac:dyDescent="0.3">
      <c r="A132572" s="13" t="s">
        <v>601</v>
      </c>
      <c r="B132572" s="14" t="s">
        <v>1</v>
      </c>
      <c r="C132572" s="14" t="s">
        <v>596</v>
      </c>
      <c r="D132572" s="14" t="s">
        <v>39</v>
      </c>
      <c r="E132572" s="15">
        <v>45453</v>
      </c>
      <c r="F132572" s="14" t="s">
        <v>15</v>
      </c>
      <c r="G132572" s="16">
        <v>0</v>
      </c>
    </row>
    <row r="132573" spans="1:7" x14ac:dyDescent="0.3">
      <c r="A132573" s="13" t="s">
        <v>601</v>
      </c>
      <c r="B132573" s="14" t="s">
        <v>1</v>
      </c>
      <c r="C132573" s="14" t="s">
        <v>596</v>
      </c>
      <c r="D132573" s="14" t="s">
        <v>39</v>
      </c>
      <c r="E132573" s="15">
        <v>45454</v>
      </c>
      <c r="F132573" s="14" t="s">
        <v>15</v>
      </c>
      <c r="G132573" s="16">
        <v>0</v>
      </c>
    </row>
    <row r="132574" spans="1:7" x14ac:dyDescent="0.3">
      <c r="A132574" s="13" t="s">
        <v>601</v>
      </c>
      <c r="B132574" s="14" t="s">
        <v>1</v>
      </c>
      <c r="C132574" s="14" t="s">
        <v>596</v>
      </c>
      <c r="D132574" s="14" t="s">
        <v>39</v>
      </c>
      <c r="E132574" s="15">
        <v>45455</v>
      </c>
      <c r="F132574" s="14" t="s">
        <v>15</v>
      </c>
      <c r="G132574" s="16">
        <v>0</v>
      </c>
    </row>
    <row r="132575" spans="1:7" x14ac:dyDescent="0.3">
      <c r="A132575" s="13" t="s">
        <v>601</v>
      </c>
      <c r="B132575" s="14" t="s">
        <v>1</v>
      </c>
      <c r="C132575" s="14" t="s">
        <v>596</v>
      </c>
      <c r="D132575" s="14" t="s">
        <v>39</v>
      </c>
      <c r="E132575" s="15">
        <v>45456</v>
      </c>
      <c r="F132575" s="14" t="s">
        <v>15</v>
      </c>
      <c r="G132575" s="16">
        <v>0</v>
      </c>
    </row>
    <row r="132576" spans="1:7" x14ac:dyDescent="0.3">
      <c r="A132576" s="13" t="s">
        <v>601</v>
      </c>
      <c r="B132576" s="14" t="s">
        <v>1</v>
      </c>
      <c r="C132576" s="14" t="s">
        <v>596</v>
      </c>
      <c r="D132576" s="14" t="s">
        <v>39</v>
      </c>
      <c r="E132576" s="15">
        <v>45457</v>
      </c>
      <c r="F132576" s="14" t="s">
        <v>15</v>
      </c>
      <c r="G132576" s="16">
        <v>0</v>
      </c>
    </row>
    <row r="132577" spans="1:7" x14ac:dyDescent="0.3">
      <c r="A132577" s="13" t="s">
        <v>601</v>
      </c>
      <c r="B132577" s="14" t="s">
        <v>1</v>
      </c>
      <c r="C132577" s="14" t="s">
        <v>596</v>
      </c>
      <c r="D132577" s="14" t="s">
        <v>39</v>
      </c>
      <c r="E132577" s="15">
        <v>45458</v>
      </c>
      <c r="F132577" s="14" t="s">
        <v>15</v>
      </c>
      <c r="G132577" s="16">
        <v>0</v>
      </c>
    </row>
    <row r="132578" spans="1:7" x14ac:dyDescent="0.3">
      <c r="A132578" s="13" t="s">
        <v>601</v>
      </c>
      <c r="B132578" s="14" t="s">
        <v>1</v>
      </c>
      <c r="C132578" s="14" t="s">
        <v>596</v>
      </c>
      <c r="D132578" s="14" t="s">
        <v>39</v>
      </c>
      <c r="E132578" s="15">
        <v>45459</v>
      </c>
      <c r="F132578" s="14" t="s">
        <v>15</v>
      </c>
      <c r="G132578" s="16">
        <v>0</v>
      </c>
    </row>
    <row r="132579" spans="1:7" x14ac:dyDescent="0.3">
      <c r="A132579" s="13" t="s">
        <v>601</v>
      </c>
      <c r="B132579" s="14" t="s">
        <v>1</v>
      </c>
      <c r="C132579" s="14" t="s">
        <v>596</v>
      </c>
      <c r="D132579" s="14" t="s">
        <v>39</v>
      </c>
      <c r="E132579" s="15">
        <v>45460</v>
      </c>
      <c r="F132579" s="14" t="s">
        <v>15</v>
      </c>
      <c r="G132579" s="16">
        <v>0</v>
      </c>
    </row>
    <row r="132580" spans="1:7" x14ac:dyDescent="0.3">
      <c r="A132580" s="13" t="s">
        <v>601</v>
      </c>
      <c r="B132580" s="14" t="s">
        <v>1</v>
      </c>
      <c r="C132580" s="14" t="s">
        <v>596</v>
      </c>
      <c r="D132580" s="14" t="s">
        <v>39</v>
      </c>
      <c r="E132580" s="15">
        <v>45461</v>
      </c>
      <c r="F132580" s="14" t="s">
        <v>15</v>
      </c>
      <c r="G132580" s="16">
        <v>0</v>
      </c>
    </row>
    <row r="132581" spans="1:7" x14ac:dyDescent="0.3">
      <c r="A132581" s="13" t="s">
        <v>601</v>
      </c>
      <c r="B132581" s="14" t="s">
        <v>1</v>
      </c>
      <c r="C132581" s="14" t="s">
        <v>596</v>
      </c>
      <c r="D132581" s="14" t="s">
        <v>39</v>
      </c>
      <c r="E132581" s="15">
        <v>45462</v>
      </c>
      <c r="F132581" s="14" t="s">
        <v>15</v>
      </c>
      <c r="G132581" s="16">
        <v>0</v>
      </c>
    </row>
    <row r="132582" spans="1:7" x14ac:dyDescent="0.3">
      <c r="A132582" s="13" t="s">
        <v>601</v>
      </c>
      <c r="B132582" s="14" t="s">
        <v>1</v>
      </c>
      <c r="C132582" s="14" t="s">
        <v>596</v>
      </c>
      <c r="D132582" s="14" t="s">
        <v>39</v>
      </c>
      <c r="E132582" s="15">
        <v>45463</v>
      </c>
      <c r="F132582" s="14" t="s">
        <v>15</v>
      </c>
      <c r="G132582" s="16">
        <v>0</v>
      </c>
    </row>
    <row r="132583" spans="1:7" x14ac:dyDescent="0.3">
      <c r="A132583" s="13" t="s">
        <v>601</v>
      </c>
      <c r="B132583" s="14" t="s">
        <v>1</v>
      </c>
      <c r="C132583" s="14" t="s">
        <v>596</v>
      </c>
      <c r="D132583" s="14" t="s">
        <v>39</v>
      </c>
      <c r="E132583" s="15">
        <v>45464</v>
      </c>
      <c r="F132583" s="14" t="s">
        <v>15</v>
      </c>
      <c r="G132583" s="16">
        <v>0</v>
      </c>
    </row>
    <row r="132584" spans="1:7" x14ac:dyDescent="0.3">
      <c r="A132584" s="13" t="s">
        <v>601</v>
      </c>
      <c r="B132584" s="14" t="s">
        <v>1</v>
      </c>
      <c r="C132584" s="14" t="s">
        <v>596</v>
      </c>
      <c r="D132584" s="14" t="s">
        <v>39</v>
      </c>
      <c r="E132584" s="15">
        <v>45465</v>
      </c>
      <c r="F132584" s="14" t="s">
        <v>15</v>
      </c>
      <c r="G132584" s="16">
        <v>0</v>
      </c>
    </row>
    <row r="132585" spans="1:7" x14ac:dyDescent="0.3">
      <c r="A132585" s="13" t="s">
        <v>601</v>
      </c>
      <c r="B132585" s="14" t="s">
        <v>1</v>
      </c>
      <c r="C132585" s="14" t="s">
        <v>596</v>
      </c>
      <c r="D132585" s="14" t="s">
        <v>39</v>
      </c>
      <c r="E132585" s="15">
        <v>45466</v>
      </c>
      <c r="F132585" s="14" t="s">
        <v>15</v>
      </c>
      <c r="G132585" s="16">
        <v>0</v>
      </c>
    </row>
    <row r="132586" spans="1:7" x14ac:dyDescent="0.3">
      <c r="A132586" s="13" t="s">
        <v>601</v>
      </c>
      <c r="B132586" s="14" t="s">
        <v>1</v>
      </c>
      <c r="C132586" s="14" t="s">
        <v>596</v>
      </c>
      <c r="D132586" s="14" t="s">
        <v>39</v>
      </c>
      <c r="E132586" s="15">
        <v>45467</v>
      </c>
      <c r="F132586" s="14" t="s">
        <v>15</v>
      </c>
      <c r="G132586" s="16">
        <v>0</v>
      </c>
    </row>
    <row r="132587" spans="1:7" x14ac:dyDescent="0.3">
      <c r="A132587" s="13" t="s">
        <v>601</v>
      </c>
      <c r="B132587" s="14" t="s">
        <v>1</v>
      </c>
      <c r="C132587" s="14" t="s">
        <v>596</v>
      </c>
      <c r="D132587" s="14" t="s">
        <v>39</v>
      </c>
      <c r="E132587" s="15">
        <v>45468</v>
      </c>
      <c r="F132587" s="14" t="s">
        <v>15</v>
      </c>
      <c r="G132587" s="16">
        <v>0</v>
      </c>
    </row>
    <row r="132588" spans="1:7" x14ac:dyDescent="0.3">
      <c r="A132588" s="13" t="s">
        <v>601</v>
      </c>
      <c r="B132588" s="14" t="s">
        <v>1</v>
      </c>
      <c r="C132588" s="14" t="s">
        <v>596</v>
      </c>
      <c r="D132588" s="14" t="s">
        <v>39</v>
      </c>
      <c r="E132588" s="15">
        <v>45469</v>
      </c>
      <c r="F132588" s="14" t="s">
        <v>15</v>
      </c>
      <c r="G132588" s="16">
        <v>0</v>
      </c>
    </row>
    <row r="132589" spans="1:7" x14ac:dyDescent="0.3">
      <c r="A132589" s="13" t="s">
        <v>601</v>
      </c>
      <c r="B132589" s="14" t="s">
        <v>1</v>
      </c>
      <c r="C132589" s="14" t="s">
        <v>596</v>
      </c>
      <c r="D132589" s="14" t="s">
        <v>39</v>
      </c>
      <c r="E132589" s="15">
        <v>45470</v>
      </c>
      <c r="F132589" s="14" t="s">
        <v>15</v>
      </c>
      <c r="G132589" s="16">
        <v>0</v>
      </c>
    </row>
    <row r="132590" spans="1:7" x14ac:dyDescent="0.3">
      <c r="A132590" s="13" t="s">
        <v>601</v>
      </c>
      <c r="B132590" s="14" t="s">
        <v>1</v>
      </c>
      <c r="C132590" s="14" t="s">
        <v>596</v>
      </c>
      <c r="D132590" s="14" t="s">
        <v>39</v>
      </c>
      <c r="E132590" s="15">
        <v>45471</v>
      </c>
      <c r="F132590" s="14" t="s">
        <v>15</v>
      </c>
      <c r="G132590" s="16">
        <v>0</v>
      </c>
    </row>
    <row r="132591" spans="1:7" x14ac:dyDescent="0.3">
      <c r="A132591" s="13" t="s">
        <v>601</v>
      </c>
      <c r="B132591" s="14" t="s">
        <v>1</v>
      </c>
      <c r="C132591" s="14" t="s">
        <v>596</v>
      </c>
      <c r="D132591" s="14" t="s">
        <v>39</v>
      </c>
      <c r="E132591" s="15">
        <v>45472</v>
      </c>
      <c r="F132591" s="14" t="s">
        <v>15</v>
      </c>
      <c r="G132591" s="16">
        <v>0</v>
      </c>
    </row>
    <row r="132592" spans="1:7" x14ac:dyDescent="0.3">
      <c r="A132592" s="13" t="s">
        <v>601</v>
      </c>
      <c r="B132592" s="14" t="s">
        <v>1</v>
      </c>
      <c r="C132592" s="14" t="s">
        <v>596</v>
      </c>
      <c r="D132592" s="14" t="s">
        <v>39</v>
      </c>
      <c r="E132592" s="15">
        <v>45473</v>
      </c>
      <c r="F132592" s="14" t="s">
        <v>15</v>
      </c>
      <c r="G132592" s="16">
        <v>0</v>
      </c>
    </row>
    <row r="132593" spans="1:7" x14ac:dyDescent="0.3">
      <c r="A132593" s="13" t="s">
        <v>601</v>
      </c>
      <c r="B132593" s="14" t="s">
        <v>1</v>
      </c>
      <c r="C132593" s="14" t="s">
        <v>596</v>
      </c>
      <c r="D132593" s="14" t="s">
        <v>39</v>
      </c>
      <c r="E132593" s="15">
        <v>45474</v>
      </c>
      <c r="F132593" s="14" t="s">
        <v>15</v>
      </c>
      <c r="G132593" s="16">
        <v>0</v>
      </c>
    </row>
    <row r="132594" spans="1:7" x14ac:dyDescent="0.3">
      <c r="A132594" s="13" t="s">
        <v>601</v>
      </c>
      <c r="B132594" s="14" t="s">
        <v>1</v>
      </c>
      <c r="C132594" s="14" t="s">
        <v>596</v>
      </c>
      <c r="D132594" s="14" t="s">
        <v>39</v>
      </c>
      <c r="E132594" s="15">
        <v>45475</v>
      </c>
      <c r="F132594" s="14" t="s">
        <v>15</v>
      </c>
      <c r="G132594" s="16">
        <v>0</v>
      </c>
    </row>
    <row r="132595" spans="1:7" x14ac:dyDescent="0.3">
      <c r="A132595" s="13" t="s">
        <v>601</v>
      </c>
      <c r="B132595" s="14" t="s">
        <v>1</v>
      </c>
      <c r="C132595" s="14" t="s">
        <v>596</v>
      </c>
      <c r="D132595" s="14" t="s">
        <v>39</v>
      </c>
      <c r="E132595" s="15">
        <v>45476</v>
      </c>
      <c r="F132595" s="14" t="s">
        <v>15</v>
      </c>
      <c r="G132595" s="16">
        <v>0</v>
      </c>
    </row>
    <row r="132596" spans="1:7" x14ac:dyDescent="0.3">
      <c r="A132596" s="13" t="s">
        <v>601</v>
      </c>
      <c r="B132596" s="14" t="s">
        <v>1</v>
      </c>
      <c r="C132596" s="14" t="s">
        <v>596</v>
      </c>
      <c r="D132596" s="14" t="s">
        <v>39</v>
      </c>
      <c r="E132596" s="15">
        <v>45477</v>
      </c>
      <c r="F132596" s="14" t="s">
        <v>15</v>
      </c>
      <c r="G132596" s="16">
        <v>0</v>
      </c>
    </row>
    <row r="132597" spans="1:7" x14ac:dyDescent="0.3">
      <c r="A132597" s="13" t="s">
        <v>601</v>
      </c>
      <c r="B132597" s="14" t="s">
        <v>1</v>
      </c>
      <c r="C132597" s="14" t="s">
        <v>596</v>
      </c>
      <c r="D132597" s="14" t="s">
        <v>39</v>
      </c>
      <c r="E132597" s="15">
        <v>45478</v>
      </c>
      <c r="F132597" s="14" t="s">
        <v>15</v>
      </c>
      <c r="G132597" s="16">
        <v>0</v>
      </c>
    </row>
    <row r="132598" spans="1:7" x14ac:dyDescent="0.3">
      <c r="A132598" s="13" t="s">
        <v>601</v>
      </c>
      <c r="B132598" s="14" t="s">
        <v>1</v>
      </c>
      <c r="C132598" s="14" t="s">
        <v>596</v>
      </c>
      <c r="D132598" s="14" t="s">
        <v>39</v>
      </c>
      <c r="E132598" s="15">
        <v>45479</v>
      </c>
      <c r="F132598" s="14" t="s">
        <v>15</v>
      </c>
      <c r="G132598" s="16">
        <v>0</v>
      </c>
    </row>
    <row r="132599" spans="1:7" x14ac:dyDescent="0.3">
      <c r="A132599" s="13" t="s">
        <v>601</v>
      </c>
      <c r="B132599" s="14" t="s">
        <v>1</v>
      </c>
      <c r="C132599" s="14" t="s">
        <v>596</v>
      </c>
      <c r="D132599" s="14" t="s">
        <v>39</v>
      </c>
      <c r="E132599" s="15">
        <v>45480</v>
      </c>
      <c r="F132599" s="14" t="s">
        <v>15</v>
      </c>
      <c r="G132599" s="16">
        <v>0</v>
      </c>
    </row>
    <row r="132600" spans="1:7" x14ac:dyDescent="0.3">
      <c r="A132600" s="13" t="s">
        <v>601</v>
      </c>
      <c r="B132600" s="14" t="s">
        <v>1</v>
      </c>
      <c r="C132600" s="14" t="s">
        <v>596</v>
      </c>
      <c r="D132600" s="14" t="s">
        <v>39</v>
      </c>
      <c r="E132600" s="15">
        <v>45481</v>
      </c>
      <c r="F132600" s="14" t="s">
        <v>15</v>
      </c>
      <c r="G132600" s="16">
        <v>0</v>
      </c>
    </row>
    <row r="132601" spans="1:7" x14ac:dyDescent="0.3">
      <c r="A132601" s="13" t="s">
        <v>601</v>
      </c>
      <c r="B132601" s="14" t="s">
        <v>1</v>
      </c>
      <c r="C132601" s="14" t="s">
        <v>596</v>
      </c>
      <c r="D132601" s="14" t="s">
        <v>39</v>
      </c>
      <c r="E132601" s="15">
        <v>45482</v>
      </c>
      <c r="F132601" s="14" t="s">
        <v>15</v>
      </c>
      <c r="G132601" s="16">
        <v>0</v>
      </c>
    </row>
    <row r="132602" spans="1:7" x14ac:dyDescent="0.3">
      <c r="A132602" s="13" t="s">
        <v>601</v>
      </c>
      <c r="B132602" s="14" t="s">
        <v>1</v>
      </c>
      <c r="C132602" s="14" t="s">
        <v>596</v>
      </c>
      <c r="D132602" s="14" t="s">
        <v>39</v>
      </c>
      <c r="E132602" s="15">
        <v>45483</v>
      </c>
      <c r="F132602" s="14" t="s">
        <v>15</v>
      </c>
      <c r="G132602" s="16">
        <v>0</v>
      </c>
    </row>
    <row r="132603" spans="1:7" x14ac:dyDescent="0.3">
      <c r="A132603" s="13" t="s">
        <v>601</v>
      </c>
      <c r="B132603" s="14" t="s">
        <v>1</v>
      </c>
      <c r="C132603" s="14" t="s">
        <v>596</v>
      </c>
      <c r="D132603" s="14" t="s">
        <v>39</v>
      </c>
      <c r="E132603" s="15">
        <v>45484</v>
      </c>
      <c r="F132603" s="14" t="s">
        <v>15</v>
      </c>
      <c r="G132603" s="16">
        <v>0</v>
      </c>
    </row>
    <row r="132604" spans="1:7" x14ac:dyDescent="0.3">
      <c r="A132604" s="13" t="s">
        <v>601</v>
      </c>
      <c r="B132604" s="14" t="s">
        <v>1</v>
      </c>
      <c r="C132604" s="14" t="s">
        <v>596</v>
      </c>
      <c r="D132604" s="14" t="s">
        <v>39</v>
      </c>
      <c r="E132604" s="15">
        <v>45485</v>
      </c>
      <c r="F132604" s="14" t="s">
        <v>15</v>
      </c>
      <c r="G132604" s="16">
        <v>0</v>
      </c>
    </row>
    <row r="132605" spans="1:7" x14ac:dyDescent="0.3">
      <c r="A132605" s="13" t="s">
        <v>601</v>
      </c>
      <c r="B132605" s="14" t="s">
        <v>1</v>
      </c>
      <c r="C132605" s="14" t="s">
        <v>596</v>
      </c>
      <c r="D132605" s="14" t="s">
        <v>39</v>
      </c>
      <c r="E132605" s="15">
        <v>45486</v>
      </c>
      <c r="F132605" s="14" t="s">
        <v>15</v>
      </c>
      <c r="G132605" s="16">
        <v>0</v>
      </c>
    </row>
    <row r="132606" spans="1:7" x14ac:dyDescent="0.3">
      <c r="A132606" s="13" t="s">
        <v>601</v>
      </c>
      <c r="B132606" s="14" t="s">
        <v>1</v>
      </c>
      <c r="C132606" s="14" t="s">
        <v>596</v>
      </c>
      <c r="D132606" s="14" t="s">
        <v>39</v>
      </c>
      <c r="E132606" s="15">
        <v>45487</v>
      </c>
      <c r="F132606" s="14" t="s">
        <v>15</v>
      </c>
      <c r="G132606" s="16">
        <v>0</v>
      </c>
    </row>
    <row r="132607" spans="1:7" x14ac:dyDescent="0.3">
      <c r="A132607" s="13" t="s">
        <v>601</v>
      </c>
      <c r="B132607" s="14" t="s">
        <v>1</v>
      </c>
      <c r="C132607" s="14" t="s">
        <v>596</v>
      </c>
      <c r="D132607" s="14" t="s">
        <v>39</v>
      </c>
      <c r="E132607" s="15">
        <v>45488</v>
      </c>
      <c r="F132607" s="14" t="s">
        <v>15</v>
      </c>
      <c r="G132607" s="16">
        <v>0</v>
      </c>
    </row>
    <row r="132608" spans="1:7" x14ac:dyDescent="0.3">
      <c r="A132608" s="13" t="s">
        <v>601</v>
      </c>
      <c r="B132608" s="14" t="s">
        <v>1</v>
      </c>
      <c r="C132608" s="14" t="s">
        <v>596</v>
      </c>
      <c r="D132608" s="14" t="s">
        <v>39</v>
      </c>
      <c r="E132608" s="15">
        <v>45489</v>
      </c>
      <c r="F132608" s="14" t="s">
        <v>15</v>
      </c>
      <c r="G132608" s="16">
        <v>0</v>
      </c>
    </row>
    <row r="132609" spans="1:7" x14ac:dyDescent="0.3">
      <c r="A132609" s="13" t="s">
        <v>601</v>
      </c>
      <c r="B132609" s="14" t="s">
        <v>1</v>
      </c>
      <c r="C132609" s="14" t="s">
        <v>596</v>
      </c>
      <c r="D132609" s="14" t="s">
        <v>39</v>
      </c>
      <c r="E132609" s="15">
        <v>45490</v>
      </c>
      <c r="F132609" s="14" t="s">
        <v>15</v>
      </c>
      <c r="G132609" s="16">
        <v>0</v>
      </c>
    </row>
    <row r="132610" spans="1:7" x14ac:dyDescent="0.3">
      <c r="A132610" s="13" t="s">
        <v>601</v>
      </c>
      <c r="B132610" s="14" t="s">
        <v>1</v>
      </c>
      <c r="C132610" s="14" t="s">
        <v>596</v>
      </c>
      <c r="D132610" s="14" t="s">
        <v>39</v>
      </c>
      <c r="E132610" s="15">
        <v>45491</v>
      </c>
      <c r="F132610" s="14" t="s">
        <v>15</v>
      </c>
      <c r="G132610" s="16">
        <v>0</v>
      </c>
    </row>
    <row r="132611" spans="1:7" x14ac:dyDescent="0.3">
      <c r="A132611" s="13" t="s">
        <v>601</v>
      </c>
      <c r="B132611" s="14" t="s">
        <v>1</v>
      </c>
      <c r="C132611" s="14" t="s">
        <v>596</v>
      </c>
      <c r="D132611" s="14" t="s">
        <v>39</v>
      </c>
      <c r="E132611" s="15">
        <v>45492</v>
      </c>
      <c r="F132611" s="14" t="s">
        <v>15</v>
      </c>
      <c r="G132611" s="16">
        <v>0</v>
      </c>
    </row>
    <row r="132612" spans="1:7" x14ac:dyDescent="0.3">
      <c r="A132612" s="13" t="s">
        <v>601</v>
      </c>
      <c r="B132612" s="14" t="s">
        <v>1</v>
      </c>
      <c r="C132612" s="14" t="s">
        <v>596</v>
      </c>
      <c r="D132612" s="14" t="s">
        <v>39</v>
      </c>
      <c r="E132612" s="15">
        <v>45493</v>
      </c>
      <c r="F132612" s="14" t="s">
        <v>15</v>
      </c>
      <c r="G132612" s="16">
        <v>0</v>
      </c>
    </row>
    <row r="132613" spans="1:7" x14ac:dyDescent="0.3">
      <c r="A132613" s="13" t="s">
        <v>601</v>
      </c>
      <c r="B132613" s="14" t="s">
        <v>1</v>
      </c>
      <c r="C132613" s="14" t="s">
        <v>596</v>
      </c>
      <c r="D132613" s="14" t="s">
        <v>39</v>
      </c>
      <c r="E132613" s="15">
        <v>45494</v>
      </c>
      <c r="F132613" s="14" t="s">
        <v>15</v>
      </c>
      <c r="G132613" s="16">
        <v>0</v>
      </c>
    </row>
    <row r="132614" spans="1:7" x14ac:dyDescent="0.3">
      <c r="A132614" s="13" t="s">
        <v>601</v>
      </c>
      <c r="B132614" s="14" t="s">
        <v>1</v>
      </c>
      <c r="C132614" s="14" t="s">
        <v>596</v>
      </c>
      <c r="D132614" s="14" t="s">
        <v>39</v>
      </c>
      <c r="E132614" s="15">
        <v>45495</v>
      </c>
      <c r="F132614" s="14" t="s">
        <v>15</v>
      </c>
      <c r="G132614" s="16">
        <v>0</v>
      </c>
    </row>
    <row r="132615" spans="1:7" x14ac:dyDescent="0.3">
      <c r="A132615" s="13" t="s">
        <v>601</v>
      </c>
      <c r="B132615" s="14" t="s">
        <v>1</v>
      </c>
      <c r="C132615" s="14" t="s">
        <v>596</v>
      </c>
      <c r="D132615" s="14" t="s">
        <v>39</v>
      </c>
      <c r="E132615" s="15">
        <v>45496</v>
      </c>
      <c r="F132615" s="14" t="s">
        <v>15</v>
      </c>
      <c r="G132615" s="16">
        <v>0</v>
      </c>
    </row>
    <row r="132616" spans="1:7" x14ac:dyDescent="0.3">
      <c r="A132616" s="13" t="s">
        <v>601</v>
      </c>
      <c r="B132616" s="14" t="s">
        <v>1</v>
      </c>
      <c r="C132616" s="14" t="s">
        <v>596</v>
      </c>
      <c r="D132616" s="14" t="s">
        <v>39</v>
      </c>
      <c r="E132616" s="15">
        <v>45497</v>
      </c>
      <c r="F132616" s="14" t="s">
        <v>15</v>
      </c>
      <c r="G132616" s="16">
        <v>0</v>
      </c>
    </row>
    <row r="132617" spans="1:7" x14ac:dyDescent="0.3">
      <c r="A132617" s="13" t="s">
        <v>601</v>
      </c>
      <c r="B132617" s="14" t="s">
        <v>1</v>
      </c>
      <c r="C132617" s="14" t="s">
        <v>596</v>
      </c>
      <c r="D132617" s="14" t="s">
        <v>39</v>
      </c>
      <c r="E132617" s="15">
        <v>45498</v>
      </c>
      <c r="F132617" s="14" t="s">
        <v>15</v>
      </c>
      <c r="G132617" s="16">
        <v>0</v>
      </c>
    </row>
    <row r="132618" spans="1:7" x14ac:dyDescent="0.3">
      <c r="A132618" s="13" t="s">
        <v>601</v>
      </c>
      <c r="B132618" s="14" t="s">
        <v>1</v>
      </c>
      <c r="C132618" s="14" t="s">
        <v>596</v>
      </c>
      <c r="D132618" s="14" t="s">
        <v>39</v>
      </c>
      <c r="E132618" s="15">
        <v>45499</v>
      </c>
      <c r="F132618" s="14" t="s">
        <v>15</v>
      </c>
      <c r="G132618" s="16">
        <v>0</v>
      </c>
    </row>
    <row r="132619" spans="1:7" x14ac:dyDescent="0.3">
      <c r="A132619" s="13" t="s">
        <v>601</v>
      </c>
      <c r="B132619" s="14" t="s">
        <v>1</v>
      </c>
      <c r="C132619" s="14" t="s">
        <v>596</v>
      </c>
      <c r="D132619" s="14" t="s">
        <v>39</v>
      </c>
      <c r="E132619" s="15">
        <v>45500</v>
      </c>
      <c r="F132619" s="14" t="s">
        <v>15</v>
      </c>
      <c r="G132619" s="16">
        <v>0</v>
      </c>
    </row>
    <row r="132620" spans="1:7" x14ac:dyDescent="0.3">
      <c r="A132620" s="13" t="s">
        <v>601</v>
      </c>
      <c r="B132620" s="14" t="s">
        <v>1</v>
      </c>
      <c r="C132620" s="14" t="s">
        <v>596</v>
      </c>
      <c r="D132620" s="14" t="s">
        <v>39</v>
      </c>
      <c r="E132620" s="15">
        <v>45501</v>
      </c>
      <c r="F132620" s="14" t="s">
        <v>15</v>
      </c>
      <c r="G132620" s="16">
        <v>0</v>
      </c>
    </row>
    <row r="132621" spans="1:7" x14ac:dyDescent="0.3">
      <c r="A132621" s="13" t="s">
        <v>601</v>
      </c>
      <c r="B132621" s="14" t="s">
        <v>1</v>
      </c>
      <c r="C132621" s="14" t="s">
        <v>596</v>
      </c>
      <c r="D132621" s="14" t="s">
        <v>39</v>
      </c>
      <c r="E132621" s="15">
        <v>45502</v>
      </c>
      <c r="F132621" s="14" t="s">
        <v>15</v>
      </c>
      <c r="G132621" s="16">
        <v>0</v>
      </c>
    </row>
    <row r="132622" spans="1:7" x14ac:dyDescent="0.3">
      <c r="A132622" s="13" t="s">
        <v>601</v>
      </c>
      <c r="B132622" s="14" t="s">
        <v>1</v>
      </c>
      <c r="C132622" s="14" t="s">
        <v>596</v>
      </c>
      <c r="D132622" s="14" t="s">
        <v>39</v>
      </c>
      <c r="E132622" s="15">
        <v>45503</v>
      </c>
      <c r="F132622" s="14" t="s">
        <v>15</v>
      </c>
      <c r="G132622" s="16">
        <v>0</v>
      </c>
    </row>
    <row r="132623" spans="1:7" x14ac:dyDescent="0.3">
      <c r="A132623" s="13" t="s">
        <v>601</v>
      </c>
      <c r="B132623" s="14" t="s">
        <v>1</v>
      </c>
      <c r="C132623" s="14" t="s">
        <v>596</v>
      </c>
      <c r="D132623" s="14" t="s">
        <v>39</v>
      </c>
      <c r="E132623" s="15">
        <v>45504</v>
      </c>
      <c r="F132623" s="14" t="s">
        <v>15</v>
      </c>
      <c r="G132623" s="16">
        <v>0</v>
      </c>
    </row>
    <row r="132624" spans="1:7" x14ac:dyDescent="0.3">
      <c r="A132624" s="13" t="s">
        <v>601</v>
      </c>
      <c r="B132624" s="14" t="s">
        <v>1</v>
      </c>
      <c r="C132624" s="14" t="s">
        <v>596</v>
      </c>
      <c r="D132624" s="14" t="s">
        <v>39</v>
      </c>
      <c r="E132624" s="15">
        <v>45505</v>
      </c>
      <c r="F132624" s="14" t="s">
        <v>15</v>
      </c>
      <c r="G132624" s="16">
        <v>0</v>
      </c>
    </row>
    <row r="132625" spans="1:7" x14ac:dyDescent="0.3">
      <c r="A132625" s="13" t="s">
        <v>601</v>
      </c>
      <c r="B132625" s="14" t="s">
        <v>1</v>
      </c>
      <c r="C132625" s="14" t="s">
        <v>596</v>
      </c>
      <c r="D132625" s="14" t="s">
        <v>39</v>
      </c>
      <c r="E132625" s="15">
        <v>45506</v>
      </c>
      <c r="F132625" s="14" t="s">
        <v>15</v>
      </c>
      <c r="G132625" s="16">
        <v>0</v>
      </c>
    </row>
    <row r="132626" spans="1:7" x14ac:dyDescent="0.3">
      <c r="A132626" s="13" t="s">
        <v>601</v>
      </c>
      <c r="B132626" s="14" t="s">
        <v>1</v>
      </c>
      <c r="C132626" s="14" t="s">
        <v>596</v>
      </c>
      <c r="D132626" s="14" t="s">
        <v>39</v>
      </c>
      <c r="E132626" s="15">
        <v>45507</v>
      </c>
      <c r="F132626" s="14" t="s">
        <v>15</v>
      </c>
      <c r="G132626" s="16">
        <v>0</v>
      </c>
    </row>
    <row r="132627" spans="1:7" x14ac:dyDescent="0.3">
      <c r="A132627" s="13" t="s">
        <v>601</v>
      </c>
      <c r="B132627" s="14" t="s">
        <v>1</v>
      </c>
      <c r="C132627" s="14" t="s">
        <v>596</v>
      </c>
      <c r="D132627" s="14" t="s">
        <v>39</v>
      </c>
      <c r="E132627" s="15">
        <v>45508</v>
      </c>
      <c r="F132627" s="14" t="s">
        <v>15</v>
      </c>
      <c r="G132627" s="16">
        <v>0</v>
      </c>
    </row>
    <row r="132628" spans="1:7" x14ac:dyDescent="0.3">
      <c r="A132628" s="13" t="s">
        <v>601</v>
      </c>
      <c r="B132628" s="14" t="s">
        <v>1</v>
      </c>
      <c r="C132628" s="14" t="s">
        <v>596</v>
      </c>
      <c r="D132628" s="14" t="s">
        <v>39</v>
      </c>
      <c r="E132628" s="15">
        <v>45509</v>
      </c>
      <c r="F132628" s="14" t="s">
        <v>15</v>
      </c>
      <c r="G132628" s="16">
        <v>0</v>
      </c>
    </row>
    <row r="132629" spans="1:7" x14ac:dyDescent="0.3">
      <c r="A132629" s="13" t="s">
        <v>601</v>
      </c>
      <c r="B132629" s="14" t="s">
        <v>1</v>
      </c>
      <c r="C132629" s="14" t="s">
        <v>596</v>
      </c>
      <c r="D132629" s="14" t="s">
        <v>39</v>
      </c>
      <c r="E132629" s="15">
        <v>45510</v>
      </c>
      <c r="F132629" s="14" t="s">
        <v>15</v>
      </c>
      <c r="G132629" s="16">
        <v>0</v>
      </c>
    </row>
    <row r="132630" spans="1:7" x14ac:dyDescent="0.3">
      <c r="A132630" s="13" t="s">
        <v>601</v>
      </c>
      <c r="B132630" s="14" t="s">
        <v>1</v>
      </c>
      <c r="C132630" s="14" t="s">
        <v>596</v>
      </c>
      <c r="D132630" s="14" t="s">
        <v>39</v>
      </c>
      <c r="E132630" s="15">
        <v>45511</v>
      </c>
      <c r="F132630" s="14" t="s">
        <v>15</v>
      </c>
      <c r="G132630" s="16">
        <v>0</v>
      </c>
    </row>
    <row r="132631" spans="1:7" x14ac:dyDescent="0.3">
      <c r="A132631" s="13" t="s">
        <v>601</v>
      </c>
      <c r="B132631" s="14" t="s">
        <v>1</v>
      </c>
      <c r="C132631" s="14" t="s">
        <v>596</v>
      </c>
      <c r="D132631" s="14" t="s">
        <v>39</v>
      </c>
      <c r="E132631" s="15">
        <v>45512</v>
      </c>
      <c r="F132631" s="14" t="s">
        <v>15</v>
      </c>
      <c r="G132631" s="16">
        <v>0</v>
      </c>
    </row>
    <row r="132632" spans="1:7" x14ac:dyDescent="0.3">
      <c r="A132632" s="13" t="s">
        <v>601</v>
      </c>
      <c r="B132632" s="14" t="s">
        <v>1</v>
      </c>
      <c r="C132632" s="14" t="s">
        <v>596</v>
      </c>
      <c r="D132632" s="14" t="s">
        <v>39</v>
      </c>
      <c r="E132632" s="15">
        <v>45513</v>
      </c>
      <c r="F132632" s="14" t="s">
        <v>15</v>
      </c>
      <c r="G132632" s="16">
        <v>0</v>
      </c>
    </row>
    <row r="132633" spans="1:7" x14ac:dyDescent="0.3">
      <c r="A132633" s="13" t="s">
        <v>601</v>
      </c>
      <c r="B132633" s="14" t="s">
        <v>1</v>
      </c>
      <c r="C132633" s="14" t="s">
        <v>596</v>
      </c>
      <c r="D132633" s="14" t="s">
        <v>39</v>
      </c>
      <c r="E132633" s="15">
        <v>45514</v>
      </c>
      <c r="F132633" s="14" t="s">
        <v>15</v>
      </c>
      <c r="G132633" s="16">
        <v>0</v>
      </c>
    </row>
    <row r="132634" spans="1:7" x14ac:dyDescent="0.3">
      <c r="A132634" s="13" t="s">
        <v>601</v>
      </c>
      <c r="B132634" s="14" t="s">
        <v>1</v>
      </c>
      <c r="C132634" s="14" t="s">
        <v>596</v>
      </c>
      <c r="D132634" s="14" t="s">
        <v>39</v>
      </c>
      <c r="E132634" s="15">
        <v>45515</v>
      </c>
      <c r="F132634" s="14" t="s">
        <v>15</v>
      </c>
      <c r="G132634" s="16">
        <v>0</v>
      </c>
    </row>
    <row r="132635" spans="1:7" x14ac:dyDescent="0.3">
      <c r="A132635" s="13" t="s">
        <v>601</v>
      </c>
      <c r="B132635" s="14" t="s">
        <v>1</v>
      </c>
      <c r="C132635" s="14" t="s">
        <v>596</v>
      </c>
      <c r="D132635" s="14" t="s">
        <v>39</v>
      </c>
      <c r="E132635" s="15">
        <v>45516</v>
      </c>
      <c r="F132635" s="14" t="s">
        <v>15</v>
      </c>
      <c r="G132635" s="16">
        <v>0</v>
      </c>
    </row>
    <row r="132636" spans="1:7" x14ac:dyDescent="0.3">
      <c r="A132636" s="13" t="s">
        <v>601</v>
      </c>
      <c r="B132636" s="14" t="s">
        <v>1</v>
      </c>
      <c r="C132636" s="14" t="s">
        <v>596</v>
      </c>
      <c r="D132636" s="14" t="s">
        <v>39</v>
      </c>
      <c r="E132636" s="15">
        <v>45517</v>
      </c>
      <c r="F132636" s="14" t="s">
        <v>15</v>
      </c>
      <c r="G132636" s="16">
        <v>0</v>
      </c>
    </row>
    <row r="132637" spans="1:7" x14ac:dyDescent="0.3">
      <c r="A132637" s="13" t="s">
        <v>601</v>
      </c>
      <c r="B132637" s="14" t="s">
        <v>1</v>
      </c>
      <c r="C132637" s="14" t="s">
        <v>596</v>
      </c>
      <c r="D132637" s="14" t="s">
        <v>39</v>
      </c>
      <c r="E132637" s="15">
        <v>45518</v>
      </c>
      <c r="F132637" s="14" t="s">
        <v>15</v>
      </c>
      <c r="G132637" s="16">
        <v>0</v>
      </c>
    </row>
    <row r="132638" spans="1:7" x14ac:dyDescent="0.3">
      <c r="A132638" s="13" t="s">
        <v>601</v>
      </c>
      <c r="B132638" s="14" t="s">
        <v>1</v>
      </c>
      <c r="C132638" s="14" t="s">
        <v>596</v>
      </c>
      <c r="D132638" s="14" t="s">
        <v>39</v>
      </c>
      <c r="E132638" s="15">
        <v>45519</v>
      </c>
      <c r="F132638" s="14" t="s">
        <v>15</v>
      </c>
      <c r="G132638" s="16">
        <v>0</v>
      </c>
    </row>
    <row r="132639" spans="1:7" x14ac:dyDescent="0.3">
      <c r="A132639" s="13" t="s">
        <v>601</v>
      </c>
      <c r="B132639" s="14" t="s">
        <v>1</v>
      </c>
      <c r="C132639" s="14" t="s">
        <v>596</v>
      </c>
      <c r="D132639" s="14" t="s">
        <v>39</v>
      </c>
      <c r="E132639" s="15">
        <v>45520</v>
      </c>
      <c r="F132639" s="14" t="s">
        <v>15</v>
      </c>
      <c r="G132639" s="16">
        <v>0</v>
      </c>
    </row>
    <row r="132640" spans="1:7" x14ac:dyDescent="0.3">
      <c r="A132640" s="13" t="s">
        <v>601</v>
      </c>
      <c r="B132640" s="14" t="s">
        <v>1</v>
      </c>
      <c r="C132640" s="14" t="s">
        <v>596</v>
      </c>
      <c r="D132640" s="14" t="s">
        <v>39</v>
      </c>
      <c r="E132640" s="15">
        <v>45521</v>
      </c>
      <c r="F132640" s="14" t="s">
        <v>15</v>
      </c>
      <c r="G132640" s="16">
        <v>0</v>
      </c>
    </row>
    <row r="132641" spans="1:7" x14ac:dyDescent="0.3">
      <c r="A132641" s="13" t="s">
        <v>601</v>
      </c>
      <c r="B132641" s="14" t="s">
        <v>1</v>
      </c>
      <c r="C132641" s="14" t="s">
        <v>596</v>
      </c>
      <c r="D132641" s="14" t="s">
        <v>39</v>
      </c>
      <c r="E132641" s="15">
        <v>45522</v>
      </c>
      <c r="F132641" s="14" t="s">
        <v>15</v>
      </c>
      <c r="G132641" s="16">
        <v>0</v>
      </c>
    </row>
    <row r="132642" spans="1:7" x14ac:dyDescent="0.3">
      <c r="A132642" s="13" t="s">
        <v>601</v>
      </c>
      <c r="B132642" s="14" t="s">
        <v>1</v>
      </c>
      <c r="C132642" s="14" t="s">
        <v>596</v>
      </c>
      <c r="D132642" s="14" t="s">
        <v>39</v>
      </c>
      <c r="E132642" s="15">
        <v>45523</v>
      </c>
      <c r="F132642" s="14" t="s">
        <v>15</v>
      </c>
      <c r="G132642" s="16">
        <v>0</v>
      </c>
    </row>
    <row r="132643" spans="1:7" x14ac:dyDescent="0.3">
      <c r="A132643" s="13" t="s">
        <v>601</v>
      </c>
      <c r="B132643" s="14" t="s">
        <v>1</v>
      </c>
      <c r="C132643" s="14" t="s">
        <v>596</v>
      </c>
      <c r="D132643" s="14" t="s">
        <v>39</v>
      </c>
      <c r="E132643" s="15">
        <v>45524</v>
      </c>
      <c r="F132643" s="14" t="s">
        <v>15</v>
      </c>
      <c r="G132643" s="16">
        <v>0</v>
      </c>
    </row>
    <row r="132644" spans="1:7" x14ac:dyDescent="0.3">
      <c r="A132644" s="13" t="s">
        <v>601</v>
      </c>
      <c r="B132644" s="14" t="s">
        <v>1</v>
      </c>
      <c r="C132644" s="14" t="s">
        <v>596</v>
      </c>
      <c r="D132644" s="14" t="s">
        <v>39</v>
      </c>
      <c r="E132644" s="15">
        <v>45525</v>
      </c>
      <c r="F132644" s="14" t="s">
        <v>15</v>
      </c>
      <c r="G132644" s="16">
        <v>0</v>
      </c>
    </row>
    <row r="132645" spans="1:7" x14ac:dyDescent="0.3">
      <c r="A132645" s="13" t="s">
        <v>601</v>
      </c>
      <c r="B132645" s="14" t="s">
        <v>1</v>
      </c>
      <c r="C132645" s="14" t="s">
        <v>596</v>
      </c>
      <c r="D132645" s="14" t="s">
        <v>39</v>
      </c>
      <c r="E132645" s="15">
        <v>45526</v>
      </c>
      <c r="F132645" s="14" t="s">
        <v>15</v>
      </c>
      <c r="G132645" s="16">
        <v>0</v>
      </c>
    </row>
    <row r="132646" spans="1:7" x14ac:dyDescent="0.3">
      <c r="A132646" s="13" t="s">
        <v>601</v>
      </c>
      <c r="B132646" s="14" t="s">
        <v>1</v>
      </c>
      <c r="C132646" s="14" t="s">
        <v>596</v>
      </c>
      <c r="D132646" s="14" t="s">
        <v>39</v>
      </c>
      <c r="E132646" s="15">
        <v>45527</v>
      </c>
      <c r="F132646" s="14" t="s">
        <v>15</v>
      </c>
      <c r="G132646" s="16">
        <v>0</v>
      </c>
    </row>
    <row r="132647" spans="1:7" x14ac:dyDescent="0.3">
      <c r="A132647" s="13" t="s">
        <v>601</v>
      </c>
      <c r="B132647" s="14" t="s">
        <v>1</v>
      </c>
      <c r="C132647" s="14" t="s">
        <v>596</v>
      </c>
      <c r="D132647" s="14" t="s">
        <v>39</v>
      </c>
      <c r="E132647" s="15">
        <v>45528</v>
      </c>
      <c r="F132647" s="14" t="s">
        <v>15</v>
      </c>
      <c r="G132647" s="16">
        <v>0</v>
      </c>
    </row>
    <row r="132648" spans="1:7" x14ac:dyDescent="0.3">
      <c r="A132648" s="13" t="s">
        <v>601</v>
      </c>
      <c r="B132648" s="14" t="s">
        <v>1</v>
      </c>
      <c r="C132648" s="14" t="s">
        <v>596</v>
      </c>
      <c r="D132648" s="14" t="s">
        <v>39</v>
      </c>
      <c r="E132648" s="15">
        <v>45529</v>
      </c>
      <c r="F132648" s="14" t="s">
        <v>15</v>
      </c>
      <c r="G132648" s="16">
        <v>0</v>
      </c>
    </row>
    <row r="132649" spans="1:7" x14ac:dyDescent="0.3">
      <c r="A132649" s="13" t="s">
        <v>601</v>
      </c>
      <c r="B132649" s="14" t="s">
        <v>1</v>
      </c>
      <c r="C132649" s="14" t="s">
        <v>596</v>
      </c>
      <c r="D132649" s="14" t="s">
        <v>39</v>
      </c>
      <c r="E132649" s="15">
        <v>45530</v>
      </c>
      <c r="F132649" s="14" t="s">
        <v>15</v>
      </c>
      <c r="G132649" s="16">
        <v>0</v>
      </c>
    </row>
    <row r="132650" spans="1:7" x14ac:dyDescent="0.3">
      <c r="A132650" s="13" t="s">
        <v>601</v>
      </c>
      <c r="B132650" s="14" t="s">
        <v>1</v>
      </c>
      <c r="C132650" s="14" t="s">
        <v>596</v>
      </c>
      <c r="D132650" s="14" t="s">
        <v>39</v>
      </c>
      <c r="E132650" s="15">
        <v>45531</v>
      </c>
      <c r="F132650" s="14" t="s">
        <v>15</v>
      </c>
      <c r="G132650" s="16">
        <v>0</v>
      </c>
    </row>
    <row r="132651" spans="1:7" x14ac:dyDescent="0.3">
      <c r="A132651" s="13" t="s">
        <v>601</v>
      </c>
      <c r="B132651" s="14" t="s">
        <v>1</v>
      </c>
      <c r="C132651" s="14" t="s">
        <v>596</v>
      </c>
      <c r="D132651" s="14" t="s">
        <v>39</v>
      </c>
      <c r="E132651" s="15">
        <v>45532</v>
      </c>
      <c r="F132651" s="14" t="s">
        <v>15</v>
      </c>
      <c r="G132651" s="16">
        <v>0</v>
      </c>
    </row>
    <row r="132652" spans="1:7" x14ac:dyDescent="0.3">
      <c r="A132652" s="13" t="s">
        <v>601</v>
      </c>
      <c r="B132652" s="14" t="s">
        <v>1</v>
      </c>
      <c r="C132652" s="14" t="s">
        <v>596</v>
      </c>
      <c r="D132652" s="14" t="s">
        <v>39</v>
      </c>
      <c r="E132652" s="15">
        <v>45533</v>
      </c>
      <c r="F132652" s="14" t="s">
        <v>15</v>
      </c>
      <c r="G132652" s="16">
        <v>0</v>
      </c>
    </row>
    <row r="132653" spans="1:7" x14ac:dyDescent="0.3">
      <c r="A132653" s="13" t="s">
        <v>601</v>
      </c>
      <c r="B132653" s="14" t="s">
        <v>1</v>
      </c>
      <c r="C132653" s="14" t="s">
        <v>596</v>
      </c>
      <c r="D132653" s="14" t="s">
        <v>39</v>
      </c>
      <c r="E132653" s="15">
        <v>45534</v>
      </c>
      <c r="F132653" s="14" t="s">
        <v>15</v>
      </c>
      <c r="G132653" s="16">
        <v>0</v>
      </c>
    </row>
    <row r="132654" spans="1:7" x14ac:dyDescent="0.3">
      <c r="A132654" s="13" t="s">
        <v>601</v>
      </c>
      <c r="B132654" s="14" t="s">
        <v>1</v>
      </c>
      <c r="C132654" s="14" t="s">
        <v>596</v>
      </c>
      <c r="D132654" s="14" t="s">
        <v>39</v>
      </c>
      <c r="E132654" s="15">
        <v>45535</v>
      </c>
      <c r="F132654" s="14" t="s">
        <v>15</v>
      </c>
      <c r="G132654" s="16">
        <v>0</v>
      </c>
    </row>
    <row r="132655" spans="1:7" x14ac:dyDescent="0.3">
      <c r="A132655" s="13" t="s">
        <v>601</v>
      </c>
      <c r="B132655" s="14" t="s">
        <v>1</v>
      </c>
      <c r="C132655" s="14" t="s">
        <v>596</v>
      </c>
      <c r="D132655" s="14" t="s">
        <v>39</v>
      </c>
      <c r="E132655" s="15">
        <v>45536</v>
      </c>
      <c r="F132655" s="14" t="s">
        <v>15</v>
      </c>
      <c r="G132655" s="16">
        <v>0</v>
      </c>
    </row>
    <row r="132656" spans="1:7" x14ac:dyDescent="0.3">
      <c r="A132656" s="13" t="s">
        <v>601</v>
      </c>
      <c r="B132656" s="14" t="s">
        <v>1</v>
      </c>
      <c r="C132656" s="14" t="s">
        <v>596</v>
      </c>
      <c r="D132656" s="14" t="s">
        <v>39</v>
      </c>
      <c r="E132656" s="15">
        <v>45537</v>
      </c>
      <c r="F132656" s="14" t="s">
        <v>15</v>
      </c>
      <c r="G132656" s="16">
        <v>0</v>
      </c>
    </row>
    <row r="132657" spans="1:7" x14ac:dyDescent="0.3">
      <c r="A132657" s="13" t="s">
        <v>601</v>
      </c>
      <c r="B132657" s="14" t="s">
        <v>1</v>
      </c>
      <c r="C132657" s="14" t="s">
        <v>596</v>
      </c>
      <c r="D132657" s="14" t="s">
        <v>39</v>
      </c>
      <c r="E132657" s="15">
        <v>45538</v>
      </c>
      <c r="F132657" s="14" t="s">
        <v>15</v>
      </c>
      <c r="G132657" s="16">
        <v>0</v>
      </c>
    </row>
    <row r="132658" spans="1:7" x14ac:dyDescent="0.3">
      <c r="A132658" s="13" t="s">
        <v>601</v>
      </c>
      <c r="B132658" s="14" t="s">
        <v>1</v>
      </c>
      <c r="C132658" s="14" t="s">
        <v>596</v>
      </c>
      <c r="D132658" s="14" t="s">
        <v>39</v>
      </c>
      <c r="E132658" s="15">
        <v>45539</v>
      </c>
      <c r="F132658" s="14" t="s">
        <v>15</v>
      </c>
      <c r="G132658" s="16">
        <v>0</v>
      </c>
    </row>
    <row r="132659" spans="1:7" x14ac:dyDescent="0.3">
      <c r="A132659" s="13" t="s">
        <v>601</v>
      </c>
      <c r="B132659" s="14" t="s">
        <v>1</v>
      </c>
      <c r="C132659" s="14" t="s">
        <v>596</v>
      </c>
      <c r="D132659" s="14" t="s">
        <v>39</v>
      </c>
      <c r="E132659" s="15">
        <v>45540</v>
      </c>
      <c r="F132659" s="14" t="s">
        <v>15</v>
      </c>
      <c r="G132659" s="16">
        <v>0</v>
      </c>
    </row>
    <row r="132660" spans="1:7" x14ac:dyDescent="0.3">
      <c r="A132660" s="13" t="s">
        <v>601</v>
      </c>
      <c r="B132660" s="14" t="s">
        <v>1</v>
      </c>
      <c r="C132660" s="14" t="s">
        <v>596</v>
      </c>
      <c r="D132660" s="14" t="s">
        <v>39</v>
      </c>
      <c r="E132660" s="15">
        <v>45541</v>
      </c>
      <c r="F132660" s="14" t="s">
        <v>15</v>
      </c>
      <c r="G132660" s="16">
        <v>0</v>
      </c>
    </row>
    <row r="132661" spans="1:7" x14ac:dyDescent="0.3">
      <c r="A132661" s="13" t="s">
        <v>601</v>
      </c>
      <c r="B132661" s="14" t="s">
        <v>1</v>
      </c>
      <c r="C132661" s="14" t="s">
        <v>596</v>
      </c>
      <c r="D132661" s="14" t="s">
        <v>39</v>
      </c>
      <c r="E132661" s="15">
        <v>45542</v>
      </c>
      <c r="F132661" s="14" t="s">
        <v>15</v>
      </c>
      <c r="G132661" s="16">
        <v>0</v>
      </c>
    </row>
    <row r="132662" spans="1:7" x14ac:dyDescent="0.3">
      <c r="A132662" s="13" t="s">
        <v>601</v>
      </c>
      <c r="B132662" s="14" t="s">
        <v>1</v>
      </c>
      <c r="C132662" s="14" t="s">
        <v>596</v>
      </c>
      <c r="D132662" s="14" t="s">
        <v>39</v>
      </c>
      <c r="E132662" s="15">
        <v>45543</v>
      </c>
      <c r="F132662" s="14" t="s">
        <v>15</v>
      </c>
      <c r="G132662" s="16">
        <v>0</v>
      </c>
    </row>
    <row r="132663" spans="1:7" x14ac:dyDescent="0.3">
      <c r="A132663" s="13" t="s">
        <v>601</v>
      </c>
      <c r="B132663" s="14" t="s">
        <v>1</v>
      </c>
      <c r="C132663" s="14" t="s">
        <v>596</v>
      </c>
      <c r="D132663" s="14" t="s">
        <v>39</v>
      </c>
      <c r="E132663" s="15">
        <v>45544</v>
      </c>
      <c r="F132663" s="14" t="s">
        <v>15</v>
      </c>
      <c r="G132663" s="16">
        <v>0</v>
      </c>
    </row>
    <row r="132664" spans="1:7" x14ac:dyDescent="0.3">
      <c r="A132664" s="13" t="s">
        <v>601</v>
      </c>
      <c r="B132664" s="14" t="s">
        <v>1</v>
      </c>
      <c r="C132664" s="14" t="s">
        <v>596</v>
      </c>
      <c r="D132664" s="14" t="s">
        <v>39</v>
      </c>
      <c r="E132664" s="15">
        <v>45545</v>
      </c>
      <c r="F132664" s="14" t="s">
        <v>15</v>
      </c>
      <c r="G132664" s="16">
        <v>0</v>
      </c>
    </row>
    <row r="132665" spans="1:7" x14ac:dyDescent="0.3">
      <c r="A132665" s="13" t="s">
        <v>601</v>
      </c>
      <c r="B132665" s="14" t="s">
        <v>1</v>
      </c>
      <c r="C132665" s="14" t="s">
        <v>596</v>
      </c>
      <c r="D132665" s="14" t="s">
        <v>39</v>
      </c>
      <c r="E132665" s="15">
        <v>45546</v>
      </c>
      <c r="F132665" s="14" t="s">
        <v>15</v>
      </c>
      <c r="G132665" s="16">
        <v>0</v>
      </c>
    </row>
    <row r="132666" spans="1:7" x14ac:dyDescent="0.3">
      <c r="A132666" s="13" t="s">
        <v>601</v>
      </c>
      <c r="B132666" s="14" t="s">
        <v>1</v>
      </c>
      <c r="C132666" s="14" t="s">
        <v>596</v>
      </c>
      <c r="D132666" s="14" t="s">
        <v>39</v>
      </c>
      <c r="E132666" s="15">
        <v>45547</v>
      </c>
      <c r="F132666" s="14" t="s">
        <v>15</v>
      </c>
      <c r="G132666" s="16">
        <v>0</v>
      </c>
    </row>
    <row r="132667" spans="1:7" x14ac:dyDescent="0.3">
      <c r="A132667" s="13" t="s">
        <v>601</v>
      </c>
      <c r="B132667" s="14" t="s">
        <v>1</v>
      </c>
      <c r="C132667" s="14" t="s">
        <v>596</v>
      </c>
      <c r="D132667" s="14" t="s">
        <v>39</v>
      </c>
      <c r="E132667" s="15">
        <v>45548</v>
      </c>
      <c r="F132667" s="14" t="s">
        <v>15</v>
      </c>
      <c r="G132667" s="16">
        <v>0</v>
      </c>
    </row>
    <row r="132668" spans="1:7" x14ac:dyDescent="0.3">
      <c r="A132668" s="13" t="s">
        <v>601</v>
      </c>
      <c r="B132668" s="14" t="s">
        <v>1</v>
      </c>
      <c r="C132668" s="14" t="s">
        <v>596</v>
      </c>
      <c r="D132668" s="14" t="s">
        <v>39</v>
      </c>
      <c r="E132668" s="15">
        <v>45549</v>
      </c>
      <c r="F132668" s="14" t="s">
        <v>15</v>
      </c>
      <c r="G132668" s="16">
        <v>0</v>
      </c>
    </row>
    <row r="132669" spans="1:7" x14ac:dyDescent="0.3">
      <c r="A132669" s="13" t="s">
        <v>601</v>
      </c>
      <c r="B132669" s="14" t="s">
        <v>1</v>
      </c>
      <c r="C132669" s="14" t="s">
        <v>596</v>
      </c>
      <c r="D132669" s="14" t="s">
        <v>39</v>
      </c>
      <c r="E132669" s="15">
        <v>45550</v>
      </c>
      <c r="F132669" s="14" t="s">
        <v>15</v>
      </c>
      <c r="G132669" s="16">
        <v>0</v>
      </c>
    </row>
    <row r="132670" spans="1:7" x14ac:dyDescent="0.3">
      <c r="A132670" s="13" t="s">
        <v>601</v>
      </c>
      <c r="B132670" s="14" t="s">
        <v>1</v>
      </c>
      <c r="C132670" s="14" t="s">
        <v>596</v>
      </c>
      <c r="D132670" s="14" t="s">
        <v>39</v>
      </c>
      <c r="E132670" s="15">
        <v>45551</v>
      </c>
      <c r="F132670" s="14" t="s">
        <v>15</v>
      </c>
      <c r="G132670" s="16">
        <v>0</v>
      </c>
    </row>
    <row r="132671" spans="1:7" x14ac:dyDescent="0.3">
      <c r="A132671" s="13" t="s">
        <v>601</v>
      </c>
      <c r="B132671" s="14" t="s">
        <v>1</v>
      </c>
      <c r="C132671" s="14" t="s">
        <v>596</v>
      </c>
      <c r="D132671" s="14" t="s">
        <v>39</v>
      </c>
      <c r="E132671" s="15">
        <v>45552</v>
      </c>
      <c r="F132671" s="14" t="s">
        <v>15</v>
      </c>
      <c r="G132671" s="16">
        <v>0</v>
      </c>
    </row>
    <row r="132672" spans="1:7" x14ac:dyDescent="0.3">
      <c r="A132672" s="13" t="s">
        <v>601</v>
      </c>
      <c r="B132672" s="14" t="s">
        <v>1</v>
      </c>
      <c r="C132672" s="14" t="s">
        <v>596</v>
      </c>
      <c r="D132672" s="14" t="s">
        <v>39</v>
      </c>
      <c r="E132672" s="15">
        <v>45553</v>
      </c>
      <c r="F132672" s="14" t="s">
        <v>15</v>
      </c>
      <c r="G132672" s="16">
        <v>0</v>
      </c>
    </row>
    <row r="132673" spans="1:7" x14ac:dyDescent="0.3">
      <c r="A132673" s="13" t="s">
        <v>601</v>
      </c>
      <c r="B132673" s="14" t="s">
        <v>1</v>
      </c>
      <c r="C132673" s="14" t="s">
        <v>596</v>
      </c>
      <c r="D132673" s="14" t="s">
        <v>39</v>
      </c>
      <c r="E132673" s="15">
        <v>45554</v>
      </c>
      <c r="F132673" s="14" t="s">
        <v>15</v>
      </c>
      <c r="G132673" s="16">
        <v>0</v>
      </c>
    </row>
    <row r="132674" spans="1:7" x14ac:dyDescent="0.3">
      <c r="A132674" s="13" t="s">
        <v>601</v>
      </c>
      <c r="B132674" s="14" t="s">
        <v>1</v>
      </c>
      <c r="C132674" s="14" t="s">
        <v>596</v>
      </c>
      <c r="D132674" s="14" t="s">
        <v>39</v>
      </c>
      <c r="E132674" s="15">
        <v>45555</v>
      </c>
      <c r="F132674" s="14" t="s">
        <v>15</v>
      </c>
      <c r="G132674" s="16">
        <v>0</v>
      </c>
    </row>
    <row r="132675" spans="1:7" x14ac:dyDescent="0.3">
      <c r="A132675" s="13" t="s">
        <v>601</v>
      </c>
      <c r="B132675" s="14" t="s">
        <v>1</v>
      </c>
      <c r="C132675" s="14" t="s">
        <v>596</v>
      </c>
      <c r="D132675" s="14" t="s">
        <v>39</v>
      </c>
      <c r="E132675" s="15">
        <v>45556</v>
      </c>
      <c r="F132675" s="14" t="s">
        <v>15</v>
      </c>
      <c r="G132675" s="16">
        <v>0</v>
      </c>
    </row>
    <row r="132676" spans="1:7" x14ac:dyDescent="0.3">
      <c r="A132676" s="13" t="s">
        <v>601</v>
      </c>
      <c r="B132676" s="14" t="s">
        <v>1</v>
      </c>
      <c r="C132676" s="14" t="s">
        <v>596</v>
      </c>
      <c r="D132676" s="14" t="s">
        <v>39</v>
      </c>
      <c r="E132676" s="15">
        <v>45557</v>
      </c>
      <c r="F132676" s="14" t="s">
        <v>15</v>
      </c>
      <c r="G132676" s="16">
        <v>0</v>
      </c>
    </row>
    <row r="132677" spans="1:7" x14ac:dyDescent="0.3">
      <c r="A132677" s="13" t="s">
        <v>601</v>
      </c>
      <c r="B132677" s="14" t="s">
        <v>1</v>
      </c>
      <c r="C132677" s="14" t="s">
        <v>596</v>
      </c>
      <c r="D132677" s="14" t="s">
        <v>39</v>
      </c>
      <c r="E132677" s="15">
        <v>45558</v>
      </c>
      <c r="F132677" s="14" t="s">
        <v>15</v>
      </c>
      <c r="G132677" s="16">
        <v>0</v>
      </c>
    </row>
    <row r="132678" spans="1:7" x14ac:dyDescent="0.3">
      <c r="A132678" s="13" t="s">
        <v>601</v>
      </c>
      <c r="B132678" s="14" t="s">
        <v>1</v>
      </c>
      <c r="C132678" s="14" t="s">
        <v>596</v>
      </c>
      <c r="D132678" s="14" t="s">
        <v>39</v>
      </c>
      <c r="E132678" s="15">
        <v>45559</v>
      </c>
      <c r="F132678" s="14" t="s">
        <v>15</v>
      </c>
      <c r="G132678" s="16">
        <v>0</v>
      </c>
    </row>
    <row r="132679" spans="1:7" x14ac:dyDescent="0.3">
      <c r="A132679" s="13" t="s">
        <v>601</v>
      </c>
      <c r="B132679" s="14" t="s">
        <v>1</v>
      </c>
      <c r="C132679" s="14" t="s">
        <v>596</v>
      </c>
      <c r="D132679" s="14" t="s">
        <v>39</v>
      </c>
      <c r="E132679" s="15">
        <v>45560</v>
      </c>
      <c r="F132679" s="14" t="s">
        <v>15</v>
      </c>
      <c r="G132679" s="16">
        <v>0</v>
      </c>
    </row>
    <row r="132680" spans="1:7" x14ac:dyDescent="0.3">
      <c r="A132680" s="13" t="s">
        <v>601</v>
      </c>
      <c r="B132680" s="14" t="s">
        <v>1</v>
      </c>
      <c r="C132680" s="14" t="s">
        <v>596</v>
      </c>
      <c r="D132680" s="14" t="s">
        <v>39</v>
      </c>
      <c r="E132680" s="15">
        <v>45561</v>
      </c>
      <c r="F132680" s="14" t="s">
        <v>15</v>
      </c>
      <c r="G132680" s="16">
        <v>0</v>
      </c>
    </row>
    <row r="132681" spans="1:7" x14ac:dyDescent="0.3">
      <c r="A132681" s="13" t="s">
        <v>601</v>
      </c>
      <c r="B132681" s="14" t="s">
        <v>1</v>
      </c>
      <c r="C132681" s="14" t="s">
        <v>596</v>
      </c>
      <c r="D132681" s="14" t="s">
        <v>39</v>
      </c>
      <c r="E132681" s="15">
        <v>45562</v>
      </c>
      <c r="F132681" s="14" t="s">
        <v>15</v>
      </c>
      <c r="G132681" s="16">
        <v>0</v>
      </c>
    </row>
    <row r="132682" spans="1:7" x14ac:dyDescent="0.3">
      <c r="A132682" s="13" t="s">
        <v>601</v>
      </c>
      <c r="B132682" s="14" t="s">
        <v>1</v>
      </c>
      <c r="C132682" s="14" t="s">
        <v>596</v>
      </c>
      <c r="D132682" s="14" t="s">
        <v>39</v>
      </c>
      <c r="E132682" s="15">
        <v>45563</v>
      </c>
      <c r="F132682" s="14" t="s">
        <v>15</v>
      </c>
      <c r="G132682" s="16">
        <v>0</v>
      </c>
    </row>
    <row r="132683" spans="1:7" x14ac:dyDescent="0.3">
      <c r="A132683" s="13" t="s">
        <v>601</v>
      </c>
      <c r="B132683" s="14" t="s">
        <v>1</v>
      </c>
      <c r="C132683" s="14" t="s">
        <v>596</v>
      </c>
      <c r="D132683" s="14" t="s">
        <v>39</v>
      </c>
      <c r="E132683" s="15">
        <v>45564</v>
      </c>
      <c r="F132683" s="14" t="s">
        <v>15</v>
      </c>
      <c r="G132683" s="16">
        <v>0</v>
      </c>
    </row>
    <row r="132684" spans="1:7" x14ac:dyDescent="0.3">
      <c r="A132684" s="13" t="s">
        <v>601</v>
      </c>
      <c r="B132684" s="14" t="s">
        <v>1</v>
      </c>
      <c r="C132684" s="14" t="s">
        <v>596</v>
      </c>
      <c r="D132684" s="14" t="s">
        <v>39</v>
      </c>
      <c r="E132684" s="15">
        <v>45565</v>
      </c>
      <c r="F132684" s="14" t="s">
        <v>15</v>
      </c>
      <c r="G132684" s="16">
        <v>0</v>
      </c>
    </row>
    <row r="132685" spans="1:7" x14ac:dyDescent="0.3">
      <c r="A132685" s="13" t="s">
        <v>601</v>
      </c>
      <c r="B132685" s="14" t="s">
        <v>1</v>
      </c>
      <c r="C132685" s="14" t="s">
        <v>596</v>
      </c>
      <c r="D132685" s="14" t="s">
        <v>39</v>
      </c>
      <c r="E132685" s="15">
        <v>45566</v>
      </c>
      <c r="F132685" s="14" t="s">
        <v>15</v>
      </c>
      <c r="G132685" s="16">
        <v>0</v>
      </c>
    </row>
    <row r="132686" spans="1:7" x14ac:dyDescent="0.3">
      <c r="A132686" s="13" t="s">
        <v>601</v>
      </c>
      <c r="B132686" s="14" t="s">
        <v>1</v>
      </c>
      <c r="C132686" s="14" t="s">
        <v>596</v>
      </c>
      <c r="D132686" s="14" t="s">
        <v>39</v>
      </c>
      <c r="E132686" s="15">
        <v>45567</v>
      </c>
      <c r="F132686" s="14" t="s">
        <v>15</v>
      </c>
      <c r="G132686" s="16">
        <v>0</v>
      </c>
    </row>
    <row r="132687" spans="1:7" x14ac:dyDescent="0.3">
      <c r="A132687" s="13" t="s">
        <v>601</v>
      </c>
      <c r="B132687" s="14" t="s">
        <v>1</v>
      </c>
      <c r="C132687" s="14" t="s">
        <v>596</v>
      </c>
      <c r="D132687" s="14" t="s">
        <v>39</v>
      </c>
      <c r="E132687" s="15">
        <v>45568</v>
      </c>
      <c r="F132687" s="14" t="s">
        <v>15</v>
      </c>
      <c r="G132687" s="16">
        <v>0</v>
      </c>
    </row>
    <row r="132688" spans="1:7" x14ac:dyDescent="0.3">
      <c r="A132688" s="13" t="s">
        <v>601</v>
      </c>
      <c r="B132688" s="14" t="s">
        <v>1</v>
      </c>
      <c r="C132688" s="14" t="s">
        <v>596</v>
      </c>
      <c r="D132688" s="14" t="s">
        <v>39</v>
      </c>
      <c r="E132688" s="15">
        <v>45569</v>
      </c>
      <c r="F132688" s="14" t="s">
        <v>15</v>
      </c>
      <c r="G132688" s="16">
        <v>0</v>
      </c>
    </row>
    <row r="132689" spans="1:7" x14ac:dyDescent="0.3">
      <c r="A132689" s="13" t="s">
        <v>601</v>
      </c>
      <c r="B132689" s="14" t="s">
        <v>1</v>
      </c>
      <c r="C132689" s="14" t="s">
        <v>596</v>
      </c>
      <c r="D132689" s="14" t="s">
        <v>39</v>
      </c>
      <c r="E132689" s="15">
        <v>45570</v>
      </c>
      <c r="F132689" s="14" t="s">
        <v>15</v>
      </c>
      <c r="G132689" s="16">
        <v>0</v>
      </c>
    </row>
    <row r="132690" spans="1:7" x14ac:dyDescent="0.3">
      <c r="A132690" s="13" t="s">
        <v>601</v>
      </c>
      <c r="B132690" s="14" t="s">
        <v>1</v>
      </c>
      <c r="C132690" s="14" t="s">
        <v>596</v>
      </c>
      <c r="D132690" s="14" t="s">
        <v>39</v>
      </c>
      <c r="E132690" s="15">
        <v>45571</v>
      </c>
      <c r="F132690" s="14" t="s">
        <v>15</v>
      </c>
      <c r="G132690" s="16">
        <v>0</v>
      </c>
    </row>
    <row r="132691" spans="1:7" x14ac:dyDescent="0.3">
      <c r="A132691" s="13" t="s">
        <v>601</v>
      </c>
      <c r="B132691" s="14" t="s">
        <v>1</v>
      </c>
      <c r="C132691" s="14" t="s">
        <v>596</v>
      </c>
      <c r="D132691" s="14" t="s">
        <v>39</v>
      </c>
      <c r="E132691" s="15">
        <v>45572</v>
      </c>
      <c r="F132691" s="14" t="s">
        <v>15</v>
      </c>
      <c r="G132691" s="16">
        <v>0</v>
      </c>
    </row>
    <row r="132692" spans="1:7" x14ac:dyDescent="0.3">
      <c r="A132692" s="13" t="s">
        <v>601</v>
      </c>
      <c r="B132692" s="14" t="s">
        <v>1</v>
      </c>
      <c r="C132692" s="14" t="s">
        <v>596</v>
      </c>
      <c r="D132692" s="14" t="s">
        <v>39</v>
      </c>
      <c r="E132692" s="15">
        <v>45573</v>
      </c>
      <c r="F132692" s="14" t="s">
        <v>15</v>
      </c>
      <c r="G132692" s="16">
        <v>0</v>
      </c>
    </row>
    <row r="132693" spans="1:7" x14ac:dyDescent="0.3">
      <c r="A132693" s="13" t="s">
        <v>601</v>
      </c>
      <c r="B132693" s="14" t="s">
        <v>1</v>
      </c>
      <c r="C132693" s="14" t="s">
        <v>596</v>
      </c>
      <c r="D132693" s="14" t="s">
        <v>39</v>
      </c>
      <c r="E132693" s="15">
        <v>45574</v>
      </c>
      <c r="F132693" s="14" t="s">
        <v>15</v>
      </c>
      <c r="G132693" s="16">
        <v>0</v>
      </c>
    </row>
    <row r="132694" spans="1:7" x14ac:dyDescent="0.3">
      <c r="A132694" s="13" t="s">
        <v>601</v>
      </c>
      <c r="B132694" s="14" t="s">
        <v>1</v>
      </c>
      <c r="C132694" s="14" t="s">
        <v>596</v>
      </c>
      <c r="D132694" s="14" t="s">
        <v>39</v>
      </c>
      <c r="E132694" s="15">
        <v>45575</v>
      </c>
      <c r="F132694" s="14" t="s">
        <v>15</v>
      </c>
      <c r="G132694" s="16">
        <v>0</v>
      </c>
    </row>
    <row r="132695" spans="1:7" x14ac:dyDescent="0.3">
      <c r="A132695" s="13" t="s">
        <v>601</v>
      </c>
      <c r="B132695" s="14" t="s">
        <v>1</v>
      </c>
      <c r="C132695" s="14" t="s">
        <v>596</v>
      </c>
      <c r="D132695" s="14" t="s">
        <v>39</v>
      </c>
      <c r="E132695" s="15">
        <v>45576</v>
      </c>
      <c r="F132695" s="14" t="s">
        <v>15</v>
      </c>
      <c r="G132695" s="16">
        <v>0</v>
      </c>
    </row>
    <row r="132696" spans="1:7" x14ac:dyDescent="0.3">
      <c r="A132696" s="13" t="s">
        <v>601</v>
      </c>
      <c r="B132696" s="14" t="s">
        <v>1</v>
      </c>
      <c r="C132696" s="14" t="s">
        <v>596</v>
      </c>
      <c r="D132696" s="14" t="s">
        <v>39</v>
      </c>
      <c r="E132696" s="15">
        <v>45577</v>
      </c>
      <c r="F132696" s="14" t="s">
        <v>15</v>
      </c>
      <c r="G132696" s="16">
        <v>0</v>
      </c>
    </row>
    <row r="132697" spans="1:7" x14ac:dyDescent="0.3">
      <c r="A132697" s="13" t="s">
        <v>601</v>
      </c>
      <c r="B132697" s="14" t="s">
        <v>1</v>
      </c>
      <c r="C132697" s="14" t="s">
        <v>596</v>
      </c>
      <c r="D132697" s="14" t="s">
        <v>39</v>
      </c>
      <c r="E132697" s="15">
        <v>45578</v>
      </c>
      <c r="F132697" s="14" t="s">
        <v>15</v>
      </c>
      <c r="G132697" s="16">
        <v>0</v>
      </c>
    </row>
    <row r="132698" spans="1:7" x14ac:dyDescent="0.3">
      <c r="A132698" s="13" t="s">
        <v>601</v>
      </c>
      <c r="B132698" s="14" t="s">
        <v>1</v>
      </c>
      <c r="C132698" s="14" t="s">
        <v>596</v>
      </c>
      <c r="D132698" s="14" t="s">
        <v>39</v>
      </c>
      <c r="E132698" s="15">
        <v>45579</v>
      </c>
      <c r="F132698" s="14" t="s">
        <v>15</v>
      </c>
      <c r="G132698" s="16">
        <v>0</v>
      </c>
    </row>
    <row r="132699" spans="1:7" x14ac:dyDescent="0.3">
      <c r="A132699" s="13" t="s">
        <v>601</v>
      </c>
      <c r="B132699" s="14" t="s">
        <v>1</v>
      </c>
      <c r="C132699" s="14" t="s">
        <v>596</v>
      </c>
      <c r="D132699" s="14" t="s">
        <v>39</v>
      </c>
      <c r="E132699" s="15">
        <v>45580</v>
      </c>
      <c r="F132699" s="14" t="s">
        <v>15</v>
      </c>
      <c r="G132699" s="16">
        <v>0</v>
      </c>
    </row>
    <row r="132700" spans="1:7" x14ac:dyDescent="0.3">
      <c r="A132700" s="13" t="s">
        <v>601</v>
      </c>
      <c r="B132700" s="14" t="s">
        <v>1</v>
      </c>
      <c r="C132700" s="14" t="s">
        <v>596</v>
      </c>
      <c r="D132700" s="14" t="s">
        <v>39</v>
      </c>
      <c r="E132700" s="15">
        <v>45581</v>
      </c>
      <c r="F132700" s="14" t="s">
        <v>15</v>
      </c>
      <c r="G132700" s="16">
        <v>0</v>
      </c>
    </row>
    <row r="132701" spans="1:7" x14ac:dyDescent="0.3">
      <c r="A132701" s="13" t="s">
        <v>601</v>
      </c>
      <c r="B132701" s="14" t="s">
        <v>1</v>
      </c>
      <c r="C132701" s="14" t="s">
        <v>596</v>
      </c>
      <c r="D132701" s="14" t="s">
        <v>39</v>
      </c>
      <c r="E132701" s="15">
        <v>45582</v>
      </c>
      <c r="F132701" s="14" t="s">
        <v>15</v>
      </c>
      <c r="G132701" s="16">
        <v>0</v>
      </c>
    </row>
    <row r="132702" spans="1:7" x14ac:dyDescent="0.3">
      <c r="A132702" s="13" t="s">
        <v>601</v>
      </c>
      <c r="B132702" s="14" t="s">
        <v>1</v>
      </c>
      <c r="C132702" s="14" t="s">
        <v>596</v>
      </c>
      <c r="D132702" s="14" t="s">
        <v>39</v>
      </c>
      <c r="E132702" s="15">
        <v>45583</v>
      </c>
      <c r="F132702" s="14" t="s">
        <v>15</v>
      </c>
      <c r="G132702" s="16">
        <v>0</v>
      </c>
    </row>
    <row r="132703" spans="1:7" x14ac:dyDescent="0.3">
      <c r="A132703" s="13" t="s">
        <v>601</v>
      </c>
      <c r="B132703" s="14" t="s">
        <v>1</v>
      </c>
      <c r="C132703" s="14" t="s">
        <v>596</v>
      </c>
      <c r="D132703" s="14" t="s">
        <v>39</v>
      </c>
      <c r="E132703" s="15">
        <v>45584</v>
      </c>
      <c r="F132703" s="14" t="s">
        <v>15</v>
      </c>
      <c r="G132703" s="16">
        <v>0</v>
      </c>
    </row>
    <row r="132704" spans="1:7" x14ac:dyDescent="0.3">
      <c r="A132704" s="13" t="s">
        <v>601</v>
      </c>
      <c r="B132704" s="14" t="s">
        <v>1</v>
      </c>
      <c r="C132704" s="14" t="s">
        <v>596</v>
      </c>
      <c r="D132704" s="14" t="s">
        <v>39</v>
      </c>
      <c r="E132704" s="15">
        <v>45585</v>
      </c>
      <c r="F132704" s="14" t="s">
        <v>15</v>
      </c>
      <c r="G132704" s="16">
        <v>0</v>
      </c>
    </row>
    <row r="132705" spans="1:7" x14ac:dyDescent="0.3">
      <c r="A132705" s="13" t="s">
        <v>601</v>
      </c>
      <c r="B132705" s="14" t="s">
        <v>1</v>
      </c>
      <c r="C132705" s="14" t="s">
        <v>596</v>
      </c>
      <c r="D132705" s="14" t="s">
        <v>39</v>
      </c>
      <c r="E132705" s="15">
        <v>45586</v>
      </c>
      <c r="F132705" s="14" t="s">
        <v>15</v>
      </c>
      <c r="G132705" s="16">
        <v>0</v>
      </c>
    </row>
    <row r="132706" spans="1:7" x14ac:dyDescent="0.3">
      <c r="A132706" s="13" t="s">
        <v>601</v>
      </c>
      <c r="B132706" s="14" t="s">
        <v>1</v>
      </c>
      <c r="C132706" s="14" t="s">
        <v>596</v>
      </c>
      <c r="D132706" s="14" t="s">
        <v>39</v>
      </c>
      <c r="E132706" s="15">
        <v>45587</v>
      </c>
      <c r="F132706" s="14" t="s">
        <v>15</v>
      </c>
      <c r="G132706" s="16">
        <v>0</v>
      </c>
    </row>
    <row r="132707" spans="1:7" x14ac:dyDescent="0.3">
      <c r="A132707" s="13" t="s">
        <v>601</v>
      </c>
      <c r="B132707" s="14" t="s">
        <v>1</v>
      </c>
      <c r="C132707" s="14" t="s">
        <v>596</v>
      </c>
      <c r="D132707" s="14" t="s">
        <v>39</v>
      </c>
      <c r="E132707" s="15">
        <v>45588</v>
      </c>
      <c r="F132707" s="14" t="s">
        <v>15</v>
      </c>
      <c r="G132707" s="16">
        <v>0</v>
      </c>
    </row>
    <row r="132708" spans="1:7" x14ac:dyDescent="0.3">
      <c r="A132708" s="13" t="s">
        <v>601</v>
      </c>
      <c r="B132708" s="14" t="s">
        <v>1</v>
      </c>
      <c r="C132708" s="14" t="s">
        <v>596</v>
      </c>
      <c r="D132708" s="14" t="s">
        <v>39</v>
      </c>
      <c r="E132708" s="15">
        <v>45589</v>
      </c>
      <c r="F132708" s="14" t="s">
        <v>15</v>
      </c>
      <c r="G132708" s="16">
        <v>0</v>
      </c>
    </row>
    <row r="132709" spans="1:7" x14ac:dyDescent="0.3">
      <c r="A132709" s="13" t="s">
        <v>601</v>
      </c>
      <c r="B132709" s="14" t="s">
        <v>1</v>
      </c>
      <c r="C132709" s="14" t="s">
        <v>596</v>
      </c>
      <c r="D132709" s="14" t="s">
        <v>39</v>
      </c>
      <c r="E132709" s="15">
        <v>45590</v>
      </c>
      <c r="F132709" s="14" t="s">
        <v>15</v>
      </c>
      <c r="G132709" s="16">
        <v>0</v>
      </c>
    </row>
    <row r="132710" spans="1:7" x14ac:dyDescent="0.3">
      <c r="A132710" s="13" t="s">
        <v>601</v>
      </c>
      <c r="B132710" s="14" t="s">
        <v>1</v>
      </c>
      <c r="C132710" s="14" t="s">
        <v>596</v>
      </c>
      <c r="D132710" s="14" t="s">
        <v>39</v>
      </c>
      <c r="E132710" s="15">
        <v>45591</v>
      </c>
      <c r="F132710" s="14" t="s">
        <v>15</v>
      </c>
      <c r="G132710" s="16">
        <v>0</v>
      </c>
    </row>
    <row r="132711" spans="1:7" x14ac:dyDescent="0.3">
      <c r="A132711" s="13" t="s">
        <v>601</v>
      </c>
      <c r="B132711" s="14" t="s">
        <v>1</v>
      </c>
      <c r="C132711" s="14" t="s">
        <v>596</v>
      </c>
      <c r="D132711" s="14" t="s">
        <v>39</v>
      </c>
      <c r="E132711" s="15">
        <v>45592</v>
      </c>
      <c r="F132711" s="14" t="s">
        <v>15</v>
      </c>
      <c r="G132711" s="16">
        <v>0</v>
      </c>
    </row>
    <row r="132712" spans="1:7" x14ac:dyDescent="0.3">
      <c r="A132712" s="13" t="s">
        <v>601</v>
      </c>
      <c r="B132712" s="14" t="s">
        <v>1</v>
      </c>
      <c r="C132712" s="14" t="s">
        <v>596</v>
      </c>
      <c r="D132712" s="14" t="s">
        <v>39</v>
      </c>
      <c r="E132712" s="15">
        <v>45593</v>
      </c>
      <c r="F132712" s="14" t="s">
        <v>15</v>
      </c>
      <c r="G132712" s="16">
        <v>0</v>
      </c>
    </row>
    <row r="132713" spans="1:7" x14ac:dyDescent="0.3">
      <c r="A132713" s="13" t="s">
        <v>601</v>
      </c>
      <c r="B132713" s="14" t="s">
        <v>1</v>
      </c>
      <c r="C132713" s="14" t="s">
        <v>596</v>
      </c>
      <c r="D132713" s="14" t="s">
        <v>39</v>
      </c>
      <c r="E132713" s="15">
        <v>45594</v>
      </c>
      <c r="F132713" s="14" t="s">
        <v>15</v>
      </c>
      <c r="G132713" s="16">
        <v>0</v>
      </c>
    </row>
    <row r="132714" spans="1:7" x14ac:dyDescent="0.3">
      <c r="A132714" s="13" t="s">
        <v>601</v>
      </c>
      <c r="B132714" s="14" t="s">
        <v>1</v>
      </c>
      <c r="C132714" s="14" t="s">
        <v>596</v>
      </c>
      <c r="D132714" s="14" t="s">
        <v>39</v>
      </c>
      <c r="E132714" s="15">
        <v>45595</v>
      </c>
      <c r="F132714" s="14" t="s">
        <v>15</v>
      </c>
      <c r="G132714" s="16">
        <v>0</v>
      </c>
    </row>
    <row r="132715" spans="1:7" x14ac:dyDescent="0.3">
      <c r="A132715" s="13" t="s">
        <v>601</v>
      </c>
      <c r="B132715" s="14" t="s">
        <v>1</v>
      </c>
      <c r="C132715" s="14" t="s">
        <v>596</v>
      </c>
      <c r="D132715" s="14" t="s">
        <v>39</v>
      </c>
      <c r="E132715" s="15">
        <v>45596</v>
      </c>
      <c r="F132715" s="14" t="s">
        <v>15</v>
      </c>
      <c r="G132715" s="16">
        <v>0</v>
      </c>
    </row>
    <row r="132716" spans="1:7" x14ac:dyDescent="0.3">
      <c r="A132716" s="13" t="s">
        <v>601</v>
      </c>
      <c r="B132716" s="14" t="s">
        <v>1</v>
      </c>
      <c r="C132716" s="14" t="s">
        <v>596</v>
      </c>
      <c r="D132716" s="14" t="s">
        <v>39</v>
      </c>
      <c r="E132716" s="15">
        <v>45597</v>
      </c>
      <c r="F132716" s="14" t="s">
        <v>15</v>
      </c>
      <c r="G132716" s="16">
        <v>0</v>
      </c>
    </row>
    <row r="132717" spans="1:7" x14ac:dyDescent="0.3">
      <c r="A132717" s="13" t="s">
        <v>601</v>
      </c>
      <c r="B132717" s="14" t="s">
        <v>1</v>
      </c>
      <c r="C132717" s="14" t="s">
        <v>596</v>
      </c>
      <c r="D132717" s="14" t="s">
        <v>39</v>
      </c>
      <c r="E132717" s="15">
        <v>45598</v>
      </c>
      <c r="F132717" s="14" t="s">
        <v>15</v>
      </c>
      <c r="G132717" s="16">
        <v>0</v>
      </c>
    </row>
    <row r="132718" spans="1:7" x14ac:dyDescent="0.3">
      <c r="A132718" s="13" t="s">
        <v>601</v>
      </c>
      <c r="B132718" s="14" t="s">
        <v>1</v>
      </c>
      <c r="C132718" s="14" t="s">
        <v>596</v>
      </c>
      <c r="D132718" s="14" t="s">
        <v>39</v>
      </c>
      <c r="E132718" s="15">
        <v>45599</v>
      </c>
      <c r="F132718" s="14" t="s">
        <v>15</v>
      </c>
      <c r="G132718" s="16">
        <v>0</v>
      </c>
    </row>
    <row r="132719" spans="1:7" x14ac:dyDescent="0.3">
      <c r="A132719" s="13" t="s">
        <v>601</v>
      </c>
      <c r="B132719" s="14" t="s">
        <v>1</v>
      </c>
      <c r="C132719" s="14" t="s">
        <v>596</v>
      </c>
      <c r="D132719" s="14" t="s">
        <v>39</v>
      </c>
      <c r="E132719" s="15">
        <v>45600</v>
      </c>
      <c r="F132719" s="14" t="s">
        <v>15</v>
      </c>
      <c r="G132719" s="16">
        <v>0</v>
      </c>
    </row>
    <row r="132720" spans="1:7" x14ac:dyDescent="0.3">
      <c r="A132720" s="13" t="s">
        <v>601</v>
      </c>
      <c r="B132720" s="14" t="s">
        <v>1</v>
      </c>
      <c r="C132720" s="14" t="s">
        <v>596</v>
      </c>
      <c r="D132720" s="14" t="s">
        <v>39</v>
      </c>
      <c r="E132720" s="15">
        <v>45601</v>
      </c>
      <c r="F132720" s="14" t="s">
        <v>15</v>
      </c>
      <c r="G132720" s="16">
        <v>0</v>
      </c>
    </row>
    <row r="132721" spans="1:7" x14ac:dyDescent="0.3">
      <c r="A132721" s="13" t="s">
        <v>601</v>
      </c>
      <c r="B132721" s="14" t="s">
        <v>1</v>
      </c>
      <c r="C132721" s="14" t="s">
        <v>596</v>
      </c>
      <c r="D132721" s="14" t="s">
        <v>39</v>
      </c>
      <c r="E132721" s="15">
        <v>45602</v>
      </c>
      <c r="F132721" s="14" t="s">
        <v>15</v>
      </c>
      <c r="G132721" s="16">
        <v>0</v>
      </c>
    </row>
    <row r="132722" spans="1:7" x14ac:dyDescent="0.3">
      <c r="A132722" s="13" t="s">
        <v>601</v>
      </c>
      <c r="B132722" s="14" t="s">
        <v>1</v>
      </c>
      <c r="C132722" s="14" t="s">
        <v>596</v>
      </c>
      <c r="D132722" s="14" t="s">
        <v>39</v>
      </c>
      <c r="E132722" s="15">
        <v>45603</v>
      </c>
      <c r="F132722" s="14" t="s">
        <v>15</v>
      </c>
      <c r="G132722" s="16">
        <v>0</v>
      </c>
    </row>
    <row r="132723" spans="1:7" x14ac:dyDescent="0.3">
      <c r="A132723" s="13" t="s">
        <v>601</v>
      </c>
      <c r="B132723" s="14" t="s">
        <v>1</v>
      </c>
      <c r="C132723" s="14" t="s">
        <v>596</v>
      </c>
      <c r="D132723" s="14" t="s">
        <v>39</v>
      </c>
      <c r="E132723" s="15">
        <v>45604</v>
      </c>
      <c r="F132723" s="14" t="s">
        <v>15</v>
      </c>
      <c r="G132723" s="16">
        <v>0</v>
      </c>
    </row>
    <row r="132724" spans="1:7" x14ac:dyDescent="0.3">
      <c r="A132724" s="13" t="s">
        <v>601</v>
      </c>
      <c r="B132724" s="14" t="s">
        <v>1</v>
      </c>
      <c r="C132724" s="14" t="s">
        <v>596</v>
      </c>
      <c r="D132724" s="14" t="s">
        <v>39</v>
      </c>
      <c r="E132724" s="15">
        <v>45605</v>
      </c>
      <c r="F132724" s="14" t="s">
        <v>15</v>
      </c>
      <c r="G132724" s="16">
        <v>0</v>
      </c>
    </row>
    <row r="132725" spans="1:7" x14ac:dyDescent="0.3">
      <c r="A132725" s="13" t="s">
        <v>601</v>
      </c>
      <c r="B132725" s="14" t="s">
        <v>1</v>
      </c>
      <c r="C132725" s="14" t="s">
        <v>596</v>
      </c>
      <c r="D132725" s="14" t="s">
        <v>39</v>
      </c>
      <c r="E132725" s="15">
        <v>45606</v>
      </c>
      <c r="F132725" s="14" t="s">
        <v>15</v>
      </c>
      <c r="G132725" s="16">
        <v>0</v>
      </c>
    </row>
    <row r="132726" spans="1:7" x14ac:dyDescent="0.3">
      <c r="A132726" s="13" t="s">
        <v>601</v>
      </c>
      <c r="B132726" s="14" t="s">
        <v>1</v>
      </c>
      <c r="C132726" s="14" t="s">
        <v>596</v>
      </c>
      <c r="D132726" s="14" t="s">
        <v>39</v>
      </c>
      <c r="E132726" s="15">
        <v>45607</v>
      </c>
      <c r="F132726" s="14" t="s">
        <v>15</v>
      </c>
      <c r="G132726" s="16">
        <v>0</v>
      </c>
    </row>
    <row r="132727" spans="1:7" x14ac:dyDescent="0.3">
      <c r="A132727" s="13" t="s">
        <v>601</v>
      </c>
      <c r="B132727" s="14" t="s">
        <v>1</v>
      </c>
      <c r="C132727" s="14" t="s">
        <v>596</v>
      </c>
      <c r="D132727" s="14" t="s">
        <v>39</v>
      </c>
      <c r="E132727" s="15">
        <v>45608</v>
      </c>
      <c r="F132727" s="14" t="s">
        <v>15</v>
      </c>
      <c r="G132727" s="16">
        <v>0</v>
      </c>
    </row>
    <row r="132728" spans="1:7" x14ac:dyDescent="0.3">
      <c r="A132728" s="13" t="s">
        <v>601</v>
      </c>
      <c r="B132728" s="14" t="s">
        <v>1</v>
      </c>
      <c r="C132728" s="14" t="s">
        <v>596</v>
      </c>
      <c r="D132728" s="14" t="s">
        <v>39</v>
      </c>
      <c r="E132728" s="15">
        <v>45609</v>
      </c>
      <c r="F132728" s="14" t="s">
        <v>15</v>
      </c>
      <c r="G132728" s="16">
        <v>0</v>
      </c>
    </row>
    <row r="132729" spans="1:7" x14ac:dyDescent="0.3">
      <c r="A132729" s="13" t="s">
        <v>601</v>
      </c>
      <c r="B132729" s="14" t="s">
        <v>1</v>
      </c>
      <c r="C132729" s="14" t="s">
        <v>596</v>
      </c>
      <c r="D132729" s="14" t="s">
        <v>39</v>
      </c>
      <c r="E132729" s="15">
        <v>45610</v>
      </c>
      <c r="F132729" s="14" t="s">
        <v>15</v>
      </c>
      <c r="G132729" s="16">
        <v>0</v>
      </c>
    </row>
    <row r="132730" spans="1:7" x14ac:dyDescent="0.3">
      <c r="A132730" s="13" t="s">
        <v>601</v>
      </c>
      <c r="B132730" s="14" t="s">
        <v>1</v>
      </c>
      <c r="C132730" s="14" t="s">
        <v>596</v>
      </c>
      <c r="D132730" s="14" t="s">
        <v>39</v>
      </c>
      <c r="E132730" s="15">
        <v>45611</v>
      </c>
      <c r="F132730" s="14" t="s">
        <v>15</v>
      </c>
      <c r="G132730" s="16">
        <v>0</v>
      </c>
    </row>
    <row r="132731" spans="1:7" x14ac:dyDescent="0.3">
      <c r="A132731" s="13" t="s">
        <v>601</v>
      </c>
      <c r="B132731" s="14" t="s">
        <v>1</v>
      </c>
      <c r="C132731" s="14" t="s">
        <v>596</v>
      </c>
      <c r="D132731" s="14" t="s">
        <v>39</v>
      </c>
      <c r="E132731" s="15">
        <v>45612</v>
      </c>
      <c r="F132731" s="14" t="s">
        <v>15</v>
      </c>
      <c r="G132731" s="16">
        <v>0</v>
      </c>
    </row>
    <row r="132732" spans="1:7" x14ac:dyDescent="0.3">
      <c r="A132732" s="13" t="s">
        <v>601</v>
      </c>
      <c r="B132732" s="14" t="s">
        <v>1</v>
      </c>
      <c r="C132732" s="14" t="s">
        <v>596</v>
      </c>
      <c r="D132732" s="14" t="s">
        <v>39</v>
      </c>
      <c r="E132732" s="15">
        <v>45613</v>
      </c>
      <c r="F132732" s="14" t="s">
        <v>15</v>
      </c>
      <c r="G132732" s="16">
        <v>0</v>
      </c>
    </row>
    <row r="132733" spans="1:7" x14ac:dyDescent="0.3">
      <c r="A132733" s="13" t="s">
        <v>601</v>
      </c>
      <c r="B132733" s="14" t="s">
        <v>1</v>
      </c>
      <c r="C132733" s="14" t="s">
        <v>596</v>
      </c>
      <c r="D132733" s="14" t="s">
        <v>39</v>
      </c>
      <c r="E132733" s="15">
        <v>45614</v>
      </c>
      <c r="F132733" s="14" t="s">
        <v>15</v>
      </c>
      <c r="G132733" s="16">
        <v>0</v>
      </c>
    </row>
    <row r="132734" spans="1:7" x14ac:dyDescent="0.3">
      <c r="A132734" s="13" t="s">
        <v>601</v>
      </c>
      <c r="B132734" s="14" t="s">
        <v>1</v>
      </c>
      <c r="C132734" s="14" t="s">
        <v>596</v>
      </c>
      <c r="D132734" s="14" t="s">
        <v>39</v>
      </c>
      <c r="E132734" s="15">
        <v>45615</v>
      </c>
      <c r="F132734" s="14" t="s">
        <v>15</v>
      </c>
      <c r="G132734" s="16">
        <v>0</v>
      </c>
    </row>
    <row r="132735" spans="1:7" x14ac:dyDescent="0.3">
      <c r="A132735" s="13" t="s">
        <v>601</v>
      </c>
      <c r="B132735" s="14" t="s">
        <v>1</v>
      </c>
      <c r="C132735" s="14" t="s">
        <v>596</v>
      </c>
      <c r="D132735" s="14" t="s">
        <v>39</v>
      </c>
      <c r="E132735" s="15">
        <v>45616</v>
      </c>
      <c r="F132735" s="14" t="s">
        <v>15</v>
      </c>
      <c r="G132735" s="16">
        <v>0</v>
      </c>
    </row>
    <row r="132736" spans="1:7" x14ac:dyDescent="0.3">
      <c r="A132736" s="13" t="s">
        <v>601</v>
      </c>
      <c r="B132736" s="14" t="s">
        <v>1</v>
      </c>
      <c r="C132736" s="14" t="s">
        <v>596</v>
      </c>
      <c r="D132736" s="14" t="s">
        <v>39</v>
      </c>
      <c r="E132736" s="15">
        <v>45617</v>
      </c>
      <c r="F132736" s="14" t="s">
        <v>15</v>
      </c>
      <c r="G132736" s="16">
        <v>0</v>
      </c>
    </row>
    <row r="132737" spans="1:7" x14ac:dyDescent="0.3">
      <c r="A132737" s="13" t="s">
        <v>601</v>
      </c>
      <c r="B132737" s="14" t="s">
        <v>1</v>
      </c>
      <c r="C132737" s="14" t="s">
        <v>596</v>
      </c>
      <c r="D132737" s="14" t="s">
        <v>39</v>
      </c>
      <c r="E132737" s="15">
        <v>45618</v>
      </c>
      <c r="F132737" s="14" t="s">
        <v>15</v>
      </c>
      <c r="G132737" s="16">
        <v>0</v>
      </c>
    </row>
    <row r="132738" spans="1:7" x14ac:dyDescent="0.3">
      <c r="A132738" s="13" t="s">
        <v>601</v>
      </c>
      <c r="B132738" s="14" t="s">
        <v>1</v>
      </c>
      <c r="C132738" s="14" t="s">
        <v>596</v>
      </c>
      <c r="D132738" s="14" t="s">
        <v>39</v>
      </c>
      <c r="E132738" s="15">
        <v>45619</v>
      </c>
      <c r="F132738" s="14" t="s">
        <v>15</v>
      </c>
      <c r="G132738" s="16">
        <v>0</v>
      </c>
    </row>
    <row r="132739" spans="1:7" x14ac:dyDescent="0.3">
      <c r="A132739" s="13" t="s">
        <v>601</v>
      </c>
      <c r="B132739" s="14" t="s">
        <v>1</v>
      </c>
      <c r="C132739" s="14" t="s">
        <v>596</v>
      </c>
      <c r="D132739" s="14" t="s">
        <v>39</v>
      </c>
      <c r="E132739" s="15">
        <v>45620</v>
      </c>
      <c r="F132739" s="14" t="s">
        <v>15</v>
      </c>
      <c r="G132739" s="16">
        <v>0</v>
      </c>
    </row>
    <row r="132740" spans="1:7" x14ac:dyDescent="0.3">
      <c r="A132740" s="13" t="s">
        <v>601</v>
      </c>
      <c r="B132740" s="14" t="s">
        <v>1</v>
      </c>
      <c r="C132740" s="14" t="s">
        <v>596</v>
      </c>
      <c r="D132740" s="14" t="s">
        <v>39</v>
      </c>
      <c r="E132740" s="15">
        <v>45621</v>
      </c>
      <c r="F132740" s="14" t="s">
        <v>15</v>
      </c>
      <c r="G132740" s="16">
        <v>0</v>
      </c>
    </row>
    <row r="132741" spans="1:7" x14ac:dyDescent="0.3">
      <c r="A132741" s="13" t="s">
        <v>601</v>
      </c>
      <c r="B132741" s="14" t="s">
        <v>1</v>
      </c>
      <c r="C132741" s="14" t="s">
        <v>596</v>
      </c>
      <c r="D132741" s="14" t="s">
        <v>39</v>
      </c>
      <c r="E132741" s="15">
        <v>45622</v>
      </c>
      <c r="F132741" s="14" t="s">
        <v>15</v>
      </c>
      <c r="G132741" s="16">
        <v>0</v>
      </c>
    </row>
    <row r="132742" spans="1:7" x14ac:dyDescent="0.3">
      <c r="A132742" s="13" t="s">
        <v>601</v>
      </c>
      <c r="B132742" s="14" t="s">
        <v>1</v>
      </c>
      <c r="C132742" s="14" t="s">
        <v>596</v>
      </c>
      <c r="D132742" s="14" t="s">
        <v>39</v>
      </c>
      <c r="E132742" s="15">
        <v>45623</v>
      </c>
      <c r="F132742" s="14" t="s">
        <v>15</v>
      </c>
      <c r="G132742" s="16">
        <v>0</v>
      </c>
    </row>
    <row r="132743" spans="1:7" x14ac:dyDescent="0.3">
      <c r="A132743" s="13" t="s">
        <v>601</v>
      </c>
      <c r="B132743" s="14" t="s">
        <v>1</v>
      </c>
      <c r="C132743" s="14" t="s">
        <v>596</v>
      </c>
      <c r="D132743" s="14" t="s">
        <v>39</v>
      </c>
      <c r="E132743" s="15">
        <v>45624</v>
      </c>
      <c r="F132743" s="14" t="s">
        <v>15</v>
      </c>
      <c r="G132743" s="16">
        <v>0</v>
      </c>
    </row>
    <row r="132744" spans="1:7" x14ac:dyDescent="0.3">
      <c r="A132744" s="13" t="s">
        <v>601</v>
      </c>
      <c r="B132744" s="14" t="s">
        <v>1</v>
      </c>
      <c r="C132744" s="14" t="s">
        <v>596</v>
      </c>
      <c r="D132744" s="14" t="s">
        <v>39</v>
      </c>
      <c r="E132744" s="15">
        <v>45625</v>
      </c>
      <c r="F132744" s="14" t="s">
        <v>15</v>
      </c>
      <c r="G132744" s="16">
        <v>0</v>
      </c>
    </row>
    <row r="132745" spans="1:7" x14ac:dyDescent="0.3">
      <c r="A132745" s="13" t="s">
        <v>601</v>
      </c>
      <c r="B132745" s="14" t="s">
        <v>1</v>
      </c>
      <c r="C132745" s="14" t="s">
        <v>596</v>
      </c>
      <c r="D132745" s="14" t="s">
        <v>39</v>
      </c>
      <c r="E132745" s="15">
        <v>45626</v>
      </c>
      <c r="F132745" s="14" t="s">
        <v>15</v>
      </c>
      <c r="G132745" s="16">
        <v>0</v>
      </c>
    </row>
    <row r="132746" spans="1:7" x14ac:dyDescent="0.3">
      <c r="A132746" s="13" t="s">
        <v>601</v>
      </c>
      <c r="B132746" s="14" t="s">
        <v>1</v>
      </c>
      <c r="C132746" s="14" t="s">
        <v>596</v>
      </c>
      <c r="D132746" s="14" t="s">
        <v>39</v>
      </c>
      <c r="E132746" s="15">
        <v>45627</v>
      </c>
      <c r="F132746" s="14" t="s">
        <v>15</v>
      </c>
      <c r="G132746" s="16">
        <v>0</v>
      </c>
    </row>
    <row r="132747" spans="1:7" x14ac:dyDescent="0.3">
      <c r="A132747" s="13" t="s">
        <v>601</v>
      </c>
      <c r="B132747" s="14" t="s">
        <v>1</v>
      </c>
      <c r="C132747" s="14" t="s">
        <v>596</v>
      </c>
      <c r="D132747" s="14" t="s">
        <v>39</v>
      </c>
      <c r="E132747" s="15">
        <v>45628</v>
      </c>
      <c r="F132747" s="14" t="s">
        <v>15</v>
      </c>
      <c r="G132747" s="16">
        <v>0</v>
      </c>
    </row>
    <row r="132748" spans="1:7" x14ac:dyDescent="0.3">
      <c r="A132748" s="13" t="s">
        <v>601</v>
      </c>
      <c r="B132748" s="14" t="s">
        <v>1</v>
      </c>
      <c r="C132748" s="14" t="s">
        <v>596</v>
      </c>
      <c r="D132748" s="14" t="s">
        <v>39</v>
      </c>
      <c r="E132748" s="15">
        <v>45629</v>
      </c>
      <c r="F132748" s="14" t="s">
        <v>15</v>
      </c>
      <c r="G132748" s="16">
        <v>0</v>
      </c>
    </row>
    <row r="132749" spans="1:7" x14ac:dyDescent="0.3">
      <c r="A132749" s="13" t="s">
        <v>601</v>
      </c>
      <c r="B132749" s="14" t="s">
        <v>1</v>
      </c>
      <c r="C132749" s="14" t="s">
        <v>596</v>
      </c>
      <c r="D132749" s="14" t="s">
        <v>39</v>
      </c>
      <c r="E132749" s="15">
        <v>45630</v>
      </c>
      <c r="F132749" s="14" t="s">
        <v>15</v>
      </c>
      <c r="G132749" s="16">
        <v>0</v>
      </c>
    </row>
    <row r="132750" spans="1:7" x14ac:dyDescent="0.3">
      <c r="A132750" s="13" t="s">
        <v>601</v>
      </c>
      <c r="B132750" s="14" t="s">
        <v>1</v>
      </c>
      <c r="C132750" s="14" t="s">
        <v>596</v>
      </c>
      <c r="D132750" s="14" t="s">
        <v>39</v>
      </c>
      <c r="E132750" s="15">
        <v>45631</v>
      </c>
      <c r="F132750" s="14" t="s">
        <v>15</v>
      </c>
      <c r="G132750" s="16">
        <v>0</v>
      </c>
    </row>
    <row r="132751" spans="1:7" x14ac:dyDescent="0.3">
      <c r="A132751" s="13" t="s">
        <v>601</v>
      </c>
      <c r="B132751" s="14" t="s">
        <v>1</v>
      </c>
      <c r="C132751" s="14" t="s">
        <v>596</v>
      </c>
      <c r="D132751" s="14" t="s">
        <v>39</v>
      </c>
      <c r="E132751" s="15">
        <v>45632</v>
      </c>
      <c r="F132751" s="14" t="s">
        <v>15</v>
      </c>
      <c r="G132751" s="16">
        <v>0</v>
      </c>
    </row>
    <row r="132752" spans="1:7" x14ac:dyDescent="0.3">
      <c r="A132752" s="13" t="s">
        <v>601</v>
      </c>
      <c r="B132752" s="14" t="s">
        <v>1</v>
      </c>
      <c r="C132752" s="14" t="s">
        <v>596</v>
      </c>
      <c r="D132752" s="14" t="s">
        <v>39</v>
      </c>
      <c r="E132752" s="15">
        <v>45633</v>
      </c>
      <c r="F132752" s="14" t="s">
        <v>15</v>
      </c>
      <c r="G132752" s="16">
        <v>0</v>
      </c>
    </row>
    <row r="132753" spans="1:7" x14ac:dyDescent="0.3">
      <c r="A132753" s="13" t="s">
        <v>601</v>
      </c>
      <c r="B132753" s="14" t="s">
        <v>1</v>
      </c>
      <c r="C132753" s="14" t="s">
        <v>596</v>
      </c>
      <c r="D132753" s="14" t="s">
        <v>39</v>
      </c>
      <c r="E132753" s="15">
        <v>45634</v>
      </c>
      <c r="F132753" s="14" t="s">
        <v>15</v>
      </c>
      <c r="G132753" s="16">
        <v>0</v>
      </c>
    </row>
    <row r="132754" spans="1:7" x14ac:dyDescent="0.3">
      <c r="A132754" s="13" t="s">
        <v>601</v>
      </c>
      <c r="B132754" s="14" t="s">
        <v>1</v>
      </c>
      <c r="C132754" s="14" t="s">
        <v>596</v>
      </c>
      <c r="D132754" s="14" t="s">
        <v>39</v>
      </c>
      <c r="E132754" s="15">
        <v>45635</v>
      </c>
      <c r="F132754" s="14" t="s">
        <v>15</v>
      </c>
      <c r="G132754" s="16">
        <v>0</v>
      </c>
    </row>
    <row r="132755" spans="1:7" x14ac:dyDescent="0.3">
      <c r="A132755" s="13" t="s">
        <v>601</v>
      </c>
      <c r="B132755" s="14" t="s">
        <v>1</v>
      </c>
      <c r="C132755" s="14" t="s">
        <v>596</v>
      </c>
      <c r="D132755" s="14" t="s">
        <v>39</v>
      </c>
      <c r="E132755" s="15">
        <v>45636</v>
      </c>
      <c r="F132755" s="14" t="s">
        <v>15</v>
      </c>
      <c r="G132755" s="16">
        <v>0</v>
      </c>
    </row>
    <row r="132756" spans="1:7" x14ac:dyDescent="0.3">
      <c r="A132756" s="13" t="s">
        <v>601</v>
      </c>
      <c r="B132756" s="14" t="s">
        <v>1</v>
      </c>
      <c r="C132756" s="14" t="s">
        <v>596</v>
      </c>
      <c r="D132756" s="14" t="s">
        <v>39</v>
      </c>
      <c r="E132756" s="15">
        <v>45637</v>
      </c>
      <c r="F132756" s="14" t="s">
        <v>15</v>
      </c>
      <c r="G132756" s="16">
        <v>0</v>
      </c>
    </row>
    <row r="132757" spans="1:7" x14ac:dyDescent="0.3">
      <c r="A132757" s="13" t="s">
        <v>601</v>
      </c>
      <c r="B132757" s="14" t="s">
        <v>1</v>
      </c>
      <c r="C132757" s="14" t="s">
        <v>596</v>
      </c>
      <c r="D132757" s="14" t="s">
        <v>39</v>
      </c>
      <c r="E132757" s="15">
        <v>45638</v>
      </c>
      <c r="F132757" s="14" t="s">
        <v>15</v>
      </c>
      <c r="G132757" s="16">
        <v>0</v>
      </c>
    </row>
    <row r="132758" spans="1:7" x14ac:dyDescent="0.3">
      <c r="A132758" s="13" t="s">
        <v>601</v>
      </c>
      <c r="B132758" s="14" t="s">
        <v>1</v>
      </c>
      <c r="C132758" s="14" t="s">
        <v>596</v>
      </c>
      <c r="D132758" s="14" t="s">
        <v>39</v>
      </c>
      <c r="E132758" s="15">
        <v>45639</v>
      </c>
      <c r="F132758" s="14" t="s">
        <v>15</v>
      </c>
      <c r="G132758" s="16">
        <v>0</v>
      </c>
    </row>
    <row r="132759" spans="1:7" x14ac:dyDescent="0.3">
      <c r="A132759" s="13" t="s">
        <v>601</v>
      </c>
      <c r="B132759" s="14" t="s">
        <v>1</v>
      </c>
      <c r="C132759" s="14" t="s">
        <v>596</v>
      </c>
      <c r="D132759" s="14" t="s">
        <v>39</v>
      </c>
      <c r="E132759" s="15">
        <v>45640</v>
      </c>
      <c r="F132759" s="14" t="s">
        <v>15</v>
      </c>
      <c r="G132759" s="16">
        <v>0</v>
      </c>
    </row>
    <row r="132760" spans="1:7" x14ac:dyDescent="0.3">
      <c r="A132760" s="13" t="s">
        <v>601</v>
      </c>
      <c r="B132760" s="14" t="s">
        <v>1</v>
      </c>
      <c r="C132760" s="14" t="s">
        <v>596</v>
      </c>
      <c r="D132760" s="14" t="s">
        <v>39</v>
      </c>
      <c r="E132760" s="15">
        <v>45641</v>
      </c>
      <c r="F132760" s="14" t="s">
        <v>15</v>
      </c>
      <c r="G132760" s="16">
        <v>0</v>
      </c>
    </row>
    <row r="132761" spans="1:7" x14ac:dyDescent="0.3">
      <c r="A132761" s="13" t="s">
        <v>601</v>
      </c>
      <c r="B132761" s="14" t="s">
        <v>1</v>
      </c>
      <c r="C132761" s="14" t="s">
        <v>596</v>
      </c>
      <c r="D132761" s="14" t="s">
        <v>39</v>
      </c>
      <c r="E132761" s="15">
        <v>45642</v>
      </c>
      <c r="F132761" s="14" t="s">
        <v>15</v>
      </c>
      <c r="G132761" s="16">
        <v>0</v>
      </c>
    </row>
    <row r="132762" spans="1:7" x14ac:dyDescent="0.3">
      <c r="A132762" s="13" t="s">
        <v>601</v>
      </c>
      <c r="B132762" s="14" t="s">
        <v>1</v>
      </c>
      <c r="C132762" s="14" t="s">
        <v>596</v>
      </c>
      <c r="D132762" s="14" t="s">
        <v>39</v>
      </c>
      <c r="E132762" s="15">
        <v>45643</v>
      </c>
      <c r="F132762" s="14" t="s">
        <v>15</v>
      </c>
      <c r="G132762" s="16">
        <v>0</v>
      </c>
    </row>
    <row r="132763" spans="1:7" x14ac:dyDescent="0.3">
      <c r="A132763" s="13" t="s">
        <v>601</v>
      </c>
      <c r="B132763" s="14" t="s">
        <v>1</v>
      </c>
      <c r="C132763" s="14" t="s">
        <v>596</v>
      </c>
      <c r="D132763" s="14" t="s">
        <v>39</v>
      </c>
      <c r="E132763" s="15">
        <v>45644</v>
      </c>
      <c r="F132763" s="14" t="s">
        <v>15</v>
      </c>
      <c r="G132763" s="16">
        <v>0</v>
      </c>
    </row>
    <row r="132764" spans="1:7" x14ac:dyDescent="0.3">
      <c r="A132764" s="13" t="s">
        <v>601</v>
      </c>
      <c r="B132764" s="14" t="s">
        <v>1</v>
      </c>
      <c r="C132764" s="14" t="s">
        <v>596</v>
      </c>
      <c r="D132764" s="14" t="s">
        <v>39</v>
      </c>
      <c r="E132764" s="15">
        <v>45645</v>
      </c>
      <c r="F132764" s="14" t="s">
        <v>15</v>
      </c>
      <c r="G132764" s="16">
        <v>0</v>
      </c>
    </row>
    <row r="132765" spans="1:7" x14ac:dyDescent="0.3">
      <c r="A132765" s="13" t="s">
        <v>601</v>
      </c>
      <c r="B132765" s="14" t="s">
        <v>1</v>
      </c>
      <c r="C132765" s="14" t="s">
        <v>596</v>
      </c>
      <c r="D132765" s="14" t="s">
        <v>39</v>
      </c>
      <c r="E132765" s="15">
        <v>45646</v>
      </c>
      <c r="F132765" s="14" t="s">
        <v>15</v>
      </c>
      <c r="G132765" s="16">
        <v>0</v>
      </c>
    </row>
    <row r="132766" spans="1:7" x14ac:dyDescent="0.3">
      <c r="A132766" s="13" t="s">
        <v>601</v>
      </c>
      <c r="B132766" s="14" t="s">
        <v>1</v>
      </c>
      <c r="C132766" s="14" t="s">
        <v>596</v>
      </c>
      <c r="D132766" s="14" t="s">
        <v>39</v>
      </c>
      <c r="E132766" s="15">
        <v>45647</v>
      </c>
      <c r="F132766" s="14" t="s">
        <v>15</v>
      </c>
      <c r="G132766" s="16">
        <v>0</v>
      </c>
    </row>
    <row r="132767" spans="1:7" x14ac:dyDescent="0.3">
      <c r="A132767" s="13" t="s">
        <v>601</v>
      </c>
      <c r="B132767" s="14" t="s">
        <v>1</v>
      </c>
      <c r="C132767" s="14" t="s">
        <v>596</v>
      </c>
      <c r="D132767" s="14" t="s">
        <v>39</v>
      </c>
      <c r="E132767" s="15">
        <v>45648</v>
      </c>
      <c r="F132767" s="14" t="s">
        <v>15</v>
      </c>
      <c r="G132767" s="16">
        <v>0</v>
      </c>
    </row>
    <row r="132768" spans="1:7" x14ac:dyDescent="0.3">
      <c r="A132768" s="13" t="s">
        <v>601</v>
      </c>
      <c r="B132768" s="14" t="s">
        <v>1</v>
      </c>
      <c r="C132768" s="14" t="s">
        <v>596</v>
      </c>
      <c r="D132768" s="14" t="s">
        <v>39</v>
      </c>
      <c r="E132768" s="15">
        <v>45649</v>
      </c>
      <c r="F132768" s="14" t="s">
        <v>15</v>
      </c>
      <c r="G132768" s="16">
        <v>0</v>
      </c>
    </row>
    <row r="132769" spans="1:7" x14ac:dyDescent="0.3">
      <c r="A132769" s="13" t="s">
        <v>601</v>
      </c>
      <c r="B132769" s="14" t="s">
        <v>1</v>
      </c>
      <c r="C132769" s="14" t="s">
        <v>596</v>
      </c>
      <c r="D132769" s="14" t="s">
        <v>39</v>
      </c>
      <c r="E132769" s="15">
        <v>45650</v>
      </c>
      <c r="F132769" s="14" t="s">
        <v>15</v>
      </c>
      <c r="G132769" s="16">
        <v>0</v>
      </c>
    </row>
    <row r="132770" spans="1:7" x14ac:dyDescent="0.3">
      <c r="A132770" s="13" t="s">
        <v>601</v>
      </c>
      <c r="B132770" s="14" t="s">
        <v>1</v>
      </c>
      <c r="C132770" s="14" t="s">
        <v>596</v>
      </c>
      <c r="D132770" s="14" t="s">
        <v>39</v>
      </c>
      <c r="E132770" s="15">
        <v>45651</v>
      </c>
      <c r="F132770" s="14" t="s">
        <v>15</v>
      </c>
      <c r="G132770" s="16">
        <v>0</v>
      </c>
    </row>
    <row r="132771" spans="1:7" x14ac:dyDescent="0.3">
      <c r="A132771" s="13" t="s">
        <v>601</v>
      </c>
      <c r="B132771" s="14" t="s">
        <v>1</v>
      </c>
      <c r="C132771" s="14" t="s">
        <v>596</v>
      </c>
      <c r="D132771" s="14" t="s">
        <v>39</v>
      </c>
      <c r="E132771" s="15">
        <v>45652</v>
      </c>
      <c r="F132771" s="14" t="s">
        <v>15</v>
      </c>
      <c r="G132771" s="16">
        <v>0</v>
      </c>
    </row>
    <row r="132772" spans="1:7" x14ac:dyDescent="0.3">
      <c r="A132772" s="13" t="s">
        <v>601</v>
      </c>
      <c r="B132772" s="14" t="s">
        <v>1</v>
      </c>
      <c r="C132772" s="14" t="s">
        <v>596</v>
      </c>
      <c r="D132772" s="14" t="s">
        <v>39</v>
      </c>
      <c r="E132772" s="15">
        <v>45653</v>
      </c>
      <c r="F132772" s="14" t="s">
        <v>15</v>
      </c>
      <c r="G132772" s="16">
        <v>0</v>
      </c>
    </row>
    <row r="132773" spans="1:7" x14ac:dyDescent="0.3">
      <c r="A132773" s="13" t="s">
        <v>601</v>
      </c>
      <c r="B132773" s="14" t="s">
        <v>1</v>
      </c>
      <c r="C132773" s="14" t="s">
        <v>596</v>
      </c>
      <c r="D132773" s="14" t="s">
        <v>39</v>
      </c>
      <c r="E132773" s="15">
        <v>45654</v>
      </c>
      <c r="F132773" s="14" t="s">
        <v>15</v>
      </c>
      <c r="G132773" s="16">
        <v>0</v>
      </c>
    </row>
    <row r="132774" spans="1:7" x14ac:dyDescent="0.3">
      <c r="A132774" s="13" t="s">
        <v>601</v>
      </c>
      <c r="B132774" s="14" t="s">
        <v>1</v>
      </c>
      <c r="C132774" s="14" t="s">
        <v>596</v>
      </c>
      <c r="D132774" s="14" t="s">
        <v>39</v>
      </c>
      <c r="E132774" s="15">
        <v>45655</v>
      </c>
      <c r="F132774" s="14" t="s">
        <v>15</v>
      </c>
      <c r="G132774" s="16">
        <v>0</v>
      </c>
    </row>
    <row r="132775" spans="1:7" x14ac:dyDescent="0.3">
      <c r="A132775" s="13" t="s">
        <v>601</v>
      </c>
      <c r="B132775" s="14" t="s">
        <v>1</v>
      </c>
      <c r="C132775" s="14" t="s">
        <v>596</v>
      </c>
      <c r="D132775" s="14" t="s">
        <v>39</v>
      </c>
      <c r="E132775" s="15">
        <v>45656</v>
      </c>
      <c r="F132775" s="14" t="s">
        <v>15</v>
      </c>
      <c r="G132775" s="16">
        <v>0</v>
      </c>
    </row>
    <row r="132776" spans="1:7" x14ac:dyDescent="0.3">
      <c r="A132776" s="13" t="s">
        <v>601</v>
      </c>
      <c r="B132776" s="14" t="s">
        <v>1</v>
      </c>
      <c r="C132776" s="14" t="s">
        <v>596</v>
      </c>
      <c r="D132776" s="14" t="s">
        <v>39</v>
      </c>
      <c r="E132776" s="15">
        <v>45657</v>
      </c>
      <c r="F132776" s="14" t="s">
        <v>15</v>
      </c>
      <c r="G132776" s="16">
        <v>0</v>
      </c>
    </row>
    <row r="132777" spans="1:7" x14ac:dyDescent="0.3">
      <c r="A132777" s="13" t="s">
        <v>601</v>
      </c>
      <c r="B132777" s="14" t="s">
        <v>1</v>
      </c>
      <c r="C132777" s="14" t="s">
        <v>596</v>
      </c>
      <c r="D132777" s="14" t="s">
        <v>39</v>
      </c>
      <c r="E132777" s="15">
        <v>45658</v>
      </c>
      <c r="F132777" s="14" t="s">
        <v>15</v>
      </c>
      <c r="G132777" s="16">
        <v>0</v>
      </c>
    </row>
    <row r="132778" spans="1:7" x14ac:dyDescent="0.3">
      <c r="A132778" s="13" t="s">
        <v>601</v>
      </c>
      <c r="B132778" s="14" t="s">
        <v>1</v>
      </c>
      <c r="C132778" s="14" t="s">
        <v>596</v>
      </c>
      <c r="D132778" s="14" t="s">
        <v>39</v>
      </c>
      <c r="E132778" s="15">
        <v>45659</v>
      </c>
      <c r="F132778" s="14" t="s">
        <v>15</v>
      </c>
      <c r="G132778" s="16">
        <v>0</v>
      </c>
    </row>
    <row r="132779" spans="1:7" x14ac:dyDescent="0.3">
      <c r="A132779" s="13" t="s">
        <v>601</v>
      </c>
      <c r="B132779" s="14" t="s">
        <v>1</v>
      </c>
      <c r="C132779" s="14" t="s">
        <v>596</v>
      </c>
      <c r="D132779" s="14" t="s">
        <v>39</v>
      </c>
      <c r="E132779" s="15">
        <v>45660</v>
      </c>
      <c r="F132779" s="14" t="s">
        <v>15</v>
      </c>
      <c r="G132779" s="16">
        <v>0</v>
      </c>
    </row>
    <row r="132780" spans="1:7" x14ac:dyDescent="0.3">
      <c r="A132780" s="13" t="s">
        <v>601</v>
      </c>
      <c r="B132780" s="14" t="s">
        <v>1</v>
      </c>
      <c r="C132780" s="14" t="s">
        <v>596</v>
      </c>
      <c r="D132780" s="14" t="s">
        <v>39</v>
      </c>
      <c r="E132780" s="15">
        <v>45661</v>
      </c>
      <c r="F132780" s="14" t="s">
        <v>15</v>
      </c>
      <c r="G132780" s="16">
        <v>0</v>
      </c>
    </row>
    <row r="132781" spans="1:7" x14ac:dyDescent="0.3">
      <c r="A132781" s="13" t="s">
        <v>601</v>
      </c>
      <c r="B132781" s="14" t="s">
        <v>1</v>
      </c>
      <c r="C132781" s="14" t="s">
        <v>596</v>
      </c>
      <c r="D132781" s="14" t="s">
        <v>39</v>
      </c>
      <c r="E132781" s="15">
        <v>45662</v>
      </c>
      <c r="F132781" s="14" t="s">
        <v>15</v>
      </c>
      <c r="G132781" s="16">
        <v>0</v>
      </c>
    </row>
    <row r="132782" spans="1:7" x14ac:dyDescent="0.3">
      <c r="A132782" s="13" t="s">
        <v>601</v>
      </c>
      <c r="B132782" s="14" t="s">
        <v>1</v>
      </c>
      <c r="C132782" s="14" t="s">
        <v>596</v>
      </c>
      <c r="D132782" s="14" t="s">
        <v>39</v>
      </c>
      <c r="E132782" s="15">
        <v>45663</v>
      </c>
      <c r="F132782" s="14" t="s">
        <v>15</v>
      </c>
      <c r="G132782" s="16">
        <v>0</v>
      </c>
    </row>
    <row r="132783" spans="1:7" x14ac:dyDescent="0.3">
      <c r="A132783" s="13" t="s">
        <v>601</v>
      </c>
      <c r="B132783" s="14" t="s">
        <v>1</v>
      </c>
      <c r="C132783" s="14" t="s">
        <v>596</v>
      </c>
      <c r="D132783" s="14" t="s">
        <v>39</v>
      </c>
      <c r="E132783" s="15">
        <v>45664</v>
      </c>
      <c r="F132783" s="14" t="s">
        <v>15</v>
      </c>
      <c r="G132783" s="16">
        <v>0</v>
      </c>
    </row>
    <row r="132784" spans="1:7" x14ac:dyDescent="0.3">
      <c r="A132784" s="13" t="s">
        <v>601</v>
      </c>
      <c r="B132784" s="14" t="s">
        <v>1</v>
      </c>
      <c r="C132784" s="14" t="s">
        <v>596</v>
      </c>
      <c r="D132784" s="14" t="s">
        <v>39</v>
      </c>
      <c r="E132784" s="15">
        <v>45665</v>
      </c>
      <c r="F132784" s="14" t="s">
        <v>15</v>
      </c>
      <c r="G132784" s="16">
        <v>0</v>
      </c>
    </row>
    <row r="132785" spans="1:7" x14ac:dyDescent="0.3">
      <c r="A132785" s="13" t="s">
        <v>601</v>
      </c>
      <c r="B132785" s="14" t="s">
        <v>1</v>
      </c>
      <c r="C132785" s="14" t="s">
        <v>596</v>
      </c>
      <c r="D132785" s="14" t="s">
        <v>39</v>
      </c>
      <c r="E132785" s="15">
        <v>45666</v>
      </c>
      <c r="F132785" s="14" t="s">
        <v>15</v>
      </c>
      <c r="G132785" s="16">
        <v>0</v>
      </c>
    </row>
    <row r="132786" spans="1:7" x14ac:dyDescent="0.3">
      <c r="A132786" s="13" t="s">
        <v>601</v>
      </c>
      <c r="B132786" s="14" t="s">
        <v>1</v>
      </c>
      <c r="C132786" s="14" t="s">
        <v>596</v>
      </c>
      <c r="D132786" s="14" t="s">
        <v>39</v>
      </c>
      <c r="E132786" s="15">
        <v>45667</v>
      </c>
      <c r="F132786" s="14" t="s">
        <v>15</v>
      </c>
      <c r="G132786" s="16">
        <v>0</v>
      </c>
    </row>
    <row r="132787" spans="1:7" x14ac:dyDescent="0.3">
      <c r="A132787" s="13" t="s">
        <v>601</v>
      </c>
      <c r="B132787" s="14" t="s">
        <v>1</v>
      </c>
      <c r="C132787" s="14" t="s">
        <v>596</v>
      </c>
      <c r="D132787" s="14" t="s">
        <v>39</v>
      </c>
      <c r="E132787" s="15">
        <v>45668</v>
      </c>
      <c r="F132787" s="14" t="s">
        <v>15</v>
      </c>
      <c r="G132787" s="16">
        <v>0</v>
      </c>
    </row>
    <row r="132788" spans="1:7" x14ac:dyDescent="0.3">
      <c r="A132788" s="13" t="s">
        <v>601</v>
      </c>
      <c r="B132788" s="14" t="s">
        <v>1</v>
      </c>
      <c r="C132788" s="14" t="s">
        <v>596</v>
      </c>
      <c r="D132788" s="14" t="s">
        <v>39</v>
      </c>
      <c r="E132788" s="15">
        <v>45669</v>
      </c>
      <c r="F132788" s="14" t="s">
        <v>15</v>
      </c>
      <c r="G132788" s="16">
        <v>0</v>
      </c>
    </row>
    <row r="132789" spans="1:7" x14ac:dyDescent="0.3">
      <c r="A132789" s="13" t="s">
        <v>601</v>
      </c>
      <c r="B132789" s="14" t="s">
        <v>1</v>
      </c>
      <c r="C132789" s="14" t="s">
        <v>596</v>
      </c>
      <c r="D132789" s="14" t="s">
        <v>39</v>
      </c>
      <c r="E132789" s="15">
        <v>45670</v>
      </c>
      <c r="F132789" s="14" t="s">
        <v>15</v>
      </c>
      <c r="G132789" s="16">
        <v>0</v>
      </c>
    </row>
    <row r="132790" spans="1:7" x14ac:dyDescent="0.3">
      <c r="A132790" s="13" t="s">
        <v>601</v>
      </c>
      <c r="B132790" s="14" t="s">
        <v>1</v>
      </c>
      <c r="C132790" s="14" t="s">
        <v>596</v>
      </c>
      <c r="D132790" s="14" t="s">
        <v>39</v>
      </c>
      <c r="E132790" s="15">
        <v>45671</v>
      </c>
      <c r="F132790" s="14" t="s">
        <v>15</v>
      </c>
      <c r="G132790" s="16">
        <v>0</v>
      </c>
    </row>
    <row r="132791" spans="1:7" x14ac:dyDescent="0.3">
      <c r="A132791" s="13" t="s">
        <v>601</v>
      </c>
      <c r="B132791" s="14" t="s">
        <v>1</v>
      </c>
      <c r="C132791" s="14" t="s">
        <v>596</v>
      </c>
      <c r="D132791" s="14" t="s">
        <v>39</v>
      </c>
      <c r="E132791" s="15">
        <v>45672</v>
      </c>
      <c r="F132791" s="14" t="s">
        <v>15</v>
      </c>
      <c r="G132791" s="16">
        <v>0</v>
      </c>
    </row>
    <row r="132792" spans="1:7" x14ac:dyDescent="0.3">
      <c r="A132792" s="13" t="s">
        <v>601</v>
      </c>
      <c r="B132792" s="14" t="s">
        <v>1</v>
      </c>
      <c r="C132792" s="14" t="s">
        <v>596</v>
      </c>
      <c r="D132792" s="14" t="s">
        <v>39</v>
      </c>
      <c r="E132792" s="15">
        <v>45673</v>
      </c>
      <c r="F132792" s="14" t="s">
        <v>15</v>
      </c>
      <c r="G132792" s="16">
        <v>0</v>
      </c>
    </row>
    <row r="132793" spans="1:7" x14ac:dyDescent="0.3">
      <c r="A132793" s="13" t="s">
        <v>601</v>
      </c>
      <c r="B132793" s="14" t="s">
        <v>1</v>
      </c>
      <c r="C132793" s="14" t="s">
        <v>596</v>
      </c>
      <c r="D132793" s="14" t="s">
        <v>39</v>
      </c>
      <c r="E132793" s="15">
        <v>45674</v>
      </c>
      <c r="F132793" s="14" t="s">
        <v>15</v>
      </c>
      <c r="G132793" s="16">
        <v>0</v>
      </c>
    </row>
    <row r="132794" spans="1:7" x14ac:dyDescent="0.3">
      <c r="A132794" s="13" t="s">
        <v>601</v>
      </c>
      <c r="B132794" s="14" t="s">
        <v>1</v>
      </c>
      <c r="C132794" s="14" t="s">
        <v>596</v>
      </c>
      <c r="D132794" s="14" t="s">
        <v>39</v>
      </c>
      <c r="E132794" s="15">
        <v>45675</v>
      </c>
      <c r="F132794" s="14" t="s">
        <v>15</v>
      </c>
      <c r="G132794" s="16">
        <v>0</v>
      </c>
    </row>
    <row r="132795" spans="1:7" x14ac:dyDescent="0.3">
      <c r="A132795" s="13" t="s">
        <v>601</v>
      </c>
      <c r="B132795" s="14" t="s">
        <v>1</v>
      </c>
      <c r="C132795" s="14" t="s">
        <v>596</v>
      </c>
      <c r="D132795" s="14" t="s">
        <v>39</v>
      </c>
      <c r="E132795" s="15">
        <v>45676</v>
      </c>
      <c r="F132795" s="14" t="s">
        <v>15</v>
      </c>
      <c r="G132795" s="16">
        <v>0</v>
      </c>
    </row>
    <row r="132796" spans="1:7" x14ac:dyDescent="0.3">
      <c r="A132796" s="13" t="s">
        <v>601</v>
      </c>
      <c r="B132796" s="14" t="s">
        <v>1</v>
      </c>
      <c r="C132796" s="14" t="s">
        <v>596</v>
      </c>
      <c r="D132796" s="14" t="s">
        <v>39</v>
      </c>
      <c r="E132796" s="15">
        <v>45677</v>
      </c>
      <c r="F132796" s="14" t="s">
        <v>15</v>
      </c>
      <c r="G132796" s="16">
        <v>0</v>
      </c>
    </row>
    <row r="132797" spans="1:7" x14ac:dyDescent="0.3">
      <c r="A132797" s="13" t="s">
        <v>601</v>
      </c>
      <c r="B132797" s="14" t="s">
        <v>1</v>
      </c>
      <c r="C132797" s="14" t="s">
        <v>596</v>
      </c>
      <c r="D132797" s="14" t="s">
        <v>39</v>
      </c>
      <c r="E132797" s="15">
        <v>45678</v>
      </c>
      <c r="F132797" s="14" t="s">
        <v>15</v>
      </c>
      <c r="G132797" s="16">
        <v>0</v>
      </c>
    </row>
    <row r="132798" spans="1:7" x14ac:dyDescent="0.3">
      <c r="A132798" s="13" t="s">
        <v>601</v>
      </c>
      <c r="B132798" s="14" t="s">
        <v>1</v>
      </c>
      <c r="C132798" s="14" t="s">
        <v>596</v>
      </c>
      <c r="D132798" s="14" t="s">
        <v>39</v>
      </c>
      <c r="E132798" s="15">
        <v>45679</v>
      </c>
      <c r="F132798" s="14" t="s">
        <v>15</v>
      </c>
      <c r="G132798" s="16">
        <v>0</v>
      </c>
    </row>
    <row r="132799" spans="1:7" x14ac:dyDescent="0.3">
      <c r="A132799" s="13" t="s">
        <v>601</v>
      </c>
      <c r="B132799" s="14" t="s">
        <v>1</v>
      </c>
      <c r="C132799" s="14" t="s">
        <v>596</v>
      </c>
      <c r="D132799" s="14" t="s">
        <v>39</v>
      </c>
      <c r="E132799" s="15">
        <v>45680</v>
      </c>
      <c r="F132799" s="14" t="s">
        <v>15</v>
      </c>
      <c r="G132799" s="16">
        <v>0</v>
      </c>
    </row>
    <row r="132800" spans="1:7" x14ac:dyDescent="0.3">
      <c r="A132800" s="13" t="s">
        <v>601</v>
      </c>
      <c r="B132800" s="14" t="s">
        <v>1</v>
      </c>
      <c r="C132800" s="14" t="s">
        <v>596</v>
      </c>
      <c r="D132800" s="14" t="s">
        <v>39</v>
      </c>
      <c r="E132800" s="15">
        <v>45681</v>
      </c>
      <c r="F132800" s="14" t="s">
        <v>15</v>
      </c>
      <c r="G132800" s="16">
        <v>0</v>
      </c>
    </row>
    <row r="132801" spans="1:7" x14ac:dyDescent="0.3">
      <c r="A132801" s="13" t="s">
        <v>601</v>
      </c>
      <c r="B132801" s="14" t="s">
        <v>1</v>
      </c>
      <c r="C132801" s="14" t="s">
        <v>596</v>
      </c>
      <c r="D132801" s="14" t="s">
        <v>39</v>
      </c>
      <c r="E132801" s="15">
        <v>45682</v>
      </c>
      <c r="F132801" s="14" t="s">
        <v>15</v>
      </c>
      <c r="G132801" s="16">
        <v>0</v>
      </c>
    </row>
    <row r="132802" spans="1:7" x14ac:dyDescent="0.3">
      <c r="A132802" s="13" t="s">
        <v>601</v>
      </c>
      <c r="B132802" s="14" t="s">
        <v>1</v>
      </c>
      <c r="C132802" s="14" t="s">
        <v>596</v>
      </c>
      <c r="D132802" s="14" t="s">
        <v>39</v>
      </c>
      <c r="E132802" s="15">
        <v>45683</v>
      </c>
      <c r="F132802" s="14" t="s">
        <v>15</v>
      </c>
      <c r="G132802" s="16">
        <v>0</v>
      </c>
    </row>
    <row r="132803" spans="1:7" x14ac:dyDescent="0.3">
      <c r="A132803" s="13" t="s">
        <v>601</v>
      </c>
      <c r="B132803" s="14" t="s">
        <v>1</v>
      </c>
      <c r="C132803" s="14" t="s">
        <v>596</v>
      </c>
      <c r="D132803" s="14" t="s">
        <v>39</v>
      </c>
      <c r="E132803" s="15">
        <v>45684</v>
      </c>
      <c r="F132803" s="14" t="s">
        <v>15</v>
      </c>
      <c r="G132803" s="16">
        <v>0</v>
      </c>
    </row>
    <row r="132804" spans="1:7" x14ac:dyDescent="0.3">
      <c r="A132804" s="13" t="s">
        <v>601</v>
      </c>
      <c r="B132804" s="14" t="s">
        <v>1</v>
      </c>
      <c r="C132804" s="14" t="s">
        <v>596</v>
      </c>
      <c r="D132804" s="14" t="s">
        <v>39</v>
      </c>
      <c r="E132804" s="15">
        <v>45685</v>
      </c>
      <c r="F132804" s="14" t="s">
        <v>15</v>
      </c>
      <c r="G132804" s="16">
        <v>0</v>
      </c>
    </row>
    <row r="132805" spans="1:7" x14ac:dyDescent="0.3">
      <c r="A132805" s="13" t="s">
        <v>601</v>
      </c>
      <c r="B132805" s="14" t="s">
        <v>1</v>
      </c>
      <c r="C132805" s="14" t="s">
        <v>596</v>
      </c>
      <c r="D132805" s="14" t="s">
        <v>39</v>
      </c>
      <c r="E132805" s="15">
        <v>45686</v>
      </c>
      <c r="F132805" s="14" t="s">
        <v>15</v>
      </c>
      <c r="G132805" s="16">
        <v>0</v>
      </c>
    </row>
    <row r="132806" spans="1:7" x14ac:dyDescent="0.3">
      <c r="A132806" s="13" t="s">
        <v>601</v>
      </c>
      <c r="B132806" s="14" t="s">
        <v>1</v>
      </c>
      <c r="C132806" s="14" t="s">
        <v>596</v>
      </c>
      <c r="D132806" s="14" t="s">
        <v>39</v>
      </c>
      <c r="E132806" s="15">
        <v>45687</v>
      </c>
      <c r="F132806" s="14" t="s">
        <v>15</v>
      </c>
      <c r="G132806" s="16">
        <v>0</v>
      </c>
    </row>
    <row r="132807" spans="1:7" x14ac:dyDescent="0.3">
      <c r="A132807" s="13" t="s">
        <v>601</v>
      </c>
      <c r="B132807" s="14" t="s">
        <v>1</v>
      </c>
      <c r="C132807" s="14" t="s">
        <v>596</v>
      </c>
      <c r="D132807" s="14" t="s">
        <v>39</v>
      </c>
      <c r="E132807" s="15">
        <v>45688</v>
      </c>
      <c r="F132807" s="14" t="s">
        <v>15</v>
      </c>
      <c r="G132807" s="16">
        <v>0</v>
      </c>
    </row>
    <row r="132808" spans="1:7" x14ac:dyDescent="0.3">
      <c r="A132808" s="13" t="s">
        <v>601</v>
      </c>
      <c r="B132808" s="14" t="s">
        <v>1</v>
      </c>
      <c r="C132808" s="14" t="s">
        <v>596</v>
      </c>
      <c r="D132808" s="14" t="s">
        <v>39</v>
      </c>
      <c r="E132808" s="15">
        <v>45689</v>
      </c>
      <c r="F132808" s="14" t="s">
        <v>15</v>
      </c>
      <c r="G132808" s="16">
        <v>0</v>
      </c>
    </row>
    <row r="132809" spans="1:7" x14ac:dyDescent="0.3">
      <c r="A132809" s="13" t="s">
        <v>601</v>
      </c>
      <c r="B132809" s="14" t="s">
        <v>1</v>
      </c>
      <c r="C132809" s="14" t="s">
        <v>596</v>
      </c>
      <c r="D132809" s="14" t="s">
        <v>39</v>
      </c>
      <c r="E132809" s="15">
        <v>45690</v>
      </c>
      <c r="F132809" s="14" t="s">
        <v>15</v>
      </c>
      <c r="G132809" s="16">
        <v>0</v>
      </c>
    </row>
    <row r="132810" spans="1:7" x14ac:dyDescent="0.3">
      <c r="A132810" s="13" t="s">
        <v>601</v>
      </c>
      <c r="B132810" s="14" t="s">
        <v>1</v>
      </c>
      <c r="C132810" s="14" t="s">
        <v>596</v>
      </c>
      <c r="D132810" s="14" t="s">
        <v>39</v>
      </c>
      <c r="E132810" s="15">
        <v>45691</v>
      </c>
      <c r="F132810" s="14" t="s">
        <v>15</v>
      </c>
      <c r="G132810" s="16">
        <v>0</v>
      </c>
    </row>
    <row r="132811" spans="1:7" x14ac:dyDescent="0.3">
      <c r="A132811" s="13" t="s">
        <v>601</v>
      </c>
      <c r="B132811" s="14" t="s">
        <v>1</v>
      </c>
      <c r="C132811" s="14" t="s">
        <v>596</v>
      </c>
      <c r="D132811" s="14" t="s">
        <v>39</v>
      </c>
      <c r="E132811" s="15">
        <v>45692</v>
      </c>
      <c r="F132811" s="14" t="s">
        <v>15</v>
      </c>
      <c r="G132811" s="16">
        <v>0</v>
      </c>
    </row>
    <row r="132812" spans="1:7" x14ac:dyDescent="0.3">
      <c r="A132812" s="13" t="s">
        <v>601</v>
      </c>
      <c r="B132812" s="14" t="s">
        <v>1</v>
      </c>
      <c r="C132812" s="14" t="s">
        <v>596</v>
      </c>
      <c r="D132812" s="14" t="s">
        <v>39</v>
      </c>
      <c r="E132812" s="15">
        <v>45693</v>
      </c>
      <c r="F132812" s="14" t="s">
        <v>15</v>
      </c>
      <c r="G132812" s="16">
        <v>0</v>
      </c>
    </row>
    <row r="132813" spans="1:7" x14ac:dyDescent="0.3">
      <c r="A132813" s="13" t="s">
        <v>601</v>
      </c>
      <c r="B132813" s="14" t="s">
        <v>1</v>
      </c>
      <c r="C132813" s="14" t="s">
        <v>596</v>
      </c>
      <c r="D132813" s="14" t="s">
        <v>39</v>
      </c>
      <c r="E132813" s="15">
        <v>45694</v>
      </c>
      <c r="F132813" s="14" t="s">
        <v>15</v>
      </c>
      <c r="G132813" s="16">
        <v>0</v>
      </c>
    </row>
    <row r="132814" spans="1:7" x14ac:dyDescent="0.3">
      <c r="A132814" s="13" t="s">
        <v>601</v>
      </c>
      <c r="B132814" s="14" t="s">
        <v>1</v>
      </c>
      <c r="C132814" s="14" t="s">
        <v>596</v>
      </c>
      <c r="D132814" s="14" t="s">
        <v>39</v>
      </c>
      <c r="E132814" s="15">
        <v>45695</v>
      </c>
      <c r="F132814" s="14" t="s">
        <v>15</v>
      </c>
      <c r="G132814" s="16">
        <v>0</v>
      </c>
    </row>
    <row r="132815" spans="1:7" x14ac:dyDescent="0.3">
      <c r="A132815" s="13" t="s">
        <v>601</v>
      </c>
      <c r="B132815" s="14" t="s">
        <v>1</v>
      </c>
      <c r="C132815" s="14" t="s">
        <v>596</v>
      </c>
      <c r="D132815" s="14" t="s">
        <v>39</v>
      </c>
      <c r="E132815" s="15">
        <v>45696</v>
      </c>
      <c r="F132815" s="14" t="s">
        <v>15</v>
      </c>
      <c r="G132815" s="16">
        <v>0</v>
      </c>
    </row>
    <row r="132816" spans="1:7" x14ac:dyDescent="0.3">
      <c r="A132816" s="13" t="s">
        <v>601</v>
      </c>
      <c r="B132816" s="14" t="s">
        <v>1</v>
      </c>
      <c r="C132816" s="14" t="s">
        <v>596</v>
      </c>
      <c r="D132816" s="14" t="s">
        <v>39</v>
      </c>
      <c r="E132816" s="15">
        <v>45697</v>
      </c>
      <c r="F132816" s="14" t="s">
        <v>15</v>
      </c>
      <c r="G132816" s="16">
        <v>0</v>
      </c>
    </row>
    <row r="132817" spans="1:7" x14ac:dyDescent="0.3">
      <c r="A132817" s="13" t="s">
        <v>601</v>
      </c>
      <c r="B132817" s="14" t="s">
        <v>1</v>
      </c>
      <c r="C132817" s="14" t="s">
        <v>596</v>
      </c>
      <c r="D132817" s="14" t="s">
        <v>39</v>
      </c>
      <c r="E132817" s="15">
        <v>45698</v>
      </c>
      <c r="F132817" s="14" t="s">
        <v>15</v>
      </c>
      <c r="G132817" s="16">
        <v>0</v>
      </c>
    </row>
    <row r="132818" spans="1:7" x14ac:dyDescent="0.3">
      <c r="A132818" s="13" t="s">
        <v>601</v>
      </c>
      <c r="B132818" s="14" t="s">
        <v>1</v>
      </c>
      <c r="C132818" s="14" t="s">
        <v>596</v>
      </c>
      <c r="D132818" s="14" t="s">
        <v>39</v>
      </c>
      <c r="E132818" s="15">
        <v>45699</v>
      </c>
      <c r="F132818" s="14" t="s">
        <v>15</v>
      </c>
      <c r="G132818" s="16">
        <v>0</v>
      </c>
    </row>
    <row r="132819" spans="1:7" x14ac:dyDescent="0.3">
      <c r="A132819" s="13" t="s">
        <v>601</v>
      </c>
      <c r="B132819" s="14" t="s">
        <v>1</v>
      </c>
      <c r="C132819" s="14" t="s">
        <v>596</v>
      </c>
      <c r="D132819" s="14" t="s">
        <v>39</v>
      </c>
      <c r="E132819" s="15">
        <v>45700</v>
      </c>
      <c r="F132819" s="14" t="s">
        <v>15</v>
      </c>
      <c r="G132819" s="16">
        <v>0</v>
      </c>
    </row>
    <row r="132820" spans="1:7" x14ac:dyDescent="0.3">
      <c r="A132820" s="13" t="s">
        <v>601</v>
      </c>
      <c r="B132820" s="14" t="s">
        <v>1</v>
      </c>
      <c r="C132820" s="14" t="s">
        <v>596</v>
      </c>
      <c r="D132820" s="14" t="s">
        <v>39</v>
      </c>
      <c r="E132820" s="15">
        <v>45701</v>
      </c>
      <c r="F132820" s="14" t="s">
        <v>15</v>
      </c>
      <c r="G132820" s="16">
        <v>0</v>
      </c>
    </row>
    <row r="132821" spans="1:7" x14ac:dyDescent="0.3">
      <c r="A132821" s="13" t="s">
        <v>601</v>
      </c>
      <c r="B132821" s="14" t="s">
        <v>1</v>
      </c>
      <c r="C132821" s="14" t="s">
        <v>596</v>
      </c>
      <c r="D132821" s="14" t="s">
        <v>39</v>
      </c>
      <c r="E132821" s="15">
        <v>45702</v>
      </c>
      <c r="F132821" s="14" t="s">
        <v>15</v>
      </c>
      <c r="G132821" s="16">
        <v>0</v>
      </c>
    </row>
    <row r="132822" spans="1:7" x14ac:dyDescent="0.3">
      <c r="A132822" s="13" t="s">
        <v>601</v>
      </c>
      <c r="B132822" s="14" t="s">
        <v>1</v>
      </c>
      <c r="C132822" s="14" t="s">
        <v>596</v>
      </c>
      <c r="D132822" s="14" t="s">
        <v>39</v>
      </c>
      <c r="E132822" s="15">
        <v>45703</v>
      </c>
      <c r="F132822" s="14" t="s">
        <v>15</v>
      </c>
      <c r="G132822" s="16">
        <v>0</v>
      </c>
    </row>
    <row r="132823" spans="1:7" x14ac:dyDescent="0.3">
      <c r="A132823" s="13" t="s">
        <v>601</v>
      </c>
      <c r="B132823" s="14" t="s">
        <v>1</v>
      </c>
      <c r="C132823" s="14" t="s">
        <v>596</v>
      </c>
      <c r="D132823" s="14" t="s">
        <v>39</v>
      </c>
      <c r="E132823" s="15">
        <v>45704</v>
      </c>
      <c r="F132823" s="14" t="s">
        <v>15</v>
      </c>
      <c r="G132823" s="16">
        <v>0</v>
      </c>
    </row>
    <row r="132824" spans="1:7" x14ac:dyDescent="0.3">
      <c r="A132824" s="13" t="s">
        <v>601</v>
      </c>
      <c r="B132824" s="14" t="s">
        <v>1</v>
      </c>
      <c r="C132824" s="14" t="s">
        <v>596</v>
      </c>
      <c r="D132824" s="14" t="s">
        <v>39</v>
      </c>
      <c r="E132824" s="15">
        <v>45705</v>
      </c>
      <c r="F132824" s="14" t="s">
        <v>15</v>
      </c>
      <c r="G132824" s="16">
        <v>0</v>
      </c>
    </row>
    <row r="132825" spans="1:7" x14ac:dyDescent="0.3">
      <c r="A132825" s="13" t="s">
        <v>601</v>
      </c>
      <c r="B132825" s="14" t="s">
        <v>1</v>
      </c>
      <c r="C132825" s="14" t="s">
        <v>596</v>
      </c>
      <c r="D132825" s="14" t="s">
        <v>39</v>
      </c>
      <c r="E132825" s="15">
        <v>45706</v>
      </c>
      <c r="F132825" s="14" t="s">
        <v>15</v>
      </c>
      <c r="G132825" s="16">
        <v>0</v>
      </c>
    </row>
    <row r="132826" spans="1:7" x14ac:dyDescent="0.3">
      <c r="A132826" s="13" t="s">
        <v>601</v>
      </c>
      <c r="B132826" s="14" t="s">
        <v>1</v>
      </c>
      <c r="C132826" s="14" t="s">
        <v>596</v>
      </c>
      <c r="D132826" s="14" t="s">
        <v>39</v>
      </c>
      <c r="E132826" s="15">
        <v>45707</v>
      </c>
      <c r="F132826" s="14" t="s">
        <v>15</v>
      </c>
      <c r="G132826" s="16">
        <v>0</v>
      </c>
    </row>
    <row r="132827" spans="1:7" x14ac:dyDescent="0.3">
      <c r="A132827" s="13" t="s">
        <v>601</v>
      </c>
      <c r="B132827" s="14" t="s">
        <v>1</v>
      </c>
      <c r="C132827" s="14" t="s">
        <v>596</v>
      </c>
      <c r="D132827" s="14" t="s">
        <v>39</v>
      </c>
      <c r="E132827" s="15">
        <v>45708</v>
      </c>
      <c r="F132827" s="14" t="s">
        <v>15</v>
      </c>
      <c r="G132827" s="16">
        <v>0</v>
      </c>
    </row>
    <row r="132828" spans="1:7" x14ac:dyDescent="0.3">
      <c r="A132828" s="13" t="s">
        <v>601</v>
      </c>
      <c r="B132828" s="14" t="s">
        <v>1</v>
      </c>
      <c r="C132828" s="14" t="s">
        <v>596</v>
      </c>
      <c r="D132828" s="14" t="s">
        <v>39</v>
      </c>
      <c r="E132828" s="15">
        <v>45709</v>
      </c>
      <c r="F132828" s="14" t="s">
        <v>15</v>
      </c>
      <c r="G132828" s="16">
        <v>0</v>
      </c>
    </row>
    <row r="132829" spans="1:7" x14ac:dyDescent="0.3">
      <c r="A132829" s="13" t="s">
        <v>601</v>
      </c>
      <c r="B132829" s="14" t="s">
        <v>1</v>
      </c>
      <c r="C132829" s="14" t="s">
        <v>596</v>
      </c>
      <c r="D132829" s="14" t="s">
        <v>39</v>
      </c>
      <c r="E132829" s="15">
        <v>45710</v>
      </c>
      <c r="F132829" s="14" t="s">
        <v>15</v>
      </c>
      <c r="G132829" s="16">
        <v>0</v>
      </c>
    </row>
    <row r="132830" spans="1:7" x14ac:dyDescent="0.3">
      <c r="A132830" s="13" t="s">
        <v>601</v>
      </c>
      <c r="B132830" s="14" t="s">
        <v>1</v>
      </c>
      <c r="C132830" s="14" t="s">
        <v>596</v>
      </c>
      <c r="D132830" s="14" t="s">
        <v>39</v>
      </c>
      <c r="E132830" s="15">
        <v>45711</v>
      </c>
      <c r="F132830" s="14" t="s">
        <v>15</v>
      </c>
      <c r="G132830" s="16">
        <v>0</v>
      </c>
    </row>
    <row r="132831" spans="1:7" x14ac:dyDescent="0.3">
      <c r="A132831" s="13" t="s">
        <v>601</v>
      </c>
      <c r="B132831" s="14" t="s">
        <v>1</v>
      </c>
      <c r="C132831" s="14" t="s">
        <v>596</v>
      </c>
      <c r="D132831" s="14" t="s">
        <v>39</v>
      </c>
      <c r="E132831" s="15">
        <v>45712</v>
      </c>
      <c r="F132831" s="14" t="s">
        <v>15</v>
      </c>
      <c r="G132831" s="16">
        <v>0</v>
      </c>
    </row>
    <row r="132832" spans="1:7" x14ac:dyDescent="0.3">
      <c r="A132832" s="13" t="s">
        <v>601</v>
      </c>
      <c r="B132832" s="14" t="s">
        <v>1</v>
      </c>
      <c r="C132832" s="14" t="s">
        <v>596</v>
      </c>
      <c r="D132832" s="14" t="s">
        <v>39</v>
      </c>
      <c r="E132832" s="15">
        <v>45713</v>
      </c>
      <c r="F132832" s="14" t="s">
        <v>15</v>
      </c>
      <c r="G132832" s="16">
        <v>0</v>
      </c>
    </row>
    <row r="132833" spans="1:7" x14ac:dyDescent="0.3">
      <c r="A132833" s="13" t="s">
        <v>601</v>
      </c>
      <c r="B132833" s="14" t="s">
        <v>1</v>
      </c>
      <c r="C132833" s="14" t="s">
        <v>596</v>
      </c>
      <c r="D132833" s="14" t="s">
        <v>39</v>
      </c>
      <c r="E132833" s="15">
        <v>45714</v>
      </c>
      <c r="F132833" s="14" t="s">
        <v>15</v>
      </c>
      <c r="G132833" s="16">
        <v>0</v>
      </c>
    </row>
    <row r="132834" spans="1:7" x14ac:dyDescent="0.3">
      <c r="A132834" s="13" t="s">
        <v>601</v>
      </c>
      <c r="B132834" s="14" t="s">
        <v>1</v>
      </c>
      <c r="C132834" s="14" t="s">
        <v>596</v>
      </c>
      <c r="D132834" s="14" t="s">
        <v>39</v>
      </c>
      <c r="E132834" s="15">
        <v>45715</v>
      </c>
      <c r="F132834" s="14" t="s">
        <v>15</v>
      </c>
      <c r="G132834" s="16">
        <v>0</v>
      </c>
    </row>
    <row r="132835" spans="1:7" x14ac:dyDescent="0.3">
      <c r="A132835" s="13" t="s">
        <v>601</v>
      </c>
      <c r="B132835" s="14" t="s">
        <v>1</v>
      </c>
      <c r="C132835" s="14" t="s">
        <v>596</v>
      </c>
      <c r="D132835" s="14" t="s">
        <v>39</v>
      </c>
      <c r="E132835" s="15">
        <v>45716</v>
      </c>
      <c r="F132835" s="14" t="s">
        <v>15</v>
      </c>
      <c r="G132835" s="16">
        <v>0</v>
      </c>
    </row>
    <row r="132836" spans="1:7" x14ac:dyDescent="0.3">
      <c r="A132836" s="13" t="s">
        <v>601</v>
      </c>
      <c r="B132836" s="14" t="s">
        <v>1</v>
      </c>
      <c r="C132836" s="14" t="s">
        <v>596</v>
      </c>
      <c r="D132836" s="14" t="s">
        <v>39</v>
      </c>
      <c r="E132836" s="15">
        <v>45717</v>
      </c>
      <c r="F132836" s="14" t="s">
        <v>15</v>
      </c>
      <c r="G132836" s="16">
        <v>0</v>
      </c>
    </row>
    <row r="132837" spans="1:7" x14ac:dyDescent="0.3">
      <c r="A132837" s="13" t="s">
        <v>601</v>
      </c>
      <c r="B132837" s="14" t="s">
        <v>1</v>
      </c>
      <c r="C132837" s="14" t="s">
        <v>596</v>
      </c>
      <c r="D132837" s="14" t="s">
        <v>39</v>
      </c>
      <c r="E132837" s="15">
        <v>45718</v>
      </c>
      <c r="F132837" s="14" t="s">
        <v>15</v>
      </c>
      <c r="G132837" s="16">
        <v>0</v>
      </c>
    </row>
    <row r="132838" spans="1:7" x14ac:dyDescent="0.3">
      <c r="A132838" s="13" t="s">
        <v>601</v>
      </c>
      <c r="B132838" s="14" t="s">
        <v>1</v>
      </c>
      <c r="C132838" s="14" t="s">
        <v>596</v>
      </c>
      <c r="D132838" s="14" t="s">
        <v>39</v>
      </c>
      <c r="E132838" s="15">
        <v>45719</v>
      </c>
      <c r="F132838" s="14" t="s">
        <v>15</v>
      </c>
      <c r="G132838" s="16">
        <v>0</v>
      </c>
    </row>
    <row r="132839" spans="1:7" x14ac:dyDescent="0.3">
      <c r="A132839" s="13" t="s">
        <v>601</v>
      </c>
      <c r="B132839" s="14" t="s">
        <v>1</v>
      </c>
      <c r="C132839" s="14" t="s">
        <v>596</v>
      </c>
      <c r="D132839" s="14" t="s">
        <v>39</v>
      </c>
      <c r="E132839" s="15">
        <v>45720</v>
      </c>
      <c r="F132839" s="14" t="s">
        <v>15</v>
      </c>
      <c r="G132839" s="16">
        <v>0</v>
      </c>
    </row>
    <row r="132840" spans="1:7" x14ac:dyDescent="0.3">
      <c r="A132840" s="13" t="s">
        <v>601</v>
      </c>
      <c r="B132840" s="14" t="s">
        <v>1</v>
      </c>
      <c r="C132840" s="14" t="s">
        <v>596</v>
      </c>
      <c r="D132840" s="14" t="s">
        <v>39</v>
      </c>
      <c r="E132840" s="15">
        <v>45721</v>
      </c>
      <c r="F132840" s="14" t="s">
        <v>15</v>
      </c>
      <c r="G132840" s="16">
        <v>0</v>
      </c>
    </row>
    <row r="132841" spans="1:7" x14ac:dyDescent="0.3">
      <c r="A132841" s="13" t="s">
        <v>601</v>
      </c>
      <c r="B132841" s="14" t="s">
        <v>1</v>
      </c>
      <c r="C132841" s="14" t="s">
        <v>596</v>
      </c>
      <c r="D132841" s="14" t="s">
        <v>39</v>
      </c>
      <c r="E132841" s="15">
        <v>45722</v>
      </c>
      <c r="F132841" s="14" t="s">
        <v>15</v>
      </c>
      <c r="G132841" s="16">
        <v>0</v>
      </c>
    </row>
    <row r="132842" spans="1:7" x14ac:dyDescent="0.3">
      <c r="A132842" s="13" t="s">
        <v>601</v>
      </c>
      <c r="B132842" s="14" t="s">
        <v>1</v>
      </c>
      <c r="C132842" s="14" t="s">
        <v>596</v>
      </c>
      <c r="D132842" s="14" t="s">
        <v>39</v>
      </c>
      <c r="E132842" s="15">
        <v>45723</v>
      </c>
      <c r="F132842" s="14" t="s">
        <v>15</v>
      </c>
      <c r="G132842" s="16">
        <v>0</v>
      </c>
    </row>
    <row r="132843" spans="1:7" x14ac:dyDescent="0.3">
      <c r="A132843" s="13" t="s">
        <v>601</v>
      </c>
      <c r="B132843" s="14" t="s">
        <v>1</v>
      </c>
      <c r="C132843" s="14" t="s">
        <v>596</v>
      </c>
      <c r="D132843" s="14" t="s">
        <v>39</v>
      </c>
      <c r="E132843" s="15">
        <v>45724</v>
      </c>
      <c r="F132843" s="14" t="s">
        <v>15</v>
      </c>
      <c r="G132843" s="16">
        <v>0</v>
      </c>
    </row>
    <row r="132844" spans="1:7" x14ac:dyDescent="0.3">
      <c r="A132844" s="13" t="s">
        <v>601</v>
      </c>
      <c r="B132844" s="14" t="s">
        <v>1</v>
      </c>
      <c r="C132844" s="14" t="s">
        <v>596</v>
      </c>
      <c r="D132844" s="14" t="s">
        <v>39</v>
      </c>
      <c r="E132844" s="15">
        <v>45725</v>
      </c>
      <c r="F132844" s="14" t="s">
        <v>15</v>
      </c>
      <c r="G132844" s="16">
        <v>0</v>
      </c>
    </row>
    <row r="132845" spans="1:7" x14ac:dyDescent="0.3">
      <c r="A132845" s="13" t="s">
        <v>601</v>
      </c>
      <c r="B132845" s="14" t="s">
        <v>1</v>
      </c>
      <c r="C132845" s="14" t="s">
        <v>596</v>
      </c>
      <c r="D132845" s="14" t="s">
        <v>39</v>
      </c>
      <c r="E132845" s="15">
        <v>45726</v>
      </c>
      <c r="F132845" s="14" t="s">
        <v>15</v>
      </c>
      <c r="G132845" s="16">
        <v>0</v>
      </c>
    </row>
    <row r="132846" spans="1:7" x14ac:dyDescent="0.3">
      <c r="A132846" s="13" t="s">
        <v>601</v>
      </c>
      <c r="B132846" s="14" t="s">
        <v>1</v>
      </c>
      <c r="C132846" s="14" t="s">
        <v>596</v>
      </c>
      <c r="D132846" s="14" t="s">
        <v>39</v>
      </c>
      <c r="E132846" s="15">
        <v>45727</v>
      </c>
      <c r="F132846" s="14" t="s">
        <v>15</v>
      </c>
      <c r="G132846" s="16">
        <v>0</v>
      </c>
    </row>
    <row r="132847" spans="1:7" x14ac:dyDescent="0.3">
      <c r="A132847" s="13" t="s">
        <v>601</v>
      </c>
      <c r="B132847" s="14" t="s">
        <v>1</v>
      </c>
      <c r="C132847" s="14" t="s">
        <v>596</v>
      </c>
      <c r="D132847" s="14" t="s">
        <v>39</v>
      </c>
      <c r="E132847" s="15">
        <v>45728</v>
      </c>
      <c r="F132847" s="14" t="s">
        <v>15</v>
      </c>
      <c r="G132847" s="16">
        <v>0</v>
      </c>
    </row>
    <row r="132848" spans="1:7" x14ac:dyDescent="0.3">
      <c r="A132848" s="13" t="s">
        <v>601</v>
      </c>
      <c r="B132848" s="14" t="s">
        <v>1</v>
      </c>
      <c r="C132848" s="14" t="s">
        <v>596</v>
      </c>
      <c r="D132848" s="14" t="s">
        <v>39</v>
      </c>
      <c r="E132848" s="15">
        <v>45729</v>
      </c>
      <c r="F132848" s="14" t="s">
        <v>15</v>
      </c>
      <c r="G132848" s="16">
        <v>0</v>
      </c>
    </row>
    <row r="132849" spans="1:7" x14ac:dyDescent="0.3">
      <c r="A132849" s="13" t="s">
        <v>601</v>
      </c>
      <c r="B132849" s="14" t="s">
        <v>1</v>
      </c>
      <c r="C132849" s="14" t="s">
        <v>596</v>
      </c>
      <c r="D132849" s="14" t="s">
        <v>39</v>
      </c>
      <c r="E132849" s="15">
        <v>45730</v>
      </c>
      <c r="F132849" s="14" t="s">
        <v>15</v>
      </c>
      <c r="G132849" s="16">
        <v>0</v>
      </c>
    </row>
    <row r="132850" spans="1:7" x14ac:dyDescent="0.3">
      <c r="A132850" s="13" t="s">
        <v>601</v>
      </c>
      <c r="B132850" s="14" t="s">
        <v>1</v>
      </c>
      <c r="C132850" s="14" t="s">
        <v>596</v>
      </c>
      <c r="D132850" s="14" t="s">
        <v>39</v>
      </c>
      <c r="E132850" s="15">
        <v>45731</v>
      </c>
      <c r="F132850" s="14" t="s">
        <v>15</v>
      </c>
      <c r="G132850" s="16">
        <v>0</v>
      </c>
    </row>
    <row r="132851" spans="1:7" x14ac:dyDescent="0.3">
      <c r="A132851" s="13" t="s">
        <v>601</v>
      </c>
      <c r="B132851" s="14" t="s">
        <v>1</v>
      </c>
      <c r="C132851" s="14" t="s">
        <v>596</v>
      </c>
      <c r="D132851" s="14" t="s">
        <v>39</v>
      </c>
      <c r="E132851" s="15">
        <v>45732</v>
      </c>
      <c r="F132851" s="14" t="s">
        <v>15</v>
      </c>
      <c r="G132851" s="16">
        <v>0</v>
      </c>
    </row>
    <row r="132852" spans="1:7" x14ac:dyDescent="0.3">
      <c r="A132852" s="13" t="s">
        <v>601</v>
      </c>
      <c r="B132852" s="14" t="s">
        <v>1</v>
      </c>
      <c r="C132852" s="14" t="s">
        <v>596</v>
      </c>
      <c r="D132852" s="14" t="s">
        <v>39</v>
      </c>
      <c r="E132852" s="15">
        <v>45733</v>
      </c>
      <c r="F132852" s="14" t="s">
        <v>15</v>
      </c>
      <c r="G132852" s="16">
        <v>0</v>
      </c>
    </row>
    <row r="132853" spans="1:7" x14ac:dyDescent="0.3">
      <c r="A132853" s="13" t="s">
        <v>601</v>
      </c>
      <c r="B132853" s="14" t="s">
        <v>1</v>
      </c>
      <c r="C132853" s="14" t="s">
        <v>596</v>
      </c>
      <c r="D132853" s="14" t="s">
        <v>39</v>
      </c>
      <c r="E132853" s="15">
        <v>45734</v>
      </c>
      <c r="F132853" s="14" t="s">
        <v>15</v>
      </c>
      <c r="G132853" s="16">
        <v>0</v>
      </c>
    </row>
    <row r="132854" spans="1:7" x14ac:dyDescent="0.3">
      <c r="A132854" s="13" t="s">
        <v>601</v>
      </c>
      <c r="B132854" s="14" t="s">
        <v>1</v>
      </c>
      <c r="C132854" s="14" t="s">
        <v>596</v>
      </c>
      <c r="D132854" s="14" t="s">
        <v>39</v>
      </c>
      <c r="E132854" s="15">
        <v>45735</v>
      </c>
      <c r="F132854" s="14" t="s">
        <v>15</v>
      </c>
      <c r="G132854" s="16">
        <v>0</v>
      </c>
    </row>
    <row r="132855" spans="1:7" x14ac:dyDescent="0.3">
      <c r="A132855" s="13" t="s">
        <v>601</v>
      </c>
      <c r="B132855" s="14" t="s">
        <v>1</v>
      </c>
      <c r="C132855" s="14" t="s">
        <v>596</v>
      </c>
      <c r="D132855" s="14" t="s">
        <v>39</v>
      </c>
      <c r="E132855" s="15">
        <v>45736</v>
      </c>
      <c r="F132855" s="14" t="s">
        <v>15</v>
      </c>
      <c r="G132855" s="16">
        <v>0</v>
      </c>
    </row>
    <row r="132856" spans="1:7" x14ac:dyDescent="0.3">
      <c r="A132856" s="13" t="s">
        <v>601</v>
      </c>
      <c r="B132856" s="14" t="s">
        <v>1</v>
      </c>
      <c r="C132856" s="14" t="s">
        <v>596</v>
      </c>
      <c r="D132856" s="14" t="s">
        <v>39</v>
      </c>
      <c r="E132856" s="15">
        <v>45737</v>
      </c>
      <c r="F132856" s="14" t="s">
        <v>15</v>
      </c>
      <c r="G132856" s="16">
        <v>0</v>
      </c>
    </row>
    <row r="132857" spans="1:7" x14ac:dyDescent="0.3">
      <c r="A132857" s="13" t="s">
        <v>601</v>
      </c>
      <c r="B132857" s="14" t="s">
        <v>1</v>
      </c>
      <c r="C132857" s="14" t="s">
        <v>596</v>
      </c>
      <c r="D132857" s="14" t="s">
        <v>39</v>
      </c>
      <c r="E132857" s="15">
        <v>45738</v>
      </c>
      <c r="F132857" s="14" t="s">
        <v>15</v>
      </c>
      <c r="G132857" s="16">
        <v>0</v>
      </c>
    </row>
    <row r="132858" spans="1:7" x14ac:dyDescent="0.3">
      <c r="A132858" s="13" t="s">
        <v>601</v>
      </c>
      <c r="B132858" s="14" t="s">
        <v>1</v>
      </c>
      <c r="C132858" s="14" t="s">
        <v>596</v>
      </c>
      <c r="D132858" s="14" t="s">
        <v>39</v>
      </c>
      <c r="E132858" s="15">
        <v>45739</v>
      </c>
      <c r="F132858" s="14" t="s">
        <v>15</v>
      </c>
      <c r="G132858" s="16">
        <v>0</v>
      </c>
    </row>
    <row r="132859" spans="1:7" x14ac:dyDescent="0.3">
      <c r="A132859" s="13" t="s">
        <v>601</v>
      </c>
      <c r="B132859" s="14" t="s">
        <v>1</v>
      </c>
      <c r="C132859" s="14" t="s">
        <v>596</v>
      </c>
      <c r="D132859" s="14" t="s">
        <v>39</v>
      </c>
      <c r="E132859" s="15">
        <v>45740</v>
      </c>
      <c r="F132859" s="14" t="s">
        <v>15</v>
      </c>
      <c r="G132859" s="16">
        <v>0</v>
      </c>
    </row>
    <row r="132860" spans="1:7" x14ac:dyDescent="0.3">
      <c r="A132860" s="13" t="s">
        <v>601</v>
      </c>
      <c r="B132860" s="14" t="s">
        <v>1</v>
      </c>
      <c r="C132860" s="14" t="s">
        <v>596</v>
      </c>
      <c r="D132860" s="14" t="s">
        <v>39</v>
      </c>
      <c r="E132860" s="15">
        <v>45741</v>
      </c>
      <c r="F132860" s="14" t="s">
        <v>15</v>
      </c>
      <c r="G132860" s="16">
        <v>0</v>
      </c>
    </row>
    <row r="132861" spans="1:7" x14ac:dyDescent="0.3">
      <c r="A132861" s="13" t="s">
        <v>601</v>
      </c>
      <c r="B132861" s="14" t="s">
        <v>1</v>
      </c>
      <c r="C132861" s="14" t="s">
        <v>596</v>
      </c>
      <c r="D132861" s="14" t="s">
        <v>39</v>
      </c>
      <c r="E132861" s="15">
        <v>45742</v>
      </c>
      <c r="F132861" s="14" t="s">
        <v>15</v>
      </c>
      <c r="G132861" s="16">
        <v>0</v>
      </c>
    </row>
    <row r="132862" spans="1:7" x14ac:dyDescent="0.3">
      <c r="A132862" s="13" t="s">
        <v>601</v>
      </c>
      <c r="B132862" s="14" t="s">
        <v>1</v>
      </c>
      <c r="C132862" s="14" t="s">
        <v>596</v>
      </c>
      <c r="D132862" s="14" t="s">
        <v>39</v>
      </c>
      <c r="E132862" s="15">
        <v>45743</v>
      </c>
      <c r="F132862" s="14" t="s">
        <v>15</v>
      </c>
      <c r="G132862" s="16">
        <v>0</v>
      </c>
    </row>
    <row r="132863" spans="1:7" x14ac:dyDescent="0.3">
      <c r="A132863" s="13" t="s">
        <v>601</v>
      </c>
      <c r="B132863" s="14" t="s">
        <v>1</v>
      </c>
      <c r="C132863" s="14" t="s">
        <v>596</v>
      </c>
      <c r="D132863" s="14" t="s">
        <v>39</v>
      </c>
      <c r="E132863" s="15">
        <v>45744</v>
      </c>
      <c r="F132863" s="14" t="s">
        <v>15</v>
      </c>
      <c r="G132863" s="16">
        <v>0</v>
      </c>
    </row>
    <row r="132864" spans="1:7" x14ac:dyDescent="0.3">
      <c r="A132864" s="13" t="s">
        <v>601</v>
      </c>
      <c r="B132864" s="14" t="s">
        <v>1</v>
      </c>
      <c r="C132864" s="14" t="s">
        <v>596</v>
      </c>
      <c r="D132864" s="14" t="s">
        <v>39</v>
      </c>
      <c r="E132864" s="15">
        <v>45745</v>
      </c>
      <c r="F132864" s="14" t="s">
        <v>15</v>
      </c>
      <c r="G132864" s="16">
        <v>0</v>
      </c>
    </row>
    <row r="132865" spans="1:7" x14ac:dyDescent="0.3">
      <c r="A132865" s="13" t="s">
        <v>601</v>
      </c>
      <c r="B132865" s="14" t="s">
        <v>1</v>
      </c>
      <c r="C132865" s="14" t="s">
        <v>596</v>
      </c>
      <c r="D132865" s="14" t="s">
        <v>39</v>
      </c>
      <c r="E132865" s="15">
        <v>45746</v>
      </c>
      <c r="F132865" s="14" t="s">
        <v>15</v>
      </c>
      <c r="G132865" s="16">
        <v>0</v>
      </c>
    </row>
    <row r="132866" spans="1:7" x14ac:dyDescent="0.3">
      <c r="A132866" s="13" t="s">
        <v>601</v>
      </c>
      <c r="B132866" s="14" t="s">
        <v>1</v>
      </c>
      <c r="C132866" s="14" t="s">
        <v>596</v>
      </c>
      <c r="D132866" s="14" t="s">
        <v>39</v>
      </c>
      <c r="E132866" s="15">
        <v>45747</v>
      </c>
      <c r="F132866" s="14" t="s">
        <v>15</v>
      </c>
      <c r="G132866" s="16">
        <v>0</v>
      </c>
    </row>
    <row r="132867" spans="1:7" x14ac:dyDescent="0.3">
      <c r="A132867" s="13" t="s">
        <v>602</v>
      </c>
      <c r="B132867" s="14" t="s">
        <v>1</v>
      </c>
      <c r="C132867" s="14" t="s">
        <v>596</v>
      </c>
      <c r="D132867" s="14" t="s">
        <v>31</v>
      </c>
      <c r="E132867" s="15">
        <v>45383</v>
      </c>
      <c r="F132867" s="14" t="s">
        <v>15</v>
      </c>
      <c r="G132867" s="16">
        <v>0</v>
      </c>
    </row>
    <row r="132868" spans="1:7" x14ac:dyDescent="0.3">
      <c r="A132868" s="13" t="s">
        <v>602</v>
      </c>
      <c r="B132868" s="14" t="s">
        <v>1</v>
      </c>
      <c r="C132868" s="14" t="s">
        <v>596</v>
      </c>
      <c r="D132868" s="14" t="s">
        <v>31</v>
      </c>
      <c r="E132868" s="15">
        <v>45384</v>
      </c>
      <c r="F132868" s="14" t="s">
        <v>15</v>
      </c>
      <c r="G132868" s="16">
        <v>0</v>
      </c>
    </row>
    <row r="132869" spans="1:7" x14ac:dyDescent="0.3">
      <c r="A132869" s="13" t="s">
        <v>602</v>
      </c>
      <c r="B132869" s="14" t="s">
        <v>1</v>
      </c>
      <c r="C132869" s="14" t="s">
        <v>596</v>
      </c>
      <c r="D132869" s="14" t="s">
        <v>31</v>
      </c>
      <c r="E132869" s="15">
        <v>45385</v>
      </c>
      <c r="F132869" s="14" t="s">
        <v>15</v>
      </c>
      <c r="G132869" s="16">
        <v>0</v>
      </c>
    </row>
    <row r="132870" spans="1:7" x14ac:dyDescent="0.3">
      <c r="A132870" s="13" t="s">
        <v>602</v>
      </c>
      <c r="B132870" s="14" t="s">
        <v>1</v>
      </c>
      <c r="C132870" s="14" t="s">
        <v>596</v>
      </c>
      <c r="D132870" s="14" t="s">
        <v>31</v>
      </c>
      <c r="E132870" s="15">
        <v>45386</v>
      </c>
      <c r="F132870" s="14" t="s">
        <v>15</v>
      </c>
      <c r="G132870" s="16">
        <v>0</v>
      </c>
    </row>
    <row r="132871" spans="1:7" x14ac:dyDescent="0.3">
      <c r="A132871" s="13" t="s">
        <v>602</v>
      </c>
      <c r="B132871" s="14" t="s">
        <v>1</v>
      </c>
      <c r="C132871" s="14" t="s">
        <v>596</v>
      </c>
      <c r="D132871" s="14" t="s">
        <v>31</v>
      </c>
      <c r="E132871" s="15">
        <v>45387</v>
      </c>
      <c r="F132871" s="14" t="s">
        <v>15</v>
      </c>
      <c r="G132871" s="16">
        <v>0</v>
      </c>
    </row>
    <row r="132872" spans="1:7" x14ac:dyDescent="0.3">
      <c r="A132872" s="13" t="s">
        <v>602</v>
      </c>
      <c r="B132872" s="14" t="s">
        <v>1</v>
      </c>
      <c r="C132872" s="14" t="s">
        <v>596</v>
      </c>
      <c r="D132872" s="14" t="s">
        <v>31</v>
      </c>
      <c r="E132872" s="15">
        <v>45388</v>
      </c>
      <c r="F132872" s="14" t="s">
        <v>15</v>
      </c>
      <c r="G132872" s="16">
        <v>0</v>
      </c>
    </row>
    <row r="132873" spans="1:7" x14ac:dyDescent="0.3">
      <c r="A132873" s="13" t="s">
        <v>602</v>
      </c>
      <c r="B132873" s="14" t="s">
        <v>1</v>
      </c>
      <c r="C132873" s="14" t="s">
        <v>596</v>
      </c>
      <c r="D132873" s="14" t="s">
        <v>31</v>
      </c>
      <c r="E132873" s="15">
        <v>45389</v>
      </c>
      <c r="F132873" s="14" t="s">
        <v>15</v>
      </c>
      <c r="G132873" s="16">
        <v>0</v>
      </c>
    </row>
    <row r="132874" spans="1:7" x14ac:dyDescent="0.3">
      <c r="A132874" s="13" t="s">
        <v>602</v>
      </c>
      <c r="B132874" s="14" t="s">
        <v>1</v>
      </c>
      <c r="C132874" s="14" t="s">
        <v>596</v>
      </c>
      <c r="D132874" s="14" t="s">
        <v>31</v>
      </c>
      <c r="E132874" s="15">
        <v>45390</v>
      </c>
      <c r="F132874" s="14" t="s">
        <v>15</v>
      </c>
      <c r="G132874" s="16">
        <v>0</v>
      </c>
    </row>
    <row r="132875" spans="1:7" x14ac:dyDescent="0.3">
      <c r="A132875" s="13" t="s">
        <v>602</v>
      </c>
      <c r="B132875" s="14" t="s">
        <v>1</v>
      </c>
      <c r="C132875" s="14" t="s">
        <v>596</v>
      </c>
      <c r="D132875" s="14" t="s">
        <v>31</v>
      </c>
      <c r="E132875" s="15">
        <v>45391</v>
      </c>
      <c r="F132875" s="14" t="s">
        <v>15</v>
      </c>
      <c r="G132875" s="16">
        <v>0</v>
      </c>
    </row>
    <row r="132876" spans="1:7" x14ac:dyDescent="0.3">
      <c r="A132876" s="13" t="s">
        <v>602</v>
      </c>
      <c r="B132876" s="14" t="s">
        <v>1</v>
      </c>
      <c r="C132876" s="14" t="s">
        <v>596</v>
      </c>
      <c r="D132876" s="14" t="s">
        <v>31</v>
      </c>
      <c r="E132876" s="15">
        <v>45392</v>
      </c>
      <c r="F132876" s="14" t="s">
        <v>15</v>
      </c>
      <c r="G132876" s="16">
        <v>0</v>
      </c>
    </row>
    <row r="132877" spans="1:7" x14ac:dyDescent="0.3">
      <c r="A132877" s="13" t="s">
        <v>602</v>
      </c>
      <c r="B132877" s="14" t="s">
        <v>1</v>
      </c>
      <c r="C132877" s="14" t="s">
        <v>596</v>
      </c>
      <c r="D132877" s="14" t="s">
        <v>31</v>
      </c>
      <c r="E132877" s="15">
        <v>45393</v>
      </c>
      <c r="F132877" s="14" t="s">
        <v>15</v>
      </c>
      <c r="G132877" s="16">
        <v>0</v>
      </c>
    </row>
    <row r="132878" spans="1:7" x14ac:dyDescent="0.3">
      <c r="A132878" s="13" t="s">
        <v>602</v>
      </c>
      <c r="B132878" s="14" t="s">
        <v>1</v>
      </c>
      <c r="C132878" s="14" t="s">
        <v>596</v>
      </c>
      <c r="D132878" s="14" t="s">
        <v>31</v>
      </c>
      <c r="E132878" s="15">
        <v>45394</v>
      </c>
      <c r="F132878" s="14" t="s">
        <v>15</v>
      </c>
      <c r="G132878" s="16">
        <v>0</v>
      </c>
    </row>
    <row r="132879" spans="1:7" x14ac:dyDescent="0.3">
      <c r="A132879" s="13" t="s">
        <v>602</v>
      </c>
      <c r="B132879" s="14" t="s">
        <v>1</v>
      </c>
      <c r="C132879" s="14" t="s">
        <v>596</v>
      </c>
      <c r="D132879" s="14" t="s">
        <v>31</v>
      </c>
      <c r="E132879" s="15">
        <v>45395</v>
      </c>
      <c r="F132879" s="14" t="s">
        <v>15</v>
      </c>
      <c r="G132879" s="16">
        <v>0</v>
      </c>
    </row>
    <row r="132880" spans="1:7" x14ac:dyDescent="0.3">
      <c r="A132880" s="13" t="s">
        <v>602</v>
      </c>
      <c r="B132880" s="14" t="s">
        <v>1</v>
      </c>
      <c r="C132880" s="14" t="s">
        <v>596</v>
      </c>
      <c r="D132880" s="14" t="s">
        <v>31</v>
      </c>
      <c r="E132880" s="15">
        <v>45396</v>
      </c>
      <c r="F132880" s="14" t="s">
        <v>15</v>
      </c>
      <c r="G132880" s="16">
        <v>0</v>
      </c>
    </row>
    <row r="132881" spans="1:7" x14ac:dyDescent="0.3">
      <c r="A132881" s="13" t="s">
        <v>602</v>
      </c>
      <c r="B132881" s="14" t="s">
        <v>1</v>
      </c>
      <c r="C132881" s="14" t="s">
        <v>596</v>
      </c>
      <c r="D132881" s="14" t="s">
        <v>31</v>
      </c>
      <c r="E132881" s="15">
        <v>45397</v>
      </c>
      <c r="F132881" s="14" t="s">
        <v>15</v>
      </c>
      <c r="G132881" s="16">
        <v>0</v>
      </c>
    </row>
    <row r="132882" spans="1:7" x14ac:dyDescent="0.3">
      <c r="A132882" s="13" t="s">
        <v>602</v>
      </c>
      <c r="B132882" s="14" t="s">
        <v>1</v>
      </c>
      <c r="C132882" s="14" t="s">
        <v>596</v>
      </c>
      <c r="D132882" s="14" t="s">
        <v>31</v>
      </c>
      <c r="E132882" s="15">
        <v>45398</v>
      </c>
      <c r="F132882" s="14" t="s">
        <v>15</v>
      </c>
      <c r="G132882" s="16">
        <v>0</v>
      </c>
    </row>
    <row r="132883" spans="1:7" x14ac:dyDescent="0.3">
      <c r="A132883" s="13" t="s">
        <v>602</v>
      </c>
      <c r="B132883" s="14" t="s">
        <v>1</v>
      </c>
      <c r="C132883" s="14" t="s">
        <v>596</v>
      </c>
      <c r="D132883" s="14" t="s">
        <v>31</v>
      </c>
      <c r="E132883" s="15">
        <v>45399</v>
      </c>
      <c r="F132883" s="14" t="s">
        <v>15</v>
      </c>
      <c r="G132883" s="16">
        <v>0</v>
      </c>
    </row>
    <row r="132884" spans="1:7" x14ac:dyDescent="0.3">
      <c r="A132884" s="13" t="s">
        <v>602</v>
      </c>
      <c r="B132884" s="14" t="s">
        <v>1</v>
      </c>
      <c r="C132884" s="14" t="s">
        <v>596</v>
      </c>
      <c r="D132884" s="14" t="s">
        <v>31</v>
      </c>
      <c r="E132884" s="15">
        <v>45400</v>
      </c>
      <c r="F132884" s="14" t="s">
        <v>15</v>
      </c>
      <c r="G132884" s="16">
        <v>0</v>
      </c>
    </row>
    <row r="132885" spans="1:7" x14ac:dyDescent="0.3">
      <c r="A132885" s="13" t="s">
        <v>602</v>
      </c>
      <c r="B132885" s="14" t="s">
        <v>1</v>
      </c>
      <c r="C132885" s="14" t="s">
        <v>596</v>
      </c>
      <c r="D132885" s="14" t="s">
        <v>31</v>
      </c>
      <c r="E132885" s="15">
        <v>45401</v>
      </c>
      <c r="F132885" s="14" t="s">
        <v>15</v>
      </c>
      <c r="G132885" s="16">
        <v>0</v>
      </c>
    </row>
    <row r="132886" spans="1:7" x14ac:dyDescent="0.3">
      <c r="A132886" s="13" t="s">
        <v>602</v>
      </c>
      <c r="B132886" s="14" t="s">
        <v>1</v>
      </c>
      <c r="C132886" s="14" t="s">
        <v>596</v>
      </c>
      <c r="D132886" s="14" t="s">
        <v>31</v>
      </c>
      <c r="E132886" s="15">
        <v>45402</v>
      </c>
      <c r="F132886" s="14" t="s">
        <v>15</v>
      </c>
      <c r="G132886" s="16">
        <v>0</v>
      </c>
    </row>
    <row r="132887" spans="1:7" x14ac:dyDescent="0.3">
      <c r="A132887" s="13" t="s">
        <v>602</v>
      </c>
      <c r="B132887" s="14" t="s">
        <v>1</v>
      </c>
      <c r="C132887" s="14" t="s">
        <v>596</v>
      </c>
      <c r="D132887" s="14" t="s">
        <v>31</v>
      </c>
      <c r="E132887" s="15">
        <v>45403</v>
      </c>
      <c r="F132887" s="14" t="s">
        <v>15</v>
      </c>
      <c r="G132887" s="16">
        <v>0</v>
      </c>
    </row>
    <row r="132888" spans="1:7" x14ac:dyDescent="0.3">
      <c r="A132888" s="13" t="s">
        <v>602</v>
      </c>
      <c r="B132888" s="14" t="s">
        <v>1</v>
      </c>
      <c r="C132888" s="14" t="s">
        <v>596</v>
      </c>
      <c r="D132888" s="14" t="s">
        <v>31</v>
      </c>
      <c r="E132888" s="15">
        <v>45404</v>
      </c>
      <c r="F132888" s="14" t="s">
        <v>15</v>
      </c>
      <c r="G132888" s="16">
        <v>0</v>
      </c>
    </row>
    <row r="132889" spans="1:7" x14ac:dyDescent="0.3">
      <c r="A132889" s="13" t="s">
        <v>602</v>
      </c>
      <c r="B132889" s="14" t="s">
        <v>1</v>
      </c>
      <c r="C132889" s="14" t="s">
        <v>596</v>
      </c>
      <c r="D132889" s="14" t="s">
        <v>31</v>
      </c>
      <c r="E132889" s="15">
        <v>45405</v>
      </c>
      <c r="F132889" s="14" t="s">
        <v>15</v>
      </c>
      <c r="G132889" s="16">
        <v>0</v>
      </c>
    </row>
    <row r="132890" spans="1:7" x14ac:dyDescent="0.3">
      <c r="A132890" s="13" t="s">
        <v>602</v>
      </c>
      <c r="B132890" s="14" t="s">
        <v>1</v>
      </c>
      <c r="C132890" s="14" t="s">
        <v>596</v>
      </c>
      <c r="D132890" s="14" t="s">
        <v>31</v>
      </c>
      <c r="E132890" s="15">
        <v>45406</v>
      </c>
      <c r="F132890" s="14" t="s">
        <v>15</v>
      </c>
      <c r="G132890" s="16">
        <v>0</v>
      </c>
    </row>
    <row r="132891" spans="1:7" x14ac:dyDescent="0.3">
      <c r="A132891" s="13" t="s">
        <v>602</v>
      </c>
      <c r="B132891" s="14" t="s">
        <v>1</v>
      </c>
      <c r="C132891" s="14" t="s">
        <v>596</v>
      </c>
      <c r="D132891" s="14" t="s">
        <v>31</v>
      </c>
      <c r="E132891" s="15">
        <v>45407</v>
      </c>
      <c r="F132891" s="14" t="s">
        <v>15</v>
      </c>
      <c r="G132891" s="16">
        <v>0</v>
      </c>
    </row>
    <row r="132892" spans="1:7" x14ac:dyDescent="0.3">
      <c r="A132892" s="13" t="s">
        <v>602</v>
      </c>
      <c r="B132892" s="14" t="s">
        <v>1</v>
      </c>
      <c r="C132892" s="14" t="s">
        <v>596</v>
      </c>
      <c r="D132892" s="14" t="s">
        <v>31</v>
      </c>
      <c r="E132892" s="15">
        <v>45408</v>
      </c>
      <c r="F132892" s="14" t="s">
        <v>15</v>
      </c>
      <c r="G132892" s="16">
        <v>0</v>
      </c>
    </row>
    <row r="132893" spans="1:7" x14ac:dyDescent="0.3">
      <c r="A132893" s="13" t="s">
        <v>602</v>
      </c>
      <c r="B132893" s="14" t="s">
        <v>1</v>
      </c>
      <c r="C132893" s="14" t="s">
        <v>596</v>
      </c>
      <c r="D132893" s="14" t="s">
        <v>31</v>
      </c>
      <c r="E132893" s="15">
        <v>45409</v>
      </c>
      <c r="F132893" s="14" t="s">
        <v>15</v>
      </c>
      <c r="G132893" s="16">
        <v>0</v>
      </c>
    </row>
    <row r="132894" spans="1:7" x14ac:dyDescent="0.3">
      <c r="A132894" s="13" t="s">
        <v>602</v>
      </c>
      <c r="B132894" s="14" t="s">
        <v>1</v>
      </c>
      <c r="C132894" s="14" t="s">
        <v>596</v>
      </c>
      <c r="D132894" s="14" t="s">
        <v>31</v>
      </c>
      <c r="E132894" s="15">
        <v>45410</v>
      </c>
      <c r="F132894" s="14" t="s">
        <v>15</v>
      </c>
      <c r="G132894" s="16">
        <v>0</v>
      </c>
    </row>
    <row r="132895" spans="1:7" x14ac:dyDescent="0.3">
      <c r="A132895" s="13" t="s">
        <v>602</v>
      </c>
      <c r="B132895" s="14" t="s">
        <v>1</v>
      </c>
      <c r="C132895" s="14" t="s">
        <v>596</v>
      </c>
      <c r="D132895" s="14" t="s">
        <v>31</v>
      </c>
      <c r="E132895" s="15">
        <v>45411</v>
      </c>
      <c r="F132895" s="14" t="s">
        <v>15</v>
      </c>
      <c r="G132895" s="16">
        <v>0</v>
      </c>
    </row>
    <row r="132896" spans="1:7" x14ac:dyDescent="0.3">
      <c r="A132896" s="13" t="s">
        <v>602</v>
      </c>
      <c r="B132896" s="14" t="s">
        <v>1</v>
      </c>
      <c r="C132896" s="14" t="s">
        <v>596</v>
      </c>
      <c r="D132896" s="14" t="s">
        <v>31</v>
      </c>
      <c r="E132896" s="15">
        <v>45412</v>
      </c>
      <c r="F132896" s="14" t="s">
        <v>15</v>
      </c>
      <c r="G132896" s="16">
        <v>0</v>
      </c>
    </row>
    <row r="132897" spans="1:7" x14ac:dyDescent="0.3">
      <c r="A132897" s="13" t="s">
        <v>602</v>
      </c>
      <c r="B132897" s="14" t="s">
        <v>1</v>
      </c>
      <c r="C132897" s="14" t="s">
        <v>596</v>
      </c>
      <c r="D132897" s="14" t="s">
        <v>31</v>
      </c>
      <c r="E132897" s="15">
        <v>45413</v>
      </c>
      <c r="F132897" s="14" t="s">
        <v>15</v>
      </c>
      <c r="G132897" s="16">
        <v>0</v>
      </c>
    </row>
    <row r="132898" spans="1:7" x14ac:dyDescent="0.3">
      <c r="A132898" s="13" t="s">
        <v>602</v>
      </c>
      <c r="B132898" s="14" t="s">
        <v>1</v>
      </c>
      <c r="C132898" s="14" t="s">
        <v>596</v>
      </c>
      <c r="D132898" s="14" t="s">
        <v>31</v>
      </c>
      <c r="E132898" s="15">
        <v>45414</v>
      </c>
      <c r="F132898" s="14" t="s">
        <v>15</v>
      </c>
      <c r="G132898" s="16">
        <v>0</v>
      </c>
    </row>
    <row r="132899" spans="1:7" x14ac:dyDescent="0.3">
      <c r="A132899" s="13" t="s">
        <v>602</v>
      </c>
      <c r="B132899" s="14" t="s">
        <v>1</v>
      </c>
      <c r="C132899" s="14" t="s">
        <v>596</v>
      </c>
      <c r="D132899" s="14" t="s">
        <v>31</v>
      </c>
      <c r="E132899" s="15">
        <v>45415</v>
      </c>
      <c r="F132899" s="14" t="s">
        <v>15</v>
      </c>
      <c r="G132899" s="16">
        <v>0</v>
      </c>
    </row>
    <row r="132900" spans="1:7" x14ac:dyDescent="0.3">
      <c r="A132900" s="13" t="s">
        <v>602</v>
      </c>
      <c r="B132900" s="14" t="s">
        <v>1</v>
      </c>
      <c r="C132900" s="14" t="s">
        <v>596</v>
      </c>
      <c r="D132900" s="14" t="s">
        <v>31</v>
      </c>
      <c r="E132900" s="15">
        <v>45416</v>
      </c>
      <c r="F132900" s="14" t="s">
        <v>15</v>
      </c>
      <c r="G132900" s="16">
        <v>0</v>
      </c>
    </row>
    <row r="132901" spans="1:7" x14ac:dyDescent="0.3">
      <c r="A132901" s="13" t="s">
        <v>602</v>
      </c>
      <c r="B132901" s="14" t="s">
        <v>1</v>
      </c>
      <c r="C132901" s="14" t="s">
        <v>596</v>
      </c>
      <c r="D132901" s="14" t="s">
        <v>31</v>
      </c>
      <c r="E132901" s="15">
        <v>45417</v>
      </c>
      <c r="F132901" s="14" t="s">
        <v>15</v>
      </c>
      <c r="G132901" s="16">
        <v>0</v>
      </c>
    </row>
    <row r="132902" spans="1:7" x14ac:dyDescent="0.3">
      <c r="A132902" s="13" t="s">
        <v>602</v>
      </c>
      <c r="B132902" s="14" t="s">
        <v>1</v>
      </c>
      <c r="C132902" s="14" t="s">
        <v>596</v>
      </c>
      <c r="D132902" s="14" t="s">
        <v>31</v>
      </c>
      <c r="E132902" s="15">
        <v>45418</v>
      </c>
      <c r="F132902" s="14" t="s">
        <v>15</v>
      </c>
      <c r="G132902" s="16">
        <v>0</v>
      </c>
    </row>
    <row r="132903" spans="1:7" x14ac:dyDescent="0.3">
      <c r="A132903" s="13" t="s">
        <v>602</v>
      </c>
      <c r="B132903" s="14" t="s">
        <v>1</v>
      </c>
      <c r="C132903" s="14" t="s">
        <v>596</v>
      </c>
      <c r="D132903" s="14" t="s">
        <v>31</v>
      </c>
      <c r="E132903" s="15">
        <v>45419</v>
      </c>
      <c r="F132903" s="14" t="s">
        <v>15</v>
      </c>
      <c r="G132903" s="16">
        <v>0</v>
      </c>
    </row>
    <row r="132904" spans="1:7" x14ac:dyDescent="0.3">
      <c r="A132904" s="13" t="s">
        <v>602</v>
      </c>
      <c r="B132904" s="14" t="s">
        <v>1</v>
      </c>
      <c r="C132904" s="14" t="s">
        <v>596</v>
      </c>
      <c r="D132904" s="14" t="s">
        <v>31</v>
      </c>
      <c r="E132904" s="15">
        <v>45420</v>
      </c>
      <c r="F132904" s="14" t="s">
        <v>15</v>
      </c>
      <c r="G132904" s="16">
        <v>0</v>
      </c>
    </row>
    <row r="132905" spans="1:7" x14ac:dyDescent="0.3">
      <c r="A132905" s="13" t="s">
        <v>602</v>
      </c>
      <c r="B132905" s="14" t="s">
        <v>1</v>
      </c>
      <c r="C132905" s="14" t="s">
        <v>596</v>
      </c>
      <c r="D132905" s="14" t="s">
        <v>31</v>
      </c>
      <c r="E132905" s="15">
        <v>45421</v>
      </c>
      <c r="F132905" s="14" t="s">
        <v>15</v>
      </c>
      <c r="G132905" s="16">
        <v>0</v>
      </c>
    </row>
    <row r="132906" spans="1:7" x14ac:dyDescent="0.3">
      <c r="A132906" s="13" t="s">
        <v>602</v>
      </c>
      <c r="B132906" s="14" t="s">
        <v>1</v>
      </c>
      <c r="C132906" s="14" t="s">
        <v>596</v>
      </c>
      <c r="D132906" s="14" t="s">
        <v>31</v>
      </c>
      <c r="E132906" s="15">
        <v>45422</v>
      </c>
      <c r="F132906" s="14" t="s">
        <v>15</v>
      </c>
      <c r="G132906" s="16">
        <v>0</v>
      </c>
    </row>
    <row r="132907" spans="1:7" x14ac:dyDescent="0.3">
      <c r="A132907" s="13" t="s">
        <v>602</v>
      </c>
      <c r="B132907" s="14" t="s">
        <v>1</v>
      </c>
      <c r="C132907" s="14" t="s">
        <v>596</v>
      </c>
      <c r="D132907" s="14" t="s">
        <v>31</v>
      </c>
      <c r="E132907" s="15">
        <v>45423</v>
      </c>
      <c r="F132907" s="14" t="s">
        <v>15</v>
      </c>
      <c r="G132907" s="16">
        <v>0</v>
      </c>
    </row>
    <row r="132908" spans="1:7" x14ac:dyDescent="0.3">
      <c r="A132908" s="13" t="s">
        <v>602</v>
      </c>
      <c r="B132908" s="14" t="s">
        <v>1</v>
      </c>
      <c r="C132908" s="14" t="s">
        <v>596</v>
      </c>
      <c r="D132908" s="14" t="s">
        <v>31</v>
      </c>
      <c r="E132908" s="15">
        <v>45424</v>
      </c>
      <c r="F132908" s="14" t="s">
        <v>15</v>
      </c>
      <c r="G132908" s="16">
        <v>0</v>
      </c>
    </row>
    <row r="132909" spans="1:7" x14ac:dyDescent="0.3">
      <c r="A132909" s="13" t="s">
        <v>602</v>
      </c>
      <c r="B132909" s="14" t="s">
        <v>1</v>
      </c>
      <c r="C132909" s="14" t="s">
        <v>596</v>
      </c>
      <c r="D132909" s="14" t="s">
        <v>31</v>
      </c>
      <c r="E132909" s="15">
        <v>45425</v>
      </c>
      <c r="F132909" s="14" t="s">
        <v>15</v>
      </c>
      <c r="G132909" s="16">
        <v>0</v>
      </c>
    </row>
    <row r="132910" spans="1:7" x14ac:dyDescent="0.3">
      <c r="A132910" s="13" t="s">
        <v>602</v>
      </c>
      <c r="B132910" s="14" t="s">
        <v>1</v>
      </c>
      <c r="C132910" s="14" t="s">
        <v>596</v>
      </c>
      <c r="D132910" s="14" t="s">
        <v>31</v>
      </c>
      <c r="E132910" s="15">
        <v>45426</v>
      </c>
      <c r="F132910" s="14" t="s">
        <v>15</v>
      </c>
      <c r="G132910" s="16">
        <v>0</v>
      </c>
    </row>
    <row r="132911" spans="1:7" x14ac:dyDescent="0.3">
      <c r="A132911" s="13" t="s">
        <v>602</v>
      </c>
      <c r="B132911" s="14" t="s">
        <v>1</v>
      </c>
      <c r="C132911" s="14" t="s">
        <v>596</v>
      </c>
      <c r="D132911" s="14" t="s">
        <v>31</v>
      </c>
      <c r="E132911" s="15">
        <v>45427</v>
      </c>
      <c r="F132911" s="14" t="s">
        <v>15</v>
      </c>
      <c r="G132911" s="16">
        <v>0</v>
      </c>
    </row>
    <row r="132912" spans="1:7" x14ac:dyDescent="0.3">
      <c r="A132912" s="13" t="s">
        <v>602</v>
      </c>
      <c r="B132912" s="14" t="s">
        <v>1</v>
      </c>
      <c r="C132912" s="14" t="s">
        <v>596</v>
      </c>
      <c r="D132912" s="14" t="s">
        <v>31</v>
      </c>
      <c r="E132912" s="15">
        <v>45428</v>
      </c>
      <c r="F132912" s="14" t="s">
        <v>15</v>
      </c>
      <c r="G132912" s="16">
        <v>0</v>
      </c>
    </row>
    <row r="132913" spans="1:7" x14ac:dyDescent="0.3">
      <c r="A132913" s="13" t="s">
        <v>602</v>
      </c>
      <c r="B132913" s="14" t="s">
        <v>1</v>
      </c>
      <c r="C132913" s="14" t="s">
        <v>596</v>
      </c>
      <c r="D132913" s="14" t="s">
        <v>31</v>
      </c>
      <c r="E132913" s="15">
        <v>45429</v>
      </c>
      <c r="F132913" s="14" t="s">
        <v>15</v>
      </c>
      <c r="G132913" s="16">
        <v>0</v>
      </c>
    </row>
    <row r="132914" spans="1:7" x14ac:dyDescent="0.3">
      <c r="A132914" s="13" t="s">
        <v>602</v>
      </c>
      <c r="B132914" s="14" t="s">
        <v>1</v>
      </c>
      <c r="C132914" s="14" t="s">
        <v>596</v>
      </c>
      <c r="D132914" s="14" t="s">
        <v>31</v>
      </c>
      <c r="E132914" s="15">
        <v>45430</v>
      </c>
      <c r="F132914" s="14" t="s">
        <v>15</v>
      </c>
      <c r="G132914" s="16">
        <v>0</v>
      </c>
    </row>
    <row r="132915" spans="1:7" x14ac:dyDescent="0.3">
      <c r="A132915" s="13" t="s">
        <v>602</v>
      </c>
      <c r="B132915" s="14" t="s">
        <v>1</v>
      </c>
      <c r="C132915" s="14" t="s">
        <v>596</v>
      </c>
      <c r="D132915" s="14" t="s">
        <v>31</v>
      </c>
      <c r="E132915" s="15">
        <v>45431</v>
      </c>
      <c r="F132915" s="14" t="s">
        <v>15</v>
      </c>
      <c r="G132915" s="16">
        <v>0</v>
      </c>
    </row>
    <row r="132916" spans="1:7" x14ac:dyDescent="0.3">
      <c r="A132916" s="13" t="s">
        <v>602</v>
      </c>
      <c r="B132916" s="14" t="s">
        <v>1</v>
      </c>
      <c r="C132916" s="14" t="s">
        <v>596</v>
      </c>
      <c r="D132916" s="14" t="s">
        <v>31</v>
      </c>
      <c r="E132916" s="15">
        <v>45432</v>
      </c>
      <c r="F132916" s="14" t="s">
        <v>15</v>
      </c>
      <c r="G132916" s="16">
        <v>0</v>
      </c>
    </row>
    <row r="132917" spans="1:7" x14ac:dyDescent="0.3">
      <c r="A132917" s="13" t="s">
        <v>602</v>
      </c>
      <c r="B132917" s="14" t="s">
        <v>1</v>
      </c>
      <c r="C132917" s="14" t="s">
        <v>596</v>
      </c>
      <c r="D132917" s="14" t="s">
        <v>31</v>
      </c>
      <c r="E132917" s="15">
        <v>45433</v>
      </c>
      <c r="F132917" s="14" t="s">
        <v>15</v>
      </c>
      <c r="G132917" s="16">
        <v>0</v>
      </c>
    </row>
    <row r="132918" spans="1:7" x14ac:dyDescent="0.3">
      <c r="A132918" s="13" t="s">
        <v>602</v>
      </c>
      <c r="B132918" s="14" t="s">
        <v>1</v>
      </c>
      <c r="C132918" s="14" t="s">
        <v>596</v>
      </c>
      <c r="D132918" s="14" t="s">
        <v>31</v>
      </c>
      <c r="E132918" s="15">
        <v>45434</v>
      </c>
      <c r="F132918" s="14" t="s">
        <v>15</v>
      </c>
      <c r="G132918" s="16">
        <v>0</v>
      </c>
    </row>
    <row r="132919" spans="1:7" x14ac:dyDescent="0.3">
      <c r="A132919" s="13" t="s">
        <v>602</v>
      </c>
      <c r="B132919" s="14" t="s">
        <v>1</v>
      </c>
      <c r="C132919" s="14" t="s">
        <v>596</v>
      </c>
      <c r="D132919" s="14" t="s">
        <v>31</v>
      </c>
      <c r="E132919" s="15">
        <v>45435</v>
      </c>
      <c r="F132919" s="14" t="s">
        <v>15</v>
      </c>
      <c r="G132919" s="16">
        <v>0</v>
      </c>
    </row>
    <row r="132920" spans="1:7" x14ac:dyDescent="0.3">
      <c r="A132920" s="13" t="s">
        <v>602</v>
      </c>
      <c r="B132920" s="14" t="s">
        <v>1</v>
      </c>
      <c r="C132920" s="14" t="s">
        <v>596</v>
      </c>
      <c r="D132920" s="14" t="s">
        <v>31</v>
      </c>
      <c r="E132920" s="15">
        <v>45436</v>
      </c>
      <c r="F132920" s="14" t="s">
        <v>15</v>
      </c>
      <c r="G132920" s="16">
        <v>0</v>
      </c>
    </row>
    <row r="132921" spans="1:7" x14ac:dyDescent="0.3">
      <c r="A132921" s="13" t="s">
        <v>602</v>
      </c>
      <c r="B132921" s="14" t="s">
        <v>1</v>
      </c>
      <c r="C132921" s="14" t="s">
        <v>596</v>
      </c>
      <c r="D132921" s="14" t="s">
        <v>31</v>
      </c>
      <c r="E132921" s="15">
        <v>45437</v>
      </c>
      <c r="F132921" s="14" t="s">
        <v>15</v>
      </c>
      <c r="G132921" s="16">
        <v>0</v>
      </c>
    </row>
    <row r="132922" spans="1:7" x14ac:dyDescent="0.3">
      <c r="A132922" s="13" t="s">
        <v>602</v>
      </c>
      <c r="B132922" s="14" t="s">
        <v>1</v>
      </c>
      <c r="C132922" s="14" t="s">
        <v>596</v>
      </c>
      <c r="D132922" s="14" t="s">
        <v>31</v>
      </c>
      <c r="E132922" s="15">
        <v>45438</v>
      </c>
      <c r="F132922" s="14" t="s">
        <v>15</v>
      </c>
      <c r="G132922" s="16">
        <v>0</v>
      </c>
    </row>
    <row r="132923" spans="1:7" x14ac:dyDescent="0.3">
      <c r="A132923" s="13" t="s">
        <v>602</v>
      </c>
      <c r="B132923" s="14" t="s">
        <v>1</v>
      </c>
      <c r="C132923" s="14" t="s">
        <v>596</v>
      </c>
      <c r="D132923" s="14" t="s">
        <v>31</v>
      </c>
      <c r="E132923" s="15">
        <v>45439</v>
      </c>
      <c r="F132923" s="14" t="s">
        <v>15</v>
      </c>
      <c r="G132923" s="16">
        <v>0</v>
      </c>
    </row>
    <row r="132924" spans="1:7" x14ac:dyDescent="0.3">
      <c r="A132924" s="13" t="s">
        <v>602</v>
      </c>
      <c r="B132924" s="14" t="s">
        <v>1</v>
      </c>
      <c r="C132924" s="14" t="s">
        <v>596</v>
      </c>
      <c r="D132924" s="14" t="s">
        <v>31</v>
      </c>
      <c r="E132924" s="15">
        <v>45440</v>
      </c>
      <c r="F132924" s="14" t="s">
        <v>15</v>
      </c>
      <c r="G132924" s="16">
        <v>0</v>
      </c>
    </row>
    <row r="132925" spans="1:7" x14ac:dyDescent="0.3">
      <c r="A132925" s="13" t="s">
        <v>602</v>
      </c>
      <c r="B132925" s="14" t="s">
        <v>1</v>
      </c>
      <c r="C132925" s="14" t="s">
        <v>596</v>
      </c>
      <c r="D132925" s="14" t="s">
        <v>31</v>
      </c>
      <c r="E132925" s="15">
        <v>45441</v>
      </c>
      <c r="F132925" s="14" t="s">
        <v>15</v>
      </c>
      <c r="G132925" s="16">
        <v>0</v>
      </c>
    </row>
    <row r="132926" spans="1:7" x14ac:dyDescent="0.3">
      <c r="A132926" s="13" t="s">
        <v>602</v>
      </c>
      <c r="B132926" s="14" t="s">
        <v>1</v>
      </c>
      <c r="C132926" s="14" t="s">
        <v>596</v>
      </c>
      <c r="D132926" s="14" t="s">
        <v>31</v>
      </c>
      <c r="E132926" s="15">
        <v>45442</v>
      </c>
      <c r="F132926" s="14" t="s">
        <v>15</v>
      </c>
      <c r="G132926" s="16">
        <v>0</v>
      </c>
    </row>
    <row r="132927" spans="1:7" x14ac:dyDescent="0.3">
      <c r="A132927" s="13" t="s">
        <v>602</v>
      </c>
      <c r="B132927" s="14" t="s">
        <v>1</v>
      </c>
      <c r="C132927" s="14" t="s">
        <v>596</v>
      </c>
      <c r="D132927" s="14" t="s">
        <v>31</v>
      </c>
      <c r="E132927" s="15">
        <v>45443</v>
      </c>
      <c r="F132927" s="14" t="s">
        <v>15</v>
      </c>
      <c r="G132927" s="16">
        <v>0</v>
      </c>
    </row>
    <row r="132928" spans="1:7" x14ac:dyDescent="0.3">
      <c r="A132928" s="13" t="s">
        <v>602</v>
      </c>
      <c r="B132928" s="14" t="s">
        <v>1</v>
      </c>
      <c r="C132928" s="14" t="s">
        <v>596</v>
      </c>
      <c r="D132928" s="14" t="s">
        <v>31</v>
      </c>
      <c r="E132928" s="15">
        <v>45444</v>
      </c>
      <c r="F132928" s="14" t="s">
        <v>15</v>
      </c>
      <c r="G132928" s="16">
        <v>0</v>
      </c>
    </row>
    <row r="132929" spans="1:7" x14ac:dyDescent="0.3">
      <c r="A132929" s="13" t="s">
        <v>602</v>
      </c>
      <c r="B132929" s="14" t="s">
        <v>1</v>
      </c>
      <c r="C132929" s="14" t="s">
        <v>596</v>
      </c>
      <c r="D132929" s="14" t="s">
        <v>31</v>
      </c>
      <c r="E132929" s="15">
        <v>45445</v>
      </c>
      <c r="F132929" s="14" t="s">
        <v>15</v>
      </c>
      <c r="G132929" s="16">
        <v>0</v>
      </c>
    </row>
    <row r="132930" spans="1:7" x14ac:dyDescent="0.3">
      <c r="A132930" s="13" t="s">
        <v>602</v>
      </c>
      <c r="B132930" s="14" t="s">
        <v>1</v>
      </c>
      <c r="C132930" s="14" t="s">
        <v>596</v>
      </c>
      <c r="D132930" s="14" t="s">
        <v>31</v>
      </c>
      <c r="E132930" s="15">
        <v>45446</v>
      </c>
      <c r="F132930" s="14" t="s">
        <v>15</v>
      </c>
      <c r="G132930" s="16">
        <v>0</v>
      </c>
    </row>
    <row r="132931" spans="1:7" x14ac:dyDescent="0.3">
      <c r="A132931" s="13" t="s">
        <v>602</v>
      </c>
      <c r="B132931" s="14" t="s">
        <v>1</v>
      </c>
      <c r="C132931" s="14" t="s">
        <v>596</v>
      </c>
      <c r="D132931" s="14" t="s">
        <v>31</v>
      </c>
      <c r="E132931" s="15">
        <v>45447</v>
      </c>
      <c r="F132931" s="14" t="s">
        <v>15</v>
      </c>
      <c r="G132931" s="16">
        <v>0</v>
      </c>
    </row>
    <row r="132932" spans="1:7" x14ac:dyDescent="0.3">
      <c r="A132932" s="13" t="s">
        <v>602</v>
      </c>
      <c r="B132932" s="14" t="s">
        <v>1</v>
      </c>
      <c r="C132932" s="14" t="s">
        <v>596</v>
      </c>
      <c r="D132932" s="14" t="s">
        <v>31</v>
      </c>
      <c r="E132932" s="15">
        <v>45448</v>
      </c>
      <c r="F132932" s="14" t="s">
        <v>15</v>
      </c>
      <c r="G132932" s="16">
        <v>0</v>
      </c>
    </row>
    <row r="132933" spans="1:7" x14ac:dyDescent="0.3">
      <c r="A132933" s="13" t="s">
        <v>602</v>
      </c>
      <c r="B132933" s="14" t="s">
        <v>1</v>
      </c>
      <c r="C132933" s="14" t="s">
        <v>596</v>
      </c>
      <c r="D132933" s="14" t="s">
        <v>31</v>
      </c>
      <c r="E132933" s="15">
        <v>45449</v>
      </c>
      <c r="F132933" s="14" t="s">
        <v>15</v>
      </c>
      <c r="G132933" s="16">
        <v>0</v>
      </c>
    </row>
    <row r="132934" spans="1:7" x14ac:dyDescent="0.3">
      <c r="A132934" s="13" t="s">
        <v>602</v>
      </c>
      <c r="B132934" s="14" t="s">
        <v>1</v>
      </c>
      <c r="C132934" s="14" t="s">
        <v>596</v>
      </c>
      <c r="D132934" s="14" t="s">
        <v>31</v>
      </c>
      <c r="E132934" s="15">
        <v>45450</v>
      </c>
      <c r="F132934" s="14" t="s">
        <v>15</v>
      </c>
      <c r="G132934" s="16">
        <v>0</v>
      </c>
    </row>
    <row r="132935" spans="1:7" x14ac:dyDescent="0.3">
      <c r="A132935" s="13" t="s">
        <v>602</v>
      </c>
      <c r="B132935" s="14" t="s">
        <v>1</v>
      </c>
      <c r="C132935" s="14" t="s">
        <v>596</v>
      </c>
      <c r="D132935" s="14" t="s">
        <v>31</v>
      </c>
      <c r="E132935" s="15">
        <v>45451</v>
      </c>
      <c r="F132935" s="14" t="s">
        <v>15</v>
      </c>
      <c r="G132935" s="16">
        <v>0</v>
      </c>
    </row>
    <row r="132936" spans="1:7" x14ac:dyDescent="0.3">
      <c r="A132936" s="13" t="s">
        <v>602</v>
      </c>
      <c r="B132936" s="14" t="s">
        <v>1</v>
      </c>
      <c r="C132936" s="14" t="s">
        <v>596</v>
      </c>
      <c r="D132936" s="14" t="s">
        <v>31</v>
      </c>
      <c r="E132936" s="15">
        <v>45452</v>
      </c>
      <c r="F132936" s="14" t="s">
        <v>15</v>
      </c>
      <c r="G132936" s="16">
        <v>0</v>
      </c>
    </row>
    <row r="132937" spans="1:7" x14ac:dyDescent="0.3">
      <c r="A132937" s="13" t="s">
        <v>602</v>
      </c>
      <c r="B132937" s="14" t="s">
        <v>1</v>
      </c>
      <c r="C132937" s="14" t="s">
        <v>596</v>
      </c>
      <c r="D132937" s="14" t="s">
        <v>31</v>
      </c>
      <c r="E132937" s="15">
        <v>45453</v>
      </c>
      <c r="F132937" s="14" t="s">
        <v>15</v>
      </c>
      <c r="G132937" s="16">
        <v>0</v>
      </c>
    </row>
    <row r="132938" spans="1:7" x14ac:dyDescent="0.3">
      <c r="A132938" s="13" t="s">
        <v>602</v>
      </c>
      <c r="B132938" s="14" t="s">
        <v>1</v>
      </c>
      <c r="C132938" s="14" t="s">
        <v>596</v>
      </c>
      <c r="D132938" s="14" t="s">
        <v>31</v>
      </c>
      <c r="E132938" s="15">
        <v>45454</v>
      </c>
      <c r="F132938" s="14" t="s">
        <v>15</v>
      </c>
      <c r="G132938" s="16">
        <v>0</v>
      </c>
    </row>
    <row r="132939" spans="1:7" x14ac:dyDescent="0.3">
      <c r="A132939" s="13" t="s">
        <v>602</v>
      </c>
      <c r="B132939" s="14" t="s">
        <v>1</v>
      </c>
      <c r="C132939" s="14" t="s">
        <v>596</v>
      </c>
      <c r="D132939" s="14" t="s">
        <v>31</v>
      </c>
      <c r="E132939" s="15">
        <v>45455</v>
      </c>
      <c r="F132939" s="14" t="s">
        <v>15</v>
      </c>
      <c r="G132939" s="16">
        <v>0</v>
      </c>
    </row>
    <row r="132940" spans="1:7" x14ac:dyDescent="0.3">
      <c r="A132940" s="13" t="s">
        <v>602</v>
      </c>
      <c r="B132940" s="14" t="s">
        <v>1</v>
      </c>
      <c r="C132940" s="14" t="s">
        <v>596</v>
      </c>
      <c r="D132940" s="14" t="s">
        <v>31</v>
      </c>
      <c r="E132940" s="15">
        <v>45456</v>
      </c>
      <c r="F132940" s="14" t="s">
        <v>15</v>
      </c>
      <c r="G132940" s="16">
        <v>0</v>
      </c>
    </row>
    <row r="132941" spans="1:7" x14ac:dyDescent="0.3">
      <c r="A132941" s="13" t="s">
        <v>602</v>
      </c>
      <c r="B132941" s="14" t="s">
        <v>1</v>
      </c>
      <c r="C132941" s="14" t="s">
        <v>596</v>
      </c>
      <c r="D132941" s="14" t="s">
        <v>31</v>
      </c>
      <c r="E132941" s="15">
        <v>45457</v>
      </c>
      <c r="F132941" s="14" t="s">
        <v>15</v>
      </c>
      <c r="G132941" s="16">
        <v>0</v>
      </c>
    </row>
    <row r="132942" spans="1:7" x14ac:dyDescent="0.3">
      <c r="A132942" s="13" t="s">
        <v>602</v>
      </c>
      <c r="B132942" s="14" t="s">
        <v>1</v>
      </c>
      <c r="C132942" s="14" t="s">
        <v>596</v>
      </c>
      <c r="D132942" s="14" t="s">
        <v>31</v>
      </c>
      <c r="E132942" s="15">
        <v>45458</v>
      </c>
      <c r="F132942" s="14" t="s">
        <v>15</v>
      </c>
      <c r="G132942" s="16">
        <v>0</v>
      </c>
    </row>
    <row r="132943" spans="1:7" x14ac:dyDescent="0.3">
      <c r="A132943" s="13" t="s">
        <v>602</v>
      </c>
      <c r="B132943" s="14" t="s">
        <v>1</v>
      </c>
      <c r="C132943" s="14" t="s">
        <v>596</v>
      </c>
      <c r="D132943" s="14" t="s">
        <v>31</v>
      </c>
      <c r="E132943" s="15">
        <v>45459</v>
      </c>
      <c r="F132943" s="14" t="s">
        <v>15</v>
      </c>
      <c r="G132943" s="16">
        <v>0</v>
      </c>
    </row>
    <row r="132944" spans="1:7" x14ac:dyDescent="0.3">
      <c r="A132944" s="13" t="s">
        <v>602</v>
      </c>
      <c r="B132944" s="14" t="s">
        <v>1</v>
      </c>
      <c r="C132944" s="14" t="s">
        <v>596</v>
      </c>
      <c r="D132944" s="14" t="s">
        <v>31</v>
      </c>
      <c r="E132944" s="15">
        <v>45460</v>
      </c>
      <c r="F132944" s="14" t="s">
        <v>15</v>
      </c>
      <c r="G132944" s="16">
        <v>0</v>
      </c>
    </row>
    <row r="132945" spans="1:7" x14ac:dyDescent="0.3">
      <c r="A132945" s="13" t="s">
        <v>602</v>
      </c>
      <c r="B132945" s="14" t="s">
        <v>1</v>
      </c>
      <c r="C132945" s="14" t="s">
        <v>596</v>
      </c>
      <c r="D132945" s="14" t="s">
        <v>31</v>
      </c>
      <c r="E132945" s="15">
        <v>45461</v>
      </c>
      <c r="F132945" s="14" t="s">
        <v>15</v>
      </c>
      <c r="G132945" s="16">
        <v>0</v>
      </c>
    </row>
    <row r="132946" spans="1:7" x14ac:dyDescent="0.3">
      <c r="A132946" s="13" t="s">
        <v>602</v>
      </c>
      <c r="B132946" s="14" t="s">
        <v>1</v>
      </c>
      <c r="C132946" s="14" t="s">
        <v>596</v>
      </c>
      <c r="D132946" s="14" t="s">
        <v>31</v>
      </c>
      <c r="E132946" s="15">
        <v>45462</v>
      </c>
      <c r="F132946" s="14" t="s">
        <v>15</v>
      </c>
      <c r="G132946" s="16">
        <v>0</v>
      </c>
    </row>
    <row r="132947" spans="1:7" x14ac:dyDescent="0.3">
      <c r="A132947" s="13" t="s">
        <v>602</v>
      </c>
      <c r="B132947" s="14" t="s">
        <v>1</v>
      </c>
      <c r="C132947" s="14" t="s">
        <v>596</v>
      </c>
      <c r="D132947" s="14" t="s">
        <v>31</v>
      </c>
      <c r="E132947" s="15">
        <v>45463</v>
      </c>
      <c r="F132947" s="14" t="s">
        <v>15</v>
      </c>
      <c r="G132947" s="16">
        <v>0</v>
      </c>
    </row>
    <row r="132948" spans="1:7" x14ac:dyDescent="0.3">
      <c r="A132948" s="13" t="s">
        <v>602</v>
      </c>
      <c r="B132948" s="14" t="s">
        <v>1</v>
      </c>
      <c r="C132948" s="14" t="s">
        <v>596</v>
      </c>
      <c r="D132948" s="14" t="s">
        <v>31</v>
      </c>
      <c r="E132948" s="15">
        <v>45464</v>
      </c>
      <c r="F132948" s="14" t="s">
        <v>15</v>
      </c>
      <c r="G132948" s="16">
        <v>0</v>
      </c>
    </row>
    <row r="132949" spans="1:7" x14ac:dyDescent="0.3">
      <c r="A132949" s="13" t="s">
        <v>602</v>
      </c>
      <c r="B132949" s="14" t="s">
        <v>1</v>
      </c>
      <c r="C132949" s="14" t="s">
        <v>596</v>
      </c>
      <c r="D132949" s="14" t="s">
        <v>31</v>
      </c>
      <c r="E132949" s="15">
        <v>45465</v>
      </c>
      <c r="F132949" s="14" t="s">
        <v>15</v>
      </c>
      <c r="G132949" s="16">
        <v>0</v>
      </c>
    </row>
    <row r="132950" spans="1:7" x14ac:dyDescent="0.3">
      <c r="A132950" s="13" t="s">
        <v>602</v>
      </c>
      <c r="B132950" s="14" t="s">
        <v>1</v>
      </c>
      <c r="C132950" s="14" t="s">
        <v>596</v>
      </c>
      <c r="D132950" s="14" t="s">
        <v>31</v>
      </c>
      <c r="E132950" s="15">
        <v>45466</v>
      </c>
      <c r="F132950" s="14" t="s">
        <v>15</v>
      </c>
      <c r="G132950" s="16">
        <v>0</v>
      </c>
    </row>
    <row r="132951" spans="1:7" x14ac:dyDescent="0.3">
      <c r="A132951" s="13" t="s">
        <v>602</v>
      </c>
      <c r="B132951" s="14" t="s">
        <v>1</v>
      </c>
      <c r="C132951" s="14" t="s">
        <v>596</v>
      </c>
      <c r="D132951" s="14" t="s">
        <v>31</v>
      </c>
      <c r="E132951" s="15">
        <v>45467</v>
      </c>
      <c r="F132951" s="14" t="s">
        <v>15</v>
      </c>
      <c r="G132951" s="16">
        <v>0</v>
      </c>
    </row>
    <row r="132952" spans="1:7" x14ac:dyDescent="0.3">
      <c r="A132952" s="13" t="s">
        <v>602</v>
      </c>
      <c r="B132952" s="14" t="s">
        <v>1</v>
      </c>
      <c r="C132952" s="14" t="s">
        <v>596</v>
      </c>
      <c r="D132952" s="14" t="s">
        <v>31</v>
      </c>
      <c r="E132952" s="15">
        <v>45468</v>
      </c>
      <c r="F132952" s="14" t="s">
        <v>15</v>
      </c>
      <c r="G132952" s="16">
        <v>0</v>
      </c>
    </row>
    <row r="132953" spans="1:7" x14ac:dyDescent="0.3">
      <c r="A132953" s="13" t="s">
        <v>602</v>
      </c>
      <c r="B132953" s="14" t="s">
        <v>1</v>
      </c>
      <c r="C132953" s="14" t="s">
        <v>596</v>
      </c>
      <c r="D132953" s="14" t="s">
        <v>31</v>
      </c>
      <c r="E132953" s="15">
        <v>45469</v>
      </c>
      <c r="F132953" s="14" t="s">
        <v>15</v>
      </c>
      <c r="G132953" s="16">
        <v>0</v>
      </c>
    </row>
    <row r="132954" spans="1:7" x14ac:dyDescent="0.3">
      <c r="A132954" s="13" t="s">
        <v>602</v>
      </c>
      <c r="B132954" s="14" t="s">
        <v>1</v>
      </c>
      <c r="C132954" s="14" t="s">
        <v>596</v>
      </c>
      <c r="D132954" s="14" t="s">
        <v>31</v>
      </c>
      <c r="E132954" s="15">
        <v>45470</v>
      </c>
      <c r="F132954" s="14" t="s">
        <v>15</v>
      </c>
      <c r="G132954" s="16">
        <v>0</v>
      </c>
    </row>
    <row r="132955" spans="1:7" x14ac:dyDescent="0.3">
      <c r="A132955" s="13" t="s">
        <v>602</v>
      </c>
      <c r="B132955" s="14" t="s">
        <v>1</v>
      </c>
      <c r="C132955" s="14" t="s">
        <v>596</v>
      </c>
      <c r="D132955" s="14" t="s">
        <v>31</v>
      </c>
      <c r="E132955" s="15">
        <v>45471</v>
      </c>
      <c r="F132955" s="14" t="s">
        <v>15</v>
      </c>
      <c r="G132955" s="16">
        <v>0</v>
      </c>
    </row>
    <row r="132956" spans="1:7" x14ac:dyDescent="0.3">
      <c r="A132956" s="13" t="s">
        <v>602</v>
      </c>
      <c r="B132956" s="14" t="s">
        <v>1</v>
      </c>
      <c r="C132956" s="14" t="s">
        <v>596</v>
      </c>
      <c r="D132956" s="14" t="s">
        <v>31</v>
      </c>
      <c r="E132956" s="15">
        <v>45472</v>
      </c>
      <c r="F132956" s="14" t="s">
        <v>15</v>
      </c>
      <c r="G132956" s="16">
        <v>0</v>
      </c>
    </row>
    <row r="132957" spans="1:7" x14ac:dyDescent="0.3">
      <c r="A132957" s="13" t="s">
        <v>602</v>
      </c>
      <c r="B132957" s="14" t="s">
        <v>1</v>
      </c>
      <c r="C132957" s="14" t="s">
        <v>596</v>
      </c>
      <c r="D132957" s="14" t="s">
        <v>31</v>
      </c>
      <c r="E132957" s="15">
        <v>45473</v>
      </c>
      <c r="F132957" s="14" t="s">
        <v>15</v>
      </c>
      <c r="G132957" s="16">
        <v>0</v>
      </c>
    </row>
    <row r="132958" spans="1:7" x14ac:dyDescent="0.3">
      <c r="A132958" s="13" t="s">
        <v>602</v>
      </c>
      <c r="B132958" s="14" t="s">
        <v>1</v>
      </c>
      <c r="C132958" s="14" t="s">
        <v>596</v>
      </c>
      <c r="D132958" s="14" t="s">
        <v>31</v>
      </c>
      <c r="E132958" s="15">
        <v>45474</v>
      </c>
      <c r="F132958" s="14" t="s">
        <v>15</v>
      </c>
      <c r="G132958" s="16">
        <v>0</v>
      </c>
    </row>
    <row r="132959" spans="1:7" x14ac:dyDescent="0.3">
      <c r="A132959" s="13" t="s">
        <v>602</v>
      </c>
      <c r="B132959" s="14" t="s">
        <v>1</v>
      </c>
      <c r="C132959" s="14" t="s">
        <v>596</v>
      </c>
      <c r="D132959" s="14" t="s">
        <v>31</v>
      </c>
      <c r="E132959" s="15">
        <v>45475</v>
      </c>
      <c r="F132959" s="14" t="s">
        <v>15</v>
      </c>
      <c r="G132959" s="16">
        <v>0</v>
      </c>
    </row>
    <row r="132960" spans="1:7" x14ac:dyDescent="0.3">
      <c r="A132960" s="13" t="s">
        <v>602</v>
      </c>
      <c r="B132960" s="14" t="s">
        <v>1</v>
      </c>
      <c r="C132960" s="14" t="s">
        <v>596</v>
      </c>
      <c r="D132960" s="14" t="s">
        <v>31</v>
      </c>
      <c r="E132960" s="15">
        <v>45476</v>
      </c>
      <c r="F132960" s="14" t="s">
        <v>15</v>
      </c>
      <c r="G132960" s="16">
        <v>0</v>
      </c>
    </row>
    <row r="132961" spans="1:7" x14ac:dyDescent="0.3">
      <c r="A132961" s="13" t="s">
        <v>602</v>
      </c>
      <c r="B132961" s="14" t="s">
        <v>1</v>
      </c>
      <c r="C132961" s="14" t="s">
        <v>596</v>
      </c>
      <c r="D132961" s="14" t="s">
        <v>31</v>
      </c>
      <c r="E132961" s="15">
        <v>45477</v>
      </c>
      <c r="F132961" s="14" t="s">
        <v>15</v>
      </c>
      <c r="G132961" s="16">
        <v>0</v>
      </c>
    </row>
    <row r="132962" spans="1:7" x14ac:dyDescent="0.3">
      <c r="A132962" s="13" t="s">
        <v>602</v>
      </c>
      <c r="B132962" s="14" t="s">
        <v>1</v>
      </c>
      <c r="C132962" s="14" t="s">
        <v>596</v>
      </c>
      <c r="D132962" s="14" t="s">
        <v>31</v>
      </c>
      <c r="E132962" s="15">
        <v>45478</v>
      </c>
      <c r="F132962" s="14" t="s">
        <v>15</v>
      </c>
      <c r="G132962" s="16">
        <v>0</v>
      </c>
    </row>
    <row r="132963" spans="1:7" x14ac:dyDescent="0.3">
      <c r="A132963" s="13" t="s">
        <v>602</v>
      </c>
      <c r="B132963" s="14" t="s">
        <v>1</v>
      </c>
      <c r="C132963" s="14" t="s">
        <v>596</v>
      </c>
      <c r="D132963" s="14" t="s">
        <v>31</v>
      </c>
      <c r="E132963" s="15">
        <v>45479</v>
      </c>
      <c r="F132963" s="14" t="s">
        <v>15</v>
      </c>
      <c r="G132963" s="16">
        <v>0</v>
      </c>
    </row>
    <row r="132964" spans="1:7" x14ac:dyDescent="0.3">
      <c r="A132964" s="13" t="s">
        <v>602</v>
      </c>
      <c r="B132964" s="14" t="s">
        <v>1</v>
      </c>
      <c r="C132964" s="14" t="s">
        <v>596</v>
      </c>
      <c r="D132964" s="14" t="s">
        <v>31</v>
      </c>
      <c r="E132964" s="15">
        <v>45480</v>
      </c>
      <c r="F132964" s="14" t="s">
        <v>15</v>
      </c>
      <c r="G132964" s="16">
        <v>0</v>
      </c>
    </row>
    <row r="132965" spans="1:7" x14ac:dyDescent="0.3">
      <c r="A132965" s="13" t="s">
        <v>602</v>
      </c>
      <c r="B132965" s="14" t="s">
        <v>1</v>
      </c>
      <c r="C132965" s="14" t="s">
        <v>596</v>
      </c>
      <c r="D132965" s="14" t="s">
        <v>31</v>
      </c>
      <c r="E132965" s="15">
        <v>45481</v>
      </c>
      <c r="F132965" s="14" t="s">
        <v>15</v>
      </c>
      <c r="G132965" s="16">
        <v>0</v>
      </c>
    </row>
    <row r="132966" spans="1:7" x14ac:dyDescent="0.3">
      <c r="A132966" s="13" t="s">
        <v>602</v>
      </c>
      <c r="B132966" s="14" t="s">
        <v>1</v>
      </c>
      <c r="C132966" s="14" t="s">
        <v>596</v>
      </c>
      <c r="D132966" s="14" t="s">
        <v>31</v>
      </c>
      <c r="E132966" s="15">
        <v>45482</v>
      </c>
      <c r="F132966" s="14" t="s">
        <v>15</v>
      </c>
      <c r="G132966" s="16">
        <v>0</v>
      </c>
    </row>
    <row r="132967" spans="1:7" x14ac:dyDescent="0.3">
      <c r="A132967" s="13" t="s">
        <v>602</v>
      </c>
      <c r="B132967" s="14" t="s">
        <v>1</v>
      </c>
      <c r="C132967" s="14" t="s">
        <v>596</v>
      </c>
      <c r="D132967" s="14" t="s">
        <v>31</v>
      </c>
      <c r="E132967" s="15">
        <v>45483</v>
      </c>
      <c r="F132967" s="14" t="s">
        <v>15</v>
      </c>
      <c r="G132967" s="16">
        <v>0</v>
      </c>
    </row>
    <row r="132968" spans="1:7" x14ac:dyDescent="0.3">
      <c r="A132968" s="13" t="s">
        <v>602</v>
      </c>
      <c r="B132968" s="14" t="s">
        <v>1</v>
      </c>
      <c r="C132968" s="14" t="s">
        <v>596</v>
      </c>
      <c r="D132968" s="14" t="s">
        <v>31</v>
      </c>
      <c r="E132968" s="15">
        <v>45484</v>
      </c>
      <c r="F132968" s="14" t="s">
        <v>15</v>
      </c>
      <c r="G132968" s="16">
        <v>0</v>
      </c>
    </row>
    <row r="132969" spans="1:7" x14ac:dyDescent="0.3">
      <c r="A132969" s="13" t="s">
        <v>602</v>
      </c>
      <c r="B132969" s="14" t="s">
        <v>1</v>
      </c>
      <c r="C132969" s="14" t="s">
        <v>596</v>
      </c>
      <c r="D132969" s="14" t="s">
        <v>31</v>
      </c>
      <c r="E132969" s="15">
        <v>45485</v>
      </c>
      <c r="F132969" s="14" t="s">
        <v>15</v>
      </c>
      <c r="G132969" s="16">
        <v>0</v>
      </c>
    </row>
    <row r="132970" spans="1:7" x14ac:dyDescent="0.3">
      <c r="A132970" s="13" t="s">
        <v>602</v>
      </c>
      <c r="B132970" s="14" t="s">
        <v>1</v>
      </c>
      <c r="C132970" s="14" t="s">
        <v>596</v>
      </c>
      <c r="D132970" s="14" t="s">
        <v>31</v>
      </c>
      <c r="E132970" s="15">
        <v>45486</v>
      </c>
      <c r="F132970" s="14" t="s">
        <v>15</v>
      </c>
      <c r="G132970" s="16">
        <v>0</v>
      </c>
    </row>
    <row r="132971" spans="1:7" x14ac:dyDescent="0.3">
      <c r="A132971" s="13" t="s">
        <v>602</v>
      </c>
      <c r="B132971" s="14" t="s">
        <v>1</v>
      </c>
      <c r="C132971" s="14" t="s">
        <v>596</v>
      </c>
      <c r="D132971" s="14" t="s">
        <v>31</v>
      </c>
      <c r="E132971" s="15">
        <v>45487</v>
      </c>
      <c r="F132971" s="14" t="s">
        <v>15</v>
      </c>
      <c r="G132971" s="16">
        <v>0</v>
      </c>
    </row>
    <row r="132972" spans="1:7" x14ac:dyDescent="0.3">
      <c r="A132972" s="13" t="s">
        <v>602</v>
      </c>
      <c r="B132972" s="14" t="s">
        <v>1</v>
      </c>
      <c r="C132972" s="14" t="s">
        <v>596</v>
      </c>
      <c r="D132972" s="14" t="s">
        <v>31</v>
      </c>
      <c r="E132972" s="15">
        <v>45488</v>
      </c>
      <c r="F132972" s="14" t="s">
        <v>15</v>
      </c>
      <c r="G132972" s="16">
        <v>0</v>
      </c>
    </row>
    <row r="132973" spans="1:7" x14ac:dyDescent="0.3">
      <c r="A132973" s="13" t="s">
        <v>602</v>
      </c>
      <c r="B132973" s="14" t="s">
        <v>1</v>
      </c>
      <c r="C132973" s="14" t="s">
        <v>596</v>
      </c>
      <c r="D132973" s="14" t="s">
        <v>31</v>
      </c>
      <c r="E132973" s="15">
        <v>45489</v>
      </c>
      <c r="F132973" s="14" t="s">
        <v>15</v>
      </c>
      <c r="G132973" s="16">
        <v>0</v>
      </c>
    </row>
    <row r="132974" spans="1:7" x14ac:dyDescent="0.3">
      <c r="A132974" s="13" t="s">
        <v>602</v>
      </c>
      <c r="B132974" s="14" t="s">
        <v>1</v>
      </c>
      <c r="C132974" s="14" t="s">
        <v>596</v>
      </c>
      <c r="D132974" s="14" t="s">
        <v>31</v>
      </c>
      <c r="E132974" s="15">
        <v>45490</v>
      </c>
      <c r="F132974" s="14" t="s">
        <v>15</v>
      </c>
      <c r="G132974" s="16">
        <v>0</v>
      </c>
    </row>
    <row r="132975" spans="1:7" x14ac:dyDescent="0.3">
      <c r="A132975" s="13" t="s">
        <v>602</v>
      </c>
      <c r="B132975" s="14" t="s">
        <v>1</v>
      </c>
      <c r="C132975" s="14" t="s">
        <v>596</v>
      </c>
      <c r="D132975" s="14" t="s">
        <v>31</v>
      </c>
      <c r="E132975" s="15">
        <v>45491</v>
      </c>
      <c r="F132975" s="14" t="s">
        <v>15</v>
      </c>
      <c r="G132975" s="16">
        <v>0</v>
      </c>
    </row>
    <row r="132976" spans="1:7" x14ac:dyDescent="0.3">
      <c r="A132976" s="13" t="s">
        <v>602</v>
      </c>
      <c r="B132976" s="14" t="s">
        <v>1</v>
      </c>
      <c r="C132976" s="14" t="s">
        <v>596</v>
      </c>
      <c r="D132976" s="14" t="s">
        <v>31</v>
      </c>
      <c r="E132976" s="15">
        <v>45492</v>
      </c>
      <c r="F132976" s="14" t="s">
        <v>15</v>
      </c>
      <c r="G132976" s="16">
        <v>0</v>
      </c>
    </row>
    <row r="132977" spans="1:7" x14ac:dyDescent="0.3">
      <c r="A132977" s="13" t="s">
        <v>602</v>
      </c>
      <c r="B132977" s="14" t="s">
        <v>1</v>
      </c>
      <c r="C132977" s="14" t="s">
        <v>596</v>
      </c>
      <c r="D132977" s="14" t="s">
        <v>31</v>
      </c>
      <c r="E132977" s="15">
        <v>45493</v>
      </c>
      <c r="F132977" s="14" t="s">
        <v>15</v>
      </c>
      <c r="G132977" s="16">
        <v>0</v>
      </c>
    </row>
    <row r="132978" spans="1:7" x14ac:dyDescent="0.3">
      <c r="A132978" s="13" t="s">
        <v>602</v>
      </c>
      <c r="B132978" s="14" t="s">
        <v>1</v>
      </c>
      <c r="C132978" s="14" t="s">
        <v>596</v>
      </c>
      <c r="D132978" s="14" t="s">
        <v>31</v>
      </c>
      <c r="E132978" s="15">
        <v>45494</v>
      </c>
      <c r="F132978" s="14" t="s">
        <v>15</v>
      </c>
      <c r="G132978" s="16">
        <v>0</v>
      </c>
    </row>
    <row r="132979" spans="1:7" x14ac:dyDescent="0.3">
      <c r="A132979" s="13" t="s">
        <v>602</v>
      </c>
      <c r="B132979" s="14" t="s">
        <v>1</v>
      </c>
      <c r="C132979" s="14" t="s">
        <v>596</v>
      </c>
      <c r="D132979" s="14" t="s">
        <v>31</v>
      </c>
      <c r="E132979" s="15">
        <v>45495</v>
      </c>
      <c r="F132979" s="14" t="s">
        <v>15</v>
      </c>
      <c r="G132979" s="16">
        <v>0</v>
      </c>
    </row>
    <row r="132980" spans="1:7" x14ac:dyDescent="0.3">
      <c r="A132980" s="13" t="s">
        <v>602</v>
      </c>
      <c r="B132980" s="14" t="s">
        <v>1</v>
      </c>
      <c r="C132980" s="14" t="s">
        <v>596</v>
      </c>
      <c r="D132980" s="14" t="s">
        <v>31</v>
      </c>
      <c r="E132980" s="15">
        <v>45496</v>
      </c>
      <c r="F132980" s="14" t="s">
        <v>15</v>
      </c>
      <c r="G132980" s="16">
        <v>0</v>
      </c>
    </row>
    <row r="132981" spans="1:7" x14ac:dyDescent="0.3">
      <c r="A132981" s="13" t="s">
        <v>602</v>
      </c>
      <c r="B132981" s="14" t="s">
        <v>1</v>
      </c>
      <c r="C132981" s="14" t="s">
        <v>596</v>
      </c>
      <c r="D132981" s="14" t="s">
        <v>31</v>
      </c>
      <c r="E132981" s="15">
        <v>45497</v>
      </c>
      <c r="F132981" s="14" t="s">
        <v>15</v>
      </c>
      <c r="G132981" s="16">
        <v>0</v>
      </c>
    </row>
    <row r="132982" spans="1:7" x14ac:dyDescent="0.3">
      <c r="A132982" s="13" t="s">
        <v>602</v>
      </c>
      <c r="B132982" s="14" t="s">
        <v>1</v>
      </c>
      <c r="C132982" s="14" t="s">
        <v>596</v>
      </c>
      <c r="D132982" s="14" t="s">
        <v>31</v>
      </c>
      <c r="E132982" s="15">
        <v>45498</v>
      </c>
      <c r="F132982" s="14" t="s">
        <v>15</v>
      </c>
      <c r="G132982" s="16">
        <v>0</v>
      </c>
    </row>
    <row r="132983" spans="1:7" x14ac:dyDescent="0.3">
      <c r="A132983" s="13" t="s">
        <v>602</v>
      </c>
      <c r="B132983" s="14" t="s">
        <v>1</v>
      </c>
      <c r="C132983" s="14" t="s">
        <v>596</v>
      </c>
      <c r="D132983" s="14" t="s">
        <v>31</v>
      </c>
      <c r="E132983" s="15">
        <v>45499</v>
      </c>
      <c r="F132983" s="14" t="s">
        <v>15</v>
      </c>
      <c r="G132983" s="16">
        <v>0</v>
      </c>
    </row>
    <row r="132984" spans="1:7" x14ac:dyDescent="0.3">
      <c r="A132984" s="13" t="s">
        <v>602</v>
      </c>
      <c r="B132984" s="14" t="s">
        <v>1</v>
      </c>
      <c r="C132984" s="14" t="s">
        <v>596</v>
      </c>
      <c r="D132984" s="14" t="s">
        <v>31</v>
      </c>
      <c r="E132984" s="15">
        <v>45500</v>
      </c>
      <c r="F132984" s="14" t="s">
        <v>15</v>
      </c>
      <c r="G132984" s="16">
        <v>0</v>
      </c>
    </row>
    <row r="132985" spans="1:7" x14ac:dyDescent="0.3">
      <c r="A132985" s="13" t="s">
        <v>602</v>
      </c>
      <c r="B132985" s="14" t="s">
        <v>1</v>
      </c>
      <c r="C132985" s="14" t="s">
        <v>596</v>
      </c>
      <c r="D132985" s="14" t="s">
        <v>31</v>
      </c>
      <c r="E132985" s="15">
        <v>45501</v>
      </c>
      <c r="F132985" s="14" t="s">
        <v>15</v>
      </c>
      <c r="G132985" s="16">
        <v>0</v>
      </c>
    </row>
    <row r="132986" spans="1:7" x14ac:dyDescent="0.3">
      <c r="A132986" s="13" t="s">
        <v>602</v>
      </c>
      <c r="B132986" s="14" t="s">
        <v>1</v>
      </c>
      <c r="C132986" s="14" t="s">
        <v>596</v>
      </c>
      <c r="D132986" s="14" t="s">
        <v>31</v>
      </c>
      <c r="E132986" s="15">
        <v>45502</v>
      </c>
      <c r="F132986" s="14" t="s">
        <v>15</v>
      </c>
      <c r="G132986" s="16">
        <v>0</v>
      </c>
    </row>
    <row r="132987" spans="1:7" x14ac:dyDescent="0.3">
      <c r="A132987" s="13" t="s">
        <v>602</v>
      </c>
      <c r="B132987" s="14" t="s">
        <v>1</v>
      </c>
      <c r="C132987" s="14" t="s">
        <v>596</v>
      </c>
      <c r="D132987" s="14" t="s">
        <v>31</v>
      </c>
      <c r="E132987" s="15">
        <v>45503</v>
      </c>
      <c r="F132987" s="14" t="s">
        <v>15</v>
      </c>
      <c r="G132987" s="16">
        <v>0</v>
      </c>
    </row>
    <row r="132988" spans="1:7" x14ac:dyDescent="0.3">
      <c r="A132988" s="13" t="s">
        <v>602</v>
      </c>
      <c r="B132988" s="14" t="s">
        <v>1</v>
      </c>
      <c r="C132988" s="14" t="s">
        <v>596</v>
      </c>
      <c r="D132988" s="14" t="s">
        <v>31</v>
      </c>
      <c r="E132988" s="15">
        <v>45504</v>
      </c>
      <c r="F132988" s="14" t="s">
        <v>15</v>
      </c>
      <c r="G132988" s="16">
        <v>0</v>
      </c>
    </row>
    <row r="132989" spans="1:7" x14ac:dyDescent="0.3">
      <c r="A132989" s="13" t="s">
        <v>602</v>
      </c>
      <c r="B132989" s="14" t="s">
        <v>1</v>
      </c>
      <c r="C132989" s="14" t="s">
        <v>596</v>
      </c>
      <c r="D132989" s="14" t="s">
        <v>31</v>
      </c>
      <c r="E132989" s="15">
        <v>45505</v>
      </c>
      <c r="F132989" s="14" t="s">
        <v>15</v>
      </c>
      <c r="G132989" s="16">
        <v>0</v>
      </c>
    </row>
    <row r="132990" spans="1:7" x14ac:dyDescent="0.3">
      <c r="A132990" s="13" t="s">
        <v>602</v>
      </c>
      <c r="B132990" s="14" t="s">
        <v>1</v>
      </c>
      <c r="C132990" s="14" t="s">
        <v>596</v>
      </c>
      <c r="D132990" s="14" t="s">
        <v>31</v>
      </c>
      <c r="E132990" s="15">
        <v>45506</v>
      </c>
      <c r="F132990" s="14" t="s">
        <v>15</v>
      </c>
      <c r="G132990" s="16">
        <v>0</v>
      </c>
    </row>
    <row r="132991" spans="1:7" x14ac:dyDescent="0.3">
      <c r="A132991" s="13" t="s">
        <v>602</v>
      </c>
      <c r="B132991" s="14" t="s">
        <v>1</v>
      </c>
      <c r="C132991" s="14" t="s">
        <v>596</v>
      </c>
      <c r="D132991" s="14" t="s">
        <v>31</v>
      </c>
      <c r="E132991" s="15">
        <v>45507</v>
      </c>
      <c r="F132991" s="14" t="s">
        <v>15</v>
      </c>
      <c r="G132991" s="16">
        <v>0</v>
      </c>
    </row>
    <row r="132992" spans="1:7" x14ac:dyDescent="0.3">
      <c r="A132992" s="13" t="s">
        <v>602</v>
      </c>
      <c r="B132992" s="14" t="s">
        <v>1</v>
      </c>
      <c r="C132992" s="14" t="s">
        <v>596</v>
      </c>
      <c r="D132992" s="14" t="s">
        <v>31</v>
      </c>
      <c r="E132992" s="15">
        <v>45508</v>
      </c>
      <c r="F132992" s="14" t="s">
        <v>15</v>
      </c>
      <c r="G132992" s="16">
        <v>0</v>
      </c>
    </row>
    <row r="132993" spans="1:7" x14ac:dyDescent="0.3">
      <c r="A132993" s="13" t="s">
        <v>602</v>
      </c>
      <c r="B132993" s="14" t="s">
        <v>1</v>
      </c>
      <c r="C132993" s="14" t="s">
        <v>596</v>
      </c>
      <c r="D132993" s="14" t="s">
        <v>31</v>
      </c>
      <c r="E132993" s="15">
        <v>45509</v>
      </c>
      <c r="F132993" s="14" t="s">
        <v>15</v>
      </c>
      <c r="G132993" s="16">
        <v>0</v>
      </c>
    </row>
    <row r="132994" spans="1:7" x14ac:dyDescent="0.3">
      <c r="A132994" s="13" t="s">
        <v>602</v>
      </c>
      <c r="B132994" s="14" t="s">
        <v>1</v>
      </c>
      <c r="C132994" s="14" t="s">
        <v>596</v>
      </c>
      <c r="D132994" s="14" t="s">
        <v>31</v>
      </c>
      <c r="E132994" s="15">
        <v>45510</v>
      </c>
      <c r="F132994" s="14" t="s">
        <v>15</v>
      </c>
      <c r="G132994" s="16">
        <v>0</v>
      </c>
    </row>
    <row r="132995" spans="1:7" x14ac:dyDescent="0.3">
      <c r="A132995" s="13" t="s">
        <v>602</v>
      </c>
      <c r="B132995" s="14" t="s">
        <v>1</v>
      </c>
      <c r="C132995" s="14" t="s">
        <v>596</v>
      </c>
      <c r="D132995" s="14" t="s">
        <v>31</v>
      </c>
      <c r="E132995" s="15">
        <v>45511</v>
      </c>
      <c r="F132995" s="14" t="s">
        <v>15</v>
      </c>
      <c r="G132995" s="16">
        <v>0</v>
      </c>
    </row>
    <row r="132996" spans="1:7" x14ac:dyDescent="0.3">
      <c r="A132996" s="13" t="s">
        <v>602</v>
      </c>
      <c r="B132996" s="14" t="s">
        <v>1</v>
      </c>
      <c r="C132996" s="14" t="s">
        <v>596</v>
      </c>
      <c r="D132996" s="14" t="s">
        <v>31</v>
      </c>
      <c r="E132996" s="15">
        <v>45512</v>
      </c>
      <c r="F132996" s="14" t="s">
        <v>15</v>
      </c>
      <c r="G132996" s="16">
        <v>0</v>
      </c>
    </row>
    <row r="132997" spans="1:7" x14ac:dyDescent="0.3">
      <c r="A132997" s="13" t="s">
        <v>602</v>
      </c>
      <c r="B132997" s="14" t="s">
        <v>1</v>
      </c>
      <c r="C132997" s="14" t="s">
        <v>596</v>
      </c>
      <c r="D132997" s="14" t="s">
        <v>31</v>
      </c>
      <c r="E132997" s="15">
        <v>45513</v>
      </c>
      <c r="F132997" s="14" t="s">
        <v>15</v>
      </c>
      <c r="G132997" s="16">
        <v>0</v>
      </c>
    </row>
    <row r="132998" spans="1:7" x14ac:dyDescent="0.3">
      <c r="A132998" s="13" t="s">
        <v>602</v>
      </c>
      <c r="B132998" s="14" t="s">
        <v>1</v>
      </c>
      <c r="C132998" s="14" t="s">
        <v>596</v>
      </c>
      <c r="D132998" s="14" t="s">
        <v>31</v>
      </c>
      <c r="E132998" s="15">
        <v>45514</v>
      </c>
      <c r="F132998" s="14" t="s">
        <v>15</v>
      </c>
      <c r="G132998" s="16">
        <v>0</v>
      </c>
    </row>
    <row r="132999" spans="1:7" x14ac:dyDescent="0.3">
      <c r="A132999" s="13" t="s">
        <v>602</v>
      </c>
      <c r="B132999" s="14" t="s">
        <v>1</v>
      </c>
      <c r="C132999" s="14" t="s">
        <v>596</v>
      </c>
      <c r="D132999" s="14" t="s">
        <v>31</v>
      </c>
      <c r="E132999" s="15">
        <v>45515</v>
      </c>
      <c r="F132999" s="14" t="s">
        <v>15</v>
      </c>
      <c r="G132999" s="16">
        <v>0</v>
      </c>
    </row>
    <row r="133000" spans="1:7" x14ac:dyDescent="0.3">
      <c r="A133000" s="13" t="s">
        <v>602</v>
      </c>
      <c r="B133000" s="14" t="s">
        <v>1</v>
      </c>
      <c r="C133000" s="14" t="s">
        <v>596</v>
      </c>
      <c r="D133000" s="14" t="s">
        <v>31</v>
      </c>
      <c r="E133000" s="15">
        <v>45516</v>
      </c>
      <c r="F133000" s="14" t="s">
        <v>15</v>
      </c>
      <c r="G133000" s="16">
        <v>0</v>
      </c>
    </row>
    <row r="133001" spans="1:7" x14ac:dyDescent="0.3">
      <c r="A133001" s="13" t="s">
        <v>602</v>
      </c>
      <c r="B133001" s="14" t="s">
        <v>1</v>
      </c>
      <c r="C133001" s="14" t="s">
        <v>596</v>
      </c>
      <c r="D133001" s="14" t="s">
        <v>31</v>
      </c>
      <c r="E133001" s="15">
        <v>45517</v>
      </c>
      <c r="F133001" s="14" t="s">
        <v>15</v>
      </c>
      <c r="G133001" s="16">
        <v>0</v>
      </c>
    </row>
    <row r="133002" spans="1:7" x14ac:dyDescent="0.3">
      <c r="A133002" s="13" t="s">
        <v>602</v>
      </c>
      <c r="B133002" s="14" t="s">
        <v>1</v>
      </c>
      <c r="C133002" s="14" t="s">
        <v>596</v>
      </c>
      <c r="D133002" s="14" t="s">
        <v>31</v>
      </c>
      <c r="E133002" s="15">
        <v>45518</v>
      </c>
      <c r="F133002" s="14" t="s">
        <v>15</v>
      </c>
      <c r="G133002" s="16">
        <v>0</v>
      </c>
    </row>
    <row r="133003" spans="1:7" x14ac:dyDescent="0.3">
      <c r="A133003" s="13" t="s">
        <v>602</v>
      </c>
      <c r="B133003" s="14" t="s">
        <v>1</v>
      </c>
      <c r="C133003" s="14" t="s">
        <v>596</v>
      </c>
      <c r="D133003" s="14" t="s">
        <v>31</v>
      </c>
      <c r="E133003" s="15">
        <v>45519</v>
      </c>
      <c r="F133003" s="14" t="s">
        <v>15</v>
      </c>
      <c r="G133003" s="16">
        <v>0</v>
      </c>
    </row>
    <row r="133004" spans="1:7" x14ac:dyDescent="0.3">
      <c r="A133004" s="13" t="s">
        <v>602</v>
      </c>
      <c r="B133004" s="14" t="s">
        <v>1</v>
      </c>
      <c r="C133004" s="14" t="s">
        <v>596</v>
      </c>
      <c r="D133004" s="14" t="s">
        <v>31</v>
      </c>
      <c r="E133004" s="15">
        <v>45520</v>
      </c>
      <c r="F133004" s="14" t="s">
        <v>15</v>
      </c>
      <c r="G133004" s="16">
        <v>0</v>
      </c>
    </row>
    <row r="133005" spans="1:7" x14ac:dyDescent="0.3">
      <c r="A133005" s="13" t="s">
        <v>602</v>
      </c>
      <c r="B133005" s="14" t="s">
        <v>1</v>
      </c>
      <c r="C133005" s="14" t="s">
        <v>596</v>
      </c>
      <c r="D133005" s="14" t="s">
        <v>31</v>
      </c>
      <c r="E133005" s="15">
        <v>45521</v>
      </c>
      <c r="F133005" s="14" t="s">
        <v>15</v>
      </c>
      <c r="G133005" s="16">
        <v>0</v>
      </c>
    </row>
    <row r="133006" spans="1:7" x14ac:dyDescent="0.3">
      <c r="A133006" s="13" t="s">
        <v>602</v>
      </c>
      <c r="B133006" s="14" t="s">
        <v>1</v>
      </c>
      <c r="C133006" s="14" t="s">
        <v>596</v>
      </c>
      <c r="D133006" s="14" t="s">
        <v>31</v>
      </c>
      <c r="E133006" s="15">
        <v>45522</v>
      </c>
      <c r="F133006" s="14" t="s">
        <v>15</v>
      </c>
      <c r="G133006" s="16">
        <v>0</v>
      </c>
    </row>
    <row r="133007" spans="1:7" x14ac:dyDescent="0.3">
      <c r="A133007" s="13" t="s">
        <v>602</v>
      </c>
      <c r="B133007" s="14" t="s">
        <v>1</v>
      </c>
      <c r="C133007" s="14" t="s">
        <v>596</v>
      </c>
      <c r="D133007" s="14" t="s">
        <v>31</v>
      </c>
      <c r="E133007" s="15">
        <v>45523</v>
      </c>
      <c r="F133007" s="14" t="s">
        <v>15</v>
      </c>
      <c r="G133007" s="16">
        <v>0</v>
      </c>
    </row>
    <row r="133008" spans="1:7" x14ac:dyDescent="0.3">
      <c r="A133008" s="13" t="s">
        <v>602</v>
      </c>
      <c r="B133008" s="14" t="s">
        <v>1</v>
      </c>
      <c r="C133008" s="14" t="s">
        <v>596</v>
      </c>
      <c r="D133008" s="14" t="s">
        <v>31</v>
      </c>
      <c r="E133008" s="15">
        <v>45524</v>
      </c>
      <c r="F133008" s="14" t="s">
        <v>15</v>
      </c>
      <c r="G133008" s="16">
        <v>0</v>
      </c>
    </row>
    <row r="133009" spans="1:7" x14ac:dyDescent="0.3">
      <c r="A133009" s="13" t="s">
        <v>602</v>
      </c>
      <c r="B133009" s="14" t="s">
        <v>1</v>
      </c>
      <c r="C133009" s="14" t="s">
        <v>596</v>
      </c>
      <c r="D133009" s="14" t="s">
        <v>31</v>
      </c>
      <c r="E133009" s="15">
        <v>45525</v>
      </c>
      <c r="F133009" s="14" t="s">
        <v>15</v>
      </c>
      <c r="G133009" s="16">
        <v>0</v>
      </c>
    </row>
    <row r="133010" spans="1:7" x14ac:dyDescent="0.3">
      <c r="A133010" s="13" t="s">
        <v>602</v>
      </c>
      <c r="B133010" s="14" t="s">
        <v>1</v>
      </c>
      <c r="C133010" s="14" t="s">
        <v>596</v>
      </c>
      <c r="D133010" s="14" t="s">
        <v>31</v>
      </c>
      <c r="E133010" s="15">
        <v>45526</v>
      </c>
      <c r="F133010" s="14" t="s">
        <v>15</v>
      </c>
      <c r="G133010" s="16">
        <v>0</v>
      </c>
    </row>
    <row r="133011" spans="1:7" x14ac:dyDescent="0.3">
      <c r="A133011" s="13" t="s">
        <v>602</v>
      </c>
      <c r="B133011" s="14" t="s">
        <v>1</v>
      </c>
      <c r="C133011" s="14" t="s">
        <v>596</v>
      </c>
      <c r="D133011" s="14" t="s">
        <v>31</v>
      </c>
      <c r="E133011" s="15">
        <v>45527</v>
      </c>
      <c r="F133011" s="14" t="s">
        <v>15</v>
      </c>
      <c r="G133011" s="16">
        <v>0</v>
      </c>
    </row>
    <row r="133012" spans="1:7" x14ac:dyDescent="0.3">
      <c r="A133012" s="13" t="s">
        <v>602</v>
      </c>
      <c r="B133012" s="14" t="s">
        <v>1</v>
      </c>
      <c r="C133012" s="14" t="s">
        <v>596</v>
      </c>
      <c r="D133012" s="14" t="s">
        <v>31</v>
      </c>
      <c r="E133012" s="15">
        <v>45528</v>
      </c>
      <c r="F133012" s="14" t="s">
        <v>15</v>
      </c>
      <c r="G133012" s="16">
        <v>0</v>
      </c>
    </row>
    <row r="133013" spans="1:7" x14ac:dyDescent="0.3">
      <c r="A133013" s="13" t="s">
        <v>602</v>
      </c>
      <c r="B133013" s="14" t="s">
        <v>1</v>
      </c>
      <c r="C133013" s="14" t="s">
        <v>596</v>
      </c>
      <c r="D133013" s="14" t="s">
        <v>31</v>
      </c>
      <c r="E133013" s="15">
        <v>45529</v>
      </c>
      <c r="F133013" s="14" t="s">
        <v>15</v>
      </c>
      <c r="G133013" s="16">
        <v>0</v>
      </c>
    </row>
    <row r="133014" spans="1:7" x14ac:dyDescent="0.3">
      <c r="A133014" s="13" t="s">
        <v>602</v>
      </c>
      <c r="B133014" s="14" t="s">
        <v>1</v>
      </c>
      <c r="C133014" s="14" t="s">
        <v>596</v>
      </c>
      <c r="D133014" s="14" t="s">
        <v>31</v>
      </c>
      <c r="E133014" s="15">
        <v>45530</v>
      </c>
      <c r="F133014" s="14" t="s">
        <v>15</v>
      </c>
      <c r="G133014" s="16">
        <v>0</v>
      </c>
    </row>
    <row r="133015" spans="1:7" x14ac:dyDescent="0.3">
      <c r="A133015" s="13" t="s">
        <v>602</v>
      </c>
      <c r="B133015" s="14" t="s">
        <v>1</v>
      </c>
      <c r="C133015" s="14" t="s">
        <v>596</v>
      </c>
      <c r="D133015" s="14" t="s">
        <v>31</v>
      </c>
      <c r="E133015" s="15">
        <v>45531</v>
      </c>
      <c r="F133015" s="14" t="s">
        <v>15</v>
      </c>
      <c r="G133015" s="16">
        <v>0</v>
      </c>
    </row>
    <row r="133016" spans="1:7" x14ac:dyDescent="0.3">
      <c r="A133016" s="13" t="s">
        <v>602</v>
      </c>
      <c r="B133016" s="14" t="s">
        <v>1</v>
      </c>
      <c r="C133016" s="14" t="s">
        <v>596</v>
      </c>
      <c r="D133016" s="14" t="s">
        <v>31</v>
      </c>
      <c r="E133016" s="15">
        <v>45532</v>
      </c>
      <c r="F133016" s="14" t="s">
        <v>15</v>
      </c>
      <c r="G133016" s="16">
        <v>0</v>
      </c>
    </row>
    <row r="133017" spans="1:7" x14ac:dyDescent="0.3">
      <c r="A133017" s="13" t="s">
        <v>602</v>
      </c>
      <c r="B133017" s="14" t="s">
        <v>1</v>
      </c>
      <c r="C133017" s="14" t="s">
        <v>596</v>
      </c>
      <c r="D133017" s="14" t="s">
        <v>31</v>
      </c>
      <c r="E133017" s="15">
        <v>45533</v>
      </c>
      <c r="F133017" s="14" t="s">
        <v>15</v>
      </c>
      <c r="G133017" s="16">
        <v>0</v>
      </c>
    </row>
    <row r="133018" spans="1:7" x14ac:dyDescent="0.3">
      <c r="A133018" s="13" t="s">
        <v>602</v>
      </c>
      <c r="B133018" s="14" t="s">
        <v>1</v>
      </c>
      <c r="C133018" s="14" t="s">
        <v>596</v>
      </c>
      <c r="D133018" s="14" t="s">
        <v>31</v>
      </c>
      <c r="E133018" s="15">
        <v>45534</v>
      </c>
      <c r="F133018" s="14" t="s">
        <v>15</v>
      </c>
      <c r="G133018" s="16">
        <v>0</v>
      </c>
    </row>
    <row r="133019" spans="1:7" x14ac:dyDescent="0.3">
      <c r="A133019" s="13" t="s">
        <v>602</v>
      </c>
      <c r="B133019" s="14" t="s">
        <v>1</v>
      </c>
      <c r="C133019" s="14" t="s">
        <v>596</v>
      </c>
      <c r="D133019" s="14" t="s">
        <v>31</v>
      </c>
      <c r="E133019" s="15">
        <v>45535</v>
      </c>
      <c r="F133019" s="14" t="s">
        <v>15</v>
      </c>
      <c r="G133019" s="16">
        <v>0</v>
      </c>
    </row>
    <row r="133020" spans="1:7" x14ac:dyDescent="0.3">
      <c r="A133020" s="13" t="s">
        <v>602</v>
      </c>
      <c r="B133020" s="14" t="s">
        <v>1</v>
      </c>
      <c r="C133020" s="14" t="s">
        <v>596</v>
      </c>
      <c r="D133020" s="14" t="s">
        <v>31</v>
      </c>
      <c r="E133020" s="15">
        <v>45536</v>
      </c>
      <c r="F133020" s="14" t="s">
        <v>15</v>
      </c>
      <c r="G133020" s="16">
        <v>0</v>
      </c>
    </row>
    <row r="133021" spans="1:7" x14ac:dyDescent="0.3">
      <c r="A133021" s="13" t="s">
        <v>602</v>
      </c>
      <c r="B133021" s="14" t="s">
        <v>1</v>
      </c>
      <c r="C133021" s="14" t="s">
        <v>596</v>
      </c>
      <c r="D133021" s="14" t="s">
        <v>31</v>
      </c>
      <c r="E133021" s="15">
        <v>45537</v>
      </c>
      <c r="F133021" s="14" t="s">
        <v>15</v>
      </c>
      <c r="G133021" s="16">
        <v>0</v>
      </c>
    </row>
    <row r="133022" spans="1:7" x14ac:dyDescent="0.3">
      <c r="A133022" s="13" t="s">
        <v>602</v>
      </c>
      <c r="B133022" s="14" t="s">
        <v>1</v>
      </c>
      <c r="C133022" s="14" t="s">
        <v>596</v>
      </c>
      <c r="D133022" s="14" t="s">
        <v>31</v>
      </c>
      <c r="E133022" s="15">
        <v>45538</v>
      </c>
      <c r="F133022" s="14" t="s">
        <v>15</v>
      </c>
      <c r="G133022" s="16">
        <v>0</v>
      </c>
    </row>
    <row r="133023" spans="1:7" x14ac:dyDescent="0.3">
      <c r="A133023" s="13" t="s">
        <v>602</v>
      </c>
      <c r="B133023" s="14" t="s">
        <v>1</v>
      </c>
      <c r="C133023" s="14" t="s">
        <v>596</v>
      </c>
      <c r="D133023" s="14" t="s">
        <v>31</v>
      </c>
      <c r="E133023" s="15">
        <v>45539</v>
      </c>
      <c r="F133023" s="14" t="s">
        <v>15</v>
      </c>
      <c r="G133023" s="16">
        <v>0</v>
      </c>
    </row>
    <row r="133024" spans="1:7" x14ac:dyDescent="0.3">
      <c r="A133024" s="13" t="s">
        <v>602</v>
      </c>
      <c r="B133024" s="14" t="s">
        <v>1</v>
      </c>
      <c r="C133024" s="14" t="s">
        <v>596</v>
      </c>
      <c r="D133024" s="14" t="s">
        <v>31</v>
      </c>
      <c r="E133024" s="15">
        <v>45540</v>
      </c>
      <c r="F133024" s="14" t="s">
        <v>15</v>
      </c>
      <c r="G133024" s="16">
        <v>0</v>
      </c>
    </row>
    <row r="133025" spans="1:7" x14ac:dyDescent="0.3">
      <c r="A133025" s="13" t="s">
        <v>602</v>
      </c>
      <c r="B133025" s="14" t="s">
        <v>1</v>
      </c>
      <c r="C133025" s="14" t="s">
        <v>596</v>
      </c>
      <c r="D133025" s="14" t="s">
        <v>31</v>
      </c>
      <c r="E133025" s="15">
        <v>45541</v>
      </c>
      <c r="F133025" s="14" t="s">
        <v>15</v>
      </c>
      <c r="G133025" s="16">
        <v>0</v>
      </c>
    </row>
    <row r="133026" spans="1:7" x14ac:dyDescent="0.3">
      <c r="A133026" s="13" t="s">
        <v>602</v>
      </c>
      <c r="B133026" s="14" t="s">
        <v>1</v>
      </c>
      <c r="C133026" s="14" t="s">
        <v>596</v>
      </c>
      <c r="D133026" s="14" t="s">
        <v>31</v>
      </c>
      <c r="E133026" s="15">
        <v>45542</v>
      </c>
      <c r="F133026" s="14" t="s">
        <v>15</v>
      </c>
      <c r="G133026" s="16">
        <v>0</v>
      </c>
    </row>
    <row r="133027" spans="1:7" x14ac:dyDescent="0.3">
      <c r="A133027" s="13" t="s">
        <v>602</v>
      </c>
      <c r="B133027" s="14" t="s">
        <v>1</v>
      </c>
      <c r="C133027" s="14" t="s">
        <v>596</v>
      </c>
      <c r="D133027" s="14" t="s">
        <v>31</v>
      </c>
      <c r="E133027" s="15">
        <v>45543</v>
      </c>
      <c r="F133027" s="14" t="s">
        <v>15</v>
      </c>
      <c r="G133027" s="16">
        <v>0</v>
      </c>
    </row>
    <row r="133028" spans="1:7" x14ac:dyDescent="0.3">
      <c r="A133028" s="13" t="s">
        <v>602</v>
      </c>
      <c r="B133028" s="14" t="s">
        <v>1</v>
      </c>
      <c r="C133028" s="14" t="s">
        <v>596</v>
      </c>
      <c r="D133028" s="14" t="s">
        <v>31</v>
      </c>
      <c r="E133028" s="15">
        <v>45544</v>
      </c>
      <c r="F133028" s="14" t="s">
        <v>15</v>
      </c>
      <c r="G133028" s="16">
        <v>0</v>
      </c>
    </row>
    <row r="133029" spans="1:7" x14ac:dyDescent="0.3">
      <c r="A133029" s="13" t="s">
        <v>602</v>
      </c>
      <c r="B133029" s="14" t="s">
        <v>1</v>
      </c>
      <c r="C133029" s="14" t="s">
        <v>596</v>
      </c>
      <c r="D133029" s="14" t="s">
        <v>31</v>
      </c>
      <c r="E133029" s="15">
        <v>45545</v>
      </c>
      <c r="F133029" s="14" t="s">
        <v>15</v>
      </c>
      <c r="G133029" s="16">
        <v>0</v>
      </c>
    </row>
    <row r="133030" spans="1:7" x14ac:dyDescent="0.3">
      <c r="A133030" s="13" t="s">
        <v>602</v>
      </c>
      <c r="B133030" s="14" t="s">
        <v>1</v>
      </c>
      <c r="C133030" s="14" t="s">
        <v>596</v>
      </c>
      <c r="D133030" s="14" t="s">
        <v>31</v>
      </c>
      <c r="E133030" s="15">
        <v>45546</v>
      </c>
      <c r="F133030" s="14" t="s">
        <v>15</v>
      </c>
      <c r="G133030" s="16">
        <v>0</v>
      </c>
    </row>
    <row r="133031" spans="1:7" x14ac:dyDescent="0.3">
      <c r="A133031" s="13" t="s">
        <v>602</v>
      </c>
      <c r="B133031" s="14" t="s">
        <v>1</v>
      </c>
      <c r="C133031" s="14" t="s">
        <v>596</v>
      </c>
      <c r="D133031" s="14" t="s">
        <v>31</v>
      </c>
      <c r="E133031" s="15">
        <v>45547</v>
      </c>
      <c r="F133031" s="14" t="s">
        <v>15</v>
      </c>
      <c r="G133031" s="16">
        <v>0</v>
      </c>
    </row>
    <row r="133032" spans="1:7" x14ac:dyDescent="0.3">
      <c r="A133032" s="13" t="s">
        <v>602</v>
      </c>
      <c r="B133032" s="14" t="s">
        <v>1</v>
      </c>
      <c r="C133032" s="14" t="s">
        <v>596</v>
      </c>
      <c r="D133032" s="14" t="s">
        <v>31</v>
      </c>
      <c r="E133032" s="15">
        <v>45548</v>
      </c>
      <c r="F133032" s="14" t="s">
        <v>15</v>
      </c>
      <c r="G133032" s="16">
        <v>0</v>
      </c>
    </row>
    <row r="133033" spans="1:7" x14ac:dyDescent="0.3">
      <c r="A133033" s="13" t="s">
        <v>602</v>
      </c>
      <c r="B133033" s="14" t="s">
        <v>1</v>
      </c>
      <c r="C133033" s="14" t="s">
        <v>596</v>
      </c>
      <c r="D133033" s="14" t="s">
        <v>31</v>
      </c>
      <c r="E133033" s="15">
        <v>45549</v>
      </c>
      <c r="F133033" s="14" t="s">
        <v>15</v>
      </c>
      <c r="G133033" s="16">
        <v>0</v>
      </c>
    </row>
    <row r="133034" spans="1:7" x14ac:dyDescent="0.3">
      <c r="A133034" s="13" t="s">
        <v>602</v>
      </c>
      <c r="B133034" s="14" t="s">
        <v>1</v>
      </c>
      <c r="C133034" s="14" t="s">
        <v>596</v>
      </c>
      <c r="D133034" s="14" t="s">
        <v>31</v>
      </c>
      <c r="E133034" s="15">
        <v>45550</v>
      </c>
      <c r="F133034" s="14" t="s">
        <v>15</v>
      </c>
      <c r="G133034" s="16">
        <v>0</v>
      </c>
    </row>
    <row r="133035" spans="1:7" x14ac:dyDescent="0.3">
      <c r="A133035" s="13" t="s">
        <v>602</v>
      </c>
      <c r="B133035" s="14" t="s">
        <v>1</v>
      </c>
      <c r="C133035" s="14" t="s">
        <v>596</v>
      </c>
      <c r="D133035" s="14" t="s">
        <v>31</v>
      </c>
      <c r="E133035" s="15">
        <v>45551</v>
      </c>
      <c r="F133035" s="14" t="s">
        <v>15</v>
      </c>
      <c r="G133035" s="16">
        <v>0</v>
      </c>
    </row>
    <row r="133036" spans="1:7" x14ac:dyDescent="0.3">
      <c r="A133036" s="13" t="s">
        <v>602</v>
      </c>
      <c r="B133036" s="14" t="s">
        <v>1</v>
      </c>
      <c r="C133036" s="14" t="s">
        <v>596</v>
      </c>
      <c r="D133036" s="14" t="s">
        <v>31</v>
      </c>
      <c r="E133036" s="15">
        <v>45552</v>
      </c>
      <c r="F133036" s="14" t="s">
        <v>15</v>
      </c>
      <c r="G133036" s="16">
        <v>0</v>
      </c>
    </row>
    <row r="133037" spans="1:7" x14ac:dyDescent="0.3">
      <c r="A133037" s="13" t="s">
        <v>602</v>
      </c>
      <c r="B133037" s="14" t="s">
        <v>1</v>
      </c>
      <c r="C133037" s="14" t="s">
        <v>596</v>
      </c>
      <c r="D133037" s="14" t="s">
        <v>31</v>
      </c>
      <c r="E133037" s="15">
        <v>45553</v>
      </c>
      <c r="F133037" s="14" t="s">
        <v>15</v>
      </c>
      <c r="G133037" s="16">
        <v>0</v>
      </c>
    </row>
    <row r="133038" spans="1:7" x14ac:dyDescent="0.3">
      <c r="A133038" s="13" t="s">
        <v>602</v>
      </c>
      <c r="B133038" s="14" t="s">
        <v>1</v>
      </c>
      <c r="C133038" s="14" t="s">
        <v>596</v>
      </c>
      <c r="D133038" s="14" t="s">
        <v>31</v>
      </c>
      <c r="E133038" s="15">
        <v>45554</v>
      </c>
      <c r="F133038" s="14" t="s">
        <v>15</v>
      </c>
      <c r="G133038" s="16">
        <v>0</v>
      </c>
    </row>
    <row r="133039" spans="1:7" x14ac:dyDescent="0.3">
      <c r="A133039" s="13" t="s">
        <v>602</v>
      </c>
      <c r="B133039" s="14" t="s">
        <v>1</v>
      </c>
      <c r="C133039" s="14" t="s">
        <v>596</v>
      </c>
      <c r="D133039" s="14" t="s">
        <v>31</v>
      </c>
      <c r="E133039" s="15">
        <v>45555</v>
      </c>
      <c r="F133039" s="14" t="s">
        <v>15</v>
      </c>
      <c r="G133039" s="16">
        <v>0</v>
      </c>
    </row>
    <row r="133040" spans="1:7" x14ac:dyDescent="0.3">
      <c r="A133040" s="13" t="s">
        <v>602</v>
      </c>
      <c r="B133040" s="14" t="s">
        <v>1</v>
      </c>
      <c r="C133040" s="14" t="s">
        <v>596</v>
      </c>
      <c r="D133040" s="14" t="s">
        <v>31</v>
      </c>
      <c r="E133040" s="15">
        <v>45556</v>
      </c>
      <c r="F133040" s="14" t="s">
        <v>15</v>
      </c>
      <c r="G133040" s="16">
        <v>0</v>
      </c>
    </row>
    <row r="133041" spans="1:7" x14ac:dyDescent="0.3">
      <c r="A133041" s="13" t="s">
        <v>602</v>
      </c>
      <c r="B133041" s="14" t="s">
        <v>1</v>
      </c>
      <c r="C133041" s="14" t="s">
        <v>596</v>
      </c>
      <c r="D133041" s="14" t="s">
        <v>31</v>
      </c>
      <c r="E133041" s="15">
        <v>45557</v>
      </c>
      <c r="F133041" s="14" t="s">
        <v>15</v>
      </c>
      <c r="G133041" s="16">
        <v>0</v>
      </c>
    </row>
    <row r="133042" spans="1:7" x14ac:dyDescent="0.3">
      <c r="A133042" s="13" t="s">
        <v>602</v>
      </c>
      <c r="B133042" s="14" t="s">
        <v>1</v>
      </c>
      <c r="C133042" s="14" t="s">
        <v>596</v>
      </c>
      <c r="D133042" s="14" t="s">
        <v>31</v>
      </c>
      <c r="E133042" s="15">
        <v>45558</v>
      </c>
      <c r="F133042" s="14" t="s">
        <v>15</v>
      </c>
      <c r="G133042" s="16">
        <v>0</v>
      </c>
    </row>
    <row r="133043" spans="1:7" x14ac:dyDescent="0.3">
      <c r="A133043" s="13" t="s">
        <v>602</v>
      </c>
      <c r="B133043" s="14" t="s">
        <v>1</v>
      </c>
      <c r="C133043" s="14" t="s">
        <v>596</v>
      </c>
      <c r="D133043" s="14" t="s">
        <v>31</v>
      </c>
      <c r="E133043" s="15">
        <v>45559</v>
      </c>
      <c r="F133043" s="14" t="s">
        <v>15</v>
      </c>
      <c r="G133043" s="16">
        <v>0</v>
      </c>
    </row>
    <row r="133044" spans="1:7" x14ac:dyDescent="0.3">
      <c r="A133044" s="13" t="s">
        <v>602</v>
      </c>
      <c r="B133044" s="14" t="s">
        <v>1</v>
      </c>
      <c r="C133044" s="14" t="s">
        <v>596</v>
      </c>
      <c r="D133044" s="14" t="s">
        <v>31</v>
      </c>
      <c r="E133044" s="15">
        <v>45560</v>
      </c>
      <c r="F133044" s="14" t="s">
        <v>15</v>
      </c>
      <c r="G133044" s="16">
        <v>0</v>
      </c>
    </row>
    <row r="133045" spans="1:7" x14ac:dyDescent="0.3">
      <c r="A133045" s="13" t="s">
        <v>602</v>
      </c>
      <c r="B133045" s="14" t="s">
        <v>1</v>
      </c>
      <c r="C133045" s="14" t="s">
        <v>596</v>
      </c>
      <c r="D133045" s="14" t="s">
        <v>31</v>
      </c>
      <c r="E133045" s="15">
        <v>45561</v>
      </c>
      <c r="F133045" s="14" t="s">
        <v>15</v>
      </c>
      <c r="G133045" s="16">
        <v>0</v>
      </c>
    </row>
    <row r="133046" spans="1:7" x14ac:dyDescent="0.3">
      <c r="A133046" s="13" t="s">
        <v>602</v>
      </c>
      <c r="B133046" s="14" t="s">
        <v>1</v>
      </c>
      <c r="C133046" s="14" t="s">
        <v>596</v>
      </c>
      <c r="D133046" s="14" t="s">
        <v>31</v>
      </c>
      <c r="E133046" s="15">
        <v>45562</v>
      </c>
      <c r="F133046" s="14" t="s">
        <v>15</v>
      </c>
      <c r="G133046" s="16">
        <v>0</v>
      </c>
    </row>
    <row r="133047" spans="1:7" x14ac:dyDescent="0.3">
      <c r="A133047" s="13" t="s">
        <v>602</v>
      </c>
      <c r="B133047" s="14" t="s">
        <v>1</v>
      </c>
      <c r="C133047" s="14" t="s">
        <v>596</v>
      </c>
      <c r="D133047" s="14" t="s">
        <v>31</v>
      </c>
      <c r="E133047" s="15">
        <v>45563</v>
      </c>
      <c r="F133047" s="14" t="s">
        <v>15</v>
      </c>
      <c r="G133047" s="16">
        <v>0</v>
      </c>
    </row>
    <row r="133048" spans="1:7" x14ac:dyDescent="0.3">
      <c r="A133048" s="13" t="s">
        <v>602</v>
      </c>
      <c r="B133048" s="14" t="s">
        <v>1</v>
      </c>
      <c r="C133048" s="14" t="s">
        <v>596</v>
      </c>
      <c r="D133048" s="14" t="s">
        <v>31</v>
      </c>
      <c r="E133048" s="15">
        <v>45564</v>
      </c>
      <c r="F133048" s="14" t="s">
        <v>15</v>
      </c>
      <c r="G133048" s="16">
        <v>0</v>
      </c>
    </row>
    <row r="133049" spans="1:7" x14ac:dyDescent="0.3">
      <c r="A133049" s="13" t="s">
        <v>602</v>
      </c>
      <c r="B133049" s="14" t="s">
        <v>1</v>
      </c>
      <c r="C133049" s="14" t="s">
        <v>596</v>
      </c>
      <c r="D133049" s="14" t="s">
        <v>31</v>
      </c>
      <c r="E133049" s="15">
        <v>45565</v>
      </c>
      <c r="F133049" s="14" t="s">
        <v>15</v>
      </c>
      <c r="G133049" s="16">
        <v>0</v>
      </c>
    </row>
    <row r="133050" spans="1:7" x14ac:dyDescent="0.3">
      <c r="A133050" s="13" t="s">
        <v>602</v>
      </c>
      <c r="B133050" s="14" t="s">
        <v>1</v>
      </c>
      <c r="C133050" s="14" t="s">
        <v>596</v>
      </c>
      <c r="D133050" s="14" t="s">
        <v>31</v>
      </c>
      <c r="E133050" s="15">
        <v>45566</v>
      </c>
      <c r="F133050" s="14" t="s">
        <v>15</v>
      </c>
      <c r="G133050" s="16">
        <v>0</v>
      </c>
    </row>
    <row r="133051" spans="1:7" x14ac:dyDescent="0.3">
      <c r="A133051" s="13" t="s">
        <v>602</v>
      </c>
      <c r="B133051" s="14" t="s">
        <v>1</v>
      </c>
      <c r="C133051" s="14" t="s">
        <v>596</v>
      </c>
      <c r="D133051" s="14" t="s">
        <v>31</v>
      </c>
      <c r="E133051" s="15">
        <v>45567</v>
      </c>
      <c r="F133051" s="14" t="s">
        <v>15</v>
      </c>
      <c r="G133051" s="16">
        <v>0</v>
      </c>
    </row>
    <row r="133052" spans="1:7" x14ac:dyDescent="0.3">
      <c r="A133052" s="13" t="s">
        <v>602</v>
      </c>
      <c r="B133052" s="14" t="s">
        <v>1</v>
      </c>
      <c r="C133052" s="14" t="s">
        <v>596</v>
      </c>
      <c r="D133052" s="14" t="s">
        <v>31</v>
      </c>
      <c r="E133052" s="15">
        <v>45568</v>
      </c>
      <c r="F133052" s="14" t="s">
        <v>15</v>
      </c>
      <c r="G133052" s="16">
        <v>0</v>
      </c>
    </row>
    <row r="133053" spans="1:7" x14ac:dyDescent="0.3">
      <c r="A133053" s="13" t="s">
        <v>602</v>
      </c>
      <c r="B133053" s="14" t="s">
        <v>1</v>
      </c>
      <c r="C133053" s="14" t="s">
        <v>596</v>
      </c>
      <c r="D133053" s="14" t="s">
        <v>31</v>
      </c>
      <c r="E133053" s="15">
        <v>45569</v>
      </c>
      <c r="F133053" s="14" t="s">
        <v>15</v>
      </c>
      <c r="G133053" s="16">
        <v>0</v>
      </c>
    </row>
    <row r="133054" spans="1:7" x14ac:dyDescent="0.3">
      <c r="A133054" s="13" t="s">
        <v>602</v>
      </c>
      <c r="B133054" s="14" t="s">
        <v>1</v>
      </c>
      <c r="C133054" s="14" t="s">
        <v>596</v>
      </c>
      <c r="D133054" s="14" t="s">
        <v>31</v>
      </c>
      <c r="E133054" s="15">
        <v>45570</v>
      </c>
      <c r="F133054" s="14" t="s">
        <v>15</v>
      </c>
      <c r="G133054" s="16">
        <v>0</v>
      </c>
    </row>
    <row r="133055" spans="1:7" x14ac:dyDescent="0.3">
      <c r="A133055" s="13" t="s">
        <v>602</v>
      </c>
      <c r="B133055" s="14" t="s">
        <v>1</v>
      </c>
      <c r="C133055" s="14" t="s">
        <v>596</v>
      </c>
      <c r="D133055" s="14" t="s">
        <v>31</v>
      </c>
      <c r="E133055" s="15">
        <v>45571</v>
      </c>
      <c r="F133055" s="14" t="s">
        <v>15</v>
      </c>
      <c r="G133055" s="16">
        <v>0</v>
      </c>
    </row>
    <row r="133056" spans="1:7" x14ac:dyDescent="0.3">
      <c r="A133056" s="13" t="s">
        <v>602</v>
      </c>
      <c r="B133056" s="14" t="s">
        <v>1</v>
      </c>
      <c r="C133056" s="14" t="s">
        <v>596</v>
      </c>
      <c r="D133056" s="14" t="s">
        <v>31</v>
      </c>
      <c r="E133056" s="15">
        <v>45572</v>
      </c>
      <c r="F133056" s="14" t="s">
        <v>15</v>
      </c>
      <c r="G133056" s="16">
        <v>0</v>
      </c>
    </row>
    <row r="133057" spans="1:7" x14ac:dyDescent="0.3">
      <c r="A133057" s="13" t="s">
        <v>602</v>
      </c>
      <c r="B133057" s="14" t="s">
        <v>1</v>
      </c>
      <c r="C133057" s="14" t="s">
        <v>596</v>
      </c>
      <c r="D133057" s="14" t="s">
        <v>31</v>
      </c>
      <c r="E133057" s="15">
        <v>45573</v>
      </c>
      <c r="F133057" s="14" t="s">
        <v>15</v>
      </c>
      <c r="G133057" s="16">
        <v>0</v>
      </c>
    </row>
    <row r="133058" spans="1:7" x14ac:dyDescent="0.3">
      <c r="A133058" s="13" t="s">
        <v>602</v>
      </c>
      <c r="B133058" s="14" t="s">
        <v>1</v>
      </c>
      <c r="C133058" s="14" t="s">
        <v>596</v>
      </c>
      <c r="D133058" s="14" t="s">
        <v>31</v>
      </c>
      <c r="E133058" s="15">
        <v>45574</v>
      </c>
      <c r="F133058" s="14" t="s">
        <v>15</v>
      </c>
      <c r="G133058" s="16">
        <v>0</v>
      </c>
    </row>
    <row r="133059" spans="1:7" x14ac:dyDescent="0.3">
      <c r="A133059" s="13" t="s">
        <v>602</v>
      </c>
      <c r="B133059" s="14" t="s">
        <v>1</v>
      </c>
      <c r="C133059" s="14" t="s">
        <v>596</v>
      </c>
      <c r="D133059" s="14" t="s">
        <v>31</v>
      </c>
      <c r="E133059" s="15">
        <v>45575</v>
      </c>
      <c r="F133059" s="14" t="s">
        <v>15</v>
      </c>
      <c r="G133059" s="16">
        <v>0</v>
      </c>
    </row>
    <row r="133060" spans="1:7" x14ac:dyDescent="0.3">
      <c r="A133060" s="13" t="s">
        <v>602</v>
      </c>
      <c r="B133060" s="14" t="s">
        <v>1</v>
      </c>
      <c r="C133060" s="14" t="s">
        <v>596</v>
      </c>
      <c r="D133060" s="14" t="s">
        <v>31</v>
      </c>
      <c r="E133060" s="15">
        <v>45576</v>
      </c>
      <c r="F133060" s="14" t="s">
        <v>15</v>
      </c>
      <c r="G133060" s="16">
        <v>0</v>
      </c>
    </row>
    <row r="133061" spans="1:7" x14ac:dyDescent="0.3">
      <c r="A133061" s="13" t="s">
        <v>602</v>
      </c>
      <c r="B133061" s="14" t="s">
        <v>1</v>
      </c>
      <c r="C133061" s="14" t="s">
        <v>596</v>
      </c>
      <c r="D133061" s="14" t="s">
        <v>31</v>
      </c>
      <c r="E133061" s="15">
        <v>45577</v>
      </c>
      <c r="F133061" s="14" t="s">
        <v>15</v>
      </c>
      <c r="G133061" s="16">
        <v>0</v>
      </c>
    </row>
    <row r="133062" spans="1:7" x14ac:dyDescent="0.3">
      <c r="A133062" s="13" t="s">
        <v>602</v>
      </c>
      <c r="B133062" s="14" t="s">
        <v>1</v>
      </c>
      <c r="C133062" s="14" t="s">
        <v>596</v>
      </c>
      <c r="D133062" s="14" t="s">
        <v>31</v>
      </c>
      <c r="E133062" s="15">
        <v>45578</v>
      </c>
      <c r="F133062" s="14" t="s">
        <v>15</v>
      </c>
      <c r="G133062" s="16">
        <v>0</v>
      </c>
    </row>
    <row r="133063" spans="1:7" x14ac:dyDescent="0.3">
      <c r="A133063" s="13" t="s">
        <v>602</v>
      </c>
      <c r="B133063" s="14" t="s">
        <v>1</v>
      </c>
      <c r="C133063" s="14" t="s">
        <v>596</v>
      </c>
      <c r="D133063" s="14" t="s">
        <v>31</v>
      </c>
      <c r="E133063" s="15">
        <v>45579</v>
      </c>
      <c r="F133063" s="14" t="s">
        <v>15</v>
      </c>
      <c r="G133063" s="16">
        <v>0</v>
      </c>
    </row>
    <row r="133064" spans="1:7" x14ac:dyDescent="0.3">
      <c r="A133064" s="13" t="s">
        <v>602</v>
      </c>
      <c r="B133064" s="14" t="s">
        <v>1</v>
      </c>
      <c r="C133064" s="14" t="s">
        <v>596</v>
      </c>
      <c r="D133064" s="14" t="s">
        <v>31</v>
      </c>
      <c r="E133064" s="15">
        <v>45580</v>
      </c>
      <c r="F133064" s="14" t="s">
        <v>15</v>
      </c>
      <c r="G133064" s="16">
        <v>0</v>
      </c>
    </row>
    <row r="133065" spans="1:7" x14ac:dyDescent="0.3">
      <c r="A133065" s="13" t="s">
        <v>602</v>
      </c>
      <c r="B133065" s="14" t="s">
        <v>1</v>
      </c>
      <c r="C133065" s="14" t="s">
        <v>596</v>
      </c>
      <c r="D133065" s="14" t="s">
        <v>31</v>
      </c>
      <c r="E133065" s="15">
        <v>45581</v>
      </c>
      <c r="F133065" s="14" t="s">
        <v>15</v>
      </c>
      <c r="G133065" s="16">
        <v>0</v>
      </c>
    </row>
    <row r="133066" spans="1:7" x14ac:dyDescent="0.3">
      <c r="A133066" s="13" t="s">
        <v>602</v>
      </c>
      <c r="B133066" s="14" t="s">
        <v>1</v>
      </c>
      <c r="C133066" s="14" t="s">
        <v>596</v>
      </c>
      <c r="D133066" s="14" t="s">
        <v>31</v>
      </c>
      <c r="E133066" s="15">
        <v>45582</v>
      </c>
      <c r="F133066" s="14" t="s">
        <v>15</v>
      </c>
      <c r="G133066" s="16">
        <v>0</v>
      </c>
    </row>
    <row r="133067" spans="1:7" x14ac:dyDescent="0.3">
      <c r="A133067" s="13" t="s">
        <v>602</v>
      </c>
      <c r="B133067" s="14" t="s">
        <v>1</v>
      </c>
      <c r="C133067" s="14" t="s">
        <v>596</v>
      </c>
      <c r="D133067" s="14" t="s">
        <v>31</v>
      </c>
      <c r="E133067" s="15">
        <v>45583</v>
      </c>
      <c r="F133067" s="14" t="s">
        <v>15</v>
      </c>
      <c r="G133067" s="16">
        <v>0</v>
      </c>
    </row>
    <row r="133068" spans="1:7" x14ac:dyDescent="0.3">
      <c r="A133068" s="13" t="s">
        <v>602</v>
      </c>
      <c r="B133068" s="14" t="s">
        <v>1</v>
      </c>
      <c r="C133068" s="14" t="s">
        <v>596</v>
      </c>
      <c r="D133068" s="14" t="s">
        <v>31</v>
      </c>
      <c r="E133068" s="15">
        <v>45584</v>
      </c>
      <c r="F133068" s="14" t="s">
        <v>15</v>
      </c>
      <c r="G133068" s="16">
        <v>0</v>
      </c>
    </row>
    <row r="133069" spans="1:7" x14ac:dyDescent="0.3">
      <c r="A133069" s="13" t="s">
        <v>602</v>
      </c>
      <c r="B133069" s="14" t="s">
        <v>1</v>
      </c>
      <c r="C133069" s="14" t="s">
        <v>596</v>
      </c>
      <c r="D133069" s="14" t="s">
        <v>31</v>
      </c>
      <c r="E133069" s="15">
        <v>45585</v>
      </c>
      <c r="F133069" s="14" t="s">
        <v>15</v>
      </c>
      <c r="G133069" s="16">
        <v>0</v>
      </c>
    </row>
    <row r="133070" spans="1:7" x14ac:dyDescent="0.3">
      <c r="A133070" s="13" t="s">
        <v>602</v>
      </c>
      <c r="B133070" s="14" t="s">
        <v>1</v>
      </c>
      <c r="C133070" s="14" t="s">
        <v>596</v>
      </c>
      <c r="D133070" s="14" t="s">
        <v>31</v>
      </c>
      <c r="E133070" s="15">
        <v>45586</v>
      </c>
      <c r="F133070" s="14" t="s">
        <v>15</v>
      </c>
      <c r="G133070" s="16">
        <v>0</v>
      </c>
    </row>
    <row r="133071" spans="1:7" x14ac:dyDescent="0.3">
      <c r="A133071" s="13" t="s">
        <v>602</v>
      </c>
      <c r="B133071" s="14" t="s">
        <v>1</v>
      </c>
      <c r="C133071" s="14" t="s">
        <v>596</v>
      </c>
      <c r="D133071" s="14" t="s">
        <v>31</v>
      </c>
      <c r="E133071" s="15">
        <v>45587</v>
      </c>
      <c r="F133071" s="14" t="s">
        <v>15</v>
      </c>
      <c r="G133071" s="16">
        <v>0</v>
      </c>
    </row>
    <row r="133072" spans="1:7" x14ac:dyDescent="0.3">
      <c r="A133072" s="13" t="s">
        <v>602</v>
      </c>
      <c r="B133072" s="14" t="s">
        <v>1</v>
      </c>
      <c r="C133072" s="14" t="s">
        <v>596</v>
      </c>
      <c r="D133072" s="14" t="s">
        <v>31</v>
      </c>
      <c r="E133072" s="15">
        <v>45588</v>
      </c>
      <c r="F133072" s="14" t="s">
        <v>15</v>
      </c>
      <c r="G133072" s="16">
        <v>0</v>
      </c>
    </row>
    <row r="133073" spans="1:7" x14ac:dyDescent="0.3">
      <c r="A133073" s="13" t="s">
        <v>602</v>
      </c>
      <c r="B133073" s="14" t="s">
        <v>1</v>
      </c>
      <c r="C133073" s="14" t="s">
        <v>596</v>
      </c>
      <c r="D133073" s="14" t="s">
        <v>31</v>
      </c>
      <c r="E133073" s="15">
        <v>45589</v>
      </c>
      <c r="F133073" s="14" t="s">
        <v>15</v>
      </c>
      <c r="G133073" s="16">
        <v>0</v>
      </c>
    </row>
    <row r="133074" spans="1:7" x14ac:dyDescent="0.3">
      <c r="A133074" s="13" t="s">
        <v>602</v>
      </c>
      <c r="B133074" s="14" t="s">
        <v>1</v>
      </c>
      <c r="C133074" s="14" t="s">
        <v>596</v>
      </c>
      <c r="D133074" s="14" t="s">
        <v>31</v>
      </c>
      <c r="E133074" s="15">
        <v>45590</v>
      </c>
      <c r="F133074" s="14" t="s">
        <v>15</v>
      </c>
      <c r="G133074" s="16">
        <v>0</v>
      </c>
    </row>
    <row r="133075" spans="1:7" x14ac:dyDescent="0.3">
      <c r="A133075" s="13" t="s">
        <v>602</v>
      </c>
      <c r="B133075" s="14" t="s">
        <v>1</v>
      </c>
      <c r="C133075" s="14" t="s">
        <v>596</v>
      </c>
      <c r="D133075" s="14" t="s">
        <v>31</v>
      </c>
      <c r="E133075" s="15">
        <v>45591</v>
      </c>
      <c r="F133075" s="14" t="s">
        <v>15</v>
      </c>
      <c r="G133075" s="16">
        <v>0</v>
      </c>
    </row>
    <row r="133076" spans="1:7" x14ac:dyDescent="0.3">
      <c r="A133076" s="13" t="s">
        <v>602</v>
      </c>
      <c r="B133076" s="14" t="s">
        <v>1</v>
      </c>
      <c r="C133076" s="14" t="s">
        <v>596</v>
      </c>
      <c r="D133076" s="14" t="s">
        <v>31</v>
      </c>
      <c r="E133076" s="15">
        <v>45592</v>
      </c>
      <c r="F133076" s="14" t="s">
        <v>15</v>
      </c>
      <c r="G133076" s="16">
        <v>0</v>
      </c>
    </row>
    <row r="133077" spans="1:7" x14ac:dyDescent="0.3">
      <c r="A133077" s="13" t="s">
        <v>602</v>
      </c>
      <c r="B133077" s="14" t="s">
        <v>1</v>
      </c>
      <c r="C133077" s="14" t="s">
        <v>596</v>
      </c>
      <c r="D133077" s="14" t="s">
        <v>31</v>
      </c>
      <c r="E133077" s="15">
        <v>45593</v>
      </c>
      <c r="F133077" s="14" t="s">
        <v>15</v>
      </c>
      <c r="G133077" s="16">
        <v>0</v>
      </c>
    </row>
    <row r="133078" spans="1:7" x14ac:dyDescent="0.3">
      <c r="A133078" s="13" t="s">
        <v>602</v>
      </c>
      <c r="B133078" s="14" t="s">
        <v>1</v>
      </c>
      <c r="C133078" s="14" t="s">
        <v>596</v>
      </c>
      <c r="D133078" s="14" t="s">
        <v>31</v>
      </c>
      <c r="E133078" s="15">
        <v>45594</v>
      </c>
      <c r="F133078" s="14" t="s">
        <v>15</v>
      </c>
      <c r="G133078" s="16">
        <v>0</v>
      </c>
    </row>
    <row r="133079" spans="1:7" x14ac:dyDescent="0.3">
      <c r="A133079" s="13" t="s">
        <v>602</v>
      </c>
      <c r="B133079" s="14" t="s">
        <v>1</v>
      </c>
      <c r="C133079" s="14" t="s">
        <v>596</v>
      </c>
      <c r="D133079" s="14" t="s">
        <v>31</v>
      </c>
      <c r="E133079" s="15">
        <v>45595</v>
      </c>
      <c r="F133079" s="14" t="s">
        <v>15</v>
      </c>
      <c r="G133079" s="16">
        <v>0</v>
      </c>
    </row>
    <row r="133080" spans="1:7" x14ac:dyDescent="0.3">
      <c r="A133080" s="13" t="s">
        <v>602</v>
      </c>
      <c r="B133080" s="14" t="s">
        <v>1</v>
      </c>
      <c r="C133080" s="14" t="s">
        <v>596</v>
      </c>
      <c r="D133080" s="14" t="s">
        <v>31</v>
      </c>
      <c r="E133080" s="15">
        <v>45596</v>
      </c>
      <c r="F133080" s="14" t="s">
        <v>15</v>
      </c>
      <c r="G133080" s="16">
        <v>0</v>
      </c>
    </row>
    <row r="133081" spans="1:7" x14ac:dyDescent="0.3">
      <c r="A133081" s="13" t="s">
        <v>602</v>
      </c>
      <c r="B133081" s="14" t="s">
        <v>1</v>
      </c>
      <c r="C133081" s="14" t="s">
        <v>596</v>
      </c>
      <c r="D133081" s="14" t="s">
        <v>31</v>
      </c>
      <c r="E133081" s="15">
        <v>45597</v>
      </c>
      <c r="F133081" s="14" t="s">
        <v>15</v>
      </c>
      <c r="G133081" s="16">
        <v>0</v>
      </c>
    </row>
    <row r="133082" spans="1:7" x14ac:dyDescent="0.3">
      <c r="A133082" s="13" t="s">
        <v>602</v>
      </c>
      <c r="B133082" s="14" t="s">
        <v>1</v>
      </c>
      <c r="C133082" s="14" t="s">
        <v>596</v>
      </c>
      <c r="D133082" s="14" t="s">
        <v>31</v>
      </c>
      <c r="E133082" s="15">
        <v>45598</v>
      </c>
      <c r="F133082" s="14" t="s">
        <v>15</v>
      </c>
      <c r="G133082" s="16">
        <v>0</v>
      </c>
    </row>
    <row r="133083" spans="1:7" x14ac:dyDescent="0.3">
      <c r="A133083" s="13" t="s">
        <v>602</v>
      </c>
      <c r="B133083" s="14" t="s">
        <v>1</v>
      </c>
      <c r="C133083" s="14" t="s">
        <v>596</v>
      </c>
      <c r="D133083" s="14" t="s">
        <v>31</v>
      </c>
      <c r="E133083" s="15">
        <v>45599</v>
      </c>
      <c r="F133083" s="14" t="s">
        <v>15</v>
      </c>
      <c r="G133083" s="16">
        <v>0</v>
      </c>
    </row>
    <row r="133084" spans="1:7" x14ac:dyDescent="0.3">
      <c r="A133084" s="13" t="s">
        <v>602</v>
      </c>
      <c r="B133084" s="14" t="s">
        <v>1</v>
      </c>
      <c r="C133084" s="14" t="s">
        <v>596</v>
      </c>
      <c r="D133084" s="14" t="s">
        <v>31</v>
      </c>
      <c r="E133084" s="15">
        <v>45600</v>
      </c>
      <c r="F133084" s="14" t="s">
        <v>15</v>
      </c>
      <c r="G133084" s="16">
        <v>0</v>
      </c>
    </row>
    <row r="133085" spans="1:7" x14ac:dyDescent="0.3">
      <c r="A133085" s="13" t="s">
        <v>602</v>
      </c>
      <c r="B133085" s="14" t="s">
        <v>1</v>
      </c>
      <c r="C133085" s="14" t="s">
        <v>596</v>
      </c>
      <c r="D133085" s="14" t="s">
        <v>31</v>
      </c>
      <c r="E133085" s="15">
        <v>45601</v>
      </c>
      <c r="F133085" s="14" t="s">
        <v>15</v>
      </c>
      <c r="G133085" s="16">
        <v>0</v>
      </c>
    </row>
    <row r="133086" spans="1:7" x14ac:dyDescent="0.3">
      <c r="A133086" s="13" t="s">
        <v>602</v>
      </c>
      <c r="B133086" s="14" t="s">
        <v>1</v>
      </c>
      <c r="C133086" s="14" t="s">
        <v>596</v>
      </c>
      <c r="D133086" s="14" t="s">
        <v>31</v>
      </c>
      <c r="E133086" s="15">
        <v>45602</v>
      </c>
      <c r="F133086" s="14" t="s">
        <v>15</v>
      </c>
      <c r="G133086" s="16">
        <v>0</v>
      </c>
    </row>
    <row r="133087" spans="1:7" x14ac:dyDescent="0.3">
      <c r="A133087" s="13" t="s">
        <v>602</v>
      </c>
      <c r="B133087" s="14" t="s">
        <v>1</v>
      </c>
      <c r="C133087" s="14" t="s">
        <v>596</v>
      </c>
      <c r="D133087" s="14" t="s">
        <v>31</v>
      </c>
      <c r="E133087" s="15">
        <v>45603</v>
      </c>
      <c r="F133087" s="14" t="s">
        <v>15</v>
      </c>
      <c r="G133087" s="16">
        <v>0</v>
      </c>
    </row>
    <row r="133088" spans="1:7" x14ac:dyDescent="0.3">
      <c r="A133088" s="13" t="s">
        <v>602</v>
      </c>
      <c r="B133088" s="14" t="s">
        <v>1</v>
      </c>
      <c r="C133088" s="14" t="s">
        <v>596</v>
      </c>
      <c r="D133088" s="14" t="s">
        <v>31</v>
      </c>
      <c r="E133088" s="15">
        <v>45604</v>
      </c>
      <c r="F133088" s="14" t="s">
        <v>15</v>
      </c>
      <c r="G133088" s="16">
        <v>0</v>
      </c>
    </row>
    <row r="133089" spans="1:7" x14ac:dyDescent="0.3">
      <c r="A133089" s="13" t="s">
        <v>602</v>
      </c>
      <c r="B133089" s="14" t="s">
        <v>1</v>
      </c>
      <c r="C133089" s="14" t="s">
        <v>596</v>
      </c>
      <c r="D133089" s="14" t="s">
        <v>31</v>
      </c>
      <c r="E133089" s="15">
        <v>45605</v>
      </c>
      <c r="F133089" s="14" t="s">
        <v>15</v>
      </c>
      <c r="G133089" s="16">
        <v>0</v>
      </c>
    </row>
    <row r="133090" spans="1:7" x14ac:dyDescent="0.3">
      <c r="A133090" s="13" t="s">
        <v>602</v>
      </c>
      <c r="B133090" s="14" t="s">
        <v>1</v>
      </c>
      <c r="C133090" s="14" t="s">
        <v>596</v>
      </c>
      <c r="D133090" s="14" t="s">
        <v>31</v>
      </c>
      <c r="E133090" s="15">
        <v>45606</v>
      </c>
      <c r="F133090" s="14" t="s">
        <v>15</v>
      </c>
      <c r="G133090" s="16">
        <v>0</v>
      </c>
    </row>
    <row r="133091" spans="1:7" x14ac:dyDescent="0.3">
      <c r="A133091" s="13" t="s">
        <v>602</v>
      </c>
      <c r="B133091" s="14" t="s">
        <v>1</v>
      </c>
      <c r="C133091" s="14" t="s">
        <v>596</v>
      </c>
      <c r="D133091" s="14" t="s">
        <v>31</v>
      </c>
      <c r="E133091" s="15">
        <v>45607</v>
      </c>
      <c r="F133091" s="14" t="s">
        <v>15</v>
      </c>
      <c r="G133091" s="16">
        <v>0</v>
      </c>
    </row>
    <row r="133092" spans="1:7" x14ac:dyDescent="0.3">
      <c r="A133092" s="13" t="s">
        <v>602</v>
      </c>
      <c r="B133092" s="14" t="s">
        <v>1</v>
      </c>
      <c r="C133092" s="14" t="s">
        <v>596</v>
      </c>
      <c r="D133092" s="14" t="s">
        <v>31</v>
      </c>
      <c r="E133092" s="15">
        <v>45608</v>
      </c>
      <c r="F133092" s="14" t="s">
        <v>15</v>
      </c>
      <c r="G133092" s="16">
        <v>0</v>
      </c>
    </row>
    <row r="133093" spans="1:7" x14ac:dyDescent="0.3">
      <c r="A133093" s="13" t="s">
        <v>602</v>
      </c>
      <c r="B133093" s="14" t="s">
        <v>1</v>
      </c>
      <c r="C133093" s="14" t="s">
        <v>596</v>
      </c>
      <c r="D133093" s="14" t="s">
        <v>31</v>
      </c>
      <c r="E133093" s="15">
        <v>45609</v>
      </c>
      <c r="F133093" s="14" t="s">
        <v>15</v>
      </c>
      <c r="G133093" s="16">
        <v>0</v>
      </c>
    </row>
    <row r="133094" spans="1:7" x14ac:dyDescent="0.3">
      <c r="A133094" s="13" t="s">
        <v>602</v>
      </c>
      <c r="B133094" s="14" t="s">
        <v>1</v>
      </c>
      <c r="C133094" s="14" t="s">
        <v>596</v>
      </c>
      <c r="D133094" s="14" t="s">
        <v>31</v>
      </c>
      <c r="E133094" s="15">
        <v>45610</v>
      </c>
      <c r="F133094" s="14" t="s">
        <v>15</v>
      </c>
      <c r="G133094" s="16">
        <v>0</v>
      </c>
    </row>
    <row r="133095" spans="1:7" x14ac:dyDescent="0.3">
      <c r="A133095" s="13" t="s">
        <v>602</v>
      </c>
      <c r="B133095" s="14" t="s">
        <v>1</v>
      </c>
      <c r="C133095" s="14" t="s">
        <v>596</v>
      </c>
      <c r="D133095" s="14" t="s">
        <v>31</v>
      </c>
      <c r="E133095" s="15">
        <v>45611</v>
      </c>
      <c r="F133095" s="14" t="s">
        <v>15</v>
      </c>
      <c r="G133095" s="16">
        <v>0</v>
      </c>
    </row>
    <row r="133096" spans="1:7" x14ac:dyDescent="0.3">
      <c r="A133096" s="13" t="s">
        <v>602</v>
      </c>
      <c r="B133096" s="14" t="s">
        <v>1</v>
      </c>
      <c r="C133096" s="14" t="s">
        <v>596</v>
      </c>
      <c r="D133096" s="14" t="s">
        <v>31</v>
      </c>
      <c r="E133096" s="15">
        <v>45612</v>
      </c>
      <c r="F133096" s="14" t="s">
        <v>15</v>
      </c>
      <c r="G133096" s="16">
        <v>0</v>
      </c>
    </row>
    <row r="133097" spans="1:7" x14ac:dyDescent="0.3">
      <c r="A133097" s="13" t="s">
        <v>602</v>
      </c>
      <c r="B133097" s="14" t="s">
        <v>1</v>
      </c>
      <c r="C133097" s="14" t="s">
        <v>596</v>
      </c>
      <c r="D133097" s="14" t="s">
        <v>31</v>
      </c>
      <c r="E133097" s="15">
        <v>45613</v>
      </c>
      <c r="F133097" s="14" t="s">
        <v>15</v>
      </c>
      <c r="G133097" s="16">
        <v>0</v>
      </c>
    </row>
    <row r="133098" spans="1:7" x14ac:dyDescent="0.3">
      <c r="A133098" s="13" t="s">
        <v>602</v>
      </c>
      <c r="B133098" s="14" t="s">
        <v>1</v>
      </c>
      <c r="C133098" s="14" t="s">
        <v>596</v>
      </c>
      <c r="D133098" s="14" t="s">
        <v>31</v>
      </c>
      <c r="E133098" s="15">
        <v>45614</v>
      </c>
      <c r="F133098" s="14" t="s">
        <v>15</v>
      </c>
      <c r="G133098" s="16">
        <v>0</v>
      </c>
    </row>
    <row r="133099" spans="1:7" x14ac:dyDescent="0.3">
      <c r="A133099" s="13" t="s">
        <v>602</v>
      </c>
      <c r="B133099" s="14" t="s">
        <v>1</v>
      </c>
      <c r="C133099" s="14" t="s">
        <v>596</v>
      </c>
      <c r="D133099" s="14" t="s">
        <v>31</v>
      </c>
      <c r="E133099" s="15">
        <v>45615</v>
      </c>
      <c r="F133099" s="14" t="s">
        <v>15</v>
      </c>
      <c r="G133099" s="16">
        <v>0</v>
      </c>
    </row>
    <row r="133100" spans="1:7" x14ac:dyDescent="0.3">
      <c r="A133100" s="13" t="s">
        <v>602</v>
      </c>
      <c r="B133100" s="14" t="s">
        <v>1</v>
      </c>
      <c r="C133100" s="14" t="s">
        <v>596</v>
      </c>
      <c r="D133100" s="14" t="s">
        <v>31</v>
      </c>
      <c r="E133100" s="15">
        <v>45616</v>
      </c>
      <c r="F133100" s="14" t="s">
        <v>15</v>
      </c>
      <c r="G133100" s="16">
        <v>0</v>
      </c>
    </row>
    <row r="133101" spans="1:7" x14ac:dyDescent="0.3">
      <c r="A133101" s="13" t="s">
        <v>602</v>
      </c>
      <c r="B133101" s="14" t="s">
        <v>1</v>
      </c>
      <c r="C133101" s="14" t="s">
        <v>596</v>
      </c>
      <c r="D133101" s="14" t="s">
        <v>31</v>
      </c>
      <c r="E133101" s="15">
        <v>45617</v>
      </c>
      <c r="F133101" s="14" t="s">
        <v>15</v>
      </c>
      <c r="G133101" s="16">
        <v>0</v>
      </c>
    </row>
    <row r="133102" spans="1:7" x14ac:dyDescent="0.3">
      <c r="A133102" s="13" t="s">
        <v>602</v>
      </c>
      <c r="B133102" s="14" t="s">
        <v>1</v>
      </c>
      <c r="C133102" s="14" t="s">
        <v>596</v>
      </c>
      <c r="D133102" s="14" t="s">
        <v>31</v>
      </c>
      <c r="E133102" s="15">
        <v>45618</v>
      </c>
      <c r="F133102" s="14" t="s">
        <v>15</v>
      </c>
      <c r="G133102" s="16">
        <v>0</v>
      </c>
    </row>
    <row r="133103" spans="1:7" x14ac:dyDescent="0.3">
      <c r="A133103" s="13" t="s">
        <v>602</v>
      </c>
      <c r="B133103" s="14" t="s">
        <v>1</v>
      </c>
      <c r="C133103" s="14" t="s">
        <v>596</v>
      </c>
      <c r="D133103" s="14" t="s">
        <v>31</v>
      </c>
      <c r="E133103" s="15">
        <v>45619</v>
      </c>
      <c r="F133103" s="14" t="s">
        <v>15</v>
      </c>
      <c r="G133103" s="16">
        <v>0</v>
      </c>
    </row>
    <row r="133104" spans="1:7" x14ac:dyDescent="0.3">
      <c r="A133104" s="13" t="s">
        <v>602</v>
      </c>
      <c r="B133104" s="14" t="s">
        <v>1</v>
      </c>
      <c r="C133104" s="14" t="s">
        <v>596</v>
      </c>
      <c r="D133104" s="14" t="s">
        <v>31</v>
      </c>
      <c r="E133104" s="15">
        <v>45620</v>
      </c>
      <c r="F133104" s="14" t="s">
        <v>15</v>
      </c>
      <c r="G133104" s="16">
        <v>0</v>
      </c>
    </row>
    <row r="133105" spans="1:7" x14ac:dyDescent="0.3">
      <c r="A133105" s="13" t="s">
        <v>602</v>
      </c>
      <c r="B133105" s="14" t="s">
        <v>1</v>
      </c>
      <c r="C133105" s="14" t="s">
        <v>596</v>
      </c>
      <c r="D133105" s="14" t="s">
        <v>31</v>
      </c>
      <c r="E133105" s="15">
        <v>45621</v>
      </c>
      <c r="F133105" s="14" t="s">
        <v>15</v>
      </c>
      <c r="G133105" s="16">
        <v>0</v>
      </c>
    </row>
    <row r="133106" spans="1:7" x14ac:dyDescent="0.3">
      <c r="A133106" s="13" t="s">
        <v>602</v>
      </c>
      <c r="B133106" s="14" t="s">
        <v>1</v>
      </c>
      <c r="C133106" s="14" t="s">
        <v>596</v>
      </c>
      <c r="D133106" s="14" t="s">
        <v>31</v>
      </c>
      <c r="E133106" s="15">
        <v>45622</v>
      </c>
      <c r="F133106" s="14" t="s">
        <v>15</v>
      </c>
      <c r="G133106" s="16">
        <v>0</v>
      </c>
    </row>
    <row r="133107" spans="1:7" x14ac:dyDescent="0.3">
      <c r="A133107" s="13" t="s">
        <v>602</v>
      </c>
      <c r="B133107" s="14" t="s">
        <v>1</v>
      </c>
      <c r="C133107" s="14" t="s">
        <v>596</v>
      </c>
      <c r="D133107" s="14" t="s">
        <v>31</v>
      </c>
      <c r="E133107" s="15">
        <v>45623</v>
      </c>
      <c r="F133107" s="14" t="s">
        <v>15</v>
      </c>
      <c r="G133107" s="16">
        <v>0</v>
      </c>
    </row>
    <row r="133108" spans="1:7" x14ac:dyDescent="0.3">
      <c r="A133108" s="13" t="s">
        <v>602</v>
      </c>
      <c r="B133108" s="14" t="s">
        <v>1</v>
      </c>
      <c r="C133108" s="14" t="s">
        <v>596</v>
      </c>
      <c r="D133108" s="14" t="s">
        <v>31</v>
      </c>
      <c r="E133108" s="15">
        <v>45624</v>
      </c>
      <c r="F133108" s="14" t="s">
        <v>15</v>
      </c>
      <c r="G133108" s="16">
        <v>0</v>
      </c>
    </row>
    <row r="133109" spans="1:7" x14ac:dyDescent="0.3">
      <c r="A133109" s="13" t="s">
        <v>602</v>
      </c>
      <c r="B133109" s="14" t="s">
        <v>1</v>
      </c>
      <c r="C133109" s="14" t="s">
        <v>596</v>
      </c>
      <c r="D133109" s="14" t="s">
        <v>31</v>
      </c>
      <c r="E133109" s="15">
        <v>45625</v>
      </c>
      <c r="F133109" s="14" t="s">
        <v>15</v>
      </c>
      <c r="G133109" s="16">
        <v>0</v>
      </c>
    </row>
    <row r="133110" spans="1:7" x14ac:dyDescent="0.3">
      <c r="A133110" s="13" t="s">
        <v>602</v>
      </c>
      <c r="B133110" s="14" t="s">
        <v>1</v>
      </c>
      <c r="C133110" s="14" t="s">
        <v>596</v>
      </c>
      <c r="D133110" s="14" t="s">
        <v>31</v>
      </c>
      <c r="E133110" s="15">
        <v>45626</v>
      </c>
      <c r="F133110" s="14" t="s">
        <v>15</v>
      </c>
      <c r="G133110" s="16">
        <v>0</v>
      </c>
    </row>
    <row r="133111" spans="1:7" x14ac:dyDescent="0.3">
      <c r="A133111" s="13" t="s">
        <v>602</v>
      </c>
      <c r="B133111" s="14" t="s">
        <v>1</v>
      </c>
      <c r="C133111" s="14" t="s">
        <v>596</v>
      </c>
      <c r="D133111" s="14" t="s">
        <v>31</v>
      </c>
      <c r="E133111" s="15">
        <v>45627</v>
      </c>
      <c r="F133111" s="14" t="s">
        <v>15</v>
      </c>
      <c r="G133111" s="16">
        <v>0</v>
      </c>
    </row>
    <row r="133112" spans="1:7" x14ac:dyDescent="0.3">
      <c r="A133112" s="13" t="s">
        <v>602</v>
      </c>
      <c r="B133112" s="14" t="s">
        <v>1</v>
      </c>
      <c r="C133112" s="14" t="s">
        <v>596</v>
      </c>
      <c r="D133112" s="14" t="s">
        <v>31</v>
      </c>
      <c r="E133112" s="15">
        <v>45628</v>
      </c>
      <c r="F133112" s="14" t="s">
        <v>15</v>
      </c>
      <c r="G133112" s="16">
        <v>0</v>
      </c>
    </row>
    <row r="133113" spans="1:7" x14ac:dyDescent="0.3">
      <c r="A133113" s="13" t="s">
        <v>602</v>
      </c>
      <c r="B133113" s="14" t="s">
        <v>1</v>
      </c>
      <c r="C133113" s="14" t="s">
        <v>596</v>
      </c>
      <c r="D133113" s="14" t="s">
        <v>31</v>
      </c>
      <c r="E133113" s="15">
        <v>45629</v>
      </c>
      <c r="F133113" s="14" t="s">
        <v>15</v>
      </c>
      <c r="G133113" s="16">
        <v>0</v>
      </c>
    </row>
    <row r="133114" spans="1:7" x14ac:dyDescent="0.3">
      <c r="A133114" s="13" t="s">
        <v>602</v>
      </c>
      <c r="B133114" s="14" t="s">
        <v>1</v>
      </c>
      <c r="C133114" s="14" t="s">
        <v>596</v>
      </c>
      <c r="D133114" s="14" t="s">
        <v>31</v>
      </c>
      <c r="E133114" s="15">
        <v>45630</v>
      </c>
      <c r="F133114" s="14" t="s">
        <v>15</v>
      </c>
      <c r="G133114" s="16">
        <v>0</v>
      </c>
    </row>
    <row r="133115" spans="1:7" x14ac:dyDescent="0.3">
      <c r="A133115" s="13" t="s">
        <v>602</v>
      </c>
      <c r="B133115" s="14" t="s">
        <v>1</v>
      </c>
      <c r="C133115" s="14" t="s">
        <v>596</v>
      </c>
      <c r="D133115" s="14" t="s">
        <v>31</v>
      </c>
      <c r="E133115" s="15">
        <v>45631</v>
      </c>
      <c r="F133115" s="14" t="s">
        <v>15</v>
      </c>
      <c r="G133115" s="16">
        <v>0</v>
      </c>
    </row>
    <row r="133116" spans="1:7" x14ac:dyDescent="0.3">
      <c r="A133116" s="13" t="s">
        <v>602</v>
      </c>
      <c r="B133116" s="14" t="s">
        <v>1</v>
      </c>
      <c r="C133116" s="14" t="s">
        <v>596</v>
      </c>
      <c r="D133116" s="14" t="s">
        <v>31</v>
      </c>
      <c r="E133116" s="15">
        <v>45632</v>
      </c>
      <c r="F133116" s="14" t="s">
        <v>15</v>
      </c>
      <c r="G133116" s="16">
        <v>0</v>
      </c>
    </row>
    <row r="133117" spans="1:7" x14ac:dyDescent="0.3">
      <c r="A133117" s="13" t="s">
        <v>602</v>
      </c>
      <c r="B133117" s="14" t="s">
        <v>1</v>
      </c>
      <c r="C133117" s="14" t="s">
        <v>596</v>
      </c>
      <c r="D133117" s="14" t="s">
        <v>31</v>
      </c>
      <c r="E133117" s="15">
        <v>45633</v>
      </c>
      <c r="F133117" s="14" t="s">
        <v>15</v>
      </c>
      <c r="G133117" s="16">
        <v>0</v>
      </c>
    </row>
    <row r="133118" spans="1:7" x14ac:dyDescent="0.3">
      <c r="A133118" s="13" t="s">
        <v>602</v>
      </c>
      <c r="B133118" s="14" t="s">
        <v>1</v>
      </c>
      <c r="C133118" s="14" t="s">
        <v>596</v>
      </c>
      <c r="D133118" s="14" t="s">
        <v>31</v>
      </c>
      <c r="E133118" s="15">
        <v>45634</v>
      </c>
      <c r="F133118" s="14" t="s">
        <v>15</v>
      </c>
      <c r="G133118" s="16">
        <v>0</v>
      </c>
    </row>
    <row r="133119" spans="1:7" x14ac:dyDescent="0.3">
      <c r="A133119" s="13" t="s">
        <v>602</v>
      </c>
      <c r="B133119" s="14" t="s">
        <v>1</v>
      </c>
      <c r="C133119" s="14" t="s">
        <v>596</v>
      </c>
      <c r="D133119" s="14" t="s">
        <v>31</v>
      </c>
      <c r="E133119" s="15">
        <v>45635</v>
      </c>
      <c r="F133119" s="14" t="s">
        <v>15</v>
      </c>
      <c r="G133119" s="16">
        <v>0</v>
      </c>
    </row>
    <row r="133120" spans="1:7" x14ac:dyDescent="0.3">
      <c r="A133120" s="13" t="s">
        <v>602</v>
      </c>
      <c r="B133120" s="14" t="s">
        <v>1</v>
      </c>
      <c r="C133120" s="14" t="s">
        <v>596</v>
      </c>
      <c r="D133120" s="14" t="s">
        <v>31</v>
      </c>
      <c r="E133120" s="15">
        <v>45636</v>
      </c>
      <c r="F133120" s="14" t="s">
        <v>15</v>
      </c>
      <c r="G133120" s="16">
        <v>0</v>
      </c>
    </row>
    <row r="133121" spans="1:7" x14ac:dyDescent="0.3">
      <c r="A133121" s="13" t="s">
        <v>602</v>
      </c>
      <c r="B133121" s="14" t="s">
        <v>1</v>
      </c>
      <c r="C133121" s="14" t="s">
        <v>596</v>
      </c>
      <c r="D133121" s="14" t="s">
        <v>31</v>
      </c>
      <c r="E133121" s="15">
        <v>45637</v>
      </c>
      <c r="F133121" s="14" t="s">
        <v>15</v>
      </c>
      <c r="G133121" s="16">
        <v>0</v>
      </c>
    </row>
    <row r="133122" spans="1:7" x14ac:dyDescent="0.3">
      <c r="A133122" s="13" t="s">
        <v>602</v>
      </c>
      <c r="B133122" s="14" t="s">
        <v>1</v>
      </c>
      <c r="C133122" s="14" t="s">
        <v>596</v>
      </c>
      <c r="D133122" s="14" t="s">
        <v>31</v>
      </c>
      <c r="E133122" s="15">
        <v>45638</v>
      </c>
      <c r="F133122" s="14" t="s">
        <v>15</v>
      </c>
      <c r="G133122" s="16">
        <v>0</v>
      </c>
    </row>
    <row r="133123" spans="1:7" x14ac:dyDescent="0.3">
      <c r="A133123" s="13" t="s">
        <v>602</v>
      </c>
      <c r="B133123" s="14" t="s">
        <v>1</v>
      </c>
      <c r="C133123" s="14" t="s">
        <v>596</v>
      </c>
      <c r="D133123" s="14" t="s">
        <v>31</v>
      </c>
      <c r="E133123" s="15">
        <v>45639</v>
      </c>
      <c r="F133123" s="14" t="s">
        <v>15</v>
      </c>
      <c r="G133123" s="16">
        <v>0</v>
      </c>
    </row>
    <row r="133124" spans="1:7" x14ac:dyDescent="0.3">
      <c r="A133124" s="13" t="s">
        <v>602</v>
      </c>
      <c r="B133124" s="14" t="s">
        <v>1</v>
      </c>
      <c r="C133124" s="14" t="s">
        <v>596</v>
      </c>
      <c r="D133124" s="14" t="s">
        <v>31</v>
      </c>
      <c r="E133124" s="15">
        <v>45640</v>
      </c>
      <c r="F133124" s="14" t="s">
        <v>15</v>
      </c>
      <c r="G133124" s="16">
        <v>0</v>
      </c>
    </row>
    <row r="133125" spans="1:7" x14ac:dyDescent="0.3">
      <c r="A133125" s="13" t="s">
        <v>602</v>
      </c>
      <c r="B133125" s="14" t="s">
        <v>1</v>
      </c>
      <c r="C133125" s="14" t="s">
        <v>596</v>
      </c>
      <c r="D133125" s="14" t="s">
        <v>31</v>
      </c>
      <c r="E133125" s="15">
        <v>45641</v>
      </c>
      <c r="F133125" s="14" t="s">
        <v>15</v>
      </c>
      <c r="G133125" s="16">
        <v>0</v>
      </c>
    </row>
    <row r="133126" spans="1:7" x14ac:dyDescent="0.3">
      <c r="A133126" s="13" t="s">
        <v>602</v>
      </c>
      <c r="B133126" s="14" t="s">
        <v>1</v>
      </c>
      <c r="C133126" s="14" t="s">
        <v>596</v>
      </c>
      <c r="D133126" s="14" t="s">
        <v>31</v>
      </c>
      <c r="E133126" s="15">
        <v>45642</v>
      </c>
      <c r="F133126" s="14" t="s">
        <v>15</v>
      </c>
      <c r="G133126" s="16">
        <v>0</v>
      </c>
    </row>
    <row r="133127" spans="1:7" x14ac:dyDescent="0.3">
      <c r="A133127" s="13" t="s">
        <v>602</v>
      </c>
      <c r="B133127" s="14" t="s">
        <v>1</v>
      </c>
      <c r="C133127" s="14" t="s">
        <v>596</v>
      </c>
      <c r="D133127" s="14" t="s">
        <v>31</v>
      </c>
      <c r="E133127" s="15">
        <v>45643</v>
      </c>
      <c r="F133127" s="14" t="s">
        <v>15</v>
      </c>
      <c r="G133127" s="16">
        <v>0</v>
      </c>
    </row>
    <row r="133128" spans="1:7" x14ac:dyDescent="0.3">
      <c r="A133128" s="13" t="s">
        <v>602</v>
      </c>
      <c r="B133128" s="14" t="s">
        <v>1</v>
      </c>
      <c r="C133128" s="14" t="s">
        <v>596</v>
      </c>
      <c r="D133128" s="14" t="s">
        <v>31</v>
      </c>
      <c r="E133128" s="15">
        <v>45644</v>
      </c>
      <c r="F133128" s="14" t="s">
        <v>15</v>
      </c>
      <c r="G133128" s="16">
        <v>0</v>
      </c>
    </row>
    <row r="133129" spans="1:7" x14ac:dyDescent="0.3">
      <c r="A133129" s="13" t="s">
        <v>602</v>
      </c>
      <c r="B133129" s="14" t="s">
        <v>1</v>
      </c>
      <c r="C133129" s="14" t="s">
        <v>596</v>
      </c>
      <c r="D133129" s="14" t="s">
        <v>31</v>
      </c>
      <c r="E133129" s="15">
        <v>45645</v>
      </c>
      <c r="F133129" s="14" t="s">
        <v>15</v>
      </c>
      <c r="G133129" s="16">
        <v>0</v>
      </c>
    </row>
    <row r="133130" spans="1:7" x14ac:dyDescent="0.3">
      <c r="A133130" s="13" t="s">
        <v>602</v>
      </c>
      <c r="B133130" s="14" t="s">
        <v>1</v>
      </c>
      <c r="C133130" s="14" t="s">
        <v>596</v>
      </c>
      <c r="D133130" s="14" t="s">
        <v>31</v>
      </c>
      <c r="E133130" s="15">
        <v>45646</v>
      </c>
      <c r="F133130" s="14" t="s">
        <v>15</v>
      </c>
      <c r="G133130" s="16">
        <v>0</v>
      </c>
    </row>
    <row r="133131" spans="1:7" x14ac:dyDescent="0.3">
      <c r="A133131" s="13" t="s">
        <v>602</v>
      </c>
      <c r="B133131" s="14" t="s">
        <v>1</v>
      </c>
      <c r="C133131" s="14" t="s">
        <v>596</v>
      </c>
      <c r="D133131" s="14" t="s">
        <v>31</v>
      </c>
      <c r="E133131" s="15">
        <v>45647</v>
      </c>
      <c r="F133131" s="14" t="s">
        <v>15</v>
      </c>
      <c r="G133131" s="16">
        <v>0</v>
      </c>
    </row>
    <row r="133132" spans="1:7" x14ac:dyDescent="0.3">
      <c r="A133132" s="13" t="s">
        <v>602</v>
      </c>
      <c r="B133132" s="14" t="s">
        <v>1</v>
      </c>
      <c r="C133132" s="14" t="s">
        <v>596</v>
      </c>
      <c r="D133132" s="14" t="s">
        <v>31</v>
      </c>
      <c r="E133132" s="15">
        <v>45648</v>
      </c>
      <c r="F133132" s="14" t="s">
        <v>15</v>
      </c>
      <c r="G133132" s="16">
        <v>0</v>
      </c>
    </row>
    <row r="133133" spans="1:7" x14ac:dyDescent="0.3">
      <c r="A133133" s="13" t="s">
        <v>602</v>
      </c>
      <c r="B133133" s="14" t="s">
        <v>1</v>
      </c>
      <c r="C133133" s="14" t="s">
        <v>596</v>
      </c>
      <c r="D133133" s="14" t="s">
        <v>31</v>
      </c>
      <c r="E133133" s="15">
        <v>45649</v>
      </c>
      <c r="F133133" s="14" t="s">
        <v>15</v>
      </c>
      <c r="G133133" s="16">
        <v>0</v>
      </c>
    </row>
    <row r="133134" spans="1:7" x14ac:dyDescent="0.3">
      <c r="A133134" s="13" t="s">
        <v>602</v>
      </c>
      <c r="B133134" s="14" t="s">
        <v>1</v>
      </c>
      <c r="C133134" s="14" t="s">
        <v>596</v>
      </c>
      <c r="D133134" s="14" t="s">
        <v>31</v>
      </c>
      <c r="E133134" s="15">
        <v>45650</v>
      </c>
      <c r="F133134" s="14" t="s">
        <v>15</v>
      </c>
      <c r="G133134" s="16">
        <v>0</v>
      </c>
    </row>
    <row r="133135" spans="1:7" x14ac:dyDescent="0.3">
      <c r="A133135" s="13" t="s">
        <v>602</v>
      </c>
      <c r="B133135" s="14" t="s">
        <v>1</v>
      </c>
      <c r="C133135" s="14" t="s">
        <v>596</v>
      </c>
      <c r="D133135" s="14" t="s">
        <v>31</v>
      </c>
      <c r="E133135" s="15">
        <v>45651</v>
      </c>
      <c r="F133135" s="14" t="s">
        <v>15</v>
      </c>
      <c r="G133135" s="16">
        <v>0</v>
      </c>
    </row>
    <row r="133136" spans="1:7" x14ac:dyDescent="0.3">
      <c r="A133136" s="13" t="s">
        <v>602</v>
      </c>
      <c r="B133136" s="14" t="s">
        <v>1</v>
      </c>
      <c r="C133136" s="14" t="s">
        <v>596</v>
      </c>
      <c r="D133136" s="14" t="s">
        <v>31</v>
      </c>
      <c r="E133136" s="15">
        <v>45652</v>
      </c>
      <c r="F133136" s="14" t="s">
        <v>15</v>
      </c>
      <c r="G133136" s="16">
        <v>0</v>
      </c>
    </row>
    <row r="133137" spans="1:7" x14ac:dyDescent="0.3">
      <c r="A133137" s="13" t="s">
        <v>602</v>
      </c>
      <c r="B133137" s="14" t="s">
        <v>1</v>
      </c>
      <c r="C133137" s="14" t="s">
        <v>596</v>
      </c>
      <c r="D133137" s="14" t="s">
        <v>31</v>
      </c>
      <c r="E133137" s="15">
        <v>45653</v>
      </c>
      <c r="F133137" s="14" t="s">
        <v>15</v>
      </c>
      <c r="G133137" s="16">
        <v>0</v>
      </c>
    </row>
    <row r="133138" spans="1:7" x14ac:dyDescent="0.3">
      <c r="A133138" s="13" t="s">
        <v>602</v>
      </c>
      <c r="B133138" s="14" t="s">
        <v>1</v>
      </c>
      <c r="C133138" s="14" t="s">
        <v>596</v>
      </c>
      <c r="D133138" s="14" t="s">
        <v>31</v>
      </c>
      <c r="E133138" s="15">
        <v>45654</v>
      </c>
      <c r="F133138" s="14" t="s">
        <v>15</v>
      </c>
      <c r="G133138" s="16">
        <v>0</v>
      </c>
    </row>
    <row r="133139" spans="1:7" x14ac:dyDescent="0.3">
      <c r="A133139" s="13" t="s">
        <v>602</v>
      </c>
      <c r="B133139" s="14" t="s">
        <v>1</v>
      </c>
      <c r="C133139" s="14" t="s">
        <v>596</v>
      </c>
      <c r="D133139" s="14" t="s">
        <v>31</v>
      </c>
      <c r="E133139" s="15">
        <v>45655</v>
      </c>
      <c r="F133139" s="14" t="s">
        <v>15</v>
      </c>
      <c r="G133139" s="16">
        <v>0</v>
      </c>
    </row>
    <row r="133140" spans="1:7" x14ac:dyDescent="0.3">
      <c r="A133140" s="13" t="s">
        <v>602</v>
      </c>
      <c r="B133140" s="14" t="s">
        <v>1</v>
      </c>
      <c r="C133140" s="14" t="s">
        <v>596</v>
      </c>
      <c r="D133140" s="14" t="s">
        <v>31</v>
      </c>
      <c r="E133140" s="15">
        <v>45656</v>
      </c>
      <c r="F133140" s="14" t="s">
        <v>15</v>
      </c>
      <c r="G133140" s="16">
        <v>0</v>
      </c>
    </row>
    <row r="133141" spans="1:7" x14ac:dyDescent="0.3">
      <c r="A133141" s="13" t="s">
        <v>602</v>
      </c>
      <c r="B133141" s="14" t="s">
        <v>1</v>
      </c>
      <c r="C133141" s="14" t="s">
        <v>596</v>
      </c>
      <c r="D133141" s="14" t="s">
        <v>31</v>
      </c>
      <c r="E133141" s="15">
        <v>45657</v>
      </c>
      <c r="F133141" s="14" t="s">
        <v>15</v>
      </c>
      <c r="G133141" s="16">
        <v>0</v>
      </c>
    </row>
    <row r="133142" spans="1:7" x14ac:dyDescent="0.3">
      <c r="A133142" s="13" t="s">
        <v>602</v>
      </c>
      <c r="B133142" s="14" t="s">
        <v>1</v>
      </c>
      <c r="C133142" s="14" t="s">
        <v>596</v>
      </c>
      <c r="D133142" s="14" t="s">
        <v>31</v>
      </c>
      <c r="E133142" s="15">
        <v>45658</v>
      </c>
      <c r="F133142" s="14" t="s">
        <v>15</v>
      </c>
      <c r="G133142" s="16">
        <v>0</v>
      </c>
    </row>
    <row r="133143" spans="1:7" x14ac:dyDescent="0.3">
      <c r="A133143" s="13" t="s">
        <v>602</v>
      </c>
      <c r="B133143" s="14" t="s">
        <v>1</v>
      </c>
      <c r="C133143" s="14" t="s">
        <v>596</v>
      </c>
      <c r="D133143" s="14" t="s">
        <v>31</v>
      </c>
      <c r="E133143" s="15">
        <v>45659</v>
      </c>
      <c r="F133143" s="14" t="s">
        <v>15</v>
      </c>
      <c r="G133143" s="16">
        <v>0</v>
      </c>
    </row>
    <row r="133144" spans="1:7" x14ac:dyDescent="0.3">
      <c r="A133144" s="13" t="s">
        <v>602</v>
      </c>
      <c r="B133144" s="14" t="s">
        <v>1</v>
      </c>
      <c r="C133144" s="14" t="s">
        <v>596</v>
      </c>
      <c r="D133144" s="14" t="s">
        <v>31</v>
      </c>
      <c r="E133144" s="15">
        <v>45660</v>
      </c>
      <c r="F133144" s="14" t="s">
        <v>15</v>
      </c>
      <c r="G133144" s="16">
        <v>0</v>
      </c>
    </row>
    <row r="133145" spans="1:7" x14ac:dyDescent="0.3">
      <c r="A133145" s="13" t="s">
        <v>602</v>
      </c>
      <c r="B133145" s="14" t="s">
        <v>1</v>
      </c>
      <c r="C133145" s="14" t="s">
        <v>596</v>
      </c>
      <c r="D133145" s="14" t="s">
        <v>31</v>
      </c>
      <c r="E133145" s="15">
        <v>45661</v>
      </c>
      <c r="F133145" s="14" t="s">
        <v>15</v>
      </c>
      <c r="G133145" s="16">
        <v>0</v>
      </c>
    </row>
    <row r="133146" spans="1:7" x14ac:dyDescent="0.3">
      <c r="A133146" s="13" t="s">
        <v>602</v>
      </c>
      <c r="B133146" s="14" t="s">
        <v>1</v>
      </c>
      <c r="C133146" s="14" t="s">
        <v>596</v>
      </c>
      <c r="D133146" s="14" t="s">
        <v>31</v>
      </c>
      <c r="E133146" s="15">
        <v>45662</v>
      </c>
      <c r="F133146" s="14" t="s">
        <v>15</v>
      </c>
      <c r="G133146" s="16">
        <v>0</v>
      </c>
    </row>
    <row r="133147" spans="1:7" x14ac:dyDescent="0.3">
      <c r="A133147" s="13" t="s">
        <v>602</v>
      </c>
      <c r="B133147" s="14" t="s">
        <v>1</v>
      </c>
      <c r="C133147" s="14" t="s">
        <v>596</v>
      </c>
      <c r="D133147" s="14" t="s">
        <v>31</v>
      </c>
      <c r="E133147" s="15">
        <v>45663</v>
      </c>
      <c r="F133147" s="14" t="s">
        <v>15</v>
      </c>
      <c r="G133147" s="16">
        <v>0</v>
      </c>
    </row>
    <row r="133148" spans="1:7" x14ac:dyDescent="0.3">
      <c r="A133148" s="13" t="s">
        <v>602</v>
      </c>
      <c r="B133148" s="14" t="s">
        <v>1</v>
      </c>
      <c r="C133148" s="14" t="s">
        <v>596</v>
      </c>
      <c r="D133148" s="14" t="s">
        <v>31</v>
      </c>
      <c r="E133148" s="15">
        <v>45664</v>
      </c>
      <c r="F133148" s="14" t="s">
        <v>15</v>
      </c>
      <c r="G133148" s="16">
        <v>0</v>
      </c>
    </row>
    <row r="133149" spans="1:7" x14ac:dyDescent="0.3">
      <c r="A133149" s="13" t="s">
        <v>602</v>
      </c>
      <c r="B133149" s="14" t="s">
        <v>1</v>
      </c>
      <c r="C133149" s="14" t="s">
        <v>596</v>
      </c>
      <c r="D133149" s="14" t="s">
        <v>31</v>
      </c>
      <c r="E133149" s="15">
        <v>45665</v>
      </c>
      <c r="F133149" s="14" t="s">
        <v>15</v>
      </c>
      <c r="G133149" s="16">
        <v>0</v>
      </c>
    </row>
    <row r="133150" spans="1:7" x14ac:dyDescent="0.3">
      <c r="A133150" s="13" t="s">
        <v>602</v>
      </c>
      <c r="B133150" s="14" t="s">
        <v>1</v>
      </c>
      <c r="C133150" s="14" t="s">
        <v>596</v>
      </c>
      <c r="D133150" s="14" t="s">
        <v>31</v>
      </c>
      <c r="E133150" s="15">
        <v>45666</v>
      </c>
      <c r="F133150" s="14" t="s">
        <v>15</v>
      </c>
      <c r="G133150" s="16">
        <v>0</v>
      </c>
    </row>
    <row r="133151" spans="1:7" x14ac:dyDescent="0.3">
      <c r="A133151" s="13" t="s">
        <v>602</v>
      </c>
      <c r="B133151" s="14" t="s">
        <v>1</v>
      </c>
      <c r="C133151" s="14" t="s">
        <v>596</v>
      </c>
      <c r="D133151" s="14" t="s">
        <v>31</v>
      </c>
      <c r="E133151" s="15">
        <v>45667</v>
      </c>
      <c r="F133151" s="14" t="s">
        <v>15</v>
      </c>
      <c r="G133151" s="16">
        <v>0</v>
      </c>
    </row>
    <row r="133152" spans="1:7" x14ac:dyDescent="0.3">
      <c r="A133152" s="13" t="s">
        <v>602</v>
      </c>
      <c r="B133152" s="14" t="s">
        <v>1</v>
      </c>
      <c r="C133152" s="14" t="s">
        <v>596</v>
      </c>
      <c r="D133152" s="14" t="s">
        <v>31</v>
      </c>
      <c r="E133152" s="15">
        <v>45668</v>
      </c>
      <c r="F133152" s="14" t="s">
        <v>15</v>
      </c>
      <c r="G133152" s="16">
        <v>0</v>
      </c>
    </row>
    <row r="133153" spans="1:7" x14ac:dyDescent="0.3">
      <c r="A133153" s="13" t="s">
        <v>602</v>
      </c>
      <c r="B133153" s="14" t="s">
        <v>1</v>
      </c>
      <c r="C133153" s="14" t="s">
        <v>596</v>
      </c>
      <c r="D133153" s="14" t="s">
        <v>31</v>
      </c>
      <c r="E133153" s="15">
        <v>45669</v>
      </c>
      <c r="F133153" s="14" t="s">
        <v>15</v>
      </c>
      <c r="G133153" s="16">
        <v>0</v>
      </c>
    </row>
    <row r="133154" spans="1:7" x14ac:dyDescent="0.3">
      <c r="A133154" s="13" t="s">
        <v>602</v>
      </c>
      <c r="B133154" s="14" t="s">
        <v>1</v>
      </c>
      <c r="C133154" s="14" t="s">
        <v>596</v>
      </c>
      <c r="D133154" s="14" t="s">
        <v>31</v>
      </c>
      <c r="E133154" s="15">
        <v>45670</v>
      </c>
      <c r="F133154" s="14" t="s">
        <v>15</v>
      </c>
      <c r="G133154" s="16">
        <v>0</v>
      </c>
    </row>
    <row r="133155" spans="1:7" x14ac:dyDescent="0.3">
      <c r="A133155" s="13" t="s">
        <v>602</v>
      </c>
      <c r="B133155" s="14" t="s">
        <v>1</v>
      </c>
      <c r="C133155" s="14" t="s">
        <v>596</v>
      </c>
      <c r="D133155" s="14" t="s">
        <v>31</v>
      </c>
      <c r="E133155" s="15">
        <v>45671</v>
      </c>
      <c r="F133155" s="14" t="s">
        <v>15</v>
      </c>
      <c r="G133155" s="16">
        <v>0</v>
      </c>
    </row>
    <row r="133156" spans="1:7" x14ac:dyDescent="0.3">
      <c r="A133156" s="13" t="s">
        <v>602</v>
      </c>
      <c r="B133156" s="14" t="s">
        <v>1</v>
      </c>
      <c r="C133156" s="14" t="s">
        <v>596</v>
      </c>
      <c r="D133156" s="14" t="s">
        <v>31</v>
      </c>
      <c r="E133156" s="15">
        <v>45672</v>
      </c>
      <c r="F133156" s="14" t="s">
        <v>15</v>
      </c>
      <c r="G133156" s="16">
        <v>0</v>
      </c>
    </row>
    <row r="133157" spans="1:7" x14ac:dyDescent="0.3">
      <c r="A133157" s="13" t="s">
        <v>602</v>
      </c>
      <c r="B133157" s="14" t="s">
        <v>1</v>
      </c>
      <c r="C133157" s="14" t="s">
        <v>596</v>
      </c>
      <c r="D133157" s="14" t="s">
        <v>31</v>
      </c>
      <c r="E133157" s="15">
        <v>45673</v>
      </c>
      <c r="F133157" s="14" t="s">
        <v>15</v>
      </c>
      <c r="G133157" s="16">
        <v>0</v>
      </c>
    </row>
    <row r="133158" spans="1:7" x14ac:dyDescent="0.3">
      <c r="A133158" s="13" t="s">
        <v>602</v>
      </c>
      <c r="B133158" s="14" t="s">
        <v>1</v>
      </c>
      <c r="C133158" s="14" t="s">
        <v>596</v>
      </c>
      <c r="D133158" s="14" t="s">
        <v>31</v>
      </c>
      <c r="E133158" s="15">
        <v>45674</v>
      </c>
      <c r="F133158" s="14" t="s">
        <v>15</v>
      </c>
      <c r="G133158" s="16">
        <v>0</v>
      </c>
    </row>
    <row r="133159" spans="1:7" x14ac:dyDescent="0.3">
      <c r="A133159" s="13" t="s">
        <v>602</v>
      </c>
      <c r="B133159" s="14" t="s">
        <v>1</v>
      </c>
      <c r="C133159" s="14" t="s">
        <v>596</v>
      </c>
      <c r="D133159" s="14" t="s">
        <v>31</v>
      </c>
      <c r="E133159" s="15">
        <v>45675</v>
      </c>
      <c r="F133159" s="14" t="s">
        <v>15</v>
      </c>
      <c r="G133159" s="16">
        <v>0</v>
      </c>
    </row>
    <row r="133160" spans="1:7" x14ac:dyDescent="0.3">
      <c r="A133160" s="13" t="s">
        <v>602</v>
      </c>
      <c r="B133160" s="14" t="s">
        <v>1</v>
      </c>
      <c r="C133160" s="14" t="s">
        <v>596</v>
      </c>
      <c r="D133160" s="14" t="s">
        <v>31</v>
      </c>
      <c r="E133160" s="15">
        <v>45676</v>
      </c>
      <c r="F133160" s="14" t="s">
        <v>15</v>
      </c>
      <c r="G133160" s="16">
        <v>0</v>
      </c>
    </row>
    <row r="133161" spans="1:7" x14ac:dyDescent="0.3">
      <c r="A133161" s="13" t="s">
        <v>602</v>
      </c>
      <c r="B133161" s="14" t="s">
        <v>1</v>
      </c>
      <c r="C133161" s="14" t="s">
        <v>596</v>
      </c>
      <c r="D133161" s="14" t="s">
        <v>31</v>
      </c>
      <c r="E133161" s="15">
        <v>45677</v>
      </c>
      <c r="F133161" s="14" t="s">
        <v>15</v>
      </c>
      <c r="G133161" s="16">
        <v>0</v>
      </c>
    </row>
    <row r="133162" spans="1:7" x14ac:dyDescent="0.3">
      <c r="A133162" s="13" t="s">
        <v>602</v>
      </c>
      <c r="B133162" s="14" t="s">
        <v>1</v>
      </c>
      <c r="C133162" s="14" t="s">
        <v>596</v>
      </c>
      <c r="D133162" s="14" t="s">
        <v>31</v>
      </c>
      <c r="E133162" s="15">
        <v>45678</v>
      </c>
      <c r="F133162" s="14" t="s">
        <v>15</v>
      </c>
      <c r="G133162" s="16">
        <v>0</v>
      </c>
    </row>
    <row r="133163" spans="1:7" x14ac:dyDescent="0.3">
      <c r="A133163" s="13" t="s">
        <v>602</v>
      </c>
      <c r="B133163" s="14" t="s">
        <v>1</v>
      </c>
      <c r="C133163" s="14" t="s">
        <v>596</v>
      </c>
      <c r="D133163" s="14" t="s">
        <v>31</v>
      </c>
      <c r="E133163" s="15">
        <v>45679</v>
      </c>
      <c r="F133163" s="14" t="s">
        <v>15</v>
      </c>
      <c r="G133163" s="16">
        <v>0</v>
      </c>
    </row>
    <row r="133164" spans="1:7" x14ac:dyDescent="0.3">
      <c r="A133164" s="13" t="s">
        <v>602</v>
      </c>
      <c r="B133164" s="14" t="s">
        <v>1</v>
      </c>
      <c r="C133164" s="14" t="s">
        <v>596</v>
      </c>
      <c r="D133164" s="14" t="s">
        <v>31</v>
      </c>
      <c r="E133164" s="15">
        <v>45680</v>
      </c>
      <c r="F133164" s="14" t="s">
        <v>15</v>
      </c>
      <c r="G133164" s="16">
        <v>0</v>
      </c>
    </row>
    <row r="133165" spans="1:7" x14ac:dyDescent="0.3">
      <c r="A133165" s="13" t="s">
        <v>602</v>
      </c>
      <c r="B133165" s="14" t="s">
        <v>1</v>
      </c>
      <c r="C133165" s="14" t="s">
        <v>596</v>
      </c>
      <c r="D133165" s="14" t="s">
        <v>31</v>
      </c>
      <c r="E133165" s="15">
        <v>45681</v>
      </c>
      <c r="F133165" s="14" t="s">
        <v>15</v>
      </c>
      <c r="G133165" s="16">
        <v>0</v>
      </c>
    </row>
    <row r="133166" spans="1:7" x14ac:dyDescent="0.3">
      <c r="A133166" s="13" t="s">
        <v>602</v>
      </c>
      <c r="B133166" s="14" t="s">
        <v>1</v>
      </c>
      <c r="C133166" s="14" t="s">
        <v>596</v>
      </c>
      <c r="D133166" s="14" t="s">
        <v>31</v>
      </c>
      <c r="E133166" s="15">
        <v>45682</v>
      </c>
      <c r="F133166" s="14" t="s">
        <v>15</v>
      </c>
      <c r="G133166" s="16">
        <v>0</v>
      </c>
    </row>
    <row r="133167" spans="1:7" x14ac:dyDescent="0.3">
      <c r="A133167" s="13" t="s">
        <v>602</v>
      </c>
      <c r="B133167" s="14" t="s">
        <v>1</v>
      </c>
      <c r="C133167" s="14" t="s">
        <v>596</v>
      </c>
      <c r="D133167" s="14" t="s">
        <v>31</v>
      </c>
      <c r="E133167" s="15">
        <v>45683</v>
      </c>
      <c r="F133167" s="14" t="s">
        <v>15</v>
      </c>
      <c r="G133167" s="16">
        <v>0</v>
      </c>
    </row>
    <row r="133168" spans="1:7" x14ac:dyDescent="0.3">
      <c r="A133168" s="13" t="s">
        <v>602</v>
      </c>
      <c r="B133168" s="14" t="s">
        <v>1</v>
      </c>
      <c r="C133168" s="14" t="s">
        <v>596</v>
      </c>
      <c r="D133168" s="14" t="s">
        <v>31</v>
      </c>
      <c r="E133168" s="15">
        <v>45684</v>
      </c>
      <c r="F133168" s="14" t="s">
        <v>15</v>
      </c>
      <c r="G133168" s="16">
        <v>0</v>
      </c>
    </row>
    <row r="133169" spans="1:7" x14ac:dyDescent="0.3">
      <c r="A133169" s="13" t="s">
        <v>602</v>
      </c>
      <c r="B133169" s="14" t="s">
        <v>1</v>
      </c>
      <c r="C133169" s="14" t="s">
        <v>596</v>
      </c>
      <c r="D133169" s="14" t="s">
        <v>31</v>
      </c>
      <c r="E133169" s="15">
        <v>45685</v>
      </c>
      <c r="F133169" s="14" t="s">
        <v>15</v>
      </c>
      <c r="G133169" s="16">
        <v>0</v>
      </c>
    </row>
    <row r="133170" spans="1:7" x14ac:dyDescent="0.3">
      <c r="A133170" s="13" t="s">
        <v>602</v>
      </c>
      <c r="B133170" s="14" t="s">
        <v>1</v>
      </c>
      <c r="C133170" s="14" t="s">
        <v>596</v>
      </c>
      <c r="D133170" s="14" t="s">
        <v>31</v>
      </c>
      <c r="E133170" s="15">
        <v>45686</v>
      </c>
      <c r="F133170" s="14" t="s">
        <v>15</v>
      </c>
      <c r="G133170" s="16">
        <v>0</v>
      </c>
    </row>
    <row r="133171" spans="1:7" x14ac:dyDescent="0.3">
      <c r="A133171" s="13" t="s">
        <v>602</v>
      </c>
      <c r="B133171" s="14" t="s">
        <v>1</v>
      </c>
      <c r="C133171" s="14" t="s">
        <v>596</v>
      </c>
      <c r="D133171" s="14" t="s">
        <v>31</v>
      </c>
      <c r="E133171" s="15">
        <v>45687</v>
      </c>
      <c r="F133171" s="14" t="s">
        <v>15</v>
      </c>
      <c r="G133171" s="16">
        <v>0</v>
      </c>
    </row>
    <row r="133172" spans="1:7" x14ac:dyDescent="0.3">
      <c r="A133172" s="13" t="s">
        <v>602</v>
      </c>
      <c r="B133172" s="14" t="s">
        <v>1</v>
      </c>
      <c r="C133172" s="14" t="s">
        <v>596</v>
      </c>
      <c r="D133172" s="14" t="s">
        <v>31</v>
      </c>
      <c r="E133172" s="15">
        <v>45688</v>
      </c>
      <c r="F133172" s="14" t="s">
        <v>15</v>
      </c>
      <c r="G133172" s="16">
        <v>0</v>
      </c>
    </row>
    <row r="133173" spans="1:7" x14ac:dyDescent="0.3">
      <c r="A133173" s="13" t="s">
        <v>602</v>
      </c>
      <c r="B133173" s="14" t="s">
        <v>1</v>
      </c>
      <c r="C133173" s="14" t="s">
        <v>596</v>
      </c>
      <c r="D133173" s="14" t="s">
        <v>31</v>
      </c>
      <c r="E133173" s="15">
        <v>45689</v>
      </c>
      <c r="F133173" s="14" t="s">
        <v>15</v>
      </c>
      <c r="G133173" s="16">
        <v>0</v>
      </c>
    </row>
    <row r="133174" spans="1:7" x14ac:dyDescent="0.3">
      <c r="A133174" s="13" t="s">
        <v>602</v>
      </c>
      <c r="B133174" s="14" t="s">
        <v>1</v>
      </c>
      <c r="C133174" s="14" t="s">
        <v>596</v>
      </c>
      <c r="D133174" s="14" t="s">
        <v>31</v>
      </c>
      <c r="E133174" s="15">
        <v>45690</v>
      </c>
      <c r="F133174" s="14" t="s">
        <v>15</v>
      </c>
      <c r="G133174" s="16">
        <v>0</v>
      </c>
    </row>
    <row r="133175" spans="1:7" x14ac:dyDescent="0.3">
      <c r="A133175" s="13" t="s">
        <v>602</v>
      </c>
      <c r="B133175" s="14" t="s">
        <v>1</v>
      </c>
      <c r="C133175" s="14" t="s">
        <v>596</v>
      </c>
      <c r="D133175" s="14" t="s">
        <v>31</v>
      </c>
      <c r="E133175" s="15">
        <v>45691</v>
      </c>
      <c r="F133175" s="14" t="s">
        <v>15</v>
      </c>
      <c r="G133175" s="16">
        <v>0</v>
      </c>
    </row>
    <row r="133176" spans="1:7" x14ac:dyDescent="0.3">
      <c r="A133176" s="13" t="s">
        <v>602</v>
      </c>
      <c r="B133176" s="14" t="s">
        <v>1</v>
      </c>
      <c r="C133176" s="14" t="s">
        <v>596</v>
      </c>
      <c r="D133176" s="14" t="s">
        <v>31</v>
      </c>
      <c r="E133176" s="15">
        <v>45692</v>
      </c>
      <c r="F133176" s="14" t="s">
        <v>15</v>
      </c>
      <c r="G133176" s="16">
        <v>0</v>
      </c>
    </row>
    <row r="133177" spans="1:7" x14ac:dyDescent="0.3">
      <c r="A133177" s="13" t="s">
        <v>602</v>
      </c>
      <c r="B133177" s="14" t="s">
        <v>1</v>
      </c>
      <c r="C133177" s="14" t="s">
        <v>596</v>
      </c>
      <c r="D133177" s="14" t="s">
        <v>31</v>
      </c>
      <c r="E133177" s="15">
        <v>45693</v>
      </c>
      <c r="F133177" s="14" t="s">
        <v>15</v>
      </c>
      <c r="G133177" s="16">
        <v>0</v>
      </c>
    </row>
    <row r="133178" spans="1:7" x14ac:dyDescent="0.3">
      <c r="A133178" s="13" t="s">
        <v>602</v>
      </c>
      <c r="B133178" s="14" t="s">
        <v>1</v>
      </c>
      <c r="C133178" s="14" t="s">
        <v>596</v>
      </c>
      <c r="D133178" s="14" t="s">
        <v>31</v>
      </c>
      <c r="E133178" s="15">
        <v>45694</v>
      </c>
      <c r="F133178" s="14" t="s">
        <v>15</v>
      </c>
      <c r="G133178" s="16">
        <v>0</v>
      </c>
    </row>
    <row r="133179" spans="1:7" x14ac:dyDescent="0.3">
      <c r="A133179" s="13" t="s">
        <v>602</v>
      </c>
      <c r="B133179" s="14" t="s">
        <v>1</v>
      </c>
      <c r="C133179" s="14" t="s">
        <v>596</v>
      </c>
      <c r="D133179" s="14" t="s">
        <v>31</v>
      </c>
      <c r="E133179" s="15">
        <v>45695</v>
      </c>
      <c r="F133179" s="14" t="s">
        <v>15</v>
      </c>
      <c r="G133179" s="16">
        <v>0</v>
      </c>
    </row>
    <row r="133180" spans="1:7" x14ac:dyDescent="0.3">
      <c r="A133180" s="13" t="s">
        <v>602</v>
      </c>
      <c r="B133180" s="14" t="s">
        <v>1</v>
      </c>
      <c r="C133180" s="14" t="s">
        <v>596</v>
      </c>
      <c r="D133180" s="14" t="s">
        <v>31</v>
      </c>
      <c r="E133180" s="15">
        <v>45696</v>
      </c>
      <c r="F133180" s="14" t="s">
        <v>15</v>
      </c>
      <c r="G133180" s="16">
        <v>0</v>
      </c>
    </row>
    <row r="133181" spans="1:7" x14ac:dyDescent="0.3">
      <c r="A133181" s="13" t="s">
        <v>602</v>
      </c>
      <c r="B133181" s="14" t="s">
        <v>1</v>
      </c>
      <c r="C133181" s="14" t="s">
        <v>596</v>
      </c>
      <c r="D133181" s="14" t="s">
        <v>31</v>
      </c>
      <c r="E133181" s="15">
        <v>45697</v>
      </c>
      <c r="F133181" s="14" t="s">
        <v>15</v>
      </c>
      <c r="G133181" s="16">
        <v>0</v>
      </c>
    </row>
    <row r="133182" spans="1:7" x14ac:dyDescent="0.3">
      <c r="A133182" s="13" t="s">
        <v>602</v>
      </c>
      <c r="B133182" s="14" t="s">
        <v>1</v>
      </c>
      <c r="C133182" s="14" t="s">
        <v>596</v>
      </c>
      <c r="D133182" s="14" t="s">
        <v>31</v>
      </c>
      <c r="E133182" s="15">
        <v>45698</v>
      </c>
      <c r="F133182" s="14" t="s">
        <v>15</v>
      </c>
      <c r="G133182" s="16">
        <v>0</v>
      </c>
    </row>
    <row r="133183" spans="1:7" x14ac:dyDescent="0.3">
      <c r="A133183" s="13" t="s">
        <v>602</v>
      </c>
      <c r="B133183" s="14" t="s">
        <v>1</v>
      </c>
      <c r="C133183" s="14" t="s">
        <v>596</v>
      </c>
      <c r="D133183" s="14" t="s">
        <v>31</v>
      </c>
      <c r="E133183" s="15">
        <v>45699</v>
      </c>
      <c r="F133183" s="14" t="s">
        <v>15</v>
      </c>
      <c r="G133183" s="16">
        <v>0</v>
      </c>
    </row>
    <row r="133184" spans="1:7" x14ac:dyDescent="0.3">
      <c r="A133184" s="13" t="s">
        <v>602</v>
      </c>
      <c r="B133184" s="14" t="s">
        <v>1</v>
      </c>
      <c r="C133184" s="14" t="s">
        <v>596</v>
      </c>
      <c r="D133184" s="14" t="s">
        <v>31</v>
      </c>
      <c r="E133184" s="15">
        <v>45700</v>
      </c>
      <c r="F133184" s="14" t="s">
        <v>15</v>
      </c>
      <c r="G133184" s="16">
        <v>0</v>
      </c>
    </row>
    <row r="133185" spans="1:7" x14ac:dyDescent="0.3">
      <c r="A133185" s="13" t="s">
        <v>602</v>
      </c>
      <c r="B133185" s="14" t="s">
        <v>1</v>
      </c>
      <c r="C133185" s="14" t="s">
        <v>596</v>
      </c>
      <c r="D133185" s="14" t="s">
        <v>31</v>
      </c>
      <c r="E133185" s="15">
        <v>45701</v>
      </c>
      <c r="F133185" s="14" t="s">
        <v>15</v>
      </c>
      <c r="G133185" s="16">
        <v>0</v>
      </c>
    </row>
    <row r="133186" spans="1:7" x14ac:dyDescent="0.3">
      <c r="A133186" s="13" t="s">
        <v>602</v>
      </c>
      <c r="B133186" s="14" t="s">
        <v>1</v>
      </c>
      <c r="C133186" s="14" t="s">
        <v>596</v>
      </c>
      <c r="D133186" s="14" t="s">
        <v>31</v>
      </c>
      <c r="E133186" s="15">
        <v>45702</v>
      </c>
      <c r="F133186" s="14" t="s">
        <v>15</v>
      </c>
      <c r="G133186" s="16">
        <v>0</v>
      </c>
    </row>
    <row r="133187" spans="1:7" x14ac:dyDescent="0.3">
      <c r="A133187" s="13" t="s">
        <v>602</v>
      </c>
      <c r="B133187" s="14" t="s">
        <v>1</v>
      </c>
      <c r="C133187" s="14" t="s">
        <v>596</v>
      </c>
      <c r="D133187" s="14" t="s">
        <v>31</v>
      </c>
      <c r="E133187" s="15">
        <v>45703</v>
      </c>
      <c r="F133187" s="14" t="s">
        <v>15</v>
      </c>
      <c r="G133187" s="16">
        <v>0</v>
      </c>
    </row>
    <row r="133188" spans="1:7" x14ac:dyDescent="0.3">
      <c r="A133188" s="13" t="s">
        <v>602</v>
      </c>
      <c r="B133188" s="14" t="s">
        <v>1</v>
      </c>
      <c r="C133188" s="14" t="s">
        <v>596</v>
      </c>
      <c r="D133188" s="14" t="s">
        <v>31</v>
      </c>
      <c r="E133188" s="15">
        <v>45704</v>
      </c>
      <c r="F133188" s="14" t="s">
        <v>15</v>
      </c>
      <c r="G133188" s="16">
        <v>0</v>
      </c>
    </row>
    <row r="133189" spans="1:7" x14ac:dyDescent="0.3">
      <c r="A133189" s="13" t="s">
        <v>602</v>
      </c>
      <c r="B133189" s="14" t="s">
        <v>1</v>
      </c>
      <c r="C133189" s="14" t="s">
        <v>596</v>
      </c>
      <c r="D133189" s="14" t="s">
        <v>31</v>
      </c>
      <c r="E133189" s="15">
        <v>45705</v>
      </c>
      <c r="F133189" s="14" t="s">
        <v>15</v>
      </c>
      <c r="G133189" s="16">
        <v>0</v>
      </c>
    </row>
    <row r="133190" spans="1:7" x14ac:dyDescent="0.3">
      <c r="A133190" s="13" t="s">
        <v>602</v>
      </c>
      <c r="B133190" s="14" t="s">
        <v>1</v>
      </c>
      <c r="C133190" s="14" t="s">
        <v>596</v>
      </c>
      <c r="D133190" s="14" t="s">
        <v>31</v>
      </c>
      <c r="E133190" s="15">
        <v>45706</v>
      </c>
      <c r="F133190" s="14" t="s">
        <v>15</v>
      </c>
      <c r="G133190" s="16">
        <v>0</v>
      </c>
    </row>
    <row r="133191" spans="1:7" x14ac:dyDescent="0.3">
      <c r="A133191" s="13" t="s">
        <v>602</v>
      </c>
      <c r="B133191" s="14" t="s">
        <v>1</v>
      </c>
      <c r="C133191" s="14" t="s">
        <v>596</v>
      </c>
      <c r="D133191" s="14" t="s">
        <v>31</v>
      </c>
      <c r="E133191" s="15">
        <v>45707</v>
      </c>
      <c r="F133191" s="14" t="s">
        <v>15</v>
      </c>
      <c r="G133191" s="16">
        <v>0</v>
      </c>
    </row>
    <row r="133192" spans="1:7" x14ac:dyDescent="0.3">
      <c r="A133192" s="13" t="s">
        <v>602</v>
      </c>
      <c r="B133192" s="14" t="s">
        <v>1</v>
      </c>
      <c r="C133192" s="14" t="s">
        <v>596</v>
      </c>
      <c r="D133192" s="14" t="s">
        <v>31</v>
      </c>
      <c r="E133192" s="15">
        <v>45708</v>
      </c>
      <c r="F133192" s="14" t="s">
        <v>15</v>
      </c>
      <c r="G133192" s="16">
        <v>0</v>
      </c>
    </row>
    <row r="133193" spans="1:7" x14ac:dyDescent="0.3">
      <c r="A133193" s="13" t="s">
        <v>602</v>
      </c>
      <c r="B133193" s="14" t="s">
        <v>1</v>
      </c>
      <c r="C133193" s="14" t="s">
        <v>596</v>
      </c>
      <c r="D133193" s="14" t="s">
        <v>31</v>
      </c>
      <c r="E133193" s="15">
        <v>45709</v>
      </c>
      <c r="F133193" s="14" t="s">
        <v>15</v>
      </c>
      <c r="G133193" s="16">
        <v>0</v>
      </c>
    </row>
    <row r="133194" spans="1:7" x14ac:dyDescent="0.3">
      <c r="A133194" s="13" t="s">
        <v>602</v>
      </c>
      <c r="B133194" s="14" t="s">
        <v>1</v>
      </c>
      <c r="C133194" s="14" t="s">
        <v>596</v>
      </c>
      <c r="D133194" s="14" t="s">
        <v>31</v>
      </c>
      <c r="E133194" s="15">
        <v>45710</v>
      </c>
      <c r="F133194" s="14" t="s">
        <v>15</v>
      </c>
      <c r="G133194" s="16">
        <v>0</v>
      </c>
    </row>
    <row r="133195" spans="1:7" x14ac:dyDescent="0.3">
      <c r="A133195" s="13" t="s">
        <v>602</v>
      </c>
      <c r="B133195" s="14" t="s">
        <v>1</v>
      </c>
      <c r="C133195" s="14" t="s">
        <v>596</v>
      </c>
      <c r="D133195" s="14" t="s">
        <v>31</v>
      </c>
      <c r="E133195" s="15">
        <v>45711</v>
      </c>
      <c r="F133195" s="14" t="s">
        <v>15</v>
      </c>
      <c r="G133195" s="16">
        <v>0</v>
      </c>
    </row>
    <row r="133196" spans="1:7" x14ac:dyDescent="0.3">
      <c r="A133196" s="13" t="s">
        <v>602</v>
      </c>
      <c r="B133196" s="14" t="s">
        <v>1</v>
      </c>
      <c r="C133196" s="14" t="s">
        <v>596</v>
      </c>
      <c r="D133196" s="14" t="s">
        <v>31</v>
      </c>
      <c r="E133196" s="15">
        <v>45712</v>
      </c>
      <c r="F133196" s="14" t="s">
        <v>15</v>
      </c>
      <c r="G133196" s="16">
        <v>0</v>
      </c>
    </row>
    <row r="133197" spans="1:7" x14ac:dyDescent="0.3">
      <c r="A133197" s="13" t="s">
        <v>602</v>
      </c>
      <c r="B133197" s="14" t="s">
        <v>1</v>
      </c>
      <c r="C133197" s="14" t="s">
        <v>596</v>
      </c>
      <c r="D133197" s="14" t="s">
        <v>31</v>
      </c>
      <c r="E133197" s="15">
        <v>45713</v>
      </c>
      <c r="F133197" s="14" t="s">
        <v>15</v>
      </c>
      <c r="G133197" s="16">
        <v>0</v>
      </c>
    </row>
    <row r="133198" spans="1:7" x14ac:dyDescent="0.3">
      <c r="A133198" s="13" t="s">
        <v>602</v>
      </c>
      <c r="B133198" s="14" t="s">
        <v>1</v>
      </c>
      <c r="C133198" s="14" t="s">
        <v>596</v>
      </c>
      <c r="D133198" s="14" t="s">
        <v>31</v>
      </c>
      <c r="E133198" s="15">
        <v>45714</v>
      </c>
      <c r="F133198" s="14" t="s">
        <v>15</v>
      </c>
      <c r="G133198" s="16">
        <v>0</v>
      </c>
    </row>
    <row r="133199" spans="1:7" x14ac:dyDescent="0.3">
      <c r="A133199" s="13" t="s">
        <v>602</v>
      </c>
      <c r="B133199" s="14" t="s">
        <v>1</v>
      </c>
      <c r="C133199" s="14" t="s">
        <v>596</v>
      </c>
      <c r="D133199" s="14" t="s">
        <v>31</v>
      </c>
      <c r="E133199" s="15">
        <v>45715</v>
      </c>
      <c r="F133199" s="14" t="s">
        <v>15</v>
      </c>
      <c r="G133199" s="16">
        <v>0</v>
      </c>
    </row>
    <row r="133200" spans="1:7" x14ac:dyDescent="0.3">
      <c r="A133200" s="13" t="s">
        <v>602</v>
      </c>
      <c r="B133200" s="14" t="s">
        <v>1</v>
      </c>
      <c r="C133200" s="14" t="s">
        <v>596</v>
      </c>
      <c r="D133200" s="14" t="s">
        <v>31</v>
      </c>
      <c r="E133200" s="15">
        <v>45716</v>
      </c>
      <c r="F133200" s="14" t="s">
        <v>15</v>
      </c>
      <c r="G133200" s="16">
        <v>0</v>
      </c>
    </row>
    <row r="133201" spans="1:7" x14ac:dyDescent="0.3">
      <c r="A133201" s="13" t="s">
        <v>602</v>
      </c>
      <c r="B133201" s="14" t="s">
        <v>1</v>
      </c>
      <c r="C133201" s="14" t="s">
        <v>596</v>
      </c>
      <c r="D133201" s="14" t="s">
        <v>31</v>
      </c>
      <c r="E133201" s="15">
        <v>45717</v>
      </c>
      <c r="F133201" s="14" t="s">
        <v>15</v>
      </c>
      <c r="G133201" s="16">
        <v>0</v>
      </c>
    </row>
    <row r="133202" spans="1:7" x14ac:dyDescent="0.3">
      <c r="A133202" s="13" t="s">
        <v>602</v>
      </c>
      <c r="B133202" s="14" t="s">
        <v>1</v>
      </c>
      <c r="C133202" s="14" t="s">
        <v>596</v>
      </c>
      <c r="D133202" s="14" t="s">
        <v>31</v>
      </c>
      <c r="E133202" s="15">
        <v>45718</v>
      </c>
      <c r="F133202" s="14" t="s">
        <v>15</v>
      </c>
      <c r="G133202" s="16">
        <v>0</v>
      </c>
    </row>
    <row r="133203" spans="1:7" x14ac:dyDescent="0.3">
      <c r="A133203" s="13" t="s">
        <v>602</v>
      </c>
      <c r="B133203" s="14" t="s">
        <v>1</v>
      </c>
      <c r="C133203" s="14" t="s">
        <v>596</v>
      </c>
      <c r="D133203" s="14" t="s">
        <v>31</v>
      </c>
      <c r="E133203" s="15">
        <v>45719</v>
      </c>
      <c r="F133203" s="14" t="s">
        <v>15</v>
      </c>
      <c r="G133203" s="16">
        <v>0</v>
      </c>
    </row>
    <row r="133204" spans="1:7" x14ac:dyDescent="0.3">
      <c r="A133204" s="13" t="s">
        <v>602</v>
      </c>
      <c r="B133204" s="14" t="s">
        <v>1</v>
      </c>
      <c r="C133204" s="14" t="s">
        <v>596</v>
      </c>
      <c r="D133204" s="14" t="s">
        <v>31</v>
      </c>
      <c r="E133204" s="15">
        <v>45720</v>
      </c>
      <c r="F133204" s="14" t="s">
        <v>15</v>
      </c>
      <c r="G133204" s="16">
        <v>0</v>
      </c>
    </row>
    <row r="133205" spans="1:7" x14ac:dyDescent="0.3">
      <c r="A133205" s="13" t="s">
        <v>602</v>
      </c>
      <c r="B133205" s="14" t="s">
        <v>1</v>
      </c>
      <c r="C133205" s="14" t="s">
        <v>596</v>
      </c>
      <c r="D133205" s="14" t="s">
        <v>31</v>
      </c>
      <c r="E133205" s="15">
        <v>45721</v>
      </c>
      <c r="F133205" s="14" t="s">
        <v>15</v>
      </c>
      <c r="G133205" s="16">
        <v>0</v>
      </c>
    </row>
    <row r="133206" spans="1:7" x14ac:dyDescent="0.3">
      <c r="A133206" s="13" t="s">
        <v>602</v>
      </c>
      <c r="B133206" s="14" t="s">
        <v>1</v>
      </c>
      <c r="C133206" s="14" t="s">
        <v>596</v>
      </c>
      <c r="D133206" s="14" t="s">
        <v>31</v>
      </c>
      <c r="E133206" s="15">
        <v>45722</v>
      </c>
      <c r="F133206" s="14" t="s">
        <v>15</v>
      </c>
      <c r="G133206" s="16">
        <v>0</v>
      </c>
    </row>
    <row r="133207" spans="1:7" x14ac:dyDescent="0.3">
      <c r="A133207" s="13" t="s">
        <v>602</v>
      </c>
      <c r="B133207" s="14" t="s">
        <v>1</v>
      </c>
      <c r="C133207" s="14" t="s">
        <v>596</v>
      </c>
      <c r="D133207" s="14" t="s">
        <v>31</v>
      </c>
      <c r="E133207" s="15">
        <v>45723</v>
      </c>
      <c r="F133207" s="14" t="s">
        <v>15</v>
      </c>
      <c r="G133207" s="16">
        <v>0</v>
      </c>
    </row>
    <row r="133208" spans="1:7" x14ac:dyDescent="0.3">
      <c r="A133208" s="13" t="s">
        <v>602</v>
      </c>
      <c r="B133208" s="14" t="s">
        <v>1</v>
      </c>
      <c r="C133208" s="14" t="s">
        <v>596</v>
      </c>
      <c r="D133208" s="14" t="s">
        <v>31</v>
      </c>
      <c r="E133208" s="15">
        <v>45724</v>
      </c>
      <c r="F133208" s="14" t="s">
        <v>15</v>
      </c>
      <c r="G133208" s="16">
        <v>0</v>
      </c>
    </row>
    <row r="133209" spans="1:7" x14ac:dyDescent="0.3">
      <c r="A133209" s="13" t="s">
        <v>602</v>
      </c>
      <c r="B133209" s="14" t="s">
        <v>1</v>
      </c>
      <c r="C133209" s="14" t="s">
        <v>596</v>
      </c>
      <c r="D133209" s="14" t="s">
        <v>31</v>
      </c>
      <c r="E133209" s="15">
        <v>45725</v>
      </c>
      <c r="F133209" s="14" t="s">
        <v>15</v>
      </c>
      <c r="G133209" s="16">
        <v>0</v>
      </c>
    </row>
    <row r="133210" spans="1:7" x14ac:dyDescent="0.3">
      <c r="A133210" s="13" t="s">
        <v>602</v>
      </c>
      <c r="B133210" s="14" t="s">
        <v>1</v>
      </c>
      <c r="C133210" s="14" t="s">
        <v>596</v>
      </c>
      <c r="D133210" s="14" t="s">
        <v>31</v>
      </c>
      <c r="E133210" s="15">
        <v>45726</v>
      </c>
      <c r="F133210" s="14" t="s">
        <v>15</v>
      </c>
      <c r="G133210" s="16">
        <v>0</v>
      </c>
    </row>
    <row r="133211" spans="1:7" x14ac:dyDescent="0.3">
      <c r="A133211" s="13" t="s">
        <v>602</v>
      </c>
      <c r="B133211" s="14" t="s">
        <v>1</v>
      </c>
      <c r="C133211" s="14" t="s">
        <v>596</v>
      </c>
      <c r="D133211" s="14" t="s">
        <v>31</v>
      </c>
      <c r="E133211" s="15">
        <v>45727</v>
      </c>
      <c r="F133211" s="14" t="s">
        <v>15</v>
      </c>
      <c r="G133211" s="16">
        <v>0</v>
      </c>
    </row>
    <row r="133212" spans="1:7" x14ac:dyDescent="0.3">
      <c r="A133212" s="13" t="s">
        <v>602</v>
      </c>
      <c r="B133212" s="14" t="s">
        <v>1</v>
      </c>
      <c r="C133212" s="14" t="s">
        <v>596</v>
      </c>
      <c r="D133212" s="14" t="s">
        <v>31</v>
      </c>
      <c r="E133212" s="15">
        <v>45728</v>
      </c>
      <c r="F133212" s="14" t="s">
        <v>15</v>
      </c>
      <c r="G133212" s="16">
        <v>0</v>
      </c>
    </row>
    <row r="133213" spans="1:7" x14ac:dyDescent="0.3">
      <c r="A133213" s="13" t="s">
        <v>602</v>
      </c>
      <c r="B133213" s="14" t="s">
        <v>1</v>
      </c>
      <c r="C133213" s="14" t="s">
        <v>596</v>
      </c>
      <c r="D133213" s="14" t="s">
        <v>31</v>
      </c>
      <c r="E133213" s="15">
        <v>45729</v>
      </c>
      <c r="F133213" s="14" t="s">
        <v>15</v>
      </c>
      <c r="G133213" s="16">
        <v>0</v>
      </c>
    </row>
    <row r="133214" spans="1:7" x14ac:dyDescent="0.3">
      <c r="A133214" s="13" t="s">
        <v>602</v>
      </c>
      <c r="B133214" s="14" t="s">
        <v>1</v>
      </c>
      <c r="C133214" s="14" t="s">
        <v>596</v>
      </c>
      <c r="D133214" s="14" t="s">
        <v>31</v>
      </c>
      <c r="E133214" s="15">
        <v>45730</v>
      </c>
      <c r="F133214" s="14" t="s">
        <v>15</v>
      </c>
      <c r="G133214" s="16">
        <v>0</v>
      </c>
    </row>
    <row r="133215" spans="1:7" x14ac:dyDescent="0.3">
      <c r="A133215" s="13" t="s">
        <v>602</v>
      </c>
      <c r="B133215" s="14" t="s">
        <v>1</v>
      </c>
      <c r="C133215" s="14" t="s">
        <v>596</v>
      </c>
      <c r="D133215" s="14" t="s">
        <v>31</v>
      </c>
      <c r="E133215" s="15">
        <v>45731</v>
      </c>
      <c r="F133215" s="14" t="s">
        <v>15</v>
      </c>
      <c r="G133215" s="16">
        <v>0</v>
      </c>
    </row>
    <row r="133216" spans="1:7" x14ac:dyDescent="0.3">
      <c r="A133216" s="13" t="s">
        <v>602</v>
      </c>
      <c r="B133216" s="14" t="s">
        <v>1</v>
      </c>
      <c r="C133216" s="14" t="s">
        <v>596</v>
      </c>
      <c r="D133216" s="14" t="s">
        <v>31</v>
      </c>
      <c r="E133216" s="15">
        <v>45732</v>
      </c>
      <c r="F133216" s="14" t="s">
        <v>15</v>
      </c>
      <c r="G133216" s="16">
        <v>0</v>
      </c>
    </row>
    <row r="133217" spans="1:7" x14ac:dyDescent="0.3">
      <c r="A133217" s="13" t="s">
        <v>602</v>
      </c>
      <c r="B133217" s="14" t="s">
        <v>1</v>
      </c>
      <c r="C133217" s="14" t="s">
        <v>596</v>
      </c>
      <c r="D133217" s="14" t="s">
        <v>31</v>
      </c>
      <c r="E133217" s="15">
        <v>45733</v>
      </c>
      <c r="F133217" s="14" t="s">
        <v>15</v>
      </c>
      <c r="G133217" s="16">
        <v>0</v>
      </c>
    </row>
    <row r="133218" spans="1:7" x14ac:dyDescent="0.3">
      <c r="A133218" s="13" t="s">
        <v>602</v>
      </c>
      <c r="B133218" s="14" t="s">
        <v>1</v>
      </c>
      <c r="C133218" s="14" t="s">
        <v>596</v>
      </c>
      <c r="D133218" s="14" t="s">
        <v>31</v>
      </c>
      <c r="E133218" s="15">
        <v>45734</v>
      </c>
      <c r="F133218" s="14" t="s">
        <v>15</v>
      </c>
      <c r="G133218" s="16">
        <v>0</v>
      </c>
    </row>
    <row r="133219" spans="1:7" x14ac:dyDescent="0.3">
      <c r="A133219" s="13" t="s">
        <v>602</v>
      </c>
      <c r="B133219" s="14" t="s">
        <v>1</v>
      </c>
      <c r="C133219" s="14" t="s">
        <v>596</v>
      </c>
      <c r="D133219" s="14" t="s">
        <v>31</v>
      </c>
      <c r="E133219" s="15">
        <v>45735</v>
      </c>
      <c r="F133219" s="14" t="s">
        <v>15</v>
      </c>
      <c r="G133219" s="16">
        <v>0</v>
      </c>
    </row>
    <row r="133220" spans="1:7" x14ac:dyDescent="0.3">
      <c r="A133220" s="13" t="s">
        <v>602</v>
      </c>
      <c r="B133220" s="14" t="s">
        <v>1</v>
      </c>
      <c r="C133220" s="14" t="s">
        <v>596</v>
      </c>
      <c r="D133220" s="14" t="s">
        <v>31</v>
      </c>
      <c r="E133220" s="15">
        <v>45736</v>
      </c>
      <c r="F133220" s="14" t="s">
        <v>15</v>
      </c>
      <c r="G133220" s="16">
        <v>0</v>
      </c>
    </row>
    <row r="133221" spans="1:7" x14ac:dyDescent="0.3">
      <c r="A133221" s="13" t="s">
        <v>602</v>
      </c>
      <c r="B133221" s="14" t="s">
        <v>1</v>
      </c>
      <c r="C133221" s="14" t="s">
        <v>596</v>
      </c>
      <c r="D133221" s="14" t="s">
        <v>31</v>
      </c>
      <c r="E133221" s="15">
        <v>45737</v>
      </c>
      <c r="F133221" s="14" t="s">
        <v>15</v>
      </c>
      <c r="G133221" s="16">
        <v>0</v>
      </c>
    </row>
    <row r="133222" spans="1:7" x14ac:dyDescent="0.3">
      <c r="A133222" s="13" t="s">
        <v>602</v>
      </c>
      <c r="B133222" s="14" t="s">
        <v>1</v>
      </c>
      <c r="C133222" s="14" t="s">
        <v>596</v>
      </c>
      <c r="D133222" s="14" t="s">
        <v>31</v>
      </c>
      <c r="E133222" s="15">
        <v>45738</v>
      </c>
      <c r="F133222" s="14" t="s">
        <v>15</v>
      </c>
      <c r="G133222" s="16">
        <v>0</v>
      </c>
    </row>
    <row r="133223" spans="1:7" x14ac:dyDescent="0.3">
      <c r="A133223" s="13" t="s">
        <v>602</v>
      </c>
      <c r="B133223" s="14" t="s">
        <v>1</v>
      </c>
      <c r="C133223" s="14" t="s">
        <v>596</v>
      </c>
      <c r="D133223" s="14" t="s">
        <v>31</v>
      </c>
      <c r="E133223" s="15">
        <v>45739</v>
      </c>
      <c r="F133223" s="14" t="s">
        <v>15</v>
      </c>
      <c r="G133223" s="16">
        <v>0</v>
      </c>
    </row>
    <row r="133224" spans="1:7" x14ac:dyDescent="0.3">
      <c r="A133224" s="13" t="s">
        <v>602</v>
      </c>
      <c r="B133224" s="14" t="s">
        <v>1</v>
      </c>
      <c r="C133224" s="14" t="s">
        <v>596</v>
      </c>
      <c r="D133224" s="14" t="s">
        <v>31</v>
      </c>
      <c r="E133224" s="15">
        <v>45740</v>
      </c>
      <c r="F133224" s="14" t="s">
        <v>15</v>
      </c>
      <c r="G133224" s="16">
        <v>0</v>
      </c>
    </row>
    <row r="133225" spans="1:7" x14ac:dyDescent="0.3">
      <c r="A133225" s="13" t="s">
        <v>602</v>
      </c>
      <c r="B133225" s="14" t="s">
        <v>1</v>
      </c>
      <c r="C133225" s="14" t="s">
        <v>596</v>
      </c>
      <c r="D133225" s="14" t="s">
        <v>31</v>
      </c>
      <c r="E133225" s="15">
        <v>45741</v>
      </c>
      <c r="F133225" s="14" t="s">
        <v>15</v>
      </c>
      <c r="G133225" s="16">
        <v>0</v>
      </c>
    </row>
    <row r="133226" spans="1:7" x14ac:dyDescent="0.3">
      <c r="A133226" s="13" t="s">
        <v>602</v>
      </c>
      <c r="B133226" s="14" t="s">
        <v>1</v>
      </c>
      <c r="C133226" s="14" t="s">
        <v>596</v>
      </c>
      <c r="D133226" s="14" t="s">
        <v>31</v>
      </c>
      <c r="E133226" s="15">
        <v>45742</v>
      </c>
      <c r="F133226" s="14" t="s">
        <v>15</v>
      </c>
      <c r="G133226" s="16">
        <v>0</v>
      </c>
    </row>
    <row r="133227" spans="1:7" x14ac:dyDescent="0.3">
      <c r="A133227" s="13" t="s">
        <v>602</v>
      </c>
      <c r="B133227" s="14" t="s">
        <v>1</v>
      </c>
      <c r="C133227" s="14" t="s">
        <v>596</v>
      </c>
      <c r="D133227" s="14" t="s">
        <v>31</v>
      </c>
      <c r="E133227" s="15">
        <v>45743</v>
      </c>
      <c r="F133227" s="14" t="s">
        <v>15</v>
      </c>
      <c r="G133227" s="16">
        <v>0</v>
      </c>
    </row>
    <row r="133228" spans="1:7" x14ac:dyDescent="0.3">
      <c r="A133228" s="13" t="s">
        <v>602</v>
      </c>
      <c r="B133228" s="14" t="s">
        <v>1</v>
      </c>
      <c r="C133228" s="14" t="s">
        <v>596</v>
      </c>
      <c r="D133228" s="14" t="s">
        <v>31</v>
      </c>
      <c r="E133228" s="15">
        <v>45744</v>
      </c>
      <c r="F133228" s="14" t="s">
        <v>15</v>
      </c>
      <c r="G133228" s="16">
        <v>0</v>
      </c>
    </row>
    <row r="133229" spans="1:7" x14ac:dyDescent="0.3">
      <c r="A133229" s="13" t="s">
        <v>602</v>
      </c>
      <c r="B133229" s="14" t="s">
        <v>1</v>
      </c>
      <c r="C133229" s="14" t="s">
        <v>596</v>
      </c>
      <c r="D133229" s="14" t="s">
        <v>31</v>
      </c>
      <c r="E133229" s="15">
        <v>45745</v>
      </c>
      <c r="F133229" s="14" t="s">
        <v>15</v>
      </c>
      <c r="G133229" s="16">
        <v>0</v>
      </c>
    </row>
    <row r="133230" spans="1:7" x14ac:dyDescent="0.3">
      <c r="A133230" s="13" t="s">
        <v>602</v>
      </c>
      <c r="B133230" s="14" t="s">
        <v>1</v>
      </c>
      <c r="C133230" s="14" t="s">
        <v>596</v>
      </c>
      <c r="D133230" s="14" t="s">
        <v>31</v>
      </c>
      <c r="E133230" s="15">
        <v>45746</v>
      </c>
      <c r="F133230" s="14" t="s">
        <v>15</v>
      </c>
      <c r="G133230" s="16">
        <v>0</v>
      </c>
    </row>
    <row r="133231" spans="1:7" x14ac:dyDescent="0.3">
      <c r="A133231" s="13" t="s">
        <v>602</v>
      </c>
      <c r="B133231" s="14" t="s">
        <v>1</v>
      </c>
      <c r="C133231" s="14" t="s">
        <v>596</v>
      </c>
      <c r="D133231" s="14" t="s">
        <v>31</v>
      </c>
      <c r="E133231" s="15">
        <v>45747</v>
      </c>
      <c r="F133231" s="14" t="s">
        <v>15</v>
      </c>
      <c r="G133231" s="16">
        <v>0</v>
      </c>
    </row>
    <row r="133232" spans="1:7" x14ac:dyDescent="0.3">
      <c r="A133232" s="13" t="s">
        <v>603</v>
      </c>
      <c r="B133232" s="14" t="s">
        <v>1</v>
      </c>
      <c r="C133232" s="14" t="s">
        <v>596</v>
      </c>
      <c r="D133232" s="14" t="s">
        <v>94</v>
      </c>
      <c r="E133232" s="15">
        <v>45383</v>
      </c>
      <c r="F133232" s="14" t="s">
        <v>15</v>
      </c>
      <c r="G133232" s="16">
        <v>0</v>
      </c>
    </row>
    <row r="133233" spans="1:7" x14ac:dyDescent="0.3">
      <c r="A133233" s="13" t="s">
        <v>603</v>
      </c>
      <c r="B133233" s="14" t="s">
        <v>1</v>
      </c>
      <c r="C133233" s="14" t="s">
        <v>596</v>
      </c>
      <c r="D133233" s="14" t="s">
        <v>94</v>
      </c>
      <c r="E133233" s="15">
        <v>45384</v>
      </c>
      <c r="F133233" s="14" t="s">
        <v>15</v>
      </c>
      <c r="G133233" s="16">
        <v>0</v>
      </c>
    </row>
    <row r="133234" spans="1:7" x14ac:dyDescent="0.3">
      <c r="A133234" s="13" t="s">
        <v>603</v>
      </c>
      <c r="B133234" s="14" t="s">
        <v>1</v>
      </c>
      <c r="C133234" s="14" t="s">
        <v>596</v>
      </c>
      <c r="D133234" s="14" t="s">
        <v>94</v>
      </c>
      <c r="E133234" s="15">
        <v>45385</v>
      </c>
      <c r="F133234" s="14" t="s">
        <v>15</v>
      </c>
      <c r="G133234" s="16">
        <v>0</v>
      </c>
    </row>
    <row r="133235" spans="1:7" x14ac:dyDescent="0.3">
      <c r="A133235" s="13" t="s">
        <v>603</v>
      </c>
      <c r="B133235" s="14" t="s">
        <v>1</v>
      </c>
      <c r="C133235" s="14" t="s">
        <v>596</v>
      </c>
      <c r="D133235" s="14" t="s">
        <v>94</v>
      </c>
      <c r="E133235" s="15">
        <v>45386</v>
      </c>
      <c r="F133235" s="14" t="s">
        <v>15</v>
      </c>
      <c r="G133235" s="16">
        <v>0</v>
      </c>
    </row>
    <row r="133236" spans="1:7" x14ac:dyDescent="0.3">
      <c r="A133236" s="13" t="s">
        <v>603</v>
      </c>
      <c r="B133236" s="14" t="s">
        <v>1</v>
      </c>
      <c r="C133236" s="14" t="s">
        <v>596</v>
      </c>
      <c r="D133236" s="14" t="s">
        <v>94</v>
      </c>
      <c r="E133236" s="15">
        <v>45387</v>
      </c>
      <c r="F133236" s="14" t="s">
        <v>15</v>
      </c>
      <c r="G133236" s="16">
        <v>0</v>
      </c>
    </row>
    <row r="133237" spans="1:7" x14ac:dyDescent="0.3">
      <c r="A133237" s="13" t="s">
        <v>603</v>
      </c>
      <c r="B133237" s="14" t="s">
        <v>1</v>
      </c>
      <c r="C133237" s="14" t="s">
        <v>596</v>
      </c>
      <c r="D133237" s="14" t="s">
        <v>94</v>
      </c>
      <c r="E133237" s="15">
        <v>45388</v>
      </c>
      <c r="F133237" s="14" t="s">
        <v>15</v>
      </c>
      <c r="G133237" s="16">
        <v>0</v>
      </c>
    </row>
    <row r="133238" spans="1:7" x14ac:dyDescent="0.3">
      <c r="A133238" s="13" t="s">
        <v>603</v>
      </c>
      <c r="B133238" s="14" t="s">
        <v>1</v>
      </c>
      <c r="C133238" s="14" t="s">
        <v>596</v>
      </c>
      <c r="D133238" s="14" t="s">
        <v>94</v>
      </c>
      <c r="E133238" s="15">
        <v>45389</v>
      </c>
      <c r="F133238" s="14" t="s">
        <v>15</v>
      </c>
      <c r="G133238" s="16">
        <v>0</v>
      </c>
    </row>
    <row r="133239" spans="1:7" x14ac:dyDescent="0.3">
      <c r="A133239" s="13" t="s">
        <v>603</v>
      </c>
      <c r="B133239" s="14" t="s">
        <v>1</v>
      </c>
      <c r="C133239" s="14" t="s">
        <v>596</v>
      </c>
      <c r="D133239" s="14" t="s">
        <v>94</v>
      </c>
      <c r="E133239" s="15">
        <v>45390</v>
      </c>
      <c r="F133239" s="14" t="s">
        <v>15</v>
      </c>
      <c r="G133239" s="16">
        <v>0</v>
      </c>
    </row>
    <row r="133240" spans="1:7" x14ac:dyDescent="0.3">
      <c r="A133240" s="13" t="s">
        <v>603</v>
      </c>
      <c r="B133240" s="14" t="s">
        <v>1</v>
      </c>
      <c r="C133240" s="14" t="s">
        <v>596</v>
      </c>
      <c r="D133240" s="14" t="s">
        <v>94</v>
      </c>
      <c r="E133240" s="15">
        <v>45391</v>
      </c>
      <c r="F133240" s="14" t="s">
        <v>15</v>
      </c>
      <c r="G133240" s="16">
        <v>0</v>
      </c>
    </row>
    <row r="133241" spans="1:7" x14ac:dyDescent="0.3">
      <c r="A133241" s="13" t="s">
        <v>603</v>
      </c>
      <c r="B133241" s="14" t="s">
        <v>1</v>
      </c>
      <c r="C133241" s="14" t="s">
        <v>596</v>
      </c>
      <c r="D133241" s="14" t="s">
        <v>94</v>
      </c>
      <c r="E133241" s="15">
        <v>45392</v>
      </c>
      <c r="F133241" s="14" t="s">
        <v>15</v>
      </c>
      <c r="G133241" s="16">
        <v>0</v>
      </c>
    </row>
    <row r="133242" spans="1:7" x14ac:dyDescent="0.3">
      <c r="A133242" s="13" t="s">
        <v>603</v>
      </c>
      <c r="B133242" s="14" t="s">
        <v>1</v>
      </c>
      <c r="C133242" s="14" t="s">
        <v>596</v>
      </c>
      <c r="D133242" s="14" t="s">
        <v>94</v>
      </c>
      <c r="E133242" s="15">
        <v>45393</v>
      </c>
      <c r="F133242" s="14" t="s">
        <v>15</v>
      </c>
      <c r="G133242" s="16">
        <v>0</v>
      </c>
    </row>
    <row r="133243" spans="1:7" x14ac:dyDescent="0.3">
      <c r="A133243" s="13" t="s">
        <v>603</v>
      </c>
      <c r="B133243" s="14" t="s">
        <v>1</v>
      </c>
      <c r="C133243" s="14" t="s">
        <v>596</v>
      </c>
      <c r="D133243" s="14" t="s">
        <v>94</v>
      </c>
      <c r="E133243" s="15">
        <v>45394</v>
      </c>
      <c r="F133243" s="14" t="s">
        <v>15</v>
      </c>
      <c r="G133243" s="16">
        <v>0</v>
      </c>
    </row>
    <row r="133244" spans="1:7" x14ac:dyDescent="0.3">
      <c r="A133244" s="13" t="s">
        <v>603</v>
      </c>
      <c r="B133244" s="14" t="s">
        <v>1</v>
      </c>
      <c r="C133244" s="14" t="s">
        <v>596</v>
      </c>
      <c r="D133244" s="14" t="s">
        <v>94</v>
      </c>
      <c r="E133244" s="15">
        <v>45395</v>
      </c>
      <c r="F133244" s="14" t="s">
        <v>15</v>
      </c>
      <c r="G133244" s="16">
        <v>0</v>
      </c>
    </row>
    <row r="133245" spans="1:7" x14ac:dyDescent="0.3">
      <c r="A133245" s="13" t="s">
        <v>603</v>
      </c>
      <c r="B133245" s="14" t="s">
        <v>1</v>
      </c>
      <c r="C133245" s="14" t="s">
        <v>596</v>
      </c>
      <c r="D133245" s="14" t="s">
        <v>94</v>
      </c>
      <c r="E133245" s="15">
        <v>45396</v>
      </c>
      <c r="F133245" s="14" t="s">
        <v>15</v>
      </c>
      <c r="G133245" s="16">
        <v>0</v>
      </c>
    </row>
    <row r="133246" spans="1:7" x14ac:dyDescent="0.3">
      <c r="A133246" s="13" t="s">
        <v>603</v>
      </c>
      <c r="B133246" s="14" t="s">
        <v>1</v>
      </c>
      <c r="C133246" s="14" t="s">
        <v>596</v>
      </c>
      <c r="D133246" s="14" t="s">
        <v>94</v>
      </c>
      <c r="E133246" s="15">
        <v>45397</v>
      </c>
      <c r="F133246" s="14" t="s">
        <v>15</v>
      </c>
      <c r="G133246" s="16">
        <v>0</v>
      </c>
    </row>
    <row r="133247" spans="1:7" x14ac:dyDescent="0.3">
      <c r="A133247" s="13" t="s">
        <v>603</v>
      </c>
      <c r="B133247" s="14" t="s">
        <v>1</v>
      </c>
      <c r="C133247" s="14" t="s">
        <v>596</v>
      </c>
      <c r="D133247" s="14" t="s">
        <v>94</v>
      </c>
      <c r="E133247" s="15">
        <v>45398</v>
      </c>
      <c r="F133247" s="14" t="s">
        <v>15</v>
      </c>
      <c r="G133247" s="16">
        <v>0</v>
      </c>
    </row>
    <row r="133248" spans="1:7" x14ac:dyDescent="0.3">
      <c r="A133248" s="13" t="s">
        <v>603</v>
      </c>
      <c r="B133248" s="14" t="s">
        <v>1</v>
      </c>
      <c r="C133248" s="14" t="s">
        <v>596</v>
      </c>
      <c r="D133248" s="14" t="s">
        <v>94</v>
      </c>
      <c r="E133248" s="15">
        <v>45399</v>
      </c>
      <c r="F133248" s="14" t="s">
        <v>15</v>
      </c>
      <c r="G133248" s="16">
        <v>0</v>
      </c>
    </row>
    <row r="133249" spans="1:7" x14ac:dyDescent="0.3">
      <c r="A133249" s="13" t="s">
        <v>603</v>
      </c>
      <c r="B133249" s="14" t="s">
        <v>1</v>
      </c>
      <c r="C133249" s="14" t="s">
        <v>596</v>
      </c>
      <c r="D133249" s="14" t="s">
        <v>94</v>
      </c>
      <c r="E133249" s="15">
        <v>45400</v>
      </c>
      <c r="F133249" s="14" t="s">
        <v>15</v>
      </c>
      <c r="G133249" s="16">
        <v>0</v>
      </c>
    </row>
    <row r="133250" spans="1:7" x14ac:dyDescent="0.3">
      <c r="A133250" s="13" t="s">
        <v>603</v>
      </c>
      <c r="B133250" s="14" t="s">
        <v>1</v>
      </c>
      <c r="C133250" s="14" t="s">
        <v>596</v>
      </c>
      <c r="D133250" s="14" t="s">
        <v>94</v>
      </c>
      <c r="E133250" s="15">
        <v>45401</v>
      </c>
      <c r="F133250" s="14" t="s">
        <v>15</v>
      </c>
      <c r="G133250" s="16">
        <v>0</v>
      </c>
    </row>
    <row r="133251" spans="1:7" x14ac:dyDescent="0.3">
      <c r="A133251" s="13" t="s">
        <v>603</v>
      </c>
      <c r="B133251" s="14" t="s">
        <v>1</v>
      </c>
      <c r="C133251" s="14" t="s">
        <v>596</v>
      </c>
      <c r="D133251" s="14" t="s">
        <v>94</v>
      </c>
      <c r="E133251" s="15">
        <v>45402</v>
      </c>
      <c r="F133251" s="14" t="s">
        <v>15</v>
      </c>
      <c r="G133251" s="16">
        <v>0</v>
      </c>
    </row>
    <row r="133252" spans="1:7" x14ac:dyDescent="0.3">
      <c r="A133252" s="13" t="s">
        <v>603</v>
      </c>
      <c r="B133252" s="14" t="s">
        <v>1</v>
      </c>
      <c r="C133252" s="14" t="s">
        <v>596</v>
      </c>
      <c r="D133252" s="14" t="s">
        <v>94</v>
      </c>
      <c r="E133252" s="15">
        <v>45403</v>
      </c>
      <c r="F133252" s="14" t="s">
        <v>15</v>
      </c>
      <c r="G133252" s="16">
        <v>0</v>
      </c>
    </row>
    <row r="133253" spans="1:7" x14ac:dyDescent="0.3">
      <c r="A133253" s="13" t="s">
        <v>603</v>
      </c>
      <c r="B133253" s="14" t="s">
        <v>1</v>
      </c>
      <c r="C133253" s="14" t="s">
        <v>596</v>
      </c>
      <c r="D133253" s="14" t="s">
        <v>94</v>
      </c>
      <c r="E133253" s="15">
        <v>45404</v>
      </c>
      <c r="F133253" s="14" t="s">
        <v>15</v>
      </c>
      <c r="G133253" s="16">
        <v>0</v>
      </c>
    </row>
    <row r="133254" spans="1:7" x14ac:dyDescent="0.3">
      <c r="A133254" s="13" t="s">
        <v>603</v>
      </c>
      <c r="B133254" s="14" t="s">
        <v>1</v>
      </c>
      <c r="C133254" s="14" t="s">
        <v>596</v>
      </c>
      <c r="D133254" s="14" t="s">
        <v>94</v>
      </c>
      <c r="E133254" s="15">
        <v>45405</v>
      </c>
      <c r="F133254" s="14" t="s">
        <v>15</v>
      </c>
      <c r="G133254" s="16">
        <v>0</v>
      </c>
    </row>
    <row r="133255" spans="1:7" x14ac:dyDescent="0.3">
      <c r="A133255" s="13" t="s">
        <v>603</v>
      </c>
      <c r="B133255" s="14" t="s">
        <v>1</v>
      </c>
      <c r="C133255" s="14" t="s">
        <v>596</v>
      </c>
      <c r="D133255" s="14" t="s">
        <v>94</v>
      </c>
      <c r="E133255" s="15">
        <v>45406</v>
      </c>
      <c r="F133255" s="14" t="s">
        <v>15</v>
      </c>
      <c r="G133255" s="16">
        <v>0</v>
      </c>
    </row>
    <row r="133256" spans="1:7" x14ac:dyDescent="0.3">
      <c r="A133256" s="13" t="s">
        <v>603</v>
      </c>
      <c r="B133256" s="14" t="s">
        <v>1</v>
      </c>
      <c r="C133256" s="14" t="s">
        <v>596</v>
      </c>
      <c r="D133256" s="14" t="s">
        <v>94</v>
      </c>
      <c r="E133256" s="15">
        <v>45407</v>
      </c>
      <c r="F133256" s="14" t="s">
        <v>15</v>
      </c>
      <c r="G133256" s="16">
        <v>0</v>
      </c>
    </row>
    <row r="133257" spans="1:7" x14ac:dyDescent="0.3">
      <c r="A133257" s="13" t="s">
        <v>603</v>
      </c>
      <c r="B133257" s="14" t="s">
        <v>1</v>
      </c>
      <c r="C133257" s="14" t="s">
        <v>596</v>
      </c>
      <c r="D133257" s="14" t="s">
        <v>94</v>
      </c>
      <c r="E133257" s="15">
        <v>45408</v>
      </c>
      <c r="F133257" s="14" t="s">
        <v>15</v>
      </c>
      <c r="G133257" s="16">
        <v>0</v>
      </c>
    </row>
    <row r="133258" spans="1:7" x14ac:dyDescent="0.3">
      <c r="A133258" s="13" t="s">
        <v>603</v>
      </c>
      <c r="B133258" s="14" t="s">
        <v>1</v>
      </c>
      <c r="C133258" s="14" t="s">
        <v>596</v>
      </c>
      <c r="D133258" s="14" t="s">
        <v>94</v>
      </c>
      <c r="E133258" s="15">
        <v>45409</v>
      </c>
      <c r="F133258" s="14" t="s">
        <v>15</v>
      </c>
      <c r="G133258" s="16">
        <v>0</v>
      </c>
    </row>
    <row r="133259" spans="1:7" x14ac:dyDescent="0.3">
      <c r="A133259" s="13" t="s">
        <v>603</v>
      </c>
      <c r="B133259" s="14" t="s">
        <v>1</v>
      </c>
      <c r="C133259" s="14" t="s">
        <v>596</v>
      </c>
      <c r="D133259" s="14" t="s">
        <v>94</v>
      </c>
      <c r="E133259" s="15">
        <v>45410</v>
      </c>
      <c r="F133259" s="14" t="s">
        <v>15</v>
      </c>
      <c r="G133259" s="16">
        <v>0</v>
      </c>
    </row>
    <row r="133260" spans="1:7" x14ac:dyDescent="0.3">
      <c r="A133260" s="13" t="s">
        <v>603</v>
      </c>
      <c r="B133260" s="14" t="s">
        <v>1</v>
      </c>
      <c r="C133260" s="14" t="s">
        <v>596</v>
      </c>
      <c r="D133260" s="14" t="s">
        <v>94</v>
      </c>
      <c r="E133260" s="15">
        <v>45411</v>
      </c>
      <c r="F133260" s="14" t="s">
        <v>15</v>
      </c>
      <c r="G133260" s="16">
        <v>0</v>
      </c>
    </row>
    <row r="133261" spans="1:7" x14ac:dyDescent="0.3">
      <c r="A133261" s="13" t="s">
        <v>603</v>
      </c>
      <c r="B133261" s="14" t="s">
        <v>1</v>
      </c>
      <c r="C133261" s="14" t="s">
        <v>596</v>
      </c>
      <c r="D133261" s="14" t="s">
        <v>94</v>
      </c>
      <c r="E133261" s="15">
        <v>45412</v>
      </c>
      <c r="F133261" s="14" t="s">
        <v>15</v>
      </c>
      <c r="G133261" s="16">
        <v>0</v>
      </c>
    </row>
    <row r="133262" spans="1:7" x14ac:dyDescent="0.3">
      <c r="A133262" s="13" t="s">
        <v>603</v>
      </c>
      <c r="B133262" s="14" t="s">
        <v>1</v>
      </c>
      <c r="C133262" s="14" t="s">
        <v>596</v>
      </c>
      <c r="D133262" s="14" t="s">
        <v>94</v>
      </c>
      <c r="E133262" s="15">
        <v>45413</v>
      </c>
      <c r="F133262" s="14" t="s">
        <v>15</v>
      </c>
      <c r="G133262" s="16">
        <v>0</v>
      </c>
    </row>
    <row r="133263" spans="1:7" x14ac:dyDescent="0.3">
      <c r="A133263" s="13" t="s">
        <v>603</v>
      </c>
      <c r="B133263" s="14" t="s">
        <v>1</v>
      </c>
      <c r="C133263" s="14" t="s">
        <v>596</v>
      </c>
      <c r="D133263" s="14" t="s">
        <v>94</v>
      </c>
      <c r="E133263" s="15">
        <v>45414</v>
      </c>
      <c r="F133263" s="14" t="s">
        <v>15</v>
      </c>
      <c r="G133263" s="16">
        <v>0</v>
      </c>
    </row>
    <row r="133264" spans="1:7" x14ac:dyDescent="0.3">
      <c r="A133264" s="13" t="s">
        <v>603</v>
      </c>
      <c r="B133264" s="14" t="s">
        <v>1</v>
      </c>
      <c r="C133264" s="14" t="s">
        <v>596</v>
      </c>
      <c r="D133264" s="14" t="s">
        <v>94</v>
      </c>
      <c r="E133264" s="15">
        <v>45415</v>
      </c>
      <c r="F133264" s="14" t="s">
        <v>15</v>
      </c>
      <c r="G133264" s="16">
        <v>0</v>
      </c>
    </row>
    <row r="133265" spans="1:7" x14ac:dyDescent="0.3">
      <c r="A133265" s="13" t="s">
        <v>603</v>
      </c>
      <c r="B133265" s="14" t="s">
        <v>1</v>
      </c>
      <c r="C133265" s="14" t="s">
        <v>596</v>
      </c>
      <c r="D133265" s="14" t="s">
        <v>94</v>
      </c>
      <c r="E133265" s="15">
        <v>45416</v>
      </c>
      <c r="F133265" s="14" t="s">
        <v>15</v>
      </c>
      <c r="G133265" s="16">
        <v>0</v>
      </c>
    </row>
    <row r="133266" spans="1:7" x14ac:dyDescent="0.3">
      <c r="A133266" s="13" t="s">
        <v>603</v>
      </c>
      <c r="B133266" s="14" t="s">
        <v>1</v>
      </c>
      <c r="C133266" s="14" t="s">
        <v>596</v>
      </c>
      <c r="D133266" s="14" t="s">
        <v>94</v>
      </c>
      <c r="E133266" s="15">
        <v>45417</v>
      </c>
      <c r="F133266" s="14" t="s">
        <v>15</v>
      </c>
      <c r="G133266" s="16">
        <v>0</v>
      </c>
    </row>
    <row r="133267" spans="1:7" x14ac:dyDescent="0.3">
      <c r="A133267" s="13" t="s">
        <v>603</v>
      </c>
      <c r="B133267" s="14" t="s">
        <v>1</v>
      </c>
      <c r="C133267" s="14" t="s">
        <v>596</v>
      </c>
      <c r="D133267" s="14" t="s">
        <v>94</v>
      </c>
      <c r="E133267" s="15">
        <v>45418</v>
      </c>
      <c r="F133267" s="14" t="s">
        <v>15</v>
      </c>
      <c r="G133267" s="16">
        <v>0</v>
      </c>
    </row>
    <row r="133268" spans="1:7" x14ac:dyDescent="0.3">
      <c r="A133268" s="13" t="s">
        <v>603</v>
      </c>
      <c r="B133268" s="14" t="s">
        <v>1</v>
      </c>
      <c r="C133268" s="14" t="s">
        <v>596</v>
      </c>
      <c r="D133268" s="14" t="s">
        <v>94</v>
      </c>
      <c r="E133268" s="15">
        <v>45419</v>
      </c>
      <c r="F133268" s="14" t="s">
        <v>15</v>
      </c>
      <c r="G133268" s="16">
        <v>0</v>
      </c>
    </row>
    <row r="133269" spans="1:7" x14ac:dyDescent="0.3">
      <c r="A133269" s="13" t="s">
        <v>603</v>
      </c>
      <c r="B133269" s="14" t="s">
        <v>1</v>
      </c>
      <c r="C133269" s="14" t="s">
        <v>596</v>
      </c>
      <c r="D133269" s="14" t="s">
        <v>94</v>
      </c>
      <c r="E133269" s="15">
        <v>45420</v>
      </c>
      <c r="F133269" s="14" t="s">
        <v>15</v>
      </c>
      <c r="G133269" s="16">
        <v>0</v>
      </c>
    </row>
    <row r="133270" spans="1:7" x14ac:dyDescent="0.3">
      <c r="A133270" s="13" t="s">
        <v>603</v>
      </c>
      <c r="B133270" s="14" t="s">
        <v>1</v>
      </c>
      <c r="C133270" s="14" t="s">
        <v>596</v>
      </c>
      <c r="D133270" s="14" t="s">
        <v>94</v>
      </c>
      <c r="E133270" s="15">
        <v>45421</v>
      </c>
      <c r="F133270" s="14" t="s">
        <v>15</v>
      </c>
      <c r="G133270" s="16">
        <v>0</v>
      </c>
    </row>
    <row r="133271" spans="1:7" x14ac:dyDescent="0.3">
      <c r="A133271" s="13" t="s">
        <v>603</v>
      </c>
      <c r="B133271" s="14" t="s">
        <v>1</v>
      </c>
      <c r="C133271" s="14" t="s">
        <v>596</v>
      </c>
      <c r="D133271" s="14" t="s">
        <v>94</v>
      </c>
      <c r="E133271" s="15">
        <v>45422</v>
      </c>
      <c r="F133271" s="14" t="s">
        <v>15</v>
      </c>
      <c r="G133271" s="16">
        <v>0</v>
      </c>
    </row>
    <row r="133272" spans="1:7" x14ac:dyDescent="0.3">
      <c r="A133272" s="13" t="s">
        <v>603</v>
      </c>
      <c r="B133272" s="14" t="s">
        <v>1</v>
      </c>
      <c r="C133272" s="14" t="s">
        <v>596</v>
      </c>
      <c r="D133272" s="14" t="s">
        <v>94</v>
      </c>
      <c r="E133272" s="15">
        <v>45423</v>
      </c>
      <c r="F133272" s="14" t="s">
        <v>15</v>
      </c>
      <c r="G133272" s="16">
        <v>0</v>
      </c>
    </row>
    <row r="133273" spans="1:7" x14ac:dyDescent="0.3">
      <c r="A133273" s="13" t="s">
        <v>603</v>
      </c>
      <c r="B133273" s="14" t="s">
        <v>1</v>
      </c>
      <c r="C133273" s="14" t="s">
        <v>596</v>
      </c>
      <c r="D133273" s="14" t="s">
        <v>94</v>
      </c>
      <c r="E133273" s="15">
        <v>45424</v>
      </c>
      <c r="F133273" s="14" t="s">
        <v>15</v>
      </c>
      <c r="G133273" s="16">
        <v>0</v>
      </c>
    </row>
    <row r="133274" spans="1:7" x14ac:dyDescent="0.3">
      <c r="A133274" s="13" t="s">
        <v>603</v>
      </c>
      <c r="B133274" s="14" t="s">
        <v>1</v>
      </c>
      <c r="C133274" s="14" t="s">
        <v>596</v>
      </c>
      <c r="D133274" s="14" t="s">
        <v>94</v>
      </c>
      <c r="E133274" s="15">
        <v>45425</v>
      </c>
      <c r="F133274" s="14" t="s">
        <v>15</v>
      </c>
      <c r="G133274" s="16">
        <v>0</v>
      </c>
    </row>
    <row r="133275" spans="1:7" x14ac:dyDescent="0.3">
      <c r="A133275" s="13" t="s">
        <v>603</v>
      </c>
      <c r="B133275" s="14" t="s">
        <v>1</v>
      </c>
      <c r="C133275" s="14" t="s">
        <v>596</v>
      </c>
      <c r="D133275" s="14" t="s">
        <v>94</v>
      </c>
      <c r="E133275" s="15">
        <v>45426</v>
      </c>
      <c r="F133275" s="14" t="s">
        <v>15</v>
      </c>
      <c r="G133275" s="16">
        <v>0</v>
      </c>
    </row>
    <row r="133276" spans="1:7" x14ac:dyDescent="0.3">
      <c r="A133276" s="13" t="s">
        <v>603</v>
      </c>
      <c r="B133276" s="14" t="s">
        <v>1</v>
      </c>
      <c r="C133276" s="14" t="s">
        <v>596</v>
      </c>
      <c r="D133276" s="14" t="s">
        <v>94</v>
      </c>
      <c r="E133276" s="15">
        <v>45427</v>
      </c>
      <c r="F133276" s="14" t="s">
        <v>15</v>
      </c>
      <c r="G133276" s="16">
        <v>0</v>
      </c>
    </row>
    <row r="133277" spans="1:7" x14ac:dyDescent="0.3">
      <c r="A133277" s="13" t="s">
        <v>603</v>
      </c>
      <c r="B133277" s="14" t="s">
        <v>1</v>
      </c>
      <c r="C133277" s="14" t="s">
        <v>596</v>
      </c>
      <c r="D133277" s="14" t="s">
        <v>94</v>
      </c>
      <c r="E133277" s="15">
        <v>45428</v>
      </c>
      <c r="F133277" s="14" t="s">
        <v>15</v>
      </c>
      <c r="G133277" s="16">
        <v>0</v>
      </c>
    </row>
    <row r="133278" spans="1:7" x14ac:dyDescent="0.3">
      <c r="A133278" s="13" t="s">
        <v>603</v>
      </c>
      <c r="B133278" s="14" t="s">
        <v>1</v>
      </c>
      <c r="C133278" s="14" t="s">
        <v>596</v>
      </c>
      <c r="D133278" s="14" t="s">
        <v>94</v>
      </c>
      <c r="E133278" s="15">
        <v>45429</v>
      </c>
      <c r="F133278" s="14" t="s">
        <v>15</v>
      </c>
      <c r="G133278" s="16">
        <v>0</v>
      </c>
    </row>
    <row r="133279" spans="1:7" x14ac:dyDescent="0.3">
      <c r="A133279" s="13" t="s">
        <v>603</v>
      </c>
      <c r="B133279" s="14" t="s">
        <v>1</v>
      </c>
      <c r="C133279" s="14" t="s">
        <v>596</v>
      </c>
      <c r="D133279" s="14" t="s">
        <v>94</v>
      </c>
      <c r="E133279" s="15">
        <v>45430</v>
      </c>
      <c r="F133279" s="14" t="s">
        <v>15</v>
      </c>
      <c r="G133279" s="16">
        <v>0</v>
      </c>
    </row>
    <row r="133280" spans="1:7" x14ac:dyDescent="0.3">
      <c r="A133280" s="13" t="s">
        <v>603</v>
      </c>
      <c r="B133280" s="14" t="s">
        <v>1</v>
      </c>
      <c r="C133280" s="14" t="s">
        <v>596</v>
      </c>
      <c r="D133280" s="14" t="s">
        <v>94</v>
      </c>
      <c r="E133280" s="15">
        <v>45431</v>
      </c>
      <c r="F133280" s="14" t="s">
        <v>15</v>
      </c>
      <c r="G133280" s="16">
        <v>0</v>
      </c>
    </row>
    <row r="133281" spans="1:7" x14ac:dyDescent="0.3">
      <c r="A133281" s="13" t="s">
        <v>603</v>
      </c>
      <c r="B133281" s="14" t="s">
        <v>1</v>
      </c>
      <c r="C133281" s="14" t="s">
        <v>596</v>
      </c>
      <c r="D133281" s="14" t="s">
        <v>94</v>
      </c>
      <c r="E133281" s="15">
        <v>45432</v>
      </c>
      <c r="F133281" s="14" t="s">
        <v>15</v>
      </c>
      <c r="G133281" s="16">
        <v>0</v>
      </c>
    </row>
    <row r="133282" spans="1:7" x14ac:dyDescent="0.3">
      <c r="A133282" s="13" t="s">
        <v>603</v>
      </c>
      <c r="B133282" s="14" t="s">
        <v>1</v>
      </c>
      <c r="C133282" s="14" t="s">
        <v>596</v>
      </c>
      <c r="D133282" s="14" t="s">
        <v>94</v>
      </c>
      <c r="E133282" s="15">
        <v>45433</v>
      </c>
      <c r="F133282" s="14" t="s">
        <v>15</v>
      </c>
      <c r="G133282" s="16">
        <v>0</v>
      </c>
    </row>
    <row r="133283" spans="1:7" x14ac:dyDescent="0.3">
      <c r="A133283" s="13" t="s">
        <v>603</v>
      </c>
      <c r="B133283" s="14" t="s">
        <v>1</v>
      </c>
      <c r="C133283" s="14" t="s">
        <v>596</v>
      </c>
      <c r="D133283" s="14" t="s">
        <v>94</v>
      </c>
      <c r="E133283" s="15">
        <v>45434</v>
      </c>
      <c r="F133283" s="14" t="s">
        <v>15</v>
      </c>
      <c r="G133283" s="16">
        <v>0</v>
      </c>
    </row>
    <row r="133284" spans="1:7" x14ac:dyDescent="0.3">
      <c r="A133284" s="13" t="s">
        <v>603</v>
      </c>
      <c r="B133284" s="14" t="s">
        <v>1</v>
      </c>
      <c r="C133284" s="14" t="s">
        <v>596</v>
      </c>
      <c r="D133284" s="14" t="s">
        <v>94</v>
      </c>
      <c r="E133284" s="15">
        <v>45435</v>
      </c>
      <c r="F133284" s="14" t="s">
        <v>15</v>
      </c>
      <c r="G133284" s="16">
        <v>0</v>
      </c>
    </row>
    <row r="133285" spans="1:7" x14ac:dyDescent="0.3">
      <c r="A133285" s="13" t="s">
        <v>603</v>
      </c>
      <c r="B133285" s="14" t="s">
        <v>1</v>
      </c>
      <c r="C133285" s="14" t="s">
        <v>596</v>
      </c>
      <c r="D133285" s="14" t="s">
        <v>94</v>
      </c>
      <c r="E133285" s="15">
        <v>45436</v>
      </c>
      <c r="F133285" s="14" t="s">
        <v>15</v>
      </c>
      <c r="G133285" s="16">
        <v>0</v>
      </c>
    </row>
    <row r="133286" spans="1:7" x14ac:dyDescent="0.3">
      <c r="A133286" s="13" t="s">
        <v>603</v>
      </c>
      <c r="B133286" s="14" t="s">
        <v>1</v>
      </c>
      <c r="C133286" s="14" t="s">
        <v>596</v>
      </c>
      <c r="D133286" s="14" t="s">
        <v>94</v>
      </c>
      <c r="E133286" s="15">
        <v>45437</v>
      </c>
      <c r="F133286" s="14" t="s">
        <v>15</v>
      </c>
      <c r="G133286" s="16">
        <v>0</v>
      </c>
    </row>
    <row r="133287" spans="1:7" x14ac:dyDescent="0.3">
      <c r="A133287" s="13" t="s">
        <v>603</v>
      </c>
      <c r="B133287" s="14" t="s">
        <v>1</v>
      </c>
      <c r="C133287" s="14" t="s">
        <v>596</v>
      </c>
      <c r="D133287" s="14" t="s">
        <v>94</v>
      </c>
      <c r="E133287" s="15">
        <v>45438</v>
      </c>
      <c r="F133287" s="14" t="s">
        <v>15</v>
      </c>
      <c r="G133287" s="16">
        <v>0</v>
      </c>
    </row>
    <row r="133288" spans="1:7" x14ac:dyDescent="0.3">
      <c r="A133288" s="13" t="s">
        <v>603</v>
      </c>
      <c r="B133288" s="14" t="s">
        <v>1</v>
      </c>
      <c r="C133288" s="14" t="s">
        <v>596</v>
      </c>
      <c r="D133288" s="14" t="s">
        <v>94</v>
      </c>
      <c r="E133288" s="15">
        <v>45439</v>
      </c>
      <c r="F133288" s="14" t="s">
        <v>15</v>
      </c>
      <c r="G133288" s="16">
        <v>0</v>
      </c>
    </row>
    <row r="133289" spans="1:7" x14ac:dyDescent="0.3">
      <c r="A133289" s="13" t="s">
        <v>603</v>
      </c>
      <c r="B133289" s="14" t="s">
        <v>1</v>
      </c>
      <c r="C133289" s="14" t="s">
        <v>596</v>
      </c>
      <c r="D133289" s="14" t="s">
        <v>94</v>
      </c>
      <c r="E133289" s="15">
        <v>45440</v>
      </c>
      <c r="F133289" s="14" t="s">
        <v>15</v>
      </c>
      <c r="G133289" s="16">
        <v>0</v>
      </c>
    </row>
    <row r="133290" spans="1:7" x14ac:dyDescent="0.3">
      <c r="A133290" s="13" t="s">
        <v>603</v>
      </c>
      <c r="B133290" s="14" t="s">
        <v>1</v>
      </c>
      <c r="C133290" s="14" t="s">
        <v>596</v>
      </c>
      <c r="D133290" s="14" t="s">
        <v>94</v>
      </c>
      <c r="E133290" s="15">
        <v>45441</v>
      </c>
      <c r="F133290" s="14" t="s">
        <v>15</v>
      </c>
      <c r="G133290" s="16">
        <v>0</v>
      </c>
    </row>
    <row r="133291" spans="1:7" x14ac:dyDescent="0.3">
      <c r="A133291" s="13" t="s">
        <v>603</v>
      </c>
      <c r="B133291" s="14" t="s">
        <v>1</v>
      </c>
      <c r="C133291" s="14" t="s">
        <v>596</v>
      </c>
      <c r="D133291" s="14" t="s">
        <v>94</v>
      </c>
      <c r="E133291" s="15">
        <v>45442</v>
      </c>
      <c r="F133291" s="14" t="s">
        <v>15</v>
      </c>
      <c r="G133291" s="16">
        <v>0</v>
      </c>
    </row>
    <row r="133292" spans="1:7" x14ac:dyDescent="0.3">
      <c r="A133292" s="13" t="s">
        <v>603</v>
      </c>
      <c r="B133292" s="14" t="s">
        <v>1</v>
      </c>
      <c r="C133292" s="14" t="s">
        <v>596</v>
      </c>
      <c r="D133292" s="14" t="s">
        <v>94</v>
      </c>
      <c r="E133292" s="15">
        <v>45443</v>
      </c>
      <c r="F133292" s="14" t="s">
        <v>15</v>
      </c>
      <c r="G133292" s="16">
        <v>0</v>
      </c>
    </row>
    <row r="133293" spans="1:7" x14ac:dyDescent="0.3">
      <c r="A133293" s="13" t="s">
        <v>603</v>
      </c>
      <c r="B133293" s="14" t="s">
        <v>1</v>
      </c>
      <c r="C133293" s="14" t="s">
        <v>596</v>
      </c>
      <c r="D133293" s="14" t="s">
        <v>94</v>
      </c>
      <c r="E133293" s="15">
        <v>45444</v>
      </c>
      <c r="F133293" s="14" t="s">
        <v>15</v>
      </c>
      <c r="G133293" s="16">
        <v>0</v>
      </c>
    </row>
    <row r="133294" spans="1:7" x14ac:dyDescent="0.3">
      <c r="A133294" s="13" t="s">
        <v>603</v>
      </c>
      <c r="B133294" s="14" t="s">
        <v>1</v>
      </c>
      <c r="C133294" s="14" t="s">
        <v>596</v>
      </c>
      <c r="D133294" s="14" t="s">
        <v>94</v>
      </c>
      <c r="E133294" s="15">
        <v>45445</v>
      </c>
      <c r="F133294" s="14" t="s">
        <v>15</v>
      </c>
      <c r="G133294" s="16">
        <v>0</v>
      </c>
    </row>
    <row r="133295" spans="1:7" x14ac:dyDescent="0.3">
      <c r="A133295" s="13" t="s">
        <v>603</v>
      </c>
      <c r="B133295" s="14" t="s">
        <v>1</v>
      </c>
      <c r="C133295" s="14" t="s">
        <v>596</v>
      </c>
      <c r="D133295" s="14" t="s">
        <v>94</v>
      </c>
      <c r="E133295" s="15">
        <v>45446</v>
      </c>
      <c r="F133295" s="14" t="s">
        <v>15</v>
      </c>
      <c r="G133295" s="16">
        <v>0</v>
      </c>
    </row>
    <row r="133296" spans="1:7" x14ac:dyDescent="0.3">
      <c r="A133296" s="13" t="s">
        <v>603</v>
      </c>
      <c r="B133296" s="14" t="s">
        <v>1</v>
      </c>
      <c r="C133296" s="14" t="s">
        <v>596</v>
      </c>
      <c r="D133296" s="14" t="s">
        <v>94</v>
      </c>
      <c r="E133296" s="15">
        <v>45447</v>
      </c>
      <c r="F133296" s="14" t="s">
        <v>15</v>
      </c>
      <c r="G133296" s="16">
        <v>0</v>
      </c>
    </row>
    <row r="133297" spans="1:7" x14ac:dyDescent="0.3">
      <c r="A133297" s="13" t="s">
        <v>603</v>
      </c>
      <c r="B133297" s="14" t="s">
        <v>1</v>
      </c>
      <c r="C133297" s="14" t="s">
        <v>596</v>
      </c>
      <c r="D133297" s="14" t="s">
        <v>94</v>
      </c>
      <c r="E133297" s="15">
        <v>45448</v>
      </c>
      <c r="F133297" s="14" t="s">
        <v>15</v>
      </c>
      <c r="G133297" s="16">
        <v>0</v>
      </c>
    </row>
    <row r="133298" spans="1:7" x14ac:dyDescent="0.3">
      <c r="A133298" s="13" t="s">
        <v>603</v>
      </c>
      <c r="B133298" s="14" t="s">
        <v>1</v>
      </c>
      <c r="C133298" s="14" t="s">
        <v>596</v>
      </c>
      <c r="D133298" s="14" t="s">
        <v>94</v>
      </c>
      <c r="E133298" s="15">
        <v>45449</v>
      </c>
      <c r="F133298" s="14" t="s">
        <v>15</v>
      </c>
      <c r="G133298" s="16">
        <v>0</v>
      </c>
    </row>
    <row r="133299" spans="1:7" x14ac:dyDescent="0.3">
      <c r="A133299" s="13" t="s">
        <v>603</v>
      </c>
      <c r="B133299" s="14" t="s">
        <v>1</v>
      </c>
      <c r="C133299" s="14" t="s">
        <v>596</v>
      </c>
      <c r="D133299" s="14" t="s">
        <v>94</v>
      </c>
      <c r="E133299" s="15">
        <v>45450</v>
      </c>
      <c r="F133299" s="14" t="s">
        <v>15</v>
      </c>
      <c r="G133299" s="16">
        <v>0</v>
      </c>
    </row>
    <row r="133300" spans="1:7" x14ac:dyDescent="0.3">
      <c r="A133300" s="13" t="s">
        <v>603</v>
      </c>
      <c r="B133300" s="14" t="s">
        <v>1</v>
      </c>
      <c r="C133300" s="14" t="s">
        <v>596</v>
      </c>
      <c r="D133300" s="14" t="s">
        <v>94</v>
      </c>
      <c r="E133300" s="15">
        <v>45451</v>
      </c>
      <c r="F133300" s="14" t="s">
        <v>15</v>
      </c>
      <c r="G133300" s="16">
        <v>0</v>
      </c>
    </row>
    <row r="133301" spans="1:7" x14ac:dyDescent="0.3">
      <c r="A133301" s="13" t="s">
        <v>603</v>
      </c>
      <c r="B133301" s="14" t="s">
        <v>1</v>
      </c>
      <c r="C133301" s="14" t="s">
        <v>596</v>
      </c>
      <c r="D133301" s="14" t="s">
        <v>94</v>
      </c>
      <c r="E133301" s="15">
        <v>45452</v>
      </c>
      <c r="F133301" s="14" t="s">
        <v>15</v>
      </c>
      <c r="G133301" s="16">
        <v>0</v>
      </c>
    </row>
    <row r="133302" spans="1:7" x14ac:dyDescent="0.3">
      <c r="A133302" s="13" t="s">
        <v>603</v>
      </c>
      <c r="B133302" s="14" t="s">
        <v>1</v>
      </c>
      <c r="C133302" s="14" t="s">
        <v>596</v>
      </c>
      <c r="D133302" s="14" t="s">
        <v>94</v>
      </c>
      <c r="E133302" s="15">
        <v>45453</v>
      </c>
      <c r="F133302" s="14" t="s">
        <v>15</v>
      </c>
      <c r="G133302" s="16">
        <v>0</v>
      </c>
    </row>
    <row r="133303" spans="1:7" x14ac:dyDescent="0.3">
      <c r="A133303" s="13" t="s">
        <v>603</v>
      </c>
      <c r="B133303" s="14" t="s">
        <v>1</v>
      </c>
      <c r="C133303" s="14" t="s">
        <v>596</v>
      </c>
      <c r="D133303" s="14" t="s">
        <v>94</v>
      </c>
      <c r="E133303" s="15">
        <v>45454</v>
      </c>
      <c r="F133303" s="14" t="s">
        <v>15</v>
      </c>
      <c r="G133303" s="16">
        <v>0</v>
      </c>
    </row>
    <row r="133304" spans="1:7" x14ac:dyDescent="0.3">
      <c r="A133304" s="13" t="s">
        <v>603</v>
      </c>
      <c r="B133304" s="14" t="s">
        <v>1</v>
      </c>
      <c r="C133304" s="14" t="s">
        <v>596</v>
      </c>
      <c r="D133304" s="14" t="s">
        <v>94</v>
      </c>
      <c r="E133304" s="15">
        <v>45455</v>
      </c>
      <c r="F133304" s="14" t="s">
        <v>15</v>
      </c>
      <c r="G133304" s="16">
        <v>0</v>
      </c>
    </row>
    <row r="133305" spans="1:7" x14ac:dyDescent="0.3">
      <c r="A133305" s="13" t="s">
        <v>603</v>
      </c>
      <c r="B133305" s="14" t="s">
        <v>1</v>
      </c>
      <c r="C133305" s="14" t="s">
        <v>596</v>
      </c>
      <c r="D133305" s="14" t="s">
        <v>94</v>
      </c>
      <c r="E133305" s="15">
        <v>45456</v>
      </c>
      <c r="F133305" s="14" t="s">
        <v>15</v>
      </c>
      <c r="G133305" s="16">
        <v>0</v>
      </c>
    </row>
    <row r="133306" spans="1:7" x14ac:dyDescent="0.3">
      <c r="A133306" s="13" t="s">
        <v>603</v>
      </c>
      <c r="B133306" s="14" t="s">
        <v>1</v>
      </c>
      <c r="C133306" s="14" t="s">
        <v>596</v>
      </c>
      <c r="D133306" s="14" t="s">
        <v>94</v>
      </c>
      <c r="E133306" s="15">
        <v>45457</v>
      </c>
      <c r="F133306" s="14" t="s">
        <v>15</v>
      </c>
      <c r="G133306" s="16">
        <v>0</v>
      </c>
    </row>
    <row r="133307" spans="1:7" x14ac:dyDescent="0.3">
      <c r="A133307" s="13" t="s">
        <v>603</v>
      </c>
      <c r="B133307" s="14" t="s">
        <v>1</v>
      </c>
      <c r="C133307" s="14" t="s">
        <v>596</v>
      </c>
      <c r="D133307" s="14" t="s">
        <v>94</v>
      </c>
      <c r="E133307" s="15">
        <v>45458</v>
      </c>
      <c r="F133307" s="14" t="s">
        <v>15</v>
      </c>
      <c r="G133307" s="16">
        <v>0</v>
      </c>
    </row>
    <row r="133308" spans="1:7" x14ac:dyDescent="0.3">
      <c r="A133308" s="13" t="s">
        <v>603</v>
      </c>
      <c r="B133308" s="14" t="s">
        <v>1</v>
      </c>
      <c r="C133308" s="14" t="s">
        <v>596</v>
      </c>
      <c r="D133308" s="14" t="s">
        <v>94</v>
      </c>
      <c r="E133308" s="15">
        <v>45459</v>
      </c>
      <c r="F133308" s="14" t="s">
        <v>15</v>
      </c>
      <c r="G133308" s="16">
        <v>0</v>
      </c>
    </row>
    <row r="133309" spans="1:7" x14ac:dyDescent="0.3">
      <c r="A133309" s="13" t="s">
        <v>603</v>
      </c>
      <c r="B133309" s="14" t="s">
        <v>1</v>
      </c>
      <c r="C133309" s="14" t="s">
        <v>596</v>
      </c>
      <c r="D133309" s="14" t="s">
        <v>94</v>
      </c>
      <c r="E133309" s="15">
        <v>45460</v>
      </c>
      <c r="F133309" s="14" t="s">
        <v>15</v>
      </c>
      <c r="G133309" s="16">
        <v>0</v>
      </c>
    </row>
    <row r="133310" spans="1:7" x14ac:dyDescent="0.3">
      <c r="A133310" s="13" t="s">
        <v>603</v>
      </c>
      <c r="B133310" s="14" t="s">
        <v>1</v>
      </c>
      <c r="C133310" s="14" t="s">
        <v>596</v>
      </c>
      <c r="D133310" s="14" t="s">
        <v>94</v>
      </c>
      <c r="E133310" s="15">
        <v>45461</v>
      </c>
      <c r="F133310" s="14" t="s">
        <v>15</v>
      </c>
      <c r="G133310" s="16">
        <v>0</v>
      </c>
    </row>
    <row r="133311" spans="1:7" x14ac:dyDescent="0.3">
      <c r="A133311" s="13" t="s">
        <v>603</v>
      </c>
      <c r="B133311" s="14" t="s">
        <v>1</v>
      </c>
      <c r="C133311" s="14" t="s">
        <v>596</v>
      </c>
      <c r="D133311" s="14" t="s">
        <v>94</v>
      </c>
      <c r="E133311" s="15">
        <v>45462</v>
      </c>
      <c r="F133311" s="14" t="s">
        <v>15</v>
      </c>
      <c r="G133311" s="16">
        <v>0</v>
      </c>
    </row>
    <row r="133312" spans="1:7" x14ac:dyDescent="0.3">
      <c r="A133312" s="13" t="s">
        <v>603</v>
      </c>
      <c r="B133312" s="14" t="s">
        <v>1</v>
      </c>
      <c r="C133312" s="14" t="s">
        <v>596</v>
      </c>
      <c r="D133312" s="14" t="s">
        <v>94</v>
      </c>
      <c r="E133312" s="15">
        <v>45463</v>
      </c>
      <c r="F133312" s="14" t="s">
        <v>15</v>
      </c>
      <c r="G133312" s="16">
        <v>0</v>
      </c>
    </row>
    <row r="133313" spans="1:7" x14ac:dyDescent="0.3">
      <c r="A133313" s="13" t="s">
        <v>603</v>
      </c>
      <c r="B133313" s="14" t="s">
        <v>1</v>
      </c>
      <c r="C133313" s="14" t="s">
        <v>596</v>
      </c>
      <c r="D133313" s="14" t="s">
        <v>94</v>
      </c>
      <c r="E133313" s="15">
        <v>45464</v>
      </c>
      <c r="F133313" s="14" t="s">
        <v>15</v>
      </c>
      <c r="G133313" s="16">
        <v>0</v>
      </c>
    </row>
    <row r="133314" spans="1:7" x14ac:dyDescent="0.3">
      <c r="A133314" s="13" t="s">
        <v>603</v>
      </c>
      <c r="B133314" s="14" t="s">
        <v>1</v>
      </c>
      <c r="C133314" s="14" t="s">
        <v>596</v>
      </c>
      <c r="D133314" s="14" t="s">
        <v>94</v>
      </c>
      <c r="E133314" s="15">
        <v>45465</v>
      </c>
      <c r="F133314" s="14" t="s">
        <v>15</v>
      </c>
      <c r="G133314" s="16">
        <v>0</v>
      </c>
    </row>
    <row r="133315" spans="1:7" x14ac:dyDescent="0.3">
      <c r="A133315" s="13" t="s">
        <v>603</v>
      </c>
      <c r="B133315" s="14" t="s">
        <v>1</v>
      </c>
      <c r="C133315" s="14" t="s">
        <v>596</v>
      </c>
      <c r="D133315" s="14" t="s">
        <v>94</v>
      </c>
      <c r="E133315" s="15">
        <v>45466</v>
      </c>
      <c r="F133315" s="14" t="s">
        <v>15</v>
      </c>
      <c r="G133315" s="16">
        <v>0</v>
      </c>
    </row>
    <row r="133316" spans="1:7" x14ac:dyDescent="0.3">
      <c r="A133316" s="13" t="s">
        <v>603</v>
      </c>
      <c r="B133316" s="14" t="s">
        <v>1</v>
      </c>
      <c r="C133316" s="14" t="s">
        <v>596</v>
      </c>
      <c r="D133316" s="14" t="s">
        <v>94</v>
      </c>
      <c r="E133316" s="15">
        <v>45467</v>
      </c>
      <c r="F133316" s="14" t="s">
        <v>15</v>
      </c>
      <c r="G133316" s="16">
        <v>0</v>
      </c>
    </row>
    <row r="133317" spans="1:7" x14ac:dyDescent="0.3">
      <c r="A133317" s="13" t="s">
        <v>603</v>
      </c>
      <c r="B133317" s="14" t="s">
        <v>1</v>
      </c>
      <c r="C133317" s="14" t="s">
        <v>596</v>
      </c>
      <c r="D133317" s="14" t="s">
        <v>94</v>
      </c>
      <c r="E133317" s="15">
        <v>45468</v>
      </c>
      <c r="F133317" s="14" t="s">
        <v>15</v>
      </c>
      <c r="G133317" s="16">
        <v>0</v>
      </c>
    </row>
    <row r="133318" spans="1:7" x14ac:dyDescent="0.3">
      <c r="A133318" s="13" t="s">
        <v>603</v>
      </c>
      <c r="B133318" s="14" t="s">
        <v>1</v>
      </c>
      <c r="C133318" s="14" t="s">
        <v>596</v>
      </c>
      <c r="D133318" s="14" t="s">
        <v>94</v>
      </c>
      <c r="E133318" s="15">
        <v>45469</v>
      </c>
      <c r="F133318" s="14" t="s">
        <v>15</v>
      </c>
      <c r="G133318" s="16">
        <v>0</v>
      </c>
    </row>
    <row r="133319" spans="1:7" x14ac:dyDescent="0.3">
      <c r="A133319" s="13" t="s">
        <v>603</v>
      </c>
      <c r="B133319" s="14" t="s">
        <v>1</v>
      </c>
      <c r="C133319" s="14" t="s">
        <v>596</v>
      </c>
      <c r="D133319" s="14" t="s">
        <v>94</v>
      </c>
      <c r="E133319" s="15">
        <v>45470</v>
      </c>
      <c r="F133319" s="14" t="s">
        <v>15</v>
      </c>
      <c r="G133319" s="16">
        <v>0</v>
      </c>
    </row>
    <row r="133320" spans="1:7" x14ac:dyDescent="0.3">
      <c r="A133320" s="13" t="s">
        <v>603</v>
      </c>
      <c r="B133320" s="14" t="s">
        <v>1</v>
      </c>
      <c r="C133320" s="14" t="s">
        <v>596</v>
      </c>
      <c r="D133320" s="14" t="s">
        <v>94</v>
      </c>
      <c r="E133320" s="15">
        <v>45471</v>
      </c>
      <c r="F133320" s="14" t="s">
        <v>15</v>
      </c>
      <c r="G133320" s="16">
        <v>0</v>
      </c>
    </row>
    <row r="133321" spans="1:7" x14ac:dyDescent="0.3">
      <c r="A133321" s="13" t="s">
        <v>603</v>
      </c>
      <c r="B133321" s="14" t="s">
        <v>1</v>
      </c>
      <c r="C133321" s="14" t="s">
        <v>596</v>
      </c>
      <c r="D133321" s="14" t="s">
        <v>94</v>
      </c>
      <c r="E133321" s="15">
        <v>45472</v>
      </c>
      <c r="F133321" s="14" t="s">
        <v>15</v>
      </c>
      <c r="G133321" s="16">
        <v>0</v>
      </c>
    </row>
    <row r="133322" spans="1:7" x14ac:dyDescent="0.3">
      <c r="A133322" s="13" t="s">
        <v>603</v>
      </c>
      <c r="B133322" s="14" t="s">
        <v>1</v>
      </c>
      <c r="C133322" s="14" t="s">
        <v>596</v>
      </c>
      <c r="D133322" s="14" t="s">
        <v>94</v>
      </c>
      <c r="E133322" s="15">
        <v>45473</v>
      </c>
      <c r="F133322" s="14" t="s">
        <v>15</v>
      </c>
      <c r="G133322" s="16">
        <v>0</v>
      </c>
    </row>
    <row r="133323" spans="1:7" x14ac:dyDescent="0.3">
      <c r="A133323" s="13" t="s">
        <v>603</v>
      </c>
      <c r="B133323" s="14" t="s">
        <v>1</v>
      </c>
      <c r="C133323" s="14" t="s">
        <v>596</v>
      </c>
      <c r="D133323" s="14" t="s">
        <v>94</v>
      </c>
      <c r="E133323" s="15">
        <v>45474</v>
      </c>
      <c r="F133323" s="14" t="s">
        <v>15</v>
      </c>
      <c r="G133323" s="16">
        <v>0</v>
      </c>
    </row>
    <row r="133324" spans="1:7" x14ac:dyDescent="0.3">
      <c r="A133324" s="13" t="s">
        <v>603</v>
      </c>
      <c r="B133324" s="14" t="s">
        <v>1</v>
      </c>
      <c r="C133324" s="14" t="s">
        <v>596</v>
      </c>
      <c r="D133324" s="14" t="s">
        <v>94</v>
      </c>
      <c r="E133324" s="15">
        <v>45475</v>
      </c>
      <c r="F133324" s="14" t="s">
        <v>15</v>
      </c>
      <c r="G133324" s="16">
        <v>0</v>
      </c>
    </row>
    <row r="133325" spans="1:7" x14ac:dyDescent="0.3">
      <c r="A133325" s="13" t="s">
        <v>603</v>
      </c>
      <c r="B133325" s="14" t="s">
        <v>1</v>
      </c>
      <c r="C133325" s="14" t="s">
        <v>596</v>
      </c>
      <c r="D133325" s="14" t="s">
        <v>94</v>
      </c>
      <c r="E133325" s="15">
        <v>45476</v>
      </c>
      <c r="F133325" s="14" t="s">
        <v>15</v>
      </c>
      <c r="G133325" s="16">
        <v>0</v>
      </c>
    </row>
    <row r="133326" spans="1:7" x14ac:dyDescent="0.3">
      <c r="A133326" s="13" t="s">
        <v>603</v>
      </c>
      <c r="B133326" s="14" t="s">
        <v>1</v>
      </c>
      <c r="C133326" s="14" t="s">
        <v>596</v>
      </c>
      <c r="D133326" s="14" t="s">
        <v>94</v>
      </c>
      <c r="E133326" s="15">
        <v>45477</v>
      </c>
      <c r="F133326" s="14" t="s">
        <v>15</v>
      </c>
      <c r="G133326" s="16">
        <v>0</v>
      </c>
    </row>
    <row r="133327" spans="1:7" x14ac:dyDescent="0.3">
      <c r="A133327" s="13" t="s">
        <v>603</v>
      </c>
      <c r="B133327" s="14" t="s">
        <v>1</v>
      </c>
      <c r="C133327" s="14" t="s">
        <v>596</v>
      </c>
      <c r="D133327" s="14" t="s">
        <v>94</v>
      </c>
      <c r="E133327" s="15">
        <v>45478</v>
      </c>
      <c r="F133327" s="14" t="s">
        <v>15</v>
      </c>
      <c r="G133327" s="16">
        <v>0</v>
      </c>
    </row>
    <row r="133328" spans="1:7" x14ac:dyDescent="0.3">
      <c r="A133328" s="13" t="s">
        <v>603</v>
      </c>
      <c r="B133328" s="14" t="s">
        <v>1</v>
      </c>
      <c r="C133328" s="14" t="s">
        <v>596</v>
      </c>
      <c r="D133328" s="14" t="s">
        <v>94</v>
      </c>
      <c r="E133328" s="15">
        <v>45479</v>
      </c>
      <c r="F133328" s="14" t="s">
        <v>15</v>
      </c>
      <c r="G133328" s="16">
        <v>0</v>
      </c>
    </row>
    <row r="133329" spans="1:7" x14ac:dyDescent="0.3">
      <c r="A133329" s="13" t="s">
        <v>603</v>
      </c>
      <c r="B133329" s="14" t="s">
        <v>1</v>
      </c>
      <c r="C133329" s="14" t="s">
        <v>596</v>
      </c>
      <c r="D133329" s="14" t="s">
        <v>94</v>
      </c>
      <c r="E133329" s="15">
        <v>45480</v>
      </c>
      <c r="F133329" s="14" t="s">
        <v>15</v>
      </c>
      <c r="G133329" s="16">
        <v>0</v>
      </c>
    </row>
    <row r="133330" spans="1:7" x14ac:dyDescent="0.3">
      <c r="A133330" s="13" t="s">
        <v>603</v>
      </c>
      <c r="B133330" s="14" t="s">
        <v>1</v>
      </c>
      <c r="C133330" s="14" t="s">
        <v>596</v>
      </c>
      <c r="D133330" s="14" t="s">
        <v>94</v>
      </c>
      <c r="E133330" s="15">
        <v>45481</v>
      </c>
      <c r="F133330" s="14" t="s">
        <v>15</v>
      </c>
      <c r="G133330" s="16">
        <v>0</v>
      </c>
    </row>
    <row r="133331" spans="1:7" x14ac:dyDescent="0.3">
      <c r="A133331" s="13" t="s">
        <v>603</v>
      </c>
      <c r="B133331" s="14" t="s">
        <v>1</v>
      </c>
      <c r="C133331" s="14" t="s">
        <v>596</v>
      </c>
      <c r="D133331" s="14" t="s">
        <v>94</v>
      </c>
      <c r="E133331" s="15">
        <v>45482</v>
      </c>
      <c r="F133331" s="14" t="s">
        <v>15</v>
      </c>
      <c r="G133331" s="16">
        <v>0</v>
      </c>
    </row>
    <row r="133332" spans="1:7" x14ac:dyDescent="0.3">
      <c r="A133332" s="13" t="s">
        <v>603</v>
      </c>
      <c r="B133332" s="14" t="s">
        <v>1</v>
      </c>
      <c r="C133332" s="14" t="s">
        <v>596</v>
      </c>
      <c r="D133332" s="14" t="s">
        <v>94</v>
      </c>
      <c r="E133332" s="15">
        <v>45483</v>
      </c>
      <c r="F133332" s="14" t="s">
        <v>15</v>
      </c>
      <c r="G133332" s="16">
        <v>0</v>
      </c>
    </row>
    <row r="133333" spans="1:7" x14ac:dyDescent="0.3">
      <c r="A133333" s="13" t="s">
        <v>603</v>
      </c>
      <c r="B133333" s="14" t="s">
        <v>1</v>
      </c>
      <c r="C133333" s="14" t="s">
        <v>596</v>
      </c>
      <c r="D133333" s="14" t="s">
        <v>94</v>
      </c>
      <c r="E133333" s="15">
        <v>45484</v>
      </c>
      <c r="F133333" s="14" t="s">
        <v>15</v>
      </c>
      <c r="G133333" s="16">
        <v>0</v>
      </c>
    </row>
    <row r="133334" spans="1:7" x14ac:dyDescent="0.3">
      <c r="A133334" s="13" t="s">
        <v>603</v>
      </c>
      <c r="B133334" s="14" t="s">
        <v>1</v>
      </c>
      <c r="C133334" s="14" t="s">
        <v>596</v>
      </c>
      <c r="D133334" s="14" t="s">
        <v>94</v>
      </c>
      <c r="E133334" s="15">
        <v>45485</v>
      </c>
      <c r="F133334" s="14" t="s">
        <v>15</v>
      </c>
      <c r="G133334" s="16">
        <v>0</v>
      </c>
    </row>
    <row r="133335" spans="1:7" x14ac:dyDescent="0.3">
      <c r="A133335" s="13" t="s">
        <v>603</v>
      </c>
      <c r="B133335" s="14" t="s">
        <v>1</v>
      </c>
      <c r="C133335" s="14" t="s">
        <v>596</v>
      </c>
      <c r="D133335" s="14" t="s">
        <v>94</v>
      </c>
      <c r="E133335" s="15">
        <v>45486</v>
      </c>
      <c r="F133335" s="14" t="s">
        <v>15</v>
      </c>
      <c r="G133335" s="16">
        <v>0</v>
      </c>
    </row>
    <row r="133336" spans="1:7" x14ac:dyDescent="0.3">
      <c r="A133336" s="13" t="s">
        <v>603</v>
      </c>
      <c r="B133336" s="14" t="s">
        <v>1</v>
      </c>
      <c r="C133336" s="14" t="s">
        <v>596</v>
      </c>
      <c r="D133336" s="14" t="s">
        <v>94</v>
      </c>
      <c r="E133336" s="15">
        <v>45487</v>
      </c>
      <c r="F133336" s="14" t="s">
        <v>15</v>
      </c>
      <c r="G133336" s="16">
        <v>0</v>
      </c>
    </row>
    <row r="133337" spans="1:7" x14ac:dyDescent="0.3">
      <c r="A133337" s="13" t="s">
        <v>603</v>
      </c>
      <c r="B133337" s="14" t="s">
        <v>1</v>
      </c>
      <c r="C133337" s="14" t="s">
        <v>596</v>
      </c>
      <c r="D133337" s="14" t="s">
        <v>94</v>
      </c>
      <c r="E133337" s="15">
        <v>45488</v>
      </c>
      <c r="F133337" s="14" t="s">
        <v>15</v>
      </c>
      <c r="G133337" s="16">
        <v>0</v>
      </c>
    </row>
    <row r="133338" spans="1:7" x14ac:dyDescent="0.3">
      <c r="A133338" s="13" t="s">
        <v>603</v>
      </c>
      <c r="B133338" s="14" t="s">
        <v>1</v>
      </c>
      <c r="C133338" s="14" t="s">
        <v>596</v>
      </c>
      <c r="D133338" s="14" t="s">
        <v>94</v>
      </c>
      <c r="E133338" s="15">
        <v>45489</v>
      </c>
      <c r="F133338" s="14" t="s">
        <v>15</v>
      </c>
      <c r="G133338" s="16">
        <v>0</v>
      </c>
    </row>
    <row r="133339" spans="1:7" x14ac:dyDescent="0.3">
      <c r="A133339" s="13" t="s">
        <v>603</v>
      </c>
      <c r="B133339" s="14" t="s">
        <v>1</v>
      </c>
      <c r="C133339" s="14" t="s">
        <v>596</v>
      </c>
      <c r="D133339" s="14" t="s">
        <v>94</v>
      </c>
      <c r="E133339" s="15">
        <v>45490</v>
      </c>
      <c r="F133339" s="14" t="s">
        <v>15</v>
      </c>
      <c r="G133339" s="16">
        <v>0</v>
      </c>
    </row>
    <row r="133340" spans="1:7" x14ac:dyDescent="0.3">
      <c r="A133340" s="13" t="s">
        <v>603</v>
      </c>
      <c r="B133340" s="14" t="s">
        <v>1</v>
      </c>
      <c r="C133340" s="14" t="s">
        <v>596</v>
      </c>
      <c r="D133340" s="14" t="s">
        <v>94</v>
      </c>
      <c r="E133340" s="15">
        <v>45491</v>
      </c>
      <c r="F133340" s="14" t="s">
        <v>15</v>
      </c>
      <c r="G133340" s="16">
        <v>0</v>
      </c>
    </row>
    <row r="133341" spans="1:7" x14ac:dyDescent="0.3">
      <c r="A133341" s="13" t="s">
        <v>603</v>
      </c>
      <c r="B133341" s="14" t="s">
        <v>1</v>
      </c>
      <c r="C133341" s="14" t="s">
        <v>596</v>
      </c>
      <c r="D133341" s="14" t="s">
        <v>94</v>
      </c>
      <c r="E133341" s="15">
        <v>45492</v>
      </c>
      <c r="F133341" s="14" t="s">
        <v>15</v>
      </c>
      <c r="G133341" s="16">
        <v>0</v>
      </c>
    </row>
    <row r="133342" spans="1:7" x14ac:dyDescent="0.3">
      <c r="A133342" s="13" t="s">
        <v>603</v>
      </c>
      <c r="B133342" s="14" t="s">
        <v>1</v>
      </c>
      <c r="C133342" s="14" t="s">
        <v>596</v>
      </c>
      <c r="D133342" s="14" t="s">
        <v>94</v>
      </c>
      <c r="E133342" s="15">
        <v>45493</v>
      </c>
      <c r="F133342" s="14" t="s">
        <v>15</v>
      </c>
      <c r="G133342" s="16">
        <v>0</v>
      </c>
    </row>
    <row r="133343" spans="1:7" x14ac:dyDescent="0.3">
      <c r="A133343" s="13" t="s">
        <v>603</v>
      </c>
      <c r="B133343" s="14" t="s">
        <v>1</v>
      </c>
      <c r="C133343" s="14" t="s">
        <v>596</v>
      </c>
      <c r="D133343" s="14" t="s">
        <v>94</v>
      </c>
      <c r="E133343" s="15">
        <v>45494</v>
      </c>
      <c r="F133343" s="14" t="s">
        <v>15</v>
      </c>
      <c r="G133343" s="16">
        <v>0</v>
      </c>
    </row>
    <row r="133344" spans="1:7" x14ac:dyDescent="0.3">
      <c r="A133344" s="13" t="s">
        <v>603</v>
      </c>
      <c r="B133344" s="14" t="s">
        <v>1</v>
      </c>
      <c r="C133344" s="14" t="s">
        <v>596</v>
      </c>
      <c r="D133344" s="14" t="s">
        <v>94</v>
      </c>
      <c r="E133344" s="15">
        <v>45495</v>
      </c>
      <c r="F133344" s="14" t="s">
        <v>15</v>
      </c>
      <c r="G133344" s="16">
        <v>0</v>
      </c>
    </row>
    <row r="133345" spans="1:7" x14ac:dyDescent="0.3">
      <c r="A133345" s="13" t="s">
        <v>603</v>
      </c>
      <c r="B133345" s="14" t="s">
        <v>1</v>
      </c>
      <c r="C133345" s="14" t="s">
        <v>596</v>
      </c>
      <c r="D133345" s="14" t="s">
        <v>94</v>
      </c>
      <c r="E133345" s="15">
        <v>45496</v>
      </c>
      <c r="F133345" s="14" t="s">
        <v>15</v>
      </c>
      <c r="G133345" s="16">
        <v>0</v>
      </c>
    </row>
    <row r="133346" spans="1:7" x14ac:dyDescent="0.3">
      <c r="A133346" s="13" t="s">
        <v>603</v>
      </c>
      <c r="B133346" s="14" t="s">
        <v>1</v>
      </c>
      <c r="C133346" s="14" t="s">
        <v>596</v>
      </c>
      <c r="D133346" s="14" t="s">
        <v>94</v>
      </c>
      <c r="E133346" s="15">
        <v>45497</v>
      </c>
      <c r="F133346" s="14" t="s">
        <v>15</v>
      </c>
      <c r="G133346" s="16">
        <v>0</v>
      </c>
    </row>
    <row r="133347" spans="1:7" x14ac:dyDescent="0.3">
      <c r="A133347" s="13" t="s">
        <v>603</v>
      </c>
      <c r="B133347" s="14" t="s">
        <v>1</v>
      </c>
      <c r="C133347" s="14" t="s">
        <v>596</v>
      </c>
      <c r="D133347" s="14" t="s">
        <v>94</v>
      </c>
      <c r="E133347" s="15">
        <v>45498</v>
      </c>
      <c r="F133347" s="14" t="s">
        <v>15</v>
      </c>
      <c r="G133347" s="16">
        <v>0</v>
      </c>
    </row>
    <row r="133348" spans="1:7" x14ac:dyDescent="0.3">
      <c r="A133348" s="13" t="s">
        <v>603</v>
      </c>
      <c r="B133348" s="14" t="s">
        <v>1</v>
      </c>
      <c r="C133348" s="14" t="s">
        <v>596</v>
      </c>
      <c r="D133348" s="14" t="s">
        <v>94</v>
      </c>
      <c r="E133348" s="15">
        <v>45499</v>
      </c>
      <c r="F133348" s="14" t="s">
        <v>15</v>
      </c>
      <c r="G133348" s="16">
        <v>0</v>
      </c>
    </row>
    <row r="133349" spans="1:7" x14ac:dyDescent="0.3">
      <c r="A133349" s="13" t="s">
        <v>603</v>
      </c>
      <c r="B133349" s="14" t="s">
        <v>1</v>
      </c>
      <c r="C133349" s="14" t="s">
        <v>596</v>
      </c>
      <c r="D133349" s="14" t="s">
        <v>94</v>
      </c>
      <c r="E133349" s="15">
        <v>45500</v>
      </c>
      <c r="F133349" s="14" t="s">
        <v>15</v>
      </c>
      <c r="G133349" s="16">
        <v>0</v>
      </c>
    </row>
    <row r="133350" spans="1:7" x14ac:dyDescent="0.3">
      <c r="A133350" s="13" t="s">
        <v>603</v>
      </c>
      <c r="B133350" s="14" t="s">
        <v>1</v>
      </c>
      <c r="C133350" s="14" t="s">
        <v>596</v>
      </c>
      <c r="D133350" s="14" t="s">
        <v>94</v>
      </c>
      <c r="E133350" s="15">
        <v>45501</v>
      </c>
      <c r="F133350" s="14" t="s">
        <v>15</v>
      </c>
      <c r="G133350" s="16">
        <v>0</v>
      </c>
    </row>
    <row r="133351" spans="1:7" x14ac:dyDescent="0.3">
      <c r="A133351" s="13" t="s">
        <v>603</v>
      </c>
      <c r="B133351" s="14" t="s">
        <v>1</v>
      </c>
      <c r="C133351" s="14" t="s">
        <v>596</v>
      </c>
      <c r="D133351" s="14" t="s">
        <v>94</v>
      </c>
      <c r="E133351" s="15">
        <v>45502</v>
      </c>
      <c r="F133351" s="14" t="s">
        <v>15</v>
      </c>
      <c r="G133351" s="16">
        <v>0</v>
      </c>
    </row>
    <row r="133352" spans="1:7" x14ac:dyDescent="0.3">
      <c r="A133352" s="13" t="s">
        <v>603</v>
      </c>
      <c r="B133352" s="14" t="s">
        <v>1</v>
      </c>
      <c r="C133352" s="14" t="s">
        <v>596</v>
      </c>
      <c r="D133352" s="14" t="s">
        <v>94</v>
      </c>
      <c r="E133352" s="15">
        <v>45503</v>
      </c>
      <c r="F133352" s="14" t="s">
        <v>15</v>
      </c>
      <c r="G133352" s="16">
        <v>0</v>
      </c>
    </row>
    <row r="133353" spans="1:7" x14ac:dyDescent="0.3">
      <c r="A133353" s="13" t="s">
        <v>603</v>
      </c>
      <c r="B133353" s="14" t="s">
        <v>1</v>
      </c>
      <c r="C133353" s="14" t="s">
        <v>596</v>
      </c>
      <c r="D133353" s="14" t="s">
        <v>94</v>
      </c>
      <c r="E133353" s="15">
        <v>45504</v>
      </c>
      <c r="F133353" s="14" t="s">
        <v>15</v>
      </c>
      <c r="G133353" s="16">
        <v>0</v>
      </c>
    </row>
    <row r="133354" spans="1:7" x14ac:dyDescent="0.3">
      <c r="A133354" s="13" t="s">
        <v>603</v>
      </c>
      <c r="B133354" s="14" t="s">
        <v>1</v>
      </c>
      <c r="C133354" s="14" t="s">
        <v>596</v>
      </c>
      <c r="D133354" s="14" t="s">
        <v>94</v>
      </c>
      <c r="E133354" s="15">
        <v>45505</v>
      </c>
      <c r="F133354" s="14" t="s">
        <v>15</v>
      </c>
      <c r="G133354" s="16">
        <v>0</v>
      </c>
    </row>
    <row r="133355" spans="1:7" x14ac:dyDescent="0.3">
      <c r="A133355" s="13" t="s">
        <v>603</v>
      </c>
      <c r="B133355" s="14" t="s">
        <v>1</v>
      </c>
      <c r="C133355" s="14" t="s">
        <v>596</v>
      </c>
      <c r="D133355" s="14" t="s">
        <v>94</v>
      </c>
      <c r="E133355" s="15">
        <v>45506</v>
      </c>
      <c r="F133355" s="14" t="s">
        <v>15</v>
      </c>
      <c r="G133355" s="16">
        <v>0</v>
      </c>
    </row>
    <row r="133356" spans="1:7" x14ac:dyDescent="0.3">
      <c r="A133356" s="13" t="s">
        <v>603</v>
      </c>
      <c r="B133356" s="14" t="s">
        <v>1</v>
      </c>
      <c r="C133356" s="14" t="s">
        <v>596</v>
      </c>
      <c r="D133356" s="14" t="s">
        <v>94</v>
      </c>
      <c r="E133356" s="15">
        <v>45507</v>
      </c>
      <c r="F133356" s="14" t="s">
        <v>15</v>
      </c>
      <c r="G133356" s="16">
        <v>0</v>
      </c>
    </row>
    <row r="133357" spans="1:7" x14ac:dyDescent="0.3">
      <c r="A133357" s="13" t="s">
        <v>603</v>
      </c>
      <c r="B133357" s="14" t="s">
        <v>1</v>
      </c>
      <c r="C133357" s="14" t="s">
        <v>596</v>
      </c>
      <c r="D133357" s="14" t="s">
        <v>94</v>
      </c>
      <c r="E133357" s="15">
        <v>45508</v>
      </c>
      <c r="F133357" s="14" t="s">
        <v>15</v>
      </c>
      <c r="G133357" s="16">
        <v>0</v>
      </c>
    </row>
    <row r="133358" spans="1:7" x14ac:dyDescent="0.3">
      <c r="A133358" s="13" t="s">
        <v>603</v>
      </c>
      <c r="B133358" s="14" t="s">
        <v>1</v>
      </c>
      <c r="C133358" s="14" t="s">
        <v>596</v>
      </c>
      <c r="D133358" s="14" t="s">
        <v>94</v>
      </c>
      <c r="E133358" s="15">
        <v>45509</v>
      </c>
      <c r="F133358" s="14" t="s">
        <v>15</v>
      </c>
      <c r="G133358" s="16">
        <v>0</v>
      </c>
    </row>
    <row r="133359" spans="1:7" x14ac:dyDescent="0.3">
      <c r="A133359" s="13" t="s">
        <v>603</v>
      </c>
      <c r="B133359" s="14" t="s">
        <v>1</v>
      </c>
      <c r="C133359" s="14" t="s">
        <v>596</v>
      </c>
      <c r="D133359" s="14" t="s">
        <v>94</v>
      </c>
      <c r="E133359" s="15">
        <v>45510</v>
      </c>
      <c r="F133359" s="14" t="s">
        <v>15</v>
      </c>
      <c r="G133359" s="16">
        <v>0</v>
      </c>
    </row>
    <row r="133360" spans="1:7" x14ac:dyDescent="0.3">
      <c r="A133360" s="13" t="s">
        <v>603</v>
      </c>
      <c r="B133360" s="14" t="s">
        <v>1</v>
      </c>
      <c r="C133360" s="14" t="s">
        <v>596</v>
      </c>
      <c r="D133360" s="14" t="s">
        <v>94</v>
      </c>
      <c r="E133360" s="15">
        <v>45511</v>
      </c>
      <c r="F133360" s="14" t="s">
        <v>15</v>
      </c>
      <c r="G133360" s="16">
        <v>0</v>
      </c>
    </row>
    <row r="133361" spans="1:7" x14ac:dyDescent="0.3">
      <c r="A133361" s="13" t="s">
        <v>603</v>
      </c>
      <c r="B133361" s="14" t="s">
        <v>1</v>
      </c>
      <c r="C133361" s="14" t="s">
        <v>596</v>
      </c>
      <c r="D133361" s="14" t="s">
        <v>94</v>
      </c>
      <c r="E133361" s="15">
        <v>45512</v>
      </c>
      <c r="F133361" s="14" t="s">
        <v>15</v>
      </c>
      <c r="G133361" s="16">
        <v>0</v>
      </c>
    </row>
    <row r="133362" spans="1:7" x14ac:dyDescent="0.3">
      <c r="A133362" s="13" t="s">
        <v>603</v>
      </c>
      <c r="B133362" s="14" t="s">
        <v>1</v>
      </c>
      <c r="C133362" s="14" t="s">
        <v>596</v>
      </c>
      <c r="D133362" s="14" t="s">
        <v>94</v>
      </c>
      <c r="E133362" s="15">
        <v>45513</v>
      </c>
      <c r="F133362" s="14" t="s">
        <v>15</v>
      </c>
      <c r="G133362" s="16">
        <v>0</v>
      </c>
    </row>
    <row r="133363" spans="1:7" x14ac:dyDescent="0.3">
      <c r="A133363" s="13" t="s">
        <v>603</v>
      </c>
      <c r="B133363" s="14" t="s">
        <v>1</v>
      </c>
      <c r="C133363" s="14" t="s">
        <v>596</v>
      </c>
      <c r="D133363" s="14" t="s">
        <v>94</v>
      </c>
      <c r="E133363" s="15">
        <v>45514</v>
      </c>
      <c r="F133363" s="14" t="s">
        <v>15</v>
      </c>
      <c r="G133363" s="16">
        <v>0</v>
      </c>
    </row>
    <row r="133364" spans="1:7" x14ac:dyDescent="0.3">
      <c r="A133364" s="13" t="s">
        <v>603</v>
      </c>
      <c r="B133364" s="14" t="s">
        <v>1</v>
      </c>
      <c r="C133364" s="14" t="s">
        <v>596</v>
      </c>
      <c r="D133364" s="14" t="s">
        <v>94</v>
      </c>
      <c r="E133364" s="15">
        <v>45515</v>
      </c>
      <c r="F133364" s="14" t="s">
        <v>15</v>
      </c>
      <c r="G133364" s="16">
        <v>0</v>
      </c>
    </row>
    <row r="133365" spans="1:7" x14ac:dyDescent="0.3">
      <c r="A133365" s="13" t="s">
        <v>603</v>
      </c>
      <c r="B133365" s="14" t="s">
        <v>1</v>
      </c>
      <c r="C133365" s="14" t="s">
        <v>596</v>
      </c>
      <c r="D133365" s="14" t="s">
        <v>94</v>
      </c>
      <c r="E133365" s="15">
        <v>45516</v>
      </c>
      <c r="F133365" s="14" t="s">
        <v>15</v>
      </c>
      <c r="G133365" s="16">
        <v>0</v>
      </c>
    </row>
    <row r="133366" spans="1:7" x14ac:dyDescent="0.3">
      <c r="A133366" s="13" t="s">
        <v>603</v>
      </c>
      <c r="B133366" s="14" t="s">
        <v>1</v>
      </c>
      <c r="C133366" s="14" t="s">
        <v>596</v>
      </c>
      <c r="D133366" s="14" t="s">
        <v>94</v>
      </c>
      <c r="E133366" s="15">
        <v>45517</v>
      </c>
      <c r="F133366" s="14" t="s">
        <v>15</v>
      </c>
      <c r="G133366" s="16">
        <v>0</v>
      </c>
    </row>
    <row r="133367" spans="1:7" x14ac:dyDescent="0.3">
      <c r="A133367" s="13" t="s">
        <v>603</v>
      </c>
      <c r="B133367" s="14" t="s">
        <v>1</v>
      </c>
      <c r="C133367" s="14" t="s">
        <v>596</v>
      </c>
      <c r="D133367" s="14" t="s">
        <v>94</v>
      </c>
      <c r="E133367" s="15">
        <v>45518</v>
      </c>
      <c r="F133367" s="14" t="s">
        <v>15</v>
      </c>
      <c r="G133367" s="16">
        <v>0</v>
      </c>
    </row>
    <row r="133368" spans="1:7" x14ac:dyDescent="0.3">
      <c r="A133368" s="13" t="s">
        <v>603</v>
      </c>
      <c r="B133368" s="14" t="s">
        <v>1</v>
      </c>
      <c r="C133368" s="14" t="s">
        <v>596</v>
      </c>
      <c r="D133368" s="14" t="s">
        <v>94</v>
      </c>
      <c r="E133368" s="15">
        <v>45519</v>
      </c>
      <c r="F133368" s="14" t="s">
        <v>15</v>
      </c>
      <c r="G133368" s="16">
        <v>0</v>
      </c>
    </row>
    <row r="133369" spans="1:7" x14ac:dyDescent="0.3">
      <c r="A133369" s="13" t="s">
        <v>603</v>
      </c>
      <c r="B133369" s="14" t="s">
        <v>1</v>
      </c>
      <c r="C133369" s="14" t="s">
        <v>596</v>
      </c>
      <c r="D133369" s="14" t="s">
        <v>94</v>
      </c>
      <c r="E133369" s="15">
        <v>45520</v>
      </c>
      <c r="F133369" s="14" t="s">
        <v>15</v>
      </c>
      <c r="G133369" s="16">
        <v>0</v>
      </c>
    </row>
    <row r="133370" spans="1:7" x14ac:dyDescent="0.3">
      <c r="A133370" s="13" t="s">
        <v>603</v>
      </c>
      <c r="B133370" s="14" t="s">
        <v>1</v>
      </c>
      <c r="C133370" s="14" t="s">
        <v>596</v>
      </c>
      <c r="D133370" s="14" t="s">
        <v>94</v>
      </c>
      <c r="E133370" s="15">
        <v>45521</v>
      </c>
      <c r="F133370" s="14" t="s">
        <v>15</v>
      </c>
      <c r="G133370" s="16">
        <v>0</v>
      </c>
    </row>
    <row r="133371" spans="1:7" x14ac:dyDescent="0.3">
      <c r="A133371" s="13" t="s">
        <v>603</v>
      </c>
      <c r="B133371" s="14" t="s">
        <v>1</v>
      </c>
      <c r="C133371" s="14" t="s">
        <v>596</v>
      </c>
      <c r="D133371" s="14" t="s">
        <v>94</v>
      </c>
      <c r="E133371" s="15">
        <v>45522</v>
      </c>
      <c r="F133371" s="14" t="s">
        <v>15</v>
      </c>
      <c r="G133371" s="16">
        <v>0</v>
      </c>
    </row>
    <row r="133372" spans="1:7" x14ac:dyDescent="0.3">
      <c r="A133372" s="13" t="s">
        <v>603</v>
      </c>
      <c r="B133372" s="14" t="s">
        <v>1</v>
      </c>
      <c r="C133372" s="14" t="s">
        <v>596</v>
      </c>
      <c r="D133372" s="14" t="s">
        <v>94</v>
      </c>
      <c r="E133372" s="15">
        <v>45523</v>
      </c>
      <c r="F133372" s="14" t="s">
        <v>15</v>
      </c>
      <c r="G133372" s="16">
        <v>0</v>
      </c>
    </row>
    <row r="133373" spans="1:7" x14ac:dyDescent="0.3">
      <c r="A133373" s="13" t="s">
        <v>603</v>
      </c>
      <c r="B133373" s="14" t="s">
        <v>1</v>
      </c>
      <c r="C133373" s="14" t="s">
        <v>596</v>
      </c>
      <c r="D133373" s="14" t="s">
        <v>94</v>
      </c>
      <c r="E133373" s="15">
        <v>45524</v>
      </c>
      <c r="F133373" s="14" t="s">
        <v>15</v>
      </c>
      <c r="G133373" s="16">
        <v>0</v>
      </c>
    </row>
    <row r="133374" spans="1:7" x14ac:dyDescent="0.3">
      <c r="A133374" s="13" t="s">
        <v>603</v>
      </c>
      <c r="B133374" s="14" t="s">
        <v>1</v>
      </c>
      <c r="C133374" s="14" t="s">
        <v>596</v>
      </c>
      <c r="D133374" s="14" t="s">
        <v>94</v>
      </c>
      <c r="E133374" s="15">
        <v>45525</v>
      </c>
      <c r="F133374" s="14" t="s">
        <v>15</v>
      </c>
      <c r="G133374" s="16">
        <v>0</v>
      </c>
    </row>
    <row r="133375" spans="1:7" x14ac:dyDescent="0.3">
      <c r="A133375" s="13" t="s">
        <v>603</v>
      </c>
      <c r="B133375" s="14" t="s">
        <v>1</v>
      </c>
      <c r="C133375" s="14" t="s">
        <v>596</v>
      </c>
      <c r="D133375" s="14" t="s">
        <v>94</v>
      </c>
      <c r="E133375" s="15">
        <v>45526</v>
      </c>
      <c r="F133375" s="14" t="s">
        <v>15</v>
      </c>
      <c r="G133375" s="16">
        <v>0</v>
      </c>
    </row>
    <row r="133376" spans="1:7" x14ac:dyDescent="0.3">
      <c r="A133376" s="13" t="s">
        <v>603</v>
      </c>
      <c r="B133376" s="14" t="s">
        <v>1</v>
      </c>
      <c r="C133376" s="14" t="s">
        <v>596</v>
      </c>
      <c r="D133376" s="14" t="s">
        <v>94</v>
      </c>
      <c r="E133376" s="15">
        <v>45527</v>
      </c>
      <c r="F133376" s="14" t="s">
        <v>15</v>
      </c>
      <c r="G133376" s="16">
        <v>0</v>
      </c>
    </row>
    <row r="133377" spans="1:7" x14ac:dyDescent="0.3">
      <c r="A133377" s="13" t="s">
        <v>603</v>
      </c>
      <c r="B133377" s="14" t="s">
        <v>1</v>
      </c>
      <c r="C133377" s="14" t="s">
        <v>596</v>
      </c>
      <c r="D133377" s="14" t="s">
        <v>94</v>
      </c>
      <c r="E133377" s="15">
        <v>45528</v>
      </c>
      <c r="F133377" s="14" t="s">
        <v>15</v>
      </c>
      <c r="G133377" s="16">
        <v>0</v>
      </c>
    </row>
    <row r="133378" spans="1:7" x14ac:dyDescent="0.3">
      <c r="A133378" s="13" t="s">
        <v>603</v>
      </c>
      <c r="B133378" s="14" t="s">
        <v>1</v>
      </c>
      <c r="C133378" s="14" t="s">
        <v>596</v>
      </c>
      <c r="D133378" s="14" t="s">
        <v>94</v>
      </c>
      <c r="E133378" s="15">
        <v>45529</v>
      </c>
      <c r="F133378" s="14" t="s">
        <v>15</v>
      </c>
      <c r="G133378" s="16">
        <v>0</v>
      </c>
    </row>
    <row r="133379" spans="1:7" x14ac:dyDescent="0.3">
      <c r="A133379" s="13" t="s">
        <v>603</v>
      </c>
      <c r="B133379" s="14" t="s">
        <v>1</v>
      </c>
      <c r="C133379" s="14" t="s">
        <v>596</v>
      </c>
      <c r="D133379" s="14" t="s">
        <v>94</v>
      </c>
      <c r="E133379" s="15">
        <v>45530</v>
      </c>
      <c r="F133379" s="14" t="s">
        <v>15</v>
      </c>
      <c r="G133379" s="16">
        <v>0</v>
      </c>
    </row>
    <row r="133380" spans="1:7" x14ac:dyDescent="0.3">
      <c r="A133380" s="13" t="s">
        <v>603</v>
      </c>
      <c r="B133380" s="14" t="s">
        <v>1</v>
      </c>
      <c r="C133380" s="14" t="s">
        <v>596</v>
      </c>
      <c r="D133380" s="14" t="s">
        <v>94</v>
      </c>
      <c r="E133380" s="15">
        <v>45531</v>
      </c>
      <c r="F133380" s="14" t="s">
        <v>15</v>
      </c>
      <c r="G133380" s="16">
        <v>0</v>
      </c>
    </row>
    <row r="133381" spans="1:7" x14ac:dyDescent="0.3">
      <c r="A133381" s="13" t="s">
        <v>603</v>
      </c>
      <c r="B133381" s="14" t="s">
        <v>1</v>
      </c>
      <c r="C133381" s="14" t="s">
        <v>596</v>
      </c>
      <c r="D133381" s="14" t="s">
        <v>94</v>
      </c>
      <c r="E133381" s="15">
        <v>45532</v>
      </c>
      <c r="F133381" s="14" t="s">
        <v>15</v>
      </c>
      <c r="G133381" s="16">
        <v>0</v>
      </c>
    </row>
    <row r="133382" spans="1:7" x14ac:dyDescent="0.3">
      <c r="A133382" s="13" t="s">
        <v>603</v>
      </c>
      <c r="B133382" s="14" t="s">
        <v>1</v>
      </c>
      <c r="C133382" s="14" t="s">
        <v>596</v>
      </c>
      <c r="D133382" s="14" t="s">
        <v>94</v>
      </c>
      <c r="E133382" s="15">
        <v>45533</v>
      </c>
      <c r="F133382" s="14" t="s">
        <v>15</v>
      </c>
      <c r="G133382" s="16">
        <v>0</v>
      </c>
    </row>
    <row r="133383" spans="1:7" x14ac:dyDescent="0.3">
      <c r="A133383" s="13" t="s">
        <v>603</v>
      </c>
      <c r="B133383" s="14" t="s">
        <v>1</v>
      </c>
      <c r="C133383" s="14" t="s">
        <v>596</v>
      </c>
      <c r="D133383" s="14" t="s">
        <v>94</v>
      </c>
      <c r="E133383" s="15">
        <v>45534</v>
      </c>
      <c r="F133383" s="14" t="s">
        <v>15</v>
      </c>
      <c r="G133383" s="16">
        <v>0</v>
      </c>
    </row>
    <row r="133384" spans="1:7" x14ac:dyDescent="0.3">
      <c r="A133384" s="13" t="s">
        <v>603</v>
      </c>
      <c r="B133384" s="14" t="s">
        <v>1</v>
      </c>
      <c r="C133384" s="14" t="s">
        <v>596</v>
      </c>
      <c r="D133384" s="14" t="s">
        <v>94</v>
      </c>
      <c r="E133384" s="15">
        <v>45535</v>
      </c>
      <c r="F133384" s="14" t="s">
        <v>15</v>
      </c>
      <c r="G133384" s="16">
        <v>0</v>
      </c>
    </row>
    <row r="133385" spans="1:7" x14ac:dyDescent="0.3">
      <c r="A133385" s="13" t="s">
        <v>603</v>
      </c>
      <c r="B133385" s="14" t="s">
        <v>1</v>
      </c>
      <c r="C133385" s="14" t="s">
        <v>596</v>
      </c>
      <c r="D133385" s="14" t="s">
        <v>94</v>
      </c>
      <c r="E133385" s="15">
        <v>45536</v>
      </c>
      <c r="F133385" s="14" t="s">
        <v>15</v>
      </c>
      <c r="G133385" s="16">
        <v>0</v>
      </c>
    </row>
    <row r="133386" spans="1:7" x14ac:dyDescent="0.3">
      <c r="A133386" s="13" t="s">
        <v>603</v>
      </c>
      <c r="B133386" s="14" t="s">
        <v>1</v>
      </c>
      <c r="C133386" s="14" t="s">
        <v>596</v>
      </c>
      <c r="D133386" s="14" t="s">
        <v>94</v>
      </c>
      <c r="E133386" s="15">
        <v>45537</v>
      </c>
      <c r="F133386" s="14" t="s">
        <v>15</v>
      </c>
      <c r="G133386" s="16">
        <v>0</v>
      </c>
    </row>
    <row r="133387" spans="1:7" x14ac:dyDescent="0.3">
      <c r="A133387" s="13" t="s">
        <v>603</v>
      </c>
      <c r="B133387" s="14" t="s">
        <v>1</v>
      </c>
      <c r="C133387" s="14" t="s">
        <v>596</v>
      </c>
      <c r="D133387" s="14" t="s">
        <v>94</v>
      </c>
      <c r="E133387" s="15">
        <v>45538</v>
      </c>
      <c r="F133387" s="14" t="s">
        <v>15</v>
      </c>
      <c r="G133387" s="16">
        <v>0</v>
      </c>
    </row>
    <row r="133388" spans="1:7" x14ac:dyDescent="0.3">
      <c r="A133388" s="13" t="s">
        <v>603</v>
      </c>
      <c r="B133388" s="14" t="s">
        <v>1</v>
      </c>
      <c r="C133388" s="14" t="s">
        <v>596</v>
      </c>
      <c r="D133388" s="14" t="s">
        <v>94</v>
      </c>
      <c r="E133388" s="15">
        <v>45539</v>
      </c>
      <c r="F133388" s="14" t="s">
        <v>15</v>
      </c>
      <c r="G133388" s="16">
        <v>0</v>
      </c>
    </row>
    <row r="133389" spans="1:7" x14ac:dyDescent="0.3">
      <c r="A133389" s="13" t="s">
        <v>603</v>
      </c>
      <c r="B133389" s="14" t="s">
        <v>1</v>
      </c>
      <c r="C133389" s="14" t="s">
        <v>596</v>
      </c>
      <c r="D133389" s="14" t="s">
        <v>94</v>
      </c>
      <c r="E133389" s="15">
        <v>45540</v>
      </c>
      <c r="F133389" s="14" t="s">
        <v>15</v>
      </c>
      <c r="G133389" s="16">
        <v>0</v>
      </c>
    </row>
    <row r="133390" spans="1:7" x14ac:dyDescent="0.3">
      <c r="A133390" s="13" t="s">
        <v>603</v>
      </c>
      <c r="B133390" s="14" t="s">
        <v>1</v>
      </c>
      <c r="C133390" s="14" t="s">
        <v>596</v>
      </c>
      <c r="D133390" s="14" t="s">
        <v>94</v>
      </c>
      <c r="E133390" s="15">
        <v>45541</v>
      </c>
      <c r="F133390" s="14" t="s">
        <v>15</v>
      </c>
      <c r="G133390" s="16">
        <v>0</v>
      </c>
    </row>
    <row r="133391" spans="1:7" x14ac:dyDescent="0.3">
      <c r="A133391" s="13" t="s">
        <v>603</v>
      </c>
      <c r="B133391" s="14" t="s">
        <v>1</v>
      </c>
      <c r="C133391" s="14" t="s">
        <v>596</v>
      </c>
      <c r="D133391" s="14" t="s">
        <v>94</v>
      </c>
      <c r="E133391" s="15">
        <v>45542</v>
      </c>
      <c r="F133391" s="14" t="s">
        <v>15</v>
      </c>
      <c r="G133391" s="16">
        <v>0</v>
      </c>
    </row>
    <row r="133392" spans="1:7" x14ac:dyDescent="0.3">
      <c r="A133392" s="13" t="s">
        <v>603</v>
      </c>
      <c r="B133392" s="14" t="s">
        <v>1</v>
      </c>
      <c r="C133392" s="14" t="s">
        <v>596</v>
      </c>
      <c r="D133392" s="14" t="s">
        <v>94</v>
      </c>
      <c r="E133392" s="15">
        <v>45543</v>
      </c>
      <c r="F133392" s="14" t="s">
        <v>15</v>
      </c>
      <c r="G133392" s="16">
        <v>0</v>
      </c>
    </row>
    <row r="133393" spans="1:7" x14ac:dyDescent="0.3">
      <c r="A133393" s="13" t="s">
        <v>603</v>
      </c>
      <c r="B133393" s="14" t="s">
        <v>1</v>
      </c>
      <c r="C133393" s="14" t="s">
        <v>596</v>
      </c>
      <c r="D133393" s="14" t="s">
        <v>94</v>
      </c>
      <c r="E133393" s="15">
        <v>45544</v>
      </c>
      <c r="F133393" s="14" t="s">
        <v>15</v>
      </c>
      <c r="G133393" s="16">
        <v>0</v>
      </c>
    </row>
    <row r="133394" spans="1:7" x14ac:dyDescent="0.3">
      <c r="A133394" s="13" t="s">
        <v>603</v>
      </c>
      <c r="B133394" s="14" t="s">
        <v>1</v>
      </c>
      <c r="C133394" s="14" t="s">
        <v>596</v>
      </c>
      <c r="D133394" s="14" t="s">
        <v>94</v>
      </c>
      <c r="E133394" s="15">
        <v>45545</v>
      </c>
      <c r="F133394" s="14" t="s">
        <v>15</v>
      </c>
      <c r="G133394" s="16">
        <v>0</v>
      </c>
    </row>
    <row r="133395" spans="1:7" x14ac:dyDescent="0.3">
      <c r="A133395" s="13" t="s">
        <v>603</v>
      </c>
      <c r="B133395" s="14" t="s">
        <v>1</v>
      </c>
      <c r="C133395" s="14" t="s">
        <v>596</v>
      </c>
      <c r="D133395" s="14" t="s">
        <v>94</v>
      </c>
      <c r="E133395" s="15">
        <v>45546</v>
      </c>
      <c r="F133395" s="14" t="s">
        <v>15</v>
      </c>
      <c r="G133395" s="16">
        <v>0</v>
      </c>
    </row>
    <row r="133396" spans="1:7" x14ac:dyDescent="0.3">
      <c r="A133396" s="13" t="s">
        <v>603</v>
      </c>
      <c r="B133396" s="14" t="s">
        <v>1</v>
      </c>
      <c r="C133396" s="14" t="s">
        <v>596</v>
      </c>
      <c r="D133396" s="14" t="s">
        <v>94</v>
      </c>
      <c r="E133396" s="15">
        <v>45547</v>
      </c>
      <c r="F133396" s="14" t="s">
        <v>15</v>
      </c>
      <c r="G133396" s="16">
        <v>0</v>
      </c>
    </row>
    <row r="133397" spans="1:7" x14ac:dyDescent="0.3">
      <c r="A133397" s="13" t="s">
        <v>603</v>
      </c>
      <c r="B133397" s="14" t="s">
        <v>1</v>
      </c>
      <c r="C133397" s="14" t="s">
        <v>596</v>
      </c>
      <c r="D133397" s="14" t="s">
        <v>94</v>
      </c>
      <c r="E133397" s="15">
        <v>45548</v>
      </c>
      <c r="F133397" s="14" t="s">
        <v>15</v>
      </c>
      <c r="G133397" s="16">
        <v>0</v>
      </c>
    </row>
    <row r="133398" spans="1:7" x14ac:dyDescent="0.3">
      <c r="A133398" s="13" t="s">
        <v>603</v>
      </c>
      <c r="B133398" s="14" t="s">
        <v>1</v>
      </c>
      <c r="C133398" s="14" t="s">
        <v>596</v>
      </c>
      <c r="D133398" s="14" t="s">
        <v>94</v>
      </c>
      <c r="E133398" s="15">
        <v>45549</v>
      </c>
      <c r="F133398" s="14" t="s">
        <v>15</v>
      </c>
      <c r="G133398" s="16">
        <v>0</v>
      </c>
    </row>
    <row r="133399" spans="1:7" x14ac:dyDescent="0.3">
      <c r="A133399" s="13" t="s">
        <v>603</v>
      </c>
      <c r="B133399" s="14" t="s">
        <v>1</v>
      </c>
      <c r="C133399" s="14" t="s">
        <v>596</v>
      </c>
      <c r="D133399" s="14" t="s">
        <v>94</v>
      </c>
      <c r="E133399" s="15">
        <v>45550</v>
      </c>
      <c r="F133399" s="14" t="s">
        <v>15</v>
      </c>
      <c r="G133399" s="16">
        <v>0</v>
      </c>
    </row>
    <row r="133400" spans="1:7" x14ac:dyDescent="0.3">
      <c r="A133400" s="13" t="s">
        <v>603</v>
      </c>
      <c r="B133400" s="14" t="s">
        <v>1</v>
      </c>
      <c r="C133400" s="14" t="s">
        <v>596</v>
      </c>
      <c r="D133400" s="14" t="s">
        <v>94</v>
      </c>
      <c r="E133400" s="15">
        <v>45551</v>
      </c>
      <c r="F133400" s="14" t="s">
        <v>15</v>
      </c>
      <c r="G133400" s="16">
        <v>0</v>
      </c>
    </row>
    <row r="133401" spans="1:7" x14ac:dyDescent="0.3">
      <c r="A133401" s="13" t="s">
        <v>603</v>
      </c>
      <c r="B133401" s="14" t="s">
        <v>1</v>
      </c>
      <c r="C133401" s="14" t="s">
        <v>596</v>
      </c>
      <c r="D133401" s="14" t="s">
        <v>94</v>
      </c>
      <c r="E133401" s="15">
        <v>45552</v>
      </c>
      <c r="F133401" s="14" t="s">
        <v>15</v>
      </c>
      <c r="G133401" s="16">
        <v>0</v>
      </c>
    </row>
    <row r="133402" spans="1:7" x14ac:dyDescent="0.3">
      <c r="A133402" s="13" t="s">
        <v>603</v>
      </c>
      <c r="B133402" s="14" t="s">
        <v>1</v>
      </c>
      <c r="C133402" s="14" t="s">
        <v>596</v>
      </c>
      <c r="D133402" s="14" t="s">
        <v>94</v>
      </c>
      <c r="E133402" s="15">
        <v>45553</v>
      </c>
      <c r="F133402" s="14" t="s">
        <v>15</v>
      </c>
      <c r="G133402" s="16">
        <v>0</v>
      </c>
    </row>
    <row r="133403" spans="1:7" x14ac:dyDescent="0.3">
      <c r="A133403" s="13" t="s">
        <v>603</v>
      </c>
      <c r="B133403" s="14" t="s">
        <v>1</v>
      </c>
      <c r="C133403" s="14" t="s">
        <v>596</v>
      </c>
      <c r="D133403" s="14" t="s">
        <v>94</v>
      </c>
      <c r="E133403" s="15">
        <v>45554</v>
      </c>
      <c r="F133403" s="14" t="s">
        <v>15</v>
      </c>
      <c r="G133403" s="16">
        <v>0</v>
      </c>
    </row>
    <row r="133404" spans="1:7" x14ac:dyDescent="0.3">
      <c r="A133404" s="13" t="s">
        <v>603</v>
      </c>
      <c r="B133404" s="14" t="s">
        <v>1</v>
      </c>
      <c r="C133404" s="14" t="s">
        <v>596</v>
      </c>
      <c r="D133404" s="14" t="s">
        <v>94</v>
      </c>
      <c r="E133404" s="15">
        <v>45555</v>
      </c>
      <c r="F133404" s="14" t="s">
        <v>15</v>
      </c>
      <c r="G133404" s="16">
        <v>0</v>
      </c>
    </row>
    <row r="133405" spans="1:7" x14ac:dyDescent="0.3">
      <c r="A133405" s="13" t="s">
        <v>603</v>
      </c>
      <c r="B133405" s="14" t="s">
        <v>1</v>
      </c>
      <c r="C133405" s="14" t="s">
        <v>596</v>
      </c>
      <c r="D133405" s="14" t="s">
        <v>94</v>
      </c>
      <c r="E133405" s="15">
        <v>45556</v>
      </c>
      <c r="F133405" s="14" t="s">
        <v>15</v>
      </c>
      <c r="G133405" s="16">
        <v>0</v>
      </c>
    </row>
    <row r="133406" spans="1:7" x14ac:dyDescent="0.3">
      <c r="A133406" s="13" t="s">
        <v>603</v>
      </c>
      <c r="B133406" s="14" t="s">
        <v>1</v>
      </c>
      <c r="C133406" s="14" t="s">
        <v>596</v>
      </c>
      <c r="D133406" s="14" t="s">
        <v>94</v>
      </c>
      <c r="E133406" s="15">
        <v>45557</v>
      </c>
      <c r="F133406" s="14" t="s">
        <v>15</v>
      </c>
      <c r="G133406" s="16">
        <v>0</v>
      </c>
    </row>
    <row r="133407" spans="1:7" x14ac:dyDescent="0.3">
      <c r="A133407" s="13" t="s">
        <v>603</v>
      </c>
      <c r="B133407" s="14" t="s">
        <v>1</v>
      </c>
      <c r="C133407" s="14" t="s">
        <v>596</v>
      </c>
      <c r="D133407" s="14" t="s">
        <v>94</v>
      </c>
      <c r="E133407" s="15">
        <v>45558</v>
      </c>
      <c r="F133407" s="14" t="s">
        <v>15</v>
      </c>
      <c r="G133407" s="16">
        <v>0</v>
      </c>
    </row>
    <row r="133408" spans="1:7" x14ac:dyDescent="0.3">
      <c r="A133408" s="13" t="s">
        <v>603</v>
      </c>
      <c r="B133408" s="14" t="s">
        <v>1</v>
      </c>
      <c r="C133408" s="14" t="s">
        <v>596</v>
      </c>
      <c r="D133408" s="14" t="s">
        <v>94</v>
      </c>
      <c r="E133408" s="15">
        <v>45559</v>
      </c>
      <c r="F133408" s="14" t="s">
        <v>15</v>
      </c>
      <c r="G133408" s="16">
        <v>0</v>
      </c>
    </row>
    <row r="133409" spans="1:7" x14ac:dyDescent="0.3">
      <c r="A133409" s="13" t="s">
        <v>603</v>
      </c>
      <c r="B133409" s="14" t="s">
        <v>1</v>
      </c>
      <c r="C133409" s="14" t="s">
        <v>596</v>
      </c>
      <c r="D133409" s="14" t="s">
        <v>94</v>
      </c>
      <c r="E133409" s="15">
        <v>45560</v>
      </c>
      <c r="F133409" s="14" t="s">
        <v>15</v>
      </c>
      <c r="G133409" s="16">
        <v>0</v>
      </c>
    </row>
    <row r="133410" spans="1:7" x14ac:dyDescent="0.3">
      <c r="A133410" s="13" t="s">
        <v>603</v>
      </c>
      <c r="B133410" s="14" t="s">
        <v>1</v>
      </c>
      <c r="C133410" s="14" t="s">
        <v>596</v>
      </c>
      <c r="D133410" s="14" t="s">
        <v>94</v>
      </c>
      <c r="E133410" s="15">
        <v>45561</v>
      </c>
      <c r="F133410" s="14" t="s">
        <v>15</v>
      </c>
      <c r="G133410" s="16">
        <v>0</v>
      </c>
    </row>
    <row r="133411" spans="1:7" x14ac:dyDescent="0.3">
      <c r="A133411" s="13" t="s">
        <v>603</v>
      </c>
      <c r="B133411" s="14" t="s">
        <v>1</v>
      </c>
      <c r="C133411" s="14" t="s">
        <v>596</v>
      </c>
      <c r="D133411" s="14" t="s">
        <v>94</v>
      </c>
      <c r="E133411" s="15">
        <v>45562</v>
      </c>
      <c r="F133411" s="14" t="s">
        <v>15</v>
      </c>
      <c r="G133411" s="16">
        <v>0</v>
      </c>
    </row>
    <row r="133412" spans="1:7" x14ac:dyDescent="0.3">
      <c r="A133412" s="13" t="s">
        <v>603</v>
      </c>
      <c r="B133412" s="14" t="s">
        <v>1</v>
      </c>
      <c r="C133412" s="14" t="s">
        <v>596</v>
      </c>
      <c r="D133412" s="14" t="s">
        <v>94</v>
      </c>
      <c r="E133412" s="15">
        <v>45563</v>
      </c>
      <c r="F133412" s="14" t="s">
        <v>15</v>
      </c>
      <c r="G133412" s="16">
        <v>0</v>
      </c>
    </row>
    <row r="133413" spans="1:7" x14ac:dyDescent="0.3">
      <c r="A133413" s="13" t="s">
        <v>603</v>
      </c>
      <c r="B133413" s="14" t="s">
        <v>1</v>
      </c>
      <c r="C133413" s="14" t="s">
        <v>596</v>
      </c>
      <c r="D133413" s="14" t="s">
        <v>94</v>
      </c>
      <c r="E133413" s="15">
        <v>45564</v>
      </c>
      <c r="F133413" s="14" t="s">
        <v>15</v>
      </c>
      <c r="G133413" s="16">
        <v>0</v>
      </c>
    </row>
    <row r="133414" spans="1:7" x14ac:dyDescent="0.3">
      <c r="A133414" s="13" t="s">
        <v>603</v>
      </c>
      <c r="B133414" s="14" t="s">
        <v>1</v>
      </c>
      <c r="C133414" s="14" t="s">
        <v>596</v>
      </c>
      <c r="D133414" s="14" t="s">
        <v>94</v>
      </c>
      <c r="E133414" s="15">
        <v>45565</v>
      </c>
      <c r="F133414" s="14" t="s">
        <v>15</v>
      </c>
      <c r="G133414" s="16">
        <v>0</v>
      </c>
    </row>
    <row r="133415" spans="1:7" x14ac:dyDescent="0.3">
      <c r="A133415" s="13" t="s">
        <v>603</v>
      </c>
      <c r="B133415" s="14" t="s">
        <v>1</v>
      </c>
      <c r="C133415" s="14" t="s">
        <v>596</v>
      </c>
      <c r="D133415" s="14" t="s">
        <v>94</v>
      </c>
      <c r="E133415" s="15">
        <v>45566</v>
      </c>
      <c r="F133415" s="14" t="s">
        <v>15</v>
      </c>
      <c r="G133415" s="16">
        <v>0</v>
      </c>
    </row>
    <row r="133416" spans="1:7" x14ac:dyDescent="0.3">
      <c r="A133416" s="13" t="s">
        <v>603</v>
      </c>
      <c r="B133416" s="14" t="s">
        <v>1</v>
      </c>
      <c r="C133416" s="14" t="s">
        <v>596</v>
      </c>
      <c r="D133416" s="14" t="s">
        <v>94</v>
      </c>
      <c r="E133416" s="15">
        <v>45567</v>
      </c>
      <c r="F133416" s="14" t="s">
        <v>15</v>
      </c>
      <c r="G133416" s="16">
        <v>0</v>
      </c>
    </row>
    <row r="133417" spans="1:7" x14ac:dyDescent="0.3">
      <c r="A133417" s="13" t="s">
        <v>603</v>
      </c>
      <c r="B133417" s="14" t="s">
        <v>1</v>
      </c>
      <c r="C133417" s="14" t="s">
        <v>596</v>
      </c>
      <c r="D133417" s="14" t="s">
        <v>94</v>
      </c>
      <c r="E133417" s="15">
        <v>45568</v>
      </c>
      <c r="F133417" s="14" t="s">
        <v>15</v>
      </c>
      <c r="G133417" s="16">
        <v>0</v>
      </c>
    </row>
    <row r="133418" spans="1:7" x14ac:dyDescent="0.3">
      <c r="A133418" s="13" t="s">
        <v>603</v>
      </c>
      <c r="B133418" s="14" t="s">
        <v>1</v>
      </c>
      <c r="C133418" s="14" t="s">
        <v>596</v>
      </c>
      <c r="D133418" s="14" t="s">
        <v>94</v>
      </c>
      <c r="E133418" s="15">
        <v>45569</v>
      </c>
      <c r="F133418" s="14" t="s">
        <v>15</v>
      </c>
      <c r="G133418" s="16">
        <v>0</v>
      </c>
    </row>
    <row r="133419" spans="1:7" x14ac:dyDescent="0.3">
      <c r="A133419" s="13" t="s">
        <v>603</v>
      </c>
      <c r="B133419" s="14" t="s">
        <v>1</v>
      </c>
      <c r="C133419" s="14" t="s">
        <v>596</v>
      </c>
      <c r="D133419" s="14" t="s">
        <v>94</v>
      </c>
      <c r="E133419" s="15">
        <v>45570</v>
      </c>
      <c r="F133419" s="14" t="s">
        <v>15</v>
      </c>
      <c r="G133419" s="16">
        <v>0</v>
      </c>
    </row>
    <row r="133420" spans="1:7" x14ac:dyDescent="0.3">
      <c r="A133420" s="13" t="s">
        <v>603</v>
      </c>
      <c r="B133420" s="14" t="s">
        <v>1</v>
      </c>
      <c r="C133420" s="14" t="s">
        <v>596</v>
      </c>
      <c r="D133420" s="14" t="s">
        <v>94</v>
      </c>
      <c r="E133420" s="15">
        <v>45571</v>
      </c>
      <c r="F133420" s="14" t="s">
        <v>15</v>
      </c>
      <c r="G133420" s="16">
        <v>0</v>
      </c>
    </row>
    <row r="133421" spans="1:7" x14ac:dyDescent="0.3">
      <c r="A133421" s="13" t="s">
        <v>603</v>
      </c>
      <c r="B133421" s="14" t="s">
        <v>1</v>
      </c>
      <c r="C133421" s="14" t="s">
        <v>596</v>
      </c>
      <c r="D133421" s="14" t="s">
        <v>94</v>
      </c>
      <c r="E133421" s="15">
        <v>45572</v>
      </c>
      <c r="F133421" s="14" t="s">
        <v>15</v>
      </c>
      <c r="G133421" s="16">
        <v>0</v>
      </c>
    </row>
    <row r="133422" spans="1:7" x14ac:dyDescent="0.3">
      <c r="A133422" s="13" t="s">
        <v>603</v>
      </c>
      <c r="B133422" s="14" t="s">
        <v>1</v>
      </c>
      <c r="C133422" s="14" t="s">
        <v>596</v>
      </c>
      <c r="D133422" s="14" t="s">
        <v>94</v>
      </c>
      <c r="E133422" s="15">
        <v>45573</v>
      </c>
      <c r="F133422" s="14" t="s">
        <v>15</v>
      </c>
      <c r="G133422" s="16">
        <v>0</v>
      </c>
    </row>
    <row r="133423" spans="1:7" x14ac:dyDescent="0.3">
      <c r="A133423" s="13" t="s">
        <v>603</v>
      </c>
      <c r="B133423" s="14" t="s">
        <v>1</v>
      </c>
      <c r="C133423" s="14" t="s">
        <v>596</v>
      </c>
      <c r="D133423" s="14" t="s">
        <v>94</v>
      </c>
      <c r="E133423" s="15">
        <v>45574</v>
      </c>
      <c r="F133423" s="14" t="s">
        <v>15</v>
      </c>
      <c r="G133423" s="16">
        <v>0</v>
      </c>
    </row>
    <row r="133424" spans="1:7" x14ac:dyDescent="0.3">
      <c r="A133424" s="13" t="s">
        <v>603</v>
      </c>
      <c r="B133424" s="14" t="s">
        <v>1</v>
      </c>
      <c r="C133424" s="14" t="s">
        <v>596</v>
      </c>
      <c r="D133424" s="14" t="s">
        <v>94</v>
      </c>
      <c r="E133424" s="15">
        <v>45575</v>
      </c>
      <c r="F133424" s="14" t="s">
        <v>15</v>
      </c>
      <c r="G133424" s="16">
        <v>0</v>
      </c>
    </row>
    <row r="133425" spans="1:7" x14ac:dyDescent="0.3">
      <c r="A133425" s="13" t="s">
        <v>603</v>
      </c>
      <c r="B133425" s="14" t="s">
        <v>1</v>
      </c>
      <c r="C133425" s="14" t="s">
        <v>596</v>
      </c>
      <c r="D133425" s="14" t="s">
        <v>94</v>
      </c>
      <c r="E133425" s="15">
        <v>45576</v>
      </c>
      <c r="F133425" s="14" t="s">
        <v>15</v>
      </c>
      <c r="G133425" s="16">
        <v>0</v>
      </c>
    </row>
    <row r="133426" spans="1:7" x14ac:dyDescent="0.3">
      <c r="A133426" s="13" t="s">
        <v>603</v>
      </c>
      <c r="B133426" s="14" t="s">
        <v>1</v>
      </c>
      <c r="C133426" s="14" t="s">
        <v>596</v>
      </c>
      <c r="D133426" s="14" t="s">
        <v>94</v>
      </c>
      <c r="E133426" s="15">
        <v>45577</v>
      </c>
      <c r="F133426" s="14" t="s">
        <v>15</v>
      </c>
      <c r="G133426" s="16">
        <v>0</v>
      </c>
    </row>
    <row r="133427" spans="1:7" x14ac:dyDescent="0.3">
      <c r="A133427" s="13" t="s">
        <v>603</v>
      </c>
      <c r="B133427" s="14" t="s">
        <v>1</v>
      </c>
      <c r="C133427" s="14" t="s">
        <v>596</v>
      </c>
      <c r="D133427" s="14" t="s">
        <v>94</v>
      </c>
      <c r="E133427" s="15">
        <v>45578</v>
      </c>
      <c r="F133427" s="14" t="s">
        <v>15</v>
      </c>
      <c r="G133427" s="16">
        <v>0</v>
      </c>
    </row>
    <row r="133428" spans="1:7" x14ac:dyDescent="0.3">
      <c r="A133428" s="13" t="s">
        <v>603</v>
      </c>
      <c r="B133428" s="14" t="s">
        <v>1</v>
      </c>
      <c r="C133428" s="14" t="s">
        <v>596</v>
      </c>
      <c r="D133428" s="14" t="s">
        <v>94</v>
      </c>
      <c r="E133428" s="15">
        <v>45579</v>
      </c>
      <c r="F133428" s="14" t="s">
        <v>15</v>
      </c>
      <c r="G133428" s="16">
        <v>0</v>
      </c>
    </row>
    <row r="133429" spans="1:7" x14ac:dyDescent="0.3">
      <c r="A133429" s="13" t="s">
        <v>603</v>
      </c>
      <c r="B133429" s="14" t="s">
        <v>1</v>
      </c>
      <c r="C133429" s="14" t="s">
        <v>596</v>
      </c>
      <c r="D133429" s="14" t="s">
        <v>94</v>
      </c>
      <c r="E133429" s="15">
        <v>45580</v>
      </c>
      <c r="F133429" s="14" t="s">
        <v>15</v>
      </c>
      <c r="G133429" s="16">
        <v>0</v>
      </c>
    </row>
    <row r="133430" spans="1:7" x14ac:dyDescent="0.3">
      <c r="A133430" s="13" t="s">
        <v>603</v>
      </c>
      <c r="B133430" s="14" t="s">
        <v>1</v>
      </c>
      <c r="C133430" s="14" t="s">
        <v>596</v>
      </c>
      <c r="D133430" s="14" t="s">
        <v>94</v>
      </c>
      <c r="E133430" s="15">
        <v>45581</v>
      </c>
      <c r="F133430" s="14" t="s">
        <v>15</v>
      </c>
      <c r="G133430" s="16">
        <v>0</v>
      </c>
    </row>
    <row r="133431" spans="1:7" x14ac:dyDescent="0.3">
      <c r="A133431" s="13" t="s">
        <v>603</v>
      </c>
      <c r="B133431" s="14" t="s">
        <v>1</v>
      </c>
      <c r="C133431" s="14" t="s">
        <v>596</v>
      </c>
      <c r="D133431" s="14" t="s">
        <v>94</v>
      </c>
      <c r="E133431" s="15">
        <v>45582</v>
      </c>
      <c r="F133431" s="14" t="s">
        <v>15</v>
      </c>
      <c r="G133431" s="16">
        <v>0</v>
      </c>
    </row>
    <row r="133432" spans="1:7" x14ac:dyDescent="0.3">
      <c r="A133432" s="13" t="s">
        <v>603</v>
      </c>
      <c r="B133432" s="14" t="s">
        <v>1</v>
      </c>
      <c r="C133432" s="14" t="s">
        <v>596</v>
      </c>
      <c r="D133432" s="14" t="s">
        <v>94</v>
      </c>
      <c r="E133432" s="15">
        <v>45583</v>
      </c>
      <c r="F133432" s="14" t="s">
        <v>15</v>
      </c>
      <c r="G133432" s="16">
        <v>0</v>
      </c>
    </row>
    <row r="133433" spans="1:7" x14ac:dyDescent="0.3">
      <c r="A133433" s="13" t="s">
        <v>603</v>
      </c>
      <c r="B133433" s="14" t="s">
        <v>1</v>
      </c>
      <c r="C133433" s="14" t="s">
        <v>596</v>
      </c>
      <c r="D133433" s="14" t="s">
        <v>94</v>
      </c>
      <c r="E133433" s="15">
        <v>45584</v>
      </c>
      <c r="F133433" s="14" t="s">
        <v>15</v>
      </c>
      <c r="G133433" s="16">
        <v>0</v>
      </c>
    </row>
    <row r="133434" spans="1:7" x14ac:dyDescent="0.3">
      <c r="A133434" s="13" t="s">
        <v>603</v>
      </c>
      <c r="B133434" s="14" t="s">
        <v>1</v>
      </c>
      <c r="C133434" s="14" t="s">
        <v>596</v>
      </c>
      <c r="D133434" s="14" t="s">
        <v>94</v>
      </c>
      <c r="E133434" s="15">
        <v>45585</v>
      </c>
      <c r="F133434" s="14" t="s">
        <v>15</v>
      </c>
      <c r="G133434" s="16">
        <v>0</v>
      </c>
    </row>
    <row r="133435" spans="1:7" x14ac:dyDescent="0.3">
      <c r="A133435" s="13" t="s">
        <v>603</v>
      </c>
      <c r="B133435" s="14" t="s">
        <v>1</v>
      </c>
      <c r="C133435" s="14" t="s">
        <v>596</v>
      </c>
      <c r="D133435" s="14" t="s">
        <v>94</v>
      </c>
      <c r="E133435" s="15">
        <v>45586</v>
      </c>
      <c r="F133435" s="14" t="s">
        <v>15</v>
      </c>
      <c r="G133435" s="16">
        <v>0</v>
      </c>
    </row>
    <row r="133436" spans="1:7" x14ac:dyDescent="0.3">
      <c r="A133436" s="13" t="s">
        <v>603</v>
      </c>
      <c r="B133436" s="14" t="s">
        <v>1</v>
      </c>
      <c r="C133436" s="14" t="s">
        <v>596</v>
      </c>
      <c r="D133436" s="14" t="s">
        <v>94</v>
      </c>
      <c r="E133436" s="15">
        <v>45587</v>
      </c>
      <c r="F133436" s="14" t="s">
        <v>15</v>
      </c>
      <c r="G133436" s="16">
        <v>0</v>
      </c>
    </row>
    <row r="133437" spans="1:7" x14ac:dyDescent="0.3">
      <c r="A133437" s="13" t="s">
        <v>603</v>
      </c>
      <c r="B133437" s="14" t="s">
        <v>1</v>
      </c>
      <c r="C133437" s="14" t="s">
        <v>596</v>
      </c>
      <c r="D133437" s="14" t="s">
        <v>94</v>
      </c>
      <c r="E133437" s="15">
        <v>45588</v>
      </c>
      <c r="F133437" s="14" t="s">
        <v>15</v>
      </c>
      <c r="G133437" s="16">
        <v>0</v>
      </c>
    </row>
    <row r="133438" spans="1:7" x14ac:dyDescent="0.3">
      <c r="A133438" s="13" t="s">
        <v>603</v>
      </c>
      <c r="B133438" s="14" t="s">
        <v>1</v>
      </c>
      <c r="C133438" s="14" t="s">
        <v>596</v>
      </c>
      <c r="D133438" s="14" t="s">
        <v>94</v>
      </c>
      <c r="E133438" s="15">
        <v>45589</v>
      </c>
      <c r="F133438" s="14" t="s">
        <v>15</v>
      </c>
      <c r="G133438" s="16">
        <v>0</v>
      </c>
    </row>
    <row r="133439" spans="1:7" x14ac:dyDescent="0.3">
      <c r="A133439" s="13" t="s">
        <v>603</v>
      </c>
      <c r="B133439" s="14" t="s">
        <v>1</v>
      </c>
      <c r="C133439" s="14" t="s">
        <v>596</v>
      </c>
      <c r="D133439" s="14" t="s">
        <v>94</v>
      </c>
      <c r="E133439" s="15">
        <v>45590</v>
      </c>
      <c r="F133439" s="14" t="s">
        <v>15</v>
      </c>
      <c r="G133439" s="16">
        <v>0</v>
      </c>
    </row>
    <row r="133440" spans="1:7" x14ac:dyDescent="0.3">
      <c r="A133440" s="13" t="s">
        <v>603</v>
      </c>
      <c r="B133440" s="14" t="s">
        <v>1</v>
      </c>
      <c r="C133440" s="14" t="s">
        <v>596</v>
      </c>
      <c r="D133440" s="14" t="s">
        <v>94</v>
      </c>
      <c r="E133440" s="15">
        <v>45591</v>
      </c>
      <c r="F133440" s="14" t="s">
        <v>15</v>
      </c>
      <c r="G133440" s="16">
        <v>0</v>
      </c>
    </row>
    <row r="133441" spans="1:7" x14ac:dyDescent="0.3">
      <c r="A133441" s="13" t="s">
        <v>603</v>
      </c>
      <c r="B133441" s="14" t="s">
        <v>1</v>
      </c>
      <c r="C133441" s="14" t="s">
        <v>596</v>
      </c>
      <c r="D133441" s="14" t="s">
        <v>94</v>
      </c>
      <c r="E133441" s="15">
        <v>45592</v>
      </c>
      <c r="F133441" s="14" t="s">
        <v>15</v>
      </c>
      <c r="G133441" s="16">
        <v>0</v>
      </c>
    </row>
    <row r="133442" spans="1:7" x14ac:dyDescent="0.3">
      <c r="A133442" s="13" t="s">
        <v>603</v>
      </c>
      <c r="B133442" s="14" t="s">
        <v>1</v>
      </c>
      <c r="C133442" s="14" t="s">
        <v>596</v>
      </c>
      <c r="D133442" s="14" t="s">
        <v>94</v>
      </c>
      <c r="E133442" s="15">
        <v>45593</v>
      </c>
      <c r="F133442" s="14" t="s">
        <v>15</v>
      </c>
      <c r="G133442" s="16">
        <v>0</v>
      </c>
    </row>
    <row r="133443" spans="1:7" x14ac:dyDescent="0.3">
      <c r="A133443" s="13" t="s">
        <v>603</v>
      </c>
      <c r="B133443" s="14" t="s">
        <v>1</v>
      </c>
      <c r="C133443" s="14" t="s">
        <v>596</v>
      </c>
      <c r="D133443" s="14" t="s">
        <v>94</v>
      </c>
      <c r="E133443" s="15">
        <v>45594</v>
      </c>
      <c r="F133443" s="14" t="s">
        <v>15</v>
      </c>
      <c r="G133443" s="16">
        <v>0</v>
      </c>
    </row>
    <row r="133444" spans="1:7" x14ac:dyDescent="0.3">
      <c r="A133444" s="13" t="s">
        <v>603</v>
      </c>
      <c r="B133444" s="14" t="s">
        <v>1</v>
      </c>
      <c r="C133444" s="14" t="s">
        <v>596</v>
      </c>
      <c r="D133444" s="14" t="s">
        <v>94</v>
      </c>
      <c r="E133444" s="15">
        <v>45595</v>
      </c>
      <c r="F133444" s="14" t="s">
        <v>15</v>
      </c>
      <c r="G133444" s="16">
        <v>0</v>
      </c>
    </row>
    <row r="133445" spans="1:7" x14ac:dyDescent="0.3">
      <c r="A133445" s="13" t="s">
        <v>603</v>
      </c>
      <c r="B133445" s="14" t="s">
        <v>1</v>
      </c>
      <c r="C133445" s="14" t="s">
        <v>596</v>
      </c>
      <c r="D133445" s="14" t="s">
        <v>94</v>
      </c>
      <c r="E133445" s="15">
        <v>45596</v>
      </c>
      <c r="F133445" s="14" t="s">
        <v>15</v>
      </c>
      <c r="G133445" s="16">
        <v>0</v>
      </c>
    </row>
    <row r="133446" spans="1:7" x14ac:dyDescent="0.3">
      <c r="A133446" s="13" t="s">
        <v>603</v>
      </c>
      <c r="B133446" s="14" t="s">
        <v>1</v>
      </c>
      <c r="C133446" s="14" t="s">
        <v>596</v>
      </c>
      <c r="D133446" s="14" t="s">
        <v>94</v>
      </c>
      <c r="E133446" s="15">
        <v>45597</v>
      </c>
      <c r="F133446" s="14" t="s">
        <v>15</v>
      </c>
      <c r="G133446" s="16">
        <v>0</v>
      </c>
    </row>
    <row r="133447" spans="1:7" x14ac:dyDescent="0.3">
      <c r="A133447" s="13" t="s">
        <v>603</v>
      </c>
      <c r="B133447" s="14" t="s">
        <v>1</v>
      </c>
      <c r="C133447" s="14" t="s">
        <v>596</v>
      </c>
      <c r="D133447" s="14" t="s">
        <v>94</v>
      </c>
      <c r="E133447" s="15">
        <v>45598</v>
      </c>
      <c r="F133447" s="14" t="s">
        <v>15</v>
      </c>
      <c r="G133447" s="16">
        <v>0</v>
      </c>
    </row>
    <row r="133448" spans="1:7" x14ac:dyDescent="0.3">
      <c r="A133448" s="13" t="s">
        <v>603</v>
      </c>
      <c r="B133448" s="14" t="s">
        <v>1</v>
      </c>
      <c r="C133448" s="14" t="s">
        <v>596</v>
      </c>
      <c r="D133448" s="14" t="s">
        <v>94</v>
      </c>
      <c r="E133448" s="15">
        <v>45599</v>
      </c>
      <c r="F133448" s="14" t="s">
        <v>15</v>
      </c>
      <c r="G133448" s="16">
        <v>0</v>
      </c>
    </row>
    <row r="133449" spans="1:7" x14ac:dyDescent="0.3">
      <c r="A133449" s="13" t="s">
        <v>603</v>
      </c>
      <c r="B133449" s="14" t="s">
        <v>1</v>
      </c>
      <c r="C133449" s="14" t="s">
        <v>596</v>
      </c>
      <c r="D133449" s="14" t="s">
        <v>94</v>
      </c>
      <c r="E133449" s="15">
        <v>45600</v>
      </c>
      <c r="F133449" s="14" t="s">
        <v>15</v>
      </c>
      <c r="G133449" s="16">
        <v>0</v>
      </c>
    </row>
    <row r="133450" spans="1:7" x14ac:dyDescent="0.3">
      <c r="A133450" s="13" t="s">
        <v>603</v>
      </c>
      <c r="B133450" s="14" t="s">
        <v>1</v>
      </c>
      <c r="C133450" s="14" t="s">
        <v>596</v>
      </c>
      <c r="D133450" s="14" t="s">
        <v>94</v>
      </c>
      <c r="E133450" s="15">
        <v>45601</v>
      </c>
      <c r="F133450" s="14" t="s">
        <v>15</v>
      </c>
      <c r="G133450" s="16">
        <v>0</v>
      </c>
    </row>
    <row r="133451" spans="1:7" x14ac:dyDescent="0.3">
      <c r="A133451" s="13" t="s">
        <v>603</v>
      </c>
      <c r="B133451" s="14" t="s">
        <v>1</v>
      </c>
      <c r="C133451" s="14" t="s">
        <v>596</v>
      </c>
      <c r="D133451" s="14" t="s">
        <v>94</v>
      </c>
      <c r="E133451" s="15">
        <v>45602</v>
      </c>
      <c r="F133451" s="14" t="s">
        <v>15</v>
      </c>
      <c r="G133451" s="16">
        <v>0</v>
      </c>
    </row>
    <row r="133452" spans="1:7" x14ac:dyDescent="0.3">
      <c r="A133452" s="13" t="s">
        <v>603</v>
      </c>
      <c r="B133452" s="14" t="s">
        <v>1</v>
      </c>
      <c r="C133452" s="14" t="s">
        <v>596</v>
      </c>
      <c r="D133452" s="14" t="s">
        <v>94</v>
      </c>
      <c r="E133452" s="15">
        <v>45603</v>
      </c>
      <c r="F133452" s="14" t="s">
        <v>15</v>
      </c>
      <c r="G133452" s="16">
        <v>0</v>
      </c>
    </row>
    <row r="133453" spans="1:7" x14ac:dyDescent="0.3">
      <c r="A133453" s="13" t="s">
        <v>603</v>
      </c>
      <c r="B133453" s="14" t="s">
        <v>1</v>
      </c>
      <c r="C133453" s="14" t="s">
        <v>596</v>
      </c>
      <c r="D133453" s="14" t="s">
        <v>94</v>
      </c>
      <c r="E133453" s="15">
        <v>45604</v>
      </c>
      <c r="F133453" s="14" t="s">
        <v>15</v>
      </c>
      <c r="G133453" s="16">
        <v>0</v>
      </c>
    </row>
    <row r="133454" spans="1:7" x14ac:dyDescent="0.3">
      <c r="A133454" s="13" t="s">
        <v>603</v>
      </c>
      <c r="B133454" s="14" t="s">
        <v>1</v>
      </c>
      <c r="C133454" s="14" t="s">
        <v>596</v>
      </c>
      <c r="D133454" s="14" t="s">
        <v>94</v>
      </c>
      <c r="E133454" s="15">
        <v>45605</v>
      </c>
      <c r="F133454" s="14" t="s">
        <v>15</v>
      </c>
      <c r="G133454" s="16">
        <v>0</v>
      </c>
    </row>
    <row r="133455" spans="1:7" x14ac:dyDescent="0.3">
      <c r="A133455" s="13" t="s">
        <v>603</v>
      </c>
      <c r="B133455" s="14" t="s">
        <v>1</v>
      </c>
      <c r="C133455" s="14" t="s">
        <v>596</v>
      </c>
      <c r="D133455" s="14" t="s">
        <v>94</v>
      </c>
      <c r="E133455" s="15">
        <v>45606</v>
      </c>
      <c r="F133455" s="14" t="s">
        <v>15</v>
      </c>
      <c r="G133455" s="16">
        <v>0</v>
      </c>
    </row>
    <row r="133456" spans="1:7" x14ac:dyDescent="0.3">
      <c r="A133456" s="13" t="s">
        <v>603</v>
      </c>
      <c r="B133456" s="14" t="s">
        <v>1</v>
      </c>
      <c r="C133456" s="14" t="s">
        <v>596</v>
      </c>
      <c r="D133456" s="14" t="s">
        <v>94</v>
      </c>
      <c r="E133456" s="15">
        <v>45607</v>
      </c>
      <c r="F133456" s="14" t="s">
        <v>15</v>
      </c>
      <c r="G133456" s="16">
        <v>0</v>
      </c>
    </row>
    <row r="133457" spans="1:7" x14ac:dyDescent="0.3">
      <c r="A133457" s="13" t="s">
        <v>603</v>
      </c>
      <c r="B133457" s="14" t="s">
        <v>1</v>
      </c>
      <c r="C133457" s="14" t="s">
        <v>596</v>
      </c>
      <c r="D133457" s="14" t="s">
        <v>94</v>
      </c>
      <c r="E133457" s="15">
        <v>45608</v>
      </c>
      <c r="F133457" s="14" t="s">
        <v>15</v>
      </c>
      <c r="G133457" s="16">
        <v>0</v>
      </c>
    </row>
    <row r="133458" spans="1:7" x14ac:dyDescent="0.3">
      <c r="A133458" s="13" t="s">
        <v>603</v>
      </c>
      <c r="B133458" s="14" t="s">
        <v>1</v>
      </c>
      <c r="C133458" s="14" t="s">
        <v>596</v>
      </c>
      <c r="D133458" s="14" t="s">
        <v>94</v>
      </c>
      <c r="E133458" s="15">
        <v>45609</v>
      </c>
      <c r="F133458" s="14" t="s">
        <v>15</v>
      </c>
      <c r="G133458" s="16">
        <v>0</v>
      </c>
    </row>
    <row r="133459" spans="1:7" x14ac:dyDescent="0.3">
      <c r="A133459" s="13" t="s">
        <v>603</v>
      </c>
      <c r="B133459" s="14" t="s">
        <v>1</v>
      </c>
      <c r="C133459" s="14" t="s">
        <v>596</v>
      </c>
      <c r="D133459" s="14" t="s">
        <v>94</v>
      </c>
      <c r="E133459" s="15">
        <v>45610</v>
      </c>
      <c r="F133459" s="14" t="s">
        <v>15</v>
      </c>
      <c r="G133459" s="16">
        <v>0</v>
      </c>
    </row>
    <row r="133460" spans="1:7" x14ac:dyDescent="0.3">
      <c r="A133460" s="13" t="s">
        <v>603</v>
      </c>
      <c r="B133460" s="14" t="s">
        <v>1</v>
      </c>
      <c r="C133460" s="14" t="s">
        <v>596</v>
      </c>
      <c r="D133460" s="14" t="s">
        <v>94</v>
      </c>
      <c r="E133460" s="15">
        <v>45611</v>
      </c>
      <c r="F133460" s="14" t="s">
        <v>15</v>
      </c>
      <c r="G133460" s="16">
        <v>0</v>
      </c>
    </row>
    <row r="133461" spans="1:7" x14ac:dyDescent="0.3">
      <c r="A133461" s="13" t="s">
        <v>603</v>
      </c>
      <c r="B133461" s="14" t="s">
        <v>1</v>
      </c>
      <c r="C133461" s="14" t="s">
        <v>596</v>
      </c>
      <c r="D133461" s="14" t="s">
        <v>94</v>
      </c>
      <c r="E133461" s="15">
        <v>45612</v>
      </c>
      <c r="F133461" s="14" t="s">
        <v>15</v>
      </c>
      <c r="G133461" s="16">
        <v>0</v>
      </c>
    </row>
    <row r="133462" spans="1:7" x14ac:dyDescent="0.3">
      <c r="A133462" s="13" t="s">
        <v>603</v>
      </c>
      <c r="B133462" s="14" t="s">
        <v>1</v>
      </c>
      <c r="C133462" s="14" t="s">
        <v>596</v>
      </c>
      <c r="D133462" s="14" t="s">
        <v>94</v>
      </c>
      <c r="E133462" s="15">
        <v>45613</v>
      </c>
      <c r="F133462" s="14" t="s">
        <v>15</v>
      </c>
      <c r="G133462" s="16">
        <v>0</v>
      </c>
    </row>
    <row r="133463" spans="1:7" x14ac:dyDescent="0.3">
      <c r="A133463" s="13" t="s">
        <v>603</v>
      </c>
      <c r="B133463" s="14" t="s">
        <v>1</v>
      </c>
      <c r="C133463" s="14" t="s">
        <v>596</v>
      </c>
      <c r="D133463" s="14" t="s">
        <v>94</v>
      </c>
      <c r="E133463" s="15">
        <v>45614</v>
      </c>
      <c r="F133463" s="14" t="s">
        <v>15</v>
      </c>
      <c r="G133463" s="16">
        <v>0</v>
      </c>
    </row>
    <row r="133464" spans="1:7" x14ac:dyDescent="0.3">
      <c r="A133464" s="13" t="s">
        <v>603</v>
      </c>
      <c r="B133464" s="14" t="s">
        <v>1</v>
      </c>
      <c r="C133464" s="14" t="s">
        <v>596</v>
      </c>
      <c r="D133464" s="14" t="s">
        <v>94</v>
      </c>
      <c r="E133464" s="15">
        <v>45615</v>
      </c>
      <c r="F133464" s="14" t="s">
        <v>15</v>
      </c>
      <c r="G133464" s="16">
        <v>0</v>
      </c>
    </row>
    <row r="133465" spans="1:7" x14ac:dyDescent="0.3">
      <c r="A133465" s="13" t="s">
        <v>603</v>
      </c>
      <c r="B133465" s="14" t="s">
        <v>1</v>
      </c>
      <c r="C133465" s="14" t="s">
        <v>596</v>
      </c>
      <c r="D133465" s="14" t="s">
        <v>94</v>
      </c>
      <c r="E133465" s="15">
        <v>45616</v>
      </c>
      <c r="F133465" s="14" t="s">
        <v>15</v>
      </c>
      <c r="G133465" s="16">
        <v>0</v>
      </c>
    </row>
    <row r="133466" spans="1:7" x14ac:dyDescent="0.3">
      <c r="A133466" s="13" t="s">
        <v>603</v>
      </c>
      <c r="B133466" s="14" t="s">
        <v>1</v>
      </c>
      <c r="C133466" s="14" t="s">
        <v>596</v>
      </c>
      <c r="D133466" s="14" t="s">
        <v>94</v>
      </c>
      <c r="E133466" s="15">
        <v>45617</v>
      </c>
      <c r="F133466" s="14" t="s">
        <v>15</v>
      </c>
      <c r="G133466" s="16">
        <v>0</v>
      </c>
    </row>
    <row r="133467" spans="1:7" x14ac:dyDescent="0.3">
      <c r="A133467" s="13" t="s">
        <v>603</v>
      </c>
      <c r="B133467" s="14" t="s">
        <v>1</v>
      </c>
      <c r="C133467" s="14" t="s">
        <v>596</v>
      </c>
      <c r="D133467" s="14" t="s">
        <v>94</v>
      </c>
      <c r="E133467" s="15">
        <v>45618</v>
      </c>
      <c r="F133467" s="14" t="s">
        <v>15</v>
      </c>
      <c r="G133467" s="16">
        <v>0</v>
      </c>
    </row>
    <row r="133468" spans="1:7" x14ac:dyDescent="0.3">
      <c r="A133468" s="13" t="s">
        <v>603</v>
      </c>
      <c r="B133468" s="14" t="s">
        <v>1</v>
      </c>
      <c r="C133468" s="14" t="s">
        <v>596</v>
      </c>
      <c r="D133468" s="14" t="s">
        <v>94</v>
      </c>
      <c r="E133468" s="15">
        <v>45619</v>
      </c>
      <c r="F133468" s="14" t="s">
        <v>15</v>
      </c>
      <c r="G133468" s="16">
        <v>0</v>
      </c>
    </row>
    <row r="133469" spans="1:7" x14ac:dyDescent="0.3">
      <c r="A133469" s="13" t="s">
        <v>603</v>
      </c>
      <c r="B133469" s="14" t="s">
        <v>1</v>
      </c>
      <c r="C133469" s="14" t="s">
        <v>596</v>
      </c>
      <c r="D133469" s="14" t="s">
        <v>94</v>
      </c>
      <c r="E133469" s="15">
        <v>45620</v>
      </c>
      <c r="F133469" s="14" t="s">
        <v>15</v>
      </c>
      <c r="G133469" s="16">
        <v>0</v>
      </c>
    </row>
    <row r="133470" spans="1:7" x14ac:dyDescent="0.3">
      <c r="A133470" s="13" t="s">
        <v>603</v>
      </c>
      <c r="B133470" s="14" t="s">
        <v>1</v>
      </c>
      <c r="C133470" s="14" t="s">
        <v>596</v>
      </c>
      <c r="D133470" s="14" t="s">
        <v>94</v>
      </c>
      <c r="E133470" s="15">
        <v>45621</v>
      </c>
      <c r="F133470" s="14" t="s">
        <v>15</v>
      </c>
      <c r="G133470" s="16">
        <v>0</v>
      </c>
    </row>
    <row r="133471" spans="1:7" x14ac:dyDescent="0.3">
      <c r="A133471" s="13" t="s">
        <v>603</v>
      </c>
      <c r="B133471" s="14" t="s">
        <v>1</v>
      </c>
      <c r="C133471" s="14" t="s">
        <v>596</v>
      </c>
      <c r="D133471" s="14" t="s">
        <v>94</v>
      </c>
      <c r="E133471" s="15">
        <v>45622</v>
      </c>
      <c r="F133471" s="14" t="s">
        <v>15</v>
      </c>
      <c r="G133471" s="16">
        <v>0</v>
      </c>
    </row>
    <row r="133472" spans="1:7" x14ac:dyDescent="0.3">
      <c r="A133472" s="13" t="s">
        <v>603</v>
      </c>
      <c r="B133472" s="14" t="s">
        <v>1</v>
      </c>
      <c r="C133472" s="14" t="s">
        <v>596</v>
      </c>
      <c r="D133472" s="14" t="s">
        <v>94</v>
      </c>
      <c r="E133472" s="15">
        <v>45623</v>
      </c>
      <c r="F133472" s="14" t="s">
        <v>15</v>
      </c>
      <c r="G133472" s="16">
        <v>0</v>
      </c>
    </row>
    <row r="133473" spans="1:7" x14ac:dyDescent="0.3">
      <c r="A133473" s="13" t="s">
        <v>603</v>
      </c>
      <c r="B133473" s="14" t="s">
        <v>1</v>
      </c>
      <c r="C133473" s="14" t="s">
        <v>596</v>
      </c>
      <c r="D133473" s="14" t="s">
        <v>94</v>
      </c>
      <c r="E133473" s="15">
        <v>45624</v>
      </c>
      <c r="F133473" s="14" t="s">
        <v>15</v>
      </c>
      <c r="G133473" s="16">
        <v>0</v>
      </c>
    </row>
    <row r="133474" spans="1:7" x14ac:dyDescent="0.3">
      <c r="A133474" s="13" t="s">
        <v>603</v>
      </c>
      <c r="B133474" s="14" t="s">
        <v>1</v>
      </c>
      <c r="C133474" s="14" t="s">
        <v>596</v>
      </c>
      <c r="D133474" s="14" t="s">
        <v>94</v>
      </c>
      <c r="E133474" s="15">
        <v>45625</v>
      </c>
      <c r="F133474" s="14" t="s">
        <v>15</v>
      </c>
      <c r="G133474" s="16">
        <v>0</v>
      </c>
    </row>
    <row r="133475" spans="1:7" x14ac:dyDescent="0.3">
      <c r="A133475" s="13" t="s">
        <v>603</v>
      </c>
      <c r="B133475" s="14" t="s">
        <v>1</v>
      </c>
      <c r="C133475" s="14" t="s">
        <v>596</v>
      </c>
      <c r="D133475" s="14" t="s">
        <v>94</v>
      </c>
      <c r="E133475" s="15">
        <v>45626</v>
      </c>
      <c r="F133475" s="14" t="s">
        <v>15</v>
      </c>
      <c r="G133475" s="16">
        <v>0</v>
      </c>
    </row>
    <row r="133476" spans="1:7" x14ac:dyDescent="0.3">
      <c r="A133476" s="13" t="s">
        <v>603</v>
      </c>
      <c r="B133476" s="14" t="s">
        <v>1</v>
      </c>
      <c r="C133476" s="14" t="s">
        <v>596</v>
      </c>
      <c r="D133476" s="14" t="s">
        <v>94</v>
      </c>
      <c r="E133476" s="15">
        <v>45627</v>
      </c>
      <c r="F133476" s="14" t="s">
        <v>15</v>
      </c>
      <c r="G133476" s="16">
        <v>0</v>
      </c>
    </row>
    <row r="133477" spans="1:7" x14ac:dyDescent="0.3">
      <c r="A133477" s="13" t="s">
        <v>603</v>
      </c>
      <c r="B133477" s="14" t="s">
        <v>1</v>
      </c>
      <c r="C133477" s="14" t="s">
        <v>596</v>
      </c>
      <c r="D133477" s="14" t="s">
        <v>94</v>
      </c>
      <c r="E133477" s="15">
        <v>45628</v>
      </c>
      <c r="F133477" s="14" t="s">
        <v>15</v>
      </c>
      <c r="G133477" s="16">
        <v>0</v>
      </c>
    </row>
    <row r="133478" spans="1:7" x14ac:dyDescent="0.3">
      <c r="A133478" s="13" t="s">
        <v>603</v>
      </c>
      <c r="B133478" s="14" t="s">
        <v>1</v>
      </c>
      <c r="C133478" s="14" t="s">
        <v>596</v>
      </c>
      <c r="D133478" s="14" t="s">
        <v>94</v>
      </c>
      <c r="E133478" s="15">
        <v>45629</v>
      </c>
      <c r="F133478" s="14" t="s">
        <v>15</v>
      </c>
      <c r="G133478" s="16">
        <v>0</v>
      </c>
    </row>
    <row r="133479" spans="1:7" x14ac:dyDescent="0.3">
      <c r="A133479" s="13" t="s">
        <v>603</v>
      </c>
      <c r="B133479" s="14" t="s">
        <v>1</v>
      </c>
      <c r="C133479" s="14" t="s">
        <v>596</v>
      </c>
      <c r="D133479" s="14" t="s">
        <v>94</v>
      </c>
      <c r="E133479" s="15">
        <v>45630</v>
      </c>
      <c r="F133479" s="14" t="s">
        <v>15</v>
      </c>
      <c r="G133479" s="16">
        <v>0</v>
      </c>
    </row>
    <row r="133480" spans="1:7" x14ac:dyDescent="0.3">
      <c r="A133480" s="13" t="s">
        <v>603</v>
      </c>
      <c r="B133480" s="14" t="s">
        <v>1</v>
      </c>
      <c r="C133480" s="14" t="s">
        <v>596</v>
      </c>
      <c r="D133480" s="14" t="s">
        <v>94</v>
      </c>
      <c r="E133480" s="15">
        <v>45631</v>
      </c>
      <c r="F133480" s="14" t="s">
        <v>15</v>
      </c>
      <c r="G133480" s="16">
        <v>0</v>
      </c>
    </row>
    <row r="133481" spans="1:7" x14ac:dyDescent="0.3">
      <c r="A133481" s="13" t="s">
        <v>603</v>
      </c>
      <c r="B133481" s="14" t="s">
        <v>1</v>
      </c>
      <c r="C133481" s="14" t="s">
        <v>596</v>
      </c>
      <c r="D133481" s="14" t="s">
        <v>94</v>
      </c>
      <c r="E133481" s="15">
        <v>45632</v>
      </c>
      <c r="F133481" s="14" t="s">
        <v>15</v>
      </c>
      <c r="G133481" s="16">
        <v>0</v>
      </c>
    </row>
    <row r="133482" spans="1:7" x14ac:dyDescent="0.3">
      <c r="A133482" s="13" t="s">
        <v>603</v>
      </c>
      <c r="B133482" s="14" t="s">
        <v>1</v>
      </c>
      <c r="C133482" s="14" t="s">
        <v>596</v>
      </c>
      <c r="D133482" s="14" t="s">
        <v>94</v>
      </c>
      <c r="E133482" s="15">
        <v>45633</v>
      </c>
      <c r="F133482" s="14" t="s">
        <v>15</v>
      </c>
      <c r="G133482" s="16">
        <v>0</v>
      </c>
    </row>
    <row r="133483" spans="1:7" x14ac:dyDescent="0.3">
      <c r="A133483" s="13" t="s">
        <v>603</v>
      </c>
      <c r="B133483" s="14" t="s">
        <v>1</v>
      </c>
      <c r="C133483" s="14" t="s">
        <v>596</v>
      </c>
      <c r="D133483" s="14" t="s">
        <v>94</v>
      </c>
      <c r="E133483" s="15">
        <v>45634</v>
      </c>
      <c r="F133483" s="14" t="s">
        <v>15</v>
      </c>
      <c r="G133483" s="16">
        <v>0</v>
      </c>
    </row>
    <row r="133484" spans="1:7" x14ac:dyDescent="0.3">
      <c r="A133484" s="13" t="s">
        <v>603</v>
      </c>
      <c r="B133484" s="14" t="s">
        <v>1</v>
      </c>
      <c r="C133484" s="14" t="s">
        <v>596</v>
      </c>
      <c r="D133484" s="14" t="s">
        <v>94</v>
      </c>
      <c r="E133484" s="15">
        <v>45635</v>
      </c>
      <c r="F133484" s="14" t="s">
        <v>15</v>
      </c>
      <c r="G133484" s="16">
        <v>0</v>
      </c>
    </row>
    <row r="133485" spans="1:7" x14ac:dyDescent="0.3">
      <c r="A133485" s="13" t="s">
        <v>603</v>
      </c>
      <c r="B133485" s="14" t="s">
        <v>1</v>
      </c>
      <c r="C133485" s="14" t="s">
        <v>596</v>
      </c>
      <c r="D133485" s="14" t="s">
        <v>94</v>
      </c>
      <c r="E133485" s="15">
        <v>45636</v>
      </c>
      <c r="F133485" s="14" t="s">
        <v>15</v>
      </c>
      <c r="G133485" s="16">
        <v>0</v>
      </c>
    </row>
    <row r="133486" spans="1:7" x14ac:dyDescent="0.3">
      <c r="A133486" s="13" t="s">
        <v>603</v>
      </c>
      <c r="B133486" s="14" t="s">
        <v>1</v>
      </c>
      <c r="C133486" s="14" t="s">
        <v>596</v>
      </c>
      <c r="D133486" s="14" t="s">
        <v>94</v>
      </c>
      <c r="E133486" s="15">
        <v>45637</v>
      </c>
      <c r="F133486" s="14" t="s">
        <v>15</v>
      </c>
      <c r="G133486" s="16">
        <v>0</v>
      </c>
    </row>
    <row r="133487" spans="1:7" x14ac:dyDescent="0.3">
      <c r="A133487" s="13" t="s">
        <v>603</v>
      </c>
      <c r="B133487" s="14" t="s">
        <v>1</v>
      </c>
      <c r="C133487" s="14" t="s">
        <v>596</v>
      </c>
      <c r="D133487" s="14" t="s">
        <v>94</v>
      </c>
      <c r="E133487" s="15">
        <v>45638</v>
      </c>
      <c r="F133487" s="14" t="s">
        <v>15</v>
      </c>
      <c r="G133487" s="16">
        <v>0</v>
      </c>
    </row>
    <row r="133488" spans="1:7" x14ac:dyDescent="0.3">
      <c r="A133488" s="13" t="s">
        <v>603</v>
      </c>
      <c r="B133488" s="14" t="s">
        <v>1</v>
      </c>
      <c r="C133488" s="14" t="s">
        <v>596</v>
      </c>
      <c r="D133488" s="14" t="s">
        <v>94</v>
      </c>
      <c r="E133488" s="15">
        <v>45639</v>
      </c>
      <c r="F133488" s="14" t="s">
        <v>15</v>
      </c>
      <c r="G133488" s="16">
        <v>0</v>
      </c>
    </row>
    <row r="133489" spans="1:7" x14ac:dyDescent="0.3">
      <c r="A133489" s="13" t="s">
        <v>603</v>
      </c>
      <c r="B133489" s="14" t="s">
        <v>1</v>
      </c>
      <c r="C133489" s="14" t="s">
        <v>596</v>
      </c>
      <c r="D133489" s="14" t="s">
        <v>94</v>
      </c>
      <c r="E133489" s="15">
        <v>45640</v>
      </c>
      <c r="F133489" s="14" t="s">
        <v>15</v>
      </c>
      <c r="G133489" s="16">
        <v>0</v>
      </c>
    </row>
    <row r="133490" spans="1:7" x14ac:dyDescent="0.3">
      <c r="A133490" s="13" t="s">
        <v>603</v>
      </c>
      <c r="B133490" s="14" t="s">
        <v>1</v>
      </c>
      <c r="C133490" s="14" t="s">
        <v>596</v>
      </c>
      <c r="D133490" s="14" t="s">
        <v>94</v>
      </c>
      <c r="E133490" s="15">
        <v>45641</v>
      </c>
      <c r="F133490" s="14" t="s">
        <v>15</v>
      </c>
      <c r="G133490" s="16">
        <v>0</v>
      </c>
    </row>
    <row r="133491" spans="1:7" x14ac:dyDescent="0.3">
      <c r="A133491" s="13" t="s">
        <v>603</v>
      </c>
      <c r="B133491" s="14" t="s">
        <v>1</v>
      </c>
      <c r="C133491" s="14" t="s">
        <v>596</v>
      </c>
      <c r="D133491" s="14" t="s">
        <v>94</v>
      </c>
      <c r="E133491" s="15">
        <v>45642</v>
      </c>
      <c r="F133491" s="14" t="s">
        <v>15</v>
      </c>
      <c r="G133491" s="16">
        <v>0</v>
      </c>
    </row>
    <row r="133492" spans="1:7" x14ac:dyDescent="0.3">
      <c r="A133492" s="13" t="s">
        <v>603</v>
      </c>
      <c r="B133492" s="14" t="s">
        <v>1</v>
      </c>
      <c r="C133492" s="14" t="s">
        <v>596</v>
      </c>
      <c r="D133492" s="14" t="s">
        <v>94</v>
      </c>
      <c r="E133492" s="15">
        <v>45643</v>
      </c>
      <c r="F133492" s="14" t="s">
        <v>15</v>
      </c>
      <c r="G133492" s="16">
        <v>0</v>
      </c>
    </row>
    <row r="133493" spans="1:7" x14ac:dyDescent="0.3">
      <c r="A133493" s="13" t="s">
        <v>603</v>
      </c>
      <c r="B133493" s="14" t="s">
        <v>1</v>
      </c>
      <c r="C133493" s="14" t="s">
        <v>596</v>
      </c>
      <c r="D133493" s="14" t="s">
        <v>94</v>
      </c>
      <c r="E133493" s="15">
        <v>45644</v>
      </c>
      <c r="F133493" s="14" t="s">
        <v>15</v>
      </c>
      <c r="G133493" s="16">
        <v>0</v>
      </c>
    </row>
    <row r="133494" spans="1:7" x14ac:dyDescent="0.3">
      <c r="A133494" s="13" t="s">
        <v>603</v>
      </c>
      <c r="B133494" s="14" t="s">
        <v>1</v>
      </c>
      <c r="C133494" s="14" t="s">
        <v>596</v>
      </c>
      <c r="D133494" s="14" t="s">
        <v>94</v>
      </c>
      <c r="E133494" s="15">
        <v>45645</v>
      </c>
      <c r="F133494" s="14" t="s">
        <v>15</v>
      </c>
      <c r="G133494" s="16">
        <v>0</v>
      </c>
    </row>
    <row r="133495" spans="1:7" x14ac:dyDescent="0.3">
      <c r="A133495" s="13" t="s">
        <v>603</v>
      </c>
      <c r="B133495" s="14" t="s">
        <v>1</v>
      </c>
      <c r="C133495" s="14" t="s">
        <v>596</v>
      </c>
      <c r="D133495" s="14" t="s">
        <v>94</v>
      </c>
      <c r="E133495" s="15">
        <v>45646</v>
      </c>
      <c r="F133495" s="14" t="s">
        <v>15</v>
      </c>
      <c r="G133495" s="16">
        <v>0</v>
      </c>
    </row>
    <row r="133496" spans="1:7" x14ac:dyDescent="0.3">
      <c r="A133496" s="13" t="s">
        <v>603</v>
      </c>
      <c r="B133496" s="14" t="s">
        <v>1</v>
      </c>
      <c r="C133496" s="14" t="s">
        <v>596</v>
      </c>
      <c r="D133496" s="14" t="s">
        <v>94</v>
      </c>
      <c r="E133496" s="15">
        <v>45647</v>
      </c>
      <c r="F133496" s="14" t="s">
        <v>15</v>
      </c>
      <c r="G133496" s="16">
        <v>0</v>
      </c>
    </row>
    <row r="133497" spans="1:7" x14ac:dyDescent="0.3">
      <c r="A133497" s="13" t="s">
        <v>603</v>
      </c>
      <c r="B133497" s="14" t="s">
        <v>1</v>
      </c>
      <c r="C133497" s="14" t="s">
        <v>596</v>
      </c>
      <c r="D133497" s="14" t="s">
        <v>94</v>
      </c>
      <c r="E133497" s="15">
        <v>45648</v>
      </c>
      <c r="F133497" s="14" t="s">
        <v>15</v>
      </c>
      <c r="G133497" s="16">
        <v>0</v>
      </c>
    </row>
    <row r="133498" spans="1:7" x14ac:dyDescent="0.3">
      <c r="A133498" s="13" t="s">
        <v>603</v>
      </c>
      <c r="B133498" s="14" t="s">
        <v>1</v>
      </c>
      <c r="C133498" s="14" t="s">
        <v>596</v>
      </c>
      <c r="D133498" s="14" t="s">
        <v>94</v>
      </c>
      <c r="E133498" s="15">
        <v>45649</v>
      </c>
      <c r="F133498" s="14" t="s">
        <v>15</v>
      </c>
      <c r="G133498" s="16">
        <v>0</v>
      </c>
    </row>
    <row r="133499" spans="1:7" x14ac:dyDescent="0.3">
      <c r="A133499" s="13" t="s">
        <v>603</v>
      </c>
      <c r="B133499" s="14" t="s">
        <v>1</v>
      </c>
      <c r="C133499" s="14" t="s">
        <v>596</v>
      </c>
      <c r="D133499" s="14" t="s">
        <v>94</v>
      </c>
      <c r="E133499" s="15">
        <v>45650</v>
      </c>
      <c r="F133499" s="14" t="s">
        <v>15</v>
      </c>
      <c r="G133499" s="16">
        <v>0</v>
      </c>
    </row>
    <row r="133500" spans="1:7" x14ac:dyDescent="0.3">
      <c r="A133500" s="13" t="s">
        <v>603</v>
      </c>
      <c r="B133500" s="14" t="s">
        <v>1</v>
      </c>
      <c r="C133500" s="14" t="s">
        <v>596</v>
      </c>
      <c r="D133500" s="14" t="s">
        <v>94</v>
      </c>
      <c r="E133500" s="15">
        <v>45651</v>
      </c>
      <c r="F133500" s="14" t="s">
        <v>15</v>
      </c>
      <c r="G133500" s="16">
        <v>0</v>
      </c>
    </row>
    <row r="133501" spans="1:7" x14ac:dyDescent="0.3">
      <c r="A133501" s="13" t="s">
        <v>603</v>
      </c>
      <c r="B133501" s="14" t="s">
        <v>1</v>
      </c>
      <c r="C133501" s="14" t="s">
        <v>596</v>
      </c>
      <c r="D133501" s="14" t="s">
        <v>94</v>
      </c>
      <c r="E133501" s="15">
        <v>45652</v>
      </c>
      <c r="F133501" s="14" t="s">
        <v>15</v>
      </c>
      <c r="G133501" s="16">
        <v>0</v>
      </c>
    </row>
    <row r="133502" spans="1:7" x14ac:dyDescent="0.3">
      <c r="A133502" s="13" t="s">
        <v>603</v>
      </c>
      <c r="B133502" s="14" t="s">
        <v>1</v>
      </c>
      <c r="C133502" s="14" t="s">
        <v>596</v>
      </c>
      <c r="D133502" s="14" t="s">
        <v>94</v>
      </c>
      <c r="E133502" s="15">
        <v>45653</v>
      </c>
      <c r="F133502" s="14" t="s">
        <v>15</v>
      </c>
      <c r="G133502" s="16">
        <v>0</v>
      </c>
    </row>
    <row r="133503" spans="1:7" x14ac:dyDescent="0.3">
      <c r="A133503" s="13" t="s">
        <v>603</v>
      </c>
      <c r="B133503" s="14" t="s">
        <v>1</v>
      </c>
      <c r="C133503" s="14" t="s">
        <v>596</v>
      </c>
      <c r="D133503" s="14" t="s">
        <v>94</v>
      </c>
      <c r="E133503" s="15">
        <v>45654</v>
      </c>
      <c r="F133503" s="14" t="s">
        <v>15</v>
      </c>
      <c r="G133503" s="16">
        <v>0</v>
      </c>
    </row>
    <row r="133504" spans="1:7" x14ac:dyDescent="0.3">
      <c r="A133504" s="13" t="s">
        <v>603</v>
      </c>
      <c r="B133504" s="14" t="s">
        <v>1</v>
      </c>
      <c r="C133504" s="14" t="s">
        <v>596</v>
      </c>
      <c r="D133504" s="14" t="s">
        <v>94</v>
      </c>
      <c r="E133504" s="15">
        <v>45655</v>
      </c>
      <c r="F133504" s="14" t="s">
        <v>15</v>
      </c>
      <c r="G133504" s="16">
        <v>0</v>
      </c>
    </row>
    <row r="133505" spans="1:7" x14ac:dyDescent="0.3">
      <c r="A133505" s="13" t="s">
        <v>603</v>
      </c>
      <c r="B133505" s="14" t="s">
        <v>1</v>
      </c>
      <c r="C133505" s="14" t="s">
        <v>596</v>
      </c>
      <c r="D133505" s="14" t="s">
        <v>94</v>
      </c>
      <c r="E133505" s="15">
        <v>45656</v>
      </c>
      <c r="F133505" s="14" t="s">
        <v>15</v>
      </c>
      <c r="G133505" s="16">
        <v>0</v>
      </c>
    </row>
    <row r="133506" spans="1:7" x14ac:dyDescent="0.3">
      <c r="A133506" s="13" t="s">
        <v>603</v>
      </c>
      <c r="B133506" s="14" t="s">
        <v>1</v>
      </c>
      <c r="C133506" s="14" t="s">
        <v>596</v>
      </c>
      <c r="D133506" s="14" t="s">
        <v>94</v>
      </c>
      <c r="E133506" s="15">
        <v>45657</v>
      </c>
      <c r="F133506" s="14" t="s">
        <v>15</v>
      </c>
      <c r="G133506" s="16">
        <v>0</v>
      </c>
    </row>
    <row r="133507" spans="1:7" x14ac:dyDescent="0.3">
      <c r="A133507" s="13" t="s">
        <v>603</v>
      </c>
      <c r="B133507" s="14" t="s">
        <v>1</v>
      </c>
      <c r="C133507" s="14" t="s">
        <v>596</v>
      </c>
      <c r="D133507" s="14" t="s">
        <v>94</v>
      </c>
      <c r="E133507" s="15">
        <v>45658</v>
      </c>
      <c r="F133507" s="14" t="s">
        <v>15</v>
      </c>
      <c r="G133507" s="16">
        <v>0</v>
      </c>
    </row>
    <row r="133508" spans="1:7" x14ac:dyDescent="0.3">
      <c r="A133508" s="13" t="s">
        <v>603</v>
      </c>
      <c r="B133508" s="14" t="s">
        <v>1</v>
      </c>
      <c r="C133508" s="14" t="s">
        <v>596</v>
      </c>
      <c r="D133508" s="14" t="s">
        <v>94</v>
      </c>
      <c r="E133508" s="15">
        <v>45659</v>
      </c>
      <c r="F133508" s="14" t="s">
        <v>15</v>
      </c>
      <c r="G133508" s="16">
        <v>0</v>
      </c>
    </row>
    <row r="133509" spans="1:7" x14ac:dyDescent="0.3">
      <c r="A133509" s="13" t="s">
        <v>603</v>
      </c>
      <c r="B133509" s="14" t="s">
        <v>1</v>
      </c>
      <c r="C133509" s="14" t="s">
        <v>596</v>
      </c>
      <c r="D133509" s="14" t="s">
        <v>94</v>
      </c>
      <c r="E133509" s="15">
        <v>45660</v>
      </c>
      <c r="F133509" s="14" t="s">
        <v>15</v>
      </c>
      <c r="G133509" s="16">
        <v>0</v>
      </c>
    </row>
    <row r="133510" spans="1:7" x14ac:dyDescent="0.3">
      <c r="A133510" s="13" t="s">
        <v>603</v>
      </c>
      <c r="B133510" s="14" t="s">
        <v>1</v>
      </c>
      <c r="C133510" s="14" t="s">
        <v>596</v>
      </c>
      <c r="D133510" s="14" t="s">
        <v>94</v>
      </c>
      <c r="E133510" s="15">
        <v>45661</v>
      </c>
      <c r="F133510" s="14" t="s">
        <v>15</v>
      </c>
      <c r="G133510" s="16">
        <v>0</v>
      </c>
    </row>
    <row r="133511" spans="1:7" x14ac:dyDescent="0.3">
      <c r="A133511" s="13" t="s">
        <v>603</v>
      </c>
      <c r="B133511" s="14" t="s">
        <v>1</v>
      </c>
      <c r="C133511" s="14" t="s">
        <v>596</v>
      </c>
      <c r="D133511" s="14" t="s">
        <v>94</v>
      </c>
      <c r="E133511" s="15">
        <v>45662</v>
      </c>
      <c r="F133511" s="14" t="s">
        <v>15</v>
      </c>
      <c r="G133511" s="16">
        <v>0</v>
      </c>
    </row>
    <row r="133512" spans="1:7" x14ac:dyDescent="0.3">
      <c r="A133512" s="13" t="s">
        <v>603</v>
      </c>
      <c r="B133512" s="14" t="s">
        <v>1</v>
      </c>
      <c r="C133512" s="14" t="s">
        <v>596</v>
      </c>
      <c r="D133512" s="14" t="s">
        <v>94</v>
      </c>
      <c r="E133512" s="15">
        <v>45663</v>
      </c>
      <c r="F133512" s="14" t="s">
        <v>15</v>
      </c>
      <c r="G133512" s="16">
        <v>0</v>
      </c>
    </row>
    <row r="133513" spans="1:7" x14ac:dyDescent="0.3">
      <c r="A133513" s="13" t="s">
        <v>603</v>
      </c>
      <c r="B133513" s="14" t="s">
        <v>1</v>
      </c>
      <c r="C133513" s="14" t="s">
        <v>596</v>
      </c>
      <c r="D133513" s="14" t="s">
        <v>94</v>
      </c>
      <c r="E133513" s="15">
        <v>45664</v>
      </c>
      <c r="F133513" s="14" t="s">
        <v>15</v>
      </c>
      <c r="G133513" s="16">
        <v>0</v>
      </c>
    </row>
    <row r="133514" spans="1:7" x14ac:dyDescent="0.3">
      <c r="A133514" s="13" t="s">
        <v>603</v>
      </c>
      <c r="B133514" s="14" t="s">
        <v>1</v>
      </c>
      <c r="C133514" s="14" t="s">
        <v>596</v>
      </c>
      <c r="D133514" s="14" t="s">
        <v>94</v>
      </c>
      <c r="E133514" s="15">
        <v>45665</v>
      </c>
      <c r="F133514" s="14" t="s">
        <v>15</v>
      </c>
      <c r="G133514" s="16">
        <v>0</v>
      </c>
    </row>
    <row r="133515" spans="1:7" x14ac:dyDescent="0.3">
      <c r="A133515" s="13" t="s">
        <v>603</v>
      </c>
      <c r="B133515" s="14" t="s">
        <v>1</v>
      </c>
      <c r="C133515" s="14" t="s">
        <v>596</v>
      </c>
      <c r="D133515" s="14" t="s">
        <v>94</v>
      </c>
      <c r="E133515" s="15">
        <v>45666</v>
      </c>
      <c r="F133515" s="14" t="s">
        <v>15</v>
      </c>
      <c r="G133515" s="16">
        <v>0</v>
      </c>
    </row>
    <row r="133516" spans="1:7" x14ac:dyDescent="0.3">
      <c r="A133516" s="13" t="s">
        <v>603</v>
      </c>
      <c r="B133516" s="14" t="s">
        <v>1</v>
      </c>
      <c r="C133516" s="14" t="s">
        <v>596</v>
      </c>
      <c r="D133516" s="14" t="s">
        <v>94</v>
      </c>
      <c r="E133516" s="15">
        <v>45667</v>
      </c>
      <c r="F133516" s="14" t="s">
        <v>15</v>
      </c>
      <c r="G133516" s="16">
        <v>0</v>
      </c>
    </row>
    <row r="133517" spans="1:7" x14ac:dyDescent="0.3">
      <c r="A133517" s="13" t="s">
        <v>603</v>
      </c>
      <c r="B133517" s="14" t="s">
        <v>1</v>
      </c>
      <c r="C133517" s="14" t="s">
        <v>596</v>
      </c>
      <c r="D133517" s="14" t="s">
        <v>94</v>
      </c>
      <c r="E133517" s="15">
        <v>45668</v>
      </c>
      <c r="F133517" s="14" t="s">
        <v>15</v>
      </c>
      <c r="G133517" s="16">
        <v>0</v>
      </c>
    </row>
    <row r="133518" spans="1:7" x14ac:dyDescent="0.3">
      <c r="A133518" s="13" t="s">
        <v>603</v>
      </c>
      <c r="B133518" s="14" t="s">
        <v>1</v>
      </c>
      <c r="C133518" s="14" t="s">
        <v>596</v>
      </c>
      <c r="D133518" s="14" t="s">
        <v>94</v>
      </c>
      <c r="E133518" s="15">
        <v>45669</v>
      </c>
      <c r="F133518" s="14" t="s">
        <v>15</v>
      </c>
      <c r="G133518" s="16">
        <v>0</v>
      </c>
    </row>
    <row r="133519" spans="1:7" x14ac:dyDescent="0.3">
      <c r="A133519" s="13" t="s">
        <v>603</v>
      </c>
      <c r="B133519" s="14" t="s">
        <v>1</v>
      </c>
      <c r="C133519" s="14" t="s">
        <v>596</v>
      </c>
      <c r="D133519" s="14" t="s">
        <v>94</v>
      </c>
      <c r="E133519" s="15">
        <v>45670</v>
      </c>
      <c r="F133519" s="14" t="s">
        <v>15</v>
      </c>
      <c r="G133519" s="16">
        <v>0</v>
      </c>
    </row>
    <row r="133520" spans="1:7" x14ac:dyDescent="0.3">
      <c r="A133520" s="13" t="s">
        <v>603</v>
      </c>
      <c r="B133520" s="14" t="s">
        <v>1</v>
      </c>
      <c r="C133520" s="14" t="s">
        <v>596</v>
      </c>
      <c r="D133520" s="14" t="s">
        <v>94</v>
      </c>
      <c r="E133520" s="15">
        <v>45671</v>
      </c>
      <c r="F133520" s="14" t="s">
        <v>15</v>
      </c>
      <c r="G133520" s="16">
        <v>0</v>
      </c>
    </row>
    <row r="133521" spans="1:7" x14ac:dyDescent="0.3">
      <c r="A133521" s="13" t="s">
        <v>603</v>
      </c>
      <c r="B133521" s="14" t="s">
        <v>1</v>
      </c>
      <c r="C133521" s="14" t="s">
        <v>596</v>
      </c>
      <c r="D133521" s="14" t="s">
        <v>94</v>
      </c>
      <c r="E133521" s="15">
        <v>45672</v>
      </c>
      <c r="F133521" s="14" t="s">
        <v>15</v>
      </c>
      <c r="G133521" s="16">
        <v>0</v>
      </c>
    </row>
    <row r="133522" spans="1:7" x14ac:dyDescent="0.3">
      <c r="A133522" s="13" t="s">
        <v>603</v>
      </c>
      <c r="B133522" s="14" t="s">
        <v>1</v>
      </c>
      <c r="C133522" s="14" t="s">
        <v>596</v>
      </c>
      <c r="D133522" s="14" t="s">
        <v>94</v>
      </c>
      <c r="E133522" s="15">
        <v>45673</v>
      </c>
      <c r="F133522" s="14" t="s">
        <v>15</v>
      </c>
      <c r="G133522" s="16">
        <v>0</v>
      </c>
    </row>
    <row r="133523" spans="1:7" x14ac:dyDescent="0.3">
      <c r="A133523" s="13" t="s">
        <v>603</v>
      </c>
      <c r="B133523" s="14" t="s">
        <v>1</v>
      </c>
      <c r="C133523" s="14" t="s">
        <v>596</v>
      </c>
      <c r="D133523" s="14" t="s">
        <v>94</v>
      </c>
      <c r="E133523" s="15">
        <v>45674</v>
      </c>
      <c r="F133523" s="14" t="s">
        <v>15</v>
      </c>
      <c r="G133523" s="16">
        <v>0</v>
      </c>
    </row>
    <row r="133524" spans="1:7" x14ac:dyDescent="0.3">
      <c r="A133524" s="13" t="s">
        <v>603</v>
      </c>
      <c r="B133524" s="14" t="s">
        <v>1</v>
      </c>
      <c r="C133524" s="14" t="s">
        <v>596</v>
      </c>
      <c r="D133524" s="14" t="s">
        <v>94</v>
      </c>
      <c r="E133524" s="15">
        <v>45675</v>
      </c>
      <c r="F133524" s="14" t="s">
        <v>15</v>
      </c>
      <c r="G133524" s="16">
        <v>0</v>
      </c>
    </row>
    <row r="133525" spans="1:7" x14ac:dyDescent="0.3">
      <c r="A133525" s="13" t="s">
        <v>603</v>
      </c>
      <c r="B133525" s="14" t="s">
        <v>1</v>
      </c>
      <c r="C133525" s="14" t="s">
        <v>596</v>
      </c>
      <c r="D133525" s="14" t="s">
        <v>94</v>
      </c>
      <c r="E133525" s="15">
        <v>45676</v>
      </c>
      <c r="F133525" s="14" t="s">
        <v>15</v>
      </c>
      <c r="G133525" s="16">
        <v>0</v>
      </c>
    </row>
    <row r="133526" spans="1:7" x14ac:dyDescent="0.3">
      <c r="A133526" s="13" t="s">
        <v>603</v>
      </c>
      <c r="B133526" s="14" t="s">
        <v>1</v>
      </c>
      <c r="C133526" s="14" t="s">
        <v>596</v>
      </c>
      <c r="D133526" s="14" t="s">
        <v>94</v>
      </c>
      <c r="E133526" s="15">
        <v>45677</v>
      </c>
      <c r="F133526" s="14" t="s">
        <v>15</v>
      </c>
      <c r="G133526" s="16">
        <v>0</v>
      </c>
    </row>
    <row r="133527" spans="1:7" x14ac:dyDescent="0.3">
      <c r="A133527" s="13" t="s">
        <v>603</v>
      </c>
      <c r="B133527" s="14" t="s">
        <v>1</v>
      </c>
      <c r="C133527" s="14" t="s">
        <v>596</v>
      </c>
      <c r="D133527" s="14" t="s">
        <v>94</v>
      </c>
      <c r="E133527" s="15">
        <v>45678</v>
      </c>
      <c r="F133527" s="14" t="s">
        <v>15</v>
      </c>
      <c r="G133527" s="16">
        <v>0</v>
      </c>
    </row>
    <row r="133528" spans="1:7" x14ac:dyDescent="0.3">
      <c r="A133528" s="13" t="s">
        <v>603</v>
      </c>
      <c r="B133528" s="14" t="s">
        <v>1</v>
      </c>
      <c r="C133528" s="14" t="s">
        <v>596</v>
      </c>
      <c r="D133528" s="14" t="s">
        <v>94</v>
      </c>
      <c r="E133528" s="15">
        <v>45679</v>
      </c>
      <c r="F133528" s="14" t="s">
        <v>15</v>
      </c>
      <c r="G133528" s="16">
        <v>0</v>
      </c>
    </row>
    <row r="133529" spans="1:7" x14ac:dyDescent="0.3">
      <c r="A133529" s="13" t="s">
        <v>603</v>
      </c>
      <c r="B133529" s="14" t="s">
        <v>1</v>
      </c>
      <c r="C133529" s="14" t="s">
        <v>596</v>
      </c>
      <c r="D133529" s="14" t="s">
        <v>94</v>
      </c>
      <c r="E133529" s="15">
        <v>45680</v>
      </c>
      <c r="F133529" s="14" t="s">
        <v>15</v>
      </c>
      <c r="G133529" s="16">
        <v>0</v>
      </c>
    </row>
    <row r="133530" spans="1:7" x14ac:dyDescent="0.3">
      <c r="A133530" s="13" t="s">
        <v>603</v>
      </c>
      <c r="B133530" s="14" t="s">
        <v>1</v>
      </c>
      <c r="C133530" s="14" t="s">
        <v>596</v>
      </c>
      <c r="D133530" s="14" t="s">
        <v>94</v>
      </c>
      <c r="E133530" s="15">
        <v>45681</v>
      </c>
      <c r="F133530" s="14" t="s">
        <v>15</v>
      </c>
      <c r="G133530" s="16">
        <v>0</v>
      </c>
    </row>
    <row r="133531" spans="1:7" x14ac:dyDescent="0.3">
      <c r="A133531" s="13" t="s">
        <v>603</v>
      </c>
      <c r="B133531" s="14" t="s">
        <v>1</v>
      </c>
      <c r="C133531" s="14" t="s">
        <v>596</v>
      </c>
      <c r="D133531" s="14" t="s">
        <v>94</v>
      </c>
      <c r="E133531" s="15">
        <v>45682</v>
      </c>
      <c r="F133531" s="14" t="s">
        <v>15</v>
      </c>
      <c r="G133531" s="16">
        <v>0</v>
      </c>
    </row>
    <row r="133532" spans="1:7" x14ac:dyDescent="0.3">
      <c r="A133532" s="13" t="s">
        <v>603</v>
      </c>
      <c r="B133532" s="14" t="s">
        <v>1</v>
      </c>
      <c r="C133532" s="14" t="s">
        <v>596</v>
      </c>
      <c r="D133532" s="14" t="s">
        <v>94</v>
      </c>
      <c r="E133532" s="15">
        <v>45683</v>
      </c>
      <c r="F133532" s="14" t="s">
        <v>15</v>
      </c>
      <c r="G133532" s="16">
        <v>0</v>
      </c>
    </row>
    <row r="133533" spans="1:7" x14ac:dyDescent="0.3">
      <c r="A133533" s="13" t="s">
        <v>603</v>
      </c>
      <c r="B133533" s="14" t="s">
        <v>1</v>
      </c>
      <c r="C133533" s="14" t="s">
        <v>596</v>
      </c>
      <c r="D133533" s="14" t="s">
        <v>94</v>
      </c>
      <c r="E133533" s="15">
        <v>45684</v>
      </c>
      <c r="F133533" s="14" t="s">
        <v>15</v>
      </c>
      <c r="G133533" s="16">
        <v>0</v>
      </c>
    </row>
    <row r="133534" spans="1:7" x14ac:dyDescent="0.3">
      <c r="A133534" s="13" t="s">
        <v>603</v>
      </c>
      <c r="B133534" s="14" t="s">
        <v>1</v>
      </c>
      <c r="C133534" s="14" t="s">
        <v>596</v>
      </c>
      <c r="D133534" s="14" t="s">
        <v>94</v>
      </c>
      <c r="E133534" s="15">
        <v>45685</v>
      </c>
      <c r="F133534" s="14" t="s">
        <v>15</v>
      </c>
      <c r="G133534" s="16">
        <v>0</v>
      </c>
    </row>
    <row r="133535" spans="1:7" x14ac:dyDescent="0.3">
      <c r="A133535" s="13" t="s">
        <v>603</v>
      </c>
      <c r="B133535" s="14" t="s">
        <v>1</v>
      </c>
      <c r="C133535" s="14" t="s">
        <v>596</v>
      </c>
      <c r="D133535" s="14" t="s">
        <v>94</v>
      </c>
      <c r="E133535" s="15">
        <v>45686</v>
      </c>
      <c r="F133535" s="14" t="s">
        <v>15</v>
      </c>
      <c r="G133535" s="16">
        <v>0</v>
      </c>
    </row>
    <row r="133536" spans="1:7" x14ac:dyDescent="0.3">
      <c r="A133536" s="13" t="s">
        <v>603</v>
      </c>
      <c r="B133536" s="14" t="s">
        <v>1</v>
      </c>
      <c r="C133536" s="14" t="s">
        <v>596</v>
      </c>
      <c r="D133536" s="14" t="s">
        <v>94</v>
      </c>
      <c r="E133536" s="15">
        <v>45687</v>
      </c>
      <c r="F133536" s="14" t="s">
        <v>15</v>
      </c>
      <c r="G133536" s="16">
        <v>0</v>
      </c>
    </row>
    <row r="133537" spans="1:7" x14ac:dyDescent="0.3">
      <c r="A133537" s="13" t="s">
        <v>603</v>
      </c>
      <c r="B133537" s="14" t="s">
        <v>1</v>
      </c>
      <c r="C133537" s="14" t="s">
        <v>596</v>
      </c>
      <c r="D133537" s="14" t="s">
        <v>94</v>
      </c>
      <c r="E133537" s="15">
        <v>45688</v>
      </c>
      <c r="F133537" s="14" t="s">
        <v>15</v>
      </c>
      <c r="G133537" s="16">
        <v>0</v>
      </c>
    </row>
    <row r="133538" spans="1:7" x14ac:dyDescent="0.3">
      <c r="A133538" s="13" t="s">
        <v>603</v>
      </c>
      <c r="B133538" s="14" t="s">
        <v>1</v>
      </c>
      <c r="C133538" s="14" t="s">
        <v>596</v>
      </c>
      <c r="D133538" s="14" t="s">
        <v>94</v>
      </c>
      <c r="E133538" s="15">
        <v>45689</v>
      </c>
      <c r="F133538" s="14" t="s">
        <v>15</v>
      </c>
      <c r="G133538" s="16">
        <v>0</v>
      </c>
    </row>
    <row r="133539" spans="1:7" x14ac:dyDescent="0.3">
      <c r="A133539" s="13" t="s">
        <v>603</v>
      </c>
      <c r="B133539" s="14" t="s">
        <v>1</v>
      </c>
      <c r="C133539" s="14" t="s">
        <v>596</v>
      </c>
      <c r="D133539" s="14" t="s">
        <v>94</v>
      </c>
      <c r="E133539" s="15">
        <v>45690</v>
      </c>
      <c r="F133539" s="14" t="s">
        <v>15</v>
      </c>
      <c r="G133539" s="16">
        <v>0</v>
      </c>
    </row>
    <row r="133540" spans="1:7" x14ac:dyDescent="0.3">
      <c r="A133540" s="13" t="s">
        <v>603</v>
      </c>
      <c r="B133540" s="14" t="s">
        <v>1</v>
      </c>
      <c r="C133540" s="14" t="s">
        <v>596</v>
      </c>
      <c r="D133540" s="14" t="s">
        <v>94</v>
      </c>
      <c r="E133540" s="15">
        <v>45691</v>
      </c>
      <c r="F133540" s="14" t="s">
        <v>15</v>
      </c>
      <c r="G133540" s="16">
        <v>0</v>
      </c>
    </row>
    <row r="133541" spans="1:7" x14ac:dyDescent="0.3">
      <c r="A133541" s="13" t="s">
        <v>603</v>
      </c>
      <c r="B133541" s="14" t="s">
        <v>1</v>
      </c>
      <c r="C133541" s="14" t="s">
        <v>596</v>
      </c>
      <c r="D133541" s="14" t="s">
        <v>94</v>
      </c>
      <c r="E133541" s="15">
        <v>45692</v>
      </c>
      <c r="F133541" s="14" t="s">
        <v>15</v>
      </c>
      <c r="G133541" s="16">
        <v>0</v>
      </c>
    </row>
    <row r="133542" spans="1:7" x14ac:dyDescent="0.3">
      <c r="A133542" s="13" t="s">
        <v>603</v>
      </c>
      <c r="B133542" s="14" t="s">
        <v>1</v>
      </c>
      <c r="C133542" s="14" t="s">
        <v>596</v>
      </c>
      <c r="D133542" s="14" t="s">
        <v>94</v>
      </c>
      <c r="E133542" s="15">
        <v>45693</v>
      </c>
      <c r="F133542" s="14" t="s">
        <v>15</v>
      </c>
      <c r="G133542" s="16">
        <v>0</v>
      </c>
    </row>
    <row r="133543" spans="1:7" x14ac:dyDescent="0.3">
      <c r="A133543" s="13" t="s">
        <v>603</v>
      </c>
      <c r="B133543" s="14" t="s">
        <v>1</v>
      </c>
      <c r="C133543" s="14" t="s">
        <v>596</v>
      </c>
      <c r="D133543" s="14" t="s">
        <v>94</v>
      </c>
      <c r="E133543" s="15">
        <v>45694</v>
      </c>
      <c r="F133543" s="14" t="s">
        <v>15</v>
      </c>
      <c r="G133543" s="16">
        <v>0</v>
      </c>
    </row>
    <row r="133544" spans="1:7" x14ac:dyDescent="0.3">
      <c r="A133544" s="13" t="s">
        <v>603</v>
      </c>
      <c r="B133544" s="14" t="s">
        <v>1</v>
      </c>
      <c r="C133544" s="14" t="s">
        <v>596</v>
      </c>
      <c r="D133544" s="14" t="s">
        <v>94</v>
      </c>
      <c r="E133544" s="15">
        <v>45695</v>
      </c>
      <c r="F133544" s="14" t="s">
        <v>15</v>
      </c>
      <c r="G133544" s="16">
        <v>0</v>
      </c>
    </row>
    <row r="133545" spans="1:7" x14ac:dyDescent="0.3">
      <c r="A133545" s="13" t="s">
        <v>603</v>
      </c>
      <c r="B133545" s="14" t="s">
        <v>1</v>
      </c>
      <c r="C133545" s="14" t="s">
        <v>596</v>
      </c>
      <c r="D133545" s="14" t="s">
        <v>94</v>
      </c>
      <c r="E133545" s="15">
        <v>45696</v>
      </c>
      <c r="F133545" s="14" t="s">
        <v>15</v>
      </c>
      <c r="G133545" s="16">
        <v>0</v>
      </c>
    </row>
    <row r="133546" spans="1:7" x14ac:dyDescent="0.3">
      <c r="A133546" s="13" t="s">
        <v>603</v>
      </c>
      <c r="B133546" s="14" t="s">
        <v>1</v>
      </c>
      <c r="C133546" s="14" t="s">
        <v>596</v>
      </c>
      <c r="D133546" s="14" t="s">
        <v>94</v>
      </c>
      <c r="E133546" s="15">
        <v>45697</v>
      </c>
      <c r="F133546" s="14" t="s">
        <v>15</v>
      </c>
      <c r="G133546" s="16">
        <v>0</v>
      </c>
    </row>
    <row r="133547" spans="1:7" x14ac:dyDescent="0.3">
      <c r="A133547" s="13" t="s">
        <v>603</v>
      </c>
      <c r="B133547" s="14" t="s">
        <v>1</v>
      </c>
      <c r="C133547" s="14" t="s">
        <v>596</v>
      </c>
      <c r="D133547" s="14" t="s">
        <v>94</v>
      </c>
      <c r="E133547" s="15">
        <v>45698</v>
      </c>
      <c r="F133547" s="14" t="s">
        <v>15</v>
      </c>
      <c r="G133547" s="16">
        <v>0</v>
      </c>
    </row>
    <row r="133548" spans="1:7" x14ac:dyDescent="0.3">
      <c r="A133548" s="13" t="s">
        <v>603</v>
      </c>
      <c r="B133548" s="14" t="s">
        <v>1</v>
      </c>
      <c r="C133548" s="14" t="s">
        <v>596</v>
      </c>
      <c r="D133548" s="14" t="s">
        <v>94</v>
      </c>
      <c r="E133548" s="15">
        <v>45699</v>
      </c>
      <c r="F133548" s="14" t="s">
        <v>15</v>
      </c>
      <c r="G133548" s="16">
        <v>0</v>
      </c>
    </row>
    <row r="133549" spans="1:7" x14ac:dyDescent="0.3">
      <c r="A133549" s="13" t="s">
        <v>603</v>
      </c>
      <c r="B133549" s="14" t="s">
        <v>1</v>
      </c>
      <c r="C133549" s="14" t="s">
        <v>596</v>
      </c>
      <c r="D133549" s="14" t="s">
        <v>94</v>
      </c>
      <c r="E133549" s="15">
        <v>45700</v>
      </c>
      <c r="F133549" s="14" t="s">
        <v>15</v>
      </c>
      <c r="G133549" s="16">
        <v>0</v>
      </c>
    </row>
    <row r="133550" spans="1:7" x14ac:dyDescent="0.3">
      <c r="A133550" s="13" t="s">
        <v>603</v>
      </c>
      <c r="B133550" s="14" t="s">
        <v>1</v>
      </c>
      <c r="C133550" s="14" t="s">
        <v>596</v>
      </c>
      <c r="D133550" s="14" t="s">
        <v>94</v>
      </c>
      <c r="E133550" s="15">
        <v>45701</v>
      </c>
      <c r="F133550" s="14" t="s">
        <v>15</v>
      </c>
      <c r="G133550" s="16">
        <v>0</v>
      </c>
    </row>
    <row r="133551" spans="1:7" x14ac:dyDescent="0.3">
      <c r="A133551" s="13" t="s">
        <v>603</v>
      </c>
      <c r="B133551" s="14" t="s">
        <v>1</v>
      </c>
      <c r="C133551" s="14" t="s">
        <v>596</v>
      </c>
      <c r="D133551" s="14" t="s">
        <v>94</v>
      </c>
      <c r="E133551" s="15">
        <v>45702</v>
      </c>
      <c r="F133551" s="14" t="s">
        <v>15</v>
      </c>
      <c r="G133551" s="16">
        <v>0</v>
      </c>
    </row>
    <row r="133552" spans="1:7" x14ac:dyDescent="0.3">
      <c r="A133552" s="13" t="s">
        <v>603</v>
      </c>
      <c r="B133552" s="14" t="s">
        <v>1</v>
      </c>
      <c r="C133552" s="14" t="s">
        <v>596</v>
      </c>
      <c r="D133552" s="14" t="s">
        <v>94</v>
      </c>
      <c r="E133552" s="15">
        <v>45703</v>
      </c>
      <c r="F133552" s="14" t="s">
        <v>15</v>
      </c>
      <c r="G133552" s="16">
        <v>0</v>
      </c>
    </row>
    <row r="133553" spans="1:7" x14ac:dyDescent="0.3">
      <c r="A133553" s="13" t="s">
        <v>603</v>
      </c>
      <c r="B133553" s="14" t="s">
        <v>1</v>
      </c>
      <c r="C133553" s="14" t="s">
        <v>596</v>
      </c>
      <c r="D133553" s="14" t="s">
        <v>94</v>
      </c>
      <c r="E133553" s="15">
        <v>45704</v>
      </c>
      <c r="F133553" s="14" t="s">
        <v>15</v>
      </c>
      <c r="G133553" s="16">
        <v>0</v>
      </c>
    </row>
    <row r="133554" spans="1:7" x14ac:dyDescent="0.3">
      <c r="A133554" s="13" t="s">
        <v>603</v>
      </c>
      <c r="B133554" s="14" t="s">
        <v>1</v>
      </c>
      <c r="C133554" s="14" t="s">
        <v>596</v>
      </c>
      <c r="D133554" s="14" t="s">
        <v>94</v>
      </c>
      <c r="E133554" s="15">
        <v>45705</v>
      </c>
      <c r="F133554" s="14" t="s">
        <v>15</v>
      </c>
      <c r="G133554" s="16">
        <v>0</v>
      </c>
    </row>
    <row r="133555" spans="1:7" x14ac:dyDescent="0.3">
      <c r="A133555" s="13" t="s">
        <v>603</v>
      </c>
      <c r="B133555" s="14" t="s">
        <v>1</v>
      </c>
      <c r="C133555" s="14" t="s">
        <v>596</v>
      </c>
      <c r="D133555" s="14" t="s">
        <v>94</v>
      </c>
      <c r="E133555" s="15">
        <v>45706</v>
      </c>
      <c r="F133555" s="14" t="s">
        <v>15</v>
      </c>
      <c r="G133555" s="16">
        <v>0</v>
      </c>
    </row>
    <row r="133556" spans="1:7" x14ac:dyDescent="0.3">
      <c r="A133556" s="13" t="s">
        <v>603</v>
      </c>
      <c r="B133556" s="14" t="s">
        <v>1</v>
      </c>
      <c r="C133556" s="14" t="s">
        <v>596</v>
      </c>
      <c r="D133556" s="14" t="s">
        <v>94</v>
      </c>
      <c r="E133556" s="15">
        <v>45707</v>
      </c>
      <c r="F133556" s="14" t="s">
        <v>15</v>
      </c>
      <c r="G133556" s="16">
        <v>0</v>
      </c>
    </row>
    <row r="133557" spans="1:7" x14ac:dyDescent="0.3">
      <c r="A133557" s="13" t="s">
        <v>603</v>
      </c>
      <c r="B133557" s="14" t="s">
        <v>1</v>
      </c>
      <c r="C133557" s="14" t="s">
        <v>596</v>
      </c>
      <c r="D133557" s="14" t="s">
        <v>94</v>
      </c>
      <c r="E133557" s="15">
        <v>45708</v>
      </c>
      <c r="F133557" s="14" t="s">
        <v>15</v>
      </c>
      <c r="G133557" s="16">
        <v>0</v>
      </c>
    </row>
    <row r="133558" spans="1:7" x14ac:dyDescent="0.3">
      <c r="A133558" s="13" t="s">
        <v>603</v>
      </c>
      <c r="B133558" s="14" t="s">
        <v>1</v>
      </c>
      <c r="C133558" s="14" t="s">
        <v>596</v>
      </c>
      <c r="D133558" s="14" t="s">
        <v>94</v>
      </c>
      <c r="E133558" s="15">
        <v>45709</v>
      </c>
      <c r="F133558" s="14" t="s">
        <v>15</v>
      </c>
      <c r="G133558" s="16">
        <v>0</v>
      </c>
    </row>
    <row r="133559" spans="1:7" x14ac:dyDescent="0.3">
      <c r="A133559" s="13" t="s">
        <v>603</v>
      </c>
      <c r="B133559" s="14" t="s">
        <v>1</v>
      </c>
      <c r="C133559" s="14" t="s">
        <v>596</v>
      </c>
      <c r="D133559" s="14" t="s">
        <v>94</v>
      </c>
      <c r="E133559" s="15">
        <v>45710</v>
      </c>
      <c r="F133559" s="14" t="s">
        <v>15</v>
      </c>
      <c r="G133559" s="16">
        <v>0</v>
      </c>
    </row>
    <row r="133560" spans="1:7" x14ac:dyDescent="0.3">
      <c r="A133560" s="13" t="s">
        <v>603</v>
      </c>
      <c r="B133560" s="14" t="s">
        <v>1</v>
      </c>
      <c r="C133560" s="14" t="s">
        <v>596</v>
      </c>
      <c r="D133560" s="14" t="s">
        <v>94</v>
      </c>
      <c r="E133560" s="15">
        <v>45711</v>
      </c>
      <c r="F133560" s="14" t="s">
        <v>15</v>
      </c>
      <c r="G133560" s="16">
        <v>0</v>
      </c>
    </row>
    <row r="133561" spans="1:7" x14ac:dyDescent="0.3">
      <c r="A133561" s="13" t="s">
        <v>603</v>
      </c>
      <c r="B133561" s="14" t="s">
        <v>1</v>
      </c>
      <c r="C133561" s="14" t="s">
        <v>596</v>
      </c>
      <c r="D133561" s="14" t="s">
        <v>94</v>
      </c>
      <c r="E133561" s="15">
        <v>45712</v>
      </c>
      <c r="F133561" s="14" t="s">
        <v>15</v>
      </c>
      <c r="G133561" s="16">
        <v>0</v>
      </c>
    </row>
    <row r="133562" spans="1:7" x14ac:dyDescent="0.3">
      <c r="A133562" s="13" t="s">
        <v>603</v>
      </c>
      <c r="B133562" s="14" t="s">
        <v>1</v>
      </c>
      <c r="C133562" s="14" t="s">
        <v>596</v>
      </c>
      <c r="D133562" s="14" t="s">
        <v>94</v>
      </c>
      <c r="E133562" s="15">
        <v>45713</v>
      </c>
      <c r="F133562" s="14" t="s">
        <v>15</v>
      </c>
      <c r="G133562" s="16">
        <v>0</v>
      </c>
    </row>
    <row r="133563" spans="1:7" x14ac:dyDescent="0.3">
      <c r="A133563" s="13" t="s">
        <v>603</v>
      </c>
      <c r="B133563" s="14" t="s">
        <v>1</v>
      </c>
      <c r="C133563" s="14" t="s">
        <v>596</v>
      </c>
      <c r="D133563" s="14" t="s">
        <v>94</v>
      </c>
      <c r="E133563" s="15">
        <v>45714</v>
      </c>
      <c r="F133563" s="14" t="s">
        <v>15</v>
      </c>
      <c r="G133563" s="16">
        <v>0</v>
      </c>
    </row>
    <row r="133564" spans="1:7" x14ac:dyDescent="0.3">
      <c r="A133564" s="13" t="s">
        <v>603</v>
      </c>
      <c r="B133564" s="14" t="s">
        <v>1</v>
      </c>
      <c r="C133564" s="14" t="s">
        <v>596</v>
      </c>
      <c r="D133564" s="14" t="s">
        <v>94</v>
      </c>
      <c r="E133564" s="15">
        <v>45715</v>
      </c>
      <c r="F133564" s="14" t="s">
        <v>15</v>
      </c>
      <c r="G133564" s="16">
        <v>0</v>
      </c>
    </row>
    <row r="133565" spans="1:7" x14ac:dyDescent="0.3">
      <c r="A133565" s="13" t="s">
        <v>603</v>
      </c>
      <c r="B133565" s="14" t="s">
        <v>1</v>
      </c>
      <c r="C133565" s="14" t="s">
        <v>596</v>
      </c>
      <c r="D133565" s="14" t="s">
        <v>94</v>
      </c>
      <c r="E133565" s="15">
        <v>45716</v>
      </c>
      <c r="F133565" s="14" t="s">
        <v>15</v>
      </c>
      <c r="G133565" s="16">
        <v>0</v>
      </c>
    </row>
    <row r="133566" spans="1:7" x14ac:dyDescent="0.3">
      <c r="A133566" s="13" t="s">
        <v>603</v>
      </c>
      <c r="B133566" s="14" t="s">
        <v>1</v>
      </c>
      <c r="C133566" s="14" t="s">
        <v>596</v>
      </c>
      <c r="D133566" s="14" t="s">
        <v>94</v>
      </c>
      <c r="E133566" s="15">
        <v>45717</v>
      </c>
      <c r="F133566" s="14" t="s">
        <v>15</v>
      </c>
      <c r="G133566" s="16">
        <v>0</v>
      </c>
    </row>
    <row r="133567" spans="1:7" x14ac:dyDescent="0.3">
      <c r="A133567" s="13" t="s">
        <v>603</v>
      </c>
      <c r="B133567" s="14" t="s">
        <v>1</v>
      </c>
      <c r="C133567" s="14" t="s">
        <v>596</v>
      </c>
      <c r="D133567" s="14" t="s">
        <v>94</v>
      </c>
      <c r="E133567" s="15">
        <v>45718</v>
      </c>
      <c r="F133567" s="14" t="s">
        <v>15</v>
      </c>
      <c r="G133567" s="16">
        <v>0</v>
      </c>
    </row>
    <row r="133568" spans="1:7" x14ac:dyDescent="0.3">
      <c r="A133568" s="13" t="s">
        <v>603</v>
      </c>
      <c r="B133568" s="14" t="s">
        <v>1</v>
      </c>
      <c r="C133568" s="14" t="s">
        <v>596</v>
      </c>
      <c r="D133568" s="14" t="s">
        <v>94</v>
      </c>
      <c r="E133568" s="15">
        <v>45719</v>
      </c>
      <c r="F133568" s="14" t="s">
        <v>15</v>
      </c>
      <c r="G133568" s="16">
        <v>0</v>
      </c>
    </row>
    <row r="133569" spans="1:7" x14ac:dyDescent="0.3">
      <c r="A133569" s="13" t="s">
        <v>603</v>
      </c>
      <c r="B133569" s="14" t="s">
        <v>1</v>
      </c>
      <c r="C133569" s="14" t="s">
        <v>596</v>
      </c>
      <c r="D133569" s="14" t="s">
        <v>94</v>
      </c>
      <c r="E133569" s="15">
        <v>45720</v>
      </c>
      <c r="F133569" s="14" t="s">
        <v>15</v>
      </c>
      <c r="G133569" s="16">
        <v>0</v>
      </c>
    </row>
    <row r="133570" spans="1:7" x14ac:dyDescent="0.3">
      <c r="A133570" s="13" t="s">
        <v>603</v>
      </c>
      <c r="B133570" s="14" t="s">
        <v>1</v>
      </c>
      <c r="C133570" s="14" t="s">
        <v>596</v>
      </c>
      <c r="D133570" s="14" t="s">
        <v>94</v>
      </c>
      <c r="E133570" s="15">
        <v>45721</v>
      </c>
      <c r="F133570" s="14" t="s">
        <v>15</v>
      </c>
      <c r="G133570" s="16">
        <v>0</v>
      </c>
    </row>
    <row r="133571" spans="1:7" x14ac:dyDescent="0.3">
      <c r="A133571" s="13" t="s">
        <v>603</v>
      </c>
      <c r="B133571" s="14" t="s">
        <v>1</v>
      </c>
      <c r="C133571" s="14" t="s">
        <v>596</v>
      </c>
      <c r="D133571" s="14" t="s">
        <v>94</v>
      </c>
      <c r="E133571" s="15">
        <v>45722</v>
      </c>
      <c r="F133571" s="14" t="s">
        <v>15</v>
      </c>
      <c r="G133571" s="16">
        <v>0</v>
      </c>
    </row>
    <row r="133572" spans="1:7" x14ac:dyDescent="0.3">
      <c r="A133572" s="13" t="s">
        <v>603</v>
      </c>
      <c r="B133572" s="14" t="s">
        <v>1</v>
      </c>
      <c r="C133572" s="14" t="s">
        <v>596</v>
      </c>
      <c r="D133572" s="14" t="s">
        <v>94</v>
      </c>
      <c r="E133572" s="15">
        <v>45723</v>
      </c>
      <c r="F133572" s="14" t="s">
        <v>15</v>
      </c>
      <c r="G133572" s="16">
        <v>0</v>
      </c>
    </row>
    <row r="133573" spans="1:7" x14ac:dyDescent="0.3">
      <c r="A133573" s="13" t="s">
        <v>603</v>
      </c>
      <c r="B133573" s="14" t="s">
        <v>1</v>
      </c>
      <c r="C133573" s="14" t="s">
        <v>596</v>
      </c>
      <c r="D133573" s="14" t="s">
        <v>94</v>
      </c>
      <c r="E133573" s="15">
        <v>45724</v>
      </c>
      <c r="F133573" s="14" t="s">
        <v>15</v>
      </c>
      <c r="G133573" s="16">
        <v>0</v>
      </c>
    </row>
    <row r="133574" spans="1:7" x14ac:dyDescent="0.3">
      <c r="A133574" s="13" t="s">
        <v>603</v>
      </c>
      <c r="B133574" s="14" t="s">
        <v>1</v>
      </c>
      <c r="C133574" s="14" t="s">
        <v>596</v>
      </c>
      <c r="D133574" s="14" t="s">
        <v>94</v>
      </c>
      <c r="E133574" s="15">
        <v>45725</v>
      </c>
      <c r="F133574" s="14" t="s">
        <v>15</v>
      </c>
      <c r="G133574" s="16">
        <v>0</v>
      </c>
    </row>
    <row r="133575" spans="1:7" x14ac:dyDescent="0.3">
      <c r="A133575" s="13" t="s">
        <v>603</v>
      </c>
      <c r="B133575" s="14" t="s">
        <v>1</v>
      </c>
      <c r="C133575" s="14" t="s">
        <v>596</v>
      </c>
      <c r="D133575" s="14" t="s">
        <v>94</v>
      </c>
      <c r="E133575" s="15">
        <v>45726</v>
      </c>
      <c r="F133575" s="14" t="s">
        <v>15</v>
      </c>
      <c r="G133575" s="16">
        <v>0</v>
      </c>
    </row>
    <row r="133576" spans="1:7" x14ac:dyDescent="0.3">
      <c r="A133576" s="13" t="s">
        <v>603</v>
      </c>
      <c r="B133576" s="14" t="s">
        <v>1</v>
      </c>
      <c r="C133576" s="14" t="s">
        <v>596</v>
      </c>
      <c r="D133576" s="14" t="s">
        <v>94</v>
      </c>
      <c r="E133576" s="15">
        <v>45727</v>
      </c>
      <c r="F133576" s="14" t="s">
        <v>15</v>
      </c>
      <c r="G133576" s="16">
        <v>0</v>
      </c>
    </row>
    <row r="133577" spans="1:7" x14ac:dyDescent="0.3">
      <c r="A133577" s="13" t="s">
        <v>603</v>
      </c>
      <c r="B133577" s="14" t="s">
        <v>1</v>
      </c>
      <c r="C133577" s="14" t="s">
        <v>596</v>
      </c>
      <c r="D133577" s="14" t="s">
        <v>94</v>
      </c>
      <c r="E133577" s="15">
        <v>45728</v>
      </c>
      <c r="F133577" s="14" t="s">
        <v>15</v>
      </c>
      <c r="G133577" s="16">
        <v>0</v>
      </c>
    </row>
    <row r="133578" spans="1:7" x14ac:dyDescent="0.3">
      <c r="A133578" s="13" t="s">
        <v>603</v>
      </c>
      <c r="B133578" s="14" t="s">
        <v>1</v>
      </c>
      <c r="C133578" s="14" t="s">
        <v>596</v>
      </c>
      <c r="D133578" s="14" t="s">
        <v>94</v>
      </c>
      <c r="E133578" s="15">
        <v>45729</v>
      </c>
      <c r="F133578" s="14" t="s">
        <v>15</v>
      </c>
      <c r="G133578" s="16">
        <v>0</v>
      </c>
    </row>
    <row r="133579" spans="1:7" x14ac:dyDescent="0.3">
      <c r="A133579" s="13" t="s">
        <v>603</v>
      </c>
      <c r="B133579" s="14" t="s">
        <v>1</v>
      </c>
      <c r="C133579" s="14" t="s">
        <v>596</v>
      </c>
      <c r="D133579" s="14" t="s">
        <v>94</v>
      </c>
      <c r="E133579" s="15">
        <v>45730</v>
      </c>
      <c r="F133579" s="14" t="s">
        <v>15</v>
      </c>
      <c r="G133579" s="16">
        <v>0</v>
      </c>
    </row>
    <row r="133580" spans="1:7" x14ac:dyDescent="0.3">
      <c r="A133580" s="13" t="s">
        <v>603</v>
      </c>
      <c r="B133580" s="14" t="s">
        <v>1</v>
      </c>
      <c r="C133580" s="14" t="s">
        <v>596</v>
      </c>
      <c r="D133580" s="14" t="s">
        <v>94</v>
      </c>
      <c r="E133580" s="15">
        <v>45731</v>
      </c>
      <c r="F133580" s="14" t="s">
        <v>15</v>
      </c>
      <c r="G133580" s="16">
        <v>0</v>
      </c>
    </row>
    <row r="133581" spans="1:7" x14ac:dyDescent="0.3">
      <c r="A133581" s="13" t="s">
        <v>603</v>
      </c>
      <c r="B133581" s="14" t="s">
        <v>1</v>
      </c>
      <c r="C133581" s="14" t="s">
        <v>596</v>
      </c>
      <c r="D133581" s="14" t="s">
        <v>94</v>
      </c>
      <c r="E133581" s="15">
        <v>45732</v>
      </c>
      <c r="F133581" s="14" t="s">
        <v>15</v>
      </c>
      <c r="G133581" s="16">
        <v>0</v>
      </c>
    </row>
    <row r="133582" spans="1:7" x14ac:dyDescent="0.3">
      <c r="A133582" s="13" t="s">
        <v>603</v>
      </c>
      <c r="B133582" s="14" t="s">
        <v>1</v>
      </c>
      <c r="C133582" s="14" t="s">
        <v>596</v>
      </c>
      <c r="D133582" s="14" t="s">
        <v>94</v>
      </c>
      <c r="E133582" s="15">
        <v>45733</v>
      </c>
      <c r="F133582" s="14" t="s">
        <v>15</v>
      </c>
      <c r="G133582" s="16">
        <v>0</v>
      </c>
    </row>
    <row r="133583" spans="1:7" x14ac:dyDescent="0.3">
      <c r="A133583" s="13" t="s">
        <v>603</v>
      </c>
      <c r="B133583" s="14" t="s">
        <v>1</v>
      </c>
      <c r="C133583" s="14" t="s">
        <v>596</v>
      </c>
      <c r="D133583" s="14" t="s">
        <v>94</v>
      </c>
      <c r="E133583" s="15">
        <v>45734</v>
      </c>
      <c r="F133583" s="14" t="s">
        <v>15</v>
      </c>
      <c r="G133583" s="16">
        <v>0</v>
      </c>
    </row>
    <row r="133584" spans="1:7" x14ac:dyDescent="0.3">
      <c r="A133584" s="13" t="s">
        <v>603</v>
      </c>
      <c r="B133584" s="14" t="s">
        <v>1</v>
      </c>
      <c r="C133584" s="14" t="s">
        <v>596</v>
      </c>
      <c r="D133584" s="14" t="s">
        <v>94</v>
      </c>
      <c r="E133584" s="15">
        <v>45735</v>
      </c>
      <c r="F133584" s="14" t="s">
        <v>15</v>
      </c>
      <c r="G133584" s="16">
        <v>0</v>
      </c>
    </row>
    <row r="133585" spans="1:7" x14ac:dyDescent="0.3">
      <c r="A133585" s="13" t="s">
        <v>603</v>
      </c>
      <c r="B133585" s="14" t="s">
        <v>1</v>
      </c>
      <c r="C133585" s="14" t="s">
        <v>596</v>
      </c>
      <c r="D133585" s="14" t="s">
        <v>94</v>
      </c>
      <c r="E133585" s="15">
        <v>45736</v>
      </c>
      <c r="F133585" s="14" t="s">
        <v>15</v>
      </c>
      <c r="G133585" s="16">
        <v>0</v>
      </c>
    </row>
    <row r="133586" spans="1:7" x14ac:dyDescent="0.3">
      <c r="A133586" s="13" t="s">
        <v>603</v>
      </c>
      <c r="B133586" s="14" t="s">
        <v>1</v>
      </c>
      <c r="C133586" s="14" t="s">
        <v>596</v>
      </c>
      <c r="D133586" s="14" t="s">
        <v>94</v>
      </c>
      <c r="E133586" s="15">
        <v>45737</v>
      </c>
      <c r="F133586" s="14" t="s">
        <v>15</v>
      </c>
      <c r="G133586" s="16">
        <v>0</v>
      </c>
    </row>
    <row r="133587" spans="1:7" x14ac:dyDescent="0.3">
      <c r="A133587" s="13" t="s">
        <v>603</v>
      </c>
      <c r="B133587" s="14" t="s">
        <v>1</v>
      </c>
      <c r="C133587" s="14" t="s">
        <v>596</v>
      </c>
      <c r="D133587" s="14" t="s">
        <v>94</v>
      </c>
      <c r="E133587" s="15">
        <v>45738</v>
      </c>
      <c r="F133587" s="14" t="s">
        <v>15</v>
      </c>
      <c r="G133587" s="16">
        <v>0</v>
      </c>
    </row>
    <row r="133588" spans="1:7" x14ac:dyDescent="0.3">
      <c r="A133588" s="13" t="s">
        <v>603</v>
      </c>
      <c r="B133588" s="14" t="s">
        <v>1</v>
      </c>
      <c r="C133588" s="14" t="s">
        <v>596</v>
      </c>
      <c r="D133588" s="14" t="s">
        <v>94</v>
      </c>
      <c r="E133588" s="15">
        <v>45739</v>
      </c>
      <c r="F133588" s="14" t="s">
        <v>15</v>
      </c>
      <c r="G133588" s="16">
        <v>0</v>
      </c>
    </row>
    <row r="133589" spans="1:7" x14ac:dyDescent="0.3">
      <c r="A133589" s="13" t="s">
        <v>603</v>
      </c>
      <c r="B133589" s="14" t="s">
        <v>1</v>
      </c>
      <c r="C133589" s="14" t="s">
        <v>596</v>
      </c>
      <c r="D133589" s="14" t="s">
        <v>94</v>
      </c>
      <c r="E133589" s="15">
        <v>45740</v>
      </c>
      <c r="F133589" s="14" t="s">
        <v>15</v>
      </c>
      <c r="G133589" s="16">
        <v>0</v>
      </c>
    </row>
    <row r="133590" spans="1:7" x14ac:dyDescent="0.3">
      <c r="A133590" s="13" t="s">
        <v>603</v>
      </c>
      <c r="B133590" s="14" t="s">
        <v>1</v>
      </c>
      <c r="C133590" s="14" t="s">
        <v>596</v>
      </c>
      <c r="D133590" s="14" t="s">
        <v>94</v>
      </c>
      <c r="E133590" s="15">
        <v>45741</v>
      </c>
      <c r="F133590" s="14" t="s">
        <v>15</v>
      </c>
      <c r="G133590" s="16">
        <v>0</v>
      </c>
    </row>
    <row r="133591" spans="1:7" x14ac:dyDescent="0.3">
      <c r="A133591" s="13" t="s">
        <v>603</v>
      </c>
      <c r="B133591" s="14" t="s">
        <v>1</v>
      </c>
      <c r="C133591" s="14" t="s">
        <v>596</v>
      </c>
      <c r="D133591" s="14" t="s">
        <v>94</v>
      </c>
      <c r="E133591" s="15">
        <v>45742</v>
      </c>
      <c r="F133591" s="14" t="s">
        <v>15</v>
      </c>
      <c r="G133591" s="16">
        <v>0</v>
      </c>
    </row>
    <row r="133592" spans="1:7" x14ac:dyDescent="0.3">
      <c r="A133592" s="13" t="s">
        <v>603</v>
      </c>
      <c r="B133592" s="14" t="s">
        <v>1</v>
      </c>
      <c r="C133592" s="14" t="s">
        <v>596</v>
      </c>
      <c r="D133592" s="14" t="s">
        <v>94</v>
      </c>
      <c r="E133592" s="15">
        <v>45743</v>
      </c>
      <c r="F133592" s="14" t="s">
        <v>15</v>
      </c>
      <c r="G133592" s="16">
        <v>0</v>
      </c>
    </row>
    <row r="133593" spans="1:7" x14ac:dyDescent="0.3">
      <c r="A133593" s="13" t="s">
        <v>603</v>
      </c>
      <c r="B133593" s="14" t="s">
        <v>1</v>
      </c>
      <c r="C133593" s="14" t="s">
        <v>596</v>
      </c>
      <c r="D133593" s="14" t="s">
        <v>94</v>
      </c>
      <c r="E133593" s="15">
        <v>45744</v>
      </c>
      <c r="F133593" s="14" t="s">
        <v>15</v>
      </c>
      <c r="G133593" s="16">
        <v>0</v>
      </c>
    </row>
    <row r="133594" spans="1:7" x14ac:dyDescent="0.3">
      <c r="A133594" s="13" t="s">
        <v>603</v>
      </c>
      <c r="B133594" s="14" t="s">
        <v>1</v>
      </c>
      <c r="C133594" s="14" t="s">
        <v>596</v>
      </c>
      <c r="D133594" s="14" t="s">
        <v>94</v>
      </c>
      <c r="E133594" s="15">
        <v>45745</v>
      </c>
      <c r="F133594" s="14" t="s">
        <v>15</v>
      </c>
      <c r="G133594" s="16">
        <v>0</v>
      </c>
    </row>
    <row r="133595" spans="1:7" x14ac:dyDescent="0.3">
      <c r="A133595" s="13" t="s">
        <v>603</v>
      </c>
      <c r="B133595" s="14" t="s">
        <v>1</v>
      </c>
      <c r="C133595" s="14" t="s">
        <v>596</v>
      </c>
      <c r="D133595" s="14" t="s">
        <v>94</v>
      </c>
      <c r="E133595" s="15">
        <v>45746</v>
      </c>
      <c r="F133595" s="14" t="s">
        <v>15</v>
      </c>
      <c r="G133595" s="16">
        <v>0</v>
      </c>
    </row>
    <row r="133596" spans="1:7" x14ac:dyDescent="0.3">
      <c r="A133596" s="13" t="s">
        <v>603</v>
      </c>
      <c r="B133596" s="14" t="s">
        <v>1</v>
      </c>
      <c r="C133596" s="14" t="s">
        <v>596</v>
      </c>
      <c r="D133596" s="14" t="s">
        <v>94</v>
      </c>
      <c r="E133596" s="15">
        <v>45747</v>
      </c>
      <c r="F133596" s="14" t="s">
        <v>15</v>
      </c>
      <c r="G133596" s="16">
        <v>0</v>
      </c>
    </row>
    <row r="133597" spans="1:7" x14ac:dyDescent="0.3">
      <c r="A133597" s="13" t="s">
        <v>604</v>
      </c>
      <c r="B133597" s="14" t="s">
        <v>1</v>
      </c>
      <c r="C133597" s="14" t="s">
        <v>596</v>
      </c>
      <c r="D133597" s="14" t="s">
        <v>146</v>
      </c>
      <c r="E133597" s="15">
        <v>45383</v>
      </c>
      <c r="F133597" s="14" t="s">
        <v>61</v>
      </c>
      <c r="G133597" s="16">
        <v>0</v>
      </c>
    </row>
    <row r="133598" spans="1:7" x14ac:dyDescent="0.3">
      <c r="A133598" s="13" t="s">
        <v>604</v>
      </c>
      <c r="B133598" s="14" t="s">
        <v>1</v>
      </c>
      <c r="C133598" s="14" t="s">
        <v>596</v>
      </c>
      <c r="D133598" s="14" t="s">
        <v>146</v>
      </c>
      <c r="E133598" s="15">
        <v>45384</v>
      </c>
      <c r="F133598" s="14" t="s">
        <v>61</v>
      </c>
      <c r="G133598" s="16">
        <v>0</v>
      </c>
    </row>
    <row r="133599" spans="1:7" x14ac:dyDescent="0.3">
      <c r="A133599" s="13" t="s">
        <v>604</v>
      </c>
      <c r="B133599" s="14" t="s">
        <v>1</v>
      </c>
      <c r="C133599" s="14" t="s">
        <v>596</v>
      </c>
      <c r="D133599" s="14" t="s">
        <v>146</v>
      </c>
      <c r="E133599" s="15">
        <v>45385</v>
      </c>
      <c r="F133599" s="14" t="s">
        <v>61</v>
      </c>
      <c r="G133599" s="16">
        <v>0</v>
      </c>
    </row>
    <row r="133600" spans="1:7" x14ac:dyDescent="0.3">
      <c r="A133600" s="13" t="s">
        <v>604</v>
      </c>
      <c r="B133600" s="14" t="s">
        <v>1</v>
      </c>
      <c r="C133600" s="14" t="s">
        <v>596</v>
      </c>
      <c r="D133600" s="14" t="s">
        <v>146</v>
      </c>
      <c r="E133600" s="15">
        <v>45386</v>
      </c>
      <c r="F133600" s="14" t="s">
        <v>61</v>
      </c>
      <c r="G133600" s="16">
        <v>0</v>
      </c>
    </row>
    <row r="133601" spans="1:7" x14ac:dyDescent="0.3">
      <c r="A133601" s="13" t="s">
        <v>604</v>
      </c>
      <c r="B133601" s="14" t="s">
        <v>1</v>
      </c>
      <c r="C133601" s="14" t="s">
        <v>596</v>
      </c>
      <c r="D133601" s="14" t="s">
        <v>146</v>
      </c>
      <c r="E133601" s="15">
        <v>45387</v>
      </c>
      <c r="F133601" s="14" t="s">
        <v>61</v>
      </c>
      <c r="G133601" s="16">
        <v>0</v>
      </c>
    </row>
    <row r="133602" spans="1:7" x14ac:dyDescent="0.3">
      <c r="A133602" s="13" t="s">
        <v>604</v>
      </c>
      <c r="B133602" s="14" t="s">
        <v>1</v>
      </c>
      <c r="C133602" s="14" t="s">
        <v>596</v>
      </c>
      <c r="D133602" s="14" t="s">
        <v>146</v>
      </c>
      <c r="E133602" s="15">
        <v>45388</v>
      </c>
      <c r="F133602" s="14" t="s">
        <v>61</v>
      </c>
      <c r="G133602" s="16">
        <v>0</v>
      </c>
    </row>
    <row r="133603" spans="1:7" x14ac:dyDescent="0.3">
      <c r="A133603" s="13" t="s">
        <v>604</v>
      </c>
      <c r="B133603" s="14" t="s">
        <v>1</v>
      </c>
      <c r="C133603" s="14" t="s">
        <v>596</v>
      </c>
      <c r="D133603" s="14" t="s">
        <v>146</v>
      </c>
      <c r="E133603" s="15">
        <v>45389</v>
      </c>
      <c r="F133603" s="14" t="s">
        <v>61</v>
      </c>
      <c r="G133603" s="16">
        <v>0</v>
      </c>
    </row>
    <row r="133604" spans="1:7" x14ac:dyDescent="0.3">
      <c r="A133604" s="13" t="s">
        <v>604</v>
      </c>
      <c r="B133604" s="14" t="s">
        <v>1</v>
      </c>
      <c r="C133604" s="14" t="s">
        <v>596</v>
      </c>
      <c r="D133604" s="14" t="s">
        <v>146</v>
      </c>
      <c r="E133604" s="15">
        <v>45390</v>
      </c>
      <c r="F133604" s="14" t="s">
        <v>61</v>
      </c>
      <c r="G133604" s="16">
        <v>0</v>
      </c>
    </row>
    <row r="133605" spans="1:7" x14ac:dyDescent="0.3">
      <c r="A133605" s="13" t="s">
        <v>604</v>
      </c>
      <c r="B133605" s="14" t="s">
        <v>1</v>
      </c>
      <c r="C133605" s="14" t="s">
        <v>596</v>
      </c>
      <c r="D133605" s="14" t="s">
        <v>146</v>
      </c>
      <c r="E133605" s="15">
        <v>45391</v>
      </c>
      <c r="F133605" s="14" t="s">
        <v>61</v>
      </c>
      <c r="G133605" s="16">
        <v>0</v>
      </c>
    </row>
    <row r="133606" spans="1:7" x14ac:dyDescent="0.3">
      <c r="A133606" s="13" t="s">
        <v>604</v>
      </c>
      <c r="B133606" s="14" t="s">
        <v>1</v>
      </c>
      <c r="C133606" s="14" t="s">
        <v>596</v>
      </c>
      <c r="D133606" s="14" t="s">
        <v>146</v>
      </c>
      <c r="E133606" s="15">
        <v>45392</v>
      </c>
      <c r="F133606" s="14" t="s">
        <v>61</v>
      </c>
      <c r="G133606" s="16">
        <v>0</v>
      </c>
    </row>
    <row r="133607" spans="1:7" x14ac:dyDescent="0.3">
      <c r="A133607" s="13" t="s">
        <v>604</v>
      </c>
      <c r="B133607" s="14" t="s">
        <v>1</v>
      </c>
      <c r="C133607" s="14" t="s">
        <v>596</v>
      </c>
      <c r="D133607" s="14" t="s">
        <v>146</v>
      </c>
      <c r="E133607" s="15">
        <v>45393</v>
      </c>
      <c r="F133607" s="14" t="s">
        <v>61</v>
      </c>
      <c r="G133607" s="16">
        <v>0</v>
      </c>
    </row>
    <row r="133608" spans="1:7" x14ac:dyDescent="0.3">
      <c r="A133608" s="13" t="s">
        <v>604</v>
      </c>
      <c r="B133608" s="14" t="s">
        <v>1</v>
      </c>
      <c r="C133608" s="14" t="s">
        <v>596</v>
      </c>
      <c r="D133608" s="14" t="s">
        <v>146</v>
      </c>
      <c r="E133608" s="15">
        <v>45394</v>
      </c>
      <c r="F133608" s="14" t="s">
        <v>61</v>
      </c>
      <c r="G133608" s="16">
        <v>0</v>
      </c>
    </row>
    <row r="133609" spans="1:7" x14ac:dyDescent="0.3">
      <c r="A133609" s="13" t="s">
        <v>604</v>
      </c>
      <c r="B133609" s="14" t="s">
        <v>1</v>
      </c>
      <c r="C133609" s="14" t="s">
        <v>596</v>
      </c>
      <c r="D133609" s="14" t="s">
        <v>146</v>
      </c>
      <c r="E133609" s="15">
        <v>45395</v>
      </c>
      <c r="F133609" s="14" t="s">
        <v>61</v>
      </c>
      <c r="G133609" s="16">
        <v>0</v>
      </c>
    </row>
    <row r="133610" spans="1:7" x14ac:dyDescent="0.3">
      <c r="A133610" s="13" t="s">
        <v>604</v>
      </c>
      <c r="B133610" s="14" t="s">
        <v>1</v>
      </c>
      <c r="C133610" s="14" t="s">
        <v>596</v>
      </c>
      <c r="D133610" s="14" t="s">
        <v>146</v>
      </c>
      <c r="E133610" s="15">
        <v>45396</v>
      </c>
      <c r="F133610" s="14" t="s">
        <v>61</v>
      </c>
      <c r="G133610" s="16">
        <v>0</v>
      </c>
    </row>
    <row r="133611" spans="1:7" x14ac:dyDescent="0.3">
      <c r="A133611" s="13" t="s">
        <v>604</v>
      </c>
      <c r="B133611" s="14" t="s">
        <v>1</v>
      </c>
      <c r="C133611" s="14" t="s">
        <v>596</v>
      </c>
      <c r="D133611" s="14" t="s">
        <v>146</v>
      </c>
      <c r="E133611" s="15">
        <v>45397</v>
      </c>
      <c r="F133611" s="14" t="s">
        <v>61</v>
      </c>
      <c r="G133611" s="16">
        <v>0</v>
      </c>
    </row>
    <row r="133612" spans="1:7" x14ac:dyDescent="0.3">
      <c r="A133612" s="13" t="s">
        <v>604</v>
      </c>
      <c r="B133612" s="14" t="s">
        <v>1</v>
      </c>
      <c r="C133612" s="14" t="s">
        <v>596</v>
      </c>
      <c r="D133612" s="14" t="s">
        <v>146</v>
      </c>
      <c r="E133612" s="15">
        <v>45398</v>
      </c>
      <c r="F133612" s="14" t="s">
        <v>61</v>
      </c>
      <c r="G133612" s="16">
        <v>0</v>
      </c>
    </row>
    <row r="133613" spans="1:7" x14ac:dyDescent="0.3">
      <c r="A133613" s="13" t="s">
        <v>604</v>
      </c>
      <c r="B133613" s="14" t="s">
        <v>1</v>
      </c>
      <c r="C133613" s="14" t="s">
        <v>596</v>
      </c>
      <c r="D133613" s="14" t="s">
        <v>146</v>
      </c>
      <c r="E133613" s="15">
        <v>45399</v>
      </c>
      <c r="F133613" s="14" t="s">
        <v>61</v>
      </c>
      <c r="G133613" s="16">
        <v>0</v>
      </c>
    </row>
    <row r="133614" spans="1:7" x14ac:dyDescent="0.3">
      <c r="A133614" s="13" t="s">
        <v>604</v>
      </c>
      <c r="B133614" s="14" t="s">
        <v>1</v>
      </c>
      <c r="C133614" s="14" t="s">
        <v>596</v>
      </c>
      <c r="D133614" s="14" t="s">
        <v>146</v>
      </c>
      <c r="E133614" s="15">
        <v>45400</v>
      </c>
      <c r="F133614" s="14" t="s">
        <v>61</v>
      </c>
      <c r="G133614" s="16">
        <v>0</v>
      </c>
    </row>
    <row r="133615" spans="1:7" x14ac:dyDescent="0.3">
      <c r="A133615" s="13" t="s">
        <v>604</v>
      </c>
      <c r="B133615" s="14" t="s">
        <v>1</v>
      </c>
      <c r="C133615" s="14" t="s">
        <v>596</v>
      </c>
      <c r="D133615" s="14" t="s">
        <v>146</v>
      </c>
      <c r="E133615" s="15">
        <v>45401</v>
      </c>
      <c r="F133615" s="14" t="s">
        <v>61</v>
      </c>
      <c r="G133615" s="16">
        <v>0</v>
      </c>
    </row>
    <row r="133616" spans="1:7" x14ac:dyDescent="0.3">
      <c r="A133616" s="13" t="s">
        <v>604</v>
      </c>
      <c r="B133616" s="14" t="s">
        <v>1</v>
      </c>
      <c r="C133616" s="14" t="s">
        <v>596</v>
      </c>
      <c r="D133616" s="14" t="s">
        <v>146</v>
      </c>
      <c r="E133616" s="15">
        <v>45402</v>
      </c>
      <c r="F133616" s="14" t="s">
        <v>61</v>
      </c>
      <c r="G133616" s="16">
        <v>0</v>
      </c>
    </row>
    <row r="133617" spans="1:7" x14ac:dyDescent="0.3">
      <c r="A133617" s="13" t="s">
        <v>604</v>
      </c>
      <c r="B133617" s="14" t="s">
        <v>1</v>
      </c>
      <c r="C133617" s="14" t="s">
        <v>596</v>
      </c>
      <c r="D133617" s="14" t="s">
        <v>146</v>
      </c>
      <c r="E133617" s="15">
        <v>45403</v>
      </c>
      <c r="F133617" s="14" t="s">
        <v>61</v>
      </c>
      <c r="G133617" s="16">
        <v>0</v>
      </c>
    </row>
    <row r="133618" spans="1:7" x14ac:dyDescent="0.3">
      <c r="A133618" s="13" t="s">
        <v>604</v>
      </c>
      <c r="B133618" s="14" t="s">
        <v>1</v>
      </c>
      <c r="C133618" s="14" t="s">
        <v>596</v>
      </c>
      <c r="D133618" s="14" t="s">
        <v>146</v>
      </c>
      <c r="E133618" s="15">
        <v>45404</v>
      </c>
      <c r="F133618" s="14" t="s">
        <v>61</v>
      </c>
      <c r="G133618" s="16">
        <v>0</v>
      </c>
    </row>
    <row r="133619" spans="1:7" x14ac:dyDescent="0.3">
      <c r="A133619" s="13" t="s">
        <v>604</v>
      </c>
      <c r="B133619" s="14" t="s">
        <v>1</v>
      </c>
      <c r="C133619" s="14" t="s">
        <v>596</v>
      </c>
      <c r="D133619" s="14" t="s">
        <v>146</v>
      </c>
      <c r="E133619" s="15">
        <v>45405</v>
      </c>
      <c r="F133619" s="14" t="s">
        <v>61</v>
      </c>
      <c r="G133619" s="16">
        <v>0</v>
      </c>
    </row>
    <row r="133620" spans="1:7" x14ac:dyDescent="0.3">
      <c r="A133620" s="13" t="s">
        <v>604</v>
      </c>
      <c r="B133620" s="14" t="s">
        <v>1</v>
      </c>
      <c r="C133620" s="14" t="s">
        <v>596</v>
      </c>
      <c r="D133620" s="14" t="s">
        <v>146</v>
      </c>
      <c r="E133620" s="15">
        <v>45406</v>
      </c>
      <c r="F133620" s="14" t="s">
        <v>61</v>
      </c>
      <c r="G133620" s="16">
        <v>0</v>
      </c>
    </row>
    <row r="133621" spans="1:7" x14ac:dyDescent="0.3">
      <c r="A133621" s="13" t="s">
        <v>604</v>
      </c>
      <c r="B133621" s="14" t="s">
        <v>1</v>
      </c>
      <c r="C133621" s="14" t="s">
        <v>596</v>
      </c>
      <c r="D133621" s="14" t="s">
        <v>146</v>
      </c>
      <c r="E133621" s="15">
        <v>45407</v>
      </c>
      <c r="F133621" s="14" t="s">
        <v>61</v>
      </c>
      <c r="G133621" s="16">
        <v>0</v>
      </c>
    </row>
    <row r="133622" spans="1:7" x14ac:dyDescent="0.3">
      <c r="A133622" s="13" t="s">
        <v>604</v>
      </c>
      <c r="B133622" s="14" t="s">
        <v>1</v>
      </c>
      <c r="C133622" s="14" t="s">
        <v>596</v>
      </c>
      <c r="D133622" s="14" t="s">
        <v>146</v>
      </c>
      <c r="E133622" s="15">
        <v>45408</v>
      </c>
      <c r="F133622" s="14" t="s">
        <v>61</v>
      </c>
      <c r="G133622" s="16">
        <v>0</v>
      </c>
    </row>
    <row r="133623" spans="1:7" x14ac:dyDescent="0.3">
      <c r="A133623" s="13" t="s">
        <v>604</v>
      </c>
      <c r="B133623" s="14" t="s">
        <v>1</v>
      </c>
      <c r="C133623" s="14" t="s">
        <v>596</v>
      </c>
      <c r="D133623" s="14" t="s">
        <v>146</v>
      </c>
      <c r="E133623" s="15">
        <v>45409</v>
      </c>
      <c r="F133623" s="14" t="s">
        <v>61</v>
      </c>
      <c r="G133623" s="16">
        <v>0</v>
      </c>
    </row>
    <row r="133624" spans="1:7" x14ac:dyDescent="0.3">
      <c r="A133624" s="13" t="s">
        <v>604</v>
      </c>
      <c r="B133624" s="14" t="s">
        <v>1</v>
      </c>
      <c r="C133624" s="14" t="s">
        <v>596</v>
      </c>
      <c r="D133624" s="14" t="s">
        <v>146</v>
      </c>
      <c r="E133624" s="15">
        <v>45410</v>
      </c>
      <c r="F133624" s="14" t="s">
        <v>61</v>
      </c>
      <c r="G133624" s="16">
        <v>0</v>
      </c>
    </row>
    <row r="133625" spans="1:7" x14ac:dyDescent="0.3">
      <c r="A133625" s="13" t="s">
        <v>604</v>
      </c>
      <c r="B133625" s="14" t="s">
        <v>1</v>
      </c>
      <c r="C133625" s="14" t="s">
        <v>596</v>
      </c>
      <c r="D133625" s="14" t="s">
        <v>146</v>
      </c>
      <c r="E133625" s="15">
        <v>45411</v>
      </c>
      <c r="F133625" s="14" t="s">
        <v>61</v>
      </c>
      <c r="G133625" s="16">
        <v>0</v>
      </c>
    </row>
    <row r="133626" spans="1:7" x14ac:dyDescent="0.3">
      <c r="A133626" s="13" t="s">
        <v>604</v>
      </c>
      <c r="B133626" s="14" t="s">
        <v>1</v>
      </c>
      <c r="C133626" s="14" t="s">
        <v>596</v>
      </c>
      <c r="D133626" s="14" t="s">
        <v>146</v>
      </c>
      <c r="E133626" s="15">
        <v>45412</v>
      </c>
      <c r="F133626" s="14" t="s">
        <v>61</v>
      </c>
      <c r="G133626" s="16">
        <v>0</v>
      </c>
    </row>
    <row r="133627" spans="1:7" x14ac:dyDescent="0.3">
      <c r="A133627" s="13" t="s">
        <v>604</v>
      </c>
      <c r="B133627" s="14" t="s">
        <v>1</v>
      </c>
      <c r="C133627" s="14" t="s">
        <v>596</v>
      </c>
      <c r="D133627" s="14" t="s">
        <v>146</v>
      </c>
      <c r="E133627" s="15">
        <v>45413</v>
      </c>
      <c r="F133627" s="14" t="s">
        <v>61</v>
      </c>
      <c r="G133627" s="16">
        <v>0</v>
      </c>
    </row>
    <row r="133628" spans="1:7" x14ac:dyDescent="0.3">
      <c r="A133628" s="13" t="s">
        <v>604</v>
      </c>
      <c r="B133628" s="14" t="s">
        <v>1</v>
      </c>
      <c r="C133628" s="14" t="s">
        <v>596</v>
      </c>
      <c r="D133628" s="14" t="s">
        <v>146</v>
      </c>
      <c r="E133628" s="15">
        <v>45414</v>
      </c>
      <c r="F133628" s="14" t="s">
        <v>61</v>
      </c>
      <c r="G133628" s="16">
        <v>0</v>
      </c>
    </row>
    <row r="133629" spans="1:7" x14ac:dyDescent="0.3">
      <c r="A133629" s="13" t="s">
        <v>604</v>
      </c>
      <c r="B133629" s="14" t="s">
        <v>1</v>
      </c>
      <c r="C133629" s="14" t="s">
        <v>596</v>
      </c>
      <c r="D133629" s="14" t="s">
        <v>146</v>
      </c>
      <c r="E133629" s="15">
        <v>45415</v>
      </c>
      <c r="F133629" s="14" t="s">
        <v>61</v>
      </c>
      <c r="G133629" s="16">
        <v>0</v>
      </c>
    </row>
    <row r="133630" spans="1:7" x14ac:dyDescent="0.3">
      <c r="A133630" s="13" t="s">
        <v>604</v>
      </c>
      <c r="B133630" s="14" t="s">
        <v>1</v>
      </c>
      <c r="C133630" s="14" t="s">
        <v>596</v>
      </c>
      <c r="D133630" s="14" t="s">
        <v>146</v>
      </c>
      <c r="E133630" s="15">
        <v>45416</v>
      </c>
      <c r="F133630" s="14" t="s">
        <v>61</v>
      </c>
      <c r="G133630" s="16">
        <v>0</v>
      </c>
    </row>
    <row r="133631" spans="1:7" x14ac:dyDescent="0.3">
      <c r="A133631" s="13" t="s">
        <v>604</v>
      </c>
      <c r="B133631" s="14" t="s">
        <v>1</v>
      </c>
      <c r="C133631" s="14" t="s">
        <v>596</v>
      </c>
      <c r="D133631" s="14" t="s">
        <v>146</v>
      </c>
      <c r="E133631" s="15">
        <v>45417</v>
      </c>
      <c r="F133631" s="14" t="s">
        <v>61</v>
      </c>
      <c r="G133631" s="16">
        <v>0</v>
      </c>
    </row>
    <row r="133632" spans="1:7" x14ac:dyDescent="0.3">
      <c r="A133632" s="13" t="s">
        <v>604</v>
      </c>
      <c r="B133632" s="14" t="s">
        <v>1</v>
      </c>
      <c r="C133632" s="14" t="s">
        <v>596</v>
      </c>
      <c r="D133632" s="14" t="s">
        <v>146</v>
      </c>
      <c r="E133632" s="15">
        <v>45418</v>
      </c>
      <c r="F133632" s="14" t="s">
        <v>61</v>
      </c>
      <c r="G133632" s="16">
        <v>0</v>
      </c>
    </row>
    <row r="133633" spans="1:7" x14ac:dyDescent="0.3">
      <c r="A133633" s="13" t="s">
        <v>604</v>
      </c>
      <c r="B133633" s="14" t="s">
        <v>1</v>
      </c>
      <c r="C133633" s="14" t="s">
        <v>596</v>
      </c>
      <c r="D133633" s="14" t="s">
        <v>146</v>
      </c>
      <c r="E133633" s="15">
        <v>45419</v>
      </c>
      <c r="F133633" s="14" t="s">
        <v>61</v>
      </c>
      <c r="G133633" s="16">
        <v>0</v>
      </c>
    </row>
    <row r="133634" spans="1:7" x14ac:dyDescent="0.3">
      <c r="A133634" s="13" t="s">
        <v>604</v>
      </c>
      <c r="B133634" s="14" t="s">
        <v>1</v>
      </c>
      <c r="C133634" s="14" t="s">
        <v>596</v>
      </c>
      <c r="D133634" s="14" t="s">
        <v>146</v>
      </c>
      <c r="E133634" s="15">
        <v>45420</v>
      </c>
      <c r="F133634" s="14" t="s">
        <v>61</v>
      </c>
      <c r="G133634" s="16">
        <v>0</v>
      </c>
    </row>
    <row r="133635" spans="1:7" x14ac:dyDescent="0.3">
      <c r="A133635" s="13" t="s">
        <v>604</v>
      </c>
      <c r="B133635" s="14" t="s">
        <v>1</v>
      </c>
      <c r="C133635" s="14" t="s">
        <v>596</v>
      </c>
      <c r="D133635" s="14" t="s">
        <v>146</v>
      </c>
      <c r="E133635" s="15">
        <v>45421</v>
      </c>
      <c r="F133635" s="14" t="s">
        <v>61</v>
      </c>
      <c r="G133635" s="16">
        <v>0</v>
      </c>
    </row>
    <row r="133636" spans="1:7" x14ac:dyDescent="0.3">
      <c r="A133636" s="13" t="s">
        <v>604</v>
      </c>
      <c r="B133636" s="14" t="s">
        <v>1</v>
      </c>
      <c r="C133636" s="14" t="s">
        <v>596</v>
      </c>
      <c r="D133636" s="14" t="s">
        <v>146</v>
      </c>
      <c r="E133636" s="15">
        <v>45422</v>
      </c>
      <c r="F133636" s="14" t="s">
        <v>61</v>
      </c>
      <c r="G133636" s="16">
        <v>0</v>
      </c>
    </row>
    <row r="133637" spans="1:7" x14ac:dyDescent="0.3">
      <c r="A133637" s="13" t="s">
        <v>604</v>
      </c>
      <c r="B133637" s="14" t="s">
        <v>1</v>
      </c>
      <c r="C133637" s="14" t="s">
        <v>596</v>
      </c>
      <c r="D133637" s="14" t="s">
        <v>146</v>
      </c>
      <c r="E133637" s="15">
        <v>45423</v>
      </c>
      <c r="F133637" s="14" t="s">
        <v>61</v>
      </c>
      <c r="G133637" s="16">
        <v>0</v>
      </c>
    </row>
    <row r="133638" spans="1:7" x14ac:dyDescent="0.3">
      <c r="A133638" s="13" t="s">
        <v>604</v>
      </c>
      <c r="B133638" s="14" t="s">
        <v>1</v>
      </c>
      <c r="C133638" s="14" t="s">
        <v>596</v>
      </c>
      <c r="D133638" s="14" t="s">
        <v>146</v>
      </c>
      <c r="E133638" s="15">
        <v>45424</v>
      </c>
      <c r="F133638" s="14" t="s">
        <v>61</v>
      </c>
      <c r="G133638" s="16">
        <v>0</v>
      </c>
    </row>
    <row r="133639" spans="1:7" x14ac:dyDescent="0.3">
      <c r="A133639" s="13" t="s">
        <v>604</v>
      </c>
      <c r="B133639" s="14" t="s">
        <v>1</v>
      </c>
      <c r="C133639" s="14" t="s">
        <v>596</v>
      </c>
      <c r="D133639" s="14" t="s">
        <v>146</v>
      </c>
      <c r="E133639" s="15">
        <v>45425</v>
      </c>
      <c r="F133639" s="14" t="s">
        <v>61</v>
      </c>
      <c r="G133639" s="16">
        <v>0</v>
      </c>
    </row>
    <row r="133640" spans="1:7" x14ac:dyDescent="0.3">
      <c r="A133640" s="13" t="s">
        <v>604</v>
      </c>
      <c r="B133640" s="14" t="s">
        <v>1</v>
      </c>
      <c r="C133640" s="14" t="s">
        <v>596</v>
      </c>
      <c r="D133640" s="14" t="s">
        <v>146</v>
      </c>
      <c r="E133640" s="15">
        <v>45426</v>
      </c>
      <c r="F133640" s="14" t="s">
        <v>61</v>
      </c>
      <c r="G133640" s="16">
        <v>0</v>
      </c>
    </row>
    <row r="133641" spans="1:7" x14ac:dyDescent="0.3">
      <c r="A133641" s="13" t="s">
        <v>604</v>
      </c>
      <c r="B133641" s="14" t="s">
        <v>1</v>
      </c>
      <c r="C133641" s="14" t="s">
        <v>596</v>
      </c>
      <c r="D133641" s="14" t="s">
        <v>146</v>
      </c>
      <c r="E133641" s="15">
        <v>45427</v>
      </c>
      <c r="F133641" s="14" t="s">
        <v>61</v>
      </c>
      <c r="G133641" s="16">
        <v>0</v>
      </c>
    </row>
    <row r="133642" spans="1:7" x14ac:dyDescent="0.3">
      <c r="A133642" s="13" t="s">
        <v>604</v>
      </c>
      <c r="B133642" s="14" t="s">
        <v>1</v>
      </c>
      <c r="C133642" s="14" t="s">
        <v>596</v>
      </c>
      <c r="D133642" s="14" t="s">
        <v>146</v>
      </c>
      <c r="E133642" s="15">
        <v>45428</v>
      </c>
      <c r="F133642" s="14" t="s">
        <v>61</v>
      </c>
      <c r="G133642" s="16">
        <v>0</v>
      </c>
    </row>
    <row r="133643" spans="1:7" x14ac:dyDescent="0.3">
      <c r="A133643" s="13" t="s">
        <v>604</v>
      </c>
      <c r="B133643" s="14" t="s">
        <v>1</v>
      </c>
      <c r="C133643" s="14" t="s">
        <v>596</v>
      </c>
      <c r="D133643" s="14" t="s">
        <v>146</v>
      </c>
      <c r="E133643" s="15">
        <v>45429</v>
      </c>
      <c r="F133643" s="14" t="s">
        <v>61</v>
      </c>
      <c r="G133643" s="16">
        <v>0</v>
      </c>
    </row>
    <row r="133644" spans="1:7" x14ac:dyDescent="0.3">
      <c r="A133644" s="13" t="s">
        <v>604</v>
      </c>
      <c r="B133644" s="14" t="s">
        <v>1</v>
      </c>
      <c r="C133644" s="14" t="s">
        <v>596</v>
      </c>
      <c r="D133644" s="14" t="s">
        <v>146</v>
      </c>
      <c r="E133644" s="15">
        <v>45430</v>
      </c>
      <c r="F133644" s="14" t="s">
        <v>61</v>
      </c>
      <c r="G133644" s="16">
        <v>0</v>
      </c>
    </row>
    <row r="133645" spans="1:7" x14ac:dyDescent="0.3">
      <c r="A133645" s="13" t="s">
        <v>604</v>
      </c>
      <c r="B133645" s="14" t="s">
        <v>1</v>
      </c>
      <c r="C133645" s="14" t="s">
        <v>596</v>
      </c>
      <c r="D133645" s="14" t="s">
        <v>146</v>
      </c>
      <c r="E133645" s="15">
        <v>45431</v>
      </c>
      <c r="F133645" s="14" t="s">
        <v>61</v>
      </c>
      <c r="G133645" s="16">
        <v>0</v>
      </c>
    </row>
    <row r="133646" spans="1:7" x14ac:dyDescent="0.3">
      <c r="A133646" s="13" t="s">
        <v>604</v>
      </c>
      <c r="B133646" s="14" t="s">
        <v>1</v>
      </c>
      <c r="C133646" s="14" t="s">
        <v>596</v>
      </c>
      <c r="D133646" s="14" t="s">
        <v>146</v>
      </c>
      <c r="E133646" s="15">
        <v>45432</v>
      </c>
      <c r="F133646" s="14" t="s">
        <v>61</v>
      </c>
      <c r="G133646" s="16">
        <v>0</v>
      </c>
    </row>
    <row r="133647" spans="1:7" x14ac:dyDescent="0.3">
      <c r="A133647" s="13" t="s">
        <v>604</v>
      </c>
      <c r="B133647" s="14" t="s">
        <v>1</v>
      </c>
      <c r="C133647" s="14" t="s">
        <v>596</v>
      </c>
      <c r="D133647" s="14" t="s">
        <v>146</v>
      </c>
      <c r="E133647" s="15">
        <v>45433</v>
      </c>
      <c r="F133647" s="14" t="s">
        <v>61</v>
      </c>
      <c r="G133647" s="16">
        <v>0</v>
      </c>
    </row>
    <row r="133648" spans="1:7" x14ac:dyDescent="0.3">
      <c r="A133648" s="13" t="s">
        <v>604</v>
      </c>
      <c r="B133648" s="14" t="s">
        <v>1</v>
      </c>
      <c r="C133648" s="14" t="s">
        <v>596</v>
      </c>
      <c r="D133648" s="14" t="s">
        <v>146</v>
      </c>
      <c r="E133648" s="15">
        <v>45434</v>
      </c>
      <c r="F133648" s="14" t="s">
        <v>61</v>
      </c>
      <c r="G133648" s="16">
        <v>0</v>
      </c>
    </row>
    <row r="133649" spans="1:7" x14ac:dyDescent="0.3">
      <c r="A133649" s="13" t="s">
        <v>604</v>
      </c>
      <c r="B133649" s="14" t="s">
        <v>1</v>
      </c>
      <c r="C133649" s="14" t="s">
        <v>596</v>
      </c>
      <c r="D133649" s="14" t="s">
        <v>146</v>
      </c>
      <c r="E133649" s="15">
        <v>45435</v>
      </c>
      <c r="F133649" s="14" t="s">
        <v>61</v>
      </c>
      <c r="G133649" s="16">
        <v>0</v>
      </c>
    </row>
    <row r="133650" spans="1:7" x14ac:dyDescent="0.3">
      <c r="A133650" s="13" t="s">
        <v>604</v>
      </c>
      <c r="B133650" s="14" t="s">
        <v>1</v>
      </c>
      <c r="C133650" s="14" t="s">
        <v>596</v>
      </c>
      <c r="D133650" s="14" t="s">
        <v>146</v>
      </c>
      <c r="E133650" s="15">
        <v>45436</v>
      </c>
      <c r="F133650" s="14" t="s">
        <v>61</v>
      </c>
      <c r="G133650" s="16">
        <v>0</v>
      </c>
    </row>
    <row r="133651" spans="1:7" x14ac:dyDescent="0.3">
      <c r="A133651" s="13" t="s">
        <v>604</v>
      </c>
      <c r="B133651" s="14" t="s">
        <v>1</v>
      </c>
      <c r="C133651" s="14" t="s">
        <v>596</v>
      </c>
      <c r="D133651" s="14" t="s">
        <v>146</v>
      </c>
      <c r="E133651" s="15">
        <v>45437</v>
      </c>
      <c r="F133651" s="14" t="s">
        <v>61</v>
      </c>
      <c r="G133651" s="16">
        <v>0</v>
      </c>
    </row>
    <row r="133652" spans="1:7" x14ac:dyDescent="0.3">
      <c r="A133652" s="13" t="s">
        <v>604</v>
      </c>
      <c r="B133652" s="14" t="s">
        <v>1</v>
      </c>
      <c r="C133652" s="14" t="s">
        <v>596</v>
      </c>
      <c r="D133652" s="14" t="s">
        <v>146</v>
      </c>
      <c r="E133652" s="15">
        <v>45438</v>
      </c>
      <c r="F133652" s="14" t="s">
        <v>61</v>
      </c>
      <c r="G133652" s="16">
        <v>0</v>
      </c>
    </row>
    <row r="133653" spans="1:7" x14ac:dyDescent="0.3">
      <c r="A133653" s="13" t="s">
        <v>604</v>
      </c>
      <c r="B133653" s="14" t="s">
        <v>1</v>
      </c>
      <c r="C133653" s="14" t="s">
        <v>596</v>
      </c>
      <c r="D133653" s="14" t="s">
        <v>146</v>
      </c>
      <c r="E133653" s="15">
        <v>45439</v>
      </c>
      <c r="F133653" s="14" t="s">
        <v>61</v>
      </c>
      <c r="G133653" s="16">
        <v>0</v>
      </c>
    </row>
    <row r="133654" spans="1:7" x14ac:dyDescent="0.3">
      <c r="A133654" s="13" t="s">
        <v>604</v>
      </c>
      <c r="B133654" s="14" t="s">
        <v>1</v>
      </c>
      <c r="C133654" s="14" t="s">
        <v>596</v>
      </c>
      <c r="D133654" s="14" t="s">
        <v>146</v>
      </c>
      <c r="E133654" s="15">
        <v>45440</v>
      </c>
      <c r="F133654" s="14" t="s">
        <v>61</v>
      </c>
      <c r="G133654" s="16">
        <v>0</v>
      </c>
    </row>
    <row r="133655" spans="1:7" x14ac:dyDescent="0.3">
      <c r="A133655" s="13" t="s">
        <v>604</v>
      </c>
      <c r="B133655" s="14" t="s">
        <v>1</v>
      </c>
      <c r="C133655" s="14" t="s">
        <v>596</v>
      </c>
      <c r="D133655" s="14" t="s">
        <v>146</v>
      </c>
      <c r="E133655" s="15">
        <v>45441</v>
      </c>
      <c r="F133655" s="14" t="s">
        <v>61</v>
      </c>
      <c r="G133655" s="16">
        <v>0</v>
      </c>
    </row>
    <row r="133656" spans="1:7" x14ac:dyDescent="0.3">
      <c r="A133656" s="13" t="s">
        <v>604</v>
      </c>
      <c r="B133656" s="14" t="s">
        <v>1</v>
      </c>
      <c r="C133656" s="14" t="s">
        <v>596</v>
      </c>
      <c r="D133656" s="14" t="s">
        <v>146</v>
      </c>
      <c r="E133656" s="15">
        <v>45442</v>
      </c>
      <c r="F133656" s="14" t="s">
        <v>61</v>
      </c>
      <c r="G133656" s="16">
        <v>0</v>
      </c>
    </row>
    <row r="133657" spans="1:7" x14ac:dyDescent="0.3">
      <c r="A133657" s="13" t="s">
        <v>604</v>
      </c>
      <c r="B133657" s="14" t="s">
        <v>1</v>
      </c>
      <c r="C133657" s="14" t="s">
        <v>596</v>
      </c>
      <c r="D133657" s="14" t="s">
        <v>146</v>
      </c>
      <c r="E133657" s="15">
        <v>45443</v>
      </c>
      <c r="F133657" s="14" t="s">
        <v>61</v>
      </c>
      <c r="G133657" s="16">
        <v>0</v>
      </c>
    </row>
    <row r="133658" spans="1:7" x14ac:dyDescent="0.3">
      <c r="A133658" s="13" t="s">
        <v>604</v>
      </c>
      <c r="B133658" s="14" t="s">
        <v>1</v>
      </c>
      <c r="C133658" s="14" t="s">
        <v>596</v>
      </c>
      <c r="D133658" s="14" t="s">
        <v>146</v>
      </c>
      <c r="E133658" s="15">
        <v>45444</v>
      </c>
      <c r="F133658" s="14" t="s">
        <v>61</v>
      </c>
      <c r="G133658" s="16">
        <v>0</v>
      </c>
    </row>
    <row r="133659" spans="1:7" x14ac:dyDescent="0.3">
      <c r="A133659" s="13" t="s">
        <v>604</v>
      </c>
      <c r="B133659" s="14" t="s">
        <v>1</v>
      </c>
      <c r="C133659" s="14" t="s">
        <v>596</v>
      </c>
      <c r="D133659" s="14" t="s">
        <v>146</v>
      </c>
      <c r="E133659" s="15">
        <v>45445</v>
      </c>
      <c r="F133659" s="14" t="s">
        <v>61</v>
      </c>
      <c r="G133659" s="16">
        <v>0</v>
      </c>
    </row>
    <row r="133660" spans="1:7" x14ac:dyDescent="0.3">
      <c r="A133660" s="13" t="s">
        <v>604</v>
      </c>
      <c r="B133660" s="14" t="s">
        <v>1</v>
      </c>
      <c r="C133660" s="14" t="s">
        <v>596</v>
      </c>
      <c r="D133660" s="14" t="s">
        <v>146</v>
      </c>
      <c r="E133660" s="15">
        <v>45446</v>
      </c>
      <c r="F133660" s="14" t="s">
        <v>61</v>
      </c>
      <c r="G133660" s="16">
        <v>0</v>
      </c>
    </row>
    <row r="133661" spans="1:7" x14ac:dyDescent="0.3">
      <c r="A133661" s="13" t="s">
        <v>604</v>
      </c>
      <c r="B133661" s="14" t="s">
        <v>1</v>
      </c>
      <c r="C133661" s="14" t="s">
        <v>596</v>
      </c>
      <c r="D133661" s="14" t="s">
        <v>146</v>
      </c>
      <c r="E133661" s="15">
        <v>45447</v>
      </c>
      <c r="F133661" s="14" t="s">
        <v>61</v>
      </c>
      <c r="G133661" s="16">
        <v>0</v>
      </c>
    </row>
    <row r="133662" spans="1:7" x14ac:dyDescent="0.3">
      <c r="A133662" s="13" t="s">
        <v>604</v>
      </c>
      <c r="B133662" s="14" t="s">
        <v>1</v>
      </c>
      <c r="C133662" s="14" t="s">
        <v>596</v>
      </c>
      <c r="D133662" s="14" t="s">
        <v>146</v>
      </c>
      <c r="E133662" s="15">
        <v>45448</v>
      </c>
      <c r="F133662" s="14" t="s">
        <v>61</v>
      </c>
      <c r="G133662" s="16">
        <v>0</v>
      </c>
    </row>
    <row r="133663" spans="1:7" x14ac:dyDescent="0.3">
      <c r="A133663" s="13" t="s">
        <v>604</v>
      </c>
      <c r="B133663" s="14" t="s">
        <v>1</v>
      </c>
      <c r="C133663" s="14" t="s">
        <v>596</v>
      </c>
      <c r="D133663" s="14" t="s">
        <v>146</v>
      </c>
      <c r="E133663" s="15">
        <v>45449</v>
      </c>
      <c r="F133663" s="14" t="s">
        <v>61</v>
      </c>
      <c r="G133663" s="16">
        <v>0</v>
      </c>
    </row>
    <row r="133664" spans="1:7" x14ac:dyDescent="0.3">
      <c r="A133664" s="13" t="s">
        <v>604</v>
      </c>
      <c r="B133664" s="14" t="s">
        <v>1</v>
      </c>
      <c r="C133664" s="14" t="s">
        <v>596</v>
      </c>
      <c r="D133664" s="14" t="s">
        <v>146</v>
      </c>
      <c r="E133664" s="15">
        <v>45450</v>
      </c>
      <c r="F133664" s="14" t="s">
        <v>61</v>
      </c>
      <c r="G133664" s="16">
        <v>0</v>
      </c>
    </row>
    <row r="133665" spans="1:7" x14ac:dyDescent="0.3">
      <c r="A133665" s="13" t="s">
        <v>604</v>
      </c>
      <c r="B133665" s="14" t="s">
        <v>1</v>
      </c>
      <c r="C133665" s="14" t="s">
        <v>596</v>
      </c>
      <c r="D133665" s="14" t="s">
        <v>146</v>
      </c>
      <c r="E133665" s="15">
        <v>45451</v>
      </c>
      <c r="F133665" s="14" t="s">
        <v>61</v>
      </c>
      <c r="G133665" s="16">
        <v>0</v>
      </c>
    </row>
    <row r="133666" spans="1:7" x14ac:dyDescent="0.3">
      <c r="A133666" s="13" t="s">
        <v>604</v>
      </c>
      <c r="B133666" s="14" t="s">
        <v>1</v>
      </c>
      <c r="C133666" s="14" t="s">
        <v>596</v>
      </c>
      <c r="D133666" s="14" t="s">
        <v>146</v>
      </c>
      <c r="E133666" s="15">
        <v>45452</v>
      </c>
      <c r="F133666" s="14" t="s">
        <v>61</v>
      </c>
      <c r="G133666" s="16">
        <v>0</v>
      </c>
    </row>
    <row r="133667" spans="1:7" x14ac:dyDescent="0.3">
      <c r="A133667" s="13" t="s">
        <v>604</v>
      </c>
      <c r="B133667" s="14" t="s">
        <v>1</v>
      </c>
      <c r="C133667" s="14" t="s">
        <v>596</v>
      </c>
      <c r="D133667" s="14" t="s">
        <v>146</v>
      </c>
      <c r="E133667" s="15">
        <v>45453</v>
      </c>
      <c r="F133667" s="14" t="s">
        <v>61</v>
      </c>
      <c r="G133667" s="16">
        <v>0</v>
      </c>
    </row>
    <row r="133668" spans="1:7" x14ac:dyDescent="0.3">
      <c r="A133668" s="13" t="s">
        <v>604</v>
      </c>
      <c r="B133668" s="14" t="s">
        <v>1</v>
      </c>
      <c r="C133668" s="14" t="s">
        <v>596</v>
      </c>
      <c r="D133668" s="14" t="s">
        <v>146</v>
      </c>
      <c r="E133668" s="15">
        <v>45454</v>
      </c>
      <c r="F133668" s="14" t="s">
        <v>61</v>
      </c>
      <c r="G133668" s="16">
        <v>0</v>
      </c>
    </row>
    <row r="133669" spans="1:7" x14ac:dyDescent="0.3">
      <c r="A133669" s="13" t="s">
        <v>604</v>
      </c>
      <c r="B133669" s="14" t="s">
        <v>1</v>
      </c>
      <c r="C133669" s="14" t="s">
        <v>596</v>
      </c>
      <c r="D133669" s="14" t="s">
        <v>146</v>
      </c>
      <c r="E133669" s="15">
        <v>45455</v>
      </c>
      <c r="F133669" s="14" t="s">
        <v>61</v>
      </c>
      <c r="G133669" s="16">
        <v>0</v>
      </c>
    </row>
    <row r="133670" spans="1:7" x14ac:dyDescent="0.3">
      <c r="A133670" s="13" t="s">
        <v>604</v>
      </c>
      <c r="B133670" s="14" t="s">
        <v>1</v>
      </c>
      <c r="C133670" s="14" t="s">
        <v>596</v>
      </c>
      <c r="D133670" s="14" t="s">
        <v>146</v>
      </c>
      <c r="E133670" s="15">
        <v>45456</v>
      </c>
      <c r="F133670" s="14" t="s">
        <v>61</v>
      </c>
      <c r="G133670" s="16">
        <v>0</v>
      </c>
    </row>
    <row r="133671" spans="1:7" x14ac:dyDescent="0.3">
      <c r="A133671" s="13" t="s">
        <v>604</v>
      </c>
      <c r="B133671" s="14" t="s">
        <v>1</v>
      </c>
      <c r="C133671" s="14" t="s">
        <v>596</v>
      </c>
      <c r="D133671" s="14" t="s">
        <v>146</v>
      </c>
      <c r="E133671" s="15">
        <v>45457</v>
      </c>
      <c r="F133671" s="14" t="s">
        <v>61</v>
      </c>
      <c r="G133671" s="16">
        <v>0</v>
      </c>
    </row>
    <row r="133672" spans="1:7" x14ac:dyDescent="0.3">
      <c r="A133672" s="13" t="s">
        <v>604</v>
      </c>
      <c r="B133672" s="14" t="s">
        <v>1</v>
      </c>
      <c r="C133672" s="14" t="s">
        <v>596</v>
      </c>
      <c r="D133672" s="14" t="s">
        <v>146</v>
      </c>
      <c r="E133672" s="15">
        <v>45458</v>
      </c>
      <c r="F133672" s="14" t="s">
        <v>61</v>
      </c>
      <c r="G133672" s="16">
        <v>0</v>
      </c>
    </row>
    <row r="133673" spans="1:7" x14ac:dyDescent="0.3">
      <c r="A133673" s="13" t="s">
        <v>604</v>
      </c>
      <c r="B133673" s="14" t="s">
        <v>1</v>
      </c>
      <c r="C133673" s="14" t="s">
        <v>596</v>
      </c>
      <c r="D133673" s="14" t="s">
        <v>146</v>
      </c>
      <c r="E133673" s="15">
        <v>45459</v>
      </c>
      <c r="F133673" s="14" t="s">
        <v>61</v>
      </c>
      <c r="G133673" s="16">
        <v>0</v>
      </c>
    </row>
    <row r="133674" spans="1:7" x14ac:dyDescent="0.3">
      <c r="A133674" s="13" t="s">
        <v>604</v>
      </c>
      <c r="B133674" s="14" t="s">
        <v>1</v>
      </c>
      <c r="C133674" s="14" t="s">
        <v>596</v>
      </c>
      <c r="D133674" s="14" t="s">
        <v>146</v>
      </c>
      <c r="E133674" s="15">
        <v>45460</v>
      </c>
      <c r="F133674" s="14" t="s">
        <v>61</v>
      </c>
      <c r="G133674" s="16">
        <v>0</v>
      </c>
    </row>
    <row r="133675" spans="1:7" x14ac:dyDescent="0.3">
      <c r="A133675" s="13" t="s">
        <v>604</v>
      </c>
      <c r="B133675" s="14" t="s">
        <v>1</v>
      </c>
      <c r="C133675" s="14" t="s">
        <v>596</v>
      </c>
      <c r="D133675" s="14" t="s">
        <v>146</v>
      </c>
      <c r="E133675" s="15">
        <v>45461</v>
      </c>
      <c r="F133675" s="14" t="s">
        <v>61</v>
      </c>
      <c r="G133675" s="16">
        <v>0</v>
      </c>
    </row>
    <row r="133676" spans="1:7" x14ac:dyDescent="0.3">
      <c r="A133676" s="13" t="s">
        <v>604</v>
      </c>
      <c r="B133676" s="14" t="s">
        <v>1</v>
      </c>
      <c r="C133676" s="14" t="s">
        <v>596</v>
      </c>
      <c r="D133676" s="14" t="s">
        <v>146</v>
      </c>
      <c r="E133676" s="15">
        <v>45462</v>
      </c>
      <c r="F133676" s="14" t="s">
        <v>61</v>
      </c>
      <c r="G133676" s="16">
        <v>0</v>
      </c>
    </row>
    <row r="133677" spans="1:7" x14ac:dyDescent="0.3">
      <c r="A133677" s="13" t="s">
        <v>604</v>
      </c>
      <c r="B133677" s="14" t="s">
        <v>1</v>
      </c>
      <c r="C133677" s="14" t="s">
        <v>596</v>
      </c>
      <c r="D133677" s="14" t="s">
        <v>146</v>
      </c>
      <c r="E133677" s="15">
        <v>45463</v>
      </c>
      <c r="F133677" s="14" t="s">
        <v>61</v>
      </c>
      <c r="G133677" s="16">
        <v>0</v>
      </c>
    </row>
    <row r="133678" spans="1:7" x14ac:dyDescent="0.3">
      <c r="A133678" s="13" t="s">
        <v>604</v>
      </c>
      <c r="B133678" s="14" t="s">
        <v>1</v>
      </c>
      <c r="C133678" s="14" t="s">
        <v>596</v>
      </c>
      <c r="D133678" s="14" t="s">
        <v>146</v>
      </c>
      <c r="E133678" s="15">
        <v>45464</v>
      </c>
      <c r="F133678" s="14" t="s">
        <v>61</v>
      </c>
      <c r="G133678" s="16">
        <v>0</v>
      </c>
    </row>
    <row r="133679" spans="1:7" x14ac:dyDescent="0.3">
      <c r="A133679" s="13" t="s">
        <v>604</v>
      </c>
      <c r="B133679" s="14" t="s">
        <v>1</v>
      </c>
      <c r="C133679" s="14" t="s">
        <v>596</v>
      </c>
      <c r="D133679" s="14" t="s">
        <v>146</v>
      </c>
      <c r="E133679" s="15">
        <v>45465</v>
      </c>
      <c r="F133679" s="14" t="s">
        <v>61</v>
      </c>
      <c r="G133679" s="16">
        <v>0</v>
      </c>
    </row>
    <row r="133680" spans="1:7" x14ac:dyDescent="0.3">
      <c r="A133680" s="13" t="s">
        <v>604</v>
      </c>
      <c r="B133680" s="14" t="s">
        <v>1</v>
      </c>
      <c r="C133680" s="14" t="s">
        <v>596</v>
      </c>
      <c r="D133680" s="14" t="s">
        <v>146</v>
      </c>
      <c r="E133680" s="15">
        <v>45466</v>
      </c>
      <c r="F133680" s="14" t="s">
        <v>61</v>
      </c>
      <c r="G133680" s="16">
        <v>0</v>
      </c>
    </row>
    <row r="133681" spans="1:7" x14ac:dyDescent="0.3">
      <c r="A133681" s="13" t="s">
        <v>604</v>
      </c>
      <c r="B133681" s="14" t="s">
        <v>1</v>
      </c>
      <c r="C133681" s="14" t="s">
        <v>596</v>
      </c>
      <c r="D133681" s="14" t="s">
        <v>146</v>
      </c>
      <c r="E133681" s="15">
        <v>45467</v>
      </c>
      <c r="F133681" s="14" t="s">
        <v>61</v>
      </c>
      <c r="G133681" s="16">
        <v>0</v>
      </c>
    </row>
    <row r="133682" spans="1:7" x14ac:dyDescent="0.3">
      <c r="A133682" s="13" t="s">
        <v>604</v>
      </c>
      <c r="B133682" s="14" t="s">
        <v>1</v>
      </c>
      <c r="C133682" s="14" t="s">
        <v>596</v>
      </c>
      <c r="D133682" s="14" t="s">
        <v>146</v>
      </c>
      <c r="E133682" s="15">
        <v>45468</v>
      </c>
      <c r="F133682" s="14" t="s">
        <v>61</v>
      </c>
      <c r="G133682" s="16">
        <v>0</v>
      </c>
    </row>
    <row r="133683" spans="1:7" x14ac:dyDescent="0.3">
      <c r="A133683" s="13" t="s">
        <v>604</v>
      </c>
      <c r="B133683" s="14" t="s">
        <v>1</v>
      </c>
      <c r="C133683" s="14" t="s">
        <v>596</v>
      </c>
      <c r="D133683" s="14" t="s">
        <v>146</v>
      </c>
      <c r="E133683" s="15">
        <v>45469</v>
      </c>
      <c r="F133683" s="14" t="s">
        <v>61</v>
      </c>
      <c r="G133683" s="16">
        <v>0</v>
      </c>
    </row>
    <row r="133684" spans="1:7" x14ac:dyDescent="0.3">
      <c r="A133684" s="13" t="s">
        <v>604</v>
      </c>
      <c r="B133684" s="14" t="s">
        <v>1</v>
      </c>
      <c r="C133684" s="14" t="s">
        <v>596</v>
      </c>
      <c r="D133684" s="14" t="s">
        <v>146</v>
      </c>
      <c r="E133684" s="15">
        <v>45470</v>
      </c>
      <c r="F133684" s="14" t="s">
        <v>61</v>
      </c>
      <c r="G133684" s="16">
        <v>0</v>
      </c>
    </row>
    <row r="133685" spans="1:7" x14ac:dyDescent="0.3">
      <c r="A133685" s="13" t="s">
        <v>604</v>
      </c>
      <c r="B133685" s="14" t="s">
        <v>1</v>
      </c>
      <c r="C133685" s="14" t="s">
        <v>596</v>
      </c>
      <c r="D133685" s="14" t="s">
        <v>146</v>
      </c>
      <c r="E133685" s="15">
        <v>45471</v>
      </c>
      <c r="F133685" s="14" t="s">
        <v>61</v>
      </c>
      <c r="G133685" s="16">
        <v>0</v>
      </c>
    </row>
    <row r="133686" spans="1:7" x14ac:dyDescent="0.3">
      <c r="A133686" s="13" t="s">
        <v>604</v>
      </c>
      <c r="B133686" s="14" t="s">
        <v>1</v>
      </c>
      <c r="C133686" s="14" t="s">
        <v>596</v>
      </c>
      <c r="D133686" s="14" t="s">
        <v>146</v>
      </c>
      <c r="E133686" s="15">
        <v>45472</v>
      </c>
      <c r="F133686" s="14" t="s">
        <v>61</v>
      </c>
      <c r="G133686" s="16">
        <v>0</v>
      </c>
    </row>
    <row r="133687" spans="1:7" x14ac:dyDescent="0.3">
      <c r="A133687" s="13" t="s">
        <v>604</v>
      </c>
      <c r="B133687" s="14" t="s">
        <v>1</v>
      </c>
      <c r="C133687" s="14" t="s">
        <v>596</v>
      </c>
      <c r="D133687" s="14" t="s">
        <v>146</v>
      </c>
      <c r="E133687" s="15">
        <v>45473</v>
      </c>
      <c r="F133687" s="14" t="s">
        <v>61</v>
      </c>
      <c r="G133687" s="16">
        <v>0</v>
      </c>
    </row>
    <row r="133688" spans="1:7" x14ac:dyDescent="0.3">
      <c r="A133688" s="13" t="s">
        <v>604</v>
      </c>
      <c r="B133688" s="14" t="s">
        <v>1</v>
      </c>
      <c r="C133688" s="14" t="s">
        <v>596</v>
      </c>
      <c r="D133688" s="14" t="s">
        <v>146</v>
      </c>
      <c r="E133688" s="15">
        <v>45474</v>
      </c>
      <c r="F133688" s="14" t="s">
        <v>61</v>
      </c>
      <c r="G133688" s="16">
        <v>0</v>
      </c>
    </row>
    <row r="133689" spans="1:7" x14ac:dyDescent="0.3">
      <c r="A133689" s="13" t="s">
        <v>604</v>
      </c>
      <c r="B133689" s="14" t="s">
        <v>1</v>
      </c>
      <c r="C133689" s="14" t="s">
        <v>596</v>
      </c>
      <c r="D133689" s="14" t="s">
        <v>146</v>
      </c>
      <c r="E133689" s="15">
        <v>45475</v>
      </c>
      <c r="F133689" s="14" t="s">
        <v>61</v>
      </c>
      <c r="G133689" s="16">
        <v>0</v>
      </c>
    </row>
    <row r="133690" spans="1:7" x14ac:dyDescent="0.3">
      <c r="A133690" s="13" t="s">
        <v>604</v>
      </c>
      <c r="B133690" s="14" t="s">
        <v>1</v>
      </c>
      <c r="C133690" s="14" t="s">
        <v>596</v>
      </c>
      <c r="D133690" s="14" t="s">
        <v>146</v>
      </c>
      <c r="E133690" s="15">
        <v>45476</v>
      </c>
      <c r="F133690" s="14" t="s">
        <v>61</v>
      </c>
      <c r="G133690" s="16">
        <v>0</v>
      </c>
    </row>
    <row r="133691" spans="1:7" x14ac:dyDescent="0.3">
      <c r="A133691" s="13" t="s">
        <v>604</v>
      </c>
      <c r="B133691" s="14" t="s">
        <v>1</v>
      </c>
      <c r="C133691" s="14" t="s">
        <v>596</v>
      </c>
      <c r="D133691" s="14" t="s">
        <v>146</v>
      </c>
      <c r="E133691" s="15">
        <v>45477</v>
      </c>
      <c r="F133691" s="14" t="s">
        <v>61</v>
      </c>
      <c r="G133691" s="16">
        <v>0</v>
      </c>
    </row>
    <row r="133692" spans="1:7" x14ac:dyDescent="0.3">
      <c r="A133692" s="13" t="s">
        <v>604</v>
      </c>
      <c r="B133692" s="14" t="s">
        <v>1</v>
      </c>
      <c r="C133692" s="14" t="s">
        <v>596</v>
      </c>
      <c r="D133692" s="14" t="s">
        <v>146</v>
      </c>
      <c r="E133692" s="15">
        <v>45478</v>
      </c>
      <c r="F133692" s="14" t="s">
        <v>61</v>
      </c>
      <c r="G133692" s="16">
        <v>0</v>
      </c>
    </row>
    <row r="133693" spans="1:7" x14ac:dyDescent="0.3">
      <c r="A133693" s="13" t="s">
        <v>604</v>
      </c>
      <c r="B133693" s="14" t="s">
        <v>1</v>
      </c>
      <c r="C133693" s="14" t="s">
        <v>596</v>
      </c>
      <c r="D133693" s="14" t="s">
        <v>146</v>
      </c>
      <c r="E133693" s="15">
        <v>45479</v>
      </c>
      <c r="F133693" s="14" t="s">
        <v>61</v>
      </c>
      <c r="G133693" s="16">
        <v>0</v>
      </c>
    </row>
    <row r="133694" spans="1:7" x14ac:dyDescent="0.3">
      <c r="A133694" s="13" t="s">
        <v>604</v>
      </c>
      <c r="B133694" s="14" t="s">
        <v>1</v>
      </c>
      <c r="C133694" s="14" t="s">
        <v>596</v>
      </c>
      <c r="D133694" s="14" t="s">
        <v>146</v>
      </c>
      <c r="E133694" s="15">
        <v>45480</v>
      </c>
      <c r="F133694" s="14" t="s">
        <v>61</v>
      </c>
      <c r="G133694" s="16">
        <v>0</v>
      </c>
    </row>
    <row r="133695" spans="1:7" x14ac:dyDescent="0.3">
      <c r="A133695" s="13" t="s">
        <v>604</v>
      </c>
      <c r="B133695" s="14" t="s">
        <v>1</v>
      </c>
      <c r="C133695" s="14" t="s">
        <v>596</v>
      </c>
      <c r="D133695" s="14" t="s">
        <v>146</v>
      </c>
      <c r="E133695" s="15">
        <v>45481</v>
      </c>
      <c r="F133695" s="14" t="s">
        <v>61</v>
      </c>
      <c r="G133695" s="16">
        <v>0</v>
      </c>
    </row>
    <row r="133696" spans="1:7" x14ac:dyDescent="0.3">
      <c r="A133696" s="13" t="s">
        <v>604</v>
      </c>
      <c r="B133696" s="14" t="s">
        <v>1</v>
      </c>
      <c r="C133696" s="14" t="s">
        <v>596</v>
      </c>
      <c r="D133696" s="14" t="s">
        <v>146</v>
      </c>
      <c r="E133696" s="15">
        <v>45482</v>
      </c>
      <c r="F133696" s="14" t="s">
        <v>61</v>
      </c>
      <c r="G133696" s="16">
        <v>0</v>
      </c>
    </row>
    <row r="133697" spans="1:7" x14ac:dyDescent="0.3">
      <c r="A133697" s="13" t="s">
        <v>604</v>
      </c>
      <c r="B133697" s="14" t="s">
        <v>1</v>
      </c>
      <c r="C133697" s="14" t="s">
        <v>596</v>
      </c>
      <c r="D133697" s="14" t="s">
        <v>146</v>
      </c>
      <c r="E133697" s="15">
        <v>45483</v>
      </c>
      <c r="F133697" s="14" t="s">
        <v>61</v>
      </c>
      <c r="G133697" s="16">
        <v>0</v>
      </c>
    </row>
    <row r="133698" spans="1:7" x14ac:dyDescent="0.3">
      <c r="A133698" s="13" t="s">
        <v>604</v>
      </c>
      <c r="B133698" s="14" t="s">
        <v>1</v>
      </c>
      <c r="C133698" s="14" t="s">
        <v>596</v>
      </c>
      <c r="D133698" s="14" t="s">
        <v>146</v>
      </c>
      <c r="E133698" s="15">
        <v>45484</v>
      </c>
      <c r="F133698" s="14" t="s">
        <v>61</v>
      </c>
      <c r="G133698" s="16">
        <v>0</v>
      </c>
    </row>
    <row r="133699" spans="1:7" x14ac:dyDescent="0.3">
      <c r="A133699" s="13" t="s">
        <v>604</v>
      </c>
      <c r="B133699" s="14" t="s">
        <v>1</v>
      </c>
      <c r="C133699" s="14" t="s">
        <v>596</v>
      </c>
      <c r="D133699" s="14" t="s">
        <v>146</v>
      </c>
      <c r="E133699" s="15">
        <v>45485</v>
      </c>
      <c r="F133699" s="14" t="s">
        <v>61</v>
      </c>
      <c r="G133699" s="16">
        <v>0</v>
      </c>
    </row>
    <row r="133700" spans="1:7" x14ac:dyDescent="0.3">
      <c r="A133700" s="13" t="s">
        <v>604</v>
      </c>
      <c r="B133700" s="14" t="s">
        <v>1</v>
      </c>
      <c r="C133700" s="14" t="s">
        <v>596</v>
      </c>
      <c r="D133700" s="14" t="s">
        <v>146</v>
      </c>
      <c r="E133700" s="15">
        <v>45486</v>
      </c>
      <c r="F133700" s="14" t="s">
        <v>61</v>
      </c>
      <c r="G133700" s="16">
        <v>0</v>
      </c>
    </row>
    <row r="133701" spans="1:7" x14ac:dyDescent="0.3">
      <c r="A133701" s="13" t="s">
        <v>604</v>
      </c>
      <c r="B133701" s="14" t="s">
        <v>1</v>
      </c>
      <c r="C133701" s="14" t="s">
        <v>596</v>
      </c>
      <c r="D133701" s="14" t="s">
        <v>146</v>
      </c>
      <c r="E133701" s="15">
        <v>45487</v>
      </c>
      <c r="F133701" s="14" t="s">
        <v>61</v>
      </c>
      <c r="G133701" s="16">
        <v>0</v>
      </c>
    </row>
    <row r="133702" spans="1:7" x14ac:dyDescent="0.3">
      <c r="A133702" s="13" t="s">
        <v>604</v>
      </c>
      <c r="B133702" s="14" t="s">
        <v>1</v>
      </c>
      <c r="C133702" s="14" t="s">
        <v>596</v>
      </c>
      <c r="D133702" s="14" t="s">
        <v>146</v>
      </c>
      <c r="E133702" s="15">
        <v>45488</v>
      </c>
      <c r="F133702" s="14" t="s">
        <v>61</v>
      </c>
      <c r="G133702" s="16">
        <v>0</v>
      </c>
    </row>
    <row r="133703" spans="1:7" x14ac:dyDescent="0.3">
      <c r="A133703" s="13" t="s">
        <v>604</v>
      </c>
      <c r="B133703" s="14" t="s">
        <v>1</v>
      </c>
      <c r="C133703" s="14" t="s">
        <v>596</v>
      </c>
      <c r="D133703" s="14" t="s">
        <v>146</v>
      </c>
      <c r="E133703" s="15">
        <v>45489</v>
      </c>
      <c r="F133703" s="14" t="s">
        <v>61</v>
      </c>
      <c r="G133703" s="16">
        <v>0</v>
      </c>
    </row>
    <row r="133704" spans="1:7" x14ac:dyDescent="0.3">
      <c r="A133704" s="13" t="s">
        <v>604</v>
      </c>
      <c r="B133704" s="14" t="s">
        <v>1</v>
      </c>
      <c r="C133704" s="14" t="s">
        <v>596</v>
      </c>
      <c r="D133704" s="14" t="s">
        <v>146</v>
      </c>
      <c r="E133704" s="15">
        <v>45490</v>
      </c>
      <c r="F133704" s="14" t="s">
        <v>61</v>
      </c>
      <c r="G133704" s="16">
        <v>0</v>
      </c>
    </row>
    <row r="133705" spans="1:7" x14ac:dyDescent="0.3">
      <c r="A133705" s="13" t="s">
        <v>604</v>
      </c>
      <c r="B133705" s="14" t="s">
        <v>1</v>
      </c>
      <c r="C133705" s="14" t="s">
        <v>596</v>
      </c>
      <c r="D133705" s="14" t="s">
        <v>146</v>
      </c>
      <c r="E133705" s="15">
        <v>45491</v>
      </c>
      <c r="F133705" s="14" t="s">
        <v>61</v>
      </c>
      <c r="G133705" s="16">
        <v>0</v>
      </c>
    </row>
    <row r="133706" spans="1:7" x14ac:dyDescent="0.3">
      <c r="A133706" s="13" t="s">
        <v>604</v>
      </c>
      <c r="B133706" s="14" t="s">
        <v>1</v>
      </c>
      <c r="C133706" s="14" t="s">
        <v>596</v>
      </c>
      <c r="D133706" s="14" t="s">
        <v>146</v>
      </c>
      <c r="E133706" s="15">
        <v>45492</v>
      </c>
      <c r="F133706" s="14" t="s">
        <v>61</v>
      </c>
      <c r="G133706" s="16">
        <v>0</v>
      </c>
    </row>
    <row r="133707" spans="1:7" x14ac:dyDescent="0.3">
      <c r="A133707" s="13" t="s">
        <v>604</v>
      </c>
      <c r="B133707" s="14" t="s">
        <v>1</v>
      </c>
      <c r="C133707" s="14" t="s">
        <v>596</v>
      </c>
      <c r="D133707" s="14" t="s">
        <v>146</v>
      </c>
      <c r="E133707" s="15">
        <v>45493</v>
      </c>
      <c r="F133707" s="14" t="s">
        <v>61</v>
      </c>
      <c r="G133707" s="16">
        <v>0</v>
      </c>
    </row>
    <row r="133708" spans="1:7" x14ac:dyDescent="0.3">
      <c r="A133708" s="13" t="s">
        <v>604</v>
      </c>
      <c r="B133708" s="14" t="s">
        <v>1</v>
      </c>
      <c r="C133708" s="14" t="s">
        <v>596</v>
      </c>
      <c r="D133708" s="14" t="s">
        <v>146</v>
      </c>
      <c r="E133708" s="15">
        <v>45494</v>
      </c>
      <c r="F133708" s="14" t="s">
        <v>61</v>
      </c>
      <c r="G133708" s="16">
        <v>0</v>
      </c>
    </row>
    <row r="133709" spans="1:7" x14ac:dyDescent="0.3">
      <c r="A133709" s="13" t="s">
        <v>604</v>
      </c>
      <c r="B133709" s="14" t="s">
        <v>1</v>
      </c>
      <c r="C133709" s="14" t="s">
        <v>596</v>
      </c>
      <c r="D133709" s="14" t="s">
        <v>146</v>
      </c>
      <c r="E133709" s="15">
        <v>45495</v>
      </c>
      <c r="F133709" s="14" t="s">
        <v>61</v>
      </c>
      <c r="G133709" s="16">
        <v>0</v>
      </c>
    </row>
    <row r="133710" spans="1:7" x14ac:dyDescent="0.3">
      <c r="A133710" s="13" t="s">
        <v>604</v>
      </c>
      <c r="B133710" s="14" t="s">
        <v>1</v>
      </c>
      <c r="C133710" s="14" t="s">
        <v>596</v>
      </c>
      <c r="D133710" s="14" t="s">
        <v>146</v>
      </c>
      <c r="E133710" s="15">
        <v>45496</v>
      </c>
      <c r="F133710" s="14" t="s">
        <v>61</v>
      </c>
      <c r="G133710" s="16">
        <v>0</v>
      </c>
    </row>
    <row r="133711" spans="1:7" x14ac:dyDescent="0.3">
      <c r="A133711" s="13" t="s">
        <v>604</v>
      </c>
      <c r="B133711" s="14" t="s">
        <v>1</v>
      </c>
      <c r="C133711" s="14" t="s">
        <v>596</v>
      </c>
      <c r="D133711" s="14" t="s">
        <v>146</v>
      </c>
      <c r="E133711" s="15">
        <v>45497</v>
      </c>
      <c r="F133711" s="14" t="s">
        <v>61</v>
      </c>
      <c r="G133711" s="16">
        <v>0</v>
      </c>
    </row>
    <row r="133712" spans="1:7" x14ac:dyDescent="0.3">
      <c r="A133712" s="13" t="s">
        <v>604</v>
      </c>
      <c r="B133712" s="14" t="s">
        <v>1</v>
      </c>
      <c r="C133712" s="14" t="s">
        <v>596</v>
      </c>
      <c r="D133712" s="14" t="s">
        <v>146</v>
      </c>
      <c r="E133712" s="15">
        <v>45498</v>
      </c>
      <c r="F133712" s="14" t="s">
        <v>61</v>
      </c>
      <c r="G133712" s="16">
        <v>0</v>
      </c>
    </row>
    <row r="133713" spans="1:7" x14ac:dyDescent="0.3">
      <c r="A133713" s="13" t="s">
        <v>604</v>
      </c>
      <c r="B133713" s="14" t="s">
        <v>1</v>
      </c>
      <c r="C133713" s="14" t="s">
        <v>596</v>
      </c>
      <c r="D133713" s="14" t="s">
        <v>146</v>
      </c>
      <c r="E133713" s="15">
        <v>45499</v>
      </c>
      <c r="F133713" s="14" t="s">
        <v>61</v>
      </c>
      <c r="G133713" s="16">
        <v>0</v>
      </c>
    </row>
    <row r="133714" spans="1:7" x14ac:dyDescent="0.3">
      <c r="A133714" s="13" t="s">
        <v>604</v>
      </c>
      <c r="B133714" s="14" t="s">
        <v>1</v>
      </c>
      <c r="C133714" s="14" t="s">
        <v>596</v>
      </c>
      <c r="D133714" s="14" t="s">
        <v>146</v>
      </c>
      <c r="E133714" s="15">
        <v>45500</v>
      </c>
      <c r="F133714" s="14" t="s">
        <v>61</v>
      </c>
      <c r="G133714" s="16">
        <v>0</v>
      </c>
    </row>
    <row r="133715" spans="1:7" x14ac:dyDescent="0.3">
      <c r="A133715" s="13" t="s">
        <v>604</v>
      </c>
      <c r="B133715" s="14" t="s">
        <v>1</v>
      </c>
      <c r="C133715" s="14" t="s">
        <v>596</v>
      </c>
      <c r="D133715" s="14" t="s">
        <v>146</v>
      </c>
      <c r="E133715" s="15">
        <v>45501</v>
      </c>
      <c r="F133715" s="14" t="s">
        <v>61</v>
      </c>
      <c r="G133715" s="16">
        <v>0</v>
      </c>
    </row>
    <row r="133716" spans="1:7" x14ac:dyDescent="0.3">
      <c r="A133716" s="13" t="s">
        <v>604</v>
      </c>
      <c r="B133716" s="14" t="s">
        <v>1</v>
      </c>
      <c r="C133716" s="14" t="s">
        <v>596</v>
      </c>
      <c r="D133716" s="14" t="s">
        <v>146</v>
      </c>
      <c r="E133716" s="15">
        <v>45502</v>
      </c>
      <c r="F133716" s="14" t="s">
        <v>61</v>
      </c>
      <c r="G133716" s="16">
        <v>0</v>
      </c>
    </row>
    <row r="133717" spans="1:7" x14ac:dyDescent="0.3">
      <c r="A133717" s="13" t="s">
        <v>604</v>
      </c>
      <c r="B133717" s="14" t="s">
        <v>1</v>
      </c>
      <c r="C133717" s="14" t="s">
        <v>596</v>
      </c>
      <c r="D133717" s="14" t="s">
        <v>146</v>
      </c>
      <c r="E133717" s="15">
        <v>45503</v>
      </c>
      <c r="F133717" s="14" t="s">
        <v>61</v>
      </c>
      <c r="G133717" s="16">
        <v>0</v>
      </c>
    </row>
    <row r="133718" spans="1:7" x14ac:dyDescent="0.3">
      <c r="A133718" s="13" t="s">
        <v>604</v>
      </c>
      <c r="B133718" s="14" t="s">
        <v>1</v>
      </c>
      <c r="C133718" s="14" t="s">
        <v>596</v>
      </c>
      <c r="D133718" s="14" t="s">
        <v>146</v>
      </c>
      <c r="E133718" s="15">
        <v>45504</v>
      </c>
      <c r="F133718" s="14" t="s">
        <v>61</v>
      </c>
      <c r="G133718" s="16">
        <v>0</v>
      </c>
    </row>
    <row r="133719" spans="1:7" x14ac:dyDescent="0.3">
      <c r="A133719" s="13" t="s">
        <v>604</v>
      </c>
      <c r="B133719" s="14" t="s">
        <v>1</v>
      </c>
      <c r="C133719" s="14" t="s">
        <v>596</v>
      </c>
      <c r="D133719" s="14" t="s">
        <v>146</v>
      </c>
      <c r="E133719" s="15">
        <v>45505</v>
      </c>
      <c r="F133719" s="14" t="s">
        <v>61</v>
      </c>
      <c r="G133719" s="16">
        <v>0</v>
      </c>
    </row>
    <row r="133720" spans="1:7" x14ac:dyDescent="0.3">
      <c r="A133720" s="13" t="s">
        <v>604</v>
      </c>
      <c r="B133720" s="14" t="s">
        <v>1</v>
      </c>
      <c r="C133720" s="14" t="s">
        <v>596</v>
      </c>
      <c r="D133720" s="14" t="s">
        <v>146</v>
      </c>
      <c r="E133720" s="15">
        <v>45506</v>
      </c>
      <c r="F133720" s="14" t="s">
        <v>61</v>
      </c>
      <c r="G133720" s="16">
        <v>0</v>
      </c>
    </row>
    <row r="133721" spans="1:7" x14ac:dyDescent="0.3">
      <c r="A133721" s="13" t="s">
        <v>604</v>
      </c>
      <c r="B133721" s="14" t="s">
        <v>1</v>
      </c>
      <c r="C133721" s="14" t="s">
        <v>596</v>
      </c>
      <c r="D133721" s="14" t="s">
        <v>146</v>
      </c>
      <c r="E133721" s="15">
        <v>45507</v>
      </c>
      <c r="F133721" s="14" t="s">
        <v>61</v>
      </c>
      <c r="G133721" s="16">
        <v>0</v>
      </c>
    </row>
    <row r="133722" spans="1:7" x14ac:dyDescent="0.3">
      <c r="A133722" s="13" t="s">
        <v>604</v>
      </c>
      <c r="B133722" s="14" t="s">
        <v>1</v>
      </c>
      <c r="C133722" s="14" t="s">
        <v>596</v>
      </c>
      <c r="D133722" s="14" t="s">
        <v>146</v>
      </c>
      <c r="E133722" s="15">
        <v>45508</v>
      </c>
      <c r="F133722" s="14" t="s">
        <v>61</v>
      </c>
      <c r="G133722" s="16">
        <v>0</v>
      </c>
    </row>
    <row r="133723" spans="1:7" x14ac:dyDescent="0.3">
      <c r="A133723" s="13" t="s">
        <v>604</v>
      </c>
      <c r="B133723" s="14" t="s">
        <v>1</v>
      </c>
      <c r="C133723" s="14" t="s">
        <v>596</v>
      </c>
      <c r="D133723" s="14" t="s">
        <v>146</v>
      </c>
      <c r="E133723" s="15">
        <v>45509</v>
      </c>
      <c r="F133723" s="14" t="s">
        <v>61</v>
      </c>
      <c r="G133723" s="16">
        <v>0</v>
      </c>
    </row>
    <row r="133724" spans="1:7" x14ac:dyDescent="0.3">
      <c r="A133724" s="13" t="s">
        <v>604</v>
      </c>
      <c r="B133724" s="14" t="s">
        <v>1</v>
      </c>
      <c r="C133724" s="14" t="s">
        <v>596</v>
      </c>
      <c r="D133724" s="14" t="s">
        <v>146</v>
      </c>
      <c r="E133724" s="15">
        <v>45510</v>
      </c>
      <c r="F133724" s="14" t="s">
        <v>61</v>
      </c>
      <c r="G133724" s="16">
        <v>0</v>
      </c>
    </row>
    <row r="133725" spans="1:7" x14ac:dyDescent="0.3">
      <c r="A133725" s="13" t="s">
        <v>604</v>
      </c>
      <c r="B133725" s="14" t="s">
        <v>1</v>
      </c>
      <c r="C133725" s="14" t="s">
        <v>596</v>
      </c>
      <c r="D133725" s="14" t="s">
        <v>146</v>
      </c>
      <c r="E133725" s="15">
        <v>45511</v>
      </c>
      <c r="F133725" s="14" t="s">
        <v>61</v>
      </c>
      <c r="G133725" s="16">
        <v>0</v>
      </c>
    </row>
    <row r="133726" spans="1:7" x14ac:dyDescent="0.3">
      <c r="A133726" s="13" t="s">
        <v>604</v>
      </c>
      <c r="B133726" s="14" t="s">
        <v>1</v>
      </c>
      <c r="C133726" s="14" t="s">
        <v>596</v>
      </c>
      <c r="D133726" s="14" t="s">
        <v>146</v>
      </c>
      <c r="E133726" s="15">
        <v>45512</v>
      </c>
      <c r="F133726" s="14" t="s">
        <v>61</v>
      </c>
      <c r="G133726" s="16">
        <v>0</v>
      </c>
    </row>
    <row r="133727" spans="1:7" x14ac:dyDescent="0.3">
      <c r="A133727" s="13" t="s">
        <v>604</v>
      </c>
      <c r="B133727" s="14" t="s">
        <v>1</v>
      </c>
      <c r="C133727" s="14" t="s">
        <v>596</v>
      </c>
      <c r="D133727" s="14" t="s">
        <v>146</v>
      </c>
      <c r="E133727" s="15">
        <v>45513</v>
      </c>
      <c r="F133727" s="14" t="s">
        <v>61</v>
      </c>
      <c r="G133727" s="16">
        <v>0</v>
      </c>
    </row>
    <row r="133728" spans="1:7" x14ac:dyDescent="0.3">
      <c r="A133728" s="13" t="s">
        <v>604</v>
      </c>
      <c r="B133728" s="14" t="s">
        <v>1</v>
      </c>
      <c r="C133728" s="14" t="s">
        <v>596</v>
      </c>
      <c r="D133728" s="14" t="s">
        <v>146</v>
      </c>
      <c r="E133728" s="15">
        <v>45514</v>
      </c>
      <c r="F133728" s="14" t="s">
        <v>61</v>
      </c>
      <c r="G133728" s="16">
        <v>0</v>
      </c>
    </row>
    <row r="133729" spans="1:7" x14ac:dyDescent="0.3">
      <c r="A133729" s="13" t="s">
        <v>604</v>
      </c>
      <c r="B133729" s="14" t="s">
        <v>1</v>
      </c>
      <c r="C133729" s="14" t="s">
        <v>596</v>
      </c>
      <c r="D133729" s="14" t="s">
        <v>146</v>
      </c>
      <c r="E133729" s="15">
        <v>45515</v>
      </c>
      <c r="F133729" s="14" t="s">
        <v>61</v>
      </c>
      <c r="G133729" s="16">
        <v>0</v>
      </c>
    </row>
    <row r="133730" spans="1:7" x14ac:dyDescent="0.3">
      <c r="A133730" s="13" t="s">
        <v>604</v>
      </c>
      <c r="B133730" s="14" t="s">
        <v>1</v>
      </c>
      <c r="C133730" s="14" t="s">
        <v>596</v>
      </c>
      <c r="D133730" s="14" t="s">
        <v>146</v>
      </c>
      <c r="E133730" s="15">
        <v>45516</v>
      </c>
      <c r="F133730" s="14" t="s">
        <v>61</v>
      </c>
      <c r="G133730" s="16">
        <v>0</v>
      </c>
    </row>
    <row r="133731" spans="1:7" x14ac:dyDescent="0.3">
      <c r="A133731" s="13" t="s">
        <v>604</v>
      </c>
      <c r="B133731" s="14" t="s">
        <v>1</v>
      </c>
      <c r="C133731" s="14" t="s">
        <v>596</v>
      </c>
      <c r="D133731" s="14" t="s">
        <v>146</v>
      </c>
      <c r="E133731" s="15">
        <v>45517</v>
      </c>
      <c r="F133731" s="14" t="s">
        <v>61</v>
      </c>
      <c r="G133731" s="16">
        <v>0</v>
      </c>
    </row>
    <row r="133732" spans="1:7" x14ac:dyDescent="0.3">
      <c r="A133732" s="13" t="s">
        <v>604</v>
      </c>
      <c r="B133732" s="14" t="s">
        <v>1</v>
      </c>
      <c r="C133732" s="14" t="s">
        <v>596</v>
      </c>
      <c r="D133732" s="14" t="s">
        <v>146</v>
      </c>
      <c r="E133732" s="15">
        <v>45518</v>
      </c>
      <c r="F133732" s="14" t="s">
        <v>61</v>
      </c>
      <c r="G133732" s="16">
        <v>0</v>
      </c>
    </row>
    <row r="133733" spans="1:7" x14ac:dyDescent="0.3">
      <c r="A133733" s="13" t="s">
        <v>604</v>
      </c>
      <c r="B133733" s="14" t="s">
        <v>1</v>
      </c>
      <c r="C133733" s="14" t="s">
        <v>596</v>
      </c>
      <c r="D133733" s="14" t="s">
        <v>146</v>
      </c>
      <c r="E133733" s="15">
        <v>45519</v>
      </c>
      <c r="F133733" s="14" t="s">
        <v>61</v>
      </c>
      <c r="G133733" s="16">
        <v>0</v>
      </c>
    </row>
    <row r="133734" spans="1:7" x14ac:dyDescent="0.3">
      <c r="A133734" s="13" t="s">
        <v>604</v>
      </c>
      <c r="B133734" s="14" t="s">
        <v>1</v>
      </c>
      <c r="C133734" s="14" t="s">
        <v>596</v>
      </c>
      <c r="D133734" s="14" t="s">
        <v>146</v>
      </c>
      <c r="E133734" s="15">
        <v>45520</v>
      </c>
      <c r="F133734" s="14" t="s">
        <v>61</v>
      </c>
      <c r="G133734" s="16">
        <v>0</v>
      </c>
    </row>
    <row r="133735" spans="1:7" x14ac:dyDescent="0.3">
      <c r="A133735" s="13" t="s">
        <v>604</v>
      </c>
      <c r="B133735" s="14" t="s">
        <v>1</v>
      </c>
      <c r="C133735" s="14" t="s">
        <v>596</v>
      </c>
      <c r="D133735" s="14" t="s">
        <v>146</v>
      </c>
      <c r="E133735" s="15">
        <v>45521</v>
      </c>
      <c r="F133735" s="14" t="s">
        <v>61</v>
      </c>
      <c r="G133735" s="16">
        <v>0</v>
      </c>
    </row>
    <row r="133736" spans="1:7" x14ac:dyDescent="0.3">
      <c r="A133736" s="13" t="s">
        <v>604</v>
      </c>
      <c r="B133736" s="14" t="s">
        <v>1</v>
      </c>
      <c r="C133736" s="14" t="s">
        <v>596</v>
      </c>
      <c r="D133736" s="14" t="s">
        <v>146</v>
      </c>
      <c r="E133736" s="15">
        <v>45522</v>
      </c>
      <c r="F133736" s="14" t="s">
        <v>61</v>
      </c>
      <c r="G133736" s="16">
        <v>0</v>
      </c>
    </row>
    <row r="133737" spans="1:7" x14ac:dyDescent="0.3">
      <c r="A133737" s="13" t="s">
        <v>604</v>
      </c>
      <c r="B133737" s="14" t="s">
        <v>1</v>
      </c>
      <c r="C133737" s="14" t="s">
        <v>596</v>
      </c>
      <c r="D133737" s="14" t="s">
        <v>146</v>
      </c>
      <c r="E133737" s="15">
        <v>45523</v>
      </c>
      <c r="F133737" s="14" t="s">
        <v>61</v>
      </c>
      <c r="G133737" s="16">
        <v>0</v>
      </c>
    </row>
    <row r="133738" spans="1:7" x14ac:dyDescent="0.3">
      <c r="A133738" s="13" t="s">
        <v>604</v>
      </c>
      <c r="B133738" s="14" t="s">
        <v>1</v>
      </c>
      <c r="C133738" s="14" t="s">
        <v>596</v>
      </c>
      <c r="D133738" s="14" t="s">
        <v>146</v>
      </c>
      <c r="E133738" s="15">
        <v>45524</v>
      </c>
      <c r="F133738" s="14" t="s">
        <v>61</v>
      </c>
      <c r="G133738" s="16">
        <v>0</v>
      </c>
    </row>
    <row r="133739" spans="1:7" x14ac:dyDescent="0.3">
      <c r="A133739" s="13" t="s">
        <v>604</v>
      </c>
      <c r="B133739" s="14" t="s">
        <v>1</v>
      </c>
      <c r="C133739" s="14" t="s">
        <v>596</v>
      </c>
      <c r="D133739" s="14" t="s">
        <v>146</v>
      </c>
      <c r="E133739" s="15">
        <v>45525</v>
      </c>
      <c r="F133739" s="14" t="s">
        <v>61</v>
      </c>
      <c r="G133739" s="16">
        <v>0</v>
      </c>
    </row>
    <row r="133740" spans="1:7" x14ac:dyDescent="0.3">
      <c r="A133740" s="13" t="s">
        <v>604</v>
      </c>
      <c r="B133740" s="14" t="s">
        <v>1</v>
      </c>
      <c r="C133740" s="14" t="s">
        <v>596</v>
      </c>
      <c r="D133740" s="14" t="s">
        <v>146</v>
      </c>
      <c r="E133740" s="15">
        <v>45526</v>
      </c>
      <c r="F133740" s="14" t="s">
        <v>61</v>
      </c>
      <c r="G133740" s="16">
        <v>0</v>
      </c>
    </row>
    <row r="133741" spans="1:7" x14ac:dyDescent="0.3">
      <c r="A133741" s="13" t="s">
        <v>604</v>
      </c>
      <c r="B133741" s="14" t="s">
        <v>1</v>
      </c>
      <c r="C133741" s="14" t="s">
        <v>596</v>
      </c>
      <c r="D133741" s="14" t="s">
        <v>146</v>
      </c>
      <c r="E133741" s="15">
        <v>45527</v>
      </c>
      <c r="F133741" s="14" t="s">
        <v>61</v>
      </c>
      <c r="G133741" s="16">
        <v>0</v>
      </c>
    </row>
    <row r="133742" spans="1:7" x14ac:dyDescent="0.3">
      <c r="A133742" s="13" t="s">
        <v>604</v>
      </c>
      <c r="B133742" s="14" t="s">
        <v>1</v>
      </c>
      <c r="C133742" s="14" t="s">
        <v>596</v>
      </c>
      <c r="D133742" s="14" t="s">
        <v>146</v>
      </c>
      <c r="E133742" s="15">
        <v>45528</v>
      </c>
      <c r="F133742" s="14" t="s">
        <v>61</v>
      </c>
      <c r="G133742" s="16">
        <v>0</v>
      </c>
    </row>
    <row r="133743" spans="1:7" x14ac:dyDescent="0.3">
      <c r="A133743" s="13" t="s">
        <v>604</v>
      </c>
      <c r="B133743" s="14" t="s">
        <v>1</v>
      </c>
      <c r="C133743" s="14" t="s">
        <v>596</v>
      </c>
      <c r="D133743" s="14" t="s">
        <v>146</v>
      </c>
      <c r="E133743" s="15">
        <v>45529</v>
      </c>
      <c r="F133743" s="14" t="s">
        <v>61</v>
      </c>
      <c r="G133743" s="16">
        <v>0</v>
      </c>
    </row>
    <row r="133744" spans="1:7" x14ac:dyDescent="0.3">
      <c r="A133744" s="13" t="s">
        <v>604</v>
      </c>
      <c r="B133744" s="14" t="s">
        <v>1</v>
      </c>
      <c r="C133744" s="14" t="s">
        <v>596</v>
      </c>
      <c r="D133744" s="14" t="s">
        <v>146</v>
      </c>
      <c r="E133744" s="15">
        <v>45530</v>
      </c>
      <c r="F133744" s="14" t="s">
        <v>61</v>
      </c>
      <c r="G133744" s="16">
        <v>0</v>
      </c>
    </row>
    <row r="133745" spans="1:7" x14ac:dyDescent="0.3">
      <c r="A133745" s="13" t="s">
        <v>604</v>
      </c>
      <c r="B133745" s="14" t="s">
        <v>1</v>
      </c>
      <c r="C133745" s="14" t="s">
        <v>596</v>
      </c>
      <c r="D133745" s="14" t="s">
        <v>146</v>
      </c>
      <c r="E133745" s="15">
        <v>45531</v>
      </c>
      <c r="F133745" s="14" t="s">
        <v>61</v>
      </c>
      <c r="G133745" s="16">
        <v>0</v>
      </c>
    </row>
    <row r="133746" spans="1:7" x14ac:dyDescent="0.3">
      <c r="A133746" s="13" t="s">
        <v>604</v>
      </c>
      <c r="B133746" s="14" t="s">
        <v>1</v>
      </c>
      <c r="C133746" s="14" t="s">
        <v>596</v>
      </c>
      <c r="D133746" s="14" t="s">
        <v>146</v>
      </c>
      <c r="E133746" s="15">
        <v>45532</v>
      </c>
      <c r="F133746" s="14" t="s">
        <v>61</v>
      </c>
      <c r="G133746" s="16">
        <v>0</v>
      </c>
    </row>
    <row r="133747" spans="1:7" x14ac:dyDescent="0.3">
      <c r="A133747" s="13" t="s">
        <v>604</v>
      </c>
      <c r="B133747" s="14" t="s">
        <v>1</v>
      </c>
      <c r="C133747" s="14" t="s">
        <v>596</v>
      </c>
      <c r="D133747" s="14" t="s">
        <v>146</v>
      </c>
      <c r="E133747" s="15">
        <v>45533</v>
      </c>
      <c r="F133747" s="14" t="s">
        <v>61</v>
      </c>
      <c r="G133747" s="16">
        <v>0</v>
      </c>
    </row>
    <row r="133748" spans="1:7" x14ac:dyDescent="0.3">
      <c r="A133748" s="13" t="s">
        <v>604</v>
      </c>
      <c r="B133748" s="14" t="s">
        <v>1</v>
      </c>
      <c r="C133748" s="14" t="s">
        <v>596</v>
      </c>
      <c r="D133748" s="14" t="s">
        <v>146</v>
      </c>
      <c r="E133748" s="15">
        <v>45534</v>
      </c>
      <c r="F133748" s="14" t="s">
        <v>61</v>
      </c>
      <c r="G133748" s="16">
        <v>0</v>
      </c>
    </row>
    <row r="133749" spans="1:7" x14ac:dyDescent="0.3">
      <c r="A133749" s="13" t="s">
        <v>604</v>
      </c>
      <c r="B133749" s="14" t="s">
        <v>1</v>
      </c>
      <c r="C133749" s="14" t="s">
        <v>596</v>
      </c>
      <c r="D133749" s="14" t="s">
        <v>146</v>
      </c>
      <c r="E133749" s="15">
        <v>45535</v>
      </c>
      <c r="F133749" s="14" t="s">
        <v>61</v>
      </c>
      <c r="G133749" s="16">
        <v>0</v>
      </c>
    </row>
    <row r="133750" spans="1:7" x14ac:dyDescent="0.3">
      <c r="A133750" s="13" t="s">
        <v>604</v>
      </c>
      <c r="B133750" s="14" t="s">
        <v>1</v>
      </c>
      <c r="C133750" s="14" t="s">
        <v>596</v>
      </c>
      <c r="D133750" s="14" t="s">
        <v>146</v>
      </c>
      <c r="E133750" s="15">
        <v>45536</v>
      </c>
      <c r="F133750" s="14" t="s">
        <v>61</v>
      </c>
      <c r="G133750" s="16">
        <v>0</v>
      </c>
    </row>
    <row r="133751" spans="1:7" x14ac:dyDescent="0.3">
      <c r="A133751" s="13" t="s">
        <v>604</v>
      </c>
      <c r="B133751" s="14" t="s">
        <v>1</v>
      </c>
      <c r="C133751" s="14" t="s">
        <v>596</v>
      </c>
      <c r="D133751" s="14" t="s">
        <v>146</v>
      </c>
      <c r="E133751" s="15">
        <v>45537</v>
      </c>
      <c r="F133751" s="14" t="s">
        <v>61</v>
      </c>
      <c r="G133751" s="16">
        <v>0</v>
      </c>
    </row>
    <row r="133752" spans="1:7" x14ac:dyDescent="0.3">
      <c r="A133752" s="13" t="s">
        <v>604</v>
      </c>
      <c r="B133752" s="14" t="s">
        <v>1</v>
      </c>
      <c r="C133752" s="14" t="s">
        <v>596</v>
      </c>
      <c r="D133752" s="14" t="s">
        <v>146</v>
      </c>
      <c r="E133752" s="15">
        <v>45538</v>
      </c>
      <c r="F133752" s="14" t="s">
        <v>61</v>
      </c>
      <c r="G133752" s="16">
        <v>0</v>
      </c>
    </row>
    <row r="133753" spans="1:7" x14ac:dyDescent="0.3">
      <c r="A133753" s="13" t="s">
        <v>604</v>
      </c>
      <c r="B133753" s="14" t="s">
        <v>1</v>
      </c>
      <c r="C133753" s="14" t="s">
        <v>596</v>
      </c>
      <c r="D133753" s="14" t="s">
        <v>146</v>
      </c>
      <c r="E133753" s="15">
        <v>45539</v>
      </c>
      <c r="F133753" s="14" t="s">
        <v>61</v>
      </c>
      <c r="G133753" s="16">
        <v>0</v>
      </c>
    </row>
    <row r="133754" spans="1:7" x14ac:dyDescent="0.3">
      <c r="A133754" s="13" t="s">
        <v>604</v>
      </c>
      <c r="B133754" s="14" t="s">
        <v>1</v>
      </c>
      <c r="C133754" s="14" t="s">
        <v>596</v>
      </c>
      <c r="D133754" s="14" t="s">
        <v>146</v>
      </c>
      <c r="E133754" s="15">
        <v>45540</v>
      </c>
      <c r="F133754" s="14" t="s">
        <v>61</v>
      </c>
      <c r="G133754" s="16">
        <v>0</v>
      </c>
    </row>
    <row r="133755" spans="1:7" x14ac:dyDescent="0.3">
      <c r="A133755" s="13" t="s">
        <v>604</v>
      </c>
      <c r="B133755" s="14" t="s">
        <v>1</v>
      </c>
      <c r="C133755" s="14" t="s">
        <v>596</v>
      </c>
      <c r="D133755" s="14" t="s">
        <v>146</v>
      </c>
      <c r="E133755" s="15">
        <v>45541</v>
      </c>
      <c r="F133755" s="14" t="s">
        <v>61</v>
      </c>
      <c r="G133755" s="16">
        <v>0</v>
      </c>
    </row>
    <row r="133756" spans="1:7" x14ac:dyDescent="0.3">
      <c r="A133756" s="13" t="s">
        <v>604</v>
      </c>
      <c r="B133756" s="14" t="s">
        <v>1</v>
      </c>
      <c r="C133756" s="14" t="s">
        <v>596</v>
      </c>
      <c r="D133756" s="14" t="s">
        <v>146</v>
      </c>
      <c r="E133756" s="15">
        <v>45542</v>
      </c>
      <c r="F133756" s="14" t="s">
        <v>61</v>
      </c>
      <c r="G133756" s="16">
        <v>0</v>
      </c>
    </row>
    <row r="133757" spans="1:7" x14ac:dyDescent="0.3">
      <c r="A133757" s="13" t="s">
        <v>604</v>
      </c>
      <c r="B133757" s="14" t="s">
        <v>1</v>
      </c>
      <c r="C133757" s="14" t="s">
        <v>596</v>
      </c>
      <c r="D133757" s="14" t="s">
        <v>146</v>
      </c>
      <c r="E133757" s="15">
        <v>45543</v>
      </c>
      <c r="F133757" s="14" t="s">
        <v>61</v>
      </c>
      <c r="G133757" s="16">
        <v>0</v>
      </c>
    </row>
    <row r="133758" spans="1:7" x14ac:dyDescent="0.3">
      <c r="A133758" s="13" t="s">
        <v>604</v>
      </c>
      <c r="B133758" s="14" t="s">
        <v>1</v>
      </c>
      <c r="C133758" s="14" t="s">
        <v>596</v>
      </c>
      <c r="D133758" s="14" t="s">
        <v>146</v>
      </c>
      <c r="E133758" s="15">
        <v>45544</v>
      </c>
      <c r="F133758" s="14" t="s">
        <v>61</v>
      </c>
      <c r="G133758" s="16">
        <v>0</v>
      </c>
    </row>
    <row r="133759" spans="1:7" x14ac:dyDescent="0.3">
      <c r="A133759" s="13" t="s">
        <v>604</v>
      </c>
      <c r="B133759" s="14" t="s">
        <v>1</v>
      </c>
      <c r="C133759" s="14" t="s">
        <v>596</v>
      </c>
      <c r="D133759" s="14" t="s">
        <v>146</v>
      </c>
      <c r="E133759" s="15">
        <v>45545</v>
      </c>
      <c r="F133759" s="14" t="s">
        <v>61</v>
      </c>
      <c r="G133759" s="16">
        <v>0</v>
      </c>
    </row>
    <row r="133760" spans="1:7" x14ac:dyDescent="0.3">
      <c r="A133760" s="13" t="s">
        <v>604</v>
      </c>
      <c r="B133760" s="14" t="s">
        <v>1</v>
      </c>
      <c r="C133760" s="14" t="s">
        <v>596</v>
      </c>
      <c r="D133760" s="14" t="s">
        <v>146</v>
      </c>
      <c r="E133760" s="15">
        <v>45546</v>
      </c>
      <c r="F133760" s="14" t="s">
        <v>61</v>
      </c>
      <c r="G133760" s="16">
        <v>0</v>
      </c>
    </row>
    <row r="133761" spans="1:7" x14ac:dyDescent="0.3">
      <c r="A133761" s="13" t="s">
        <v>604</v>
      </c>
      <c r="B133761" s="14" t="s">
        <v>1</v>
      </c>
      <c r="C133761" s="14" t="s">
        <v>596</v>
      </c>
      <c r="D133761" s="14" t="s">
        <v>146</v>
      </c>
      <c r="E133761" s="15">
        <v>45547</v>
      </c>
      <c r="F133761" s="14" t="s">
        <v>61</v>
      </c>
      <c r="G133761" s="16">
        <v>0</v>
      </c>
    </row>
    <row r="133762" spans="1:7" x14ac:dyDescent="0.3">
      <c r="A133762" s="13" t="s">
        <v>604</v>
      </c>
      <c r="B133762" s="14" t="s">
        <v>1</v>
      </c>
      <c r="C133762" s="14" t="s">
        <v>596</v>
      </c>
      <c r="D133762" s="14" t="s">
        <v>146</v>
      </c>
      <c r="E133762" s="15">
        <v>45548</v>
      </c>
      <c r="F133762" s="14" t="s">
        <v>61</v>
      </c>
      <c r="G133762" s="16">
        <v>0</v>
      </c>
    </row>
    <row r="133763" spans="1:7" x14ac:dyDescent="0.3">
      <c r="A133763" s="13" t="s">
        <v>604</v>
      </c>
      <c r="B133763" s="14" t="s">
        <v>1</v>
      </c>
      <c r="C133763" s="14" t="s">
        <v>596</v>
      </c>
      <c r="D133763" s="14" t="s">
        <v>146</v>
      </c>
      <c r="E133763" s="15">
        <v>45549</v>
      </c>
      <c r="F133763" s="14" t="s">
        <v>61</v>
      </c>
      <c r="G133763" s="16">
        <v>0</v>
      </c>
    </row>
    <row r="133764" spans="1:7" x14ac:dyDescent="0.3">
      <c r="A133764" s="13" t="s">
        <v>604</v>
      </c>
      <c r="B133764" s="14" t="s">
        <v>1</v>
      </c>
      <c r="C133764" s="14" t="s">
        <v>596</v>
      </c>
      <c r="D133764" s="14" t="s">
        <v>146</v>
      </c>
      <c r="E133764" s="15">
        <v>45550</v>
      </c>
      <c r="F133764" s="14" t="s">
        <v>61</v>
      </c>
      <c r="G133764" s="16">
        <v>0</v>
      </c>
    </row>
    <row r="133765" spans="1:7" x14ac:dyDescent="0.3">
      <c r="A133765" s="13" t="s">
        <v>604</v>
      </c>
      <c r="B133765" s="14" t="s">
        <v>1</v>
      </c>
      <c r="C133765" s="14" t="s">
        <v>596</v>
      </c>
      <c r="D133765" s="14" t="s">
        <v>146</v>
      </c>
      <c r="E133765" s="15">
        <v>45551</v>
      </c>
      <c r="F133765" s="14" t="s">
        <v>61</v>
      </c>
      <c r="G133765" s="16">
        <v>0</v>
      </c>
    </row>
    <row r="133766" spans="1:7" x14ac:dyDescent="0.3">
      <c r="A133766" s="13" t="s">
        <v>604</v>
      </c>
      <c r="B133766" s="14" t="s">
        <v>1</v>
      </c>
      <c r="C133766" s="14" t="s">
        <v>596</v>
      </c>
      <c r="D133766" s="14" t="s">
        <v>146</v>
      </c>
      <c r="E133766" s="15">
        <v>45552</v>
      </c>
      <c r="F133766" s="14" t="s">
        <v>61</v>
      </c>
      <c r="G133766" s="16">
        <v>0</v>
      </c>
    </row>
    <row r="133767" spans="1:7" x14ac:dyDescent="0.3">
      <c r="A133767" s="13" t="s">
        <v>604</v>
      </c>
      <c r="B133767" s="14" t="s">
        <v>1</v>
      </c>
      <c r="C133767" s="14" t="s">
        <v>596</v>
      </c>
      <c r="D133767" s="14" t="s">
        <v>146</v>
      </c>
      <c r="E133767" s="15">
        <v>45553</v>
      </c>
      <c r="F133767" s="14" t="s">
        <v>61</v>
      </c>
      <c r="G133767" s="16">
        <v>0</v>
      </c>
    </row>
    <row r="133768" spans="1:7" x14ac:dyDescent="0.3">
      <c r="A133768" s="13" t="s">
        <v>604</v>
      </c>
      <c r="B133768" s="14" t="s">
        <v>1</v>
      </c>
      <c r="C133768" s="14" t="s">
        <v>596</v>
      </c>
      <c r="D133768" s="14" t="s">
        <v>146</v>
      </c>
      <c r="E133768" s="15">
        <v>45554</v>
      </c>
      <c r="F133768" s="14" t="s">
        <v>61</v>
      </c>
      <c r="G133768" s="16">
        <v>0</v>
      </c>
    </row>
    <row r="133769" spans="1:7" x14ac:dyDescent="0.3">
      <c r="A133769" s="13" t="s">
        <v>604</v>
      </c>
      <c r="B133769" s="14" t="s">
        <v>1</v>
      </c>
      <c r="C133769" s="14" t="s">
        <v>596</v>
      </c>
      <c r="D133769" s="14" t="s">
        <v>146</v>
      </c>
      <c r="E133769" s="15">
        <v>45555</v>
      </c>
      <c r="F133769" s="14" t="s">
        <v>61</v>
      </c>
      <c r="G133769" s="16">
        <v>0</v>
      </c>
    </row>
    <row r="133770" spans="1:7" x14ac:dyDescent="0.3">
      <c r="A133770" s="13" t="s">
        <v>604</v>
      </c>
      <c r="B133770" s="14" t="s">
        <v>1</v>
      </c>
      <c r="C133770" s="14" t="s">
        <v>596</v>
      </c>
      <c r="D133770" s="14" t="s">
        <v>146</v>
      </c>
      <c r="E133770" s="15">
        <v>45556</v>
      </c>
      <c r="F133770" s="14" t="s">
        <v>61</v>
      </c>
      <c r="G133770" s="16">
        <v>0</v>
      </c>
    </row>
    <row r="133771" spans="1:7" x14ac:dyDescent="0.3">
      <c r="A133771" s="13" t="s">
        <v>604</v>
      </c>
      <c r="B133771" s="14" t="s">
        <v>1</v>
      </c>
      <c r="C133771" s="14" t="s">
        <v>596</v>
      </c>
      <c r="D133771" s="14" t="s">
        <v>146</v>
      </c>
      <c r="E133771" s="15">
        <v>45557</v>
      </c>
      <c r="F133771" s="14" t="s">
        <v>61</v>
      </c>
      <c r="G133771" s="16">
        <v>0</v>
      </c>
    </row>
    <row r="133772" spans="1:7" x14ac:dyDescent="0.3">
      <c r="A133772" s="13" t="s">
        <v>604</v>
      </c>
      <c r="B133772" s="14" t="s">
        <v>1</v>
      </c>
      <c r="C133772" s="14" t="s">
        <v>596</v>
      </c>
      <c r="D133772" s="14" t="s">
        <v>146</v>
      </c>
      <c r="E133772" s="15">
        <v>45558</v>
      </c>
      <c r="F133772" s="14" t="s">
        <v>61</v>
      </c>
      <c r="G133772" s="16">
        <v>0</v>
      </c>
    </row>
    <row r="133773" spans="1:7" x14ac:dyDescent="0.3">
      <c r="A133773" s="13" t="s">
        <v>604</v>
      </c>
      <c r="B133773" s="14" t="s">
        <v>1</v>
      </c>
      <c r="C133773" s="14" t="s">
        <v>596</v>
      </c>
      <c r="D133773" s="14" t="s">
        <v>146</v>
      </c>
      <c r="E133773" s="15">
        <v>45559</v>
      </c>
      <c r="F133773" s="14" t="s">
        <v>61</v>
      </c>
      <c r="G133773" s="16">
        <v>0</v>
      </c>
    </row>
    <row r="133774" spans="1:7" x14ac:dyDescent="0.3">
      <c r="A133774" s="13" t="s">
        <v>604</v>
      </c>
      <c r="B133774" s="14" t="s">
        <v>1</v>
      </c>
      <c r="C133774" s="14" t="s">
        <v>596</v>
      </c>
      <c r="D133774" s="14" t="s">
        <v>146</v>
      </c>
      <c r="E133774" s="15">
        <v>45560</v>
      </c>
      <c r="F133774" s="14" t="s">
        <v>61</v>
      </c>
      <c r="G133774" s="16">
        <v>0</v>
      </c>
    </row>
    <row r="133775" spans="1:7" x14ac:dyDescent="0.3">
      <c r="A133775" s="13" t="s">
        <v>604</v>
      </c>
      <c r="B133775" s="14" t="s">
        <v>1</v>
      </c>
      <c r="C133775" s="14" t="s">
        <v>596</v>
      </c>
      <c r="D133775" s="14" t="s">
        <v>146</v>
      </c>
      <c r="E133775" s="15">
        <v>45561</v>
      </c>
      <c r="F133775" s="14" t="s">
        <v>61</v>
      </c>
      <c r="G133775" s="16">
        <v>0</v>
      </c>
    </row>
    <row r="133776" spans="1:7" x14ac:dyDescent="0.3">
      <c r="A133776" s="13" t="s">
        <v>604</v>
      </c>
      <c r="B133776" s="14" t="s">
        <v>1</v>
      </c>
      <c r="C133776" s="14" t="s">
        <v>596</v>
      </c>
      <c r="D133776" s="14" t="s">
        <v>146</v>
      </c>
      <c r="E133776" s="15">
        <v>45562</v>
      </c>
      <c r="F133776" s="14" t="s">
        <v>61</v>
      </c>
      <c r="G133776" s="16">
        <v>0</v>
      </c>
    </row>
    <row r="133777" spans="1:7" x14ac:dyDescent="0.3">
      <c r="A133777" s="13" t="s">
        <v>604</v>
      </c>
      <c r="B133777" s="14" t="s">
        <v>1</v>
      </c>
      <c r="C133777" s="14" t="s">
        <v>596</v>
      </c>
      <c r="D133777" s="14" t="s">
        <v>146</v>
      </c>
      <c r="E133777" s="15">
        <v>45563</v>
      </c>
      <c r="F133777" s="14" t="s">
        <v>61</v>
      </c>
      <c r="G133777" s="16">
        <v>0</v>
      </c>
    </row>
    <row r="133778" spans="1:7" x14ac:dyDescent="0.3">
      <c r="A133778" s="13" t="s">
        <v>604</v>
      </c>
      <c r="B133778" s="14" t="s">
        <v>1</v>
      </c>
      <c r="C133778" s="14" t="s">
        <v>596</v>
      </c>
      <c r="D133778" s="14" t="s">
        <v>146</v>
      </c>
      <c r="E133778" s="15">
        <v>45564</v>
      </c>
      <c r="F133778" s="14" t="s">
        <v>61</v>
      </c>
      <c r="G133778" s="16">
        <v>0</v>
      </c>
    </row>
    <row r="133779" spans="1:7" x14ac:dyDescent="0.3">
      <c r="A133779" s="13" t="s">
        <v>604</v>
      </c>
      <c r="B133779" s="14" t="s">
        <v>1</v>
      </c>
      <c r="C133779" s="14" t="s">
        <v>596</v>
      </c>
      <c r="D133779" s="14" t="s">
        <v>146</v>
      </c>
      <c r="E133779" s="15">
        <v>45565</v>
      </c>
      <c r="F133779" s="14" t="s">
        <v>61</v>
      </c>
      <c r="G133779" s="16">
        <v>0</v>
      </c>
    </row>
    <row r="133780" spans="1:7" x14ac:dyDescent="0.3">
      <c r="A133780" s="13" t="s">
        <v>604</v>
      </c>
      <c r="B133780" s="14" t="s">
        <v>1</v>
      </c>
      <c r="C133780" s="14" t="s">
        <v>596</v>
      </c>
      <c r="D133780" s="14" t="s">
        <v>146</v>
      </c>
      <c r="E133780" s="15">
        <v>45566</v>
      </c>
      <c r="F133780" s="14" t="s">
        <v>61</v>
      </c>
      <c r="G133780" s="16">
        <v>0</v>
      </c>
    </row>
    <row r="133781" spans="1:7" x14ac:dyDescent="0.3">
      <c r="A133781" s="13" t="s">
        <v>604</v>
      </c>
      <c r="B133781" s="14" t="s">
        <v>1</v>
      </c>
      <c r="C133781" s="14" t="s">
        <v>596</v>
      </c>
      <c r="D133781" s="14" t="s">
        <v>146</v>
      </c>
      <c r="E133781" s="15">
        <v>45567</v>
      </c>
      <c r="F133781" s="14" t="s">
        <v>61</v>
      </c>
      <c r="G133781" s="16">
        <v>0</v>
      </c>
    </row>
    <row r="133782" spans="1:7" x14ac:dyDescent="0.3">
      <c r="A133782" s="13" t="s">
        <v>604</v>
      </c>
      <c r="B133782" s="14" t="s">
        <v>1</v>
      </c>
      <c r="C133782" s="14" t="s">
        <v>596</v>
      </c>
      <c r="D133782" s="14" t="s">
        <v>146</v>
      </c>
      <c r="E133782" s="15">
        <v>45568</v>
      </c>
      <c r="F133782" s="14" t="s">
        <v>61</v>
      </c>
      <c r="G133782" s="16">
        <v>0</v>
      </c>
    </row>
    <row r="133783" spans="1:7" x14ac:dyDescent="0.3">
      <c r="A133783" s="13" t="s">
        <v>604</v>
      </c>
      <c r="B133783" s="14" t="s">
        <v>1</v>
      </c>
      <c r="C133783" s="14" t="s">
        <v>596</v>
      </c>
      <c r="D133783" s="14" t="s">
        <v>146</v>
      </c>
      <c r="E133783" s="15">
        <v>45569</v>
      </c>
      <c r="F133783" s="14" t="s">
        <v>61</v>
      </c>
      <c r="G133783" s="16">
        <v>0</v>
      </c>
    </row>
    <row r="133784" spans="1:7" x14ac:dyDescent="0.3">
      <c r="A133784" s="13" t="s">
        <v>604</v>
      </c>
      <c r="B133784" s="14" t="s">
        <v>1</v>
      </c>
      <c r="C133784" s="14" t="s">
        <v>596</v>
      </c>
      <c r="D133784" s="14" t="s">
        <v>146</v>
      </c>
      <c r="E133784" s="15">
        <v>45570</v>
      </c>
      <c r="F133784" s="14" t="s">
        <v>61</v>
      </c>
      <c r="G133784" s="16">
        <v>0</v>
      </c>
    </row>
    <row r="133785" spans="1:7" x14ac:dyDescent="0.3">
      <c r="A133785" s="13" t="s">
        <v>604</v>
      </c>
      <c r="B133785" s="14" t="s">
        <v>1</v>
      </c>
      <c r="C133785" s="14" t="s">
        <v>596</v>
      </c>
      <c r="D133785" s="14" t="s">
        <v>146</v>
      </c>
      <c r="E133785" s="15">
        <v>45571</v>
      </c>
      <c r="F133785" s="14" t="s">
        <v>61</v>
      </c>
      <c r="G133785" s="16">
        <v>0</v>
      </c>
    </row>
    <row r="133786" spans="1:7" x14ac:dyDescent="0.3">
      <c r="A133786" s="13" t="s">
        <v>604</v>
      </c>
      <c r="B133786" s="14" t="s">
        <v>1</v>
      </c>
      <c r="C133786" s="14" t="s">
        <v>596</v>
      </c>
      <c r="D133786" s="14" t="s">
        <v>146</v>
      </c>
      <c r="E133786" s="15">
        <v>45572</v>
      </c>
      <c r="F133786" s="14" t="s">
        <v>61</v>
      </c>
      <c r="G133786" s="16">
        <v>0</v>
      </c>
    </row>
    <row r="133787" spans="1:7" x14ac:dyDescent="0.3">
      <c r="A133787" s="13" t="s">
        <v>604</v>
      </c>
      <c r="B133787" s="14" t="s">
        <v>1</v>
      </c>
      <c r="C133787" s="14" t="s">
        <v>596</v>
      </c>
      <c r="D133787" s="14" t="s">
        <v>146</v>
      </c>
      <c r="E133787" s="15">
        <v>45573</v>
      </c>
      <c r="F133787" s="14" t="s">
        <v>61</v>
      </c>
      <c r="G133787" s="16">
        <v>0</v>
      </c>
    </row>
    <row r="133788" spans="1:7" x14ac:dyDescent="0.3">
      <c r="A133788" s="13" t="s">
        <v>604</v>
      </c>
      <c r="B133788" s="14" t="s">
        <v>1</v>
      </c>
      <c r="C133788" s="14" t="s">
        <v>596</v>
      </c>
      <c r="D133788" s="14" t="s">
        <v>146</v>
      </c>
      <c r="E133788" s="15">
        <v>45574</v>
      </c>
      <c r="F133788" s="14" t="s">
        <v>61</v>
      </c>
      <c r="G133788" s="16">
        <v>0</v>
      </c>
    </row>
    <row r="133789" spans="1:7" x14ac:dyDescent="0.3">
      <c r="A133789" s="13" t="s">
        <v>604</v>
      </c>
      <c r="B133789" s="14" t="s">
        <v>1</v>
      </c>
      <c r="C133789" s="14" t="s">
        <v>596</v>
      </c>
      <c r="D133789" s="14" t="s">
        <v>146</v>
      </c>
      <c r="E133789" s="15">
        <v>45575</v>
      </c>
      <c r="F133789" s="14" t="s">
        <v>61</v>
      </c>
      <c r="G133789" s="16">
        <v>0</v>
      </c>
    </row>
    <row r="133790" spans="1:7" x14ac:dyDescent="0.3">
      <c r="A133790" s="13" t="s">
        <v>604</v>
      </c>
      <c r="B133790" s="14" t="s">
        <v>1</v>
      </c>
      <c r="C133790" s="14" t="s">
        <v>596</v>
      </c>
      <c r="D133790" s="14" t="s">
        <v>146</v>
      </c>
      <c r="E133790" s="15">
        <v>45576</v>
      </c>
      <c r="F133790" s="14" t="s">
        <v>61</v>
      </c>
      <c r="G133790" s="16">
        <v>0</v>
      </c>
    </row>
    <row r="133791" spans="1:7" x14ac:dyDescent="0.3">
      <c r="A133791" s="13" t="s">
        <v>604</v>
      </c>
      <c r="B133791" s="14" t="s">
        <v>1</v>
      </c>
      <c r="C133791" s="14" t="s">
        <v>596</v>
      </c>
      <c r="D133791" s="14" t="s">
        <v>146</v>
      </c>
      <c r="E133791" s="15">
        <v>45577</v>
      </c>
      <c r="F133791" s="14" t="s">
        <v>61</v>
      </c>
      <c r="G133791" s="16">
        <v>0</v>
      </c>
    </row>
    <row r="133792" spans="1:7" x14ac:dyDescent="0.3">
      <c r="A133792" s="13" t="s">
        <v>604</v>
      </c>
      <c r="B133792" s="14" t="s">
        <v>1</v>
      </c>
      <c r="C133792" s="14" t="s">
        <v>596</v>
      </c>
      <c r="D133792" s="14" t="s">
        <v>146</v>
      </c>
      <c r="E133792" s="15">
        <v>45578</v>
      </c>
      <c r="F133792" s="14" t="s">
        <v>61</v>
      </c>
      <c r="G133792" s="16">
        <v>0</v>
      </c>
    </row>
    <row r="133793" spans="1:7" x14ac:dyDescent="0.3">
      <c r="A133793" s="13" t="s">
        <v>604</v>
      </c>
      <c r="B133793" s="14" t="s">
        <v>1</v>
      </c>
      <c r="C133793" s="14" t="s">
        <v>596</v>
      </c>
      <c r="D133793" s="14" t="s">
        <v>146</v>
      </c>
      <c r="E133793" s="15">
        <v>45579</v>
      </c>
      <c r="F133793" s="14" t="s">
        <v>61</v>
      </c>
      <c r="G133793" s="16">
        <v>0</v>
      </c>
    </row>
    <row r="133794" spans="1:7" x14ac:dyDescent="0.3">
      <c r="A133794" s="13" t="s">
        <v>604</v>
      </c>
      <c r="B133794" s="14" t="s">
        <v>1</v>
      </c>
      <c r="C133794" s="14" t="s">
        <v>596</v>
      </c>
      <c r="D133794" s="14" t="s">
        <v>146</v>
      </c>
      <c r="E133794" s="15">
        <v>45580</v>
      </c>
      <c r="F133794" s="14" t="s">
        <v>61</v>
      </c>
      <c r="G133794" s="16">
        <v>0</v>
      </c>
    </row>
    <row r="133795" spans="1:7" x14ac:dyDescent="0.3">
      <c r="A133795" s="13" t="s">
        <v>604</v>
      </c>
      <c r="B133795" s="14" t="s">
        <v>1</v>
      </c>
      <c r="C133795" s="14" t="s">
        <v>596</v>
      </c>
      <c r="D133795" s="14" t="s">
        <v>146</v>
      </c>
      <c r="E133795" s="15">
        <v>45581</v>
      </c>
      <c r="F133795" s="14" t="s">
        <v>61</v>
      </c>
      <c r="G133795" s="16">
        <v>0</v>
      </c>
    </row>
    <row r="133796" spans="1:7" x14ac:dyDescent="0.3">
      <c r="A133796" s="13" t="s">
        <v>604</v>
      </c>
      <c r="B133796" s="14" t="s">
        <v>1</v>
      </c>
      <c r="C133796" s="14" t="s">
        <v>596</v>
      </c>
      <c r="D133796" s="14" t="s">
        <v>146</v>
      </c>
      <c r="E133796" s="15">
        <v>45582</v>
      </c>
      <c r="F133796" s="14" t="s">
        <v>61</v>
      </c>
      <c r="G133796" s="16">
        <v>0</v>
      </c>
    </row>
    <row r="133797" spans="1:7" x14ac:dyDescent="0.3">
      <c r="A133797" s="13" t="s">
        <v>604</v>
      </c>
      <c r="B133797" s="14" t="s">
        <v>1</v>
      </c>
      <c r="C133797" s="14" t="s">
        <v>596</v>
      </c>
      <c r="D133797" s="14" t="s">
        <v>146</v>
      </c>
      <c r="E133797" s="15">
        <v>45583</v>
      </c>
      <c r="F133797" s="14" t="s">
        <v>61</v>
      </c>
      <c r="G133797" s="16">
        <v>0</v>
      </c>
    </row>
    <row r="133798" spans="1:7" x14ac:dyDescent="0.3">
      <c r="A133798" s="13" t="s">
        <v>604</v>
      </c>
      <c r="B133798" s="14" t="s">
        <v>1</v>
      </c>
      <c r="C133798" s="14" t="s">
        <v>596</v>
      </c>
      <c r="D133798" s="14" t="s">
        <v>146</v>
      </c>
      <c r="E133798" s="15">
        <v>45584</v>
      </c>
      <c r="F133798" s="14" t="s">
        <v>61</v>
      </c>
      <c r="G133798" s="16">
        <v>0</v>
      </c>
    </row>
    <row r="133799" spans="1:7" x14ac:dyDescent="0.3">
      <c r="A133799" s="13" t="s">
        <v>604</v>
      </c>
      <c r="B133799" s="14" t="s">
        <v>1</v>
      </c>
      <c r="C133799" s="14" t="s">
        <v>596</v>
      </c>
      <c r="D133799" s="14" t="s">
        <v>146</v>
      </c>
      <c r="E133799" s="15">
        <v>45585</v>
      </c>
      <c r="F133799" s="14" t="s">
        <v>61</v>
      </c>
      <c r="G133799" s="16">
        <v>0</v>
      </c>
    </row>
    <row r="133800" spans="1:7" x14ac:dyDescent="0.3">
      <c r="A133800" s="13" t="s">
        <v>604</v>
      </c>
      <c r="B133800" s="14" t="s">
        <v>1</v>
      </c>
      <c r="C133800" s="14" t="s">
        <v>596</v>
      </c>
      <c r="D133800" s="14" t="s">
        <v>146</v>
      </c>
      <c r="E133800" s="15">
        <v>45586</v>
      </c>
      <c r="F133800" s="14" t="s">
        <v>61</v>
      </c>
      <c r="G133800" s="16">
        <v>0</v>
      </c>
    </row>
    <row r="133801" spans="1:7" x14ac:dyDescent="0.3">
      <c r="A133801" s="13" t="s">
        <v>604</v>
      </c>
      <c r="B133801" s="14" t="s">
        <v>1</v>
      </c>
      <c r="C133801" s="14" t="s">
        <v>596</v>
      </c>
      <c r="D133801" s="14" t="s">
        <v>146</v>
      </c>
      <c r="E133801" s="15">
        <v>45587</v>
      </c>
      <c r="F133801" s="14" t="s">
        <v>61</v>
      </c>
      <c r="G133801" s="16">
        <v>0</v>
      </c>
    </row>
    <row r="133802" spans="1:7" x14ac:dyDescent="0.3">
      <c r="A133802" s="13" t="s">
        <v>604</v>
      </c>
      <c r="B133802" s="14" t="s">
        <v>1</v>
      </c>
      <c r="C133802" s="14" t="s">
        <v>596</v>
      </c>
      <c r="D133802" s="14" t="s">
        <v>146</v>
      </c>
      <c r="E133802" s="15">
        <v>45588</v>
      </c>
      <c r="F133802" s="14" t="s">
        <v>61</v>
      </c>
      <c r="G133802" s="16">
        <v>0</v>
      </c>
    </row>
    <row r="133803" spans="1:7" x14ac:dyDescent="0.3">
      <c r="A133803" s="13" t="s">
        <v>604</v>
      </c>
      <c r="B133803" s="14" t="s">
        <v>1</v>
      </c>
      <c r="C133803" s="14" t="s">
        <v>596</v>
      </c>
      <c r="D133803" s="14" t="s">
        <v>146</v>
      </c>
      <c r="E133803" s="15">
        <v>45589</v>
      </c>
      <c r="F133803" s="14" t="s">
        <v>61</v>
      </c>
      <c r="G133803" s="16">
        <v>0</v>
      </c>
    </row>
    <row r="133804" spans="1:7" x14ac:dyDescent="0.3">
      <c r="A133804" s="13" t="s">
        <v>604</v>
      </c>
      <c r="B133804" s="14" t="s">
        <v>1</v>
      </c>
      <c r="C133804" s="14" t="s">
        <v>596</v>
      </c>
      <c r="D133804" s="14" t="s">
        <v>146</v>
      </c>
      <c r="E133804" s="15">
        <v>45590</v>
      </c>
      <c r="F133804" s="14" t="s">
        <v>61</v>
      </c>
      <c r="G133804" s="16">
        <v>0</v>
      </c>
    </row>
    <row r="133805" spans="1:7" x14ac:dyDescent="0.3">
      <c r="A133805" s="13" t="s">
        <v>604</v>
      </c>
      <c r="B133805" s="14" t="s">
        <v>1</v>
      </c>
      <c r="C133805" s="14" t="s">
        <v>596</v>
      </c>
      <c r="D133805" s="14" t="s">
        <v>146</v>
      </c>
      <c r="E133805" s="15">
        <v>45591</v>
      </c>
      <c r="F133805" s="14" t="s">
        <v>61</v>
      </c>
      <c r="G133805" s="16">
        <v>0</v>
      </c>
    </row>
    <row r="133806" spans="1:7" x14ac:dyDescent="0.3">
      <c r="A133806" s="13" t="s">
        <v>604</v>
      </c>
      <c r="B133806" s="14" t="s">
        <v>1</v>
      </c>
      <c r="C133806" s="14" t="s">
        <v>596</v>
      </c>
      <c r="D133806" s="14" t="s">
        <v>146</v>
      </c>
      <c r="E133806" s="15">
        <v>45592</v>
      </c>
      <c r="F133806" s="14" t="s">
        <v>61</v>
      </c>
      <c r="G133806" s="16">
        <v>0</v>
      </c>
    </row>
    <row r="133807" spans="1:7" x14ac:dyDescent="0.3">
      <c r="A133807" s="13" t="s">
        <v>604</v>
      </c>
      <c r="B133807" s="14" t="s">
        <v>1</v>
      </c>
      <c r="C133807" s="14" t="s">
        <v>596</v>
      </c>
      <c r="D133807" s="14" t="s">
        <v>146</v>
      </c>
      <c r="E133807" s="15">
        <v>45593</v>
      </c>
      <c r="F133807" s="14" t="s">
        <v>61</v>
      </c>
      <c r="G133807" s="16">
        <v>0</v>
      </c>
    </row>
    <row r="133808" spans="1:7" x14ac:dyDescent="0.3">
      <c r="A133808" s="13" t="s">
        <v>604</v>
      </c>
      <c r="B133808" s="14" t="s">
        <v>1</v>
      </c>
      <c r="C133808" s="14" t="s">
        <v>596</v>
      </c>
      <c r="D133808" s="14" t="s">
        <v>146</v>
      </c>
      <c r="E133808" s="15">
        <v>45594</v>
      </c>
      <c r="F133808" s="14" t="s">
        <v>61</v>
      </c>
      <c r="G133808" s="16">
        <v>0</v>
      </c>
    </row>
    <row r="133809" spans="1:7" x14ac:dyDescent="0.3">
      <c r="A133809" s="13" t="s">
        <v>604</v>
      </c>
      <c r="B133809" s="14" t="s">
        <v>1</v>
      </c>
      <c r="C133809" s="14" t="s">
        <v>596</v>
      </c>
      <c r="D133809" s="14" t="s">
        <v>146</v>
      </c>
      <c r="E133809" s="15">
        <v>45595</v>
      </c>
      <c r="F133809" s="14" t="s">
        <v>61</v>
      </c>
      <c r="G133809" s="16">
        <v>0</v>
      </c>
    </row>
    <row r="133810" spans="1:7" x14ac:dyDescent="0.3">
      <c r="A133810" s="13" t="s">
        <v>604</v>
      </c>
      <c r="B133810" s="14" t="s">
        <v>1</v>
      </c>
      <c r="C133810" s="14" t="s">
        <v>596</v>
      </c>
      <c r="D133810" s="14" t="s">
        <v>146</v>
      </c>
      <c r="E133810" s="15">
        <v>45596</v>
      </c>
      <c r="F133810" s="14" t="s">
        <v>61</v>
      </c>
      <c r="G133810" s="16">
        <v>0</v>
      </c>
    </row>
    <row r="133811" spans="1:7" x14ac:dyDescent="0.3">
      <c r="A133811" s="13" t="s">
        <v>604</v>
      </c>
      <c r="B133811" s="14" t="s">
        <v>1</v>
      </c>
      <c r="C133811" s="14" t="s">
        <v>596</v>
      </c>
      <c r="D133811" s="14" t="s">
        <v>146</v>
      </c>
      <c r="E133811" s="15">
        <v>45597</v>
      </c>
      <c r="F133811" s="14" t="s">
        <v>61</v>
      </c>
      <c r="G133811" s="16">
        <v>0</v>
      </c>
    </row>
    <row r="133812" spans="1:7" x14ac:dyDescent="0.3">
      <c r="A133812" s="13" t="s">
        <v>604</v>
      </c>
      <c r="B133812" s="14" t="s">
        <v>1</v>
      </c>
      <c r="C133812" s="14" t="s">
        <v>596</v>
      </c>
      <c r="D133812" s="14" t="s">
        <v>146</v>
      </c>
      <c r="E133812" s="15">
        <v>45598</v>
      </c>
      <c r="F133812" s="14" t="s">
        <v>61</v>
      </c>
      <c r="G133812" s="16">
        <v>0</v>
      </c>
    </row>
    <row r="133813" spans="1:7" x14ac:dyDescent="0.3">
      <c r="A133813" s="13" t="s">
        <v>604</v>
      </c>
      <c r="B133813" s="14" t="s">
        <v>1</v>
      </c>
      <c r="C133813" s="14" t="s">
        <v>596</v>
      </c>
      <c r="D133813" s="14" t="s">
        <v>146</v>
      </c>
      <c r="E133813" s="15">
        <v>45599</v>
      </c>
      <c r="F133813" s="14" t="s">
        <v>61</v>
      </c>
      <c r="G133813" s="16">
        <v>0</v>
      </c>
    </row>
    <row r="133814" spans="1:7" x14ac:dyDescent="0.3">
      <c r="A133814" s="13" t="s">
        <v>604</v>
      </c>
      <c r="B133814" s="14" t="s">
        <v>1</v>
      </c>
      <c r="C133814" s="14" t="s">
        <v>596</v>
      </c>
      <c r="D133814" s="14" t="s">
        <v>146</v>
      </c>
      <c r="E133814" s="15">
        <v>45600</v>
      </c>
      <c r="F133814" s="14" t="s">
        <v>61</v>
      </c>
      <c r="G133814" s="16">
        <v>0</v>
      </c>
    </row>
    <row r="133815" spans="1:7" x14ac:dyDescent="0.3">
      <c r="A133815" s="13" t="s">
        <v>604</v>
      </c>
      <c r="B133815" s="14" t="s">
        <v>1</v>
      </c>
      <c r="C133815" s="14" t="s">
        <v>596</v>
      </c>
      <c r="D133815" s="14" t="s">
        <v>146</v>
      </c>
      <c r="E133815" s="15">
        <v>45601</v>
      </c>
      <c r="F133815" s="14" t="s">
        <v>61</v>
      </c>
      <c r="G133815" s="16">
        <v>0</v>
      </c>
    </row>
    <row r="133816" spans="1:7" x14ac:dyDescent="0.3">
      <c r="A133816" s="13" t="s">
        <v>604</v>
      </c>
      <c r="B133816" s="14" t="s">
        <v>1</v>
      </c>
      <c r="C133816" s="14" t="s">
        <v>596</v>
      </c>
      <c r="D133816" s="14" t="s">
        <v>146</v>
      </c>
      <c r="E133816" s="15">
        <v>45602</v>
      </c>
      <c r="F133816" s="14" t="s">
        <v>61</v>
      </c>
      <c r="G133816" s="16">
        <v>0</v>
      </c>
    </row>
    <row r="133817" spans="1:7" x14ac:dyDescent="0.3">
      <c r="A133817" s="13" t="s">
        <v>604</v>
      </c>
      <c r="B133817" s="14" t="s">
        <v>1</v>
      </c>
      <c r="C133817" s="14" t="s">
        <v>596</v>
      </c>
      <c r="D133817" s="14" t="s">
        <v>146</v>
      </c>
      <c r="E133817" s="15">
        <v>45603</v>
      </c>
      <c r="F133817" s="14" t="s">
        <v>61</v>
      </c>
      <c r="G133817" s="16">
        <v>0</v>
      </c>
    </row>
    <row r="133818" spans="1:7" x14ac:dyDescent="0.3">
      <c r="A133818" s="13" t="s">
        <v>604</v>
      </c>
      <c r="B133818" s="14" t="s">
        <v>1</v>
      </c>
      <c r="C133818" s="14" t="s">
        <v>596</v>
      </c>
      <c r="D133818" s="14" t="s">
        <v>146</v>
      </c>
      <c r="E133818" s="15">
        <v>45604</v>
      </c>
      <c r="F133818" s="14" t="s">
        <v>61</v>
      </c>
      <c r="G133818" s="16">
        <v>0</v>
      </c>
    </row>
    <row r="133819" spans="1:7" x14ac:dyDescent="0.3">
      <c r="A133819" s="13" t="s">
        <v>604</v>
      </c>
      <c r="B133819" s="14" t="s">
        <v>1</v>
      </c>
      <c r="C133819" s="14" t="s">
        <v>596</v>
      </c>
      <c r="D133819" s="14" t="s">
        <v>146</v>
      </c>
      <c r="E133819" s="15">
        <v>45605</v>
      </c>
      <c r="F133819" s="14" t="s">
        <v>61</v>
      </c>
      <c r="G133819" s="16">
        <v>0</v>
      </c>
    </row>
    <row r="133820" spans="1:7" x14ac:dyDescent="0.3">
      <c r="A133820" s="13" t="s">
        <v>604</v>
      </c>
      <c r="B133820" s="14" t="s">
        <v>1</v>
      </c>
      <c r="C133820" s="14" t="s">
        <v>596</v>
      </c>
      <c r="D133820" s="14" t="s">
        <v>146</v>
      </c>
      <c r="E133820" s="15">
        <v>45606</v>
      </c>
      <c r="F133820" s="14" t="s">
        <v>61</v>
      </c>
      <c r="G133820" s="16">
        <v>0</v>
      </c>
    </row>
    <row r="133821" spans="1:7" x14ac:dyDescent="0.3">
      <c r="A133821" s="13" t="s">
        <v>604</v>
      </c>
      <c r="B133821" s="14" t="s">
        <v>1</v>
      </c>
      <c r="C133821" s="14" t="s">
        <v>596</v>
      </c>
      <c r="D133821" s="14" t="s">
        <v>146</v>
      </c>
      <c r="E133821" s="15">
        <v>45607</v>
      </c>
      <c r="F133821" s="14" t="s">
        <v>61</v>
      </c>
      <c r="G133821" s="16">
        <v>0</v>
      </c>
    </row>
    <row r="133822" spans="1:7" x14ac:dyDescent="0.3">
      <c r="A133822" s="13" t="s">
        <v>604</v>
      </c>
      <c r="B133822" s="14" t="s">
        <v>1</v>
      </c>
      <c r="C133822" s="14" t="s">
        <v>596</v>
      </c>
      <c r="D133822" s="14" t="s">
        <v>146</v>
      </c>
      <c r="E133822" s="15">
        <v>45608</v>
      </c>
      <c r="F133822" s="14" t="s">
        <v>61</v>
      </c>
      <c r="G133822" s="16">
        <v>0</v>
      </c>
    </row>
    <row r="133823" spans="1:7" x14ac:dyDescent="0.3">
      <c r="A133823" s="13" t="s">
        <v>604</v>
      </c>
      <c r="B133823" s="14" t="s">
        <v>1</v>
      </c>
      <c r="C133823" s="14" t="s">
        <v>596</v>
      </c>
      <c r="D133823" s="14" t="s">
        <v>146</v>
      </c>
      <c r="E133823" s="15">
        <v>45609</v>
      </c>
      <c r="F133823" s="14" t="s">
        <v>61</v>
      </c>
      <c r="G133823" s="16">
        <v>0</v>
      </c>
    </row>
    <row r="133824" spans="1:7" x14ac:dyDescent="0.3">
      <c r="A133824" s="13" t="s">
        <v>604</v>
      </c>
      <c r="B133824" s="14" t="s">
        <v>1</v>
      </c>
      <c r="C133824" s="14" t="s">
        <v>596</v>
      </c>
      <c r="D133824" s="14" t="s">
        <v>146</v>
      </c>
      <c r="E133824" s="15">
        <v>45610</v>
      </c>
      <c r="F133824" s="14" t="s">
        <v>61</v>
      </c>
      <c r="G133824" s="16">
        <v>0</v>
      </c>
    </row>
    <row r="133825" spans="1:7" x14ac:dyDescent="0.3">
      <c r="A133825" s="13" t="s">
        <v>604</v>
      </c>
      <c r="B133825" s="14" t="s">
        <v>1</v>
      </c>
      <c r="C133825" s="14" t="s">
        <v>596</v>
      </c>
      <c r="D133825" s="14" t="s">
        <v>146</v>
      </c>
      <c r="E133825" s="15">
        <v>45611</v>
      </c>
      <c r="F133825" s="14" t="s">
        <v>61</v>
      </c>
      <c r="G133825" s="16">
        <v>0</v>
      </c>
    </row>
    <row r="133826" spans="1:7" x14ac:dyDescent="0.3">
      <c r="A133826" s="13" t="s">
        <v>604</v>
      </c>
      <c r="B133826" s="14" t="s">
        <v>1</v>
      </c>
      <c r="C133826" s="14" t="s">
        <v>596</v>
      </c>
      <c r="D133826" s="14" t="s">
        <v>146</v>
      </c>
      <c r="E133826" s="15">
        <v>45612</v>
      </c>
      <c r="F133826" s="14" t="s">
        <v>61</v>
      </c>
      <c r="G133826" s="16">
        <v>0</v>
      </c>
    </row>
    <row r="133827" spans="1:7" x14ac:dyDescent="0.3">
      <c r="A133827" s="13" t="s">
        <v>604</v>
      </c>
      <c r="B133827" s="14" t="s">
        <v>1</v>
      </c>
      <c r="C133827" s="14" t="s">
        <v>596</v>
      </c>
      <c r="D133827" s="14" t="s">
        <v>146</v>
      </c>
      <c r="E133827" s="15">
        <v>45613</v>
      </c>
      <c r="F133827" s="14" t="s">
        <v>61</v>
      </c>
      <c r="G133827" s="16">
        <v>0</v>
      </c>
    </row>
    <row r="133828" spans="1:7" x14ac:dyDescent="0.3">
      <c r="A133828" s="13" t="s">
        <v>604</v>
      </c>
      <c r="B133828" s="14" t="s">
        <v>1</v>
      </c>
      <c r="C133828" s="14" t="s">
        <v>596</v>
      </c>
      <c r="D133828" s="14" t="s">
        <v>146</v>
      </c>
      <c r="E133828" s="15">
        <v>45614</v>
      </c>
      <c r="F133828" s="14" t="s">
        <v>61</v>
      </c>
      <c r="G133828" s="16">
        <v>0</v>
      </c>
    </row>
    <row r="133829" spans="1:7" x14ac:dyDescent="0.3">
      <c r="A133829" s="13" t="s">
        <v>604</v>
      </c>
      <c r="B133829" s="14" t="s">
        <v>1</v>
      </c>
      <c r="C133829" s="14" t="s">
        <v>596</v>
      </c>
      <c r="D133829" s="14" t="s">
        <v>146</v>
      </c>
      <c r="E133829" s="15">
        <v>45615</v>
      </c>
      <c r="F133829" s="14" t="s">
        <v>61</v>
      </c>
      <c r="G133829" s="16">
        <v>0</v>
      </c>
    </row>
    <row r="133830" spans="1:7" x14ac:dyDescent="0.3">
      <c r="A133830" s="13" t="s">
        <v>604</v>
      </c>
      <c r="B133830" s="14" t="s">
        <v>1</v>
      </c>
      <c r="C133830" s="14" t="s">
        <v>596</v>
      </c>
      <c r="D133830" s="14" t="s">
        <v>146</v>
      </c>
      <c r="E133830" s="15">
        <v>45616</v>
      </c>
      <c r="F133830" s="14" t="s">
        <v>61</v>
      </c>
      <c r="G133830" s="16">
        <v>0</v>
      </c>
    </row>
    <row r="133831" spans="1:7" x14ac:dyDescent="0.3">
      <c r="A133831" s="13" t="s">
        <v>604</v>
      </c>
      <c r="B133831" s="14" t="s">
        <v>1</v>
      </c>
      <c r="C133831" s="14" t="s">
        <v>596</v>
      </c>
      <c r="D133831" s="14" t="s">
        <v>146</v>
      </c>
      <c r="E133831" s="15">
        <v>45617</v>
      </c>
      <c r="F133831" s="14" t="s">
        <v>61</v>
      </c>
      <c r="G133831" s="16">
        <v>0</v>
      </c>
    </row>
    <row r="133832" spans="1:7" x14ac:dyDescent="0.3">
      <c r="A133832" s="13" t="s">
        <v>604</v>
      </c>
      <c r="B133832" s="14" t="s">
        <v>1</v>
      </c>
      <c r="C133832" s="14" t="s">
        <v>596</v>
      </c>
      <c r="D133832" s="14" t="s">
        <v>146</v>
      </c>
      <c r="E133832" s="15">
        <v>45618</v>
      </c>
      <c r="F133832" s="14" t="s">
        <v>61</v>
      </c>
      <c r="G133832" s="16">
        <v>0</v>
      </c>
    </row>
    <row r="133833" spans="1:7" x14ac:dyDescent="0.3">
      <c r="A133833" s="13" t="s">
        <v>604</v>
      </c>
      <c r="B133833" s="14" t="s">
        <v>1</v>
      </c>
      <c r="C133833" s="14" t="s">
        <v>596</v>
      </c>
      <c r="D133833" s="14" t="s">
        <v>146</v>
      </c>
      <c r="E133833" s="15">
        <v>45619</v>
      </c>
      <c r="F133833" s="14" t="s">
        <v>61</v>
      </c>
      <c r="G133833" s="16">
        <v>0</v>
      </c>
    </row>
    <row r="133834" spans="1:7" x14ac:dyDescent="0.3">
      <c r="A133834" s="13" t="s">
        <v>604</v>
      </c>
      <c r="B133834" s="14" t="s">
        <v>1</v>
      </c>
      <c r="C133834" s="14" t="s">
        <v>596</v>
      </c>
      <c r="D133834" s="14" t="s">
        <v>146</v>
      </c>
      <c r="E133834" s="15">
        <v>45620</v>
      </c>
      <c r="F133834" s="14" t="s">
        <v>61</v>
      </c>
      <c r="G133834" s="16">
        <v>0</v>
      </c>
    </row>
    <row r="133835" spans="1:7" x14ac:dyDescent="0.3">
      <c r="A133835" s="13" t="s">
        <v>604</v>
      </c>
      <c r="B133835" s="14" t="s">
        <v>1</v>
      </c>
      <c r="C133835" s="14" t="s">
        <v>596</v>
      </c>
      <c r="D133835" s="14" t="s">
        <v>146</v>
      </c>
      <c r="E133835" s="15">
        <v>45621</v>
      </c>
      <c r="F133835" s="14" t="s">
        <v>61</v>
      </c>
      <c r="G133835" s="16">
        <v>0</v>
      </c>
    </row>
    <row r="133836" spans="1:7" x14ac:dyDescent="0.3">
      <c r="A133836" s="13" t="s">
        <v>604</v>
      </c>
      <c r="B133836" s="14" t="s">
        <v>1</v>
      </c>
      <c r="C133836" s="14" t="s">
        <v>596</v>
      </c>
      <c r="D133836" s="14" t="s">
        <v>146</v>
      </c>
      <c r="E133836" s="15">
        <v>45622</v>
      </c>
      <c r="F133836" s="14" t="s">
        <v>61</v>
      </c>
      <c r="G133836" s="16">
        <v>0</v>
      </c>
    </row>
    <row r="133837" spans="1:7" x14ac:dyDescent="0.3">
      <c r="A133837" s="13" t="s">
        <v>604</v>
      </c>
      <c r="B133837" s="14" t="s">
        <v>1</v>
      </c>
      <c r="C133837" s="14" t="s">
        <v>596</v>
      </c>
      <c r="D133837" s="14" t="s">
        <v>146</v>
      </c>
      <c r="E133837" s="15">
        <v>45623</v>
      </c>
      <c r="F133837" s="14" t="s">
        <v>61</v>
      </c>
      <c r="G133837" s="16">
        <v>0</v>
      </c>
    </row>
    <row r="133838" spans="1:7" x14ac:dyDescent="0.3">
      <c r="A133838" s="13" t="s">
        <v>604</v>
      </c>
      <c r="B133838" s="14" t="s">
        <v>1</v>
      </c>
      <c r="C133838" s="14" t="s">
        <v>596</v>
      </c>
      <c r="D133838" s="14" t="s">
        <v>146</v>
      </c>
      <c r="E133838" s="15">
        <v>45624</v>
      </c>
      <c r="F133838" s="14" t="s">
        <v>61</v>
      </c>
      <c r="G133838" s="16">
        <v>0</v>
      </c>
    </row>
    <row r="133839" spans="1:7" x14ac:dyDescent="0.3">
      <c r="A133839" s="13" t="s">
        <v>604</v>
      </c>
      <c r="B133839" s="14" t="s">
        <v>1</v>
      </c>
      <c r="C133839" s="14" t="s">
        <v>596</v>
      </c>
      <c r="D133839" s="14" t="s">
        <v>146</v>
      </c>
      <c r="E133839" s="15">
        <v>45625</v>
      </c>
      <c r="F133839" s="14" t="s">
        <v>61</v>
      </c>
      <c r="G133839" s="16">
        <v>0</v>
      </c>
    </row>
    <row r="133840" spans="1:7" x14ac:dyDescent="0.3">
      <c r="A133840" s="13" t="s">
        <v>604</v>
      </c>
      <c r="B133840" s="14" t="s">
        <v>1</v>
      </c>
      <c r="C133840" s="14" t="s">
        <v>596</v>
      </c>
      <c r="D133840" s="14" t="s">
        <v>146</v>
      </c>
      <c r="E133840" s="15">
        <v>45626</v>
      </c>
      <c r="F133840" s="14" t="s">
        <v>61</v>
      </c>
      <c r="G133840" s="16">
        <v>0</v>
      </c>
    </row>
    <row r="133841" spans="1:7" x14ac:dyDescent="0.3">
      <c r="A133841" s="13" t="s">
        <v>604</v>
      </c>
      <c r="B133841" s="14" t="s">
        <v>1</v>
      </c>
      <c r="C133841" s="14" t="s">
        <v>596</v>
      </c>
      <c r="D133841" s="14" t="s">
        <v>146</v>
      </c>
      <c r="E133841" s="15">
        <v>45627</v>
      </c>
      <c r="F133841" s="14" t="s">
        <v>61</v>
      </c>
      <c r="G133841" s="16">
        <v>0</v>
      </c>
    </row>
    <row r="133842" spans="1:7" x14ac:dyDescent="0.3">
      <c r="A133842" s="13" t="s">
        <v>604</v>
      </c>
      <c r="B133842" s="14" t="s">
        <v>1</v>
      </c>
      <c r="C133842" s="14" t="s">
        <v>596</v>
      </c>
      <c r="D133842" s="14" t="s">
        <v>146</v>
      </c>
      <c r="E133842" s="15">
        <v>45628</v>
      </c>
      <c r="F133842" s="14" t="s">
        <v>61</v>
      </c>
      <c r="G133842" s="16">
        <v>0</v>
      </c>
    </row>
    <row r="133843" spans="1:7" x14ac:dyDescent="0.3">
      <c r="A133843" s="13" t="s">
        <v>604</v>
      </c>
      <c r="B133843" s="14" t="s">
        <v>1</v>
      </c>
      <c r="C133843" s="14" t="s">
        <v>596</v>
      </c>
      <c r="D133843" s="14" t="s">
        <v>146</v>
      </c>
      <c r="E133843" s="15">
        <v>45629</v>
      </c>
      <c r="F133843" s="14" t="s">
        <v>61</v>
      </c>
      <c r="G133843" s="16">
        <v>0</v>
      </c>
    </row>
    <row r="133844" spans="1:7" x14ac:dyDescent="0.3">
      <c r="A133844" s="13" t="s">
        <v>604</v>
      </c>
      <c r="B133844" s="14" t="s">
        <v>1</v>
      </c>
      <c r="C133844" s="14" t="s">
        <v>596</v>
      </c>
      <c r="D133844" s="14" t="s">
        <v>146</v>
      </c>
      <c r="E133844" s="15">
        <v>45630</v>
      </c>
      <c r="F133844" s="14" t="s">
        <v>61</v>
      </c>
      <c r="G133844" s="16">
        <v>0</v>
      </c>
    </row>
    <row r="133845" spans="1:7" x14ac:dyDescent="0.3">
      <c r="A133845" s="13" t="s">
        <v>604</v>
      </c>
      <c r="B133845" s="14" t="s">
        <v>1</v>
      </c>
      <c r="C133845" s="14" t="s">
        <v>596</v>
      </c>
      <c r="D133845" s="14" t="s">
        <v>146</v>
      </c>
      <c r="E133845" s="15">
        <v>45631</v>
      </c>
      <c r="F133845" s="14" t="s">
        <v>61</v>
      </c>
      <c r="G133845" s="16">
        <v>0</v>
      </c>
    </row>
    <row r="133846" spans="1:7" x14ac:dyDescent="0.3">
      <c r="A133846" s="13" t="s">
        <v>604</v>
      </c>
      <c r="B133846" s="14" t="s">
        <v>1</v>
      </c>
      <c r="C133846" s="14" t="s">
        <v>596</v>
      </c>
      <c r="D133846" s="14" t="s">
        <v>146</v>
      </c>
      <c r="E133846" s="15">
        <v>45632</v>
      </c>
      <c r="F133846" s="14" t="s">
        <v>61</v>
      </c>
      <c r="G133846" s="16">
        <v>0</v>
      </c>
    </row>
    <row r="133847" spans="1:7" x14ac:dyDescent="0.3">
      <c r="A133847" s="13" t="s">
        <v>604</v>
      </c>
      <c r="B133847" s="14" t="s">
        <v>1</v>
      </c>
      <c r="C133847" s="14" t="s">
        <v>596</v>
      </c>
      <c r="D133847" s="14" t="s">
        <v>146</v>
      </c>
      <c r="E133847" s="15">
        <v>45633</v>
      </c>
      <c r="F133847" s="14" t="s">
        <v>61</v>
      </c>
      <c r="G133847" s="16">
        <v>0</v>
      </c>
    </row>
    <row r="133848" spans="1:7" x14ac:dyDescent="0.3">
      <c r="A133848" s="13" t="s">
        <v>604</v>
      </c>
      <c r="B133848" s="14" t="s">
        <v>1</v>
      </c>
      <c r="C133848" s="14" t="s">
        <v>596</v>
      </c>
      <c r="D133848" s="14" t="s">
        <v>146</v>
      </c>
      <c r="E133848" s="15">
        <v>45634</v>
      </c>
      <c r="F133848" s="14" t="s">
        <v>61</v>
      </c>
      <c r="G133848" s="16">
        <v>0</v>
      </c>
    </row>
    <row r="133849" spans="1:7" x14ac:dyDescent="0.3">
      <c r="A133849" s="13" t="s">
        <v>604</v>
      </c>
      <c r="B133849" s="14" t="s">
        <v>1</v>
      </c>
      <c r="C133849" s="14" t="s">
        <v>596</v>
      </c>
      <c r="D133849" s="14" t="s">
        <v>146</v>
      </c>
      <c r="E133849" s="15">
        <v>45635</v>
      </c>
      <c r="F133849" s="14" t="s">
        <v>61</v>
      </c>
      <c r="G133849" s="16">
        <v>0</v>
      </c>
    </row>
    <row r="133850" spans="1:7" x14ac:dyDescent="0.3">
      <c r="A133850" s="13" t="s">
        <v>604</v>
      </c>
      <c r="B133850" s="14" t="s">
        <v>1</v>
      </c>
      <c r="C133850" s="14" t="s">
        <v>596</v>
      </c>
      <c r="D133850" s="14" t="s">
        <v>146</v>
      </c>
      <c r="E133850" s="15">
        <v>45636</v>
      </c>
      <c r="F133850" s="14" t="s">
        <v>61</v>
      </c>
      <c r="G133850" s="16">
        <v>0</v>
      </c>
    </row>
    <row r="133851" spans="1:7" x14ac:dyDescent="0.3">
      <c r="A133851" s="13" t="s">
        <v>604</v>
      </c>
      <c r="B133851" s="14" t="s">
        <v>1</v>
      </c>
      <c r="C133851" s="14" t="s">
        <v>596</v>
      </c>
      <c r="D133851" s="14" t="s">
        <v>146</v>
      </c>
      <c r="E133851" s="15">
        <v>45637</v>
      </c>
      <c r="F133851" s="14" t="s">
        <v>61</v>
      </c>
      <c r="G133851" s="16">
        <v>0</v>
      </c>
    </row>
    <row r="133852" spans="1:7" x14ac:dyDescent="0.3">
      <c r="A133852" s="13" t="s">
        <v>604</v>
      </c>
      <c r="B133852" s="14" t="s">
        <v>1</v>
      </c>
      <c r="C133852" s="14" t="s">
        <v>596</v>
      </c>
      <c r="D133852" s="14" t="s">
        <v>146</v>
      </c>
      <c r="E133852" s="15">
        <v>45638</v>
      </c>
      <c r="F133852" s="14" t="s">
        <v>61</v>
      </c>
      <c r="G133852" s="16">
        <v>0</v>
      </c>
    </row>
    <row r="133853" spans="1:7" x14ac:dyDescent="0.3">
      <c r="A133853" s="13" t="s">
        <v>604</v>
      </c>
      <c r="B133853" s="14" t="s">
        <v>1</v>
      </c>
      <c r="C133853" s="14" t="s">
        <v>596</v>
      </c>
      <c r="D133853" s="14" t="s">
        <v>146</v>
      </c>
      <c r="E133853" s="15">
        <v>45639</v>
      </c>
      <c r="F133853" s="14" t="s">
        <v>61</v>
      </c>
      <c r="G133853" s="16">
        <v>0</v>
      </c>
    </row>
    <row r="133854" spans="1:7" x14ac:dyDescent="0.3">
      <c r="A133854" s="13" t="s">
        <v>604</v>
      </c>
      <c r="B133854" s="14" t="s">
        <v>1</v>
      </c>
      <c r="C133854" s="14" t="s">
        <v>596</v>
      </c>
      <c r="D133854" s="14" t="s">
        <v>146</v>
      </c>
      <c r="E133854" s="15">
        <v>45640</v>
      </c>
      <c r="F133854" s="14" t="s">
        <v>61</v>
      </c>
      <c r="G133854" s="16">
        <v>0</v>
      </c>
    </row>
    <row r="133855" spans="1:7" x14ac:dyDescent="0.3">
      <c r="A133855" s="13" t="s">
        <v>604</v>
      </c>
      <c r="B133855" s="14" t="s">
        <v>1</v>
      </c>
      <c r="C133855" s="14" t="s">
        <v>596</v>
      </c>
      <c r="D133855" s="14" t="s">
        <v>146</v>
      </c>
      <c r="E133855" s="15">
        <v>45641</v>
      </c>
      <c r="F133855" s="14" t="s">
        <v>61</v>
      </c>
      <c r="G133855" s="16">
        <v>0</v>
      </c>
    </row>
    <row r="133856" spans="1:7" x14ac:dyDescent="0.3">
      <c r="A133856" s="13" t="s">
        <v>604</v>
      </c>
      <c r="B133856" s="14" t="s">
        <v>1</v>
      </c>
      <c r="C133856" s="14" t="s">
        <v>596</v>
      </c>
      <c r="D133856" s="14" t="s">
        <v>146</v>
      </c>
      <c r="E133856" s="15">
        <v>45642</v>
      </c>
      <c r="F133856" s="14" t="s">
        <v>61</v>
      </c>
      <c r="G133856" s="16">
        <v>0</v>
      </c>
    </row>
    <row r="133857" spans="1:7" x14ac:dyDescent="0.3">
      <c r="A133857" s="13" t="s">
        <v>604</v>
      </c>
      <c r="B133857" s="14" t="s">
        <v>1</v>
      </c>
      <c r="C133857" s="14" t="s">
        <v>596</v>
      </c>
      <c r="D133857" s="14" t="s">
        <v>146</v>
      </c>
      <c r="E133857" s="15">
        <v>45643</v>
      </c>
      <c r="F133857" s="14" t="s">
        <v>61</v>
      </c>
      <c r="G133857" s="16">
        <v>0</v>
      </c>
    </row>
    <row r="133858" spans="1:7" x14ac:dyDescent="0.3">
      <c r="A133858" s="13" t="s">
        <v>604</v>
      </c>
      <c r="B133858" s="14" t="s">
        <v>1</v>
      </c>
      <c r="C133858" s="14" t="s">
        <v>596</v>
      </c>
      <c r="D133858" s="14" t="s">
        <v>146</v>
      </c>
      <c r="E133858" s="15">
        <v>45644</v>
      </c>
      <c r="F133858" s="14" t="s">
        <v>61</v>
      </c>
      <c r="G133858" s="16">
        <v>0</v>
      </c>
    </row>
    <row r="133859" spans="1:7" x14ac:dyDescent="0.3">
      <c r="A133859" s="13" t="s">
        <v>604</v>
      </c>
      <c r="B133859" s="14" t="s">
        <v>1</v>
      </c>
      <c r="C133859" s="14" t="s">
        <v>596</v>
      </c>
      <c r="D133859" s="14" t="s">
        <v>146</v>
      </c>
      <c r="E133859" s="15">
        <v>45645</v>
      </c>
      <c r="F133859" s="14" t="s">
        <v>61</v>
      </c>
      <c r="G133859" s="16">
        <v>0</v>
      </c>
    </row>
    <row r="133860" spans="1:7" x14ac:dyDescent="0.3">
      <c r="A133860" s="13" t="s">
        <v>604</v>
      </c>
      <c r="B133860" s="14" t="s">
        <v>1</v>
      </c>
      <c r="C133860" s="14" t="s">
        <v>596</v>
      </c>
      <c r="D133860" s="14" t="s">
        <v>146</v>
      </c>
      <c r="E133860" s="15">
        <v>45646</v>
      </c>
      <c r="F133860" s="14" t="s">
        <v>61</v>
      </c>
      <c r="G133860" s="16">
        <v>0</v>
      </c>
    </row>
    <row r="133861" spans="1:7" x14ac:dyDescent="0.3">
      <c r="A133861" s="13" t="s">
        <v>604</v>
      </c>
      <c r="B133861" s="14" t="s">
        <v>1</v>
      </c>
      <c r="C133861" s="14" t="s">
        <v>596</v>
      </c>
      <c r="D133861" s="14" t="s">
        <v>146</v>
      </c>
      <c r="E133861" s="15">
        <v>45647</v>
      </c>
      <c r="F133861" s="14" t="s">
        <v>61</v>
      </c>
      <c r="G133861" s="16">
        <v>0</v>
      </c>
    </row>
    <row r="133862" spans="1:7" x14ac:dyDescent="0.3">
      <c r="A133862" s="13" t="s">
        <v>604</v>
      </c>
      <c r="B133862" s="14" t="s">
        <v>1</v>
      </c>
      <c r="C133862" s="14" t="s">
        <v>596</v>
      </c>
      <c r="D133862" s="14" t="s">
        <v>146</v>
      </c>
      <c r="E133862" s="15">
        <v>45648</v>
      </c>
      <c r="F133862" s="14" t="s">
        <v>61</v>
      </c>
      <c r="G133862" s="16">
        <v>0</v>
      </c>
    </row>
    <row r="133863" spans="1:7" x14ac:dyDescent="0.3">
      <c r="A133863" s="13" t="s">
        <v>604</v>
      </c>
      <c r="B133863" s="14" t="s">
        <v>1</v>
      </c>
      <c r="C133863" s="14" t="s">
        <v>596</v>
      </c>
      <c r="D133863" s="14" t="s">
        <v>146</v>
      </c>
      <c r="E133863" s="15">
        <v>45649</v>
      </c>
      <c r="F133863" s="14" t="s">
        <v>61</v>
      </c>
      <c r="G133863" s="16">
        <v>0</v>
      </c>
    </row>
    <row r="133864" spans="1:7" x14ac:dyDescent="0.3">
      <c r="A133864" s="13" t="s">
        <v>604</v>
      </c>
      <c r="B133864" s="14" t="s">
        <v>1</v>
      </c>
      <c r="C133864" s="14" t="s">
        <v>596</v>
      </c>
      <c r="D133864" s="14" t="s">
        <v>146</v>
      </c>
      <c r="E133864" s="15">
        <v>45650</v>
      </c>
      <c r="F133864" s="14" t="s">
        <v>61</v>
      </c>
      <c r="G133864" s="16">
        <v>0</v>
      </c>
    </row>
    <row r="133865" spans="1:7" x14ac:dyDescent="0.3">
      <c r="A133865" s="13" t="s">
        <v>604</v>
      </c>
      <c r="B133865" s="14" t="s">
        <v>1</v>
      </c>
      <c r="C133865" s="14" t="s">
        <v>596</v>
      </c>
      <c r="D133865" s="14" t="s">
        <v>146</v>
      </c>
      <c r="E133865" s="15">
        <v>45651</v>
      </c>
      <c r="F133865" s="14" t="s">
        <v>61</v>
      </c>
      <c r="G133865" s="16">
        <v>0</v>
      </c>
    </row>
    <row r="133866" spans="1:7" x14ac:dyDescent="0.3">
      <c r="A133866" s="13" t="s">
        <v>604</v>
      </c>
      <c r="B133866" s="14" t="s">
        <v>1</v>
      </c>
      <c r="C133866" s="14" t="s">
        <v>596</v>
      </c>
      <c r="D133866" s="14" t="s">
        <v>146</v>
      </c>
      <c r="E133866" s="15">
        <v>45652</v>
      </c>
      <c r="F133866" s="14" t="s">
        <v>61</v>
      </c>
      <c r="G133866" s="16">
        <v>0</v>
      </c>
    </row>
    <row r="133867" spans="1:7" x14ac:dyDescent="0.3">
      <c r="A133867" s="13" t="s">
        <v>604</v>
      </c>
      <c r="B133867" s="14" t="s">
        <v>1</v>
      </c>
      <c r="C133867" s="14" t="s">
        <v>596</v>
      </c>
      <c r="D133867" s="14" t="s">
        <v>146</v>
      </c>
      <c r="E133867" s="15">
        <v>45653</v>
      </c>
      <c r="F133867" s="14" t="s">
        <v>61</v>
      </c>
      <c r="G133867" s="16">
        <v>0</v>
      </c>
    </row>
    <row r="133868" spans="1:7" x14ac:dyDescent="0.3">
      <c r="A133868" s="13" t="s">
        <v>604</v>
      </c>
      <c r="B133868" s="14" t="s">
        <v>1</v>
      </c>
      <c r="C133868" s="14" t="s">
        <v>596</v>
      </c>
      <c r="D133868" s="14" t="s">
        <v>146</v>
      </c>
      <c r="E133868" s="15">
        <v>45654</v>
      </c>
      <c r="F133868" s="14" t="s">
        <v>61</v>
      </c>
      <c r="G133868" s="16">
        <v>0</v>
      </c>
    </row>
    <row r="133869" spans="1:7" x14ac:dyDescent="0.3">
      <c r="A133869" s="13" t="s">
        <v>604</v>
      </c>
      <c r="B133869" s="14" t="s">
        <v>1</v>
      </c>
      <c r="C133869" s="14" t="s">
        <v>596</v>
      </c>
      <c r="D133869" s="14" t="s">
        <v>146</v>
      </c>
      <c r="E133869" s="15">
        <v>45655</v>
      </c>
      <c r="F133869" s="14" t="s">
        <v>61</v>
      </c>
      <c r="G133869" s="16">
        <v>0</v>
      </c>
    </row>
    <row r="133870" spans="1:7" x14ac:dyDescent="0.3">
      <c r="A133870" s="13" t="s">
        <v>604</v>
      </c>
      <c r="B133870" s="14" t="s">
        <v>1</v>
      </c>
      <c r="C133870" s="14" t="s">
        <v>596</v>
      </c>
      <c r="D133870" s="14" t="s">
        <v>146</v>
      </c>
      <c r="E133870" s="15">
        <v>45656</v>
      </c>
      <c r="F133870" s="14" t="s">
        <v>61</v>
      </c>
      <c r="G133870" s="16">
        <v>0</v>
      </c>
    </row>
    <row r="133871" spans="1:7" x14ac:dyDescent="0.3">
      <c r="A133871" s="13" t="s">
        <v>604</v>
      </c>
      <c r="B133871" s="14" t="s">
        <v>1</v>
      </c>
      <c r="C133871" s="14" t="s">
        <v>596</v>
      </c>
      <c r="D133871" s="14" t="s">
        <v>146</v>
      </c>
      <c r="E133871" s="15">
        <v>45657</v>
      </c>
      <c r="F133871" s="14" t="s">
        <v>61</v>
      </c>
      <c r="G133871" s="16">
        <v>0</v>
      </c>
    </row>
    <row r="133872" spans="1:7" x14ac:dyDescent="0.3">
      <c r="A133872" s="13" t="s">
        <v>604</v>
      </c>
      <c r="B133872" s="14" t="s">
        <v>1</v>
      </c>
      <c r="C133872" s="14" t="s">
        <v>596</v>
      </c>
      <c r="D133872" s="14" t="s">
        <v>146</v>
      </c>
      <c r="E133872" s="15">
        <v>45658</v>
      </c>
      <c r="F133872" s="14" t="s">
        <v>61</v>
      </c>
      <c r="G133872" s="16">
        <v>0</v>
      </c>
    </row>
    <row r="133873" spans="1:7" x14ac:dyDescent="0.3">
      <c r="A133873" s="13" t="s">
        <v>604</v>
      </c>
      <c r="B133873" s="14" t="s">
        <v>1</v>
      </c>
      <c r="C133873" s="14" t="s">
        <v>596</v>
      </c>
      <c r="D133873" s="14" t="s">
        <v>146</v>
      </c>
      <c r="E133873" s="15">
        <v>45659</v>
      </c>
      <c r="F133873" s="14" t="s">
        <v>61</v>
      </c>
      <c r="G133873" s="16">
        <v>0</v>
      </c>
    </row>
    <row r="133874" spans="1:7" x14ac:dyDescent="0.3">
      <c r="A133874" s="13" t="s">
        <v>604</v>
      </c>
      <c r="B133874" s="14" t="s">
        <v>1</v>
      </c>
      <c r="C133874" s="14" t="s">
        <v>596</v>
      </c>
      <c r="D133874" s="14" t="s">
        <v>146</v>
      </c>
      <c r="E133874" s="15">
        <v>45660</v>
      </c>
      <c r="F133874" s="14" t="s">
        <v>61</v>
      </c>
      <c r="G133874" s="16">
        <v>0</v>
      </c>
    </row>
    <row r="133875" spans="1:7" x14ac:dyDescent="0.3">
      <c r="A133875" s="13" t="s">
        <v>604</v>
      </c>
      <c r="B133875" s="14" t="s">
        <v>1</v>
      </c>
      <c r="C133875" s="14" t="s">
        <v>596</v>
      </c>
      <c r="D133875" s="14" t="s">
        <v>146</v>
      </c>
      <c r="E133875" s="15">
        <v>45661</v>
      </c>
      <c r="F133875" s="14" t="s">
        <v>61</v>
      </c>
      <c r="G133875" s="16">
        <v>0</v>
      </c>
    </row>
    <row r="133876" spans="1:7" x14ac:dyDescent="0.3">
      <c r="A133876" s="13" t="s">
        <v>604</v>
      </c>
      <c r="B133876" s="14" t="s">
        <v>1</v>
      </c>
      <c r="C133876" s="14" t="s">
        <v>596</v>
      </c>
      <c r="D133876" s="14" t="s">
        <v>146</v>
      </c>
      <c r="E133876" s="15">
        <v>45662</v>
      </c>
      <c r="F133876" s="14" t="s">
        <v>61</v>
      </c>
      <c r="G133876" s="16">
        <v>0</v>
      </c>
    </row>
    <row r="133877" spans="1:7" x14ac:dyDescent="0.3">
      <c r="A133877" s="13" t="s">
        <v>604</v>
      </c>
      <c r="B133877" s="14" t="s">
        <v>1</v>
      </c>
      <c r="C133877" s="14" t="s">
        <v>596</v>
      </c>
      <c r="D133877" s="14" t="s">
        <v>146</v>
      </c>
      <c r="E133877" s="15">
        <v>45663</v>
      </c>
      <c r="F133877" s="14" t="s">
        <v>61</v>
      </c>
      <c r="G133877" s="16">
        <v>0</v>
      </c>
    </row>
    <row r="133878" spans="1:7" x14ac:dyDescent="0.3">
      <c r="A133878" s="13" t="s">
        <v>604</v>
      </c>
      <c r="B133878" s="14" t="s">
        <v>1</v>
      </c>
      <c r="C133878" s="14" t="s">
        <v>596</v>
      </c>
      <c r="D133878" s="14" t="s">
        <v>146</v>
      </c>
      <c r="E133878" s="15">
        <v>45664</v>
      </c>
      <c r="F133878" s="14" t="s">
        <v>61</v>
      </c>
      <c r="G133878" s="16">
        <v>0</v>
      </c>
    </row>
    <row r="133879" spans="1:7" x14ac:dyDescent="0.3">
      <c r="A133879" s="13" t="s">
        <v>604</v>
      </c>
      <c r="B133879" s="14" t="s">
        <v>1</v>
      </c>
      <c r="C133879" s="14" t="s">
        <v>596</v>
      </c>
      <c r="D133879" s="14" t="s">
        <v>146</v>
      </c>
      <c r="E133879" s="15">
        <v>45665</v>
      </c>
      <c r="F133879" s="14" t="s">
        <v>61</v>
      </c>
      <c r="G133879" s="16">
        <v>0</v>
      </c>
    </row>
    <row r="133880" spans="1:7" x14ac:dyDescent="0.3">
      <c r="A133880" s="13" t="s">
        <v>604</v>
      </c>
      <c r="B133880" s="14" t="s">
        <v>1</v>
      </c>
      <c r="C133880" s="14" t="s">
        <v>596</v>
      </c>
      <c r="D133880" s="14" t="s">
        <v>146</v>
      </c>
      <c r="E133880" s="15">
        <v>45666</v>
      </c>
      <c r="F133880" s="14" t="s">
        <v>61</v>
      </c>
      <c r="G133880" s="16">
        <v>0</v>
      </c>
    </row>
    <row r="133881" spans="1:7" x14ac:dyDescent="0.3">
      <c r="A133881" s="13" t="s">
        <v>604</v>
      </c>
      <c r="B133881" s="14" t="s">
        <v>1</v>
      </c>
      <c r="C133881" s="14" t="s">
        <v>596</v>
      </c>
      <c r="D133881" s="14" t="s">
        <v>146</v>
      </c>
      <c r="E133881" s="15">
        <v>45667</v>
      </c>
      <c r="F133881" s="14" t="s">
        <v>61</v>
      </c>
      <c r="G133881" s="16">
        <v>0</v>
      </c>
    </row>
    <row r="133882" spans="1:7" x14ac:dyDescent="0.3">
      <c r="A133882" s="13" t="s">
        <v>604</v>
      </c>
      <c r="B133882" s="14" t="s">
        <v>1</v>
      </c>
      <c r="C133882" s="14" t="s">
        <v>596</v>
      </c>
      <c r="D133882" s="14" t="s">
        <v>146</v>
      </c>
      <c r="E133882" s="15">
        <v>45668</v>
      </c>
      <c r="F133882" s="14" t="s">
        <v>61</v>
      </c>
      <c r="G133882" s="16">
        <v>0</v>
      </c>
    </row>
    <row r="133883" spans="1:7" x14ac:dyDescent="0.3">
      <c r="A133883" s="13" t="s">
        <v>604</v>
      </c>
      <c r="B133883" s="14" t="s">
        <v>1</v>
      </c>
      <c r="C133883" s="14" t="s">
        <v>596</v>
      </c>
      <c r="D133883" s="14" t="s">
        <v>146</v>
      </c>
      <c r="E133883" s="15">
        <v>45669</v>
      </c>
      <c r="F133883" s="14" t="s">
        <v>61</v>
      </c>
      <c r="G133883" s="16">
        <v>0</v>
      </c>
    </row>
    <row r="133884" spans="1:7" x14ac:dyDescent="0.3">
      <c r="A133884" s="13" t="s">
        <v>604</v>
      </c>
      <c r="B133884" s="14" t="s">
        <v>1</v>
      </c>
      <c r="C133884" s="14" t="s">
        <v>596</v>
      </c>
      <c r="D133884" s="14" t="s">
        <v>146</v>
      </c>
      <c r="E133884" s="15">
        <v>45670</v>
      </c>
      <c r="F133884" s="14" t="s">
        <v>61</v>
      </c>
      <c r="G133884" s="16">
        <v>0</v>
      </c>
    </row>
    <row r="133885" spans="1:7" x14ac:dyDescent="0.3">
      <c r="A133885" s="13" t="s">
        <v>604</v>
      </c>
      <c r="B133885" s="14" t="s">
        <v>1</v>
      </c>
      <c r="C133885" s="14" t="s">
        <v>596</v>
      </c>
      <c r="D133885" s="14" t="s">
        <v>146</v>
      </c>
      <c r="E133885" s="15">
        <v>45671</v>
      </c>
      <c r="F133885" s="14" t="s">
        <v>61</v>
      </c>
      <c r="G133885" s="16">
        <v>0</v>
      </c>
    </row>
    <row r="133886" spans="1:7" x14ac:dyDescent="0.3">
      <c r="A133886" s="13" t="s">
        <v>604</v>
      </c>
      <c r="B133886" s="14" t="s">
        <v>1</v>
      </c>
      <c r="C133886" s="14" t="s">
        <v>596</v>
      </c>
      <c r="D133886" s="14" t="s">
        <v>146</v>
      </c>
      <c r="E133886" s="15">
        <v>45672</v>
      </c>
      <c r="F133886" s="14" t="s">
        <v>61</v>
      </c>
      <c r="G133886" s="16">
        <v>0</v>
      </c>
    </row>
    <row r="133887" spans="1:7" x14ac:dyDescent="0.3">
      <c r="A133887" s="13" t="s">
        <v>604</v>
      </c>
      <c r="B133887" s="14" t="s">
        <v>1</v>
      </c>
      <c r="C133887" s="14" t="s">
        <v>596</v>
      </c>
      <c r="D133887" s="14" t="s">
        <v>146</v>
      </c>
      <c r="E133887" s="15">
        <v>45673</v>
      </c>
      <c r="F133887" s="14" t="s">
        <v>61</v>
      </c>
      <c r="G133887" s="16">
        <v>0</v>
      </c>
    </row>
    <row r="133888" spans="1:7" x14ac:dyDescent="0.3">
      <c r="A133888" s="13" t="s">
        <v>604</v>
      </c>
      <c r="B133888" s="14" t="s">
        <v>1</v>
      </c>
      <c r="C133888" s="14" t="s">
        <v>596</v>
      </c>
      <c r="D133888" s="14" t="s">
        <v>146</v>
      </c>
      <c r="E133888" s="15">
        <v>45674</v>
      </c>
      <c r="F133888" s="14" t="s">
        <v>61</v>
      </c>
      <c r="G133888" s="16">
        <v>0</v>
      </c>
    </row>
    <row r="133889" spans="1:7" x14ac:dyDescent="0.3">
      <c r="A133889" s="13" t="s">
        <v>604</v>
      </c>
      <c r="B133889" s="14" t="s">
        <v>1</v>
      </c>
      <c r="C133889" s="14" t="s">
        <v>596</v>
      </c>
      <c r="D133889" s="14" t="s">
        <v>146</v>
      </c>
      <c r="E133889" s="15">
        <v>45675</v>
      </c>
      <c r="F133889" s="14" t="s">
        <v>61</v>
      </c>
      <c r="G133889" s="16">
        <v>0</v>
      </c>
    </row>
    <row r="133890" spans="1:7" x14ac:dyDescent="0.3">
      <c r="A133890" s="13" t="s">
        <v>604</v>
      </c>
      <c r="B133890" s="14" t="s">
        <v>1</v>
      </c>
      <c r="C133890" s="14" t="s">
        <v>596</v>
      </c>
      <c r="D133890" s="14" t="s">
        <v>146</v>
      </c>
      <c r="E133890" s="15">
        <v>45676</v>
      </c>
      <c r="F133890" s="14" t="s">
        <v>61</v>
      </c>
      <c r="G133890" s="16">
        <v>0</v>
      </c>
    </row>
    <row r="133891" spans="1:7" x14ac:dyDescent="0.3">
      <c r="A133891" s="13" t="s">
        <v>604</v>
      </c>
      <c r="B133891" s="14" t="s">
        <v>1</v>
      </c>
      <c r="C133891" s="14" t="s">
        <v>596</v>
      </c>
      <c r="D133891" s="14" t="s">
        <v>146</v>
      </c>
      <c r="E133891" s="15">
        <v>45677</v>
      </c>
      <c r="F133891" s="14" t="s">
        <v>61</v>
      </c>
      <c r="G133891" s="16">
        <v>0</v>
      </c>
    </row>
    <row r="133892" spans="1:7" x14ac:dyDescent="0.3">
      <c r="A133892" s="13" t="s">
        <v>604</v>
      </c>
      <c r="B133892" s="14" t="s">
        <v>1</v>
      </c>
      <c r="C133892" s="14" t="s">
        <v>596</v>
      </c>
      <c r="D133892" s="14" t="s">
        <v>146</v>
      </c>
      <c r="E133892" s="15">
        <v>45678</v>
      </c>
      <c r="F133892" s="14" t="s">
        <v>61</v>
      </c>
      <c r="G133892" s="16">
        <v>0</v>
      </c>
    </row>
    <row r="133893" spans="1:7" x14ac:dyDescent="0.3">
      <c r="A133893" s="13" t="s">
        <v>604</v>
      </c>
      <c r="B133893" s="14" t="s">
        <v>1</v>
      </c>
      <c r="C133893" s="14" t="s">
        <v>596</v>
      </c>
      <c r="D133893" s="14" t="s">
        <v>146</v>
      </c>
      <c r="E133893" s="15">
        <v>45679</v>
      </c>
      <c r="F133893" s="14" t="s">
        <v>61</v>
      </c>
      <c r="G133893" s="16">
        <v>0</v>
      </c>
    </row>
    <row r="133894" spans="1:7" x14ac:dyDescent="0.3">
      <c r="A133894" s="13" t="s">
        <v>604</v>
      </c>
      <c r="B133894" s="14" t="s">
        <v>1</v>
      </c>
      <c r="C133894" s="14" t="s">
        <v>596</v>
      </c>
      <c r="D133894" s="14" t="s">
        <v>146</v>
      </c>
      <c r="E133894" s="15">
        <v>45680</v>
      </c>
      <c r="F133894" s="14" t="s">
        <v>61</v>
      </c>
      <c r="G133894" s="16">
        <v>0</v>
      </c>
    </row>
    <row r="133895" spans="1:7" x14ac:dyDescent="0.3">
      <c r="A133895" s="13" t="s">
        <v>604</v>
      </c>
      <c r="B133895" s="14" t="s">
        <v>1</v>
      </c>
      <c r="C133895" s="14" t="s">
        <v>596</v>
      </c>
      <c r="D133895" s="14" t="s">
        <v>146</v>
      </c>
      <c r="E133895" s="15">
        <v>45681</v>
      </c>
      <c r="F133895" s="14" t="s">
        <v>61</v>
      </c>
      <c r="G133895" s="16">
        <v>0</v>
      </c>
    </row>
    <row r="133896" spans="1:7" x14ac:dyDescent="0.3">
      <c r="A133896" s="13" t="s">
        <v>604</v>
      </c>
      <c r="B133896" s="14" t="s">
        <v>1</v>
      </c>
      <c r="C133896" s="14" t="s">
        <v>596</v>
      </c>
      <c r="D133896" s="14" t="s">
        <v>146</v>
      </c>
      <c r="E133896" s="15">
        <v>45682</v>
      </c>
      <c r="F133896" s="14" t="s">
        <v>61</v>
      </c>
      <c r="G133896" s="16">
        <v>0</v>
      </c>
    </row>
    <row r="133897" spans="1:7" x14ac:dyDescent="0.3">
      <c r="A133897" s="13" t="s">
        <v>604</v>
      </c>
      <c r="B133897" s="14" t="s">
        <v>1</v>
      </c>
      <c r="C133897" s="14" t="s">
        <v>596</v>
      </c>
      <c r="D133897" s="14" t="s">
        <v>146</v>
      </c>
      <c r="E133897" s="15">
        <v>45683</v>
      </c>
      <c r="F133897" s="14" t="s">
        <v>61</v>
      </c>
      <c r="G133897" s="16">
        <v>0</v>
      </c>
    </row>
    <row r="133898" spans="1:7" x14ac:dyDescent="0.3">
      <c r="A133898" s="13" t="s">
        <v>604</v>
      </c>
      <c r="B133898" s="14" t="s">
        <v>1</v>
      </c>
      <c r="C133898" s="14" t="s">
        <v>596</v>
      </c>
      <c r="D133898" s="14" t="s">
        <v>146</v>
      </c>
      <c r="E133898" s="15">
        <v>45684</v>
      </c>
      <c r="F133898" s="14" t="s">
        <v>61</v>
      </c>
      <c r="G133898" s="16">
        <v>0</v>
      </c>
    </row>
    <row r="133899" spans="1:7" x14ac:dyDescent="0.3">
      <c r="A133899" s="13" t="s">
        <v>604</v>
      </c>
      <c r="B133899" s="14" t="s">
        <v>1</v>
      </c>
      <c r="C133899" s="14" t="s">
        <v>596</v>
      </c>
      <c r="D133899" s="14" t="s">
        <v>146</v>
      </c>
      <c r="E133899" s="15">
        <v>45685</v>
      </c>
      <c r="F133899" s="14" t="s">
        <v>61</v>
      </c>
      <c r="G133899" s="16">
        <v>0</v>
      </c>
    </row>
    <row r="133900" spans="1:7" x14ac:dyDescent="0.3">
      <c r="A133900" s="13" t="s">
        <v>604</v>
      </c>
      <c r="B133900" s="14" t="s">
        <v>1</v>
      </c>
      <c r="C133900" s="14" t="s">
        <v>596</v>
      </c>
      <c r="D133900" s="14" t="s">
        <v>146</v>
      </c>
      <c r="E133900" s="15">
        <v>45686</v>
      </c>
      <c r="F133900" s="14" t="s">
        <v>61</v>
      </c>
      <c r="G133900" s="16">
        <v>0</v>
      </c>
    </row>
    <row r="133901" spans="1:7" x14ac:dyDescent="0.3">
      <c r="A133901" s="13" t="s">
        <v>604</v>
      </c>
      <c r="B133901" s="14" t="s">
        <v>1</v>
      </c>
      <c r="C133901" s="14" t="s">
        <v>596</v>
      </c>
      <c r="D133901" s="14" t="s">
        <v>146</v>
      </c>
      <c r="E133901" s="15">
        <v>45687</v>
      </c>
      <c r="F133901" s="14" t="s">
        <v>61</v>
      </c>
      <c r="G133901" s="16">
        <v>0</v>
      </c>
    </row>
    <row r="133902" spans="1:7" x14ac:dyDescent="0.3">
      <c r="A133902" s="13" t="s">
        <v>604</v>
      </c>
      <c r="B133902" s="14" t="s">
        <v>1</v>
      </c>
      <c r="C133902" s="14" t="s">
        <v>596</v>
      </c>
      <c r="D133902" s="14" t="s">
        <v>146</v>
      </c>
      <c r="E133902" s="15">
        <v>45688</v>
      </c>
      <c r="F133902" s="14" t="s">
        <v>61</v>
      </c>
      <c r="G133902" s="16">
        <v>0</v>
      </c>
    </row>
    <row r="133903" spans="1:7" x14ac:dyDescent="0.3">
      <c r="A133903" s="13" t="s">
        <v>604</v>
      </c>
      <c r="B133903" s="14" t="s">
        <v>1</v>
      </c>
      <c r="C133903" s="14" t="s">
        <v>596</v>
      </c>
      <c r="D133903" s="14" t="s">
        <v>146</v>
      </c>
      <c r="E133903" s="15">
        <v>45689</v>
      </c>
      <c r="F133903" s="14" t="s">
        <v>61</v>
      </c>
      <c r="G133903" s="16">
        <v>0</v>
      </c>
    </row>
    <row r="133904" spans="1:7" x14ac:dyDescent="0.3">
      <c r="A133904" s="13" t="s">
        <v>604</v>
      </c>
      <c r="B133904" s="14" t="s">
        <v>1</v>
      </c>
      <c r="C133904" s="14" t="s">
        <v>596</v>
      </c>
      <c r="D133904" s="14" t="s">
        <v>146</v>
      </c>
      <c r="E133904" s="15">
        <v>45690</v>
      </c>
      <c r="F133904" s="14" t="s">
        <v>61</v>
      </c>
      <c r="G133904" s="16">
        <v>0</v>
      </c>
    </row>
    <row r="133905" spans="1:7" x14ac:dyDescent="0.3">
      <c r="A133905" s="13" t="s">
        <v>604</v>
      </c>
      <c r="B133905" s="14" t="s">
        <v>1</v>
      </c>
      <c r="C133905" s="14" t="s">
        <v>596</v>
      </c>
      <c r="D133905" s="14" t="s">
        <v>146</v>
      </c>
      <c r="E133905" s="15">
        <v>45691</v>
      </c>
      <c r="F133905" s="14" t="s">
        <v>61</v>
      </c>
      <c r="G133905" s="16">
        <v>0</v>
      </c>
    </row>
    <row r="133906" spans="1:7" x14ac:dyDescent="0.3">
      <c r="A133906" s="13" t="s">
        <v>604</v>
      </c>
      <c r="B133906" s="14" t="s">
        <v>1</v>
      </c>
      <c r="C133906" s="14" t="s">
        <v>596</v>
      </c>
      <c r="D133906" s="14" t="s">
        <v>146</v>
      </c>
      <c r="E133906" s="15">
        <v>45692</v>
      </c>
      <c r="F133906" s="14" t="s">
        <v>61</v>
      </c>
      <c r="G133906" s="16">
        <v>0</v>
      </c>
    </row>
    <row r="133907" spans="1:7" x14ac:dyDescent="0.3">
      <c r="A133907" s="13" t="s">
        <v>604</v>
      </c>
      <c r="B133907" s="14" t="s">
        <v>1</v>
      </c>
      <c r="C133907" s="14" t="s">
        <v>596</v>
      </c>
      <c r="D133907" s="14" t="s">
        <v>146</v>
      </c>
      <c r="E133907" s="15">
        <v>45693</v>
      </c>
      <c r="F133907" s="14" t="s">
        <v>61</v>
      </c>
      <c r="G133907" s="16">
        <v>0</v>
      </c>
    </row>
    <row r="133908" spans="1:7" x14ac:dyDescent="0.3">
      <c r="A133908" s="13" t="s">
        <v>604</v>
      </c>
      <c r="B133908" s="14" t="s">
        <v>1</v>
      </c>
      <c r="C133908" s="14" t="s">
        <v>596</v>
      </c>
      <c r="D133908" s="14" t="s">
        <v>146</v>
      </c>
      <c r="E133908" s="15">
        <v>45694</v>
      </c>
      <c r="F133908" s="14" t="s">
        <v>61</v>
      </c>
      <c r="G133908" s="16">
        <v>0</v>
      </c>
    </row>
    <row r="133909" spans="1:7" x14ac:dyDescent="0.3">
      <c r="A133909" s="13" t="s">
        <v>604</v>
      </c>
      <c r="B133909" s="14" t="s">
        <v>1</v>
      </c>
      <c r="C133909" s="14" t="s">
        <v>596</v>
      </c>
      <c r="D133909" s="14" t="s">
        <v>146</v>
      </c>
      <c r="E133909" s="15">
        <v>45695</v>
      </c>
      <c r="F133909" s="14" t="s">
        <v>61</v>
      </c>
      <c r="G133909" s="16">
        <v>0</v>
      </c>
    </row>
    <row r="133910" spans="1:7" x14ac:dyDescent="0.3">
      <c r="A133910" s="13" t="s">
        <v>604</v>
      </c>
      <c r="B133910" s="14" t="s">
        <v>1</v>
      </c>
      <c r="C133910" s="14" t="s">
        <v>596</v>
      </c>
      <c r="D133910" s="14" t="s">
        <v>146</v>
      </c>
      <c r="E133910" s="15">
        <v>45696</v>
      </c>
      <c r="F133910" s="14" t="s">
        <v>61</v>
      </c>
      <c r="G133910" s="16">
        <v>0</v>
      </c>
    </row>
    <row r="133911" spans="1:7" x14ac:dyDescent="0.3">
      <c r="A133911" s="13" t="s">
        <v>604</v>
      </c>
      <c r="B133911" s="14" t="s">
        <v>1</v>
      </c>
      <c r="C133911" s="14" t="s">
        <v>596</v>
      </c>
      <c r="D133911" s="14" t="s">
        <v>146</v>
      </c>
      <c r="E133911" s="15">
        <v>45697</v>
      </c>
      <c r="F133911" s="14" t="s">
        <v>61</v>
      </c>
      <c r="G133911" s="16">
        <v>0</v>
      </c>
    </row>
    <row r="133912" spans="1:7" x14ac:dyDescent="0.3">
      <c r="A133912" s="13" t="s">
        <v>604</v>
      </c>
      <c r="B133912" s="14" t="s">
        <v>1</v>
      </c>
      <c r="C133912" s="14" t="s">
        <v>596</v>
      </c>
      <c r="D133912" s="14" t="s">
        <v>146</v>
      </c>
      <c r="E133912" s="15">
        <v>45698</v>
      </c>
      <c r="F133912" s="14" t="s">
        <v>61</v>
      </c>
      <c r="G133912" s="16">
        <v>0</v>
      </c>
    </row>
    <row r="133913" spans="1:7" x14ac:dyDescent="0.3">
      <c r="A133913" s="13" t="s">
        <v>604</v>
      </c>
      <c r="B133913" s="14" t="s">
        <v>1</v>
      </c>
      <c r="C133913" s="14" t="s">
        <v>596</v>
      </c>
      <c r="D133913" s="14" t="s">
        <v>146</v>
      </c>
      <c r="E133913" s="15">
        <v>45699</v>
      </c>
      <c r="F133913" s="14" t="s">
        <v>61</v>
      </c>
      <c r="G133913" s="16">
        <v>0</v>
      </c>
    </row>
    <row r="133914" spans="1:7" x14ac:dyDescent="0.3">
      <c r="A133914" s="13" t="s">
        <v>604</v>
      </c>
      <c r="B133914" s="14" t="s">
        <v>1</v>
      </c>
      <c r="C133914" s="14" t="s">
        <v>596</v>
      </c>
      <c r="D133914" s="14" t="s">
        <v>146</v>
      </c>
      <c r="E133914" s="15">
        <v>45700</v>
      </c>
      <c r="F133914" s="14" t="s">
        <v>61</v>
      </c>
      <c r="G133914" s="16">
        <v>0</v>
      </c>
    </row>
    <row r="133915" spans="1:7" x14ac:dyDescent="0.3">
      <c r="A133915" s="13" t="s">
        <v>604</v>
      </c>
      <c r="B133915" s="14" t="s">
        <v>1</v>
      </c>
      <c r="C133915" s="14" t="s">
        <v>596</v>
      </c>
      <c r="D133915" s="14" t="s">
        <v>146</v>
      </c>
      <c r="E133915" s="15">
        <v>45701</v>
      </c>
      <c r="F133915" s="14" t="s">
        <v>61</v>
      </c>
      <c r="G133915" s="16">
        <v>0</v>
      </c>
    </row>
    <row r="133916" spans="1:7" x14ac:dyDescent="0.3">
      <c r="A133916" s="13" t="s">
        <v>604</v>
      </c>
      <c r="B133916" s="14" t="s">
        <v>1</v>
      </c>
      <c r="C133916" s="14" t="s">
        <v>596</v>
      </c>
      <c r="D133916" s="14" t="s">
        <v>146</v>
      </c>
      <c r="E133916" s="15">
        <v>45702</v>
      </c>
      <c r="F133916" s="14" t="s">
        <v>61</v>
      </c>
      <c r="G133916" s="16">
        <v>0</v>
      </c>
    </row>
    <row r="133917" spans="1:7" x14ac:dyDescent="0.3">
      <c r="A133917" s="13" t="s">
        <v>604</v>
      </c>
      <c r="B133917" s="14" t="s">
        <v>1</v>
      </c>
      <c r="C133917" s="14" t="s">
        <v>596</v>
      </c>
      <c r="D133917" s="14" t="s">
        <v>146</v>
      </c>
      <c r="E133917" s="15">
        <v>45703</v>
      </c>
      <c r="F133917" s="14" t="s">
        <v>61</v>
      </c>
      <c r="G133917" s="16">
        <v>0</v>
      </c>
    </row>
    <row r="133918" spans="1:7" x14ac:dyDescent="0.3">
      <c r="A133918" s="13" t="s">
        <v>604</v>
      </c>
      <c r="B133918" s="14" t="s">
        <v>1</v>
      </c>
      <c r="C133918" s="14" t="s">
        <v>596</v>
      </c>
      <c r="D133918" s="14" t="s">
        <v>146</v>
      </c>
      <c r="E133918" s="15">
        <v>45704</v>
      </c>
      <c r="F133918" s="14" t="s">
        <v>61</v>
      </c>
      <c r="G133918" s="16">
        <v>0</v>
      </c>
    </row>
    <row r="133919" spans="1:7" x14ac:dyDescent="0.3">
      <c r="A133919" s="13" t="s">
        <v>604</v>
      </c>
      <c r="B133919" s="14" t="s">
        <v>1</v>
      </c>
      <c r="C133919" s="14" t="s">
        <v>596</v>
      </c>
      <c r="D133919" s="14" t="s">
        <v>146</v>
      </c>
      <c r="E133919" s="15">
        <v>45705</v>
      </c>
      <c r="F133919" s="14" t="s">
        <v>61</v>
      </c>
      <c r="G133919" s="16">
        <v>0</v>
      </c>
    </row>
    <row r="133920" spans="1:7" x14ac:dyDescent="0.3">
      <c r="A133920" s="13" t="s">
        <v>604</v>
      </c>
      <c r="B133920" s="14" t="s">
        <v>1</v>
      </c>
      <c r="C133920" s="14" t="s">
        <v>596</v>
      </c>
      <c r="D133920" s="14" t="s">
        <v>146</v>
      </c>
      <c r="E133920" s="15">
        <v>45706</v>
      </c>
      <c r="F133920" s="14" t="s">
        <v>61</v>
      </c>
      <c r="G133920" s="16">
        <v>0</v>
      </c>
    </row>
    <row r="133921" spans="1:7" x14ac:dyDescent="0.3">
      <c r="A133921" s="13" t="s">
        <v>604</v>
      </c>
      <c r="B133921" s="14" t="s">
        <v>1</v>
      </c>
      <c r="C133921" s="14" t="s">
        <v>596</v>
      </c>
      <c r="D133921" s="14" t="s">
        <v>146</v>
      </c>
      <c r="E133921" s="15">
        <v>45707</v>
      </c>
      <c r="F133921" s="14" t="s">
        <v>61</v>
      </c>
      <c r="G133921" s="16">
        <v>0</v>
      </c>
    </row>
    <row r="133922" spans="1:7" x14ac:dyDescent="0.3">
      <c r="A133922" s="13" t="s">
        <v>604</v>
      </c>
      <c r="B133922" s="14" t="s">
        <v>1</v>
      </c>
      <c r="C133922" s="14" t="s">
        <v>596</v>
      </c>
      <c r="D133922" s="14" t="s">
        <v>146</v>
      </c>
      <c r="E133922" s="15">
        <v>45708</v>
      </c>
      <c r="F133922" s="14" t="s">
        <v>61</v>
      </c>
      <c r="G133922" s="16">
        <v>0</v>
      </c>
    </row>
    <row r="133923" spans="1:7" x14ac:dyDescent="0.3">
      <c r="A133923" s="13" t="s">
        <v>604</v>
      </c>
      <c r="B133923" s="14" t="s">
        <v>1</v>
      </c>
      <c r="C133923" s="14" t="s">
        <v>596</v>
      </c>
      <c r="D133923" s="14" t="s">
        <v>146</v>
      </c>
      <c r="E133923" s="15">
        <v>45709</v>
      </c>
      <c r="F133923" s="14" t="s">
        <v>61</v>
      </c>
      <c r="G133923" s="16">
        <v>0</v>
      </c>
    </row>
    <row r="133924" spans="1:7" x14ac:dyDescent="0.3">
      <c r="A133924" s="13" t="s">
        <v>604</v>
      </c>
      <c r="B133924" s="14" t="s">
        <v>1</v>
      </c>
      <c r="C133924" s="14" t="s">
        <v>596</v>
      </c>
      <c r="D133924" s="14" t="s">
        <v>146</v>
      </c>
      <c r="E133924" s="15">
        <v>45710</v>
      </c>
      <c r="F133924" s="14" t="s">
        <v>61</v>
      </c>
      <c r="G133924" s="16">
        <v>0</v>
      </c>
    </row>
    <row r="133925" spans="1:7" x14ac:dyDescent="0.3">
      <c r="A133925" s="13" t="s">
        <v>604</v>
      </c>
      <c r="B133925" s="14" t="s">
        <v>1</v>
      </c>
      <c r="C133925" s="14" t="s">
        <v>596</v>
      </c>
      <c r="D133925" s="14" t="s">
        <v>146</v>
      </c>
      <c r="E133925" s="15">
        <v>45711</v>
      </c>
      <c r="F133925" s="14" t="s">
        <v>61</v>
      </c>
      <c r="G133925" s="16">
        <v>0</v>
      </c>
    </row>
    <row r="133926" spans="1:7" x14ac:dyDescent="0.3">
      <c r="A133926" s="13" t="s">
        <v>604</v>
      </c>
      <c r="B133926" s="14" t="s">
        <v>1</v>
      </c>
      <c r="C133926" s="14" t="s">
        <v>596</v>
      </c>
      <c r="D133926" s="14" t="s">
        <v>146</v>
      </c>
      <c r="E133926" s="15">
        <v>45712</v>
      </c>
      <c r="F133926" s="14" t="s">
        <v>61</v>
      </c>
      <c r="G133926" s="16">
        <v>0</v>
      </c>
    </row>
    <row r="133927" spans="1:7" x14ac:dyDescent="0.3">
      <c r="A133927" s="13" t="s">
        <v>604</v>
      </c>
      <c r="B133927" s="14" t="s">
        <v>1</v>
      </c>
      <c r="C133927" s="14" t="s">
        <v>596</v>
      </c>
      <c r="D133927" s="14" t="s">
        <v>146</v>
      </c>
      <c r="E133927" s="15">
        <v>45713</v>
      </c>
      <c r="F133927" s="14" t="s">
        <v>61</v>
      </c>
      <c r="G133927" s="16">
        <v>0</v>
      </c>
    </row>
    <row r="133928" spans="1:7" x14ac:dyDescent="0.3">
      <c r="A133928" s="13" t="s">
        <v>604</v>
      </c>
      <c r="B133928" s="14" t="s">
        <v>1</v>
      </c>
      <c r="C133928" s="14" t="s">
        <v>596</v>
      </c>
      <c r="D133928" s="14" t="s">
        <v>146</v>
      </c>
      <c r="E133928" s="15">
        <v>45714</v>
      </c>
      <c r="F133928" s="14" t="s">
        <v>61</v>
      </c>
      <c r="G133928" s="16">
        <v>0</v>
      </c>
    </row>
    <row r="133929" spans="1:7" x14ac:dyDescent="0.3">
      <c r="A133929" s="13" t="s">
        <v>604</v>
      </c>
      <c r="B133929" s="14" t="s">
        <v>1</v>
      </c>
      <c r="C133929" s="14" t="s">
        <v>596</v>
      </c>
      <c r="D133929" s="14" t="s">
        <v>146</v>
      </c>
      <c r="E133929" s="15">
        <v>45715</v>
      </c>
      <c r="F133929" s="14" t="s">
        <v>61</v>
      </c>
      <c r="G133929" s="16">
        <v>0</v>
      </c>
    </row>
    <row r="133930" spans="1:7" x14ac:dyDescent="0.3">
      <c r="A133930" s="13" t="s">
        <v>604</v>
      </c>
      <c r="B133930" s="14" t="s">
        <v>1</v>
      </c>
      <c r="C133930" s="14" t="s">
        <v>596</v>
      </c>
      <c r="D133930" s="14" t="s">
        <v>146</v>
      </c>
      <c r="E133930" s="15">
        <v>45716</v>
      </c>
      <c r="F133930" s="14" t="s">
        <v>61</v>
      </c>
      <c r="G133930" s="16">
        <v>0</v>
      </c>
    </row>
    <row r="133931" spans="1:7" x14ac:dyDescent="0.3">
      <c r="A133931" s="13" t="s">
        <v>604</v>
      </c>
      <c r="B133931" s="14" t="s">
        <v>1</v>
      </c>
      <c r="C133931" s="14" t="s">
        <v>596</v>
      </c>
      <c r="D133931" s="14" t="s">
        <v>146</v>
      </c>
      <c r="E133931" s="15">
        <v>45717</v>
      </c>
      <c r="F133931" s="14" t="s">
        <v>61</v>
      </c>
      <c r="G133931" s="16">
        <v>0</v>
      </c>
    </row>
    <row r="133932" spans="1:7" x14ac:dyDescent="0.3">
      <c r="A133932" s="13" t="s">
        <v>604</v>
      </c>
      <c r="B133932" s="14" t="s">
        <v>1</v>
      </c>
      <c r="C133932" s="14" t="s">
        <v>596</v>
      </c>
      <c r="D133932" s="14" t="s">
        <v>146</v>
      </c>
      <c r="E133932" s="15">
        <v>45718</v>
      </c>
      <c r="F133932" s="14" t="s">
        <v>61</v>
      </c>
      <c r="G133932" s="16">
        <v>0</v>
      </c>
    </row>
    <row r="133933" spans="1:7" x14ac:dyDescent="0.3">
      <c r="A133933" s="13" t="s">
        <v>604</v>
      </c>
      <c r="B133933" s="14" t="s">
        <v>1</v>
      </c>
      <c r="C133933" s="14" t="s">
        <v>596</v>
      </c>
      <c r="D133933" s="14" t="s">
        <v>146</v>
      </c>
      <c r="E133933" s="15">
        <v>45719</v>
      </c>
      <c r="F133933" s="14" t="s">
        <v>61</v>
      </c>
      <c r="G133933" s="16">
        <v>0</v>
      </c>
    </row>
    <row r="133934" spans="1:7" x14ac:dyDescent="0.3">
      <c r="A133934" s="13" t="s">
        <v>604</v>
      </c>
      <c r="B133934" s="14" t="s">
        <v>1</v>
      </c>
      <c r="C133934" s="14" t="s">
        <v>596</v>
      </c>
      <c r="D133934" s="14" t="s">
        <v>146</v>
      </c>
      <c r="E133934" s="15">
        <v>45720</v>
      </c>
      <c r="F133934" s="14" t="s">
        <v>61</v>
      </c>
      <c r="G133934" s="16">
        <v>0</v>
      </c>
    </row>
    <row r="133935" spans="1:7" x14ac:dyDescent="0.3">
      <c r="A133935" s="13" t="s">
        <v>604</v>
      </c>
      <c r="B133935" s="14" t="s">
        <v>1</v>
      </c>
      <c r="C133935" s="14" t="s">
        <v>596</v>
      </c>
      <c r="D133935" s="14" t="s">
        <v>146</v>
      </c>
      <c r="E133935" s="15">
        <v>45721</v>
      </c>
      <c r="F133935" s="14" t="s">
        <v>61</v>
      </c>
      <c r="G133935" s="16">
        <v>0</v>
      </c>
    </row>
    <row r="133936" spans="1:7" x14ac:dyDescent="0.3">
      <c r="A133936" s="13" t="s">
        <v>604</v>
      </c>
      <c r="B133936" s="14" t="s">
        <v>1</v>
      </c>
      <c r="C133936" s="14" t="s">
        <v>596</v>
      </c>
      <c r="D133936" s="14" t="s">
        <v>146</v>
      </c>
      <c r="E133936" s="15">
        <v>45722</v>
      </c>
      <c r="F133936" s="14" t="s">
        <v>61</v>
      </c>
      <c r="G133936" s="16">
        <v>0</v>
      </c>
    </row>
    <row r="133937" spans="1:7" x14ac:dyDescent="0.3">
      <c r="A133937" s="13" t="s">
        <v>604</v>
      </c>
      <c r="B133937" s="14" t="s">
        <v>1</v>
      </c>
      <c r="C133937" s="14" t="s">
        <v>596</v>
      </c>
      <c r="D133937" s="14" t="s">
        <v>146</v>
      </c>
      <c r="E133937" s="15">
        <v>45723</v>
      </c>
      <c r="F133937" s="14" t="s">
        <v>61</v>
      </c>
      <c r="G133937" s="16">
        <v>0</v>
      </c>
    </row>
    <row r="133938" spans="1:7" x14ac:dyDescent="0.3">
      <c r="A133938" s="13" t="s">
        <v>604</v>
      </c>
      <c r="B133938" s="14" t="s">
        <v>1</v>
      </c>
      <c r="C133938" s="14" t="s">
        <v>596</v>
      </c>
      <c r="D133938" s="14" t="s">
        <v>146</v>
      </c>
      <c r="E133938" s="15">
        <v>45724</v>
      </c>
      <c r="F133938" s="14" t="s">
        <v>61</v>
      </c>
      <c r="G133938" s="16">
        <v>0</v>
      </c>
    </row>
    <row r="133939" spans="1:7" x14ac:dyDescent="0.3">
      <c r="A133939" s="13" t="s">
        <v>604</v>
      </c>
      <c r="B133939" s="14" t="s">
        <v>1</v>
      </c>
      <c r="C133939" s="14" t="s">
        <v>596</v>
      </c>
      <c r="D133939" s="14" t="s">
        <v>146</v>
      </c>
      <c r="E133939" s="15">
        <v>45725</v>
      </c>
      <c r="F133939" s="14" t="s">
        <v>61</v>
      </c>
      <c r="G133939" s="16">
        <v>0</v>
      </c>
    </row>
    <row r="133940" spans="1:7" x14ac:dyDescent="0.3">
      <c r="A133940" s="13" t="s">
        <v>604</v>
      </c>
      <c r="B133940" s="14" t="s">
        <v>1</v>
      </c>
      <c r="C133940" s="14" t="s">
        <v>596</v>
      </c>
      <c r="D133940" s="14" t="s">
        <v>146</v>
      </c>
      <c r="E133940" s="15">
        <v>45726</v>
      </c>
      <c r="F133940" s="14" t="s">
        <v>61</v>
      </c>
      <c r="G133940" s="16">
        <v>0</v>
      </c>
    </row>
    <row r="133941" spans="1:7" x14ac:dyDescent="0.3">
      <c r="A133941" s="13" t="s">
        <v>604</v>
      </c>
      <c r="B133941" s="14" t="s">
        <v>1</v>
      </c>
      <c r="C133941" s="14" t="s">
        <v>596</v>
      </c>
      <c r="D133941" s="14" t="s">
        <v>146</v>
      </c>
      <c r="E133941" s="15">
        <v>45727</v>
      </c>
      <c r="F133941" s="14" t="s">
        <v>61</v>
      </c>
      <c r="G133941" s="16">
        <v>0</v>
      </c>
    </row>
    <row r="133942" spans="1:7" x14ac:dyDescent="0.3">
      <c r="A133942" s="13" t="s">
        <v>604</v>
      </c>
      <c r="B133942" s="14" t="s">
        <v>1</v>
      </c>
      <c r="C133942" s="14" t="s">
        <v>596</v>
      </c>
      <c r="D133942" s="14" t="s">
        <v>146</v>
      </c>
      <c r="E133942" s="15">
        <v>45728</v>
      </c>
      <c r="F133942" s="14" t="s">
        <v>61</v>
      </c>
      <c r="G133942" s="16">
        <v>0</v>
      </c>
    </row>
    <row r="133943" spans="1:7" x14ac:dyDescent="0.3">
      <c r="A133943" s="13" t="s">
        <v>604</v>
      </c>
      <c r="B133943" s="14" t="s">
        <v>1</v>
      </c>
      <c r="C133943" s="14" t="s">
        <v>596</v>
      </c>
      <c r="D133943" s="14" t="s">
        <v>146</v>
      </c>
      <c r="E133943" s="15">
        <v>45729</v>
      </c>
      <c r="F133943" s="14" t="s">
        <v>61</v>
      </c>
      <c r="G133943" s="16">
        <v>0</v>
      </c>
    </row>
    <row r="133944" spans="1:7" x14ac:dyDescent="0.3">
      <c r="A133944" s="13" t="s">
        <v>604</v>
      </c>
      <c r="B133944" s="14" t="s">
        <v>1</v>
      </c>
      <c r="C133944" s="14" t="s">
        <v>596</v>
      </c>
      <c r="D133944" s="14" t="s">
        <v>146</v>
      </c>
      <c r="E133944" s="15">
        <v>45730</v>
      </c>
      <c r="F133944" s="14" t="s">
        <v>61</v>
      </c>
      <c r="G133944" s="16">
        <v>0</v>
      </c>
    </row>
    <row r="133945" spans="1:7" x14ac:dyDescent="0.3">
      <c r="A133945" s="13" t="s">
        <v>604</v>
      </c>
      <c r="B133945" s="14" t="s">
        <v>1</v>
      </c>
      <c r="C133945" s="14" t="s">
        <v>596</v>
      </c>
      <c r="D133945" s="14" t="s">
        <v>146</v>
      </c>
      <c r="E133945" s="15">
        <v>45731</v>
      </c>
      <c r="F133945" s="14" t="s">
        <v>61</v>
      </c>
      <c r="G133945" s="16">
        <v>0</v>
      </c>
    </row>
    <row r="133946" spans="1:7" x14ac:dyDescent="0.3">
      <c r="A133946" s="13" t="s">
        <v>604</v>
      </c>
      <c r="B133946" s="14" t="s">
        <v>1</v>
      </c>
      <c r="C133946" s="14" t="s">
        <v>596</v>
      </c>
      <c r="D133946" s="14" t="s">
        <v>146</v>
      </c>
      <c r="E133946" s="15">
        <v>45732</v>
      </c>
      <c r="F133946" s="14" t="s">
        <v>61</v>
      </c>
      <c r="G133946" s="16">
        <v>0</v>
      </c>
    </row>
    <row r="133947" spans="1:7" x14ac:dyDescent="0.3">
      <c r="A133947" s="13" t="s">
        <v>604</v>
      </c>
      <c r="B133947" s="14" t="s">
        <v>1</v>
      </c>
      <c r="C133947" s="14" t="s">
        <v>596</v>
      </c>
      <c r="D133947" s="14" t="s">
        <v>146</v>
      </c>
      <c r="E133947" s="15">
        <v>45733</v>
      </c>
      <c r="F133947" s="14" t="s">
        <v>61</v>
      </c>
      <c r="G133947" s="16">
        <v>0</v>
      </c>
    </row>
    <row r="133948" spans="1:7" x14ac:dyDescent="0.3">
      <c r="A133948" s="13" t="s">
        <v>604</v>
      </c>
      <c r="B133948" s="14" t="s">
        <v>1</v>
      </c>
      <c r="C133948" s="14" t="s">
        <v>596</v>
      </c>
      <c r="D133948" s="14" t="s">
        <v>146</v>
      </c>
      <c r="E133948" s="15">
        <v>45734</v>
      </c>
      <c r="F133948" s="14" t="s">
        <v>61</v>
      </c>
      <c r="G133948" s="16">
        <v>0</v>
      </c>
    </row>
    <row r="133949" spans="1:7" x14ac:dyDescent="0.3">
      <c r="A133949" s="13" t="s">
        <v>604</v>
      </c>
      <c r="B133949" s="14" t="s">
        <v>1</v>
      </c>
      <c r="C133949" s="14" t="s">
        <v>596</v>
      </c>
      <c r="D133949" s="14" t="s">
        <v>146</v>
      </c>
      <c r="E133949" s="15">
        <v>45735</v>
      </c>
      <c r="F133949" s="14" t="s">
        <v>61</v>
      </c>
      <c r="G133949" s="16">
        <v>0</v>
      </c>
    </row>
    <row r="133950" spans="1:7" x14ac:dyDescent="0.3">
      <c r="A133950" s="13" t="s">
        <v>604</v>
      </c>
      <c r="B133950" s="14" t="s">
        <v>1</v>
      </c>
      <c r="C133950" s="14" t="s">
        <v>596</v>
      </c>
      <c r="D133950" s="14" t="s">
        <v>146</v>
      </c>
      <c r="E133950" s="15">
        <v>45736</v>
      </c>
      <c r="F133950" s="14" t="s">
        <v>61</v>
      </c>
      <c r="G133950" s="16">
        <v>0</v>
      </c>
    </row>
    <row r="133951" spans="1:7" x14ac:dyDescent="0.3">
      <c r="A133951" s="13" t="s">
        <v>604</v>
      </c>
      <c r="B133951" s="14" t="s">
        <v>1</v>
      </c>
      <c r="C133951" s="14" t="s">
        <v>596</v>
      </c>
      <c r="D133951" s="14" t="s">
        <v>146</v>
      </c>
      <c r="E133951" s="15">
        <v>45737</v>
      </c>
      <c r="F133951" s="14" t="s">
        <v>61</v>
      </c>
      <c r="G133951" s="16">
        <v>0</v>
      </c>
    </row>
    <row r="133952" spans="1:7" x14ac:dyDescent="0.3">
      <c r="A133952" s="13" t="s">
        <v>604</v>
      </c>
      <c r="B133952" s="14" t="s">
        <v>1</v>
      </c>
      <c r="C133952" s="14" t="s">
        <v>596</v>
      </c>
      <c r="D133952" s="14" t="s">
        <v>146</v>
      </c>
      <c r="E133952" s="15">
        <v>45738</v>
      </c>
      <c r="F133952" s="14" t="s">
        <v>61</v>
      </c>
      <c r="G133952" s="16">
        <v>0</v>
      </c>
    </row>
    <row r="133953" spans="1:7" x14ac:dyDescent="0.3">
      <c r="A133953" s="13" t="s">
        <v>604</v>
      </c>
      <c r="B133953" s="14" t="s">
        <v>1</v>
      </c>
      <c r="C133953" s="14" t="s">
        <v>596</v>
      </c>
      <c r="D133953" s="14" t="s">
        <v>146</v>
      </c>
      <c r="E133953" s="15">
        <v>45739</v>
      </c>
      <c r="F133953" s="14" t="s">
        <v>61</v>
      </c>
      <c r="G133953" s="16">
        <v>0</v>
      </c>
    </row>
    <row r="133954" spans="1:7" x14ac:dyDescent="0.3">
      <c r="A133954" s="13" t="s">
        <v>604</v>
      </c>
      <c r="B133954" s="14" t="s">
        <v>1</v>
      </c>
      <c r="C133954" s="14" t="s">
        <v>596</v>
      </c>
      <c r="D133954" s="14" t="s">
        <v>146</v>
      </c>
      <c r="E133954" s="15">
        <v>45740</v>
      </c>
      <c r="F133954" s="14" t="s">
        <v>61</v>
      </c>
      <c r="G133954" s="16">
        <v>0</v>
      </c>
    </row>
    <row r="133955" spans="1:7" x14ac:dyDescent="0.3">
      <c r="A133955" s="13" t="s">
        <v>604</v>
      </c>
      <c r="B133955" s="14" t="s">
        <v>1</v>
      </c>
      <c r="C133955" s="14" t="s">
        <v>596</v>
      </c>
      <c r="D133955" s="14" t="s">
        <v>146</v>
      </c>
      <c r="E133955" s="15">
        <v>45741</v>
      </c>
      <c r="F133955" s="14" t="s">
        <v>61</v>
      </c>
      <c r="G133955" s="16">
        <v>0</v>
      </c>
    </row>
    <row r="133956" spans="1:7" x14ac:dyDescent="0.3">
      <c r="A133956" s="13" t="s">
        <v>604</v>
      </c>
      <c r="B133956" s="14" t="s">
        <v>1</v>
      </c>
      <c r="C133956" s="14" t="s">
        <v>596</v>
      </c>
      <c r="D133956" s="14" t="s">
        <v>146</v>
      </c>
      <c r="E133956" s="15">
        <v>45742</v>
      </c>
      <c r="F133956" s="14" t="s">
        <v>61</v>
      </c>
      <c r="G133956" s="16">
        <v>0</v>
      </c>
    </row>
    <row r="133957" spans="1:7" x14ac:dyDescent="0.3">
      <c r="A133957" s="13" t="s">
        <v>604</v>
      </c>
      <c r="B133957" s="14" t="s">
        <v>1</v>
      </c>
      <c r="C133957" s="14" t="s">
        <v>596</v>
      </c>
      <c r="D133957" s="14" t="s">
        <v>146</v>
      </c>
      <c r="E133957" s="15">
        <v>45743</v>
      </c>
      <c r="F133957" s="14" t="s">
        <v>61</v>
      </c>
      <c r="G133957" s="16">
        <v>0</v>
      </c>
    </row>
    <row r="133958" spans="1:7" x14ac:dyDescent="0.3">
      <c r="A133958" s="13" t="s">
        <v>604</v>
      </c>
      <c r="B133958" s="14" t="s">
        <v>1</v>
      </c>
      <c r="C133958" s="14" t="s">
        <v>596</v>
      </c>
      <c r="D133958" s="14" t="s">
        <v>146</v>
      </c>
      <c r="E133958" s="15">
        <v>45744</v>
      </c>
      <c r="F133958" s="14" t="s">
        <v>61</v>
      </c>
      <c r="G133958" s="16">
        <v>0</v>
      </c>
    </row>
    <row r="133959" spans="1:7" x14ac:dyDescent="0.3">
      <c r="A133959" s="13" t="s">
        <v>604</v>
      </c>
      <c r="B133959" s="14" t="s">
        <v>1</v>
      </c>
      <c r="C133959" s="14" t="s">
        <v>596</v>
      </c>
      <c r="D133959" s="14" t="s">
        <v>146</v>
      </c>
      <c r="E133959" s="15">
        <v>45745</v>
      </c>
      <c r="F133959" s="14" t="s">
        <v>61</v>
      </c>
      <c r="G133959" s="16">
        <v>0</v>
      </c>
    </row>
    <row r="133960" spans="1:7" x14ac:dyDescent="0.3">
      <c r="A133960" s="13" t="s">
        <v>604</v>
      </c>
      <c r="B133960" s="14" t="s">
        <v>1</v>
      </c>
      <c r="C133960" s="14" t="s">
        <v>596</v>
      </c>
      <c r="D133960" s="14" t="s">
        <v>146</v>
      </c>
      <c r="E133960" s="15">
        <v>45746</v>
      </c>
      <c r="F133960" s="14" t="s">
        <v>61</v>
      </c>
      <c r="G133960" s="16">
        <v>0</v>
      </c>
    </row>
    <row r="133961" spans="1:7" x14ac:dyDescent="0.3">
      <c r="A133961" s="13" t="s">
        <v>604</v>
      </c>
      <c r="B133961" s="14" t="s">
        <v>1</v>
      </c>
      <c r="C133961" s="14" t="s">
        <v>596</v>
      </c>
      <c r="D133961" s="14" t="s">
        <v>146</v>
      </c>
      <c r="E133961" s="15">
        <v>45747</v>
      </c>
      <c r="F133961" s="14" t="s">
        <v>61</v>
      </c>
      <c r="G133961" s="16">
        <v>0</v>
      </c>
    </row>
    <row r="133962" spans="1:7" x14ac:dyDescent="0.3">
      <c r="A133962" s="13" t="s">
        <v>605</v>
      </c>
      <c r="B133962" s="14" t="s">
        <v>1</v>
      </c>
      <c r="C133962" s="14" t="s">
        <v>596</v>
      </c>
      <c r="D133962" s="14" t="s">
        <v>266</v>
      </c>
      <c r="E133962" s="15">
        <v>45383</v>
      </c>
      <c r="F133962" s="14" t="s">
        <v>61</v>
      </c>
      <c r="G133962" s="16">
        <v>0</v>
      </c>
    </row>
    <row r="133963" spans="1:7" x14ac:dyDescent="0.3">
      <c r="A133963" s="13" t="s">
        <v>605</v>
      </c>
      <c r="B133963" s="14" t="s">
        <v>1</v>
      </c>
      <c r="C133963" s="14" t="s">
        <v>596</v>
      </c>
      <c r="D133963" s="14" t="s">
        <v>266</v>
      </c>
      <c r="E133963" s="15">
        <v>45384</v>
      </c>
      <c r="F133963" s="14" t="s">
        <v>61</v>
      </c>
      <c r="G133963" s="16">
        <v>0</v>
      </c>
    </row>
    <row r="133964" spans="1:7" x14ac:dyDescent="0.3">
      <c r="A133964" s="13" t="s">
        <v>605</v>
      </c>
      <c r="B133964" s="14" t="s">
        <v>1</v>
      </c>
      <c r="C133964" s="14" t="s">
        <v>596</v>
      </c>
      <c r="D133964" s="14" t="s">
        <v>266</v>
      </c>
      <c r="E133964" s="15">
        <v>45385</v>
      </c>
      <c r="F133964" s="14" t="s">
        <v>61</v>
      </c>
      <c r="G133964" s="16">
        <v>0</v>
      </c>
    </row>
    <row r="133965" spans="1:7" x14ac:dyDescent="0.3">
      <c r="A133965" s="13" t="s">
        <v>605</v>
      </c>
      <c r="B133965" s="14" t="s">
        <v>1</v>
      </c>
      <c r="C133965" s="14" t="s">
        <v>596</v>
      </c>
      <c r="D133965" s="14" t="s">
        <v>266</v>
      </c>
      <c r="E133965" s="15">
        <v>45386</v>
      </c>
      <c r="F133965" s="14" t="s">
        <v>61</v>
      </c>
      <c r="G133965" s="16">
        <v>0</v>
      </c>
    </row>
    <row r="133966" spans="1:7" x14ac:dyDescent="0.3">
      <c r="A133966" s="13" t="s">
        <v>605</v>
      </c>
      <c r="B133966" s="14" t="s">
        <v>1</v>
      </c>
      <c r="C133966" s="14" t="s">
        <v>596</v>
      </c>
      <c r="D133966" s="14" t="s">
        <v>266</v>
      </c>
      <c r="E133966" s="15">
        <v>45387</v>
      </c>
      <c r="F133966" s="14" t="s">
        <v>61</v>
      </c>
      <c r="G133966" s="16">
        <v>0</v>
      </c>
    </row>
    <row r="133967" spans="1:7" x14ac:dyDescent="0.3">
      <c r="A133967" s="13" t="s">
        <v>605</v>
      </c>
      <c r="B133967" s="14" t="s">
        <v>1</v>
      </c>
      <c r="C133967" s="14" t="s">
        <v>596</v>
      </c>
      <c r="D133967" s="14" t="s">
        <v>266</v>
      </c>
      <c r="E133967" s="15">
        <v>45388</v>
      </c>
      <c r="F133967" s="14" t="s">
        <v>61</v>
      </c>
      <c r="G133967" s="16">
        <v>0</v>
      </c>
    </row>
    <row r="133968" spans="1:7" x14ac:dyDescent="0.3">
      <c r="A133968" s="13" t="s">
        <v>605</v>
      </c>
      <c r="B133968" s="14" t="s">
        <v>1</v>
      </c>
      <c r="C133968" s="14" t="s">
        <v>596</v>
      </c>
      <c r="D133968" s="14" t="s">
        <v>266</v>
      </c>
      <c r="E133968" s="15">
        <v>45389</v>
      </c>
      <c r="F133968" s="14" t="s">
        <v>61</v>
      </c>
      <c r="G133968" s="16">
        <v>0</v>
      </c>
    </row>
    <row r="133969" spans="1:7" x14ac:dyDescent="0.3">
      <c r="A133969" s="13" t="s">
        <v>605</v>
      </c>
      <c r="B133969" s="14" t="s">
        <v>1</v>
      </c>
      <c r="C133969" s="14" t="s">
        <v>596</v>
      </c>
      <c r="D133969" s="14" t="s">
        <v>266</v>
      </c>
      <c r="E133969" s="15">
        <v>45390</v>
      </c>
      <c r="F133969" s="14" t="s">
        <v>61</v>
      </c>
      <c r="G133969" s="16">
        <v>0</v>
      </c>
    </row>
    <row r="133970" spans="1:7" x14ac:dyDescent="0.3">
      <c r="A133970" s="13" t="s">
        <v>605</v>
      </c>
      <c r="B133970" s="14" t="s">
        <v>1</v>
      </c>
      <c r="C133970" s="14" t="s">
        <v>596</v>
      </c>
      <c r="D133970" s="14" t="s">
        <v>266</v>
      </c>
      <c r="E133970" s="15">
        <v>45391</v>
      </c>
      <c r="F133970" s="14" t="s">
        <v>61</v>
      </c>
      <c r="G133970" s="16">
        <v>0</v>
      </c>
    </row>
    <row r="133971" spans="1:7" x14ac:dyDescent="0.3">
      <c r="A133971" s="13" t="s">
        <v>605</v>
      </c>
      <c r="B133971" s="14" t="s">
        <v>1</v>
      </c>
      <c r="C133971" s="14" t="s">
        <v>596</v>
      </c>
      <c r="D133971" s="14" t="s">
        <v>266</v>
      </c>
      <c r="E133971" s="15">
        <v>45392</v>
      </c>
      <c r="F133971" s="14" t="s">
        <v>61</v>
      </c>
      <c r="G133971" s="16">
        <v>0</v>
      </c>
    </row>
    <row r="133972" spans="1:7" x14ac:dyDescent="0.3">
      <c r="A133972" s="13" t="s">
        <v>605</v>
      </c>
      <c r="B133972" s="14" t="s">
        <v>1</v>
      </c>
      <c r="C133972" s="14" t="s">
        <v>596</v>
      </c>
      <c r="D133972" s="14" t="s">
        <v>266</v>
      </c>
      <c r="E133972" s="15">
        <v>45393</v>
      </c>
      <c r="F133972" s="14" t="s">
        <v>61</v>
      </c>
      <c r="G133972" s="16">
        <v>0</v>
      </c>
    </row>
    <row r="133973" spans="1:7" x14ac:dyDescent="0.3">
      <c r="A133973" s="13" t="s">
        <v>605</v>
      </c>
      <c r="B133973" s="14" t="s">
        <v>1</v>
      </c>
      <c r="C133973" s="14" t="s">
        <v>596</v>
      </c>
      <c r="D133973" s="14" t="s">
        <v>266</v>
      </c>
      <c r="E133973" s="15">
        <v>45394</v>
      </c>
      <c r="F133973" s="14" t="s">
        <v>61</v>
      </c>
      <c r="G133973" s="16">
        <v>0</v>
      </c>
    </row>
    <row r="133974" spans="1:7" x14ac:dyDescent="0.3">
      <c r="A133974" s="13" t="s">
        <v>605</v>
      </c>
      <c r="B133974" s="14" t="s">
        <v>1</v>
      </c>
      <c r="C133974" s="14" t="s">
        <v>596</v>
      </c>
      <c r="D133974" s="14" t="s">
        <v>266</v>
      </c>
      <c r="E133974" s="15">
        <v>45395</v>
      </c>
      <c r="F133974" s="14" t="s">
        <v>61</v>
      </c>
      <c r="G133974" s="16">
        <v>0</v>
      </c>
    </row>
    <row r="133975" spans="1:7" x14ac:dyDescent="0.3">
      <c r="A133975" s="13" t="s">
        <v>605</v>
      </c>
      <c r="B133975" s="14" t="s">
        <v>1</v>
      </c>
      <c r="C133975" s="14" t="s">
        <v>596</v>
      </c>
      <c r="D133975" s="14" t="s">
        <v>266</v>
      </c>
      <c r="E133975" s="15">
        <v>45396</v>
      </c>
      <c r="F133975" s="14" t="s">
        <v>61</v>
      </c>
      <c r="G133975" s="16">
        <v>0</v>
      </c>
    </row>
    <row r="133976" spans="1:7" x14ac:dyDescent="0.3">
      <c r="A133976" s="13" t="s">
        <v>605</v>
      </c>
      <c r="B133976" s="14" t="s">
        <v>1</v>
      </c>
      <c r="C133976" s="14" t="s">
        <v>596</v>
      </c>
      <c r="D133976" s="14" t="s">
        <v>266</v>
      </c>
      <c r="E133976" s="15">
        <v>45397</v>
      </c>
      <c r="F133976" s="14" t="s">
        <v>61</v>
      </c>
      <c r="G133976" s="16">
        <v>0</v>
      </c>
    </row>
    <row r="133977" spans="1:7" x14ac:dyDescent="0.3">
      <c r="A133977" s="13" t="s">
        <v>605</v>
      </c>
      <c r="B133977" s="14" t="s">
        <v>1</v>
      </c>
      <c r="C133977" s="14" t="s">
        <v>596</v>
      </c>
      <c r="D133977" s="14" t="s">
        <v>266</v>
      </c>
      <c r="E133977" s="15">
        <v>45398</v>
      </c>
      <c r="F133977" s="14" t="s">
        <v>61</v>
      </c>
      <c r="G133977" s="16">
        <v>0</v>
      </c>
    </row>
    <row r="133978" spans="1:7" x14ac:dyDescent="0.3">
      <c r="A133978" s="13" t="s">
        <v>605</v>
      </c>
      <c r="B133978" s="14" t="s">
        <v>1</v>
      </c>
      <c r="C133978" s="14" t="s">
        <v>596</v>
      </c>
      <c r="D133978" s="14" t="s">
        <v>266</v>
      </c>
      <c r="E133978" s="15">
        <v>45399</v>
      </c>
      <c r="F133978" s="14" t="s">
        <v>61</v>
      </c>
      <c r="G133978" s="16">
        <v>0</v>
      </c>
    </row>
    <row r="133979" spans="1:7" x14ac:dyDescent="0.3">
      <c r="A133979" s="13" t="s">
        <v>605</v>
      </c>
      <c r="B133979" s="14" t="s">
        <v>1</v>
      </c>
      <c r="C133979" s="14" t="s">
        <v>596</v>
      </c>
      <c r="D133979" s="14" t="s">
        <v>266</v>
      </c>
      <c r="E133979" s="15">
        <v>45400</v>
      </c>
      <c r="F133979" s="14" t="s">
        <v>61</v>
      </c>
      <c r="G133979" s="16">
        <v>0</v>
      </c>
    </row>
    <row r="133980" spans="1:7" x14ac:dyDescent="0.3">
      <c r="A133980" s="13" t="s">
        <v>605</v>
      </c>
      <c r="B133980" s="14" t="s">
        <v>1</v>
      </c>
      <c r="C133980" s="14" t="s">
        <v>596</v>
      </c>
      <c r="D133980" s="14" t="s">
        <v>266</v>
      </c>
      <c r="E133980" s="15">
        <v>45401</v>
      </c>
      <c r="F133980" s="14" t="s">
        <v>61</v>
      </c>
      <c r="G133980" s="16">
        <v>0</v>
      </c>
    </row>
    <row r="133981" spans="1:7" x14ac:dyDescent="0.3">
      <c r="A133981" s="13" t="s">
        <v>605</v>
      </c>
      <c r="B133981" s="14" t="s">
        <v>1</v>
      </c>
      <c r="C133981" s="14" t="s">
        <v>596</v>
      </c>
      <c r="D133981" s="14" t="s">
        <v>266</v>
      </c>
      <c r="E133981" s="15">
        <v>45402</v>
      </c>
      <c r="F133981" s="14" t="s">
        <v>61</v>
      </c>
      <c r="G133981" s="16">
        <v>0</v>
      </c>
    </row>
    <row r="133982" spans="1:7" x14ac:dyDescent="0.3">
      <c r="A133982" s="13" t="s">
        <v>605</v>
      </c>
      <c r="B133982" s="14" t="s">
        <v>1</v>
      </c>
      <c r="C133982" s="14" t="s">
        <v>596</v>
      </c>
      <c r="D133982" s="14" t="s">
        <v>266</v>
      </c>
      <c r="E133982" s="15">
        <v>45403</v>
      </c>
      <c r="F133982" s="14" t="s">
        <v>61</v>
      </c>
      <c r="G133982" s="16">
        <v>0</v>
      </c>
    </row>
    <row r="133983" spans="1:7" x14ac:dyDescent="0.3">
      <c r="A133983" s="13" t="s">
        <v>605</v>
      </c>
      <c r="B133983" s="14" t="s">
        <v>1</v>
      </c>
      <c r="C133983" s="14" t="s">
        <v>596</v>
      </c>
      <c r="D133983" s="14" t="s">
        <v>266</v>
      </c>
      <c r="E133983" s="15">
        <v>45404</v>
      </c>
      <c r="F133983" s="14" t="s">
        <v>61</v>
      </c>
      <c r="G133983" s="16">
        <v>0</v>
      </c>
    </row>
    <row r="133984" spans="1:7" x14ac:dyDescent="0.3">
      <c r="A133984" s="13" t="s">
        <v>605</v>
      </c>
      <c r="B133984" s="14" t="s">
        <v>1</v>
      </c>
      <c r="C133984" s="14" t="s">
        <v>596</v>
      </c>
      <c r="D133984" s="14" t="s">
        <v>266</v>
      </c>
      <c r="E133984" s="15">
        <v>45405</v>
      </c>
      <c r="F133984" s="14" t="s">
        <v>61</v>
      </c>
      <c r="G133984" s="16">
        <v>0</v>
      </c>
    </row>
    <row r="133985" spans="1:7" x14ac:dyDescent="0.3">
      <c r="A133985" s="13" t="s">
        <v>605</v>
      </c>
      <c r="B133985" s="14" t="s">
        <v>1</v>
      </c>
      <c r="C133985" s="14" t="s">
        <v>596</v>
      </c>
      <c r="D133985" s="14" t="s">
        <v>266</v>
      </c>
      <c r="E133985" s="15">
        <v>45406</v>
      </c>
      <c r="F133985" s="14" t="s">
        <v>61</v>
      </c>
      <c r="G133985" s="16">
        <v>0</v>
      </c>
    </row>
    <row r="133986" spans="1:7" x14ac:dyDescent="0.3">
      <c r="A133986" s="13" t="s">
        <v>605</v>
      </c>
      <c r="B133986" s="14" t="s">
        <v>1</v>
      </c>
      <c r="C133986" s="14" t="s">
        <v>596</v>
      </c>
      <c r="D133986" s="14" t="s">
        <v>266</v>
      </c>
      <c r="E133986" s="15">
        <v>45407</v>
      </c>
      <c r="F133986" s="14" t="s">
        <v>61</v>
      </c>
      <c r="G133986" s="16">
        <v>0</v>
      </c>
    </row>
    <row r="133987" spans="1:7" x14ac:dyDescent="0.3">
      <c r="A133987" s="13" t="s">
        <v>605</v>
      </c>
      <c r="B133987" s="14" t="s">
        <v>1</v>
      </c>
      <c r="C133987" s="14" t="s">
        <v>596</v>
      </c>
      <c r="D133987" s="14" t="s">
        <v>266</v>
      </c>
      <c r="E133987" s="15">
        <v>45408</v>
      </c>
      <c r="F133987" s="14" t="s">
        <v>61</v>
      </c>
      <c r="G133987" s="16">
        <v>0</v>
      </c>
    </row>
    <row r="133988" spans="1:7" x14ac:dyDescent="0.3">
      <c r="A133988" s="13" t="s">
        <v>605</v>
      </c>
      <c r="B133988" s="14" t="s">
        <v>1</v>
      </c>
      <c r="C133988" s="14" t="s">
        <v>596</v>
      </c>
      <c r="D133988" s="14" t="s">
        <v>266</v>
      </c>
      <c r="E133988" s="15">
        <v>45409</v>
      </c>
      <c r="F133988" s="14" t="s">
        <v>61</v>
      </c>
      <c r="G133988" s="16">
        <v>0</v>
      </c>
    </row>
    <row r="133989" spans="1:7" x14ac:dyDescent="0.3">
      <c r="A133989" s="13" t="s">
        <v>605</v>
      </c>
      <c r="B133989" s="14" t="s">
        <v>1</v>
      </c>
      <c r="C133989" s="14" t="s">
        <v>596</v>
      </c>
      <c r="D133989" s="14" t="s">
        <v>266</v>
      </c>
      <c r="E133989" s="15">
        <v>45410</v>
      </c>
      <c r="F133989" s="14" t="s">
        <v>61</v>
      </c>
      <c r="G133989" s="16">
        <v>0</v>
      </c>
    </row>
    <row r="133990" spans="1:7" x14ac:dyDescent="0.3">
      <c r="A133990" s="13" t="s">
        <v>605</v>
      </c>
      <c r="B133990" s="14" t="s">
        <v>1</v>
      </c>
      <c r="C133990" s="14" t="s">
        <v>596</v>
      </c>
      <c r="D133990" s="14" t="s">
        <v>266</v>
      </c>
      <c r="E133990" s="15">
        <v>45411</v>
      </c>
      <c r="F133990" s="14" t="s">
        <v>61</v>
      </c>
      <c r="G133990" s="16">
        <v>0</v>
      </c>
    </row>
    <row r="133991" spans="1:7" x14ac:dyDescent="0.3">
      <c r="A133991" s="13" t="s">
        <v>605</v>
      </c>
      <c r="B133991" s="14" t="s">
        <v>1</v>
      </c>
      <c r="C133991" s="14" t="s">
        <v>596</v>
      </c>
      <c r="D133991" s="14" t="s">
        <v>266</v>
      </c>
      <c r="E133991" s="15">
        <v>45412</v>
      </c>
      <c r="F133991" s="14" t="s">
        <v>61</v>
      </c>
      <c r="G133991" s="16">
        <v>0</v>
      </c>
    </row>
    <row r="133992" spans="1:7" x14ac:dyDescent="0.3">
      <c r="A133992" s="13" t="s">
        <v>605</v>
      </c>
      <c r="B133992" s="14" t="s">
        <v>1</v>
      </c>
      <c r="C133992" s="14" t="s">
        <v>596</v>
      </c>
      <c r="D133992" s="14" t="s">
        <v>266</v>
      </c>
      <c r="E133992" s="15">
        <v>45413</v>
      </c>
      <c r="F133992" s="14" t="s">
        <v>61</v>
      </c>
      <c r="G133992" s="16">
        <v>0</v>
      </c>
    </row>
    <row r="133993" spans="1:7" x14ac:dyDescent="0.3">
      <c r="A133993" s="13" t="s">
        <v>605</v>
      </c>
      <c r="B133993" s="14" t="s">
        <v>1</v>
      </c>
      <c r="C133993" s="14" t="s">
        <v>596</v>
      </c>
      <c r="D133993" s="14" t="s">
        <v>266</v>
      </c>
      <c r="E133993" s="15">
        <v>45414</v>
      </c>
      <c r="F133993" s="14" t="s">
        <v>61</v>
      </c>
      <c r="G133993" s="16">
        <v>0</v>
      </c>
    </row>
    <row r="133994" spans="1:7" x14ac:dyDescent="0.3">
      <c r="A133994" s="13" t="s">
        <v>605</v>
      </c>
      <c r="B133994" s="14" t="s">
        <v>1</v>
      </c>
      <c r="C133994" s="14" t="s">
        <v>596</v>
      </c>
      <c r="D133994" s="14" t="s">
        <v>266</v>
      </c>
      <c r="E133994" s="15">
        <v>45415</v>
      </c>
      <c r="F133994" s="14" t="s">
        <v>61</v>
      </c>
      <c r="G133994" s="16">
        <v>0</v>
      </c>
    </row>
    <row r="133995" spans="1:7" x14ac:dyDescent="0.3">
      <c r="A133995" s="13" t="s">
        <v>605</v>
      </c>
      <c r="B133995" s="14" t="s">
        <v>1</v>
      </c>
      <c r="C133995" s="14" t="s">
        <v>596</v>
      </c>
      <c r="D133995" s="14" t="s">
        <v>266</v>
      </c>
      <c r="E133995" s="15">
        <v>45416</v>
      </c>
      <c r="F133995" s="14" t="s">
        <v>61</v>
      </c>
      <c r="G133995" s="16">
        <v>0</v>
      </c>
    </row>
    <row r="133996" spans="1:7" x14ac:dyDescent="0.3">
      <c r="A133996" s="13" t="s">
        <v>605</v>
      </c>
      <c r="B133996" s="14" t="s">
        <v>1</v>
      </c>
      <c r="C133996" s="14" t="s">
        <v>596</v>
      </c>
      <c r="D133996" s="14" t="s">
        <v>266</v>
      </c>
      <c r="E133996" s="15">
        <v>45417</v>
      </c>
      <c r="F133996" s="14" t="s">
        <v>61</v>
      </c>
      <c r="G133996" s="16">
        <v>0</v>
      </c>
    </row>
    <row r="133997" spans="1:7" x14ac:dyDescent="0.3">
      <c r="A133997" s="13" t="s">
        <v>605</v>
      </c>
      <c r="B133997" s="14" t="s">
        <v>1</v>
      </c>
      <c r="C133997" s="14" t="s">
        <v>596</v>
      </c>
      <c r="D133997" s="14" t="s">
        <v>266</v>
      </c>
      <c r="E133997" s="15">
        <v>45418</v>
      </c>
      <c r="F133997" s="14" t="s">
        <v>61</v>
      </c>
      <c r="G133997" s="16">
        <v>0</v>
      </c>
    </row>
    <row r="133998" spans="1:7" x14ac:dyDescent="0.3">
      <c r="A133998" s="13" t="s">
        <v>605</v>
      </c>
      <c r="B133998" s="14" t="s">
        <v>1</v>
      </c>
      <c r="C133998" s="14" t="s">
        <v>596</v>
      </c>
      <c r="D133998" s="14" t="s">
        <v>266</v>
      </c>
      <c r="E133998" s="15">
        <v>45419</v>
      </c>
      <c r="F133998" s="14" t="s">
        <v>61</v>
      </c>
      <c r="G133998" s="16">
        <v>0</v>
      </c>
    </row>
    <row r="133999" spans="1:7" x14ac:dyDescent="0.3">
      <c r="A133999" s="13" t="s">
        <v>605</v>
      </c>
      <c r="B133999" s="14" t="s">
        <v>1</v>
      </c>
      <c r="C133999" s="14" t="s">
        <v>596</v>
      </c>
      <c r="D133999" s="14" t="s">
        <v>266</v>
      </c>
      <c r="E133999" s="15">
        <v>45420</v>
      </c>
      <c r="F133999" s="14" t="s">
        <v>61</v>
      </c>
      <c r="G133999" s="16">
        <v>0</v>
      </c>
    </row>
    <row r="134000" spans="1:7" x14ac:dyDescent="0.3">
      <c r="A134000" s="13" t="s">
        <v>605</v>
      </c>
      <c r="B134000" s="14" t="s">
        <v>1</v>
      </c>
      <c r="C134000" s="14" t="s">
        <v>596</v>
      </c>
      <c r="D134000" s="14" t="s">
        <v>266</v>
      </c>
      <c r="E134000" s="15">
        <v>45421</v>
      </c>
      <c r="F134000" s="14" t="s">
        <v>61</v>
      </c>
      <c r="G134000" s="16">
        <v>0</v>
      </c>
    </row>
    <row r="134001" spans="1:7" x14ac:dyDescent="0.3">
      <c r="A134001" s="13" t="s">
        <v>605</v>
      </c>
      <c r="B134001" s="14" t="s">
        <v>1</v>
      </c>
      <c r="C134001" s="14" t="s">
        <v>596</v>
      </c>
      <c r="D134001" s="14" t="s">
        <v>266</v>
      </c>
      <c r="E134001" s="15">
        <v>45422</v>
      </c>
      <c r="F134001" s="14" t="s">
        <v>61</v>
      </c>
      <c r="G134001" s="16">
        <v>0</v>
      </c>
    </row>
    <row r="134002" spans="1:7" x14ac:dyDescent="0.3">
      <c r="A134002" s="13" t="s">
        <v>605</v>
      </c>
      <c r="B134002" s="14" t="s">
        <v>1</v>
      </c>
      <c r="C134002" s="14" t="s">
        <v>596</v>
      </c>
      <c r="D134002" s="14" t="s">
        <v>266</v>
      </c>
      <c r="E134002" s="15">
        <v>45423</v>
      </c>
      <c r="F134002" s="14" t="s">
        <v>61</v>
      </c>
      <c r="G134002" s="16">
        <v>0</v>
      </c>
    </row>
    <row r="134003" spans="1:7" x14ac:dyDescent="0.3">
      <c r="A134003" s="13" t="s">
        <v>605</v>
      </c>
      <c r="B134003" s="14" t="s">
        <v>1</v>
      </c>
      <c r="C134003" s="14" t="s">
        <v>596</v>
      </c>
      <c r="D134003" s="14" t="s">
        <v>266</v>
      </c>
      <c r="E134003" s="15">
        <v>45424</v>
      </c>
      <c r="F134003" s="14" t="s">
        <v>61</v>
      </c>
      <c r="G134003" s="16">
        <v>0</v>
      </c>
    </row>
    <row r="134004" spans="1:7" x14ac:dyDescent="0.3">
      <c r="A134004" s="13" t="s">
        <v>605</v>
      </c>
      <c r="B134004" s="14" t="s">
        <v>1</v>
      </c>
      <c r="C134004" s="14" t="s">
        <v>596</v>
      </c>
      <c r="D134004" s="14" t="s">
        <v>266</v>
      </c>
      <c r="E134004" s="15">
        <v>45425</v>
      </c>
      <c r="F134004" s="14" t="s">
        <v>61</v>
      </c>
      <c r="G134004" s="16">
        <v>0</v>
      </c>
    </row>
    <row r="134005" spans="1:7" x14ac:dyDescent="0.3">
      <c r="A134005" s="13" t="s">
        <v>605</v>
      </c>
      <c r="B134005" s="14" t="s">
        <v>1</v>
      </c>
      <c r="C134005" s="14" t="s">
        <v>596</v>
      </c>
      <c r="D134005" s="14" t="s">
        <v>266</v>
      </c>
      <c r="E134005" s="15">
        <v>45426</v>
      </c>
      <c r="F134005" s="14" t="s">
        <v>61</v>
      </c>
      <c r="G134005" s="16">
        <v>0</v>
      </c>
    </row>
    <row r="134006" spans="1:7" x14ac:dyDescent="0.3">
      <c r="A134006" s="13" t="s">
        <v>605</v>
      </c>
      <c r="B134006" s="14" t="s">
        <v>1</v>
      </c>
      <c r="C134006" s="14" t="s">
        <v>596</v>
      </c>
      <c r="D134006" s="14" t="s">
        <v>266</v>
      </c>
      <c r="E134006" s="15">
        <v>45427</v>
      </c>
      <c r="F134006" s="14" t="s">
        <v>61</v>
      </c>
      <c r="G134006" s="16">
        <v>0</v>
      </c>
    </row>
    <row r="134007" spans="1:7" x14ac:dyDescent="0.3">
      <c r="A134007" s="13" t="s">
        <v>605</v>
      </c>
      <c r="B134007" s="14" t="s">
        <v>1</v>
      </c>
      <c r="C134007" s="14" t="s">
        <v>596</v>
      </c>
      <c r="D134007" s="14" t="s">
        <v>266</v>
      </c>
      <c r="E134007" s="15">
        <v>45428</v>
      </c>
      <c r="F134007" s="14" t="s">
        <v>61</v>
      </c>
      <c r="G134007" s="16">
        <v>0</v>
      </c>
    </row>
    <row r="134008" spans="1:7" x14ac:dyDescent="0.3">
      <c r="A134008" s="13" t="s">
        <v>605</v>
      </c>
      <c r="B134008" s="14" t="s">
        <v>1</v>
      </c>
      <c r="C134008" s="14" t="s">
        <v>596</v>
      </c>
      <c r="D134008" s="14" t="s">
        <v>266</v>
      </c>
      <c r="E134008" s="15">
        <v>45429</v>
      </c>
      <c r="F134008" s="14" t="s">
        <v>61</v>
      </c>
      <c r="G134008" s="16">
        <v>0</v>
      </c>
    </row>
    <row r="134009" spans="1:7" x14ac:dyDescent="0.3">
      <c r="A134009" s="13" t="s">
        <v>605</v>
      </c>
      <c r="B134009" s="14" t="s">
        <v>1</v>
      </c>
      <c r="C134009" s="14" t="s">
        <v>596</v>
      </c>
      <c r="D134009" s="14" t="s">
        <v>266</v>
      </c>
      <c r="E134009" s="15">
        <v>45430</v>
      </c>
      <c r="F134009" s="14" t="s">
        <v>61</v>
      </c>
      <c r="G134009" s="16">
        <v>0</v>
      </c>
    </row>
    <row r="134010" spans="1:7" x14ac:dyDescent="0.3">
      <c r="A134010" s="13" t="s">
        <v>605</v>
      </c>
      <c r="B134010" s="14" t="s">
        <v>1</v>
      </c>
      <c r="C134010" s="14" t="s">
        <v>596</v>
      </c>
      <c r="D134010" s="14" t="s">
        <v>266</v>
      </c>
      <c r="E134010" s="15">
        <v>45431</v>
      </c>
      <c r="F134010" s="14" t="s">
        <v>61</v>
      </c>
      <c r="G134010" s="16">
        <v>0</v>
      </c>
    </row>
    <row r="134011" spans="1:7" x14ac:dyDescent="0.3">
      <c r="A134011" s="13" t="s">
        <v>605</v>
      </c>
      <c r="B134011" s="14" t="s">
        <v>1</v>
      </c>
      <c r="C134011" s="14" t="s">
        <v>596</v>
      </c>
      <c r="D134011" s="14" t="s">
        <v>266</v>
      </c>
      <c r="E134011" s="15">
        <v>45432</v>
      </c>
      <c r="F134011" s="14" t="s">
        <v>61</v>
      </c>
      <c r="G134011" s="16">
        <v>0</v>
      </c>
    </row>
    <row r="134012" spans="1:7" x14ac:dyDescent="0.3">
      <c r="A134012" s="13" t="s">
        <v>605</v>
      </c>
      <c r="B134012" s="14" t="s">
        <v>1</v>
      </c>
      <c r="C134012" s="14" t="s">
        <v>596</v>
      </c>
      <c r="D134012" s="14" t="s">
        <v>266</v>
      </c>
      <c r="E134012" s="15">
        <v>45433</v>
      </c>
      <c r="F134012" s="14" t="s">
        <v>61</v>
      </c>
      <c r="G134012" s="16">
        <v>0</v>
      </c>
    </row>
    <row r="134013" spans="1:7" x14ac:dyDescent="0.3">
      <c r="A134013" s="13" t="s">
        <v>605</v>
      </c>
      <c r="B134013" s="14" t="s">
        <v>1</v>
      </c>
      <c r="C134013" s="14" t="s">
        <v>596</v>
      </c>
      <c r="D134013" s="14" t="s">
        <v>266</v>
      </c>
      <c r="E134013" s="15">
        <v>45434</v>
      </c>
      <c r="F134013" s="14" t="s">
        <v>61</v>
      </c>
      <c r="G134013" s="16">
        <v>0</v>
      </c>
    </row>
    <row r="134014" spans="1:7" x14ac:dyDescent="0.3">
      <c r="A134014" s="13" t="s">
        <v>605</v>
      </c>
      <c r="B134014" s="14" t="s">
        <v>1</v>
      </c>
      <c r="C134014" s="14" t="s">
        <v>596</v>
      </c>
      <c r="D134014" s="14" t="s">
        <v>266</v>
      </c>
      <c r="E134014" s="15">
        <v>45435</v>
      </c>
      <c r="F134014" s="14" t="s">
        <v>61</v>
      </c>
      <c r="G134014" s="16">
        <v>0</v>
      </c>
    </row>
    <row r="134015" spans="1:7" x14ac:dyDescent="0.3">
      <c r="A134015" s="13" t="s">
        <v>605</v>
      </c>
      <c r="B134015" s="14" t="s">
        <v>1</v>
      </c>
      <c r="C134015" s="14" t="s">
        <v>596</v>
      </c>
      <c r="D134015" s="14" t="s">
        <v>266</v>
      </c>
      <c r="E134015" s="15">
        <v>45436</v>
      </c>
      <c r="F134015" s="14" t="s">
        <v>61</v>
      </c>
      <c r="G134015" s="16">
        <v>0</v>
      </c>
    </row>
    <row r="134016" spans="1:7" x14ac:dyDescent="0.3">
      <c r="A134016" s="13" t="s">
        <v>605</v>
      </c>
      <c r="B134016" s="14" t="s">
        <v>1</v>
      </c>
      <c r="C134016" s="14" t="s">
        <v>596</v>
      </c>
      <c r="D134016" s="14" t="s">
        <v>266</v>
      </c>
      <c r="E134016" s="15">
        <v>45437</v>
      </c>
      <c r="F134016" s="14" t="s">
        <v>61</v>
      </c>
      <c r="G134016" s="16">
        <v>0</v>
      </c>
    </row>
    <row r="134017" spans="1:7" x14ac:dyDescent="0.3">
      <c r="A134017" s="13" t="s">
        <v>605</v>
      </c>
      <c r="B134017" s="14" t="s">
        <v>1</v>
      </c>
      <c r="C134017" s="14" t="s">
        <v>596</v>
      </c>
      <c r="D134017" s="14" t="s">
        <v>266</v>
      </c>
      <c r="E134017" s="15">
        <v>45438</v>
      </c>
      <c r="F134017" s="14" t="s">
        <v>61</v>
      </c>
      <c r="G134017" s="16">
        <v>0</v>
      </c>
    </row>
    <row r="134018" spans="1:7" x14ac:dyDescent="0.3">
      <c r="A134018" s="13" t="s">
        <v>605</v>
      </c>
      <c r="B134018" s="14" t="s">
        <v>1</v>
      </c>
      <c r="C134018" s="14" t="s">
        <v>596</v>
      </c>
      <c r="D134018" s="14" t="s">
        <v>266</v>
      </c>
      <c r="E134018" s="15">
        <v>45439</v>
      </c>
      <c r="F134018" s="14" t="s">
        <v>61</v>
      </c>
      <c r="G134018" s="16">
        <v>0</v>
      </c>
    </row>
    <row r="134019" spans="1:7" x14ac:dyDescent="0.3">
      <c r="A134019" s="13" t="s">
        <v>605</v>
      </c>
      <c r="B134019" s="14" t="s">
        <v>1</v>
      </c>
      <c r="C134019" s="14" t="s">
        <v>596</v>
      </c>
      <c r="D134019" s="14" t="s">
        <v>266</v>
      </c>
      <c r="E134019" s="15">
        <v>45440</v>
      </c>
      <c r="F134019" s="14" t="s">
        <v>61</v>
      </c>
      <c r="G134019" s="16">
        <v>0</v>
      </c>
    </row>
    <row r="134020" spans="1:7" x14ac:dyDescent="0.3">
      <c r="A134020" s="13" t="s">
        <v>605</v>
      </c>
      <c r="B134020" s="14" t="s">
        <v>1</v>
      </c>
      <c r="C134020" s="14" t="s">
        <v>596</v>
      </c>
      <c r="D134020" s="14" t="s">
        <v>266</v>
      </c>
      <c r="E134020" s="15">
        <v>45441</v>
      </c>
      <c r="F134020" s="14" t="s">
        <v>61</v>
      </c>
      <c r="G134020" s="16">
        <v>0</v>
      </c>
    </row>
    <row r="134021" spans="1:7" x14ac:dyDescent="0.3">
      <c r="A134021" s="13" t="s">
        <v>605</v>
      </c>
      <c r="B134021" s="14" t="s">
        <v>1</v>
      </c>
      <c r="C134021" s="14" t="s">
        <v>596</v>
      </c>
      <c r="D134021" s="14" t="s">
        <v>266</v>
      </c>
      <c r="E134021" s="15">
        <v>45442</v>
      </c>
      <c r="F134021" s="14" t="s">
        <v>61</v>
      </c>
      <c r="G134021" s="16">
        <v>0</v>
      </c>
    </row>
    <row r="134022" spans="1:7" x14ac:dyDescent="0.3">
      <c r="A134022" s="13" t="s">
        <v>605</v>
      </c>
      <c r="B134022" s="14" t="s">
        <v>1</v>
      </c>
      <c r="C134022" s="14" t="s">
        <v>596</v>
      </c>
      <c r="D134022" s="14" t="s">
        <v>266</v>
      </c>
      <c r="E134022" s="15">
        <v>45443</v>
      </c>
      <c r="F134022" s="14" t="s">
        <v>61</v>
      </c>
      <c r="G134022" s="16">
        <v>0</v>
      </c>
    </row>
    <row r="134023" spans="1:7" x14ac:dyDescent="0.3">
      <c r="A134023" s="13" t="s">
        <v>605</v>
      </c>
      <c r="B134023" s="14" t="s">
        <v>1</v>
      </c>
      <c r="C134023" s="14" t="s">
        <v>596</v>
      </c>
      <c r="D134023" s="14" t="s">
        <v>266</v>
      </c>
      <c r="E134023" s="15">
        <v>45444</v>
      </c>
      <c r="F134023" s="14" t="s">
        <v>61</v>
      </c>
      <c r="G134023" s="16">
        <v>0</v>
      </c>
    </row>
    <row r="134024" spans="1:7" x14ac:dyDescent="0.3">
      <c r="A134024" s="13" t="s">
        <v>605</v>
      </c>
      <c r="B134024" s="14" t="s">
        <v>1</v>
      </c>
      <c r="C134024" s="14" t="s">
        <v>596</v>
      </c>
      <c r="D134024" s="14" t="s">
        <v>266</v>
      </c>
      <c r="E134024" s="15">
        <v>45445</v>
      </c>
      <c r="F134024" s="14" t="s">
        <v>61</v>
      </c>
      <c r="G134024" s="16">
        <v>0</v>
      </c>
    </row>
    <row r="134025" spans="1:7" x14ac:dyDescent="0.3">
      <c r="A134025" s="13" t="s">
        <v>605</v>
      </c>
      <c r="B134025" s="14" t="s">
        <v>1</v>
      </c>
      <c r="C134025" s="14" t="s">
        <v>596</v>
      </c>
      <c r="D134025" s="14" t="s">
        <v>266</v>
      </c>
      <c r="E134025" s="15">
        <v>45446</v>
      </c>
      <c r="F134025" s="14" t="s">
        <v>61</v>
      </c>
      <c r="G134025" s="16">
        <v>0</v>
      </c>
    </row>
    <row r="134026" spans="1:7" x14ac:dyDescent="0.3">
      <c r="A134026" s="13" t="s">
        <v>605</v>
      </c>
      <c r="B134026" s="14" t="s">
        <v>1</v>
      </c>
      <c r="C134026" s="14" t="s">
        <v>596</v>
      </c>
      <c r="D134026" s="14" t="s">
        <v>266</v>
      </c>
      <c r="E134026" s="15">
        <v>45447</v>
      </c>
      <c r="F134026" s="14" t="s">
        <v>61</v>
      </c>
      <c r="G134026" s="16">
        <v>0</v>
      </c>
    </row>
    <row r="134027" spans="1:7" x14ac:dyDescent="0.3">
      <c r="A134027" s="13" t="s">
        <v>605</v>
      </c>
      <c r="B134027" s="14" t="s">
        <v>1</v>
      </c>
      <c r="C134027" s="14" t="s">
        <v>596</v>
      </c>
      <c r="D134027" s="14" t="s">
        <v>266</v>
      </c>
      <c r="E134027" s="15">
        <v>45448</v>
      </c>
      <c r="F134027" s="14" t="s">
        <v>61</v>
      </c>
      <c r="G134027" s="16">
        <v>0</v>
      </c>
    </row>
    <row r="134028" spans="1:7" x14ac:dyDescent="0.3">
      <c r="A134028" s="13" t="s">
        <v>605</v>
      </c>
      <c r="B134028" s="14" t="s">
        <v>1</v>
      </c>
      <c r="C134028" s="14" t="s">
        <v>596</v>
      </c>
      <c r="D134028" s="14" t="s">
        <v>266</v>
      </c>
      <c r="E134028" s="15">
        <v>45449</v>
      </c>
      <c r="F134028" s="14" t="s">
        <v>61</v>
      </c>
      <c r="G134028" s="16">
        <v>0</v>
      </c>
    </row>
    <row r="134029" spans="1:7" x14ac:dyDescent="0.3">
      <c r="A134029" s="13" t="s">
        <v>605</v>
      </c>
      <c r="B134029" s="14" t="s">
        <v>1</v>
      </c>
      <c r="C134029" s="14" t="s">
        <v>596</v>
      </c>
      <c r="D134029" s="14" t="s">
        <v>266</v>
      </c>
      <c r="E134029" s="15">
        <v>45450</v>
      </c>
      <c r="F134029" s="14" t="s">
        <v>61</v>
      </c>
      <c r="G134029" s="16">
        <v>0</v>
      </c>
    </row>
    <row r="134030" spans="1:7" x14ac:dyDescent="0.3">
      <c r="A134030" s="13" t="s">
        <v>605</v>
      </c>
      <c r="B134030" s="14" t="s">
        <v>1</v>
      </c>
      <c r="C134030" s="14" t="s">
        <v>596</v>
      </c>
      <c r="D134030" s="14" t="s">
        <v>266</v>
      </c>
      <c r="E134030" s="15">
        <v>45451</v>
      </c>
      <c r="F134030" s="14" t="s">
        <v>61</v>
      </c>
      <c r="G134030" s="16">
        <v>0</v>
      </c>
    </row>
    <row r="134031" spans="1:7" x14ac:dyDescent="0.3">
      <c r="A134031" s="13" t="s">
        <v>605</v>
      </c>
      <c r="B134031" s="14" t="s">
        <v>1</v>
      </c>
      <c r="C134031" s="14" t="s">
        <v>596</v>
      </c>
      <c r="D134031" s="14" t="s">
        <v>266</v>
      </c>
      <c r="E134031" s="15">
        <v>45452</v>
      </c>
      <c r="F134031" s="14" t="s">
        <v>61</v>
      </c>
      <c r="G134031" s="16">
        <v>0</v>
      </c>
    </row>
    <row r="134032" spans="1:7" x14ac:dyDescent="0.3">
      <c r="A134032" s="13" t="s">
        <v>605</v>
      </c>
      <c r="B134032" s="14" t="s">
        <v>1</v>
      </c>
      <c r="C134032" s="14" t="s">
        <v>596</v>
      </c>
      <c r="D134032" s="14" t="s">
        <v>266</v>
      </c>
      <c r="E134032" s="15">
        <v>45453</v>
      </c>
      <c r="F134032" s="14" t="s">
        <v>61</v>
      </c>
      <c r="G134032" s="16">
        <v>0</v>
      </c>
    </row>
    <row r="134033" spans="1:7" x14ac:dyDescent="0.3">
      <c r="A134033" s="13" t="s">
        <v>605</v>
      </c>
      <c r="B134033" s="14" t="s">
        <v>1</v>
      </c>
      <c r="C134033" s="14" t="s">
        <v>596</v>
      </c>
      <c r="D134033" s="14" t="s">
        <v>266</v>
      </c>
      <c r="E134033" s="15">
        <v>45454</v>
      </c>
      <c r="F134033" s="14" t="s">
        <v>61</v>
      </c>
      <c r="G134033" s="16">
        <v>0</v>
      </c>
    </row>
    <row r="134034" spans="1:7" x14ac:dyDescent="0.3">
      <c r="A134034" s="13" t="s">
        <v>605</v>
      </c>
      <c r="B134034" s="14" t="s">
        <v>1</v>
      </c>
      <c r="C134034" s="14" t="s">
        <v>596</v>
      </c>
      <c r="D134034" s="14" t="s">
        <v>266</v>
      </c>
      <c r="E134034" s="15">
        <v>45455</v>
      </c>
      <c r="F134034" s="14" t="s">
        <v>61</v>
      </c>
      <c r="G134034" s="16">
        <v>0</v>
      </c>
    </row>
    <row r="134035" spans="1:7" x14ac:dyDescent="0.3">
      <c r="A134035" s="13" t="s">
        <v>605</v>
      </c>
      <c r="B134035" s="14" t="s">
        <v>1</v>
      </c>
      <c r="C134035" s="14" t="s">
        <v>596</v>
      </c>
      <c r="D134035" s="14" t="s">
        <v>266</v>
      </c>
      <c r="E134035" s="15">
        <v>45456</v>
      </c>
      <c r="F134035" s="14" t="s">
        <v>61</v>
      </c>
      <c r="G134035" s="16">
        <v>0</v>
      </c>
    </row>
    <row r="134036" spans="1:7" x14ac:dyDescent="0.3">
      <c r="A134036" s="13" t="s">
        <v>605</v>
      </c>
      <c r="B134036" s="14" t="s">
        <v>1</v>
      </c>
      <c r="C134036" s="14" t="s">
        <v>596</v>
      </c>
      <c r="D134036" s="14" t="s">
        <v>266</v>
      </c>
      <c r="E134036" s="15">
        <v>45457</v>
      </c>
      <c r="F134036" s="14" t="s">
        <v>61</v>
      </c>
      <c r="G134036" s="16">
        <v>0</v>
      </c>
    </row>
    <row r="134037" spans="1:7" x14ac:dyDescent="0.3">
      <c r="A134037" s="13" t="s">
        <v>605</v>
      </c>
      <c r="B134037" s="14" t="s">
        <v>1</v>
      </c>
      <c r="C134037" s="14" t="s">
        <v>596</v>
      </c>
      <c r="D134037" s="14" t="s">
        <v>266</v>
      </c>
      <c r="E134037" s="15">
        <v>45458</v>
      </c>
      <c r="F134037" s="14" t="s">
        <v>61</v>
      </c>
      <c r="G134037" s="16">
        <v>0</v>
      </c>
    </row>
    <row r="134038" spans="1:7" x14ac:dyDescent="0.3">
      <c r="A134038" s="13" t="s">
        <v>605</v>
      </c>
      <c r="B134038" s="14" t="s">
        <v>1</v>
      </c>
      <c r="C134038" s="14" t="s">
        <v>596</v>
      </c>
      <c r="D134038" s="14" t="s">
        <v>266</v>
      </c>
      <c r="E134038" s="15">
        <v>45459</v>
      </c>
      <c r="F134038" s="14" t="s">
        <v>61</v>
      </c>
      <c r="G134038" s="16">
        <v>0</v>
      </c>
    </row>
    <row r="134039" spans="1:7" x14ac:dyDescent="0.3">
      <c r="A134039" s="13" t="s">
        <v>605</v>
      </c>
      <c r="B134039" s="14" t="s">
        <v>1</v>
      </c>
      <c r="C134039" s="14" t="s">
        <v>596</v>
      </c>
      <c r="D134039" s="14" t="s">
        <v>266</v>
      </c>
      <c r="E134039" s="15">
        <v>45460</v>
      </c>
      <c r="F134039" s="14" t="s">
        <v>61</v>
      </c>
      <c r="G134039" s="16">
        <v>0</v>
      </c>
    </row>
    <row r="134040" spans="1:7" x14ac:dyDescent="0.3">
      <c r="A134040" s="13" t="s">
        <v>605</v>
      </c>
      <c r="B134040" s="14" t="s">
        <v>1</v>
      </c>
      <c r="C134040" s="14" t="s">
        <v>596</v>
      </c>
      <c r="D134040" s="14" t="s">
        <v>266</v>
      </c>
      <c r="E134040" s="15">
        <v>45461</v>
      </c>
      <c r="F134040" s="14" t="s">
        <v>61</v>
      </c>
      <c r="G134040" s="16">
        <v>0</v>
      </c>
    </row>
    <row r="134041" spans="1:7" x14ac:dyDescent="0.3">
      <c r="A134041" s="13" t="s">
        <v>605</v>
      </c>
      <c r="B134041" s="14" t="s">
        <v>1</v>
      </c>
      <c r="C134041" s="14" t="s">
        <v>596</v>
      </c>
      <c r="D134041" s="14" t="s">
        <v>266</v>
      </c>
      <c r="E134041" s="15">
        <v>45462</v>
      </c>
      <c r="F134041" s="14" t="s">
        <v>61</v>
      </c>
      <c r="G134041" s="16">
        <v>0</v>
      </c>
    </row>
    <row r="134042" spans="1:7" x14ac:dyDescent="0.3">
      <c r="A134042" s="13" t="s">
        <v>605</v>
      </c>
      <c r="B134042" s="14" t="s">
        <v>1</v>
      </c>
      <c r="C134042" s="14" t="s">
        <v>596</v>
      </c>
      <c r="D134042" s="14" t="s">
        <v>266</v>
      </c>
      <c r="E134042" s="15">
        <v>45463</v>
      </c>
      <c r="F134042" s="14" t="s">
        <v>61</v>
      </c>
      <c r="G134042" s="16">
        <v>0</v>
      </c>
    </row>
    <row r="134043" spans="1:7" x14ac:dyDescent="0.3">
      <c r="A134043" s="13" t="s">
        <v>605</v>
      </c>
      <c r="B134043" s="14" t="s">
        <v>1</v>
      </c>
      <c r="C134043" s="14" t="s">
        <v>596</v>
      </c>
      <c r="D134043" s="14" t="s">
        <v>266</v>
      </c>
      <c r="E134043" s="15">
        <v>45464</v>
      </c>
      <c r="F134043" s="14" t="s">
        <v>61</v>
      </c>
      <c r="G134043" s="16">
        <v>0</v>
      </c>
    </row>
    <row r="134044" spans="1:7" x14ac:dyDescent="0.3">
      <c r="A134044" s="13" t="s">
        <v>605</v>
      </c>
      <c r="B134044" s="14" t="s">
        <v>1</v>
      </c>
      <c r="C134044" s="14" t="s">
        <v>596</v>
      </c>
      <c r="D134044" s="14" t="s">
        <v>266</v>
      </c>
      <c r="E134044" s="15">
        <v>45465</v>
      </c>
      <c r="F134044" s="14" t="s">
        <v>61</v>
      </c>
      <c r="G134044" s="16">
        <v>0</v>
      </c>
    </row>
    <row r="134045" spans="1:7" x14ac:dyDescent="0.3">
      <c r="A134045" s="13" t="s">
        <v>605</v>
      </c>
      <c r="B134045" s="14" t="s">
        <v>1</v>
      </c>
      <c r="C134045" s="14" t="s">
        <v>596</v>
      </c>
      <c r="D134045" s="14" t="s">
        <v>266</v>
      </c>
      <c r="E134045" s="15">
        <v>45466</v>
      </c>
      <c r="F134045" s="14" t="s">
        <v>61</v>
      </c>
      <c r="G134045" s="16">
        <v>0</v>
      </c>
    </row>
    <row r="134046" spans="1:7" x14ac:dyDescent="0.3">
      <c r="A134046" s="13" t="s">
        <v>605</v>
      </c>
      <c r="B134046" s="14" t="s">
        <v>1</v>
      </c>
      <c r="C134046" s="14" t="s">
        <v>596</v>
      </c>
      <c r="D134046" s="14" t="s">
        <v>266</v>
      </c>
      <c r="E134046" s="15">
        <v>45467</v>
      </c>
      <c r="F134046" s="14" t="s">
        <v>61</v>
      </c>
      <c r="G134046" s="16">
        <v>0</v>
      </c>
    </row>
    <row r="134047" spans="1:7" x14ac:dyDescent="0.3">
      <c r="A134047" s="13" t="s">
        <v>605</v>
      </c>
      <c r="B134047" s="14" t="s">
        <v>1</v>
      </c>
      <c r="C134047" s="14" t="s">
        <v>596</v>
      </c>
      <c r="D134047" s="14" t="s">
        <v>266</v>
      </c>
      <c r="E134047" s="15">
        <v>45468</v>
      </c>
      <c r="F134047" s="14" t="s">
        <v>61</v>
      </c>
      <c r="G134047" s="16">
        <v>0</v>
      </c>
    </row>
    <row r="134048" spans="1:7" x14ac:dyDescent="0.3">
      <c r="A134048" s="13" t="s">
        <v>605</v>
      </c>
      <c r="B134048" s="14" t="s">
        <v>1</v>
      </c>
      <c r="C134048" s="14" t="s">
        <v>596</v>
      </c>
      <c r="D134048" s="14" t="s">
        <v>266</v>
      </c>
      <c r="E134048" s="15">
        <v>45469</v>
      </c>
      <c r="F134048" s="14" t="s">
        <v>61</v>
      </c>
      <c r="G134048" s="16">
        <v>0</v>
      </c>
    </row>
    <row r="134049" spans="1:7" x14ac:dyDescent="0.3">
      <c r="A134049" s="13" t="s">
        <v>605</v>
      </c>
      <c r="B134049" s="14" t="s">
        <v>1</v>
      </c>
      <c r="C134049" s="14" t="s">
        <v>596</v>
      </c>
      <c r="D134049" s="14" t="s">
        <v>266</v>
      </c>
      <c r="E134049" s="15">
        <v>45470</v>
      </c>
      <c r="F134049" s="14" t="s">
        <v>61</v>
      </c>
      <c r="G134049" s="16">
        <v>0</v>
      </c>
    </row>
    <row r="134050" spans="1:7" x14ac:dyDescent="0.3">
      <c r="A134050" s="13" t="s">
        <v>605</v>
      </c>
      <c r="B134050" s="14" t="s">
        <v>1</v>
      </c>
      <c r="C134050" s="14" t="s">
        <v>596</v>
      </c>
      <c r="D134050" s="14" t="s">
        <v>266</v>
      </c>
      <c r="E134050" s="15">
        <v>45471</v>
      </c>
      <c r="F134050" s="14" t="s">
        <v>61</v>
      </c>
      <c r="G134050" s="16">
        <v>0</v>
      </c>
    </row>
    <row r="134051" spans="1:7" x14ac:dyDescent="0.3">
      <c r="A134051" s="13" t="s">
        <v>605</v>
      </c>
      <c r="B134051" s="14" t="s">
        <v>1</v>
      </c>
      <c r="C134051" s="14" t="s">
        <v>596</v>
      </c>
      <c r="D134051" s="14" t="s">
        <v>266</v>
      </c>
      <c r="E134051" s="15">
        <v>45472</v>
      </c>
      <c r="F134051" s="14" t="s">
        <v>61</v>
      </c>
      <c r="G134051" s="16">
        <v>0</v>
      </c>
    </row>
    <row r="134052" spans="1:7" x14ac:dyDescent="0.3">
      <c r="A134052" s="13" t="s">
        <v>605</v>
      </c>
      <c r="B134052" s="14" t="s">
        <v>1</v>
      </c>
      <c r="C134052" s="14" t="s">
        <v>596</v>
      </c>
      <c r="D134052" s="14" t="s">
        <v>266</v>
      </c>
      <c r="E134052" s="15">
        <v>45473</v>
      </c>
      <c r="F134052" s="14" t="s">
        <v>61</v>
      </c>
      <c r="G134052" s="16">
        <v>0</v>
      </c>
    </row>
    <row r="134053" spans="1:7" x14ac:dyDescent="0.3">
      <c r="A134053" s="13" t="s">
        <v>605</v>
      </c>
      <c r="B134053" s="14" t="s">
        <v>1</v>
      </c>
      <c r="C134053" s="14" t="s">
        <v>596</v>
      </c>
      <c r="D134053" s="14" t="s">
        <v>266</v>
      </c>
      <c r="E134053" s="15">
        <v>45474</v>
      </c>
      <c r="F134053" s="14" t="s">
        <v>61</v>
      </c>
      <c r="G134053" s="16">
        <v>0</v>
      </c>
    </row>
    <row r="134054" spans="1:7" x14ac:dyDescent="0.3">
      <c r="A134054" s="13" t="s">
        <v>605</v>
      </c>
      <c r="B134054" s="14" t="s">
        <v>1</v>
      </c>
      <c r="C134054" s="14" t="s">
        <v>596</v>
      </c>
      <c r="D134054" s="14" t="s">
        <v>266</v>
      </c>
      <c r="E134054" s="15">
        <v>45475</v>
      </c>
      <c r="F134054" s="14" t="s">
        <v>61</v>
      </c>
      <c r="G134054" s="16">
        <v>0</v>
      </c>
    </row>
    <row r="134055" spans="1:7" x14ac:dyDescent="0.3">
      <c r="A134055" s="13" t="s">
        <v>605</v>
      </c>
      <c r="B134055" s="14" t="s">
        <v>1</v>
      </c>
      <c r="C134055" s="14" t="s">
        <v>596</v>
      </c>
      <c r="D134055" s="14" t="s">
        <v>266</v>
      </c>
      <c r="E134055" s="15">
        <v>45476</v>
      </c>
      <c r="F134055" s="14" t="s">
        <v>61</v>
      </c>
      <c r="G134055" s="16">
        <v>0</v>
      </c>
    </row>
    <row r="134056" spans="1:7" x14ac:dyDescent="0.3">
      <c r="A134056" s="13" t="s">
        <v>605</v>
      </c>
      <c r="B134056" s="14" t="s">
        <v>1</v>
      </c>
      <c r="C134056" s="14" t="s">
        <v>596</v>
      </c>
      <c r="D134056" s="14" t="s">
        <v>266</v>
      </c>
      <c r="E134056" s="15">
        <v>45477</v>
      </c>
      <c r="F134056" s="14" t="s">
        <v>61</v>
      </c>
      <c r="G134056" s="16">
        <v>0</v>
      </c>
    </row>
    <row r="134057" spans="1:7" x14ac:dyDescent="0.3">
      <c r="A134057" s="13" t="s">
        <v>605</v>
      </c>
      <c r="B134057" s="14" t="s">
        <v>1</v>
      </c>
      <c r="C134057" s="14" t="s">
        <v>596</v>
      </c>
      <c r="D134057" s="14" t="s">
        <v>266</v>
      </c>
      <c r="E134057" s="15">
        <v>45478</v>
      </c>
      <c r="F134057" s="14" t="s">
        <v>61</v>
      </c>
      <c r="G134057" s="16">
        <v>0</v>
      </c>
    </row>
    <row r="134058" spans="1:7" x14ac:dyDescent="0.3">
      <c r="A134058" s="13" t="s">
        <v>605</v>
      </c>
      <c r="B134058" s="14" t="s">
        <v>1</v>
      </c>
      <c r="C134058" s="14" t="s">
        <v>596</v>
      </c>
      <c r="D134058" s="14" t="s">
        <v>266</v>
      </c>
      <c r="E134058" s="15">
        <v>45479</v>
      </c>
      <c r="F134058" s="14" t="s">
        <v>61</v>
      </c>
      <c r="G134058" s="16">
        <v>0</v>
      </c>
    </row>
    <row r="134059" spans="1:7" x14ac:dyDescent="0.3">
      <c r="A134059" s="13" t="s">
        <v>605</v>
      </c>
      <c r="B134059" s="14" t="s">
        <v>1</v>
      </c>
      <c r="C134059" s="14" t="s">
        <v>596</v>
      </c>
      <c r="D134059" s="14" t="s">
        <v>266</v>
      </c>
      <c r="E134059" s="15">
        <v>45480</v>
      </c>
      <c r="F134059" s="14" t="s">
        <v>61</v>
      </c>
      <c r="G134059" s="16">
        <v>0</v>
      </c>
    </row>
    <row r="134060" spans="1:7" x14ac:dyDescent="0.3">
      <c r="A134060" s="13" t="s">
        <v>605</v>
      </c>
      <c r="B134060" s="14" t="s">
        <v>1</v>
      </c>
      <c r="C134060" s="14" t="s">
        <v>596</v>
      </c>
      <c r="D134060" s="14" t="s">
        <v>266</v>
      </c>
      <c r="E134060" s="15">
        <v>45481</v>
      </c>
      <c r="F134060" s="14" t="s">
        <v>61</v>
      </c>
      <c r="G134060" s="16">
        <v>0</v>
      </c>
    </row>
    <row r="134061" spans="1:7" x14ac:dyDescent="0.3">
      <c r="A134061" s="13" t="s">
        <v>605</v>
      </c>
      <c r="B134061" s="14" t="s">
        <v>1</v>
      </c>
      <c r="C134061" s="14" t="s">
        <v>596</v>
      </c>
      <c r="D134061" s="14" t="s">
        <v>266</v>
      </c>
      <c r="E134061" s="15">
        <v>45482</v>
      </c>
      <c r="F134061" s="14" t="s">
        <v>61</v>
      </c>
      <c r="G134061" s="16">
        <v>0</v>
      </c>
    </row>
    <row r="134062" spans="1:7" x14ac:dyDescent="0.3">
      <c r="A134062" s="13" t="s">
        <v>605</v>
      </c>
      <c r="B134062" s="14" t="s">
        <v>1</v>
      </c>
      <c r="C134062" s="14" t="s">
        <v>596</v>
      </c>
      <c r="D134062" s="14" t="s">
        <v>266</v>
      </c>
      <c r="E134062" s="15">
        <v>45483</v>
      </c>
      <c r="F134062" s="14" t="s">
        <v>61</v>
      </c>
      <c r="G134062" s="16">
        <v>0</v>
      </c>
    </row>
    <row r="134063" spans="1:7" x14ac:dyDescent="0.3">
      <c r="A134063" s="13" t="s">
        <v>605</v>
      </c>
      <c r="B134063" s="14" t="s">
        <v>1</v>
      </c>
      <c r="C134063" s="14" t="s">
        <v>596</v>
      </c>
      <c r="D134063" s="14" t="s">
        <v>266</v>
      </c>
      <c r="E134063" s="15">
        <v>45484</v>
      </c>
      <c r="F134063" s="14" t="s">
        <v>61</v>
      </c>
      <c r="G134063" s="16">
        <v>0</v>
      </c>
    </row>
    <row r="134064" spans="1:7" x14ac:dyDescent="0.3">
      <c r="A134064" s="13" t="s">
        <v>605</v>
      </c>
      <c r="B134064" s="14" t="s">
        <v>1</v>
      </c>
      <c r="C134064" s="14" t="s">
        <v>596</v>
      </c>
      <c r="D134064" s="14" t="s">
        <v>266</v>
      </c>
      <c r="E134064" s="15">
        <v>45485</v>
      </c>
      <c r="F134064" s="14" t="s">
        <v>61</v>
      </c>
      <c r="G134064" s="16">
        <v>0</v>
      </c>
    </row>
    <row r="134065" spans="1:7" x14ac:dyDescent="0.3">
      <c r="A134065" s="13" t="s">
        <v>605</v>
      </c>
      <c r="B134065" s="14" t="s">
        <v>1</v>
      </c>
      <c r="C134065" s="14" t="s">
        <v>596</v>
      </c>
      <c r="D134065" s="14" t="s">
        <v>266</v>
      </c>
      <c r="E134065" s="15">
        <v>45486</v>
      </c>
      <c r="F134065" s="14" t="s">
        <v>61</v>
      </c>
      <c r="G134065" s="16">
        <v>0</v>
      </c>
    </row>
    <row r="134066" spans="1:7" x14ac:dyDescent="0.3">
      <c r="A134066" s="13" t="s">
        <v>605</v>
      </c>
      <c r="B134066" s="14" t="s">
        <v>1</v>
      </c>
      <c r="C134066" s="14" t="s">
        <v>596</v>
      </c>
      <c r="D134066" s="14" t="s">
        <v>266</v>
      </c>
      <c r="E134066" s="15">
        <v>45487</v>
      </c>
      <c r="F134066" s="14" t="s">
        <v>61</v>
      </c>
      <c r="G134066" s="16">
        <v>0</v>
      </c>
    </row>
    <row r="134067" spans="1:7" x14ac:dyDescent="0.3">
      <c r="A134067" s="13" t="s">
        <v>605</v>
      </c>
      <c r="B134067" s="14" t="s">
        <v>1</v>
      </c>
      <c r="C134067" s="14" t="s">
        <v>596</v>
      </c>
      <c r="D134067" s="14" t="s">
        <v>266</v>
      </c>
      <c r="E134067" s="15">
        <v>45488</v>
      </c>
      <c r="F134067" s="14" t="s">
        <v>61</v>
      </c>
      <c r="G134067" s="16">
        <v>0</v>
      </c>
    </row>
    <row r="134068" spans="1:7" x14ac:dyDescent="0.3">
      <c r="A134068" s="13" t="s">
        <v>605</v>
      </c>
      <c r="B134068" s="14" t="s">
        <v>1</v>
      </c>
      <c r="C134068" s="14" t="s">
        <v>596</v>
      </c>
      <c r="D134068" s="14" t="s">
        <v>266</v>
      </c>
      <c r="E134068" s="15">
        <v>45489</v>
      </c>
      <c r="F134068" s="14" t="s">
        <v>61</v>
      </c>
      <c r="G134068" s="16">
        <v>0</v>
      </c>
    </row>
    <row r="134069" spans="1:7" x14ac:dyDescent="0.3">
      <c r="A134069" s="13" t="s">
        <v>605</v>
      </c>
      <c r="B134069" s="14" t="s">
        <v>1</v>
      </c>
      <c r="C134069" s="14" t="s">
        <v>596</v>
      </c>
      <c r="D134069" s="14" t="s">
        <v>266</v>
      </c>
      <c r="E134069" s="15">
        <v>45490</v>
      </c>
      <c r="F134069" s="14" t="s">
        <v>61</v>
      </c>
      <c r="G134069" s="16">
        <v>0</v>
      </c>
    </row>
    <row r="134070" spans="1:7" x14ac:dyDescent="0.3">
      <c r="A134070" s="13" t="s">
        <v>605</v>
      </c>
      <c r="B134070" s="14" t="s">
        <v>1</v>
      </c>
      <c r="C134070" s="14" t="s">
        <v>596</v>
      </c>
      <c r="D134070" s="14" t="s">
        <v>266</v>
      </c>
      <c r="E134070" s="15">
        <v>45491</v>
      </c>
      <c r="F134070" s="14" t="s">
        <v>61</v>
      </c>
      <c r="G134070" s="16">
        <v>0</v>
      </c>
    </row>
    <row r="134071" spans="1:7" x14ac:dyDescent="0.3">
      <c r="A134071" s="13" t="s">
        <v>605</v>
      </c>
      <c r="B134071" s="14" t="s">
        <v>1</v>
      </c>
      <c r="C134071" s="14" t="s">
        <v>596</v>
      </c>
      <c r="D134071" s="14" t="s">
        <v>266</v>
      </c>
      <c r="E134071" s="15">
        <v>45492</v>
      </c>
      <c r="F134071" s="14" t="s">
        <v>61</v>
      </c>
      <c r="G134071" s="16">
        <v>0</v>
      </c>
    </row>
    <row r="134072" spans="1:7" x14ac:dyDescent="0.3">
      <c r="A134072" s="13" t="s">
        <v>605</v>
      </c>
      <c r="B134072" s="14" t="s">
        <v>1</v>
      </c>
      <c r="C134072" s="14" t="s">
        <v>596</v>
      </c>
      <c r="D134072" s="14" t="s">
        <v>266</v>
      </c>
      <c r="E134072" s="15">
        <v>45493</v>
      </c>
      <c r="F134072" s="14" t="s">
        <v>61</v>
      </c>
      <c r="G134072" s="16">
        <v>0</v>
      </c>
    </row>
    <row r="134073" spans="1:7" x14ac:dyDescent="0.3">
      <c r="A134073" s="13" t="s">
        <v>605</v>
      </c>
      <c r="B134073" s="14" t="s">
        <v>1</v>
      </c>
      <c r="C134073" s="14" t="s">
        <v>596</v>
      </c>
      <c r="D134073" s="14" t="s">
        <v>266</v>
      </c>
      <c r="E134073" s="15">
        <v>45494</v>
      </c>
      <c r="F134073" s="14" t="s">
        <v>61</v>
      </c>
      <c r="G134073" s="16">
        <v>0</v>
      </c>
    </row>
    <row r="134074" spans="1:7" x14ac:dyDescent="0.3">
      <c r="A134074" s="13" t="s">
        <v>605</v>
      </c>
      <c r="B134074" s="14" t="s">
        <v>1</v>
      </c>
      <c r="C134074" s="14" t="s">
        <v>596</v>
      </c>
      <c r="D134074" s="14" t="s">
        <v>266</v>
      </c>
      <c r="E134074" s="15">
        <v>45495</v>
      </c>
      <c r="F134074" s="14" t="s">
        <v>61</v>
      </c>
      <c r="G134074" s="16">
        <v>0</v>
      </c>
    </row>
    <row r="134075" spans="1:7" x14ac:dyDescent="0.3">
      <c r="A134075" s="13" t="s">
        <v>605</v>
      </c>
      <c r="B134075" s="14" t="s">
        <v>1</v>
      </c>
      <c r="C134075" s="14" t="s">
        <v>596</v>
      </c>
      <c r="D134075" s="14" t="s">
        <v>266</v>
      </c>
      <c r="E134075" s="15">
        <v>45496</v>
      </c>
      <c r="F134075" s="14" t="s">
        <v>61</v>
      </c>
      <c r="G134075" s="16">
        <v>0</v>
      </c>
    </row>
    <row r="134076" spans="1:7" x14ac:dyDescent="0.3">
      <c r="A134076" s="13" t="s">
        <v>605</v>
      </c>
      <c r="B134076" s="14" t="s">
        <v>1</v>
      </c>
      <c r="C134076" s="14" t="s">
        <v>596</v>
      </c>
      <c r="D134076" s="14" t="s">
        <v>266</v>
      </c>
      <c r="E134076" s="15">
        <v>45497</v>
      </c>
      <c r="F134076" s="14" t="s">
        <v>61</v>
      </c>
      <c r="G134076" s="16">
        <v>0</v>
      </c>
    </row>
    <row r="134077" spans="1:7" x14ac:dyDescent="0.3">
      <c r="A134077" s="13" t="s">
        <v>605</v>
      </c>
      <c r="B134077" s="14" t="s">
        <v>1</v>
      </c>
      <c r="C134077" s="14" t="s">
        <v>596</v>
      </c>
      <c r="D134077" s="14" t="s">
        <v>266</v>
      </c>
      <c r="E134077" s="15">
        <v>45498</v>
      </c>
      <c r="F134077" s="14" t="s">
        <v>61</v>
      </c>
      <c r="G134077" s="16">
        <v>0</v>
      </c>
    </row>
    <row r="134078" spans="1:7" x14ac:dyDescent="0.3">
      <c r="A134078" s="13" t="s">
        <v>605</v>
      </c>
      <c r="B134078" s="14" t="s">
        <v>1</v>
      </c>
      <c r="C134078" s="14" t="s">
        <v>596</v>
      </c>
      <c r="D134078" s="14" t="s">
        <v>266</v>
      </c>
      <c r="E134078" s="15">
        <v>45499</v>
      </c>
      <c r="F134078" s="14" t="s">
        <v>61</v>
      </c>
      <c r="G134078" s="16">
        <v>0</v>
      </c>
    </row>
    <row r="134079" spans="1:7" x14ac:dyDescent="0.3">
      <c r="A134079" s="13" t="s">
        <v>605</v>
      </c>
      <c r="B134079" s="14" t="s">
        <v>1</v>
      </c>
      <c r="C134079" s="14" t="s">
        <v>596</v>
      </c>
      <c r="D134079" s="14" t="s">
        <v>266</v>
      </c>
      <c r="E134079" s="15">
        <v>45500</v>
      </c>
      <c r="F134079" s="14" t="s">
        <v>61</v>
      </c>
      <c r="G134079" s="16">
        <v>0</v>
      </c>
    </row>
    <row r="134080" spans="1:7" x14ac:dyDescent="0.3">
      <c r="A134080" s="13" t="s">
        <v>605</v>
      </c>
      <c r="B134080" s="14" t="s">
        <v>1</v>
      </c>
      <c r="C134080" s="14" t="s">
        <v>596</v>
      </c>
      <c r="D134080" s="14" t="s">
        <v>266</v>
      </c>
      <c r="E134080" s="15">
        <v>45501</v>
      </c>
      <c r="F134080" s="14" t="s">
        <v>61</v>
      </c>
      <c r="G134080" s="16">
        <v>0</v>
      </c>
    </row>
    <row r="134081" spans="1:7" x14ac:dyDescent="0.3">
      <c r="A134081" s="13" t="s">
        <v>605</v>
      </c>
      <c r="B134081" s="14" t="s">
        <v>1</v>
      </c>
      <c r="C134081" s="14" t="s">
        <v>596</v>
      </c>
      <c r="D134081" s="14" t="s">
        <v>266</v>
      </c>
      <c r="E134081" s="15">
        <v>45502</v>
      </c>
      <c r="F134081" s="14" t="s">
        <v>61</v>
      </c>
      <c r="G134081" s="16">
        <v>0</v>
      </c>
    </row>
    <row r="134082" spans="1:7" x14ac:dyDescent="0.3">
      <c r="A134082" s="13" t="s">
        <v>605</v>
      </c>
      <c r="B134082" s="14" t="s">
        <v>1</v>
      </c>
      <c r="C134082" s="14" t="s">
        <v>596</v>
      </c>
      <c r="D134082" s="14" t="s">
        <v>266</v>
      </c>
      <c r="E134082" s="15">
        <v>45503</v>
      </c>
      <c r="F134082" s="14" t="s">
        <v>61</v>
      </c>
      <c r="G134082" s="16">
        <v>0</v>
      </c>
    </row>
    <row r="134083" spans="1:7" x14ac:dyDescent="0.3">
      <c r="A134083" s="13" t="s">
        <v>605</v>
      </c>
      <c r="B134083" s="14" t="s">
        <v>1</v>
      </c>
      <c r="C134083" s="14" t="s">
        <v>596</v>
      </c>
      <c r="D134083" s="14" t="s">
        <v>266</v>
      </c>
      <c r="E134083" s="15">
        <v>45504</v>
      </c>
      <c r="F134083" s="14" t="s">
        <v>61</v>
      </c>
      <c r="G134083" s="16">
        <v>0</v>
      </c>
    </row>
    <row r="134084" spans="1:7" x14ac:dyDescent="0.3">
      <c r="A134084" s="13" t="s">
        <v>605</v>
      </c>
      <c r="B134084" s="14" t="s">
        <v>1</v>
      </c>
      <c r="C134084" s="14" t="s">
        <v>596</v>
      </c>
      <c r="D134084" s="14" t="s">
        <v>266</v>
      </c>
      <c r="E134084" s="15">
        <v>45505</v>
      </c>
      <c r="F134084" s="14" t="s">
        <v>61</v>
      </c>
      <c r="G134084" s="16">
        <v>0</v>
      </c>
    </row>
    <row r="134085" spans="1:7" x14ac:dyDescent="0.3">
      <c r="A134085" s="13" t="s">
        <v>605</v>
      </c>
      <c r="B134085" s="14" t="s">
        <v>1</v>
      </c>
      <c r="C134085" s="14" t="s">
        <v>596</v>
      </c>
      <c r="D134085" s="14" t="s">
        <v>266</v>
      </c>
      <c r="E134085" s="15">
        <v>45506</v>
      </c>
      <c r="F134085" s="14" t="s">
        <v>61</v>
      </c>
      <c r="G134085" s="16">
        <v>0</v>
      </c>
    </row>
    <row r="134086" spans="1:7" x14ac:dyDescent="0.3">
      <c r="A134086" s="13" t="s">
        <v>605</v>
      </c>
      <c r="B134086" s="14" t="s">
        <v>1</v>
      </c>
      <c r="C134086" s="14" t="s">
        <v>596</v>
      </c>
      <c r="D134086" s="14" t="s">
        <v>266</v>
      </c>
      <c r="E134086" s="15">
        <v>45507</v>
      </c>
      <c r="F134086" s="14" t="s">
        <v>61</v>
      </c>
      <c r="G134086" s="16">
        <v>0</v>
      </c>
    </row>
    <row r="134087" spans="1:7" x14ac:dyDescent="0.3">
      <c r="A134087" s="13" t="s">
        <v>605</v>
      </c>
      <c r="B134087" s="14" t="s">
        <v>1</v>
      </c>
      <c r="C134087" s="14" t="s">
        <v>596</v>
      </c>
      <c r="D134087" s="14" t="s">
        <v>266</v>
      </c>
      <c r="E134087" s="15">
        <v>45508</v>
      </c>
      <c r="F134087" s="14" t="s">
        <v>61</v>
      </c>
      <c r="G134087" s="16">
        <v>0</v>
      </c>
    </row>
    <row r="134088" spans="1:7" x14ac:dyDescent="0.3">
      <c r="A134088" s="13" t="s">
        <v>605</v>
      </c>
      <c r="B134088" s="14" t="s">
        <v>1</v>
      </c>
      <c r="C134088" s="14" t="s">
        <v>596</v>
      </c>
      <c r="D134088" s="14" t="s">
        <v>266</v>
      </c>
      <c r="E134088" s="15">
        <v>45509</v>
      </c>
      <c r="F134088" s="14" t="s">
        <v>61</v>
      </c>
      <c r="G134088" s="16">
        <v>0</v>
      </c>
    </row>
    <row r="134089" spans="1:7" x14ac:dyDescent="0.3">
      <c r="A134089" s="13" t="s">
        <v>605</v>
      </c>
      <c r="B134089" s="14" t="s">
        <v>1</v>
      </c>
      <c r="C134089" s="14" t="s">
        <v>596</v>
      </c>
      <c r="D134089" s="14" t="s">
        <v>266</v>
      </c>
      <c r="E134089" s="15">
        <v>45510</v>
      </c>
      <c r="F134089" s="14" t="s">
        <v>61</v>
      </c>
      <c r="G134089" s="16">
        <v>0</v>
      </c>
    </row>
    <row r="134090" spans="1:7" x14ac:dyDescent="0.3">
      <c r="A134090" s="13" t="s">
        <v>605</v>
      </c>
      <c r="B134090" s="14" t="s">
        <v>1</v>
      </c>
      <c r="C134090" s="14" t="s">
        <v>596</v>
      </c>
      <c r="D134090" s="14" t="s">
        <v>266</v>
      </c>
      <c r="E134090" s="15">
        <v>45511</v>
      </c>
      <c r="F134090" s="14" t="s">
        <v>61</v>
      </c>
      <c r="G134090" s="16">
        <v>0</v>
      </c>
    </row>
    <row r="134091" spans="1:7" x14ac:dyDescent="0.3">
      <c r="A134091" s="13" t="s">
        <v>605</v>
      </c>
      <c r="B134091" s="14" t="s">
        <v>1</v>
      </c>
      <c r="C134091" s="14" t="s">
        <v>596</v>
      </c>
      <c r="D134091" s="14" t="s">
        <v>266</v>
      </c>
      <c r="E134091" s="15">
        <v>45512</v>
      </c>
      <c r="F134091" s="14" t="s">
        <v>61</v>
      </c>
      <c r="G134091" s="16">
        <v>0</v>
      </c>
    </row>
    <row r="134092" spans="1:7" x14ac:dyDescent="0.3">
      <c r="A134092" s="13" t="s">
        <v>605</v>
      </c>
      <c r="B134092" s="14" t="s">
        <v>1</v>
      </c>
      <c r="C134092" s="14" t="s">
        <v>596</v>
      </c>
      <c r="D134092" s="14" t="s">
        <v>266</v>
      </c>
      <c r="E134092" s="15">
        <v>45513</v>
      </c>
      <c r="F134092" s="14" t="s">
        <v>61</v>
      </c>
      <c r="G134092" s="16">
        <v>0</v>
      </c>
    </row>
    <row r="134093" spans="1:7" x14ac:dyDescent="0.3">
      <c r="A134093" s="13" t="s">
        <v>605</v>
      </c>
      <c r="B134093" s="14" t="s">
        <v>1</v>
      </c>
      <c r="C134093" s="14" t="s">
        <v>596</v>
      </c>
      <c r="D134093" s="14" t="s">
        <v>266</v>
      </c>
      <c r="E134093" s="15">
        <v>45514</v>
      </c>
      <c r="F134093" s="14" t="s">
        <v>61</v>
      </c>
      <c r="G134093" s="16">
        <v>0</v>
      </c>
    </row>
    <row r="134094" spans="1:7" x14ac:dyDescent="0.3">
      <c r="A134094" s="13" t="s">
        <v>605</v>
      </c>
      <c r="B134094" s="14" t="s">
        <v>1</v>
      </c>
      <c r="C134094" s="14" t="s">
        <v>596</v>
      </c>
      <c r="D134094" s="14" t="s">
        <v>266</v>
      </c>
      <c r="E134094" s="15">
        <v>45515</v>
      </c>
      <c r="F134094" s="14" t="s">
        <v>61</v>
      </c>
      <c r="G134094" s="16">
        <v>0</v>
      </c>
    </row>
    <row r="134095" spans="1:7" x14ac:dyDescent="0.3">
      <c r="A134095" s="13" t="s">
        <v>605</v>
      </c>
      <c r="B134095" s="14" t="s">
        <v>1</v>
      </c>
      <c r="C134095" s="14" t="s">
        <v>596</v>
      </c>
      <c r="D134095" s="14" t="s">
        <v>266</v>
      </c>
      <c r="E134095" s="15">
        <v>45516</v>
      </c>
      <c r="F134095" s="14" t="s">
        <v>61</v>
      </c>
      <c r="G134095" s="16">
        <v>0</v>
      </c>
    </row>
    <row r="134096" spans="1:7" x14ac:dyDescent="0.3">
      <c r="A134096" s="13" t="s">
        <v>605</v>
      </c>
      <c r="B134096" s="14" t="s">
        <v>1</v>
      </c>
      <c r="C134096" s="14" t="s">
        <v>596</v>
      </c>
      <c r="D134096" s="14" t="s">
        <v>266</v>
      </c>
      <c r="E134096" s="15">
        <v>45517</v>
      </c>
      <c r="F134096" s="14" t="s">
        <v>61</v>
      </c>
      <c r="G134096" s="16">
        <v>0</v>
      </c>
    </row>
    <row r="134097" spans="1:7" x14ac:dyDescent="0.3">
      <c r="A134097" s="13" t="s">
        <v>605</v>
      </c>
      <c r="B134097" s="14" t="s">
        <v>1</v>
      </c>
      <c r="C134097" s="14" t="s">
        <v>596</v>
      </c>
      <c r="D134097" s="14" t="s">
        <v>266</v>
      </c>
      <c r="E134097" s="15">
        <v>45518</v>
      </c>
      <c r="F134097" s="14" t="s">
        <v>61</v>
      </c>
      <c r="G134097" s="16">
        <v>0</v>
      </c>
    </row>
    <row r="134098" spans="1:7" x14ac:dyDescent="0.3">
      <c r="A134098" s="13" t="s">
        <v>605</v>
      </c>
      <c r="B134098" s="14" t="s">
        <v>1</v>
      </c>
      <c r="C134098" s="14" t="s">
        <v>596</v>
      </c>
      <c r="D134098" s="14" t="s">
        <v>266</v>
      </c>
      <c r="E134098" s="15">
        <v>45519</v>
      </c>
      <c r="F134098" s="14" t="s">
        <v>61</v>
      </c>
      <c r="G134098" s="16">
        <v>0</v>
      </c>
    </row>
    <row r="134099" spans="1:7" x14ac:dyDescent="0.3">
      <c r="A134099" s="13" t="s">
        <v>605</v>
      </c>
      <c r="B134099" s="14" t="s">
        <v>1</v>
      </c>
      <c r="C134099" s="14" t="s">
        <v>596</v>
      </c>
      <c r="D134099" s="14" t="s">
        <v>266</v>
      </c>
      <c r="E134099" s="15">
        <v>45520</v>
      </c>
      <c r="F134099" s="14" t="s">
        <v>61</v>
      </c>
      <c r="G134099" s="16">
        <v>0</v>
      </c>
    </row>
    <row r="134100" spans="1:7" x14ac:dyDescent="0.3">
      <c r="A134100" s="13" t="s">
        <v>605</v>
      </c>
      <c r="B134100" s="14" t="s">
        <v>1</v>
      </c>
      <c r="C134100" s="14" t="s">
        <v>596</v>
      </c>
      <c r="D134100" s="14" t="s">
        <v>266</v>
      </c>
      <c r="E134100" s="15">
        <v>45521</v>
      </c>
      <c r="F134100" s="14" t="s">
        <v>61</v>
      </c>
      <c r="G134100" s="16">
        <v>0</v>
      </c>
    </row>
    <row r="134101" spans="1:7" x14ac:dyDescent="0.3">
      <c r="A134101" s="13" t="s">
        <v>605</v>
      </c>
      <c r="B134101" s="14" t="s">
        <v>1</v>
      </c>
      <c r="C134101" s="14" t="s">
        <v>596</v>
      </c>
      <c r="D134101" s="14" t="s">
        <v>266</v>
      </c>
      <c r="E134101" s="15">
        <v>45522</v>
      </c>
      <c r="F134101" s="14" t="s">
        <v>61</v>
      </c>
      <c r="G134101" s="16">
        <v>0</v>
      </c>
    </row>
    <row r="134102" spans="1:7" x14ac:dyDescent="0.3">
      <c r="A134102" s="13" t="s">
        <v>605</v>
      </c>
      <c r="B134102" s="14" t="s">
        <v>1</v>
      </c>
      <c r="C134102" s="14" t="s">
        <v>596</v>
      </c>
      <c r="D134102" s="14" t="s">
        <v>266</v>
      </c>
      <c r="E134102" s="15">
        <v>45523</v>
      </c>
      <c r="F134102" s="14" t="s">
        <v>61</v>
      </c>
      <c r="G134102" s="16">
        <v>0</v>
      </c>
    </row>
    <row r="134103" spans="1:7" x14ac:dyDescent="0.3">
      <c r="A134103" s="13" t="s">
        <v>605</v>
      </c>
      <c r="B134103" s="14" t="s">
        <v>1</v>
      </c>
      <c r="C134103" s="14" t="s">
        <v>596</v>
      </c>
      <c r="D134103" s="14" t="s">
        <v>266</v>
      </c>
      <c r="E134103" s="15">
        <v>45524</v>
      </c>
      <c r="F134103" s="14" t="s">
        <v>61</v>
      </c>
      <c r="G134103" s="16">
        <v>0</v>
      </c>
    </row>
    <row r="134104" spans="1:7" x14ac:dyDescent="0.3">
      <c r="A134104" s="13" t="s">
        <v>605</v>
      </c>
      <c r="B134104" s="14" t="s">
        <v>1</v>
      </c>
      <c r="C134104" s="14" t="s">
        <v>596</v>
      </c>
      <c r="D134104" s="14" t="s">
        <v>266</v>
      </c>
      <c r="E134104" s="15">
        <v>45525</v>
      </c>
      <c r="F134104" s="14" t="s">
        <v>61</v>
      </c>
      <c r="G134104" s="16">
        <v>0</v>
      </c>
    </row>
    <row r="134105" spans="1:7" x14ac:dyDescent="0.3">
      <c r="A134105" s="13" t="s">
        <v>605</v>
      </c>
      <c r="B134105" s="14" t="s">
        <v>1</v>
      </c>
      <c r="C134105" s="14" t="s">
        <v>596</v>
      </c>
      <c r="D134105" s="14" t="s">
        <v>266</v>
      </c>
      <c r="E134105" s="15">
        <v>45526</v>
      </c>
      <c r="F134105" s="14" t="s">
        <v>61</v>
      </c>
      <c r="G134105" s="16">
        <v>0</v>
      </c>
    </row>
    <row r="134106" spans="1:7" x14ac:dyDescent="0.3">
      <c r="A134106" s="13" t="s">
        <v>605</v>
      </c>
      <c r="B134106" s="14" t="s">
        <v>1</v>
      </c>
      <c r="C134106" s="14" t="s">
        <v>596</v>
      </c>
      <c r="D134106" s="14" t="s">
        <v>266</v>
      </c>
      <c r="E134106" s="15">
        <v>45527</v>
      </c>
      <c r="F134106" s="14" t="s">
        <v>61</v>
      </c>
      <c r="G134106" s="16">
        <v>0</v>
      </c>
    </row>
    <row r="134107" spans="1:7" x14ac:dyDescent="0.3">
      <c r="A134107" s="13" t="s">
        <v>605</v>
      </c>
      <c r="B134107" s="14" t="s">
        <v>1</v>
      </c>
      <c r="C134107" s="14" t="s">
        <v>596</v>
      </c>
      <c r="D134107" s="14" t="s">
        <v>266</v>
      </c>
      <c r="E134107" s="15">
        <v>45528</v>
      </c>
      <c r="F134107" s="14" t="s">
        <v>61</v>
      </c>
      <c r="G134107" s="16">
        <v>0</v>
      </c>
    </row>
    <row r="134108" spans="1:7" x14ac:dyDescent="0.3">
      <c r="A134108" s="13" t="s">
        <v>605</v>
      </c>
      <c r="B134108" s="14" t="s">
        <v>1</v>
      </c>
      <c r="C134108" s="14" t="s">
        <v>596</v>
      </c>
      <c r="D134108" s="14" t="s">
        <v>266</v>
      </c>
      <c r="E134108" s="15">
        <v>45529</v>
      </c>
      <c r="F134108" s="14" t="s">
        <v>61</v>
      </c>
      <c r="G134108" s="16">
        <v>0</v>
      </c>
    </row>
    <row r="134109" spans="1:7" x14ac:dyDescent="0.3">
      <c r="A134109" s="13" t="s">
        <v>605</v>
      </c>
      <c r="B134109" s="14" t="s">
        <v>1</v>
      </c>
      <c r="C134109" s="14" t="s">
        <v>596</v>
      </c>
      <c r="D134109" s="14" t="s">
        <v>266</v>
      </c>
      <c r="E134109" s="15">
        <v>45530</v>
      </c>
      <c r="F134109" s="14" t="s">
        <v>61</v>
      </c>
      <c r="G134109" s="16">
        <v>0</v>
      </c>
    </row>
    <row r="134110" spans="1:7" x14ac:dyDescent="0.3">
      <c r="A134110" s="13" t="s">
        <v>605</v>
      </c>
      <c r="B134110" s="14" t="s">
        <v>1</v>
      </c>
      <c r="C134110" s="14" t="s">
        <v>596</v>
      </c>
      <c r="D134110" s="14" t="s">
        <v>266</v>
      </c>
      <c r="E134110" s="15">
        <v>45531</v>
      </c>
      <c r="F134110" s="14" t="s">
        <v>61</v>
      </c>
      <c r="G134110" s="16">
        <v>0</v>
      </c>
    </row>
    <row r="134111" spans="1:7" x14ac:dyDescent="0.3">
      <c r="A134111" s="13" t="s">
        <v>605</v>
      </c>
      <c r="B134111" s="14" t="s">
        <v>1</v>
      </c>
      <c r="C134111" s="14" t="s">
        <v>596</v>
      </c>
      <c r="D134111" s="14" t="s">
        <v>266</v>
      </c>
      <c r="E134111" s="15">
        <v>45532</v>
      </c>
      <c r="F134111" s="14" t="s">
        <v>61</v>
      </c>
      <c r="G134111" s="16">
        <v>0</v>
      </c>
    </row>
    <row r="134112" spans="1:7" x14ac:dyDescent="0.3">
      <c r="A134112" s="13" t="s">
        <v>605</v>
      </c>
      <c r="B134112" s="14" t="s">
        <v>1</v>
      </c>
      <c r="C134112" s="14" t="s">
        <v>596</v>
      </c>
      <c r="D134112" s="14" t="s">
        <v>266</v>
      </c>
      <c r="E134112" s="15">
        <v>45533</v>
      </c>
      <c r="F134112" s="14" t="s">
        <v>61</v>
      </c>
      <c r="G134112" s="16">
        <v>0</v>
      </c>
    </row>
    <row r="134113" spans="1:7" x14ac:dyDescent="0.3">
      <c r="A134113" s="13" t="s">
        <v>605</v>
      </c>
      <c r="B134113" s="14" t="s">
        <v>1</v>
      </c>
      <c r="C134113" s="14" t="s">
        <v>596</v>
      </c>
      <c r="D134113" s="14" t="s">
        <v>266</v>
      </c>
      <c r="E134113" s="15">
        <v>45534</v>
      </c>
      <c r="F134113" s="14" t="s">
        <v>61</v>
      </c>
      <c r="G134113" s="16">
        <v>0</v>
      </c>
    </row>
    <row r="134114" spans="1:7" x14ac:dyDescent="0.3">
      <c r="A134114" s="13" t="s">
        <v>605</v>
      </c>
      <c r="B134114" s="14" t="s">
        <v>1</v>
      </c>
      <c r="C134114" s="14" t="s">
        <v>596</v>
      </c>
      <c r="D134114" s="14" t="s">
        <v>266</v>
      </c>
      <c r="E134114" s="15">
        <v>45535</v>
      </c>
      <c r="F134114" s="14" t="s">
        <v>61</v>
      </c>
      <c r="G134114" s="16">
        <v>0</v>
      </c>
    </row>
    <row r="134115" spans="1:7" x14ac:dyDescent="0.3">
      <c r="A134115" s="13" t="s">
        <v>605</v>
      </c>
      <c r="B134115" s="14" t="s">
        <v>1</v>
      </c>
      <c r="C134115" s="14" t="s">
        <v>596</v>
      </c>
      <c r="D134115" s="14" t="s">
        <v>266</v>
      </c>
      <c r="E134115" s="15">
        <v>45536</v>
      </c>
      <c r="F134115" s="14" t="s">
        <v>61</v>
      </c>
      <c r="G134115" s="16">
        <v>0</v>
      </c>
    </row>
    <row r="134116" spans="1:7" x14ac:dyDescent="0.3">
      <c r="A134116" s="13" t="s">
        <v>605</v>
      </c>
      <c r="B134116" s="14" t="s">
        <v>1</v>
      </c>
      <c r="C134116" s="14" t="s">
        <v>596</v>
      </c>
      <c r="D134116" s="14" t="s">
        <v>266</v>
      </c>
      <c r="E134116" s="15">
        <v>45537</v>
      </c>
      <c r="F134116" s="14" t="s">
        <v>61</v>
      </c>
      <c r="G134116" s="16">
        <v>0</v>
      </c>
    </row>
    <row r="134117" spans="1:7" x14ac:dyDescent="0.3">
      <c r="A134117" s="13" t="s">
        <v>605</v>
      </c>
      <c r="B134117" s="14" t="s">
        <v>1</v>
      </c>
      <c r="C134117" s="14" t="s">
        <v>596</v>
      </c>
      <c r="D134117" s="14" t="s">
        <v>266</v>
      </c>
      <c r="E134117" s="15">
        <v>45538</v>
      </c>
      <c r="F134117" s="14" t="s">
        <v>61</v>
      </c>
      <c r="G134117" s="16">
        <v>0</v>
      </c>
    </row>
    <row r="134118" spans="1:7" x14ac:dyDescent="0.3">
      <c r="A134118" s="13" t="s">
        <v>605</v>
      </c>
      <c r="B134118" s="14" t="s">
        <v>1</v>
      </c>
      <c r="C134118" s="14" t="s">
        <v>596</v>
      </c>
      <c r="D134118" s="14" t="s">
        <v>266</v>
      </c>
      <c r="E134118" s="15">
        <v>45539</v>
      </c>
      <c r="F134118" s="14" t="s">
        <v>61</v>
      </c>
      <c r="G134118" s="16">
        <v>0</v>
      </c>
    </row>
    <row r="134119" spans="1:7" x14ac:dyDescent="0.3">
      <c r="A134119" s="13" t="s">
        <v>605</v>
      </c>
      <c r="B134119" s="14" t="s">
        <v>1</v>
      </c>
      <c r="C134119" s="14" t="s">
        <v>596</v>
      </c>
      <c r="D134119" s="14" t="s">
        <v>266</v>
      </c>
      <c r="E134119" s="15">
        <v>45540</v>
      </c>
      <c r="F134119" s="14" t="s">
        <v>61</v>
      </c>
      <c r="G134119" s="16">
        <v>0</v>
      </c>
    </row>
    <row r="134120" spans="1:7" x14ac:dyDescent="0.3">
      <c r="A134120" s="13" t="s">
        <v>605</v>
      </c>
      <c r="B134120" s="14" t="s">
        <v>1</v>
      </c>
      <c r="C134120" s="14" t="s">
        <v>596</v>
      </c>
      <c r="D134120" s="14" t="s">
        <v>266</v>
      </c>
      <c r="E134120" s="15">
        <v>45541</v>
      </c>
      <c r="F134120" s="14" t="s">
        <v>61</v>
      </c>
      <c r="G134120" s="16">
        <v>0</v>
      </c>
    </row>
    <row r="134121" spans="1:7" x14ac:dyDescent="0.3">
      <c r="A134121" s="13" t="s">
        <v>605</v>
      </c>
      <c r="B134121" s="14" t="s">
        <v>1</v>
      </c>
      <c r="C134121" s="14" t="s">
        <v>596</v>
      </c>
      <c r="D134121" s="14" t="s">
        <v>266</v>
      </c>
      <c r="E134121" s="15">
        <v>45542</v>
      </c>
      <c r="F134121" s="14" t="s">
        <v>61</v>
      </c>
      <c r="G134121" s="16">
        <v>0</v>
      </c>
    </row>
    <row r="134122" spans="1:7" x14ac:dyDescent="0.3">
      <c r="A134122" s="13" t="s">
        <v>605</v>
      </c>
      <c r="B134122" s="14" t="s">
        <v>1</v>
      </c>
      <c r="C134122" s="14" t="s">
        <v>596</v>
      </c>
      <c r="D134122" s="14" t="s">
        <v>266</v>
      </c>
      <c r="E134122" s="15">
        <v>45543</v>
      </c>
      <c r="F134122" s="14" t="s">
        <v>61</v>
      </c>
      <c r="G134122" s="16">
        <v>0</v>
      </c>
    </row>
    <row r="134123" spans="1:7" x14ac:dyDescent="0.3">
      <c r="A134123" s="13" t="s">
        <v>605</v>
      </c>
      <c r="B134123" s="14" t="s">
        <v>1</v>
      </c>
      <c r="C134123" s="14" t="s">
        <v>596</v>
      </c>
      <c r="D134123" s="14" t="s">
        <v>266</v>
      </c>
      <c r="E134123" s="15">
        <v>45544</v>
      </c>
      <c r="F134123" s="14" t="s">
        <v>61</v>
      </c>
      <c r="G134123" s="16">
        <v>0</v>
      </c>
    </row>
    <row r="134124" spans="1:7" x14ac:dyDescent="0.3">
      <c r="A134124" s="13" t="s">
        <v>605</v>
      </c>
      <c r="B134124" s="14" t="s">
        <v>1</v>
      </c>
      <c r="C134124" s="14" t="s">
        <v>596</v>
      </c>
      <c r="D134124" s="14" t="s">
        <v>266</v>
      </c>
      <c r="E134124" s="15">
        <v>45545</v>
      </c>
      <c r="F134124" s="14" t="s">
        <v>61</v>
      </c>
      <c r="G134124" s="16">
        <v>0</v>
      </c>
    </row>
    <row r="134125" spans="1:7" x14ac:dyDescent="0.3">
      <c r="A134125" s="13" t="s">
        <v>605</v>
      </c>
      <c r="B134125" s="14" t="s">
        <v>1</v>
      </c>
      <c r="C134125" s="14" t="s">
        <v>596</v>
      </c>
      <c r="D134125" s="14" t="s">
        <v>266</v>
      </c>
      <c r="E134125" s="15">
        <v>45546</v>
      </c>
      <c r="F134125" s="14" t="s">
        <v>61</v>
      </c>
      <c r="G134125" s="16">
        <v>0</v>
      </c>
    </row>
    <row r="134126" spans="1:7" x14ac:dyDescent="0.3">
      <c r="A134126" s="13" t="s">
        <v>605</v>
      </c>
      <c r="B134126" s="14" t="s">
        <v>1</v>
      </c>
      <c r="C134126" s="14" t="s">
        <v>596</v>
      </c>
      <c r="D134126" s="14" t="s">
        <v>266</v>
      </c>
      <c r="E134126" s="15">
        <v>45547</v>
      </c>
      <c r="F134126" s="14" t="s">
        <v>61</v>
      </c>
      <c r="G134126" s="16">
        <v>0</v>
      </c>
    </row>
    <row r="134127" spans="1:7" x14ac:dyDescent="0.3">
      <c r="A134127" s="13" t="s">
        <v>605</v>
      </c>
      <c r="B134127" s="14" t="s">
        <v>1</v>
      </c>
      <c r="C134127" s="14" t="s">
        <v>596</v>
      </c>
      <c r="D134127" s="14" t="s">
        <v>266</v>
      </c>
      <c r="E134127" s="15">
        <v>45548</v>
      </c>
      <c r="F134127" s="14" t="s">
        <v>61</v>
      </c>
      <c r="G134127" s="16">
        <v>0</v>
      </c>
    </row>
    <row r="134128" spans="1:7" x14ac:dyDescent="0.3">
      <c r="A134128" s="13" t="s">
        <v>605</v>
      </c>
      <c r="B134128" s="14" t="s">
        <v>1</v>
      </c>
      <c r="C134128" s="14" t="s">
        <v>596</v>
      </c>
      <c r="D134128" s="14" t="s">
        <v>266</v>
      </c>
      <c r="E134128" s="15">
        <v>45549</v>
      </c>
      <c r="F134128" s="14" t="s">
        <v>61</v>
      </c>
      <c r="G134128" s="16">
        <v>0</v>
      </c>
    </row>
    <row r="134129" spans="1:7" x14ac:dyDescent="0.3">
      <c r="A134129" s="13" t="s">
        <v>605</v>
      </c>
      <c r="B134129" s="14" t="s">
        <v>1</v>
      </c>
      <c r="C134129" s="14" t="s">
        <v>596</v>
      </c>
      <c r="D134129" s="14" t="s">
        <v>266</v>
      </c>
      <c r="E134129" s="15">
        <v>45550</v>
      </c>
      <c r="F134129" s="14" t="s">
        <v>61</v>
      </c>
      <c r="G134129" s="16">
        <v>0</v>
      </c>
    </row>
    <row r="134130" spans="1:7" x14ac:dyDescent="0.3">
      <c r="A134130" s="13" t="s">
        <v>605</v>
      </c>
      <c r="B134130" s="14" t="s">
        <v>1</v>
      </c>
      <c r="C134130" s="14" t="s">
        <v>596</v>
      </c>
      <c r="D134130" s="14" t="s">
        <v>266</v>
      </c>
      <c r="E134130" s="15">
        <v>45551</v>
      </c>
      <c r="F134130" s="14" t="s">
        <v>61</v>
      </c>
      <c r="G134130" s="16">
        <v>0</v>
      </c>
    </row>
    <row r="134131" spans="1:7" x14ac:dyDescent="0.3">
      <c r="A134131" s="13" t="s">
        <v>605</v>
      </c>
      <c r="B134131" s="14" t="s">
        <v>1</v>
      </c>
      <c r="C134131" s="14" t="s">
        <v>596</v>
      </c>
      <c r="D134131" s="14" t="s">
        <v>266</v>
      </c>
      <c r="E134131" s="15">
        <v>45552</v>
      </c>
      <c r="F134131" s="14" t="s">
        <v>61</v>
      </c>
      <c r="G134131" s="16">
        <v>0</v>
      </c>
    </row>
    <row r="134132" spans="1:7" x14ac:dyDescent="0.3">
      <c r="A134132" s="13" t="s">
        <v>605</v>
      </c>
      <c r="B134132" s="14" t="s">
        <v>1</v>
      </c>
      <c r="C134132" s="14" t="s">
        <v>596</v>
      </c>
      <c r="D134132" s="14" t="s">
        <v>266</v>
      </c>
      <c r="E134132" s="15">
        <v>45553</v>
      </c>
      <c r="F134132" s="14" t="s">
        <v>61</v>
      </c>
      <c r="G134132" s="16">
        <v>0</v>
      </c>
    </row>
    <row r="134133" spans="1:7" x14ac:dyDescent="0.3">
      <c r="A134133" s="13" t="s">
        <v>605</v>
      </c>
      <c r="B134133" s="14" t="s">
        <v>1</v>
      </c>
      <c r="C134133" s="14" t="s">
        <v>596</v>
      </c>
      <c r="D134133" s="14" t="s">
        <v>266</v>
      </c>
      <c r="E134133" s="15">
        <v>45554</v>
      </c>
      <c r="F134133" s="14" t="s">
        <v>61</v>
      </c>
      <c r="G134133" s="16">
        <v>0</v>
      </c>
    </row>
    <row r="134134" spans="1:7" x14ac:dyDescent="0.3">
      <c r="A134134" s="13" t="s">
        <v>605</v>
      </c>
      <c r="B134134" s="14" t="s">
        <v>1</v>
      </c>
      <c r="C134134" s="14" t="s">
        <v>596</v>
      </c>
      <c r="D134134" s="14" t="s">
        <v>266</v>
      </c>
      <c r="E134134" s="15">
        <v>45555</v>
      </c>
      <c r="F134134" s="14" t="s">
        <v>61</v>
      </c>
      <c r="G134134" s="16">
        <v>0</v>
      </c>
    </row>
    <row r="134135" spans="1:7" x14ac:dyDescent="0.3">
      <c r="A134135" s="13" t="s">
        <v>605</v>
      </c>
      <c r="B134135" s="14" t="s">
        <v>1</v>
      </c>
      <c r="C134135" s="14" t="s">
        <v>596</v>
      </c>
      <c r="D134135" s="14" t="s">
        <v>266</v>
      </c>
      <c r="E134135" s="15">
        <v>45556</v>
      </c>
      <c r="F134135" s="14" t="s">
        <v>61</v>
      </c>
      <c r="G134135" s="16">
        <v>0</v>
      </c>
    </row>
    <row r="134136" spans="1:7" x14ac:dyDescent="0.3">
      <c r="A134136" s="13" t="s">
        <v>605</v>
      </c>
      <c r="B134136" s="14" t="s">
        <v>1</v>
      </c>
      <c r="C134136" s="14" t="s">
        <v>596</v>
      </c>
      <c r="D134136" s="14" t="s">
        <v>266</v>
      </c>
      <c r="E134136" s="15">
        <v>45557</v>
      </c>
      <c r="F134136" s="14" t="s">
        <v>61</v>
      </c>
      <c r="G134136" s="16">
        <v>0</v>
      </c>
    </row>
    <row r="134137" spans="1:7" x14ac:dyDescent="0.3">
      <c r="A134137" s="13" t="s">
        <v>605</v>
      </c>
      <c r="B134137" s="14" t="s">
        <v>1</v>
      </c>
      <c r="C134137" s="14" t="s">
        <v>596</v>
      </c>
      <c r="D134137" s="14" t="s">
        <v>266</v>
      </c>
      <c r="E134137" s="15">
        <v>45558</v>
      </c>
      <c r="F134137" s="14" t="s">
        <v>61</v>
      </c>
      <c r="G134137" s="16">
        <v>0</v>
      </c>
    </row>
    <row r="134138" spans="1:7" x14ac:dyDescent="0.3">
      <c r="A134138" s="13" t="s">
        <v>605</v>
      </c>
      <c r="B134138" s="14" t="s">
        <v>1</v>
      </c>
      <c r="C134138" s="14" t="s">
        <v>596</v>
      </c>
      <c r="D134138" s="14" t="s">
        <v>266</v>
      </c>
      <c r="E134138" s="15">
        <v>45559</v>
      </c>
      <c r="F134138" s="14" t="s">
        <v>61</v>
      </c>
      <c r="G134138" s="16">
        <v>0</v>
      </c>
    </row>
    <row r="134139" spans="1:7" x14ac:dyDescent="0.3">
      <c r="A134139" s="13" t="s">
        <v>605</v>
      </c>
      <c r="B134139" s="14" t="s">
        <v>1</v>
      </c>
      <c r="C134139" s="14" t="s">
        <v>596</v>
      </c>
      <c r="D134139" s="14" t="s">
        <v>266</v>
      </c>
      <c r="E134139" s="15">
        <v>45560</v>
      </c>
      <c r="F134139" s="14" t="s">
        <v>61</v>
      </c>
      <c r="G134139" s="16">
        <v>0</v>
      </c>
    </row>
    <row r="134140" spans="1:7" x14ac:dyDescent="0.3">
      <c r="A134140" s="13" t="s">
        <v>605</v>
      </c>
      <c r="B134140" s="14" t="s">
        <v>1</v>
      </c>
      <c r="C134140" s="14" t="s">
        <v>596</v>
      </c>
      <c r="D134140" s="14" t="s">
        <v>266</v>
      </c>
      <c r="E134140" s="15">
        <v>45561</v>
      </c>
      <c r="F134140" s="14" t="s">
        <v>61</v>
      </c>
      <c r="G134140" s="16">
        <v>0</v>
      </c>
    </row>
    <row r="134141" spans="1:7" x14ac:dyDescent="0.3">
      <c r="A134141" s="13" t="s">
        <v>605</v>
      </c>
      <c r="B134141" s="14" t="s">
        <v>1</v>
      </c>
      <c r="C134141" s="14" t="s">
        <v>596</v>
      </c>
      <c r="D134141" s="14" t="s">
        <v>266</v>
      </c>
      <c r="E134141" s="15">
        <v>45562</v>
      </c>
      <c r="F134141" s="14" t="s">
        <v>61</v>
      </c>
      <c r="G134141" s="16">
        <v>0</v>
      </c>
    </row>
    <row r="134142" spans="1:7" x14ac:dyDescent="0.3">
      <c r="A134142" s="13" t="s">
        <v>605</v>
      </c>
      <c r="B134142" s="14" t="s">
        <v>1</v>
      </c>
      <c r="C134142" s="14" t="s">
        <v>596</v>
      </c>
      <c r="D134142" s="14" t="s">
        <v>266</v>
      </c>
      <c r="E134142" s="15">
        <v>45563</v>
      </c>
      <c r="F134142" s="14" t="s">
        <v>61</v>
      </c>
      <c r="G134142" s="16">
        <v>0</v>
      </c>
    </row>
    <row r="134143" spans="1:7" x14ac:dyDescent="0.3">
      <c r="A134143" s="13" t="s">
        <v>605</v>
      </c>
      <c r="B134143" s="14" t="s">
        <v>1</v>
      </c>
      <c r="C134143" s="14" t="s">
        <v>596</v>
      </c>
      <c r="D134143" s="14" t="s">
        <v>266</v>
      </c>
      <c r="E134143" s="15">
        <v>45564</v>
      </c>
      <c r="F134143" s="14" t="s">
        <v>61</v>
      </c>
      <c r="G134143" s="16">
        <v>0</v>
      </c>
    </row>
    <row r="134144" spans="1:7" x14ac:dyDescent="0.3">
      <c r="A134144" s="13" t="s">
        <v>605</v>
      </c>
      <c r="B134144" s="14" t="s">
        <v>1</v>
      </c>
      <c r="C134144" s="14" t="s">
        <v>596</v>
      </c>
      <c r="D134144" s="14" t="s">
        <v>266</v>
      </c>
      <c r="E134144" s="15">
        <v>45565</v>
      </c>
      <c r="F134144" s="14" t="s">
        <v>61</v>
      </c>
      <c r="G134144" s="16">
        <v>0</v>
      </c>
    </row>
    <row r="134145" spans="1:7" x14ac:dyDescent="0.3">
      <c r="A134145" s="13" t="s">
        <v>605</v>
      </c>
      <c r="B134145" s="14" t="s">
        <v>1</v>
      </c>
      <c r="C134145" s="14" t="s">
        <v>596</v>
      </c>
      <c r="D134145" s="14" t="s">
        <v>266</v>
      </c>
      <c r="E134145" s="15">
        <v>45566</v>
      </c>
      <c r="F134145" s="14" t="s">
        <v>61</v>
      </c>
      <c r="G134145" s="16">
        <v>0</v>
      </c>
    </row>
    <row r="134146" spans="1:7" x14ac:dyDescent="0.3">
      <c r="A134146" s="13" t="s">
        <v>605</v>
      </c>
      <c r="B134146" s="14" t="s">
        <v>1</v>
      </c>
      <c r="C134146" s="14" t="s">
        <v>596</v>
      </c>
      <c r="D134146" s="14" t="s">
        <v>266</v>
      </c>
      <c r="E134146" s="15">
        <v>45567</v>
      </c>
      <c r="F134146" s="14" t="s">
        <v>61</v>
      </c>
      <c r="G134146" s="16">
        <v>0</v>
      </c>
    </row>
    <row r="134147" spans="1:7" x14ac:dyDescent="0.3">
      <c r="A134147" s="13" t="s">
        <v>605</v>
      </c>
      <c r="B134147" s="14" t="s">
        <v>1</v>
      </c>
      <c r="C134147" s="14" t="s">
        <v>596</v>
      </c>
      <c r="D134147" s="14" t="s">
        <v>266</v>
      </c>
      <c r="E134147" s="15">
        <v>45568</v>
      </c>
      <c r="F134147" s="14" t="s">
        <v>61</v>
      </c>
      <c r="G134147" s="16">
        <v>0</v>
      </c>
    </row>
    <row r="134148" spans="1:7" x14ac:dyDescent="0.3">
      <c r="A134148" s="13" t="s">
        <v>605</v>
      </c>
      <c r="B134148" s="14" t="s">
        <v>1</v>
      </c>
      <c r="C134148" s="14" t="s">
        <v>596</v>
      </c>
      <c r="D134148" s="14" t="s">
        <v>266</v>
      </c>
      <c r="E134148" s="15">
        <v>45569</v>
      </c>
      <c r="F134148" s="14" t="s">
        <v>61</v>
      </c>
      <c r="G134148" s="16">
        <v>0</v>
      </c>
    </row>
    <row r="134149" spans="1:7" x14ac:dyDescent="0.3">
      <c r="A134149" s="13" t="s">
        <v>605</v>
      </c>
      <c r="B134149" s="14" t="s">
        <v>1</v>
      </c>
      <c r="C134149" s="14" t="s">
        <v>596</v>
      </c>
      <c r="D134149" s="14" t="s">
        <v>266</v>
      </c>
      <c r="E134149" s="15">
        <v>45570</v>
      </c>
      <c r="F134149" s="14" t="s">
        <v>61</v>
      </c>
      <c r="G134149" s="16">
        <v>0</v>
      </c>
    </row>
    <row r="134150" spans="1:7" x14ac:dyDescent="0.3">
      <c r="A134150" s="13" t="s">
        <v>605</v>
      </c>
      <c r="B134150" s="14" t="s">
        <v>1</v>
      </c>
      <c r="C134150" s="14" t="s">
        <v>596</v>
      </c>
      <c r="D134150" s="14" t="s">
        <v>266</v>
      </c>
      <c r="E134150" s="15">
        <v>45571</v>
      </c>
      <c r="F134150" s="14" t="s">
        <v>61</v>
      </c>
      <c r="G134150" s="16">
        <v>0</v>
      </c>
    </row>
    <row r="134151" spans="1:7" x14ac:dyDescent="0.3">
      <c r="A134151" s="13" t="s">
        <v>605</v>
      </c>
      <c r="B134151" s="14" t="s">
        <v>1</v>
      </c>
      <c r="C134151" s="14" t="s">
        <v>596</v>
      </c>
      <c r="D134151" s="14" t="s">
        <v>266</v>
      </c>
      <c r="E134151" s="15">
        <v>45572</v>
      </c>
      <c r="F134151" s="14" t="s">
        <v>61</v>
      </c>
      <c r="G134151" s="16">
        <v>0</v>
      </c>
    </row>
    <row r="134152" spans="1:7" x14ac:dyDescent="0.3">
      <c r="A134152" s="13" t="s">
        <v>605</v>
      </c>
      <c r="B134152" s="14" t="s">
        <v>1</v>
      </c>
      <c r="C134152" s="14" t="s">
        <v>596</v>
      </c>
      <c r="D134152" s="14" t="s">
        <v>266</v>
      </c>
      <c r="E134152" s="15">
        <v>45573</v>
      </c>
      <c r="F134152" s="14" t="s">
        <v>61</v>
      </c>
      <c r="G134152" s="16">
        <v>0</v>
      </c>
    </row>
    <row r="134153" spans="1:7" x14ac:dyDescent="0.3">
      <c r="A134153" s="13" t="s">
        <v>605</v>
      </c>
      <c r="B134153" s="14" t="s">
        <v>1</v>
      </c>
      <c r="C134153" s="14" t="s">
        <v>596</v>
      </c>
      <c r="D134153" s="14" t="s">
        <v>266</v>
      </c>
      <c r="E134153" s="15">
        <v>45574</v>
      </c>
      <c r="F134153" s="14" t="s">
        <v>61</v>
      </c>
      <c r="G134153" s="16">
        <v>0</v>
      </c>
    </row>
    <row r="134154" spans="1:7" x14ac:dyDescent="0.3">
      <c r="A134154" s="13" t="s">
        <v>605</v>
      </c>
      <c r="B134154" s="14" t="s">
        <v>1</v>
      </c>
      <c r="C134154" s="14" t="s">
        <v>596</v>
      </c>
      <c r="D134154" s="14" t="s">
        <v>266</v>
      </c>
      <c r="E134154" s="15">
        <v>45575</v>
      </c>
      <c r="F134154" s="14" t="s">
        <v>61</v>
      </c>
      <c r="G134154" s="16">
        <v>0</v>
      </c>
    </row>
    <row r="134155" spans="1:7" x14ac:dyDescent="0.3">
      <c r="A134155" s="13" t="s">
        <v>605</v>
      </c>
      <c r="B134155" s="14" t="s">
        <v>1</v>
      </c>
      <c r="C134155" s="14" t="s">
        <v>596</v>
      </c>
      <c r="D134155" s="14" t="s">
        <v>266</v>
      </c>
      <c r="E134155" s="15">
        <v>45576</v>
      </c>
      <c r="F134155" s="14" t="s">
        <v>61</v>
      </c>
      <c r="G134155" s="16">
        <v>0</v>
      </c>
    </row>
    <row r="134156" spans="1:7" x14ac:dyDescent="0.3">
      <c r="A134156" s="13" t="s">
        <v>605</v>
      </c>
      <c r="B134156" s="14" t="s">
        <v>1</v>
      </c>
      <c r="C134156" s="14" t="s">
        <v>596</v>
      </c>
      <c r="D134156" s="14" t="s">
        <v>266</v>
      </c>
      <c r="E134156" s="15">
        <v>45577</v>
      </c>
      <c r="F134156" s="14" t="s">
        <v>61</v>
      </c>
      <c r="G134156" s="16">
        <v>0</v>
      </c>
    </row>
    <row r="134157" spans="1:7" x14ac:dyDescent="0.3">
      <c r="A134157" s="13" t="s">
        <v>605</v>
      </c>
      <c r="B134157" s="14" t="s">
        <v>1</v>
      </c>
      <c r="C134157" s="14" t="s">
        <v>596</v>
      </c>
      <c r="D134157" s="14" t="s">
        <v>266</v>
      </c>
      <c r="E134157" s="15">
        <v>45578</v>
      </c>
      <c r="F134157" s="14" t="s">
        <v>61</v>
      </c>
      <c r="G134157" s="16">
        <v>0</v>
      </c>
    </row>
    <row r="134158" spans="1:7" x14ac:dyDescent="0.3">
      <c r="A134158" s="13" t="s">
        <v>605</v>
      </c>
      <c r="B134158" s="14" t="s">
        <v>1</v>
      </c>
      <c r="C134158" s="14" t="s">
        <v>596</v>
      </c>
      <c r="D134158" s="14" t="s">
        <v>266</v>
      </c>
      <c r="E134158" s="15">
        <v>45579</v>
      </c>
      <c r="F134158" s="14" t="s">
        <v>61</v>
      </c>
      <c r="G134158" s="16">
        <v>0</v>
      </c>
    </row>
    <row r="134159" spans="1:7" x14ac:dyDescent="0.3">
      <c r="A134159" s="13" t="s">
        <v>605</v>
      </c>
      <c r="B134159" s="14" t="s">
        <v>1</v>
      </c>
      <c r="C134159" s="14" t="s">
        <v>596</v>
      </c>
      <c r="D134159" s="14" t="s">
        <v>266</v>
      </c>
      <c r="E134159" s="15">
        <v>45580</v>
      </c>
      <c r="F134159" s="14" t="s">
        <v>61</v>
      </c>
      <c r="G134159" s="16">
        <v>0</v>
      </c>
    </row>
    <row r="134160" spans="1:7" x14ac:dyDescent="0.3">
      <c r="A134160" s="13" t="s">
        <v>605</v>
      </c>
      <c r="B134160" s="14" t="s">
        <v>1</v>
      </c>
      <c r="C134160" s="14" t="s">
        <v>596</v>
      </c>
      <c r="D134160" s="14" t="s">
        <v>266</v>
      </c>
      <c r="E134160" s="15">
        <v>45581</v>
      </c>
      <c r="F134160" s="14" t="s">
        <v>61</v>
      </c>
      <c r="G134160" s="16">
        <v>0</v>
      </c>
    </row>
    <row r="134161" spans="1:7" x14ac:dyDescent="0.3">
      <c r="A134161" s="13" t="s">
        <v>605</v>
      </c>
      <c r="B134161" s="14" t="s">
        <v>1</v>
      </c>
      <c r="C134161" s="14" t="s">
        <v>596</v>
      </c>
      <c r="D134161" s="14" t="s">
        <v>266</v>
      </c>
      <c r="E134161" s="15">
        <v>45582</v>
      </c>
      <c r="F134161" s="14" t="s">
        <v>61</v>
      </c>
      <c r="G134161" s="16">
        <v>0</v>
      </c>
    </row>
    <row r="134162" spans="1:7" x14ac:dyDescent="0.3">
      <c r="A134162" s="13" t="s">
        <v>605</v>
      </c>
      <c r="B134162" s="14" t="s">
        <v>1</v>
      </c>
      <c r="C134162" s="14" t="s">
        <v>596</v>
      </c>
      <c r="D134162" s="14" t="s">
        <v>266</v>
      </c>
      <c r="E134162" s="15">
        <v>45583</v>
      </c>
      <c r="F134162" s="14" t="s">
        <v>61</v>
      </c>
      <c r="G134162" s="16">
        <v>0</v>
      </c>
    </row>
    <row r="134163" spans="1:7" x14ac:dyDescent="0.3">
      <c r="A134163" s="13" t="s">
        <v>605</v>
      </c>
      <c r="B134163" s="14" t="s">
        <v>1</v>
      </c>
      <c r="C134163" s="14" t="s">
        <v>596</v>
      </c>
      <c r="D134163" s="14" t="s">
        <v>266</v>
      </c>
      <c r="E134163" s="15">
        <v>45584</v>
      </c>
      <c r="F134163" s="14" t="s">
        <v>61</v>
      </c>
      <c r="G134163" s="16">
        <v>0</v>
      </c>
    </row>
    <row r="134164" spans="1:7" x14ac:dyDescent="0.3">
      <c r="A134164" s="13" t="s">
        <v>605</v>
      </c>
      <c r="B134164" s="14" t="s">
        <v>1</v>
      </c>
      <c r="C134164" s="14" t="s">
        <v>596</v>
      </c>
      <c r="D134164" s="14" t="s">
        <v>266</v>
      </c>
      <c r="E134164" s="15">
        <v>45585</v>
      </c>
      <c r="F134164" s="14" t="s">
        <v>61</v>
      </c>
      <c r="G134164" s="16">
        <v>0</v>
      </c>
    </row>
    <row r="134165" spans="1:7" x14ac:dyDescent="0.3">
      <c r="A134165" s="13" t="s">
        <v>605</v>
      </c>
      <c r="B134165" s="14" t="s">
        <v>1</v>
      </c>
      <c r="C134165" s="14" t="s">
        <v>596</v>
      </c>
      <c r="D134165" s="14" t="s">
        <v>266</v>
      </c>
      <c r="E134165" s="15">
        <v>45586</v>
      </c>
      <c r="F134165" s="14" t="s">
        <v>61</v>
      </c>
      <c r="G134165" s="16">
        <v>0</v>
      </c>
    </row>
    <row r="134166" spans="1:7" x14ac:dyDescent="0.3">
      <c r="A134166" s="13" t="s">
        <v>605</v>
      </c>
      <c r="B134166" s="14" t="s">
        <v>1</v>
      </c>
      <c r="C134166" s="14" t="s">
        <v>596</v>
      </c>
      <c r="D134166" s="14" t="s">
        <v>266</v>
      </c>
      <c r="E134166" s="15">
        <v>45587</v>
      </c>
      <c r="F134166" s="14" t="s">
        <v>61</v>
      </c>
      <c r="G134166" s="16">
        <v>0</v>
      </c>
    </row>
    <row r="134167" spans="1:7" x14ac:dyDescent="0.3">
      <c r="A134167" s="13" t="s">
        <v>605</v>
      </c>
      <c r="B134167" s="14" t="s">
        <v>1</v>
      </c>
      <c r="C134167" s="14" t="s">
        <v>596</v>
      </c>
      <c r="D134167" s="14" t="s">
        <v>266</v>
      </c>
      <c r="E134167" s="15">
        <v>45588</v>
      </c>
      <c r="F134167" s="14" t="s">
        <v>61</v>
      </c>
      <c r="G134167" s="16">
        <v>0</v>
      </c>
    </row>
    <row r="134168" spans="1:7" x14ac:dyDescent="0.3">
      <c r="A134168" s="13" t="s">
        <v>605</v>
      </c>
      <c r="B134168" s="14" t="s">
        <v>1</v>
      </c>
      <c r="C134168" s="14" t="s">
        <v>596</v>
      </c>
      <c r="D134168" s="14" t="s">
        <v>266</v>
      </c>
      <c r="E134168" s="15">
        <v>45589</v>
      </c>
      <c r="F134168" s="14" t="s">
        <v>61</v>
      </c>
      <c r="G134168" s="16">
        <v>0</v>
      </c>
    </row>
    <row r="134169" spans="1:7" x14ac:dyDescent="0.3">
      <c r="A134169" s="13" t="s">
        <v>605</v>
      </c>
      <c r="B134169" s="14" t="s">
        <v>1</v>
      </c>
      <c r="C134169" s="14" t="s">
        <v>596</v>
      </c>
      <c r="D134169" s="14" t="s">
        <v>266</v>
      </c>
      <c r="E134169" s="15">
        <v>45590</v>
      </c>
      <c r="F134169" s="14" t="s">
        <v>61</v>
      </c>
      <c r="G134169" s="16">
        <v>0</v>
      </c>
    </row>
    <row r="134170" spans="1:7" x14ac:dyDescent="0.3">
      <c r="A134170" s="13" t="s">
        <v>605</v>
      </c>
      <c r="B134170" s="14" t="s">
        <v>1</v>
      </c>
      <c r="C134170" s="14" t="s">
        <v>596</v>
      </c>
      <c r="D134170" s="14" t="s">
        <v>266</v>
      </c>
      <c r="E134170" s="15">
        <v>45591</v>
      </c>
      <c r="F134170" s="14" t="s">
        <v>61</v>
      </c>
      <c r="G134170" s="16">
        <v>0</v>
      </c>
    </row>
    <row r="134171" spans="1:7" x14ac:dyDescent="0.3">
      <c r="A134171" s="13" t="s">
        <v>605</v>
      </c>
      <c r="B134171" s="14" t="s">
        <v>1</v>
      </c>
      <c r="C134171" s="14" t="s">
        <v>596</v>
      </c>
      <c r="D134171" s="14" t="s">
        <v>266</v>
      </c>
      <c r="E134171" s="15">
        <v>45592</v>
      </c>
      <c r="F134171" s="14" t="s">
        <v>61</v>
      </c>
      <c r="G134171" s="16">
        <v>0</v>
      </c>
    </row>
    <row r="134172" spans="1:7" x14ac:dyDescent="0.3">
      <c r="A134172" s="13" t="s">
        <v>605</v>
      </c>
      <c r="B134172" s="14" t="s">
        <v>1</v>
      </c>
      <c r="C134172" s="14" t="s">
        <v>596</v>
      </c>
      <c r="D134172" s="14" t="s">
        <v>266</v>
      </c>
      <c r="E134172" s="15">
        <v>45593</v>
      </c>
      <c r="F134172" s="14" t="s">
        <v>61</v>
      </c>
      <c r="G134172" s="16">
        <v>0</v>
      </c>
    </row>
    <row r="134173" spans="1:7" x14ac:dyDescent="0.3">
      <c r="A134173" s="13" t="s">
        <v>605</v>
      </c>
      <c r="B134173" s="14" t="s">
        <v>1</v>
      </c>
      <c r="C134173" s="14" t="s">
        <v>596</v>
      </c>
      <c r="D134173" s="14" t="s">
        <v>266</v>
      </c>
      <c r="E134173" s="15">
        <v>45594</v>
      </c>
      <c r="F134173" s="14" t="s">
        <v>61</v>
      </c>
      <c r="G134173" s="16">
        <v>0</v>
      </c>
    </row>
    <row r="134174" spans="1:7" x14ac:dyDescent="0.3">
      <c r="A134174" s="13" t="s">
        <v>605</v>
      </c>
      <c r="B134174" s="14" t="s">
        <v>1</v>
      </c>
      <c r="C134174" s="14" t="s">
        <v>596</v>
      </c>
      <c r="D134174" s="14" t="s">
        <v>266</v>
      </c>
      <c r="E134174" s="15">
        <v>45595</v>
      </c>
      <c r="F134174" s="14" t="s">
        <v>61</v>
      </c>
      <c r="G134174" s="16">
        <v>0</v>
      </c>
    </row>
    <row r="134175" spans="1:7" x14ac:dyDescent="0.3">
      <c r="A134175" s="13" t="s">
        <v>605</v>
      </c>
      <c r="B134175" s="14" t="s">
        <v>1</v>
      </c>
      <c r="C134175" s="14" t="s">
        <v>596</v>
      </c>
      <c r="D134175" s="14" t="s">
        <v>266</v>
      </c>
      <c r="E134175" s="15">
        <v>45596</v>
      </c>
      <c r="F134175" s="14" t="s">
        <v>61</v>
      </c>
      <c r="G134175" s="16">
        <v>0</v>
      </c>
    </row>
    <row r="134176" spans="1:7" x14ac:dyDescent="0.3">
      <c r="A134176" s="13" t="s">
        <v>605</v>
      </c>
      <c r="B134176" s="14" t="s">
        <v>1</v>
      </c>
      <c r="C134176" s="14" t="s">
        <v>596</v>
      </c>
      <c r="D134176" s="14" t="s">
        <v>266</v>
      </c>
      <c r="E134176" s="15">
        <v>45597</v>
      </c>
      <c r="F134176" s="14" t="s">
        <v>61</v>
      </c>
      <c r="G134176" s="16">
        <v>0</v>
      </c>
    </row>
    <row r="134177" spans="1:7" x14ac:dyDescent="0.3">
      <c r="A134177" s="13" t="s">
        <v>605</v>
      </c>
      <c r="B134177" s="14" t="s">
        <v>1</v>
      </c>
      <c r="C134177" s="14" t="s">
        <v>596</v>
      </c>
      <c r="D134177" s="14" t="s">
        <v>266</v>
      </c>
      <c r="E134177" s="15">
        <v>45598</v>
      </c>
      <c r="F134177" s="14" t="s">
        <v>61</v>
      </c>
      <c r="G134177" s="16">
        <v>0</v>
      </c>
    </row>
    <row r="134178" spans="1:7" x14ac:dyDescent="0.3">
      <c r="A134178" s="13" t="s">
        <v>605</v>
      </c>
      <c r="B134178" s="14" t="s">
        <v>1</v>
      </c>
      <c r="C134178" s="14" t="s">
        <v>596</v>
      </c>
      <c r="D134178" s="14" t="s">
        <v>266</v>
      </c>
      <c r="E134178" s="15">
        <v>45599</v>
      </c>
      <c r="F134178" s="14" t="s">
        <v>61</v>
      </c>
      <c r="G134178" s="16">
        <v>0</v>
      </c>
    </row>
    <row r="134179" spans="1:7" x14ac:dyDescent="0.3">
      <c r="A134179" s="13" t="s">
        <v>605</v>
      </c>
      <c r="B134179" s="14" t="s">
        <v>1</v>
      </c>
      <c r="C134179" s="14" t="s">
        <v>596</v>
      </c>
      <c r="D134179" s="14" t="s">
        <v>266</v>
      </c>
      <c r="E134179" s="15">
        <v>45600</v>
      </c>
      <c r="F134179" s="14" t="s">
        <v>61</v>
      </c>
      <c r="G134179" s="16">
        <v>0</v>
      </c>
    </row>
    <row r="134180" spans="1:7" x14ac:dyDescent="0.3">
      <c r="A134180" s="13" t="s">
        <v>605</v>
      </c>
      <c r="B134180" s="14" t="s">
        <v>1</v>
      </c>
      <c r="C134180" s="14" t="s">
        <v>596</v>
      </c>
      <c r="D134180" s="14" t="s">
        <v>266</v>
      </c>
      <c r="E134180" s="15">
        <v>45601</v>
      </c>
      <c r="F134180" s="14" t="s">
        <v>61</v>
      </c>
      <c r="G134180" s="16">
        <v>0</v>
      </c>
    </row>
    <row r="134181" spans="1:7" x14ac:dyDescent="0.3">
      <c r="A134181" s="13" t="s">
        <v>605</v>
      </c>
      <c r="B134181" s="14" t="s">
        <v>1</v>
      </c>
      <c r="C134181" s="14" t="s">
        <v>596</v>
      </c>
      <c r="D134181" s="14" t="s">
        <v>266</v>
      </c>
      <c r="E134181" s="15">
        <v>45602</v>
      </c>
      <c r="F134181" s="14" t="s">
        <v>61</v>
      </c>
      <c r="G134181" s="16">
        <v>0</v>
      </c>
    </row>
    <row r="134182" spans="1:7" x14ac:dyDescent="0.3">
      <c r="A134182" s="13" t="s">
        <v>605</v>
      </c>
      <c r="B134182" s="14" t="s">
        <v>1</v>
      </c>
      <c r="C134182" s="14" t="s">
        <v>596</v>
      </c>
      <c r="D134182" s="14" t="s">
        <v>266</v>
      </c>
      <c r="E134182" s="15">
        <v>45603</v>
      </c>
      <c r="F134182" s="14" t="s">
        <v>61</v>
      </c>
      <c r="G134182" s="16">
        <v>0</v>
      </c>
    </row>
    <row r="134183" spans="1:7" x14ac:dyDescent="0.3">
      <c r="A134183" s="13" t="s">
        <v>605</v>
      </c>
      <c r="B134183" s="14" t="s">
        <v>1</v>
      </c>
      <c r="C134183" s="14" t="s">
        <v>596</v>
      </c>
      <c r="D134183" s="14" t="s">
        <v>266</v>
      </c>
      <c r="E134183" s="15">
        <v>45604</v>
      </c>
      <c r="F134183" s="14" t="s">
        <v>61</v>
      </c>
      <c r="G134183" s="16">
        <v>0</v>
      </c>
    </row>
    <row r="134184" spans="1:7" x14ac:dyDescent="0.3">
      <c r="A134184" s="13" t="s">
        <v>605</v>
      </c>
      <c r="B134184" s="14" t="s">
        <v>1</v>
      </c>
      <c r="C134184" s="14" t="s">
        <v>596</v>
      </c>
      <c r="D134184" s="14" t="s">
        <v>266</v>
      </c>
      <c r="E134184" s="15">
        <v>45605</v>
      </c>
      <c r="F134184" s="14" t="s">
        <v>61</v>
      </c>
      <c r="G134184" s="16">
        <v>0</v>
      </c>
    </row>
    <row r="134185" spans="1:7" x14ac:dyDescent="0.3">
      <c r="A134185" s="13" t="s">
        <v>605</v>
      </c>
      <c r="B134185" s="14" t="s">
        <v>1</v>
      </c>
      <c r="C134185" s="14" t="s">
        <v>596</v>
      </c>
      <c r="D134185" s="14" t="s">
        <v>266</v>
      </c>
      <c r="E134185" s="15">
        <v>45606</v>
      </c>
      <c r="F134185" s="14" t="s">
        <v>61</v>
      </c>
      <c r="G134185" s="16">
        <v>0</v>
      </c>
    </row>
    <row r="134186" spans="1:7" x14ac:dyDescent="0.3">
      <c r="A134186" s="13" t="s">
        <v>605</v>
      </c>
      <c r="B134186" s="14" t="s">
        <v>1</v>
      </c>
      <c r="C134186" s="14" t="s">
        <v>596</v>
      </c>
      <c r="D134186" s="14" t="s">
        <v>266</v>
      </c>
      <c r="E134186" s="15">
        <v>45607</v>
      </c>
      <c r="F134186" s="14" t="s">
        <v>61</v>
      </c>
      <c r="G134186" s="16">
        <v>0</v>
      </c>
    </row>
    <row r="134187" spans="1:7" x14ac:dyDescent="0.3">
      <c r="A134187" s="13" t="s">
        <v>605</v>
      </c>
      <c r="B134187" s="14" t="s">
        <v>1</v>
      </c>
      <c r="C134187" s="14" t="s">
        <v>596</v>
      </c>
      <c r="D134187" s="14" t="s">
        <v>266</v>
      </c>
      <c r="E134187" s="15">
        <v>45608</v>
      </c>
      <c r="F134187" s="14" t="s">
        <v>61</v>
      </c>
      <c r="G134187" s="16">
        <v>0</v>
      </c>
    </row>
    <row r="134188" spans="1:7" x14ac:dyDescent="0.3">
      <c r="A134188" s="13" t="s">
        <v>605</v>
      </c>
      <c r="B134188" s="14" t="s">
        <v>1</v>
      </c>
      <c r="C134188" s="14" t="s">
        <v>596</v>
      </c>
      <c r="D134188" s="14" t="s">
        <v>266</v>
      </c>
      <c r="E134188" s="15">
        <v>45609</v>
      </c>
      <c r="F134188" s="14" t="s">
        <v>61</v>
      </c>
      <c r="G134188" s="16">
        <v>0</v>
      </c>
    </row>
    <row r="134189" spans="1:7" x14ac:dyDescent="0.3">
      <c r="A134189" s="13" t="s">
        <v>605</v>
      </c>
      <c r="B134189" s="14" t="s">
        <v>1</v>
      </c>
      <c r="C134189" s="14" t="s">
        <v>596</v>
      </c>
      <c r="D134189" s="14" t="s">
        <v>266</v>
      </c>
      <c r="E134189" s="15">
        <v>45610</v>
      </c>
      <c r="F134189" s="14" t="s">
        <v>61</v>
      </c>
      <c r="G134189" s="16">
        <v>0</v>
      </c>
    </row>
    <row r="134190" spans="1:7" x14ac:dyDescent="0.3">
      <c r="A134190" s="13" t="s">
        <v>605</v>
      </c>
      <c r="B134190" s="14" t="s">
        <v>1</v>
      </c>
      <c r="C134190" s="14" t="s">
        <v>596</v>
      </c>
      <c r="D134190" s="14" t="s">
        <v>266</v>
      </c>
      <c r="E134190" s="15">
        <v>45611</v>
      </c>
      <c r="F134190" s="14" t="s">
        <v>61</v>
      </c>
      <c r="G134190" s="16">
        <v>0</v>
      </c>
    </row>
    <row r="134191" spans="1:7" x14ac:dyDescent="0.3">
      <c r="A134191" s="13" t="s">
        <v>605</v>
      </c>
      <c r="B134191" s="14" t="s">
        <v>1</v>
      </c>
      <c r="C134191" s="14" t="s">
        <v>596</v>
      </c>
      <c r="D134191" s="14" t="s">
        <v>266</v>
      </c>
      <c r="E134191" s="15">
        <v>45612</v>
      </c>
      <c r="F134191" s="14" t="s">
        <v>61</v>
      </c>
      <c r="G134191" s="16">
        <v>0</v>
      </c>
    </row>
    <row r="134192" spans="1:7" x14ac:dyDescent="0.3">
      <c r="A134192" s="13" t="s">
        <v>605</v>
      </c>
      <c r="B134192" s="14" t="s">
        <v>1</v>
      </c>
      <c r="C134192" s="14" t="s">
        <v>596</v>
      </c>
      <c r="D134192" s="14" t="s">
        <v>266</v>
      </c>
      <c r="E134192" s="15">
        <v>45613</v>
      </c>
      <c r="F134192" s="14" t="s">
        <v>61</v>
      </c>
      <c r="G134192" s="16">
        <v>0</v>
      </c>
    </row>
    <row r="134193" spans="1:7" x14ac:dyDescent="0.3">
      <c r="A134193" s="13" t="s">
        <v>605</v>
      </c>
      <c r="B134193" s="14" t="s">
        <v>1</v>
      </c>
      <c r="C134193" s="14" t="s">
        <v>596</v>
      </c>
      <c r="D134193" s="14" t="s">
        <v>266</v>
      </c>
      <c r="E134193" s="15">
        <v>45614</v>
      </c>
      <c r="F134193" s="14" t="s">
        <v>61</v>
      </c>
      <c r="G134193" s="16">
        <v>0</v>
      </c>
    </row>
    <row r="134194" spans="1:7" x14ac:dyDescent="0.3">
      <c r="A134194" s="13" t="s">
        <v>605</v>
      </c>
      <c r="B134194" s="14" t="s">
        <v>1</v>
      </c>
      <c r="C134194" s="14" t="s">
        <v>596</v>
      </c>
      <c r="D134194" s="14" t="s">
        <v>266</v>
      </c>
      <c r="E134194" s="15">
        <v>45615</v>
      </c>
      <c r="F134194" s="14" t="s">
        <v>61</v>
      </c>
      <c r="G134194" s="16">
        <v>0</v>
      </c>
    </row>
    <row r="134195" spans="1:7" x14ac:dyDescent="0.3">
      <c r="A134195" s="13" t="s">
        <v>605</v>
      </c>
      <c r="B134195" s="14" t="s">
        <v>1</v>
      </c>
      <c r="C134195" s="14" t="s">
        <v>596</v>
      </c>
      <c r="D134195" s="14" t="s">
        <v>266</v>
      </c>
      <c r="E134195" s="15">
        <v>45616</v>
      </c>
      <c r="F134195" s="14" t="s">
        <v>61</v>
      </c>
      <c r="G134195" s="16">
        <v>0</v>
      </c>
    </row>
    <row r="134196" spans="1:7" x14ac:dyDescent="0.3">
      <c r="A134196" s="13" t="s">
        <v>605</v>
      </c>
      <c r="B134196" s="14" t="s">
        <v>1</v>
      </c>
      <c r="C134196" s="14" t="s">
        <v>596</v>
      </c>
      <c r="D134196" s="14" t="s">
        <v>266</v>
      </c>
      <c r="E134196" s="15">
        <v>45617</v>
      </c>
      <c r="F134196" s="14" t="s">
        <v>61</v>
      </c>
      <c r="G134196" s="16">
        <v>0</v>
      </c>
    </row>
    <row r="134197" spans="1:7" x14ac:dyDescent="0.3">
      <c r="A134197" s="13" t="s">
        <v>605</v>
      </c>
      <c r="B134197" s="14" t="s">
        <v>1</v>
      </c>
      <c r="C134197" s="14" t="s">
        <v>596</v>
      </c>
      <c r="D134197" s="14" t="s">
        <v>266</v>
      </c>
      <c r="E134197" s="15">
        <v>45618</v>
      </c>
      <c r="F134197" s="14" t="s">
        <v>61</v>
      </c>
      <c r="G134197" s="16">
        <v>0</v>
      </c>
    </row>
    <row r="134198" spans="1:7" x14ac:dyDescent="0.3">
      <c r="A134198" s="13" t="s">
        <v>605</v>
      </c>
      <c r="B134198" s="14" t="s">
        <v>1</v>
      </c>
      <c r="C134198" s="14" t="s">
        <v>596</v>
      </c>
      <c r="D134198" s="14" t="s">
        <v>266</v>
      </c>
      <c r="E134198" s="15">
        <v>45619</v>
      </c>
      <c r="F134198" s="14" t="s">
        <v>61</v>
      </c>
      <c r="G134198" s="16">
        <v>0</v>
      </c>
    </row>
    <row r="134199" spans="1:7" x14ac:dyDescent="0.3">
      <c r="A134199" s="13" t="s">
        <v>605</v>
      </c>
      <c r="B134199" s="14" t="s">
        <v>1</v>
      </c>
      <c r="C134199" s="14" t="s">
        <v>596</v>
      </c>
      <c r="D134199" s="14" t="s">
        <v>266</v>
      </c>
      <c r="E134199" s="15">
        <v>45620</v>
      </c>
      <c r="F134199" s="14" t="s">
        <v>61</v>
      </c>
      <c r="G134199" s="16">
        <v>0</v>
      </c>
    </row>
    <row r="134200" spans="1:7" x14ac:dyDescent="0.3">
      <c r="A134200" s="13" t="s">
        <v>605</v>
      </c>
      <c r="B134200" s="14" t="s">
        <v>1</v>
      </c>
      <c r="C134200" s="14" t="s">
        <v>596</v>
      </c>
      <c r="D134200" s="14" t="s">
        <v>266</v>
      </c>
      <c r="E134200" s="15">
        <v>45621</v>
      </c>
      <c r="F134200" s="14" t="s">
        <v>61</v>
      </c>
      <c r="G134200" s="16">
        <v>0</v>
      </c>
    </row>
    <row r="134201" spans="1:7" x14ac:dyDescent="0.3">
      <c r="A134201" s="13" t="s">
        <v>605</v>
      </c>
      <c r="B134201" s="14" t="s">
        <v>1</v>
      </c>
      <c r="C134201" s="14" t="s">
        <v>596</v>
      </c>
      <c r="D134201" s="14" t="s">
        <v>266</v>
      </c>
      <c r="E134201" s="15">
        <v>45622</v>
      </c>
      <c r="F134201" s="14" t="s">
        <v>61</v>
      </c>
      <c r="G134201" s="16">
        <v>0</v>
      </c>
    </row>
    <row r="134202" spans="1:7" x14ac:dyDescent="0.3">
      <c r="A134202" s="13" t="s">
        <v>605</v>
      </c>
      <c r="B134202" s="14" t="s">
        <v>1</v>
      </c>
      <c r="C134202" s="14" t="s">
        <v>596</v>
      </c>
      <c r="D134202" s="14" t="s">
        <v>266</v>
      </c>
      <c r="E134202" s="15">
        <v>45623</v>
      </c>
      <c r="F134202" s="14" t="s">
        <v>61</v>
      </c>
      <c r="G134202" s="16">
        <v>0</v>
      </c>
    </row>
    <row r="134203" spans="1:7" x14ac:dyDescent="0.3">
      <c r="A134203" s="13" t="s">
        <v>605</v>
      </c>
      <c r="B134203" s="14" t="s">
        <v>1</v>
      </c>
      <c r="C134203" s="14" t="s">
        <v>596</v>
      </c>
      <c r="D134203" s="14" t="s">
        <v>266</v>
      </c>
      <c r="E134203" s="15">
        <v>45624</v>
      </c>
      <c r="F134203" s="14" t="s">
        <v>61</v>
      </c>
      <c r="G134203" s="16">
        <v>0</v>
      </c>
    </row>
    <row r="134204" spans="1:7" x14ac:dyDescent="0.3">
      <c r="A134204" s="13" t="s">
        <v>605</v>
      </c>
      <c r="B134204" s="14" t="s">
        <v>1</v>
      </c>
      <c r="C134204" s="14" t="s">
        <v>596</v>
      </c>
      <c r="D134204" s="14" t="s">
        <v>266</v>
      </c>
      <c r="E134204" s="15">
        <v>45625</v>
      </c>
      <c r="F134204" s="14" t="s">
        <v>61</v>
      </c>
      <c r="G134204" s="16">
        <v>0</v>
      </c>
    </row>
    <row r="134205" spans="1:7" x14ac:dyDescent="0.3">
      <c r="A134205" s="13" t="s">
        <v>605</v>
      </c>
      <c r="B134205" s="14" t="s">
        <v>1</v>
      </c>
      <c r="C134205" s="14" t="s">
        <v>596</v>
      </c>
      <c r="D134205" s="14" t="s">
        <v>266</v>
      </c>
      <c r="E134205" s="15">
        <v>45626</v>
      </c>
      <c r="F134205" s="14" t="s">
        <v>61</v>
      </c>
      <c r="G134205" s="16">
        <v>0</v>
      </c>
    </row>
    <row r="134206" spans="1:7" x14ac:dyDescent="0.3">
      <c r="A134206" s="13" t="s">
        <v>605</v>
      </c>
      <c r="B134206" s="14" t="s">
        <v>1</v>
      </c>
      <c r="C134206" s="14" t="s">
        <v>596</v>
      </c>
      <c r="D134206" s="14" t="s">
        <v>266</v>
      </c>
      <c r="E134206" s="15">
        <v>45627</v>
      </c>
      <c r="F134206" s="14" t="s">
        <v>61</v>
      </c>
      <c r="G134206" s="16">
        <v>0</v>
      </c>
    </row>
    <row r="134207" spans="1:7" x14ac:dyDescent="0.3">
      <c r="A134207" s="13" t="s">
        <v>605</v>
      </c>
      <c r="B134207" s="14" t="s">
        <v>1</v>
      </c>
      <c r="C134207" s="14" t="s">
        <v>596</v>
      </c>
      <c r="D134207" s="14" t="s">
        <v>266</v>
      </c>
      <c r="E134207" s="15">
        <v>45628</v>
      </c>
      <c r="F134207" s="14" t="s">
        <v>61</v>
      </c>
      <c r="G134207" s="16">
        <v>0</v>
      </c>
    </row>
    <row r="134208" spans="1:7" x14ac:dyDescent="0.3">
      <c r="A134208" s="13" t="s">
        <v>605</v>
      </c>
      <c r="B134208" s="14" t="s">
        <v>1</v>
      </c>
      <c r="C134208" s="14" t="s">
        <v>596</v>
      </c>
      <c r="D134208" s="14" t="s">
        <v>266</v>
      </c>
      <c r="E134208" s="15">
        <v>45629</v>
      </c>
      <c r="F134208" s="14" t="s">
        <v>61</v>
      </c>
      <c r="G134208" s="16">
        <v>0</v>
      </c>
    </row>
    <row r="134209" spans="1:7" x14ac:dyDescent="0.3">
      <c r="A134209" s="13" t="s">
        <v>605</v>
      </c>
      <c r="B134209" s="14" t="s">
        <v>1</v>
      </c>
      <c r="C134209" s="14" t="s">
        <v>596</v>
      </c>
      <c r="D134209" s="14" t="s">
        <v>266</v>
      </c>
      <c r="E134209" s="15">
        <v>45630</v>
      </c>
      <c r="F134209" s="14" t="s">
        <v>61</v>
      </c>
      <c r="G134209" s="16">
        <v>0</v>
      </c>
    </row>
    <row r="134210" spans="1:7" x14ac:dyDescent="0.3">
      <c r="A134210" s="13" t="s">
        <v>605</v>
      </c>
      <c r="B134210" s="14" t="s">
        <v>1</v>
      </c>
      <c r="C134210" s="14" t="s">
        <v>596</v>
      </c>
      <c r="D134210" s="14" t="s">
        <v>266</v>
      </c>
      <c r="E134210" s="15">
        <v>45631</v>
      </c>
      <c r="F134210" s="14" t="s">
        <v>61</v>
      </c>
      <c r="G134210" s="16">
        <v>0</v>
      </c>
    </row>
    <row r="134211" spans="1:7" x14ac:dyDescent="0.3">
      <c r="A134211" s="13" t="s">
        <v>605</v>
      </c>
      <c r="B134211" s="14" t="s">
        <v>1</v>
      </c>
      <c r="C134211" s="14" t="s">
        <v>596</v>
      </c>
      <c r="D134211" s="14" t="s">
        <v>266</v>
      </c>
      <c r="E134211" s="15">
        <v>45632</v>
      </c>
      <c r="F134211" s="14" t="s">
        <v>61</v>
      </c>
      <c r="G134211" s="16">
        <v>0</v>
      </c>
    </row>
    <row r="134212" spans="1:7" x14ac:dyDescent="0.3">
      <c r="A134212" s="13" t="s">
        <v>605</v>
      </c>
      <c r="B134212" s="14" t="s">
        <v>1</v>
      </c>
      <c r="C134212" s="14" t="s">
        <v>596</v>
      </c>
      <c r="D134212" s="14" t="s">
        <v>266</v>
      </c>
      <c r="E134212" s="15">
        <v>45633</v>
      </c>
      <c r="F134212" s="14" t="s">
        <v>61</v>
      </c>
      <c r="G134212" s="16">
        <v>0</v>
      </c>
    </row>
    <row r="134213" spans="1:7" x14ac:dyDescent="0.3">
      <c r="A134213" s="13" t="s">
        <v>605</v>
      </c>
      <c r="B134213" s="14" t="s">
        <v>1</v>
      </c>
      <c r="C134213" s="14" t="s">
        <v>596</v>
      </c>
      <c r="D134213" s="14" t="s">
        <v>266</v>
      </c>
      <c r="E134213" s="15">
        <v>45634</v>
      </c>
      <c r="F134213" s="14" t="s">
        <v>61</v>
      </c>
      <c r="G134213" s="16">
        <v>0</v>
      </c>
    </row>
    <row r="134214" spans="1:7" x14ac:dyDescent="0.3">
      <c r="A134214" s="13" t="s">
        <v>605</v>
      </c>
      <c r="B134214" s="14" t="s">
        <v>1</v>
      </c>
      <c r="C134214" s="14" t="s">
        <v>596</v>
      </c>
      <c r="D134214" s="14" t="s">
        <v>266</v>
      </c>
      <c r="E134214" s="15">
        <v>45635</v>
      </c>
      <c r="F134214" s="14" t="s">
        <v>61</v>
      </c>
      <c r="G134214" s="16">
        <v>0</v>
      </c>
    </row>
    <row r="134215" spans="1:7" x14ac:dyDescent="0.3">
      <c r="A134215" s="13" t="s">
        <v>605</v>
      </c>
      <c r="B134215" s="14" t="s">
        <v>1</v>
      </c>
      <c r="C134215" s="14" t="s">
        <v>596</v>
      </c>
      <c r="D134215" s="14" t="s">
        <v>266</v>
      </c>
      <c r="E134215" s="15">
        <v>45636</v>
      </c>
      <c r="F134215" s="14" t="s">
        <v>61</v>
      </c>
      <c r="G134215" s="16">
        <v>0</v>
      </c>
    </row>
    <row r="134216" spans="1:7" x14ac:dyDescent="0.3">
      <c r="A134216" s="13" t="s">
        <v>605</v>
      </c>
      <c r="B134216" s="14" t="s">
        <v>1</v>
      </c>
      <c r="C134216" s="14" t="s">
        <v>596</v>
      </c>
      <c r="D134216" s="14" t="s">
        <v>266</v>
      </c>
      <c r="E134216" s="15">
        <v>45637</v>
      </c>
      <c r="F134216" s="14" t="s">
        <v>61</v>
      </c>
      <c r="G134216" s="16">
        <v>0</v>
      </c>
    </row>
    <row r="134217" spans="1:7" x14ac:dyDescent="0.3">
      <c r="A134217" s="13" t="s">
        <v>605</v>
      </c>
      <c r="B134217" s="14" t="s">
        <v>1</v>
      </c>
      <c r="C134217" s="14" t="s">
        <v>596</v>
      </c>
      <c r="D134217" s="14" t="s">
        <v>266</v>
      </c>
      <c r="E134217" s="15">
        <v>45638</v>
      </c>
      <c r="F134217" s="14" t="s">
        <v>61</v>
      </c>
      <c r="G134217" s="16">
        <v>0</v>
      </c>
    </row>
    <row r="134218" spans="1:7" x14ac:dyDescent="0.3">
      <c r="A134218" s="13" t="s">
        <v>605</v>
      </c>
      <c r="B134218" s="14" t="s">
        <v>1</v>
      </c>
      <c r="C134218" s="14" t="s">
        <v>596</v>
      </c>
      <c r="D134218" s="14" t="s">
        <v>266</v>
      </c>
      <c r="E134218" s="15">
        <v>45639</v>
      </c>
      <c r="F134218" s="14" t="s">
        <v>61</v>
      </c>
      <c r="G134218" s="16">
        <v>0</v>
      </c>
    </row>
    <row r="134219" spans="1:7" x14ac:dyDescent="0.3">
      <c r="A134219" s="13" t="s">
        <v>605</v>
      </c>
      <c r="B134219" s="14" t="s">
        <v>1</v>
      </c>
      <c r="C134219" s="14" t="s">
        <v>596</v>
      </c>
      <c r="D134219" s="14" t="s">
        <v>266</v>
      </c>
      <c r="E134219" s="15">
        <v>45640</v>
      </c>
      <c r="F134219" s="14" t="s">
        <v>61</v>
      </c>
      <c r="G134219" s="16">
        <v>0</v>
      </c>
    </row>
    <row r="134220" spans="1:7" x14ac:dyDescent="0.3">
      <c r="A134220" s="13" t="s">
        <v>605</v>
      </c>
      <c r="B134220" s="14" t="s">
        <v>1</v>
      </c>
      <c r="C134220" s="14" t="s">
        <v>596</v>
      </c>
      <c r="D134220" s="14" t="s">
        <v>266</v>
      </c>
      <c r="E134220" s="15">
        <v>45641</v>
      </c>
      <c r="F134220" s="14" t="s">
        <v>61</v>
      </c>
      <c r="G134220" s="16">
        <v>0</v>
      </c>
    </row>
    <row r="134221" spans="1:7" x14ac:dyDescent="0.3">
      <c r="A134221" s="13" t="s">
        <v>605</v>
      </c>
      <c r="B134221" s="14" t="s">
        <v>1</v>
      </c>
      <c r="C134221" s="14" t="s">
        <v>596</v>
      </c>
      <c r="D134221" s="14" t="s">
        <v>266</v>
      </c>
      <c r="E134221" s="15">
        <v>45642</v>
      </c>
      <c r="F134221" s="14" t="s">
        <v>61</v>
      </c>
      <c r="G134221" s="16">
        <v>0</v>
      </c>
    </row>
    <row r="134222" spans="1:7" x14ac:dyDescent="0.3">
      <c r="A134222" s="13" t="s">
        <v>605</v>
      </c>
      <c r="B134222" s="14" t="s">
        <v>1</v>
      </c>
      <c r="C134222" s="14" t="s">
        <v>596</v>
      </c>
      <c r="D134222" s="14" t="s">
        <v>266</v>
      </c>
      <c r="E134222" s="15">
        <v>45643</v>
      </c>
      <c r="F134222" s="14" t="s">
        <v>61</v>
      </c>
      <c r="G134222" s="16">
        <v>0</v>
      </c>
    </row>
    <row r="134223" spans="1:7" x14ac:dyDescent="0.3">
      <c r="A134223" s="13" t="s">
        <v>605</v>
      </c>
      <c r="B134223" s="14" t="s">
        <v>1</v>
      </c>
      <c r="C134223" s="14" t="s">
        <v>596</v>
      </c>
      <c r="D134223" s="14" t="s">
        <v>266</v>
      </c>
      <c r="E134223" s="15">
        <v>45644</v>
      </c>
      <c r="F134223" s="14" t="s">
        <v>61</v>
      </c>
      <c r="G134223" s="16">
        <v>0</v>
      </c>
    </row>
    <row r="134224" spans="1:7" x14ac:dyDescent="0.3">
      <c r="A134224" s="13" t="s">
        <v>605</v>
      </c>
      <c r="B134224" s="14" t="s">
        <v>1</v>
      </c>
      <c r="C134224" s="14" t="s">
        <v>596</v>
      </c>
      <c r="D134224" s="14" t="s">
        <v>266</v>
      </c>
      <c r="E134224" s="15">
        <v>45645</v>
      </c>
      <c r="F134224" s="14" t="s">
        <v>61</v>
      </c>
      <c r="G134224" s="16">
        <v>0</v>
      </c>
    </row>
    <row r="134225" spans="1:7" x14ac:dyDescent="0.3">
      <c r="A134225" s="13" t="s">
        <v>605</v>
      </c>
      <c r="B134225" s="14" t="s">
        <v>1</v>
      </c>
      <c r="C134225" s="14" t="s">
        <v>596</v>
      </c>
      <c r="D134225" s="14" t="s">
        <v>266</v>
      </c>
      <c r="E134225" s="15">
        <v>45646</v>
      </c>
      <c r="F134225" s="14" t="s">
        <v>61</v>
      </c>
      <c r="G134225" s="16">
        <v>0</v>
      </c>
    </row>
    <row r="134226" spans="1:7" x14ac:dyDescent="0.3">
      <c r="A134226" s="13" t="s">
        <v>605</v>
      </c>
      <c r="B134226" s="14" t="s">
        <v>1</v>
      </c>
      <c r="C134226" s="14" t="s">
        <v>596</v>
      </c>
      <c r="D134226" s="14" t="s">
        <v>266</v>
      </c>
      <c r="E134226" s="15">
        <v>45647</v>
      </c>
      <c r="F134226" s="14" t="s">
        <v>61</v>
      </c>
      <c r="G134226" s="16">
        <v>0</v>
      </c>
    </row>
    <row r="134227" spans="1:7" x14ac:dyDescent="0.3">
      <c r="A134227" s="13" t="s">
        <v>605</v>
      </c>
      <c r="B134227" s="14" t="s">
        <v>1</v>
      </c>
      <c r="C134227" s="14" t="s">
        <v>596</v>
      </c>
      <c r="D134227" s="14" t="s">
        <v>266</v>
      </c>
      <c r="E134227" s="15">
        <v>45648</v>
      </c>
      <c r="F134227" s="14" t="s">
        <v>61</v>
      </c>
      <c r="G134227" s="16">
        <v>0</v>
      </c>
    </row>
    <row r="134228" spans="1:7" x14ac:dyDescent="0.3">
      <c r="A134228" s="13" t="s">
        <v>605</v>
      </c>
      <c r="B134228" s="14" t="s">
        <v>1</v>
      </c>
      <c r="C134228" s="14" t="s">
        <v>596</v>
      </c>
      <c r="D134228" s="14" t="s">
        <v>266</v>
      </c>
      <c r="E134228" s="15">
        <v>45649</v>
      </c>
      <c r="F134228" s="14" t="s">
        <v>61</v>
      </c>
      <c r="G134228" s="16">
        <v>0</v>
      </c>
    </row>
    <row r="134229" spans="1:7" x14ac:dyDescent="0.3">
      <c r="A134229" s="13" t="s">
        <v>605</v>
      </c>
      <c r="B134229" s="14" t="s">
        <v>1</v>
      </c>
      <c r="C134229" s="14" t="s">
        <v>596</v>
      </c>
      <c r="D134229" s="14" t="s">
        <v>266</v>
      </c>
      <c r="E134229" s="15">
        <v>45650</v>
      </c>
      <c r="F134229" s="14" t="s">
        <v>61</v>
      </c>
      <c r="G134229" s="16">
        <v>0</v>
      </c>
    </row>
    <row r="134230" spans="1:7" x14ac:dyDescent="0.3">
      <c r="A134230" s="13" t="s">
        <v>605</v>
      </c>
      <c r="B134230" s="14" t="s">
        <v>1</v>
      </c>
      <c r="C134230" s="14" t="s">
        <v>596</v>
      </c>
      <c r="D134230" s="14" t="s">
        <v>266</v>
      </c>
      <c r="E134230" s="15">
        <v>45651</v>
      </c>
      <c r="F134230" s="14" t="s">
        <v>61</v>
      </c>
      <c r="G134230" s="16">
        <v>0</v>
      </c>
    </row>
    <row r="134231" spans="1:7" x14ac:dyDescent="0.3">
      <c r="A134231" s="13" t="s">
        <v>605</v>
      </c>
      <c r="B134231" s="14" t="s">
        <v>1</v>
      </c>
      <c r="C134231" s="14" t="s">
        <v>596</v>
      </c>
      <c r="D134231" s="14" t="s">
        <v>266</v>
      </c>
      <c r="E134231" s="15">
        <v>45652</v>
      </c>
      <c r="F134231" s="14" t="s">
        <v>61</v>
      </c>
      <c r="G134231" s="16">
        <v>0</v>
      </c>
    </row>
    <row r="134232" spans="1:7" x14ac:dyDescent="0.3">
      <c r="A134232" s="13" t="s">
        <v>605</v>
      </c>
      <c r="B134232" s="14" t="s">
        <v>1</v>
      </c>
      <c r="C134232" s="14" t="s">
        <v>596</v>
      </c>
      <c r="D134232" s="14" t="s">
        <v>266</v>
      </c>
      <c r="E134232" s="15">
        <v>45653</v>
      </c>
      <c r="F134232" s="14" t="s">
        <v>61</v>
      </c>
      <c r="G134232" s="16">
        <v>0</v>
      </c>
    </row>
    <row r="134233" spans="1:7" x14ac:dyDescent="0.3">
      <c r="A134233" s="13" t="s">
        <v>605</v>
      </c>
      <c r="B134233" s="14" t="s">
        <v>1</v>
      </c>
      <c r="C134233" s="14" t="s">
        <v>596</v>
      </c>
      <c r="D134233" s="14" t="s">
        <v>266</v>
      </c>
      <c r="E134233" s="15">
        <v>45654</v>
      </c>
      <c r="F134233" s="14" t="s">
        <v>61</v>
      </c>
      <c r="G134233" s="16">
        <v>0</v>
      </c>
    </row>
    <row r="134234" spans="1:7" x14ac:dyDescent="0.3">
      <c r="A134234" s="13" t="s">
        <v>605</v>
      </c>
      <c r="B134234" s="14" t="s">
        <v>1</v>
      </c>
      <c r="C134234" s="14" t="s">
        <v>596</v>
      </c>
      <c r="D134234" s="14" t="s">
        <v>266</v>
      </c>
      <c r="E134234" s="15">
        <v>45655</v>
      </c>
      <c r="F134234" s="14" t="s">
        <v>61</v>
      </c>
      <c r="G134234" s="16">
        <v>0</v>
      </c>
    </row>
    <row r="134235" spans="1:7" x14ac:dyDescent="0.3">
      <c r="A134235" s="13" t="s">
        <v>605</v>
      </c>
      <c r="B134235" s="14" t="s">
        <v>1</v>
      </c>
      <c r="C134235" s="14" t="s">
        <v>596</v>
      </c>
      <c r="D134235" s="14" t="s">
        <v>266</v>
      </c>
      <c r="E134235" s="15">
        <v>45656</v>
      </c>
      <c r="F134235" s="14" t="s">
        <v>61</v>
      </c>
      <c r="G134235" s="16">
        <v>0</v>
      </c>
    </row>
    <row r="134236" spans="1:7" x14ac:dyDescent="0.3">
      <c r="A134236" s="13" t="s">
        <v>605</v>
      </c>
      <c r="B134236" s="14" t="s">
        <v>1</v>
      </c>
      <c r="C134236" s="14" t="s">
        <v>596</v>
      </c>
      <c r="D134236" s="14" t="s">
        <v>266</v>
      </c>
      <c r="E134236" s="15">
        <v>45657</v>
      </c>
      <c r="F134236" s="14" t="s">
        <v>61</v>
      </c>
      <c r="G134236" s="16">
        <v>0</v>
      </c>
    </row>
    <row r="134237" spans="1:7" x14ac:dyDescent="0.3">
      <c r="A134237" s="13" t="s">
        <v>605</v>
      </c>
      <c r="B134237" s="14" t="s">
        <v>1</v>
      </c>
      <c r="C134237" s="14" t="s">
        <v>596</v>
      </c>
      <c r="D134237" s="14" t="s">
        <v>266</v>
      </c>
      <c r="E134237" s="15">
        <v>45658</v>
      </c>
      <c r="F134237" s="14" t="s">
        <v>61</v>
      </c>
      <c r="G134237" s="16">
        <v>0</v>
      </c>
    </row>
    <row r="134238" spans="1:7" x14ac:dyDescent="0.3">
      <c r="A134238" s="13" t="s">
        <v>605</v>
      </c>
      <c r="B134238" s="14" t="s">
        <v>1</v>
      </c>
      <c r="C134238" s="14" t="s">
        <v>596</v>
      </c>
      <c r="D134238" s="14" t="s">
        <v>266</v>
      </c>
      <c r="E134238" s="15">
        <v>45659</v>
      </c>
      <c r="F134238" s="14" t="s">
        <v>61</v>
      </c>
      <c r="G134238" s="16">
        <v>0</v>
      </c>
    </row>
    <row r="134239" spans="1:7" x14ac:dyDescent="0.3">
      <c r="A134239" s="13" t="s">
        <v>605</v>
      </c>
      <c r="B134239" s="14" t="s">
        <v>1</v>
      </c>
      <c r="C134239" s="14" t="s">
        <v>596</v>
      </c>
      <c r="D134239" s="14" t="s">
        <v>266</v>
      </c>
      <c r="E134239" s="15">
        <v>45660</v>
      </c>
      <c r="F134239" s="14" t="s">
        <v>61</v>
      </c>
      <c r="G134239" s="16">
        <v>0</v>
      </c>
    </row>
    <row r="134240" spans="1:7" x14ac:dyDescent="0.3">
      <c r="A134240" s="13" t="s">
        <v>605</v>
      </c>
      <c r="B134240" s="14" t="s">
        <v>1</v>
      </c>
      <c r="C134240" s="14" t="s">
        <v>596</v>
      </c>
      <c r="D134240" s="14" t="s">
        <v>266</v>
      </c>
      <c r="E134240" s="15">
        <v>45661</v>
      </c>
      <c r="F134240" s="14" t="s">
        <v>61</v>
      </c>
      <c r="G134240" s="16">
        <v>0</v>
      </c>
    </row>
    <row r="134241" spans="1:7" x14ac:dyDescent="0.3">
      <c r="A134241" s="13" t="s">
        <v>605</v>
      </c>
      <c r="B134241" s="14" t="s">
        <v>1</v>
      </c>
      <c r="C134241" s="14" t="s">
        <v>596</v>
      </c>
      <c r="D134241" s="14" t="s">
        <v>266</v>
      </c>
      <c r="E134241" s="15">
        <v>45662</v>
      </c>
      <c r="F134241" s="14" t="s">
        <v>61</v>
      </c>
      <c r="G134241" s="16">
        <v>0</v>
      </c>
    </row>
    <row r="134242" spans="1:7" x14ac:dyDescent="0.3">
      <c r="A134242" s="13" t="s">
        <v>605</v>
      </c>
      <c r="B134242" s="14" t="s">
        <v>1</v>
      </c>
      <c r="C134242" s="14" t="s">
        <v>596</v>
      </c>
      <c r="D134242" s="14" t="s">
        <v>266</v>
      </c>
      <c r="E134242" s="15">
        <v>45663</v>
      </c>
      <c r="F134242" s="14" t="s">
        <v>61</v>
      </c>
      <c r="G134242" s="16">
        <v>0</v>
      </c>
    </row>
    <row r="134243" spans="1:7" x14ac:dyDescent="0.3">
      <c r="A134243" s="13" t="s">
        <v>605</v>
      </c>
      <c r="B134243" s="14" t="s">
        <v>1</v>
      </c>
      <c r="C134243" s="14" t="s">
        <v>596</v>
      </c>
      <c r="D134243" s="14" t="s">
        <v>266</v>
      </c>
      <c r="E134243" s="15">
        <v>45664</v>
      </c>
      <c r="F134243" s="14" t="s">
        <v>61</v>
      </c>
      <c r="G134243" s="16">
        <v>0</v>
      </c>
    </row>
    <row r="134244" spans="1:7" x14ac:dyDescent="0.3">
      <c r="A134244" s="13" t="s">
        <v>605</v>
      </c>
      <c r="B134244" s="14" t="s">
        <v>1</v>
      </c>
      <c r="C134244" s="14" t="s">
        <v>596</v>
      </c>
      <c r="D134244" s="14" t="s">
        <v>266</v>
      </c>
      <c r="E134244" s="15">
        <v>45665</v>
      </c>
      <c r="F134244" s="14" t="s">
        <v>61</v>
      </c>
      <c r="G134244" s="16">
        <v>0</v>
      </c>
    </row>
    <row r="134245" spans="1:7" x14ac:dyDescent="0.3">
      <c r="A134245" s="13" t="s">
        <v>605</v>
      </c>
      <c r="B134245" s="14" t="s">
        <v>1</v>
      </c>
      <c r="C134245" s="14" t="s">
        <v>596</v>
      </c>
      <c r="D134245" s="14" t="s">
        <v>266</v>
      </c>
      <c r="E134245" s="15">
        <v>45666</v>
      </c>
      <c r="F134245" s="14" t="s">
        <v>61</v>
      </c>
      <c r="G134245" s="16">
        <v>0</v>
      </c>
    </row>
    <row r="134246" spans="1:7" x14ac:dyDescent="0.3">
      <c r="A134246" s="13" t="s">
        <v>605</v>
      </c>
      <c r="B134246" s="14" t="s">
        <v>1</v>
      </c>
      <c r="C134246" s="14" t="s">
        <v>596</v>
      </c>
      <c r="D134246" s="14" t="s">
        <v>266</v>
      </c>
      <c r="E134246" s="15">
        <v>45667</v>
      </c>
      <c r="F134246" s="14" t="s">
        <v>61</v>
      </c>
      <c r="G134246" s="16">
        <v>0</v>
      </c>
    </row>
    <row r="134247" spans="1:7" x14ac:dyDescent="0.3">
      <c r="A134247" s="13" t="s">
        <v>605</v>
      </c>
      <c r="B134247" s="14" t="s">
        <v>1</v>
      </c>
      <c r="C134247" s="14" t="s">
        <v>596</v>
      </c>
      <c r="D134247" s="14" t="s">
        <v>266</v>
      </c>
      <c r="E134247" s="15">
        <v>45668</v>
      </c>
      <c r="F134247" s="14" t="s">
        <v>61</v>
      </c>
      <c r="G134247" s="16">
        <v>0</v>
      </c>
    </row>
    <row r="134248" spans="1:7" x14ac:dyDescent="0.3">
      <c r="A134248" s="13" t="s">
        <v>605</v>
      </c>
      <c r="B134248" s="14" t="s">
        <v>1</v>
      </c>
      <c r="C134248" s="14" t="s">
        <v>596</v>
      </c>
      <c r="D134248" s="14" t="s">
        <v>266</v>
      </c>
      <c r="E134248" s="15">
        <v>45669</v>
      </c>
      <c r="F134248" s="14" t="s">
        <v>61</v>
      </c>
      <c r="G134248" s="16">
        <v>0</v>
      </c>
    </row>
    <row r="134249" spans="1:7" x14ac:dyDescent="0.3">
      <c r="A134249" s="13" t="s">
        <v>605</v>
      </c>
      <c r="B134249" s="14" t="s">
        <v>1</v>
      </c>
      <c r="C134249" s="14" t="s">
        <v>596</v>
      </c>
      <c r="D134249" s="14" t="s">
        <v>266</v>
      </c>
      <c r="E134249" s="15">
        <v>45670</v>
      </c>
      <c r="F134249" s="14" t="s">
        <v>61</v>
      </c>
      <c r="G134249" s="16">
        <v>0</v>
      </c>
    </row>
    <row r="134250" spans="1:7" x14ac:dyDescent="0.3">
      <c r="A134250" s="13" t="s">
        <v>605</v>
      </c>
      <c r="B134250" s="14" t="s">
        <v>1</v>
      </c>
      <c r="C134250" s="14" t="s">
        <v>596</v>
      </c>
      <c r="D134250" s="14" t="s">
        <v>266</v>
      </c>
      <c r="E134250" s="15">
        <v>45671</v>
      </c>
      <c r="F134250" s="14" t="s">
        <v>61</v>
      </c>
      <c r="G134250" s="16">
        <v>0</v>
      </c>
    </row>
    <row r="134251" spans="1:7" x14ac:dyDescent="0.3">
      <c r="A134251" s="13" t="s">
        <v>605</v>
      </c>
      <c r="B134251" s="14" t="s">
        <v>1</v>
      </c>
      <c r="C134251" s="14" t="s">
        <v>596</v>
      </c>
      <c r="D134251" s="14" t="s">
        <v>266</v>
      </c>
      <c r="E134251" s="15">
        <v>45672</v>
      </c>
      <c r="F134251" s="14" t="s">
        <v>61</v>
      </c>
      <c r="G134251" s="16">
        <v>0</v>
      </c>
    </row>
    <row r="134252" spans="1:7" x14ac:dyDescent="0.3">
      <c r="A134252" s="13" t="s">
        <v>605</v>
      </c>
      <c r="B134252" s="14" t="s">
        <v>1</v>
      </c>
      <c r="C134252" s="14" t="s">
        <v>596</v>
      </c>
      <c r="D134252" s="14" t="s">
        <v>266</v>
      </c>
      <c r="E134252" s="15">
        <v>45673</v>
      </c>
      <c r="F134252" s="14" t="s">
        <v>61</v>
      </c>
      <c r="G134252" s="16">
        <v>0</v>
      </c>
    </row>
    <row r="134253" spans="1:7" x14ac:dyDescent="0.3">
      <c r="A134253" s="13" t="s">
        <v>605</v>
      </c>
      <c r="B134253" s="14" t="s">
        <v>1</v>
      </c>
      <c r="C134253" s="14" t="s">
        <v>596</v>
      </c>
      <c r="D134253" s="14" t="s">
        <v>266</v>
      </c>
      <c r="E134253" s="15">
        <v>45674</v>
      </c>
      <c r="F134253" s="14" t="s">
        <v>61</v>
      </c>
      <c r="G134253" s="16">
        <v>0</v>
      </c>
    </row>
    <row r="134254" spans="1:7" x14ac:dyDescent="0.3">
      <c r="A134254" s="13" t="s">
        <v>605</v>
      </c>
      <c r="B134254" s="14" t="s">
        <v>1</v>
      </c>
      <c r="C134254" s="14" t="s">
        <v>596</v>
      </c>
      <c r="D134254" s="14" t="s">
        <v>266</v>
      </c>
      <c r="E134254" s="15">
        <v>45675</v>
      </c>
      <c r="F134254" s="14" t="s">
        <v>61</v>
      </c>
      <c r="G134254" s="16">
        <v>0</v>
      </c>
    </row>
    <row r="134255" spans="1:7" x14ac:dyDescent="0.3">
      <c r="A134255" s="13" t="s">
        <v>605</v>
      </c>
      <c r="B134255" s="14" t="s">
        <v>1</v>
      </c>
      <c r="C134255" s="14" t="s">
        <v>596</v>
      </c>
      <c r="D134255" s="14" t="s">
        <v>266</v>
      </c>
      <c r="E134255" s="15">
        <v>45676</v>
      </c>
      <c r="F134255" s="14" t="s">
        <v>61</v>
      </c>
      <c r="G134255" s="16">
        <v>0</v>
      </c>
    </row>
    <row r="134256" spans="1:7" x14ac:dyDescent="0.3">
      <c r="A134256" s="13" t="s">
        <v>605</v>
      </c>
      <c r="B134256" s="14" t="s">
        <v>1</v>
      </c>
      <c r="C134256" s="14" t="s">
        <v>596</v>
      </c>
      <c r="D134256" s="14" t="s">
        <v>266</v>
      </c>
      <c r="E134256" s="15">
        <v>45677</v>
      </c>
      <c r="F134256" s="14" t="s">
        <v>61</v>
      </c>
      <c r="G134256" s="16">
        <v>0</v>
      </c>
    </row>
    <row r="134257" spans="1:7" x14ac:dyDescent="0.3">
      <c r="A134257" s="13" t="s">
        <v>605</v>
      </c>
      <c r="B134257" s="14" t="s">
        <v>1</v>
      </c>
      <c r="C134257" s="14" t="s">
        <v>596</v>
      </c>
      <c r="D134257" s="14" t="s">
        <v>266</v>
      </c>
      <c r="E134257" s="15">
        <v>45678</v>
      </c>
      <c r="F134257" s="14" t="s">
        <v>61</v>
      </c>
      <c r="G134257" s="16">
        <v>0</v>
      </c>
    </row>
    <row r="134258" spans="1:7" x14ac:dyDescent="0.3">
      <c r="A134258" s="13" t="s">
        <v>605</v>
      </c>
      <c r="B134258" s="14" t="s">
        <v>1</v>
      </c>
      <c r="C134258" s="14" t="s">
        <v>596</v>
      </c>
      <c r="D134258" s="14" t="s">
        <v>266</v>
      </c>
      <c r="E134258" s="15">
        <v>45679</v>
      </c>
      <c r="F134258" s="14" t="s">
        <v>61</v>
      </c>
      <c r="G134258" s="16">
        <v>0</v>
      </c>
    </row>
    <row r="134259" spans="1:7" x14ac:dyDescent="0.3">
      <c r="A134259" s="13" t="s">
        <v>605</v>
      </c>
      <c r="B134259" s="14" t="s">
        <v>1</v>
      </c>
      <c r="C134259" s="14" t="s">
        <v>596</v>
      </c>
      <c r="D134259" s="14" t="s">
        <v>266</v>
      </c>
      <c r="E134259" s="15">
        <v>45680</v>
      </c>
      <c r="F134259" s="14" t="s">
        <v>61</v>
      </c>
      <c r="G134259" s="16">
        <v>0</v>
      </c>
    </row>
    <row r="134260" spans="1:7" x14ac:dyDescent="0.3">
      <c r="A134260" s="13" t="s">
        <v>605</v>
      </c>
      <c r="B134260" s="14" t="s">
        <v>1</v>
      </c>
      <c r="C134260" s="14" t="s">
        <v>596</v>
      </c>
      <c r="D134260" s="14" t="s">
        <v>266</v>
      </c>
      <c r="E134260" s="15">
        <v>45681</v>
      </c>
      <c r="F134260" s="14" t="s">
        <v>61</v>
      </c>
      <c r="G134260" s="16">
        <v>0</v>
      </c>
    </row>
    <row r="134261" spans="1:7" x14ac:dyDescent="0.3">
      <c r="A134261" s="13" t="s">
        <v>605</v>
      </c>
      <c r="B134261" s="14" t="s">
        <v>1</v>
      </c>
      <c r="C134261" s="14" t="s">
        <v>596</v>
      </c>
      <c r="D134261" s="14" t="s">
        <v>266</v>
      </c>
      <c r="E134261" s="15">
        <v>45682</v>
      </c>
      <c r="F134261" s="14" t="s">
        <v>61</v>
      </c>
      <c r="G134261" s="16">
        <v>0</v>
      </c>
    </row>
    <row r="134262" spans="1:7" x14ac:dyDescent="0.3">
      <c r="A134262" s="13" t="s">
        <v>605</v>
      </c>
      <c r="B134262" s="14" t="s">
        <v>1</v>
      </c>
      <c r="C134262" s="14" t="s">
        <v>596</v>
      </c>
      <c r="D134262" s="14" t="s">
        <v>266</v>
      </c>
      <c r="E134262" s="15">
        <v>45683</v>
      </c>
      <c r="F134262" s="14" t="s">
        <v>61</v>
      </c>
      <c r="G134262" s="16">
        <v>0</v>
      </c>
    </row>
    <row r="134263" spans="1:7" x14ac:dyDescent="0.3">
      <c r="A134263" s="13" t="s">
        <v>605</v>
      </c>
      <c r="B134263" s="14" t="s">
        <v>1</v>
      </c>
      <c r="C134263" s="14" t="s">
        <v>596</v>
      </c>
      <c r="D134263" s="14" t="s">
        <v>266</v>
      </c>
      <c r="E134263" s="15">
        <v>45684</v>
      </c>
      <c r="F134263" s="14" t="s">
        <v>61</v>
      </c>
      <c r="G134263" s="16">
        <v>0</v>
      </c>
    </row>
    <row r="134264" spans="1:7" x14ac:dyDescent="0.3">
      <c r="A134264" s="13" t="s">
        <v>605</v>
      </c>
      <c r="B134264" s="14" t="s">
        <v>1</v>
      </c>
      <c r="C134264" s="14" t="s">
        <v>596</v>
      </c>
      <c r="D134264" s="14" t="s">
        <v>266</v>
      </c>
      <c r="E134264" s="15">
        <v>45685</v>
      </c>
      <c r="F134264" s="14" t="s">
        <v>61</v>
      </c>
      <c r="G134264" s="16">
        <v>0</v>
      </c>
    </row>
    <row r="134265" spans="1:7" x14ac:dyDescent="0.3">
      <c r="A134265" s="13" t="s">
        <v>605</v>
      </c>
      <c r="B134265" s="14" t="s">
        <v>1</v>
      </c>
      <c r="C134265" s="14" t="s">
        <v>596</v>
      </c>
      <c r="D134265" s="14" t="s">
        <v>266</v>
      </c>
      <c r="E134265" s="15">
        <v>45686</v>
      </c>
      <c r="F134265" s="14" t="s">
        <v>61</v>
      </c>
      <c r="G134265" s="16">
        <v>0</v>
      </c>
    </row>
    <row r="134266" spans="1:7" x14ac:dyDescent="0.3">
      <c r="A134266" s="13" t="s">
        <v>605</v>
      </c>
      <c r="B134266" s="14" t="s">
        <v>1</v>
      </c>
      <c r="C134266" s="14" t="s">
        <v>596</v>
      </c>
      <c r="D134266" s="14" t="s">
        <v>266</v>
      </c>
      <c r="E134266" s="15">
        <v>45687</v>
      </c>
      <c r="F134266" s="14" t="s">
        <v>61</v>
      </c>
      <c r="G134266" s="16">
        <v>0</v>
      </c>
    </row>
    <row r="134267" spans="1:7" x14ac:dyDescent="0.3">
      <c r="A134267" s="13" t="s">
        <v>605</v>
      </c>
      <c r="B134267" s="14" t="s">
        <v>1</v>
      </c>
      <c r="C134267" s="14" t="s">
        <v>596</v>
      </c>
      <c r="D134267" s="14" t="s">
        <v>266</v>
      </c>
      <c r="E134267" s="15">
        <v>45688</v>
      </c>
      <c r="F134267" s="14" t="s">
        <v>61</v>
      </c>
      <c r="G134267" s="16">
        <v>0</v>
      </c>
    </row>
    <row r="134268" spans="1:7" x14ac:dyDescent="0.3">
      <c r="A134268" s="13" t="s">
        <v>605</v>
      </c>
      <c r="B134268" s="14" t="s">
        <v>1</v>
      </c>
      <c r="C134268" s="14" t="s">
        <v>596</v>
      </c>
      <c r="D134268" s="14" t="s">
        <v>266</v>
      </c>
      <c r="E134268" s="15">
        <v>45689</v>
      </c>
      <c r="F134268" s="14" t="s">
        <v>61</v>
      </c>
      <c r="G134268" s="16">
        <v>0</v>
      </c>
    </row>
    <row r="134269" spans="1:7" x14ac:dyDescent="0.3">
      <c r="A134269" s="13" t="s">
        <v>605</v>
      </c>
      <c r="B134269" s="14" t="s">
        <v>1</v>
      </c>
      <c r="C134269" s="14" t="s">
        <v>596</v>
      </c>
      <c r="D134269" s="14" t="s">
        <v>266</v>
      </c>
      <c r="E134269" s="15">
        <v>45690</v>
      </c>
      <c r="F134269" s="14" t="s">
        <v>61</v>
      </c>
      <c r="G134269" s="16">
        <v>0</v>
      </c>
    </row>
    <row r="134270" spans="1:7" x14ac:dyDescent="0.3">
      <c r="A134270" s="13" t="s">
        <v>605</v>
      </c>
      <c r="B134270" s="14" t="s">
        <v>1</v>
      </c>
      <c r="C134270" s="14" t="s">
        <v>596</v>
      </c>
      <c r="D134270" s="14" t="s">
        <v>266</v>
      </c>
      <c r="E134270" s="15">
        <v>45691</v>
      </c>
      <c r="F134270" s="14" t="s">
        <v>61</v>
      </c>
      <c r="G134270" s="16">
        <v>0</v>
      </c>
    </row>
    <row r="134271" spans="1:7" x14ac:dyDescent="0.3">
      <c r="A134271" s="13" t="s">
        <v>605</v>
      </c>
      <c r="B134271" s="14" t="s">
        <v>1</v>
      </c>
      <c r="C134271" s="14" t="s">
        <v>596</v>
      </c>
      <c r="D134271" s="14" t="s">
        <v>266</v>
      </c>
      <c r="E134271" s="15">
        <v>45692</v>
      </c>
      <c r="F134271" s="14" t="s">
        <v>61</v>
      </c>
      <c r="G134271" s="16">
        <v>0</v>
      </c>
    </row>
    <row r="134272" spans="1:7" x14ac:dyDescent="0.3">
      <c r="A134272" s="13" t="s">
        <v>605</v>
      </c>
      <c r="B134272" s="14" t="s">
        <v>1</v>
      </c>
      <c r="C134272" s="14" t="s">
        <v>596</v>
      </c>
      <c r="D134272" s="14" t="s">
        <v>266</v>
      </c>
      <c r="E134272" s="15">
        <v>45693</v>
      </c>
      <c r="F134272" s="14" t="s">
        <v>61</v>
      </c>
      <c r="G134272" s="16">
        <v>0</v>
      </c>
    </row>
    <row r="134273" spans="1:7" x14ac:dyDescent="0.3">
      <c r="A134273" s="13" t="s">
        <v>605</v>
      </c>
      <c r="B134273" s="14" t="s">
        <v>1</v>
      </c>
      <c r="C134273" s="14" t="s">
        <v>596</v>
      </c>
      <c r="D134273" s="14" t="s">
        <v>266</v>
      </c>
      <c r="E134273" s="15">
        <v>45694</v>
      </c>
      <c r="F134273" s="14" t="s">
        <v>61</v>
      </c>
      <c r="G134273" s="16">
        <v>0</v>
      </c>
    </row>
    <row r="134274" spans="1:7" x14ac:dyDescent="0.3">
      <c r="A134274" s="13" t="s">
        <v>605</v>
      </c>
      <c r="B134274" s="14" t="s">
        <v>1</v>
      </c>
      <c r="C134274" s="14" t="s">
        <v>596</v>
      </c>
      <c r="D134274" s="14" t="s">
        <v>266</v>
      </c>
      <c r="E134274" s="15">
        <v>45695</v>
      </c>
      <c r="F134274" s="14" t="s">
        <v>61</v>
      </c>
      <c r="G134274" s="16">
        <v>0</v>
      </c>
    </row>
    <row r="134275" spans="1:7" x14ac:dyDescent="0.3">
      <c r="A134275" s="13" t="s">
        <v>605</v>
      </c>
      <c r="B134275" s="14" t="s">
        <v>1</v>
      </c>
      <c r="C134275" s="14" t="s">
        <v>596</v>
      </c>
      <c r="D134275" s="14" t="s">
        <v>266</v>
      </c>
      <c r="E134275" s="15">
        <v>45696</v>
      </c>
      <c r="F134275" s="14" t="s">
        <v>61</v>
      </c>
      <c r="G134275" s="16">
        <v>0</v>
      </c>
    </row>
    <row r="134276" spans="1:7" x14ac:dyDescent="0.3">
      <c r="A134276" s="13" t="s">
        <v>605</v>
      </c>
      <c r="B134276" s="14" t="s">
        <v>1</v>
      </c>
      <c r="C134276" s="14" t="s">
        <v>596</v>
      </c>
      <c r="D134276" s="14" t="s">
        <v>266</v>
      </c>
      <c r="E134276" s="15">
        <v>45697</v>
      </c>
      <c r="F134276" s="14" t="s">
        <v>61</v>
      </c>
      <c r="G134276" s="16">
        <v>0</v>
      </c>
    </row>
    <row r="134277" spans="1:7" x14ac:dyDescent="0.3">
      <c r="A134277" s="13" t="s">
        <v>605</v>
      </c>
      <c r="B134277" s="14" t="s">
        <v>1</v>
      </c>
      <c r="C134277" s="14" t="s">
        <v>596</v>
      </c>
      <c r="D134277" s="14" t="s">
        <v>266</v>
      </c>
      <c r="E134277" s="15">
        <v>45698</v>
      </c>
      <c r="F134277" s="14" t="s">
        <v>61</v>
      </c>
      <c r="G134277" s="16">
        <v>0</v>
      </c>
    </row>
    <row r="134278" spans="1:7" x14ac:dyDescent="0.3">
      <c r="A134278" s="13" t="s">
        <v>605</v>
      </c>
      <c r="B134278" s="14" t="s">
        <v>1</v>
      </c>
      <c r="C134278" s="14" t="s">
        <v>596</v>
      </c>
      <c r="D134278" s="14" t="s">
        <v>266</v>
      </c>
      <c r="E134278" s="15">
        <v>45699</v>
      </c>
      <c r="F134278" s="14" t="s">
        <v>61</v>
      </c>
      <c r="G134278" s="16">
        <v>0</v>
      </c>
    </row>
    <row r="134279" spans="1:7" x14ac:dyDescent="0.3">
      <c r="A134279" s="13" t="s">
        <v>605</v>
      </c>
      <c r="B134279" s="14" t="s">
        <v>1</v>
      </c>
      <c r="C134279" s="14" t="s">
        <v>596</v>
      </c>
      <c r="D134279" s="14" t="s">
        <v>266</v>
      </c>
      <c r="E134279" s="15">
        <v>45700</v>
      </c>
      <c r="F134279" s="14" t="s">
        <v>61</v>
      </c>
      <c r="G134279" s="16">
        <v>0</v>
      </c>
    </row>
    <row r="134280" spans="1:7" x14ac:dyDescent="0.3">
      <c r="A134280" s="13" t="s">
        <v>605</v>
      </c>
      <c r="B134280" s="14" t="s">
        <v>1</v>
      </c>
      <c r="C134280" s="14" t="s">
        <v>596</v>
      </c>
      <c r="D134280" s="14" t="s">
        <v>266</v>
      </c>
      <c r="E134280" s="15">
        <v>45701</v>
      </c>
      <c r="F134280" s="14" t="s">
        <v>61</v>
      </c>
      <c r="G134280" s="16">
        <v>0</v>
      </c>
    </row>
    <row r="134281" spans="1:7" x14ac:dyDescent="0.3">
      <c r="A134281" s="13" t="s">
        <v>605</v>
      </c>
      <c r="B134281" s="14" t="s">
        <v>1</v>
      </c>
      <c r="C134281" s="14" t="s">
        <v>596</v>
      </c>
      <c r="D134281" s="14" t="s">
        <v>266</v>
      </c>
      <c r="E134281" s="15">
        <v>45702</v>
      </c>
      <c r="F134281" s="14" t="s">
        <v>61</v>
      </c>
      <c r="G134281" s="16">
        <v>0</v>
      </c>
    </row>
    <row r="134282" spans="1:7" x14ac:dyDescent="0.3">
      <c r="A134282" s="13" t="s">
        <v>605</v>
      </c>
      <c r="B134282" s="14" t="s">
        <v>1</v>
      </c>
      <c r="C134282" s="14" t="s">
        <v>596</v>
      </c>
      <c r="D134282" s="14" t="s">
        <v>266</v>
      </c>
      <c r="E134282" s="15">
        <v>45703</v>
      </c>
      <c r="F134282" s="14" t="s">
        <v>61</v>
      </c>
      <c r="G134282" s="16">
        <v>0</v>
      </c>
    </row>
    <row r="134283" spans="1:7" x14ac:dyDescent="0.3">
      <c r="A134283" s="13" t="s">
        <v>605</v>
      </c>
      <c r="B134283" s="14" t="s">
        <v>1</v>
      </c>
      <c r="C134283" s="14" t="s">
        <v>596</v>
      </c>
      <c r="D134283" s="14" t="s">
        <v>266</v>
      </c>
      <c r="E134283" s="15">
        <v>45704</v>
      </c>
      <c r="F134283" s="14" t="s">
        <v>61</v>
      </c>
      <c r="G134283" s="16">
        <v>0</v>
      </c>
    </row>
    <row r="134284" spans="1:7" x14ac:dyDescent="0.3">
      <c r="A134284" s="13" t="s">
        <v>605</v>
      </c>
      <c r="B134284" s="14" t="s">
        <v>1</v>
      </c>
      <c r="C134284" s="14" t="s">
        <v>596</v>
      </c>
      <c r="D134284" s="14" t="s">
        <v>266</v>
      </c>
      <c r="E134284" s="15">
        <v>45705</v>
      </c>
      <c r="F134284" s="14" t="s">
        <v>61</v>
      </c>
      <c r="G134284" s="16">
        <v>0</v>
      </c>
    </row>
    <row r="134285" spans="1:7" x14ac:dyDescent="0.3">
      <c r="A134285" s="13" t="s">
        <v>605</v>
      </c>
      <c r="B134285" s="14" t="s">
        <v>1</v>
      </c>
      <c r="C134285" s="14" t="s">
        <v>596</v>
      </c>
      <c r="D134285" s="14" t="s">
        <v>266</v>
      </c>
      <c r="E134285" s="15">
        <v>45706</v>
      </c>
      <c r="F134285" s="14" t="s">
        <v>61</v>
      </c>
      <c r="G134285" s="16">
        <v>0</v>
      </c>
    </row>
    <row r="134286" spans="1:7" x14ac:dyDescent="0.3">
      <c r="A134286" s="13" t="s">
        <v>605</v>
      </c>
      <c r="B134286" s="14" t="s">
        <v>1</v>
      </c>
      <c r="C134286" s="14" t="s">
        <v>596</v>
      </c>
      <c r="D134286" s="14" t="s">
        <v>266</v>
      </c>
      <c r="E134286" s="15">
        <v>45707</v>
      </c>
      <c r="F134286" s="14" t="s">
        <v>61</v>
      </c>
      <c r="G134286" s="16">
        <v>0</v>
      </c>
    </row>
    <row r="134287" spans="1:7" x14ac:dyDescent="0.3">
      <c r="A134287" s="13" t="s">
        <v>605</v>
      </c>
      <c r="B134287" s="14" t="s">
        <v>1</v>
      </c>
      <c r="C134287" s="14" t="s">
        <v>596</v>
      </c>
      <c r="D134287" s="14" t="s">
        <v>266</v>
      </c>
      <c r="E134287" s="15">
        <v>45708</v>
      </c>
      <c r="F134287" s="14" t="s">
        <v>61</v>
      </c>
      <c r="G134287" s="16">
        <v>0</v>
      </c>
    </row>
    <row r="134288" spans="1:7" x14ac:dyDescent="0.3">
      <c r="A134288" s="13" t="s">
        <v>605</v>
      </c>
      <c r="B134288" s="14" t="s">
        <v>1</v>
      </c>
      <c r="C134288" s="14" t="s">
        <v>596</v>
      </c>
      <c r="D134288" s="14" t="s">
        <v>266</v>
      </c>
      <c r="E134288" s="15">
        <v>45709</v>
      </c>
      <c r="F134288" s="14" t="s">
        <v>61</v>
      </c>
      <c r="G134288" s="16">
        <v>0</v>
      </c>
    </row>
    <row r="134289" spans="1:7" x14ac:dyDescent="0.3">
      <c r="A134289" s="13" t="s">
        <v>605</v>
      </c>
      <c r="B134289" s="14" t="s">
        <v>1</v>
      </c>
      <c r="C134289" s="14" t="s">
        <v>596</v>
      </c>
      <c r="D134289" s="14" t="s">
        <v>266</v>
      </c>
      <c r="E134289" s="15">
        <v>45710</v>
      </c>
      <c r="F134289" s="14" t="s">
        <v>61</v>
      </c>
      <c r="G134289" s="16">
        <v>0</v>
      </c>
    </row>
    <row r="134290" spans="1:7" x14ac:dyDescent="0.3">
      <c r="A134290" s="13" t="s">
        <v>605</v>
      </c>
      <c r="B134290" s="14" t="s">
        <v>1</v>
      </c>
      <c r="C134290" s="14" t="s">
        <v>596</v>
      </c>
      <c r="D134290" s="14" t="s">
        <v>266</v>
      </c>
      <c r="E134290" s="15">
        <v>45711</v>
      </c>
      <c r="F134290" s="14" t="s">
        <v>61</v>
      </c>
      <c r="G134290" s="16">
        <v>0</v>
      </c>
    </row>
    <row r="134291" spans="1:7" x14ac:dyDescent="0.3">
      <c r="A134291" s="13" t="s">
        <v>605</v>
      </c>
      <c r="B134291" s="14" t="s">
        <v>1</v>
      </c>
      <c r="C134291" s="14" t="s">
        <v>596</v>
      </c>
      <c r="D134291" s="14" t="s">
        <v>266</v>
      </c>
      <c r="E134291" s="15">
        <v>45712</v>
      </c>
      <c r="F134291" s="14" t="s">
        <v>61</v>
      </c>
      <c r="G134291" s="16">
        <v>0</v>
      </c>
    </row>
    <row r="134292" spans="1:7" x14ac:dyDescent="0.3">
      <c r="A134292" s="13" t="s">
        <v>605</v>
      </c>
      <c r="B134292" s="14" t="s">
        <v>1</v>
      </c>
      <c r="C134292" s="14" t="s">
        <v>596</v>
      </c>
      <c r="D134292" s="14" t="s">
        <v>266</v>
      </c>
      <c r="E134292" s="15">
        <v>45713</v>
      </c>
      <c r="F134292" s="14" t="s">
        <v>61</v>
      </c>
      <c r="G134292" s="16">
        <v>0</v>
      </c>
    </row>
    <row r="134293" spans="1:7" x14ac:dyDescent="0.3">
      <c r="A134293" s="13" t="s">
        <v>605</v>
      </c>
      <c r="B134293" s="14" t="s">
        <v>1</v>
      </c>
      <c r="C134293" s="14" t="s">
        <v>596</v>
      </c>
      <c r="D134293" s="14" t="s">
        <v>266</v>
      </c>
      <c r="E134293" s="15">
        <v>45714</v>
      </c>
      <c r="F134293" s="14" t="s">
        <v>61</v>
      </c>
      <c r="G134293" s="16">
        <v>0</v>
      </c>
    </row>
    <row r="134294" spans="1:7" x14ac:dyDescent="0.3">
      <c r="A134294" s="13" t="s">
        <v>605</v>
      </c>
      <c r="B134294" s="14" t="s">
        <v>1</v>
      </c>
      <c r="C134294" s="14" t="s">
        <v>596</v>
      </c>
      <c r="D134294" s="14" t="s">
        <v>266</v>
      </c>
      <c r="E134294" s="15">
        <v>45715</v>
      </c>
      <c r="F134294" s="14" t="s">
        <v>61</v>
      </c>
      <c r="G134294" s="16">
        <v>0</v>
      </c>
    </row>
    <row r="134295" spans="1:7" x14ac:dyDescent="0.3">
      <c r="A134295" s="13" t="s">
        <v>605</v>
      </c>
      <c r="B134295" s="14" t="s">
        <v>1</v>
      </c>
      <c r="C134295" s="14" t="s">
        <v>596</v>
      </c>
      <c r="D134295" s="14" t="s">
        <v>266</v>
      </c>
      <c r="E134295" s="15">
        <v>45716</v>
      </c>
      <c r="F134295" s="14" t="s">
        <v>61</v>
      </c>
      <c r="G134295" s="16">
        <v>0</v>
      </c>
    </row>
    <row r="134296" spans="1:7" x14ac:dyDescent="0.3">
      <c r="A134296" s="13" t="s">
        <v>605</v>
      </c>
      <c r="B134296" s="14" t="s">
        <v>1</v>
      </c>
      <c r="C134296" s="14" t="s">
        <v>596</v>
      </c>
      <c r="D134296" s="14" t="s">
        <v>266</v>
      </c>
      <c r="E134296" s="15">
        <v>45717</v>
      </c>
      <c r="F134296" s="14" t="s">
        <v>61</v>
      </c>
      <c r="G134296" s="16">
        <v>0</v>
      </c>
    </row>
    <row r="134297" spans="1:7" x14ac:dyDescent="0.3">
      <c r="A134297" s="13" t="s">
        <v>605</v>
      </c>
      <c r="B134297" s="14" t="s">
        <v>1</v>
      </c>
      <c r="C134297" s="14" t="s">
        <v>596</v>
      </c>
      <c r="D134297" s="14" t="s">
        <v>266</v>
      </c>
      <c r="E134297" s="15">
        <v>45718</v>
      </c>
      <c r="F134297" s="14" t="s">
        <v>61</v>
      </c>
      <c r="G134297" s="16">
        <v>0</v>
      </c>
    </row>
    <row r="134298" spans="1:7" x14ac:dyDescent="0.3">
      <c r="A134298" s="13" t="s">
        <v>605</v>
      </c>
      <c r="B134298" s="14" t="s">
        <v>1</v>
      </c>
      <c r="C134298" s="14" t="s">
        <v>596</v>
      </c>
      <c r="D134298" s="14" t="s">
        <v>266</v>
      </c>
      <c r="E134298" s="15">
        <v>45719</v>
      </c>
      <c r="F134298" s="14" t="s">
        <v>61</v>
      </c>
      <c r="G134298" s="16">
        <v>0</v>
      </c>
    </row>
    <row r="134299" spans="1:7" x14ac:dyDescent="0.3">
      <c r="A134299" s="13" t="s">
        <v>605</v>
      </c>
      <c r="B134299" s="14" t="s">
        <v>1</v>
      </c>
      <c r="C134299" s="14" t="s">
        <v>596</v>
      </c>
      <c r="D134299" s="14" t="s">
        <v>266</v>
      </c>
      <c r="E134299" s="15">
        <v>45720</v>
      </c>
      <c r="F134299" s="14" t="s">
        <v>61</v>
      </c>
      <c r="G134299" s="16">
        <v>0</v>
      </c>
    </row>
    <row r="134300" spans="1:7" x14ac:dyDescent="0.3">
      <c r="A134300" s="13" t="s">
        <v>605</v>
      </c>
      <c r="B134300" s="14" t="s">
        <v>1</v>
      </c>
      <c r="C134300" s="14" t="s">
        <v>596</v>
      </c>
      <c r="D134300" s="14" t="s">
        <v>266</v>
      </c>
      <c r="E134300" s="15">
        <v>45721</v>
      </c>
      <c r="F134300" s="14" t="s">
        <v>61</v>
      </c>
      <c r="G134300" s="16">
        <v>0</v>
      </c>
    </row>
    <row r="134301" spans="1:7" x14ac:dyDescent="0.3">
      <c r="A134301" s="13" t="s">
        <v>605</v>
      </c>
      <c r="B134301" s="14" t="s">
        <v>1</v>
      </c>
      <c r="C134301" s="14" t="s">
        <v>596</v>
      </c>
      <c r="D134301" s="14" t="s">
        <v>266</v>
      </c>
      <c r="E134301" s="15">
        <v>45722</v>
      </c>
      <c r="F134301" s="14" t="s">
        <v>61</v>
      </c>
      <c r="G134301" s="16">
        <v>0</v>
      </c>
    </row>
    <row r="134302" spans="1:7" x14ac:dyDescent="0.3">
      <c r="A134302" s="13" t="s">
        <v>605</v>
      </c>
      <c r="B134302" s="14" t="s">
        <v>1</v>
      </c>
      <c r="C134302" s="14" t="s">
        <v>596</v>
      </c>
      <c r="D134302" s="14" t="s">
        <v>266</v>
      </c>
      <c r="E134302" s="15">
        <v>45723</v>
      </c>
      <c r="F134302" s="14" t="s">
        <v>61</v>
      </c>
      <c r="G134302" s="16">
        <v>0</v>
      </c>
    </row>
    <row r="134303" spans="1:7" x14ac:dyDescent="0.3">
      <c r="A134303" s="13" t="s">
        <v>605</v>
      </c>
      <c r="B134303" s="14" t="s">
        <v>1</v>
      </c>
      <c r="C134303" s="14" t="s">
        <v>596</v>
      </c>
      <c r="D134303" s="14" t="s">
        <v>266</v>
      </c>
      <c r="E134303" s="15">
        <v>45724</v>
      </c>
      <c r="F134303" s="14" t="s">
        <v>61</v>
      </c>
      <c r="G134303" s="16">
        <v>0</v>
      </c>
    </row>
    <row r="134304" spans="1:7" x14ac:dyDescent="0.3">
      <c r="A134304" s="13" t="s">
        <v>605</v>
      </c>
      <c r="B134304" s="14" t="s">
        <v>1</v>
      </c>
      <c r="C134304" s="14" t="s">
        <v>596</v>
      </c>
      <c r="D134304" s="14" t="s">
        <v>266</v>
      </c>
      <c r="E134304" s="15">
        <v>45725</v>
      </c>
      <c r="F134304" s="14" t="s">
        <v>61</v>
      </c>
      <c r="G134304" s="16">
        <v>0</v>
      </c>
    </row>
    <row r="134305" spans="1:7" x14ac:dyDescent="0.3">
      <c r="A134305" s="13" t="s">
        <v>605</v>
      </c>
      <c r="B134305" s="14" t="s">
        <v>1</v>
      </c>
      <c r="C134305" s="14" t="s">
        <v>596</v>
      </c>
      <c r="D134305" s="14" t="s">
        <v>266</v>
      </c>
      <c r="E134305" s="15">
        <v>45726</v>
      </c>
      <c r="F134305" s="14" t="s">
        <v>61</v>
      </c>
      <c r="G134305" s="16">
        <v>0</v>
      </c>
    </row>
    <row r="134306" spans="1:7" x14ac:dyDescent="0.3">
      <c r="A134306" s="13" t="s">
        <v>605</v>
      </c>
      <c r="B134306" s="14" t="s">
        <v>1</v>
      </c>
      <c r="C134306" s="14" t="s">
        <v>596</v>
      </c>
      <c r="D134306" s="14" t="s">
        <v>266</v>
      </c>
      <c r="E134306" s="15">
        <v>45727</v>
      </c>
      <c r="F134306" s="14" t="s">
        <v>61</v>
      </c>
      <c r="G134306" s="16">
        <v>0</v>
      </c>
    </row>
    <row r="134307" spans="1:7" x14ac:dyDescent="0.3">
      <c r="A134307" s="13" t="s">
        <v>605</v>
      </c>
      <c r="B134307" s="14" t="s">
        <v>1</v>
      </c>
      <c r="C134307" s="14" t="s">
        <v>596</v>
      </c>
      <c r="D134307" s="14" t="s">
        <v>266</v>
      </c>
      <c r="E134307" s="15">
        <v>45728</v>
      </c>
      <c r="F134307" s="14" t="s">
        <v>61</v>
      </c>
      <c r="G134307" s="16">
        <v>0</v>
      </c>
    </row>
    <row r="134308" spans="1:7" x14ac:dyDescent="0.3">
      <c r="A134308" s="13" t="s">
        <v>605</v>
      </c>
      <c r="B134308" s="14" t="s">
        <v>1</v>
      </c>
      <c r="C134308" s="14" t="s">
        <v>596</v>
      </c>
      <c r="D134308" s="14" t="s">
        <v>266</v>
      </c>
      <c r="E134308" s="15">
        <v>45729</v>
      </c>
      <c r="F134308" s="14" t="s">
        <v>61</v>
      </c>
      <c r="G134308" s="16">
        <v>0</v>
      </c>
    </row>
    <row r="134309" spans="1:7" x14ac:dyDescent="0.3">
      <c r="A134309" s="13" t="s">
        <v>605</v>
      </c>
      <c r="B134309" s="14" t="s">
        <v>1</v>
      </c>
      <c r="C134309" s="14" t="s">
        <v>596</v>
      </c>
      <c r="D134309" s="14" t="s">
        <v>266</v>
      </c>
      <c r="E134309" s="15">
        <v>45730</v>
      </c>
      <c r="F134309" s="14" t="s">
        <v>61</v>
      </c>
      <c r="G134309" s="16">
        <v>0</v>
      </c>
    </row>
    <row r="134310" spans="1:7" x14ac:dyDescent="0.3">
      <c r="A134310" s="13" t="s">
        <v>605</v>
      </c>
      <c r="B134310" s="14" t="s">
        <v>1</v>
      </c>
      <c r="C134310" s="14" t="s">
        <v>596</v>
      </c>
      <c r="D134310" s="14" t="s">
        <v>266</v>
      </c>
      <c r="E134310" s="15">
        <v>45731</v>
      </c>
      <c r="F134310" s="14" t="s">
        <v>61</v>
      </c>
      <c r="G134310" s="16">
        <v>0</v>
      </c>
    </row>
    <row r="134311" spans="1:7" x14ac:dyDescent="0.3">
      <c r="A134311" s="13" t="s">
        <v>605</v>
      </c>
      <c r="B134311" s="14" t="s">
        <v>1</v>
      </c>
      <c r="C134311" s="14" t="s">
        <v>596</v>
      </c>
      <c r="D134311" s="14" t="s">
        <v>266</v>
      </c>
      <c r="E134311" s="15">
        <v>45732</v>
      </c>
      <c r="F134311" s="14" t="s">
        <v>61</v>
      </c>
      <c r="G134311" s="16">
        <v>0</v>
      </c>
    </row>
    <row r="134312" spans="1:7" x14ac:dyDescent="0.3">
      <c r="A134312" s="13" t="s">
        <v>605</v>
      </c>
      <c r="B134312" s="14" t="s">
        <v>1</v>
      </c>
      <c r="C134312" s="14" t="s">
        <v>596</v>
      </c>
      <c r="D134312" s="14" t="s">
        <v>266</v>
      </c>
      <c r="E134312" s="15">
        <v>45733</v>
      </c>
      <c r="F134312" s="14" t="s">
        <v>61</v>
      </c>
      <c r="G134312" s="16">
        <v>0</v>
      </c>
    </row>
    <row r="134313" spans="1:7" x14ac:dyDescent="0.3">
      <c r="A134313" s="13" t="s">
        <v>605</v>
      </c>
      <c r="B134313" s="14" t="s">
        <v>1</v>
      </c>
      <c r="C134313" s="14" t="s">
        <v>596</v>
      </c>
      <c r="D134313" s="14" t="s">
        <v>266</v>
      </c>
      <c r="E134313" s="15">
        <v>45734</v>
      </c>
      <c r="F134313" s="14" t="s">
        <v>61</v>
      </c>
      <c r="G134313" s="16">
        <v>0</v>
      </c>
    </row>
    <row r="134314" spans="1:7" x14ac:dyDescent="0.3">
      <c r="A134314" s="13" t="s">
        <v>605</v>
      </c>
      <c r="B134314" s="14" t="s">
        <v>1</v>
      </c>
      <c r="C134314" s="14" t="s">
        <v>596</v>
      </c>
      <c r="D134314" s="14" t="s">
        <v>266</v>
      </c>
      <c r="E134314" s="15">
        <v>45735</v>
      </c>
      <c r="F134314" s="14" t="s">
        <v>61</v>
      </c>
      <c r="G134314" s="16">
        <v>0</v>
      </c>
    </row>
    <row r="134315" spans="1:7" x14ac:dyDescent="0.3">
      <c r="A134315" s="13" t="s">
        <v>605</v>
      </c>
      <c r="B134315" s="14" t="s">
        <v>1</v>
      </c>
      <c r="C134315" s="14" t="s">
        <v>596</v>
      </c>
      <c r="D134315" s="14" t="s">
        <v>266</v>
      </c>
      <c r="E134315" s="15">
        <v>45736</v>
      </c>
      <c r="F134315" s="14" t="s">
        <v>61</v>
      </c>
      <c r="G134315" s="16">
        <v>0</v>
      </c>
    </row>
    <row r="134316" spans="1:7" x14ac:dyDescent="0.3">
      <c r="A134316" s="13" t="s">
        <v>605</v>
      </c>
      <c r="B134316" s="14" t="s">
        <v>1</v>
      </c>
      <c r="C134316" s="14" t="s">
        <v>596</v>
      </c>
      <c r="D134316" s="14" t="s">
        <v>266</v>
      </c>
      <c r="E134316" s="15">
        <v>45737</v>
      </c>
      <c r="F134316" s="14" t="s">
        <v>61</v>
      </c>
      <c r="G134316" s="16">
        <v>0</v>
      </c>
    </row>
    <row r="134317" spans="1:7" x14ac:dyDescent="0.3">
      <c r="A134317" s="13" t="s">
        <v>605</v>
      </c>
      <c r="B134317" s="14" t="s">
        <v>1</v>
      </c>
      <c r="C134317" s="14" t="s">
        <v>596</v>
      </c>
      <c r="D134317" s="14" t="s">
        <v>266</v>
      </c>
      <c r="E134317" s="15">
        <v>45738</v>
      </c>
      <c r="F134317" s="14" t="s">
        <v>61</v>
      </c>
      <c r="G134317" s="16">
        <v>0</v>
      </c>
    </row>
    <row r="134318" spans="1:7" x14ac:dyDescent="0.3">
      <c r="A134318" s="13" t="s">
        <v>605</v>
      </c>
      <c r="B134318" s="14" t="s">
        <v>1</v>
      </c>
      <c r="C134318" s="14" t="s">
        <v>596</v>
      </c>
      <c r="D134318" s="14" t="s">
        <v>266</v>
      </c>
      <c r="E134318" s="15">
        <v>45739</v>
      </c>
      <c r="F134318" s="14" t="s">
        <v>61</v>
      </c>
      <c r="G134318" s="16">
        <v>0</v>
      </c>
    </row>
    <row r="134319" spans="1:7" x14ac:dyDescent="0.3">
      <c r="A134319" s="13" t="s">
        <v>605</v>
      </c>
      <c r="B134319" s="14" t="s">
        <v>1</v>
      </c>
      <c r="C134319" s="14" t="s">
        <v>596</v>
      </c>
      <c r="D134319" s="14" t="s">
        <v>266</v>
      </c>
      <c r="E134319" s="15">
        <v>45740</v>
      </c>
      <c r="F134319" s="14" t="s">
        <v>61</v>
      </c>
      <c r="G134319" s="16">
        <v>0</v>
      </c>
    </row>
    <row r="134320" spans="1:7" x14ac:dyDescent="0.3">
      <c r="A134320" s="13" t="s">
        <v>605</v>
      </c>
      <c r="B134320" s="14" t="s">
        <v>1</v>
      </c>
      <c r="C134320" s="14" t="s">
        <v>596</v>
      </c>
      <c r="D134320" s="14" t="s">
        <v>266</v>
      </c>
      <c r="E134320" s="15">
        <v>45741</v>
      </c>
      <c r="F134320" s="14" t="s">
        <v>61</v>
      </c>
      <c r="G134320" s="16">
        <v>0</v>
      </c>
    </row>
    <row r="134321" spans="1:7" x14ac:dyDescent="0.3">
      <c r="A134321" s="13" t="s">
        <v>605</v>
      </c>
      <c r="B134321" s="14" t="s">
        <v>1</v>
      </c>
      <c r="C134321" s="14" t="s">
        <v>596</v>
      </c>
      <c r="D134321" s="14" t="s">
        <v>266</v>
      </c>
      <c r="E134321" s="15">
        <v>45742</v>
      </c>
      <c r="F134321" s="14" t="s">
        <v>61</v>
      </c>
      <c r="G134321" s="16">
        <v>0</v>
      </c>
    </row>
    <row r="134322" spans="1:7" x14ac:dyDescent="0.3">
      <c r="A134322" s="13" t="s">
        <v>605</v>
      </c>
      <c r="B134322" s="14" t="s">
        <v>1</v>
      </c>
      <c r="C134322" s="14" t="s">
        <v>596</v>
      </c>
      <c r="D134322" s="14" t="s">
        <v>266</v>
      </c>
      <c r="E134322" s="15">
        <v>45743</v>
      </c>
      <c r="F134322" s="14" t="s">
        <v>61</v>
      </c>
      <c r="G134322" s="16">
        <v>0</v>
      </c>
    </row>
    <row r="134323" spans="1:7" x14ac:dyDescent="0.3">
      <c r="A134323" s="13" t="s">
        <v>605</v>
      </c>
      <c r="B134323" s="14" t="s">
        <v>1</v>
      </c>
      <c r="C134323" s="14" t="s">
        <v>596</v>
      </c>
      <c r="D134323" s="14" t="s">
        <v>266</v>
      </c>
      <c r="E134323" s="15">
        <v>45744</v>
      </c>
      <c r="F134323" s="14" t="s">
        <v>61</v>
      </c>
      <c r="G134323" s="16">
        <v>0</v>
      </c>
    </row>
    <row r="134324" spans="1:7" x14ac:dyDescent="0.3">
      <c r="A134324" s="13" t="s">
        <v>605</v>
      </c>
      <c r="B134324" s="14" t="s">
        <v>1</v>
      </c>
      <c r="C134324" s="14" t="s">
        <v>596</v>
      </c>
      <c r="D134324" s="14" t="s">
        <v>266</v>
      </c>
      <c r="E134324" s="15">
        <v>45745</v>
      </c>
      <c r="F134324" s="14" t="s">
        <v>61</v>
      </c>
      <c r="G134324" s="16">
        <v>0</v>
      </c>
    </row>
    <row r="134325" spans="1:7" x14ac:dyDescent="0.3">
      <c r="A134325" s="13" t="s">
        <v>605</v>
      </c>
      <c r="B134325" s="14" t="s">
        <v>1</v>
      </c>
      <c r="C134325" s="14" t="s">
        <v>596</v>
      </c>
      <c r="D134325" s="14" t="s">
        <v>266</v>
      </c>
      <c r="E134325" s="15">
        <v>45746</v>
      </c>
      <c r="F134325" s="14" t="s">
        <v>61</v>
      </c>
      <c r="G134325" s="16">
        <v>0</v>
      </c>
    </row>
    <row r="134326" spans="1:7" x14ac:dyDescent="0.3">
      <c r="A134326" s="13" t="s">
        <v>605</v>
      </c>
      <c r="B134326" s="14" t="s">
        <v>1</v>
      </c>
      <c r="C134326" s="14" t="s">
        <v>596</v>
      </c>
      <c r="D134326" s="14" t="s">
        <v>266</v>
      </c>
      <c r="E134326" s="15">
        <v>45747</v>
      </c>
      <c r="F134326" s="14" t="s">
        <v>61</v>
      </c>
      <c r="G134326" s="16">
        <v>0</v>
      </c>
    </row>
    <row r="134327" spans="1:7" x14ac:dyDescent="0.3">
      <c r="A134327" s="13" t="s">
        <v>606</v>
      </c>
      <c r="B134327" s="14" t="s">
        <v>1</v>
      </c>
      <c r="C134327" s="14" t="s">
        <v>596</v>
      </c>
      <c r="D134327" s="14" t="s">
        <v>292</v>
      </c>
      <c r="E134327" s="15">
        <v>45383</v>
      </c>
      <c r="F134327" s="14" t="s">
        <v>61</v>
      </c>
      <c r="G134327" s="16">
        <v>0</v>
      </c>
    </row>
    <row r="134328" spans="1:7" x14ac:dyDescent="0.3">
      <c r="A134328" s="13" t="s">
        <v>606</v>
      </c>
      <c r="B134328" s="14" t="s">
        <v>1</v>
      </c>
      <c r="C134328" s="14" t="s">
        <v>596</v>
      </c>
      <c r="D134328" s="14" t="s">
        <v>292</v>
      </c>
      <c r="E134328" s="15">
        <v>45384</v>
      </c>
      <c r="F134328" s="14" t="s">
        <v>61</v>
      </c>
      <c r="G134328" s="16">
        <v>0</v>
      </c>
    </row>
    <row r="134329" spans="1:7" x14ac:dyDescent="0.3">
      <c r="A134329" s="13" t="s">
        <v>606</v>
      </c>
      <c r="B134329" s="14" t="s">
        <v>1</v>
      </c>
      <c r="C134329" s="14" t="s">
        <v>596</v>
      </c>
      <c r="D134329" s="14" t="s">
        <v>292</v>
      </c>
      <c r="E134329" s="15">
        <v>45385</v>
      </c>
      <c r="F134329" s="14" t="s">
        <v>61</v>
      </c>
      <c r="G134329" s="16">
        <v>0</v>
      </c>
    </row>
    <row r="134330" spans="1:7" x14ac:dyDescent="0.3">
      <c r="A134330" s="13" t="s">
        <v>606</v>
      </c>
      <c r="B134330" s="14" t="s">
        <v>1</v>
      </c>
      <c r="C134330" s="14" t="s">
        <v>596</v>
      </c>
      <c r="D134330" s="14" t="s">
        <v>292</v>
      </c>
      <c r="E134330" s="15">
        <v>45386</v>
      </c>
      <c r="F134330" s="14" t="s">
        <v>61</v>
      </c>
      <c r="G134330" s="16">
        <v>0</v>
      </c>
    </row>
    <row r="134331" spans="1:7" x14ac:dyDescent="0.3">
      <c r="A134331" s="13" t="s">
        <v>606</v>
      </c>
      <c r="B134331" s="14" t="s">
        <v>1</v>
      </c>
      <c r="C134331" s="14" t="s">
        <v>596</v>
      </c>
      <c r="D134331" s="14" t="s">
        <v>292</v>
      </c>
      <c r="E134331" s="15">
        <v>45387</v>
      </c>
      <c r="F134331" s="14" t="s">
        <v>61</v>
      </c>
      <c r="G134331" s="16">
        <v>0</v>
      </c>
    </row>
    <row r="134332" spans="1:7" x14ac:dyDescent="0.3">
      <c r="A134332" s="13" t="s">
        <v>606</v>
      </c>
      <c r="B134332" s="14" t="s">
        <v>1</v>
      </c>
      <c r="C134332" s="14" t="s">
        <v>596</v>
      </c>
      <c r="D134332" s="14" t="s">
        <v>292</v>
      </c>
      <c r="E134332" s="15">
        <v>45388</v>
      </c>
      <c r="F134332" s="14" t="s">
        <v>61</v>
      </c>
      <c r="G134332" s="16">
        <v>0</v>
      </c>
    </row>
    <row r="134333" spans="1:7" x14ac:dyDescent="0.3">
      <c r="A134333" s="13" t="s">
        <v>606</v>
      </c>
      <c r="B134333" s="14" t="s">
        <v>1</v>
      </c>
      <c r="C134333" s="14" t="s">
        <v>596</v>
      </c>
      <c r="D134333" s="14" t="s">
        <v>292</v>
      </c>
      <c r="E134333" s="15">
        <v>45389</v>
      </c>
      <c r="F134333" s="14" t="s">
        <v>61</v>
      </c>
      <c r="G134333" s="16">
        <v>0</v>
      </c>
    </row>
    <row r="134334" spans="1:7" x14ac:dyDescent="0.3">
      <c r="A134334" s="13" t="s">
        <v>606</v>
      </c>
      <c r="B134334" s="14" t="s">
        <v>1</v>
      </c>
      <c r="C134334" s="14" t="s">
        <v>596</v>
      </c>
      <c r="D134334" s="14" t="s">
        <v>292</v>
      </c>
      <c r="E134334" s="15">
        <v>45390</v>
      </c>
      <c r="F134334" s="14" t="s">
        <v>61</v>
      </c>
      <c r="G134334" s="16">
        <v>0</v>
      </c>
    </row>
    <row r="134335" spans="1:7" x14ac:dyDescent="0.3">
      <c r="A134335" s="13" t="s">
        <v>606</v>
      </c>
      <c r="B134335" s="14" t="s">
        <v>1</v>
      </c>
      <c r="C134335" s="14" t="s">
        <v>596</v>
      </c>
      <c r="D134335" s="14" t="s">
        <v>292</v>
      </c>
      <c r="E134335" s="15">
        <v>45391</v>
      </c>
      <c r="F134335" s="14" t="s">
        <v>61</v>
      </c>
      <c r="G134335" s="16">
        <v>0</v>
      </c>
    </row>
    <row r="134336" spans="1:7" x14ac:dyDescent="0.3">
      <c r="A134336" s="13" t="s">
        <v>606</v>
      </c>
      <c r="B134336" s="14" t="s">
        <v>1</v>
      </c>
      <c r="C134336" s="14" t="s">
        <v>596</v>
      </c>
      <c r="D134336" s="14" t="s">
        <v>292</v>
      </c>
      <c r="E134336" s="15">
        <v>45392</v>
      </c>
      <c r="F134336" s="14" t="s">
        <v>61</v>
      </c>
      <c r="G134336" s="16">
        <v>0</v>
      </c>
    </row>
    <row r="134337" spans="1:7" x14ac:dyDescent="0.3">
      <c r="A134337" s="13" t="s">
        <v>606</v>
      </c>
      <c r="B134337" s="14" t="s">
        <v>1</v>
      </c>
      <c r="C134337" s="14" t="s">
        <v>596</v>
      </c>
      <c r="D134337" s="14" t="s">
        <v>292</v>
      </c>
      <c r="E134337" s="15">
        <v>45393</v>
      </c>
      <c r="F134337" s="14" t="s">
        <v>61</v>
      </c>
      <c r="G134337" s="16">
        <v>0</v>
      </c>
    </row>
    <row r="134338" spans="1:7" x14ac:dyDescent="0.3">
      <c r="A134338" s="13" t="s">
        <v>606</v>
      </c>
      <c r="B134338" s="14" t="s">
        <v>1</v>
      </c>
      <c r="C134338" s="14" t="s">
        <v>596</v>
      </c>
      <c r="D134338" s="14" t="s">
        <v>292</v>
      </c>
      <c r="E134338" s="15">
        <v>45394</v>
      </c>
      <c r="F134338" s="14" t="s">
        <v>61</v>
      </c>
      <c r="G134338" s="16">
        <v>0</v>
      </c>
    </row>
    <row r="134339" spans="1:7" x14ac:dyDescent="0.3">
      <c r="A134339" s="13" t="s">
        <v>606</v>
      </c>
      <c r="B134339" s="14" t="s">
        <v>1</v>
      </c>
      <c r="C134339" s="14" t="s">
        <v>596</v>
      </c>
      <c r="D134339" s="14" t="s">
        <v>292</v>
      </c>
      <c r="E134339" s="15">
        <v>45395</v>
      </c>
      <c r="F134339" s="14" t="s">
        <v>61</v>
      </c>
      <c r="G134339" s="16">
        <v>0</v>
      </c>
    </row>
    <row r="134340" spans="1:7" x14ac:dyDescent="0.3">
      <c r="A134340" s="13" t="s">
        <v>606</v>
      </c>
      <c r="B134340" s="14" t="s">
        <v>1</v>
      </c>
      <c r="C134340" s="14" t="s">
        <v>596</v>
      </c>
      <c r="D134340" s="14" t="s">
        <v>292</v>
      </c>
      <c r="E134340" s="15">
        <v>45396</v>
      </c>
      <c r="F134340" s="14" t="s">
        <v>61</v>
      </c>
      <c r="G134340" s="16">
        <v>0</v>
      </c>
    </row>
    <row r="134341" spans="1:7" x14ac:dyDescent="0.3">
      <c r="A134341" s="13" t="s">
        <v>606</v>
      </c>
      <c r="B134341" s="14" t="s">
        <v>1</v>
      </c>
      <c r="C134341" s="14" t="s">
        <v>596</v>
      </c>
      <c r="D134341" s="14" t="s">
        <v>292</v>
      </c>
      <c r="E134341" s="15">
        <v>45397</v>
      </c>
      <c r="F134341" s="14" t="s">
        <v>61</v>
      </c>
      <c r="G134341" s="16">
        <v>0</v>
      </c>
    </row>
    <row r="134342" spans="1:7" x14ac:dyDescent="0.3">
      <c r="A134342" s="13" t="s">
        <v>606</v>
      </c>
      <c r="B134342" s="14" t="s">
        <v>1</v>
      </c>
      <c r="C134342" s="14" t="s">
        <v>596</v>
      </c>
      <c r="D134342" s="14" t="s">
        <v>292</v>
      </c>
      <c r="E134342" s="15">
        <v>45398</v>
      </c>
      <c r="F134342" s="14" t="s">
        <v>61</v>
      </c>
      <c r="G134342" s="16">
        <v>0</v>
      </c>
    </row>
    <row r="134343" spans="1:7" x14ac:dyDescent="0.3">
      <c r="A134343" s="13" t="s">
        <v>606</v>
      </c>
      <c r="B134343" s="14" t="s">
        <v>1</v>
      </c>
      <c r="C134343" s="14" t="s">
        <v>596</v>
      </c>
      <c r="D134343" s="14" t="s">
        <v>292</v>
      </c>
      <c r="E134343" s="15">
        <v>45399</v>
      </c>
      <c r="F134343" s="14" t="s">
        <v>61</v>
      </c>
      <c r="G134343" s="16">
        <v>0</v>
      </c>
    </row>
    <row r="134344" spans="1:7" x14ac:dyDescent="0.3">
      <c r="A134344" s="13" t="s">
        <v>606</v>
      </c>
      <c r="B134344" s="14" t="s">
        <v>1</v>
      </c>
      <c r="C134344" s="14" t="s">
        <v>596</v>
      </c>
      <c r="D134344" s="14" t="s">
        <v>292</v>
      </c>
      <c r="E134344" s="15">
        <v>45400</v>
      </c>
      <c r="F134344" s="14" t="s">
        <v>61</v>
      </c>
      <c r="G134344" s="16">
        <v>0</v>
      </c>
    </row>
    <row r="134345" spans="1:7" x14ac:dyDescent="0.3">
      <c r="A134345" s="13" t="s">
        <v>606</v>
      </c>
      <c r="B134345" s="14" t="s">
        <v>1</v>
      </c>
      <c r="C134345" s="14" t="s">
        <v>596</v>
      </c>
      <c r="D134345" s="14" t="s">
        <v>292</v>
      </c>
      <c r="E134345" s="15">
        <v>45401</v>
      </c>
      <c r="F134345" s="14" t="s">
        <v>61</v>
      </c>
      <c r="G134345" s="16">
        <v>0</v>
      </c>
    </row>
    <row r="134346" spans="1:7" x14ac:dyDescent="0.3">
      <c r="A134346" s="13" t="s">
        <v>606</v>
      </c>
      <c r="B134346" s="14" t="s">
        <v>1</v>
      </c>
      <c r="C134346" s="14" t="s">
        <v>596</v>
      </c>
      <c r="D134346" s="14" t="s">
        <v>292</v>
      </c>
      <c r="E134346" s="15">
        <v>45402</v>
      </c>
      <c r="F134346" s="14" t="s">
        <v>61</v>
      </c>
      <c r="G134346" s="16">
        <v>0</v>
      </c>
    </row>
    <row r="134347" spans="1:7" x14ac:dyDescent="0.3">
      <c r="A134347" s="13" t="s">
        <v>606</v>
      </c>
      <c r="B134347" s="14" t="s">
        <v>1</v>
      </c>
      <c r="C134347" s="14" t="s">
        <v>596</v>
      </c>
      <c r="D134347" s="14" t="s">
        <v>292</v>
      </c>
      <c r="E134347" s="15">
        <v>45403</v>
      </c>
      <c r="F134347" s="14" t="s">
        <v>61</v>
      </c>
      <c r="G134347" s="16">
        <v>0</v>
      </c>
    </row>
    <row r="134348" spans="1:7" x14ac:dyDescent="0.3">
      <c r="A134348" s="13" t="s">
        <v>606</v>
      </c>
      <c r="B134348" s="14" t="s">
        <v>1</v>
      </c>
      <c r="C134348" s="14" t="s">
        <v>596</v>
      </c>
      <c r="D134348" s="14" t="s">
        <v>292</v>
      </c>
      <c r="E134348" s="15">
        <v>45404</v>
      </c>
      <c r="F134348" s="14" t="s">
        <v>61</v>
      </c>
      <c r="G134348" s="16">
        <v>0</v>
      </c>
    </row>
    <row r="134349" spans="1:7" x14ac:dyDescent="0.3">
      <c r="A134349" s="13" t="s">
        <v>606</v>
      </c>
      <c r="B134349" s="14" t="s">
        <v>1</v>
      </c>
      <c r="C134349" s="14" t="s">
        <v>596</v>
      </c>
      <c r="D134349" s="14" t="s">
        <v>292</v>
      </c>
      <c r="E134349" s="15">
        <v>45405</v>
      </c>
      <c r="F134349" s="14" t="s">
        <v>61</v>
      </c>
      <c r="G134349" s="16">
        <v>0</v>
      </c>
    </row>
    <row r="134350" spans="1:7" x14ac:dyDescent="0.3">
      <c r="A134350" s="13" t="s">
        <v>606</v>
      </c>
      <c r="B134350" s="14" t="s">
        <v>1</v>
      </c>
      <c r="C134350" s="14" t="s">
        <v>596</v>
      </c>
      <c r="D134350" s="14" t="s">
        <v>292</v>
      </c>
      <c r="E134350" s="15">
        <v>45406</v>
      </c>
      <c r="F134350" s="14" t="s">
        <v>61</v>
      </c>
      <c r="G134350" s="16">
        <v>0</v>
      </c>
    </row>
    <row r="134351" spans="1:7" x14ac:dyDescent="0.3">
      <c r="A134351" s="13" t="s">
        <v>606</v>
      </c>
      <c r="B134351" s="14" t="s">
        <v>1</v>
      </c>
      <c r="C134351" s="14" t="s">
        <v>596</v>
      </c>
      <c r="D134351" s="14" t="s">
        <v>292</v>
      </c>
      <c r="E134351" s="15">
        <v>45407</v>
      </c>
      <c r="F134351" s="14" t="s">
        <v>61</v>
      </c>
      <c r="G134351" s="16">
        <v>0</v>
      </c>
    </row>
    <row r="134352" spans="1:7" x14ac:dyDescent="0.3">
      <c r="A134352" s="13" t="s">
        <v>606</v>
      </c>
      <c r="B134352" s="14" t="s">
        <v>1</v>
      </c>
      <c r="C134352" s="14" t="s">
        <v>596</v>
      </c>
      <c r="D134352" s="14" t="s">
        <v>292</v>
      </c>
      <c r="E134352" s="15">
        <v>45408</v>
      </c>
      <c r="F134352" s="14" t="s">
        <v>61</v>
      </c>
      <c r="G134352" s="16">
        <v>0</v>
      </c>
    </row>
    <row r="134353" spans="1:7" x14ac:dyDescent="0.3">
      <c r="A134353" s="13" t="s">
        <v>606</v>
      </c>
      <c r="B134353" s="14" t="s">
        <v>1</v>
      </c>
      <c r="C134353" s="14" t="s">
        <v>596</v>
      </c>
      <c r="D134353" s="14" t="s">
        <v>292</v>
      </c>
      <c r="E134353" s="15">
        <v>45409</v>
      </c>
      <c r="F134353" s="14" t="s">
        <v>61</v>
      </c>
      <c r="G134353" s="16">
        <v>0</v>
      </c>
    </row>
    <row r="134354" spans="1:7" x14ac:dyDescent="0.3">
      <c r="A134354" s="13" t="s">
        <v>606</v>
      </c>
      <c r="B134354" s="14" t="s">
        <v>1</v>
      </c>
      <c r="C134354" s="14" t="s">
        <v>596</v>
      </c>
      <c r="D134354" s="14" t="s">
        <v>292</v>
      </c>
      <c r="E134354" s="15">
        <v>45410</v>
      </c>
      <c r="F134354" s="14" t="s">
        <v>61</v>
      </c>
      <c r="G134354" s="16">
        <v>0</v>
      </c>
    </row>
    <row r="134355" spans="1:7" x14ac:dyDescent="0.3">
      <c r="A134355" s="13" t="s">
        <v>606</v>
      </c>
      <c r="B134355" s="14" t="s">
        <v>1</v>
      </c>
      <c r="C134355" s="14" t="s">
        <v>596</v>
      </c>
      <c r="D134355" s="14" t="s">
        <v>292</v>
      </c>
      <c r="E134355" s="15">
        <v>45411</v>
      </c>
      <c r="F134355" s="14" t="s">
        <v>61</v>
      </c>
      <c r="G134355" s="16">
        <v>0</v>
      </c>
    </row>
    <row r="134356" spans="1:7" x14ac:dyDescent="0.3">
      <c r="A134356" s="13" t="s">
        <v>606</v>
      </c>
      <c r="B134356" s="14" t="s">
        <v>1</v>
      </c>
      <c r="C134356" s="14" t="s">
        <v>596</v>
      </c>
      <c r="D134356" s="14" t="s">
        <v>292</v>
      </c>
      <c r="E134356" s="15">
        <v>45412</v>
      </c>
      <c r="F134356" s="14" t="s">
        <v>61</v>
      </c>
      <c r="G134356" s="16">
        <v>0</v>
      </c>
    </row>
    <row r="134357" spans="1:7" x14ac:dyDescent="0.3">
      <c r="A134357" s="13" t="s">
        <v>606</v>
      </c>
      <c r="B134357" s="14" t="s">
        <v>1</v>
      </c>
      <c r="C134357" s="14" t="s">
        <v>596</v>
      </c>
      <c r="D134357" s="14" t="s">
        <v>292</v>
      </c>
      <c r="E134357" s="15">
        <v>45413</v>
      </c>
      <c r="F134357" s="14" t="s">
        <v>61</v>
      </c>
      <c r="G134357" s="16">
        <v>0</v>
      </c>
    </row>
    <row r="134358" spans="1:7" x14ac:dyDescent="0.3">
      <c r="A134358" s="13" t="s">
        <v>606</v>
      </c>
      <c r="B134358" s="14" t="s">
        <v>1</v>
      </c>
      <c r="C134358" s="14" t="s">
        <v>596</v>
      </c>
      <c r="D134358" s="14" t="s">
        <v>292</v>
      </c>
      <c r="E134358" s="15">
        <v>45414</v>
      </c>
      <c r="F134358" s="14" t="s">
        <v>61</v>
      </c>
      <c r="G134358" s="16">
        <v>0</v>
      </c>
    </row>
    <row r="134359" spans="1:7" x14ac:dyDescent="0.3">
      <c r="A134359" s="13" t="s">
        <v>606</v>
      </c>
      <c r="B134359" s="14" t="s">
        <v>1</v>
      </c>
      <c r="C134359" s="14" t="s">
        <v>596</v>
      </c>
      <c r="D134359" s="14" t="s">
        <v>292</v>
      </c>
      <c r="E134359" s="15">
        <v>45415</v>
      </c>
      <c r="F134359" s="14" t="s">
        <v>61</v>
      </c>
      <c r="G134359" s="16">
        <v>0</v>
      </c>
    </row>
    <row r="134360" spans="1:7" x14ac:dyDescent="0.3">
      <c r="A134360" s="13" t="s">
        <v>606</v>
      </c>
      <c r="B134360" s="14" t="s">
        <v>1</v>
      </c>
      <c r="C134360" s="14" t="s">
        <v>596</v>
      </c>
      <c r="D134360" s="14" t="s">
        <v>292</v>
      </c>
      <c r="E134360" s="15">
        <v>45416</v>
      </c>
      <c r="F134360" s="14" t="s">
        <v>61</v>
      </c>
      <c r="G134360" s="16">
        <v>0</v>
      </c>
    </row>
    <row r="134361" spans="1:7" x14ac:dyDescent="0.3">
      <c r="A134361" s="13" t="s">
        <v>606</v>
      </c>
      <c r="B134361" s="14" t="s">
        <v>1</v>
      </c>
      <c r="C134361" s="14" t="s">
        <v>596</v>
      </c>
      <c r="D134361" s="14" t="s">
        <v>292</v>
      </c>
      <c r="E134361" s="15">
        <v>45417</v>
      </c>
      <c r="F134361" s="14" t="s">
        <v>61</v>
      </c>
      <c r="G134361" s="16">
        <v>0</v>
      </c>
    </row>
    <row r="134362" spans="1:7" x14ac:dyDescent="0.3">
      <c r="A134362" s="13" t="s">
        <v>606</v>
      </c>
      <c r="B134362" s="14" t="s">
        <v>1</v>
      </c>
      <c r="C134362" s="14" t="s">
        <v>596</v>
      </c>
      <c r="D134362" s="14" t="s">
        <v>292</v>
      </c>
      <c r="E134362" s="15">
        <v>45418</v>
      </c>
      <c r="F134362" s="14" t="s">
        <v>61</v>
      </c>
      <c r="G134362" s="16">
        <v>0</v>
      </c>
    </row>
    <row r="134363" spans="1:7" x14ac:dyDescent="0.3">
      <c r="A134363" s="13" t="s">
        <v>606</v>
      </c>
      <c r="B134363" s="14" t="s">
        <v>1</v>
      </c>
      <c r="C134363" s="14" t="s">
        <v>596</v>
      </c>
      <c r="D134363" s="14" t="s">
        <v>292</v>
      </c>
      <c r="E134363" s="15">
        <v>45419</v>
      </c>
      <c r="F134363" s="14" t="s">
        <v>61</v>
      </c>
      <c r="G134363" s="16">
        <v>0</v>
      </c>
    </row>
    <row r="134364" spans="1:7" x14ac:dyDescent="0.3">
      <c r="A134364" s="13" t="s">
        <v>606</v>
      </c>
      <c r="B134364" s="14" t="s">
        <v>1</v>
      </c>
      <c r="C134364" s="14" t="s">
        <v>596</v>
      </c>
      <c r="D134364" s="14" t="s">
        <v>292</v>
      </c>
      <c r="E134364" s="15">
        <v>45420</v>
      </c>
      <c r="F134364" s="14" t="s">
        <v>61</v>
      </c>
      <c r="G134364" s="16">
        <v>0</v>
      </c>
    </row>
    <row r="134365" spans="1:7" x14ac:dyDescent="0.3">
      <c r="A134365" s="13" t="s">
        <v>606</v>
      </c>
      <c r="B134365" s="14" t="s">
        <v>1</v>
      </c>
      <c r="C134365" s="14" t="s">
        <v>596</v>
      </c>
      <c r="D134365" s="14" t="s">
        <v>292</v>
      </c>
      <c r="E134365" s="15">
        <v>45421</v>
      </c>
      <c r="F134365" s="14" t="s">
        <v>61</v>
      </c>
      <c r="G134365" s="16">
        <v>0</v>
      </c>
    </row>
    <row r="134366" spans="1:7" x14ac:dyDescent="0.3">
      <c r="A134366" s="13" t="s">
        <v>606</v>
      </c>
      <c r="B134366" s="14" t="s">
        <v>1</v>
      </c>
      <c r="C134366" s="14" t="s">
        <v>596</v>
      </c>
      <c r="D134366" s="14" t="s">
        <v>292</v>
      </c>
      <c r="E134366" s="15">
        <v>45422</v>
      </c>
      <c r="F134366" s="14" t="s">
        <v>61</v>
      </c>
      <c r="G134366" s="16">
        <v>0</v>
      </c>
    </row>
    <row r="134367" spans="1:7" x14ac:dyDescent="0.3">
      <c r="A134367" s="13" t="s">
        <v>606</v>
      </c>
      <c r="B134367" s="14" t="s">
        <v>1</v>
      </c>
      <c r="C134367" s="14" t="s">
        <v>596</v>
      </c>
      <c r="D134367" s="14" t="s">
        <v>292</v>
      </c>
      <c r="E134367" s="15">
        <v>45423</v>
      </c>
      <c r="F134367" s="14" t="s">
        <v>61</v>
      </c>
      <c r="G134367" s="16">
        <v>0</v>
      </c>
    </row>
    <row r="134368" spans="1:7" x14ac:dyDescent="0.3">
      <c r="A134368" s="13" t="s">
        <v>606</v>
      </c>
      <c r="B134368" s="14" t="s">
        <v>1</v>
      </c>
      <c r="C134368" s="14" t="s">
        <v>596</v>
      </c>
      <c r="D134368" s="14" t="s">
        <v>292</v>
      </c>
      <c r="E134368" s="15">
        <v>45424</v>
      </c>
      <c r="F134368" s="14" t="s">
        <v>61</v>
      </c>
      <c r="G134368" s="16">
        <v>0</v>
      </c>
    </row>
    <row r="134369" spans="1:7" x14ac:dyDescent="0.3">
      <c r="A134369" s="13" t="s">
        <v>606</v>
      </c>
      <c r="B134369" s="14" t="s">
        <v>1</v>
      </c>
      <c r="C134369" s="14" t="s">
        <v>596</v>
      </c>
      <c r="D134369" s="14" t="s">
        <v>292</v>
      </c>
      <c r="E134369" s="15">
        <v>45425</v>
      </c>
      <c r="F134369" s="14" t="s">
        <v>61</v>
      </c>
      <c r="G134369" s="16">
        <v>0</v>
      </c>
    </row>
    <row r="134370" spans="1:7" x14ac:dyDescent="0.3">
      <c r="A134370" s="13" t="s">
        <v>606</v>
      </c>
      <c r="B134370" s="14" t="s">
        <v>1</v>
      </c>
      <c r="C134370" s="14" t="s">
        <v>596</v>
      </c>
      <c r="D134370" s="14" t="s">
        <v>292</v>
      </c>
      <c r="E134370" s="15">
        <v>45426</v>
      </c>
      <c r="F134370" s="14" t="s">
        <v>61</v>
      </c>
      <c r="G134370" s="16">
        <v>0</v>
      </c>
    </row>
    <row r="134371" spans="1:7" x14ac:dyDescent="0.3">
      <c r="A134371" s="13" t="s">
        <v>606</v>
      </c>
      <c r="B134371" s="14" t="s">
        <v>1</v>
      </c>
      <c r="C134371" s="14" t="s">
        <v>596</v>
      </c>
      <c r="D134371" s="14" t="s">
        <v>292</v>
      </c>
      <c r="E134371" s="15">
        <v>45427</v>
      </c>
      <c r="F134371" s="14" t="s">
        <v>61</v>
      </c>
      <c r="G134371" s="16">
        <v>0</v>
      </c>
    </row>
    <row r="134372" spans="1:7" x14ac:dyDescent="0.3">
      <c r="A134372" s="13" t="s">
        <v>606</v>
      </c>
      <c r="B134372" s="14" t="s">
        <v>1</v>
      </c>
      <c r="C134372" s="14" t="s">
        <v>596</v>
      </c>
      <c r="D134372" s="14" t="s">
        <v>292</v>
      </c>
      <c r="E134372" s="15">
        <v>45428</v>
      </c>
      <c r="F134372" s="14" t="s">
        <v>61</v>
      </c>
      <c r="G134372" s="16">
        <v>0</v>
      </c>
    </row>
    <row r="134373" spans="1:7" x14ac:dyDescent="0.3">
      <c r="A134373" s="13" t="s">
        <v>606</v>
      </c>
      <c r="B134373" s="14" t="s">
        <v>1</v>
      </c>
      <c r="C134373" s="14" t="s">
        <v>596</v>
      </c>
      <c r="D134373" s="14" t="s">
        <v>292</v>
      </c>
      <c r="E134373" s="15">
        <v>45429</v>
      </c>
      <c r="F134373" s="14" t="s">
        <v>61</v>
      </c>
      <c r="G134373" s="16">
        <v>0</v>
      </c>
    </row>
    <row r="134374" spans="1:7" x14ac:dyDescent="0.3">
      <c r="A134374" s="13" t="s">
        <v>606</v>
      </c>
      <c r="B134374" s="14" t="s">
        <v>1</v>
      </c>
      <c r="C134374" s="14" t="s">
        <v>596</v>
      </c>
      <c r="D134374" s="14" t="s">
        <v>292</v>
      </c>
      <c r="E134374" s="15">
        <v>45430</v>
      </c>
      <c r="F134374" s="14" t="s">
        <v>61</v>
      </c>
      <c r="G134374" s="16">
        <v>0</v>
      </c>
    </row>
    <row r="134375" spans="1:7" x14ac:dyDescent="0.3">
      <c r="A134375" s="13" t="s">
        <v>606</v>
      </c>
      <c r="B134375" s="14" t="s">
        <v>1</v>
      </c>
      <c r="C134375" s="14" t="s">
        <v>596</v>
      </c>
      <c r="D134375" s="14" t="s">
        <v>292</v>
      </c>
      <c r="E134375" s="15">
        <v>45431</v>
      </c>
      <c r="F134375" s="14" t="s">
        <v>61</v>
      </c>
      <c r="G134375" s="16">
        <v>0</v>
      </c>
    </row>
    <row r="134376" spans="1:7" x14ac:dyDescent="0.3">
      <c r="A134376" s="13" t="s">
        <v>606</v>
      </c>
      <c r="B134376" s="14" t="s">
        <v>1</v>
      </c>
      <c r="C134376" s="14" t="s">
        <v>596</v>
      </c>
      <c r="D134376" s="14" t="s">
        <v>292</v>
      </c>
      <c r="E134376" s="15">
        <v>45432</v>
      </c>
      <c r="F134376" s="14" t="s">
        <v>61</v>
      </c>
      <c r="G134376" s="16">
        <v>0</v>
      </c>
    </row>
    <row r="134377" spans="1:7" x14ac:dyDescent="0.3">
      <c r="A134377" s="13" t="s">
        <v>606</v>
      </c>
      <c r="B134377" s="14" t="s">
        <v>1</v>
      </c>
      <c r="C134377" s="14" t="s">
        <v>596</v>
      </c>
      <c r="D134377" s="14" t="s">
        <v>292</v>
      </c>
      <c r="E134377" s="15">
        <v>45433</v>
      </c>
      <c r="F134377" s="14" t="s">
        <v>61</v>
      </c>
      <c r="G134377" s="16">
        <v>0</v>
      </c>
    </row>
    <row r="134378" spans="1:7" x14ac:dyDescent="0.3">
      <c r="A134378" s="13" t="s">
        <v>606</v>
      </c>
      <c r="B134378" s="14" t="s">
        <v>1</v>
      </c>
      <c r="C134378" s="14" t="s">
        <v>596</v>
      </c>
      <c r="D134378" s="14" t="s">
        <v>292</v>
      </c>
      <c r="E134378" s="15">
        <v>45434</v>
      </c>
      <c r="F134378" s="14" t="s">
        <v>61</v>
      </c>
      <c r="G134378" s="16">
        <v>0</v>
      </c>
    </row>
    <row r="134379" spans="1:7" x14ac:dyDescent="0.3">
      <c r="A134379" s="13" t="s">
        <v>606</v>
      </c>
      <c r="B134379" s="14" t="s">
        <v>1</v>
      </c>
      <c r="C134379" s="14" t="s">
        <v>596</v>
      </c>
      <c r="D134379" s="14" t="s">
        <v>292</v>
      </c>
      <c r="E134379" s="15">
        <v>45435</v>
      </c>
      <c r="F134379" s="14" t="s">
        <v>61</v>
      </c>
      <c r="G134379" s="16">
        <v>0</v>
      </c>
    </row>
    <row r="134380" spans="1:7" x14ac:dyDescent="0.3">
      <c r="A134380" s="13" t="s">
        <v>606</v>
      </c>
      <c r="B134380" s="14" t="s">
        <v>1</v>
      </c>
      <c r="C134380" s="14" t="s">
        <v>596</v>
      </c>
      <c r="D134380" s="14" t="s">
        <v>292</v>
      </c>
      <c r="E134380" s="15">
        <v>45436</v>
      </c>
      <c r="F134380" s="14" t="s">
        <v>61</v>
      </c>
      <c r="G134380" s="16">
        <v>0</v>
      </c>
    </row>
    <row r="134381" spans="1:7" x14ac:dyDescent="0.3">
      <c r="A134381" s="13" t="s">
        <v>606</v>
      </c>
      <c r="B134381" s="14" t="s">
        <v>1</v>
      </c>
      <c r="C134381" s="14" t="s">
        <v>596</v>
      </c>
      <c r="D134381" s="14" t="s">
        <v>292</v>
      </c>
      <c r="E134381" s="15">
        <v>45437</v>
      </c>
      <c r="F134381" s="14" t="s">
        <v>61</v>
      </c>
      <c r="G134381" s="16">
        <v>0</v>
      </c>
    </row>
    <row r="134382" spans="1:7" x14ac:dyDescent="0.3">
      <c r="A134382" s="13" t="s">
        <v>606</v>
      </c>
      <c r="B134382" s="14" t="s">
        <v>1</v>
      </c>
      <c r="C134382" s="14" t="s">
        <v>596</v>
      </c>
      <c r="D134382" s="14" t="s">
        <v>292</v>
      </c>
      <c r="E134382" s="15">
        <v>45438</v>
      </c>
      <c r="F134382" s="14" t="s">
        <v>61</v>
      </c>
      <c r="G134382" s="16">
        <v>0</v>
      </c>
    </row>
    <row r="134383" spans="1:7" x14ac:dyDescent="0.3">
      <c r="A134383" s="13" t="s">
        <v>606</v>
      </c>
      <c r="B134383" s="14" t="s">
        <v>1</v>
      </c>
      <c r="C134383" s="14" t="s">
        <v>596</v>
      </c>
      <c r="D134383" s="14" t="s">
        <v>292</v>
      </c>
      <c r="E134383" s="15">
        <v>45439</v>
      </c>
      <c r="F134383" s="14" t="s">
        <v>61</v>
      </c>
      <c r="G134383" s="16">
        <v>0</v>
      </c>
    </row>
    <row r="134384" spans="1:7" x14ac:dyDescent="0.3">
      <c r="A134384" s="13" t="s">
        <v>606</v>
      </c>
      <c r="B134384" s="14" t="s">
        <v>1</v>
      </c>
      <c r="C134384" s="14" t="s">
        <v>596</v>
      </c>
      <c r="D134384" s="14" t="s">
        <v>292</v>
      </c>
      <c r="E134384" s="15">
        <v>45440</v>
      </c>
      <c r="F134384" s="14" t="s">
        <v>61</v>
      </c>
      <c r="G134384" s="16">
        <v>0</v>
      </c>
    </row>
    <row r="134385" spans="1:7" x14ac:dyDescent="0.3">
      <c r="A134385" s="13" t="s">
        <v>606</v>
      </c>
      <c r="B134385" s="14" t="s">
        <v>1</v>
      </c>
      <c r="C134385" s="14" t="s">
        <v>596</v>
      </c>
      <c r="D134385" s="14" t="s">
        <v>292</v>
      </c>
      <c r="E134385" s="15">
        <v>45441</v>
      </c>
      <c r="F134385" s="14" t="s">
        <v>61</v>
      </c>
      <c r="G134385" s="16">
        <v>0</v>
      </c>
    </row>
    <row r="134386" spans="1:7" x14ac:dyDescent="0.3">
      <c r="A134386" s="13" t="s">
        <v>606</v>
      </c>
      <c r="B134386" s="14" t="s">
        <v>1</v>
      </c>
      <c r="C134386" s="14" t="s">
        <v>596</v>
      </c>
      <c r="D134386" s="14" t="s">
        <v>292</v>
      </c>
      <c r="E134386" s="15">
        <v>45442</v>
      </c>
      <c r="F134386" s="14" t="s">
        <v>61</v>
      </c>
      <c r="G134386" s="16">
        <v>0</v>
      </c>
    </row>
    <row r="134387" spans="1:7" x14ac:dyDescent="0.3">
      <c r="A134387" s="13" t="s">
        <v>606</v>
      </c>
      <c r="B134387" s="14" t="s">
        <v>1</v>
      </c>
      <c r="C134387" s="14" t="s">
        <v>596</v>
      </c>
      <c r="D134387" s="14" t="s">
        <v>292</v>
      </c>
      <c r="E134387" s="15">
        <v>45443</v>
      </c>
      <c r="F134387" s="14" t="s">
        <v>61</v>
      </c>
      <c r="G134387" s="16">
        <v>0</v>
      </c>
    </row>
    <row r="134388" spans="1:7" x14ac:dyDescent="0.3">
      <c r="A134388" s="13" t="s">
        <v>606</v>
      </c>
      <c r="B134388" s="14" t="s">
        <v>1</v>
      </c>
      <c r="C134388" s="14" t="s">
        <v>596</v>
      </c>
      <c r="D134388" s="14" t="s">
        <v>292</v>
      </c>
      <c r="E134388" s="15">
        <v>45444</v>
      </c>
      <c r="F134388" s="14" t="s">
        <v>61</v>
      </c>
      <c r="G134388" s="16">
        <v>0</v>
      </c>
    </row>
    <row r="134389" spans="1:7" x14ac:dyDescent="0.3">
      <c r="A134389" s="13" t="s">
        <v>606</v>
      </c>
      <c r="B134389" s="14" t="s">
        <v>1</v>
      </c>
      <c r="C134389" s="14" t="s">
        <v>596</v>
      </c>
      <c r="D134389" s="14" t="s">
        <v>292</v>
      </c>
      <c r="E134389" s="15">
        <v>45445</v>
      </c>
      <c r="F134389" s="14" t="s">
        <v>61</v>
      </c>
      <c r="G134389" s="16">
        <v>0</v>
      </c>
    </row>
    <row r="134390" spans="1:7" x14ac:dyDescent="0.3">
      <c r="A134390" s="13" t="s">
        <v>606</v>
      </c>
      <c r="B134390" s="14" t="s">
        <v>1</v>
      </c>
      <c r="C134390" s="14" t="s">
        <v>596</v>
      </c>
      <c r="D134390" s="14" t="s">
        <v>292</v>
      </c>
      <c r="E134390" s="15">
        <v>45446</v>
      </c>
      <c r="F134390" s="14" t="s">
        <v>61</v>
      </c>
      <c r="G134390" s="16">
        <v>0</v>
      </c>
    </row>
    <row r="134391" spans="1:7" x14ac:dyDescent="0.3">
      <c r="A134391" s="13" t="s">
        <v>606</v>
      </c>
      <c r="B134391" s="14" t="s">
        <v>1</v>
      </c>
      <c r="C134391" s="14" t="s">
        <v>596</v>
      </c>
      <c r="D134391" s="14" t="s">
        <v>292</v>
      </c>
      <c r="E134391" s="15">
        <v>45447</v>
      </c>
      <c r="F134391" s="14" t="s">
        <v>61</v>
      </c>
      <c r="G134391" s="16">
        <v>0</v>
      </c>
    </row>
    <row r="134392" spans="1:7" x14ac:dyDescent="0.3">
      <c r="A134392" s="13" t="s">
        <v>606</v>
      </c>
      <c r="B134392" s="14" t="s">
        <v>1</v>
      </c>
      <c r="C134392" s="14" t="s">
        <v>596</v>
      </c>
      <c r="D134392" s="14" t="s">
        <v>292</v>
      </c>
      <c r="E134392" s="15">
        <v>45448</v>
      </c>
      <c r="F134392" s="14" t="s">
        <v>61</v>
      </c>
      <c r="G134392" s="16">
        <v>0</v>
      </c>
    </row>
    <row r="134393" spans="1:7" x14ac:dyDescent="0.3">
      <c r="A134393" s="13" t="s">
        <v>606</v>
      </c>
      <c r="B134393" s="14" t="s">
        <v>1</v>
      </c>
      <c r="C134393" s="14" t="s">
        <v>596</v>
      </c>
      <c r="D134393" s="14" t="s">
        <v>292</v>
      </c>
      <c r="E134393" s="15">
        <v>45449</v>
      </c>
      <c r="F134393" s="14" t="s">
        <v>61</v>
      </c>
      <c r="G134393" s="16">
        <v>0</v>
      </c>
    </row>
    <row r="134394" spans="1:7" x14ac:dyDescent="0.3">
      <c r="A134394" s="13" t="s">
        <v>606</v>
      </c>
      <c r="B134394" s="14" t="s">
        <v>1</v>
      </c>
      <c r="C134394" s="14" t="s">
        <v>596</v>
      </c>
      <c r="D134394" s="14" t="s">
        <v>292</v>
      </c>
      <c r="E134394" s="15">
        <v>45450</v>
      </c>
      <c r="F134394" s="14" t="s">
        <v>61</v>
      </c>
      <c r="G134394" s="16">
        <v>0</v>
      </c>
    </row>
    <row r="134395" spans="1:7" x14ac:dyDescent="0.3">
      <c r="A134395" s="13" t="s">
        <v>606</v>
      </c>
      <c r="B134395" s="14" t="s">
        <v>1</v>
      </c>
      <c r="C134395" s="14" t="s">
        <v>596</v>
      </c>
      <c r="D134395" s="14" t="s">
        <v>292</v>
      </c>
      <c r="E134395" s="15">
        <v>45451</v>
      </c>
      <c r="F134395" s="14" t="s">
        <v>61</v>
      </c>
      <c r="G134395" s="16">
        <v>0</v>
      </c>
    </row>
    <row r="134396" spans="1:7" x14ac:dyDescent="0.3">
      <c r="A134396" s="13" t="s">
        <v>606</v>
      </c>
      <c r="B134396" s="14" t="s">
        <v>1</v>
      </c>
      <c r="C134396" s="14" t="s">
        <v>596</v>
      </c>
      <c r="D134396" s="14" t="s">
        <v>292</v>
      </c>
      <c r="E134396" s="15">
        <v>45452</v>
      </c>
      <c r="F134396" s="14" t="s">
        <v>61</v>
      </c>
      <c r="G134396" s="16">
        <v>0</v>
      </c>
    </row>
    <row r="134397" spans="1:7" x14ac:dyDescent="0.3">
      <c r="A134397" s="13" t="s">
        <v>606</v>
      </c>
      <c r="B134397" s="14" t="s">
        <v>1</v>
      </c>
      <c r="C134397" s="14" t="s">
        <v>596</v>
      </c>
      <c r="D134397" s="14" t="s">
        <v>292</v>
      </c>
      <c r="E134397" s="15">
        <v>45453</v>
      </c>
      <c r="F134397" s="14" t="s">
        <v>61</v>
      </c>
      <c r="G134397" s="16">
        <v>0</v>
      </c>
    </row>
    <row r="134398" spans="1:7" x14ac:dyDescent="0.3">
      <c r="A134398" s="13" t="s">
        <v>606</v>
      </c>
      <c r="B134398" s="14" t="s">
        <v>1</v>
      </c>
      <c r="C134398" s="14" t="s">
        <v>596</v>
      </c>
      <c r="D134398" s="14" t="s">
        <v>292</v>
      </c>
      <c r="E134398" s="15">
        <v>45454</v>
      </c>
      <c r="F134398" s="14" t="s">
        <v>61</v>
      </c>
      <c r="G134398" s="16">
        <v>0</v>
      </c>
    </row>
    <row r="134399" spans="1:7" x14ac:dyDescent="0.3">
      <c r="A134399" s="13" t="s">
        <v>606</v>
      </c>
      <c r="B134399" s="14" t="s">
        <v>1</v>
      </c>
      <c r="C134399" s="14" t="s">
        <v>596</v>
      </c>
      <c r="D134399" s="14" t="s">
        <v>292</v>
      </c>
      <c r="E134399" s="15">
        <v>45455</v>
      </c>
      <c r="F134399" s="14" t="s">
        <v>61</v>
      </c>
      <c r="G134399" s="16">
        <v>0</v>
      </c>
    </row>
    <row r="134400" spans="1:7" x14ac:dyDescent="0.3">
      <c r="A134400" s="13" t="s">
        <v>606</v>
      </c>
      <c r="B134400" s="14" t="s">
        <v>1</v>
      </c>
      <c r="C134400" s="14" t="s">
        <v>596</v>
      </c>
      <c r="D134400" s="14" t="s">
        <v>292</v>
      </c>
      <c r="E134400" s="15">
        <v>45456</v>
      </c>
      <c r="F134400" s="14" t="s">
        <v>61</v>
      </c>
      <c r="G134400" s="16">
        <v>0</v>
      </c>
    </row>
    <row r="134401" spans="1:7" x14ac:dyDescent="0.3">
      <c r="A134401" s="13" t="s">
        <v>606</v>
      </c>
      <c r="B134401" s="14" t="s">
        <v>1</v>
      </c>
      <c r="C134401" s="14" t="s">
        <v>596</v>
      </c>
      <c r="D134401" s="14" t="s">
        <v>292</v>
      </c>
      <c r="E134401" s="15">
        <v>45457</v>
      </c>
      <c r="F134401" s="14" t="s">
        <v>61</v>
      </c>
      <c r="G134401" s="16">
        <v>0</v>
      </c>
    </row>
    <row r="134402" spans="1:7" x14ac:dyDescent="0.3">
      <c r="A134402" s="13" t="s">
        <v>606</v>
      </c>
      <c r="B134402" s="14" t="s">
        <v>1</v>
      </c>
      <c r="C134402" s="14" t="s">
        <v>596</v>
      </c>
      <c r="D134402" s="14" t="s">
        <v>292</v>
      </c>
      <c r="E134402" s="15">
        <v>45458</v>
      </c>
      <c r="F134402" s="14" t="s">
        <v>61</v>
      </c>
      <c r="G134402" s="16">
        <v>0</v>
      </c>
    </row>
    <row r="134403" spans="1:7" x14ac:dyDescent="0.3">
      <c r="A134403" s="13" t="s">
        <v>606</v>
      </c>
      <c r="B134403" s="14" t="s">
        <v>1</v>
      </c>
      <c r="C134403" s="14" t="s">
        <v>596</v>
      </c>
      <c r="D134403" s="14" t="s">
        <v>292</v>
      </c>
      <c r="E134403" s="15">
        <v>45459</v>
      </c>
      <c r="F134403" s="14" t="s">
        <v>61</v>
      </c>
      <c r="G134403" s="16">
        <v>0</v>
      </c>
    </row>
    <row r="134404" spans="1:7" x14ac:dyDescent="0.3">
      <c r="A134404" s="13" t="s">
        <v>606</v>
      </c>
      <c r="B134404" s="14" t="s">
        <v>1</v>
      </c>
      <c r="C134404" s="14" t="s">
        <v>596</v>
      </c>
      <c r="D134404" s="14" t="s">
        <v>292</v>
      </c>
      <c r="E134404" s="15">
        <v>45460</v>
      </c>
      <c r="F134404" s="14" t="s">
        <v>61</v>
      </c>
      <c r="G134404" s="16">
        <v>0</v>
      </c>
    </row>
    <row r="134405" spans="1:7" x14ac:dyDescent="0.3">
      <c r="A134405" s="13" t="s">
        <v>606</v>
      </c>
      <c r="B134405" s="14" t="s">
        <v>1</v>
      </c>
      <c r="C134405" s="14" t="s">
        <v>596</v>
      </c>
      <c r="D134405" s="14" t="s">
        <v>292</v>
      </c>
      <c r="E134405" s="15">
        <v>45461</v>
      </c>
      <c r="F134405" s="14" t="s">
        <v>61</v>
      </c>
      <c r="G134405" s="16">
        <v>0</v>
      </c>
    </row>
    <row r="134406" spans="1:7" x14ac:dyDescent="0.3">
      <c r="A134406" s="13" t="s">
        <v>606</v>
      </c>
      <c r="B134406" s="14" t="s">
        <v>1</v>
      </c>
      <c r="C134406" s="14" t="s">
        <v>596</v>
      </c>
      <c r="D134406" s="14" t="s">
        <v>292</v>
      </c>
      <c r="E134406" s="15">
        <v>45462</v>
      </c>
      <c r="F134406" s="14" t="s">
        <v>61</v>
      </c>
      <c r="G134406" s="16">
        <v>0</v>
      </c>
    </row>
    <row r="134407" spans="1:7" x14ac:dyDescent="0.3">
      <c r="A134407" s="13" t="s">
        <v>606</v>
      </c>
      <c r="B134407" s="14" t="s">
        <v>1</v>
      </c>
      <c r="C134407" s="14" t="s">
        <v>596</v>
      </c>
      <c r="D134407" s="14" t="s">
        <v>292</v>
      </c>
      <c r="E134407" s="15">
        <v>45463</v>
      </c>
      <c r="F134407" s="14" t="s">
        <v>61</v>
      </c>
      <c r="G134407" s="16">
        <v>0</v>
      </c>
    </row>
    <row r="134408" spans="1:7" x14ac:dyDescent="0.3">
      <c r="A134408" s="13" t="s">
        <v>606</v>
      </c>
      <c r="B134408" s="14" t="s">
        <v>1</v>
      </c>
      <c r="C134408" s="14" t="s">
        <v>596</v>
      </c>
      <c r="D134408" s="14" t="s">
        <v>292</v>
      </c>
      <c r="E134408" s="15">
        <v>45464</v>
      </c>
      <c r="F134408" s="14" t="s">
        <v>61</v>
      </c>
      <c r="G134408" s="16">
        <v>0</v>
      </c>
    </row>
    <row r="134409" spans="1:7" x14ac:dyDescent="0.3">
      <c r="A134409" s="13" t="s">
        <v>606</v>
      </c>
      <c r="B134409" s="14" t="s">
        <v>1</v>
      </c>
      <c r="C134409" s="14" t="s">
        <v>596</v>
      </c>
      <c r="D134409" s="14" t="s">
        <v>292</v>
      </c>
      <c r="E134409" s="15">
        <v>45465</v>
      </c>
      <c r="F134409" s="14" t="s">
        <v>61</v>
      </c>
      <c r="G134409" s="16">
        <v>0</v>
      </c>
    </row>
    <row r="134410" spans="1:7" x14ac:dyDescent="0.3">
      <c r="A134410" s="13" t="s">
        <v>606</v>
      </c>
      <c r="B134410" s="14" t="s">
        <v>1</v>
      </c>
      <c r="C134410" s="14" t="s">
        <v>596</v>
      </c>
      <c r="D134410" s="14" t="s">
        <v>292</v>
      </c>
      <c r="E134410" s="15">
        <v>45466</v>
      </c>
      <c r="F134410" s="14" t="s">
        <v>61</v>
      </c>
      <c r="G134410" s="16">
        <v>0</v>
      </c>
    </row>
    <row r="134411" spans="1:7" x14ac:dyDescent="0.3">
      <c r="A134411" s="13" t="s">
        <v>606</v>
      </c>
      <c r="B134411" s="14" t="s">
        <v>1</v>
      </c>
      <c r="C134411" s="14" t="s">
        <v>596</v>
      </c>
      <c r="D134411" s="14" t="s">
        <v>292</v>
      </c>
      <c r="E134411" s="15">
        <v>45467</v>
      </c>
      <c r="F134411" s="14" t="s">
        <v>61</v>
      </c>
      <c r="G134411" s="16">
        <v>0</v>
      </c>
    </row>
    <row r="134412" spans="1:7" x14ac:dyDescent="0.3">
      <c r="A134412" s="13" t="s">
        <v>606</v>
      </c>
      <c r="B134412" s="14" t="s">
        <v>1</v>
      </c>
      <c r="C134412" s="14" t="s">
        <v>596</v>
      </c>
      <c r="D134412" s="14" t="s">
        <v>292</v>
      </c>
      <c r="E134412" s="15">
        <v>45468</v>
      </c>
      <c r="F134412" s="14" t="s">
        <v>61</v>
      </c>
      <c r="G134412" s="16">
        <v>0</v>
      </c>
    </row>
    <row r="134413" spans="1:7" x14ac:dyDescent="0.3">
      <c r="A134413" s="13" t="s">
        <v>606</v>
      </c>
      <c r="B134413" s="14" t="s">
        <v>1</v>
      </c>
      <c r="C134413" s="14" t="s">
        <v>596</v>
      </c>
      <c r="D134413" s="14" t="s">
        <v>292</v>
      </c>
      <c r="E134413" s="15">
        <v>45469</v>
      </c>
      <c r="F134413" s="14" t="s">
        <v>61</v>
      </c>
      <c r="G134413" s="16">
        <v>0</v>
      </c>
    </row>
    <row r="134414" spans="1:7" x14ac:dyDescent="0.3">
      <c r="A134414" s="13" t="s">
        <v>606</v>
      </c>
      <c r="B134414" s="14" t="s">
        <v>1</v>
      </c>
      <c r="C134414" s="14" t="s">
        <v>596</v>
      </c>
      <c r="D134414" s="14" t="s">
        <v>292</v>
      </c>
      <c r="E134414" s="15">
        <v>45470</v>
      </c>
      <c r="F134414" s="14" t="s">
        <v>61</v>
      </c>
      <c r="G134414" s="16">
        <v>0</v>
      </c>
    </row>
    <row r="134415" spans="1:7" x14ac:dyDescent="0.3">
      <c r="A134415" s="13" t="s">
        <v>606</v>
      </c>
      <c r="B134415" s="14" t="s">
        <v>1</v>
      </c>
      <c r="C134415" s="14" t="s">
        <v>596</v>
      </c>
      <c r="D134415" s="14" t="s">
        <v>292</v>
      </c>
      <c r="E134415" s="15">
        <v>45471</v>
      </c>
      <c r="F134415" s="14" t="s">
        <v>61</v>
      </c>
      <c r="G134415" s="16">
        <v>0</v>
      </c>
    </row>
    <row r="134416" spans="1:7" x14ac:dyDescent="0.3">
      <c r="A134416" s="13" t="s">
        <v>606</v>
      </c>
      <c r="B134416" s="14" t="s">
        <v>1</v>
      </c>
      <c r="C134416" s="14" t="s">
        <v>596</v>
      </c>
      <c r="D134416" s="14" t="s">
        <v>292</v>
      </c>
      <c r="E134416" s="15">
        <v>45472</v>
      </c>
      <c r="F134416" s="14" t="s">
        <v>61</v>
      </c>
      <c r="G134416" s="16">
        <v>0</v>
      </c>
    </row>
    <row r="134417" spans="1:7" x14ac:dyDescent="0.3">
      <c r="A134417" s="13" t="s">
        <v>606</v>
      </c>
      <c r="B134417" s="14" t="s">
        <v>1</v>
      </c>
      <c r="C134417" s="14" t="s">
        <v>596</v>
      </c>
      <c r="D134417" s="14" t="s">
        <v>292</v>
      </c>
      <c r="E134417" s="15">
        <v>45473</v>
      </c>
      <c r="F134417" s="14" t="s">
        <v>61</v>
      </c>
      <c r="G134417" s="16">
        <v>0</v>
      </c>
    </row>
    <row r="134418" spans="1:7" x14ac:dyDescent="0.3">
      <c r="A134418" s="13" t="s">
        <v>606</v>
      </c>
      <c r="B134418" s="14" t="s">
        <v>1</v>
      </c>
      <c r="C134418" s="14" t="s">
        <v>596</v>
      </c>
      <c r="D134418" s="14" t="s">
        <v>292</v>
      </c>
      <c r="E134418" s="15">
        <v>45474</v>
      </c>
      <c r="F134418" s="14" t="s">
        <v>61</v>
      </c>
      <c r="G134418" s="16">
        <v>0</v>
      </c>
    </row>
    <row r="134419" spans="1:7" x14ac:dyDescent="0.3">
      <c r="A134419" s="13" t="s">
        <v>606</v>
      </c>
      <c r="B134419" s="14" t="s">
        <v>1</v>
      </c>
      <c r="C134419" s="14" t="s">
        <v>596</v>
      </c>
      <c r="D134419" s="14" t="s">
        <v>292</v>
      </c>
      <c r="E134419" s="15">
        <v>45475</v>
      </c>
      <c r="F134419" s="14" t="s">
        <v>61</v>
      </c>
      <c r="G134419" s="16">
        <v>0</v>
      </c>
    </row>
    <row r="134420" spans="1:7" x14ac:dyDescent="0.3">
      <c r="A134420" s="13" t="s">
        <v>606</v>
      </c>
      <c r="B134420" s="14" t="s">
        <v>1</v>
      </c>
      <c r="C134420" s="14" t="s">
        <v>596</v>
      </c>
      <c r="D134420" s="14" t="s">
        <v>292</v>
      </c>
      <c r="E134420" s="15">
        <v>45476</v>
      </c>
      <c r="F134420" s="14" t="s">
        <v>61</v>
      </c>
      <c r="G134420" s="16">
        <v>0</v>
      </c>
    </row>
    <row r="134421" spans="1:7" x14ac:dyDescent="0.3">
      <c r="A134421" s="13" t="s">
        <v>606</v>
      </c>
      <c r="B134421" s="14" t="s">
        <v>1</v>
      </c>
      <c r="C134421" s="14" t="s">
        <v>596</v>
      </c>
      <c r="D134421" s="14" t="s">
        <v>292</v>
      </c>
      <c r="E134421" s="15">
        <v>45477</v>
      </c>
      <c r="F134421" s="14" t="s">
        <v>61</v>
      </c>
      <c r="G134421" s="16">
        <v>0</v>
      </c>
    </row>
    <row r="134422" spans="1:7" x14ac:dyDescent="0.3">
      <c r="A134422" s="13" t="s">
        <v>606</v>
      </c>
      <c r="B134422" s="14" t="s">
        <v>1</v>
      </c>
      <c r="C134422" s="14" t="s">
        <v>596</v>
      </c>
      <c r="D134422" s="14" t="s">
        <v>292</v>
      </c>
      <c r="E134422" s="15">
        <v>45478</v>
      </c>
      <c r="F134422" s="14" t="s">
        <v>61</v>
      </c>
      <c r="G134422" s="16">
        <v>0</v>
      </c>
    </row>
    <row r="134423" spans="1:7" x14ac:dyDescent="0.3">
      <c r="A134423" s="13" t="s">
        <v>606</v>
      </c>
      <c r="B134423" s="14" t="s">
        <v>1</v>
      </c>
      <c r="C134423" s="14" t="s">
        <v>596</v>
      </c>
      <c r="D134423" s="14" t="s">
        <v>292</v>
      </c>
      <c r="E134423" s="15">
        <v>45479</v>
      </c>
      <c r="F134423" s="14" t="s">
        <v>61</v>
      </c>
      <c r="G134423" s="16">
        <v>0</v>
      </c>
    </row>
    <row r="134424" spans="1:7" x14ac:dyDescent="0.3">
      <c r="A134424" s="13" t="s">
        <v>606</v>
      </c>
      <c r="B134424" s="14" t="s">
        <v>1</v>
      </c>
      <c r="C134424" s="14" t="s">
        <v>596</v>
      </c>
      <c r="D134424" s="14" t="s">
        <v>292</v>
      </c>
      <c r="E134424" s="15">
        <v>45480</v>
      </c>
      <c r="F134424" s="14" t="s">
        <v>61</v>
      </c>
      <c r="G134424" s="16">
        <v>0</v>
      </c>
    </row>
    <row r="134425" spans="1:7" x14ac:dyDescent="0.3">
      <c r="A134425" s="13" t="s">
        <v>606</v>
      </c>
      <c r="B134425" s="14" t="s">
        <v>1</v>
      </c>
      <c r="C134425" s="14" t="s">
        <v>596</v>
      </c>
      <c r="D134425" s="14" t="s">
        <v>292</v>
      </c>
      <c r="E134425" s="15">
        <v>45481</v>
      </c>
      <c r="F134425" s="14" t="s">
        <v>61</v>
      </c>
      <c r="G134425" s="16">
        <v>0</v>
      </c>
    </row>
    <row r="134426" spans="1:7" x14ac:dyDescent="0.3">
      <c r="A134426" s="13" t="s">
        <v>606</v>
      </c>
      <c r="B134426" s="14" t="s">
        <v>1</v>
      </c>
      <c r="C134426" s="14" t="s">
        <v>596</v>
      </c>
      <c r="D134426" s="14" t="s">
        <v>292</v>
      </c>
      <c r="E134426" s="15">
        <v>45482</v>
      </c>
      <c r="F134426" s="14" t="s">
        <v>61</v>
      </c>
      <c r="G134426" s="16">
        <v>0</v>
      </c>
    </row>
    <row r="134427" spans="1:7" x14ac:dyDescent="0.3">
      <c r="A134427" s="13" t="s">
        <v>606</v>
      </c>
      <c r="B134427" s="14" t="s">
        <v>1</v>
      </c>
      <c r="C134427" s="14" t="s">
        <v>596</v>
      </c>
      <c r="D134427" s="14" t="s">
        <v>292</v>
      </c>
      <c r="E134427" s="15">
        <v>45483</v>
      </c>
      <c r="F134427" s="14" t="s">
        <v>61</v>
      </c>
      <c r="G134427" s="16">
        <v>0</v>
      </c>
    </row>
    <row r="134428" spans="1:7" x14ac:dyDescent="0.3">
      <c r="A134428" s="13" t="s">
        <v>606</v>
      </c>
      <c r="B134428" s="14" t="s">
        <v>1</v>
      </c>
      <c r="C134428" s="14" t="s">
        <v>596</v>
      </c>
      <c r="D134428" s="14" t="s">
        <v>292</v>
      </c>
      <c r="E134428" s="15">
        <v>45484</v>
      </c>
      <c r="F134428" s="14" t="s">
        <v>61</v>
      </c>
      <c r="G134428" s="16">
        <v>0</v>
      </c>
    </row>
    <row r="134429" spans="1:7" x14ac:dyDescent="0.3">
      <c r="A134429" s="13" t="s">
        <v>606</v>
      </c>
      <c r="B134429" s="14" t="s">
        <v>1</v>
      </c>
      <c r="C134429" s="14" t="s">
        <v>596</v>
      </c>
      <c r="D134429" s="14" t="s">
        <v>292</v>
      </c>
      <c r="E134429" s="15">
        <v>45485</v>
      </c>
      <c r="F134429" s="14" t="s">
        <v>61</v>
      </c>
      <c r="G134429" s="16">
        <v>0</v>
      </c>
    </row>
    <row r="134430" spans="1:7" x14ac:dyDescent="0.3">
      <c r="A134430" s="13" t="s">
        <v>606</v>
      </c>
      <c r="B134430" s="14" t="s">
        <v>1</v>
      </c>
      <c r="C134430" s="14" t="s">
        <v>596</v>
      </c>
      <c r="D134430" s="14" t="s">
        <v>292</v>
      </c>
      <c r="E134430" s="15">
        <v>45486</v>
      </c>
      <c r="F134430" s="14" t="s">
        <v>61</v>
      </c>
      <c r="G134430" s="16">
        <v>0</v>
      </c>
    </row>
    <row r="134431" spans="1:7" x14ac:dyDescent="0.3">
      <c r="A134431" s="13" t="s">
        <v>606</v>
      </c>
      <c r="B134431" s="14" t="s">
        <v>1</v>
      </c>
      <c r="C134431" s="14" t="s">
        <v>596</v>
      </c>
      <c r="D134431" s="14" t="s">
        <v>292</v>
      </c>
      <c r="E134431" s="15">
        <v>45487</v>
      </c>
      <c r="F134431" s="14" t="s">
        <v>61</v>
      </c>
      <c r="G134431" s="16">
        <v>0</v>
      </c>
    </row>
    <row r="134432" spans="1:7" x14ac:dyDescent="0.3">
      <c r="A134432" s="13" t="s">
        <v>606</v>
      </c>
      <c r="B134432" s="14" t="s">
        <v>1</v>
      </c>
      <c r="C134432" s="14" t="s">
        <v>596</v>
      </c>
      <c r="D134432" s="14" t="s">
        <v>292</v>
      </c>
      <c r="E134432" s="15">
        <v>45488</v>
      </c>
      <c r="F134432" s="14" t="s">
        <v>61</v>
      </c>
      <c r="G134432" s="16">
        <v>0</v>
      </c>
    </row>
    <row r="134433" spans="1:7" x14ac:dyDescent="0.3">
      <c r="A134433" s="13" t="s">
        <v>606</v>
      </c>
      <c r="B134433" s="14" t="s">
        <v>1</v>
      </c>
      <c r="C134433" s="14" t="s">
        <v>596</v>
      </c>
      <c r="D134433" s="14" t="s">
        <v>292</v>
      </c>
      <c r="E134433" s="15">
        <v>45489</v>
      </c>
      <c r="F134433" s="14" t="s">
        <v>61</v>
      </c>
      <c r="G134433" s="16">
        <v>0</v>
      </c>
    </row>
    <row r="134434" spans="1:7" x14ac:dyDescent="0.3">
      <c r="A134434" s="13" t="s">
        <v>606</v>
      </c>
      <c r="B134434" s="14" t="s">
        <v>1</v>
      </c>
      <c r="C134434" s="14" t="s">
        <v>596</v>
      </c>
      <c r="D134434" s="14" t="s">
        <v>292</v>
      </c>
      <c r="E134434" s="15">
        <v>45490</v>
      </c>
      <c r="F134434" s="14" t="s">
        <v>61</v>
      </c>
      <c r="G134434" s="16">
        <v>0</v>
      </c>
    </row>
    <row r="134435" spans="1:7" x14ac:dyDescent="0.3">
      <c r="A134435" s="13" t="s">
        <v>606</v>
      </c>
      <c r="B134435" s="14" t="s">
        <v>1</v>
      </c>
      <c r="C134435" s="14" t="s">
        <v>596</v>
      </c>
      <c r="D134435" s="14" t="s">
        <v>292</v>
      </c>
      <c r="E134435" s="15">
        <v>45491</v>
      </c>
      <c r="F134435" s="14" t="s">
        <v>61</v>
      </c>
      <c r="G134435" s="16">
        <v>0</v>
      </c>
    </row>
    <row r="134436" spans="1:7" x14ac:dyDescent="0.3">
      <c r="A134436" s="13" t="s">
        <v>606</v>
      </c>
      <c r="B134436" s="14" t="s">
        <v>1</v>
      </c>
      <c r="C134436" s="14" t="s">
        <v>596</v>
      </c>
      <c r="D134436" s="14" t="s">
        <v>292</v>
      </c>
      <c r="E134436" s="15">
        <v>45492</v>
      </c>
      <c r="F134436" s="14" t="s">
        <v>61</v>
      </c>
      <c r="G134436" s="16">
        <v>0</v>
      </c>
    </row>
    <row r="134437" spans="1:7" x14ac:dyDescent="0.3">
      <c r="A134437" s="13" t="s">
        <v>606</v>
      </c>
      <c r="B134437" s="14" t="s">
        <v>1</v>
      </c>
      <c r="C134437" s="14" t="s">
        <v>596</v>
      </c>
      <c r="D134437" s="14" t="s">
        <v>292</v>
      </c>
      <c r="E134437" s="15">
        <v>45493</v>
      </c>
      <c r="F134437" s="14" t="s">
        <v>61</v>
      </c>
      <c r="G134437" s="16">
        <v>0</v>
      </c>
    </row>
    <row r="134438" spans="1:7" x14ac:dyDescent="0.3">
      <c r="A134438" s="13" t="s">
        <v>606</v>
      </c>
      <c r="B134438" s="14" t="s">
        <v>1</v>
      </c>
      <c r="C134438" s="14" t="s">
        <v>596</v>
      </c>
      <c r="D134438" s="14" t="s">
        <v>292</v>
      </c>
      <c r="E134438" s="15">
        <v>45494</v>
      </c>
      <c r="F134438" s="14" t="s">
        <v>61</v>
      </c>
      <c r="G134438" s="16">
        <v>0</v>
      </c>
    </row>
    <row r="134439" spans="1:7" x14ac:dyDescent="0.3">
      <c r="A134439" s="13" t="s">
        <v>606</v>
      </c>
      <c r="B134439" s="14" t="s">
        <v>1</v>
      </c>
      <c r="C134439" s="14" t="s">
        <v>596</v>
      </c>
      <c r="D134439" s="14" t="s">
        <v>292</v>
      </c>
      <c r="E134439" s="15">
        <v>45495</v>
      </c>
      <c r="F134439" s="14" t="s">
        <v>61</v>
      </c>
      <c r="G134439" s="16">
        <v>0</v>
      </c>
    </row>
    <row r="134440" spans="1:7" x14ac:dyDescent="0.3">
      <c r="A134440" s="13" t="s">
        <v>606</v>
      </c>
      <c r="B134440" s="14" t="s">
        <v>1</v>
      </c>
      <c r="C134440" s="14" t="s">
        <v>596</v>
      </c>
      <c r="D134440" s="14" t="s">
        <v>292</v>
      </c>
      <c r="E134440" s="15">
        <v>45496</v>
      </c>
      <c r="F134440" s="14" t="s">
        <v>61</v>
      </c>
      <c r="G134440" s="16">
        <v>0</v>
      </c>
    </row>
    <row r="134441" spans="1:7" x14ac:dyDescent="0.3">
      <c r="A134441" s="13" t="s">
        <v>606</v>
      </c>
      <c r="B134441" s="14" t="s">
        <v>1</v>
      </c>
      <c r="C134441" s="14" t="s">
        <v>596</v>
      </c>
      <c r="D134441" s="14" t="s">
        <v>292</v>
      </c>
      <c r="E134441" s="15">
        <v>45497</v>
      </c>
      <c r="F134441" s="14" t="s">
        <v>61</v>
      </c>
      <c r="G134441" s="16">
        <v>0</v>
      </c>
    </row>
    <row r="134442" spans="1:7" x14ac:dyDescent="0.3">
      <c r="A134442" s="13" t="s">
        <v>606</v>
      </c>
      <c r="B134442" s="14" t="s">
        <v>1</v>
      </c>
      <c r="C134442" s="14" t="s">
        <v>596</v>
      </c>
      <c r="D134442" s="14" t="s">
        <v>292</v>
      </c>
      <c r="E134442" s="15">
        <v>45498</v>
      </c>
      <c r="F134442" s="14" t="s">
        <v>61</v>
      </c>
      <c r="G134442" s="16">
        <v>0</v>
      </c>
    </row>
    <row r="134443" spans="1:7" x14ac:dyDescent="0.3">
      <c r="A134443" s="13" t="s">
        <v>606</v>
      </c>
      <c r="B134443" s="14" t="s">
        <v>1</v>
      </c>
      <c r="C134443" s="14" t="s">
        <v>596</v>
      </c>
      <c r="D134443" s="14" t="s">
        <v>292</v>
      </c>
      <c r="E134443" s="15">
        <v>45499</v>
      </c>
      <c r="F134443" s="14" t="s">
        <v>61</v>
      </c>
      <c r="G134443" s="16">
        <v>0</v>
      </c>
    </row>
    <row r="134444" spans="1:7" x14ac:dyDescent="0.3">
      <c r="A134444" s="13" t="s">
        <v>606</v>
      </c>
      <c r="B134444" s="14" t="s">
        <v>1</v>
      </c>
      <c r="C134444" s="14" t="s">
        <v>596</v>
      </c>
      <c r="D134444" s="14" t="s">
        <v>292</v>
      </c>
      <c r="E134444" s="15">
        <v>45500</v>
      </c>
      <c r="F134444" s="14" t="s">
        <v>61</v>
      </c>
      <c r="G134444" s="16">
        <v>0</v>
      </c>
    </row>
    <row r="134445" spans="1:7" x14ac:dyDescent="0.3">
      <c r="A134445" s="13" t="s">
        <v>606</v>
      </c>
      <c r="B134445" s="14" t="s">
        <v>1</v>
      </c>
      <c r="C134445" s="14" t="s">
        <v>596</v>
      </c>
      <c r="D134445" s="14" t="s">
        <v>292</v>
      </c>
      <c r="E134445" s="15">
        <v>45501</v>
      </c>
      <c r="F134445" s="14" t="s">
        <v>61</v>
      </c>
      <c r="G134445" s="16">
        <v>0</v>
      </c>
    </row>
    <row r="134446" spans="1:7" x14ac:dyDescent="0.3">
      <c r="A134446" s="13" t="s">
        <v>606</v>
      </c>
      <c r="B134446" s="14" t="s">
        <v>1</v>
      </c>
      <c r="C134446" s="14" t="s">
        <v>596</v>
      </c>
      <c r="D134446" s="14" t="s">
        <v>292</v>
      </c>
      <c r="E134446" s="15">
        <v>45502</v>
      </c>
      <c r="F134446" s="14" t="s">
        <v>61</v>
      </c>
      <c r="G134446" s="16">
        <v>0</v>
      </c>
    </row>
    <row r="134447" spans="1:7" x14ac:dyDescent="0.3">
      <c r="A134447" s="13" t="s">
        <v>606</v>
      </c>
      <c r="B134447" s="14" t="s">
        <v>1</v>
      </c>
      <c r="C134447" s="14" t="s">
        <v>596</v>
      </c>
      <c r="D134447" s="14" t="s">
        <v>292</v>
      </c>
      <c r="E134447" s="15">
        <v>45503</v>
      </c>
      <c r="F134447" s="14" t="s">
        <v>61</v>
      </c>
      <c r="G134447" s="16">
        <v>0</v>
      </c>
    </row>
    <row r="134448" spans="1:7" x14ac:dyDescent="0.3">
      <c r="A134448" s="13" t="s">
        <v>606</v>
      </c>
      <c r="B134448" s="14" t="s">
        <v>1</v>
      </c>
      <c r="C134448" s="14" t="s">
        <v>596</v>
      </c>
      <c r="D134448" s="14" t="s">
        <v>292</v>
      </c>
      <c r="E134448" s="15">
        <v>45504</v>
      </c>
      <c r="F134448" s="14" t="s">
        <v>61</v>
      </c>
      <c r="G134448" s="16">
        <v>0</v>
      </c>
    </row>
    <row r="134449" spans="1:7" x14ac:dyDescent="0.3">
      <c r="A134449" s="13" t="s">
        <v>606</v>
      </c>
      <c r="B134449" s="14" t="s">
        <v>1</v>
      </c>
      <c r="C134449" s="14" t="s">
        <v>596</v>
      </c>
      <c r="D134449" s="14" t="s">
        <v>292</v>
      </c>
      <c r="E134449" s="15">
        <v>45505</v>
      </c>
      <c r="F134449" s="14" t="s">
        <v>61</v>
      </c>
      <c r="G134449" s="16">
        <v>0</v>
      </c>
    </row>
    <row r="134450" spans="1:7" x14ac:dyDescent="0.3">
      <c r="A134450" s="13" t="s">
        <v>606</v>
      </c>
      <c r="B134450" s="14" t="s">
        <v>1</v>
      </c>
      <c r="C134450" s="14" t="s">
        <v>596</v>
      </c>
      <c r="D134450" s="14" t="s">
        <v>292</v>
      </c>
      <c r="E134450" s="15">
        <v>45506</v>
      </c>
      <c r="F134450" s="14" t="s">
        <v>61</v>
      </c>
      <c r="G134450" s="16">
        <v>0</v>
      </c>
    </row>
    <row r="134451" spans="1:7" x14ac:dyDescent="0.3">
      <c r="A134451" s="13" t="s">
        <v>606</v>
      </c>
      <c r="B134451" s="14" t="s">
        <v>1</v>
      </c>
      <c r="C134451" s="14" t="s">
        <v>596</v>
      </c>
      <c r="D134451" s="14" t="s">
        <v>292</v>
      </c>
      <c r="E134451" s="15">
        <v>45507</v>
      </c>
      <c r="F134451" s="14" t="s">
        <v>61</v>
      </c>
      <c r="G134451" s="16">
        <v>0</v>
      </c>
    </row>
    <row r="134452" spans="1:7" x14ac:dyDescent="0.3">
      <c r="A134452" s="13" t="s">
        <v>606</v>
      </c>
      <c r="B134452" s="14" t="s">
        <v>1</v>
      </c>
      <c r="C134452" s="14" t="s">
        <v>596</v>
      </c>
      <c r="D134452" s="14" t="s">
        <v>292</v>
      </c>
      <c r="E134452" s="15">
        <v>45508</v>
      </c>
      <c r="F134452" s="14" t="s">
        <v>61</v>
      </c>
      <c r="G134452" s="16">
        <v>0</v>
      </c>
    </row>
    <row r="134453" spans="1:7" x14ac:dyDescent="0.3">
      <c r="A134453" s="13" t="s">
        <v>606</v>
      </c>
      <c r="B134453" s="14" t="s">
        <v>1</v>
      </c>
      <c r="C134453" s="14" t="s">
        <v>596</v>
      </c>
      <c r="D134453" s="14" t="s">
        <v>292</v>
      </c>
      <c r="E134453" s="15">
        <v>45509</v>
      </c>
      <c r="F134453" s="14" t="s">
        <v>61</v>
      </c>
      <c r="G134453" s="16">
        <v>0</v>
      </c>
    </row>
    <row r="134454" spans="1:7" x14ac:dyDescent="0.3">
      <c r="A134454" s="13" t="s">
        <v>606</v>
      </c>
      <c r="B134454" s="14" t="s">
        <v>1</v>
      </c>
      <c r="C134454" s="14" t="s">
        <v>596</v>
      </c>
      <c r="D134454" s="14" t="s">
        <v>292</v>
      </c>
      <c r="E134454" s="15">
        <v>45510</v>
      </c>
      <c r="F134454" s="14" t="s">
        <v>61</v>
      </c>
      <c r="G134454" s="16">
        <v>0</v>
      </c>
    </row>
    <row r="134455" spans="1:7" x14ac:dyDescent="0.3">
      <c r="A134455" s="13" t="s">
        <v>606</v>
      </c>
      <c r="B134455" s="14" t="s">
        <v>1</v>
      </c>
      <c r="C134455" s="14" t="s">
        <v>596</v>
      </c>
      <c r="D134455" s="14" t="s">
        <v>292</v>
      </c>
      <c r="E134455" s="15">
        <v>45511</v>
      </c>
      <c r="F134455" s="14" t="s">
        <v>61</v>
      </c>
      <c r="G134455" s="16">
        <v>0</v>
      </c>
    </row>
    <row r="134456" spans="1:7" x14ac:dyDescent="0.3">
      <c r="A134456" s="13" t="s">
        <v>606</v>
      </c>
      <c r="B134456" s="14" t="s">
        <v>1</v>
      </c>
      <c r="C134456" s="14" t="s">
        <v>596</v>
      </c>
      <c r="D134456" s="14" t="s">
        <v>292</v>
      </c>
      <c r="E134456" s="15">
        <v>45512</v>
      </c>
      <c r="F134456" s="14" t="s">
        <v>61</v>
      </c>
      <c r="G134456" s="16">
        <v>0</v>
      </c>
    </row>
    <row r="134457" spans="1:7" x14ac:dyDescent="0.3">
      <c r="A134457" s="13" t="s">
        <v>606</v>
      </c>
      <c r="B134457" s="14" t="s">
        <v>1</v>
      </c>
      <c r="C134457" s="14" t="s">
        <v>596</v>
      </c>
      <c r="D134457" s="14" t="s">
        <v>292</v>
      </c>
      <c r="E134457" s="15">
        <v>45513</v>
      </c>
      <c r="F134457" s="14" t="s">
        <v>61</v>
      </c>
      <c r="G134457" s="16">
        <v>0</v>
      </c>
    </row>
    <row r="134458" spans="1:7" x14ac:dyDescent="0.3">
      <c r="A134458" s="13" t="s">
        <v>606</v>
      </c>
      <c r="B134458" s="14" t="s">
        <v>1</v>
      </c>
      <c r="C134458" s="14" t="s">
        <v>596</v>
      </c>
      <c r="D134458" s="14" t="s">
        <v>292</v>
      </c>
      <c r="E134458" s="15">
        <v>45514</v>
      </c>
      <c r="F134458" s="14" t="s">
        <v>61</v>
      </c>
      <c r="G134458" s="16">
        <v>0</v>
      </c>
    </row>
    <row r="134459" spans="1:7" x14ac:dyDescent="0.3">
      <c r="A134459" s="13" t="s">
        <v>606</v>
      </c>
      <c r="B134459" s="14" t="s">
        <v>1</v>
      </c>
      <c r="C134459" s="14" t="s">
        <v>596</v>
      </c>
      <c r="D134459" s="14" t="s">
        <v>292</v>
      </c>
      <c r="E134459" s="15">
        <v>45515</v>
      </c>
      <c r="F134459" s="14" t="s">
        <v>61</v>
      </c>
      <c r="G134459" s="16">
        <v>0</v>
      </c>
    </row>
    <row r="134460" spans="1:7" x14ac:dyDescent="0.3">
      <c r="A134460" s="13" t="s">
        <v>606</v>
      </c>
      <c r="B134460" s="14" t="s">
        <v>1</v>
      </c>
      <c r="C134460" s="14" t="s">
        <v>596</v>
      </c>
      <c r="D134460" s="14" t="s">
        <v>292</v>
      </c>
      <c r="E134460" s="15">
        <v>45516</v>
      </c>
      <c r="F134460" s="14" t="s">
        <v>61</v>
      </c>
      <c r="G134460" s="16">
        <v>0</v>
      </c>
    </row>
    <row r="134461" spans="1:7" x14ac:dyDescent="0.3">
      <c r="A134461" s="13" t="s">
        <v>606</v>
      </c>
      <c r="B134461" s="14" t="s">
        <v>1</v>
      </c>
      <c r="C134461" s="14" t="s">
        <v>596</v>
      </c>
      <c r="D134461" s="14" t="s">
        <v>292</v>
      </c>
      <c r="E134461" s="15">
        <v>45517</v>
      </c>
      <c r="F134461" s="14" t="s">
        <v>61</v>
      </c>
      <c r="G134461" s="16">
        <v>0</v>
      </c>
    </row>
    <row r="134462" spans="1:7" x14ac:dyDescent="0.3">
      <c r="A134462" s="13" t="s">
        <v>606</v>
      </c>
      <c r="B134462" s="14" t="s">
        <v>1</v>
      </c>
      <c r="C134462" s="14" t="s">
        <v>596</v>
      </c>
      <c r="D134462" s="14" t="s">
        <v>292</v>
      </c>
      <c r="E134462" s="15">
        <v>45518</v>
      </c>
      <c r="F134462" s="14" t="s">
        <v>61</v>
      </c>
      <c r="G134462" s="16">
        <v>0</v>
      </c>
    </row>
    <row r="134463" spans="1:7" x14ac:dyDescent="0.3">
      <c r="A134463" s="13" t="s">
        <v>606</v>
      </c>
      <c r="B134463" s="14" t="s">
        <v>1</v>
      </c>
      <c r="C134463" s="14" t="s">
        <v>596</v>
      </c>
      <c r="D134463" s="14" t="s">
        <v>292</v>
      </c>
      <c r="E134463" s="15">
        <v>45519</v>
      </c>
      <c r="F134463" s="14" t="s">
        <v>61</v>
      </c>
      <c r="G134463" s="16">
        <v>0</v>
      </c>
    </row>
    <row r="134464" spans="1:7" x14ac:dyDescent="0.3">
      <c r="A134464" s="13" t="s">
        <v>606</v>
      </c>
      <c r="B134464" s="14" t="s">
        <v>1</v>
      </c>
      <c r="C134464" s="14" t="s">
        <v>596</v>
      </c>
      <c r="D134464" s="14" t="s">
        <v>292</v>
      </c>
      <c r="E134464" s="15">
        <v>45520</v>
      </c>
      <c r="F134464" s="14" t="s">
        <v>61</v>
      </c>
      <c r="G134464" s="16">
        <v>0</v>
      </c>
    </row>
    <row r="134465" spans="1:7" x14ac:dyDescent="0.3">
      <c r="A134465" s="13" t="s">
        <v>606</v>
      </c>
      <c r="B134465" s="14" t="s">
        <v>1</v>
      </c>
      <c r="C134465" s="14" t="s">
        <v>596</v>
      </c>
      <c r="D134465" s="14" t="s">
        <v>292</v>
      </c>
      <c r="E134465" s="15">
        <v>45521</v>
      </c>
      <c r="F134465" s="14" t="s">
        <v>61</v>
      </c>
      <c r="G134465" s="16">
        <v>0</v>
      </c>
    </row>
    <row r="134466" spans="1:7" x14ac:dyDescent="0.3">
      <c r="A134466" s="13" t="s">
        <v>606</v>
      </c>
      <c r="B134466" s="14" t="s">
        <v>1</v>
      </c>
      <c r="C134466" s="14" t="s">
        <v>596</v>
      </c>
      <c r="D134466" s="14" t="s">
        <v>292</v>
      </c>
      <c r="E134466" s="15">
        <v>45522</v>
      </c>
      <c r="F134466" s="14" t="s">
        <v>61</v>
      </c>
      <c r="G134466" s="16">
        <v>0</v>
      </c>
    </row>
    <row r="134467" spans="1:7" x14ac:dyDescent="0.3">
      <c r="A134467" s="13" t="s">
        <v>606</v>
      </c>
      <c r="B134467" s="14" t="s">
        <v>1</v>
      </c>
      <c r="C134467" s="14" t="s">
        <v>596</v>
      </c>
      <c r="D134467" s="14" t="s">
        <v>292</v>
      </c>
      <c r="E134467" s="15">
        <v>45523</v>
      </c>
      <c r="F134467" s="14" t="s">
        <v>61</v>
      </c>
      <c r="G134467" s="16">
        <v>0</v>
      </c>
    </row>
    <row r="134468" spans="1:7" x14ac:dyDescent="0.3">
      <c r="A134468" s="13" t="s">
        <v>606</v>
      </c>
      <c r="B134468" s="14" t="s">
        <v>1</v>
      </c>
      <c r="C134468" s="14" t="s">
        <v>596</v>
      </c>
      <c r="D134468" s="14" t="s">
        <v>292</v>
      </c>
      <c r="E134468" s="15">
        <v>45524</v>
      </c>
      <c r="F134468" s="14" t="s">
        <v>61</v>
      </c>
      <c r="G134468" s="16">
        <v>0</v>
      </c>
    </row>
    <row r="134469" spans="1:7" x14ac:dyDescent="0.3">
      <c r="A134469" s="13" t="s">
        <v>606</v>
      </c>
      <c r="B134469" s="14" t="s">
        <v>1</v>
      </c>
      <c r="C134469" s="14" t="s">
        <v>596</v>
      </c>
      <c r="D134469" s="14" t="s">
        <v>292</v>
      </c>
      <c r="E134469" s="15">
        <v>45525</v>
      </c>
      <c r="F134469" s="14" t="s">
        <v>61</v>
      </c>
      <c r="G134469" s="16">
        <v>0</v>
      </c>
    </row>
    <row r="134470" spans="1:7" x14ac:dyDescent="0.3">
      <c r="A134470" s="13" t="s">
        <v>606</v>
      </c>
      <c r="B134470" s="14" t="s">
        <v>1</v>
      </c>
      <c r="C134470" s="14" t="s">
        <v>596</v>
      </c>
      <c r="D134470" s="14" t="s">
        <v>292</v>
      </c>
      <c r="E134470" s="15">
        <v>45526</v>
      </c>
      <c r="F134470" s="14" t="s">
        <v>61</v>
      </c>
      <c r="G134470" s="16">
        <v>0</v>
      </c>
    </row>
    <row r="134471" spans="1:7" x14ac:dyDescent="0.3">
      <c r="A134471" s="13" t="s">
        <v>606</v>
      </c>
      <c r="B134471" s="14" t="s">
        <v>1</v>
      </c>
      <c r="C134471" s="14" t="s">
        <v>596</v>
      </c>
      <c r="D134471" s="14" t="s">
        <v>292</v>
      </c>
      <c r="E134471" s="15">
        <v>45527</v>
      </c>
      <c r="F134471" s="14" t="s">
        <v>61</v>
      </c>
      <c r="G134471" s="16">
        <v>0</v>
      </c>
    </row>
    <row r="134472" spans="1:7" x14ac:dyDescent="0.3">
      <c r="A134472" s="13" t="s">
        <v>606</v>
      </c>
      <c r="B134472" s="14" t="s">
        <v>1</v>
      </c>
      <c r="C134472" s="14" t="s">
        <v>596</v>
      </c>
      <c r="D134472" s="14" t="s">
        <v>292</v>
      </c>
      <c r="E134472" s="15">
        <v>45528</v>
      </c>
      <c r="F134472" s="14" t="s">
        <v>61</v>
      </c>
      <c r="G134472" s="16">
        <v>0</v>
      </c>
    </row>
    <row r="134473" spans="1:7" x14ac:dyDescent="0.3">
      <c r="A134473" s="13" t="s">
        <v>606</v>
      </c>
      <c r="B134473" s="14" t="s">
        <v>1</v>
      </c>
      <c r="C134473" s="14" t="s">
        <v>596</v>
      </c>
      <c r="D134473" s="14" t="s">
        <v>292</v>
      </c>
      <c r="E134473" s="15">
        <v>45529</v>
      </c>
      <c r="F134473" s="14" t="s">
        <v>61</v>
      </c>
      <c r="G134473" s="16">
        <v>0</v>
      </c>
    </row>
    <row r="134474" spans="1:7" x14ac:dyDescent="0.3">
      <c r="A134474" s="13" t="s">
        <v>606</v>
      </c>
      <c r="B134474" s="14" t="s">
        <v>1</v>
      </c>
      <c r="C134474" s="14" t="s">
        <v>596</v>
      </c>
      <c r="D134474" s="14" t="s">
        <v>292</v>
      </c>
      <c r="E134474" s="15">
        <v>45530</v>
      </c>
      <c r="F134474" s="14" t="s">
        <v>61</v>
      </c>
      <c r="G134474" s="16">
        <v>0</v>
      </c>
    </row>
    <row r="134475" spans="1:7" x14ac:dyDescent="0.3">
      <c r="A134475" s="13" t="s">
        <v>606</v>
      </c>
      <c r="B134475" s="14" t="s">
        <v>1</v>
      </c>
      <c r="C134475" s="14" t="s">
        <v>596</v>
      </c>
      <c r="D134475" s="14" t="s">
        <v>292</v>
      </c>
      <c r="E134475" s="15">
        <v>45531</v>
      </c>
      <c r="F134475" s="14" t="s">
        <v>61</v>
      </c>
      <c r="G134475" s="16">
        <v>0</v>
      </c>
    </row>
    <row r="134476" spans="1:7" x14ac:dyDescent="0.3">
      <c r="A134476" s="13" t="s">
        <v>606</v>
      </c>
      <c r="B134476" s="14" t="s">
        <v>1</v>
      </c>
      <c r="C134476" s="14" t="s">
        <v>596</v>
      </c>
      <c r="D134476" s="14" t="s">
        <v>292</v>
      </c>
      <c r="E134476" s="15">
        <v>45532</v>
      </c>
      <c r="F134476" s="14" t="s">
        <v>61</v>
      </c>
      <c r="G134476" s="16">
        <v>0</v>
      </c>
    </row>
    <row r="134477" spans="1:7" x14ac:dyDescent="0.3">
      <c r="A134477" s="13" t="s">
        <v>606</v>
      </c>
      <c r="B134477" s="14" t="s">
        <v>1</v>
      </c>
      <c r="C134477" s="14" t="s">
        <v>596</v>
      </c>
      <c r="D134477" s="14" t="s">
        <v>292</v>
      </c>
      <c r="E134477" s="15">
        <v>45533</v>
      </c>
      <c r="F134477" s="14" t="s">
        <v>61</v>
      </c>
      <c r="G134477" s="16">
        <v>0</v>
      </c>
    </row>
    <row r="134478" spans="1:7" x14ac:dyDescent="0.3">
      <c r="A134478" s="13" t="s">
        <v>606</v>
      </c>
      <c r="B134478" s="14" t="s">
        <v>1</v>
      </c>
      <c r="C134478" s="14" t="s">
        <v>596</v>
      </c>
      <c r="D134478" s="14" t="s">
        <v>292</v>
      </c>
      <c r="E134478" s="15">
        <v>45534</v>
      </c>
      <c r="F134478" s="14" t="s">
        <v>61</v>
      </c>
      <c r="G134478" s="16">
        <v>0</v>
      </c>
    </row>
    <row r="134479" spans="1:7" x14ac:dyDescent="0.3">
      <c r="A134479" s="13" t="s">
        <v>606</v>
      </c>
      <c r="B134479" s="14" t="s">
        <v>1</v>
      </c>
      <c r="C134479" s="14" t="s">
        <v>596</v>
      </c>
      <c r="D134479" s="14" t="s">
        <v>292</v>
      </c>
      <c r="E134479" s="15">
        <v>45535</v>
      </c>
      <c r="F134479" s="14" t="s">
        <v>61</v>
      </c>
      <c r="G134479" s="16">
        <v>0</v>
      </c>
    </row>
    <row r="134480" spans="1:7" x14ac:dyDescent="0.3">
      <c r="A134480" s="13" t="s">
        <v>606</v>
      </c>
      <c r="B134480" s="14" t="s">
        <v>1</v>
      </c>
      <c r="C134480" s="14" t="s">
        <v>596</v>
      </c>
      <c r="D134480" s="14" t="s">
        <v>292</v>
      </c>
      <c r="E134480" s="15">
        <v>45536</v>
      </c>
      <c r="F134480" s="14" t="s">
        <v>61</v>
      </c>
      <c r="G134480" s="16">
        <v>0</v>
      </c>
    </row>
    <row r="134481" spans="1:7" x14ac:dyDescent="0.3">
      <c r="A134481" s="13" t="s">
        <v>606</v>
      </c>
      <c r="B134481" s="14" t="s">
        <v>1</v>
      </c>
      <c r="C134481" s="14" t="s">
        <v>596</v>
      </c>
      <c r="D134481" s="14" t="s">
        <v>292</v>
      </c>
      <c r="E134481" s="15">
        <v>45537</v>
      </c>
      <c r="F134481" s="14" t="s">
        <v>61</v>
      </c>
      <c r="G134481" s="16">
        <v>0</v>
      </c>
    </row>
    <row r="134482" spans="1:7" x14ac:dyDescent="0.3">
      <c r="A134482" s="13" t="s">
        <v>606</v>
      </c>
      <c r="B134482" s="14" t="s">
        <v>1</v>
      </c>
      <c r="C134482" s="14" t="s">
        <v>596</v>
      </c>
      <c r="D134482" s="14" t="s">
        <v>292</v>
      </c>
      <c r="E134482" s="15">
        <v>45538</v>
      </c>
      <c r="F134482" s="14" t="s">
        <v>61</v>
      </c>
      <c r="G134482" s="16">
        <v>0</v>
      </c>
    </row>
    <row r="134483" spans="1:7" x14ac:dyDescent="0.3">
      <c r="A134483" s="13" t="s">
        <v>606</v>
      </c>
      <c r="B134483" s="14" t="s">
        <v>1</v>
      </c>
      <c r="C134483" s="14" t="s">
        <v>596</v>
      </c>
      <c r="D134483" s="14" t="s">
        <v>292</v>
      </c>
      <c r="E134483" s="15">
        <v>45539</v>
      </c>
      <c r="F134483" s="14" t="s">
        <v>61</v>
      </c>
      <c r="G134483" s="16">
        <v>0</v>
      </c>
    </row>
    <row r="134484" spans="1:7" x14ac:dyDescent="0.3">
      <c r="A134484" s="13" t="s">
        <v>606</v>
      </c>
      <c r="B134484" s="14" t="s">
        <v>1</v>
      </c>
      <c r="C134484" s="14" t="s">
        <v>596</v>
      </c>
      <c r="D134484" s="14" t="s">
        <v>292</v>
      </c>
      <c r="E134484" s="15">
        <v>45540</v>
      </c>
      <c r="F134484" s="14" t="s">
        <v>61</v>
      </c>
      <c r="G134484" s="16">
        <v>0</v>
      </c>
    </row>
    <row r="134485" spans="1:7" x14ac:dyDescent="0.3">
      <c r="A134485" s="13" t="s">
        <v>606</v>
      </c>
      <c r="B134485" s="14" t="s">
        <v>1</v>
      </c>
      <c r="C134485" s="14" t="s">
        <v>596</v>
      </c>
      <c r="D134485" s="14" t="s">
        <v>292</v>
      </c>
      <c r="E134485" s="15">
        <v>45541</v>
      </c>
      <c r="F134485" s="14" t="s">
        <v>61</v>
      </c>
      <c r="G134485" s="16">
        <v>0</v>
      </c>
    </row>
    <row r="134486" spans="1:7" x14ac:dyDescent="0.3">
      <c r="A134486" s="13" t="s">
        <v>606</v>
      </c>
      <c r="B134486" s="14" t="s">
        <v>1</v>
      </c>
      <c r="C134486" s="14" t="s">
        <v>596</v>
      </c>
      <c r="D134486" s="14" t="s">
        <v>292</v>
      </c>
      <c r="E134486" s="15">
        <v>45542</v>
      </c>
      <c r="F134486" s="14" t="s">
        <v>61</v>
      </c>
      <c r="G134486" s="16">
        <v>0</v>
      </c>
    </row>
    <row r="134487" spans="1:7" x14ac:dyDescent="0.3">
      <c r="A134487" s="13" t="s">
        <v>606</v>
      </c>
      <c r="B134487" s="14" t="s">
        <v>1</v>
      </c>
      <c r="C134487" s="14" t="s">
        <v>596</v>
      </c>
      <c r="D134487" s="14" t="s">
        <v>292</v>
      </c>
      <c r="E134487" s="15">
        <v>45543</v>
      </c>
      <c r="F134487" s="14" t="s">
        <v>61</v>
      </c>
      <c r="G134487" s="16">
        <v>0</v>
      </c>
    </row>
    <row r="134488" spans="1:7" x14ac:dyDescent="0.3">
      <c r="A134488" s="13" t="s">
        <v>606</v>
      </c>
      <c r="B134488" s="14" t="s">
        <v>1</v>
      </c>
      <c r="C134488" s="14" t="s">
        <v>596</v>
      </c>
      <c r="D134488" s="14" t="s">
        <v>292</v>
      </c>
      <c r="E134488" s="15">
        <v>45544</v>
      </c>
      <c r="F134488" s="14" t="s">
        <v>61</v>
      </c>
      <c r="G134488" s="16">
        <v>0</v>
      </c>
    </row>
    <row r="134489" spans="1:7" x14ac:dyDescent="0.3">
      <c r="A134489" s="13" t="s">
        <v>606</v>
      </c>
      <c r="B134489" s="14" t="s">
        <v>1</v>
      </c>
      <c r="C134489" s="14" t="s">
        <v>596</v>
      </c>
      <c r="D134489" s="14" t="s">
        <v>292</v>
      </c>
      <c r="E134489" s="15">
        <v>45545</v>
      </c>
      <c r="F134489" s="14" t="s">
        <v>61</v>
      </c>
      <c r="G134489" s="16">
        <v>0</v>
      </c>
    </row>
    <row r="134490" spans="1:7" x14ac:dyDescent="0.3">
      <c r="A134490" s="13" t="s">
        <v>606</v>
      </c>
      <c r="B134490" s="14" t="s">
        <v>1</v>
      </c>
      <c r="C134490" s="14" t="s">
        <v>596</v>
      </c>
      <c r="D134490" s="14" t="s">
        <v>292</v>
      </c>
      <c r="E134490" s="15">
        <v>45546</v>
      </c>
      <c r="F134490" s="14" t="s">
        <v>61</v>
      </c>
      <c r="G134490" s="16">
        <v>0</v>
      </c>
    </row>
    <row r="134491" spans="1:7" x14ac:dyDescent="0.3">
      <c r="A134491" s="13" t="s">
        <v>606</v>
      </c>
      <c r="B134491" s="14" t="s">
        <v>1</v>
      </c>
      <c r="C134491" s="14" t="s">
        <v>596</v>
      </c>
      <c r="D134491" s="14" t="s">
        <v>292</v>
      </c>
      <c r="E134491" s="15">
        <v>45547</v>
      </c>
      <c r="F134491" s="14" t="s">
        <v>61</v>
      </c>
      <c r="G134491" s="16">
        <v>0</v>
      </c>
    </row>
    <row r="134492" spans="1:7" x14ac:dyDescent="0.3">
      <c r="A134492" s="13" t="s">
        <v>606</v>
      </c>
      <c r="B134492" s="14" t="s">
        <v>1</v>
      </c>
      <c r="C134492" s="14" t="s">
        <v>596</v>
      </c>
      <c r="D134492" s="14" t="s">
        <v>292</v>
      </c>
      <c r="E134492" s="15">
        <v>45548</v>
      </c>
      <c r="F134492" s="14" t="s">
        <v>61</v>
      </c>
      <c r="G134492" s="16">
        <v>0</v>
      </c>
    </row>
    <row r="134493" spans="1:7" x14ac:dyDescent="0.3">
      <c r="A134493" s="13" t="s">
        <v>606</v>
      </c>
      <c r="B134493" s="14" t="s">
        <v>1</v>
      </c>
      <c r="C134493" s="14" t="s">
        <v>596</v>
      </c>
      <c r="D134493" s="14" t="s">
        <v>292</v>
      </c>
      <c r="E134493" s="15">
        <v>45549</v>
      </c>
      <c r="F134493" s="14" t="s">
        <v>61</v>
      </c>
      <c r="G134493" s="16">
        <v>0</v>
      </c>
    </row>
    <row r="134494" spans="1:7" x14ac:dyDescent="0.3">
      <c r="A134494" s="13" t="s">
        <v>606</v>
      </c>
      <c r="B134494" s="14" t="s">
        <v>1</v>
      </c>
      <c r="C134494" s="14" t="s">
        <v>596</v>
      </c>
      <c r="D134494" s="14" t="s">
        <v>292</v>
      </c>
      <c r="E134494" s="15">
        <v>45550</v>
      </c>
      <c r="F134494" s="14" t="s">
        <v>61</v>
      </c>
      <c r="G134494" s="16">
        <v>0</v>
      </c>
    </row>
    <row r="134495" spans="1:7" x14ac:dyDescent="0.3">
      <c r="A134495" s="13" t="s">
        <v>606</v>
      </c>
      <c r="B134495" s="14" t="s">
        <v>1</v>
      </c>
      <c r="C134495" s="14" t="s">
        <v>596</v>
      </c>
      <c r="D134495" s="14" t="s">
        <v>292</v>
      </c>
      <c r="E134495" s="15">
        <v>45551</v>
      </c>
      <c r="F134495" s="14" t="s">
        <v>61</v>
      </c>
      <c r="G134495" s="16">
        <v>0</v>
      </c>
    </row>
    <row r="134496" spans="1:7" x14ac:dyDescent="0.3">
      <c r="A134496" s="13" t="s">
        <v>606</v>
      </c>
      <c r="B134496" s="14" t="s">
        <v>1</v>
      </c>
      <c r="C134496" s="14" t="s">
        <v>596</v>
      </c>
      <c r="D134496" s="14" t="s">
        <v>292</v>
      </c>
      <c r="E134496" s="15">
        <v>45552</v>
      </c>
      <c r="F134496" s="14" t="s">
        <v>61</v>
      </c>
      <c r="G134496" s="16">
        <v>0</v>
      </c>
    </row>
    <row r="134497" spans="1:7" x14ac:dyDescent="0.3">
      <c r="A134497" s="13" t="s">
        <v>606</v>
      </c>
      <c r="B134497" s="14" t="s">
        <v>1</v>
      </c>
      <c r="C134497" s="14" t="s">
        <v>596</v>
      </c>
      <c r="D134497" s="14" t="s">
        <v>292</v>
      </c>
      <c r="E134497" s="15">
        <v>45553</v>
      </c>
      <c r="F134497" s="14" t="s">
        <v>61</v>
      </c>
      <c r="G134497" s="16">
        <v>0</v>
      </c>
    </row>
    <row r="134498" spans="1:7" x14ac:dyDescent="0.3">
      <c r="A134498" s="13" t="s">
        <v>606</v>
      </c>
      <c r="B134498" s="14" t="s">
        <v>1</v>
      </c>
      <c r="C134498" s="14" t="s">
        <v>596</v>
      </c>
      <c r="D134498" s="14" t="s">
        <v>292</v>
      </c>
      <c r="E134498" s="15">
        <v>45554</v>
      </c>
      <c r="F134498" s="14" t="s">
        <v>61</v>
      </c>
      <c r="G134498" s="16">
        <v>0</v>
      </c>
    </row>
    <row r="134499" spans="1:7" x14ac:dyDescent="0.3">
      <c r="A134499" s="13" t="s">
        <v>606</v>
      </c>
      <c r="B134499" s="14" t="s">
        <v>1</v>
      </c>
      <c r="C134499" s="14" t="s">
        <v>596</v>
      </c>
      <c r="D134499" s="14" t="s">
        <v>292</v>
      </c>
      <c r="E134499" s="15">
        <v>45555</v>
      </c>
      <c r="F134499" s="14" t="s">
        <v>61</v>
      </c>
      <c r="G134499" s="16">
        <v>0</v>
      </c>
    </row>
    <row r="134500" spans="1:7" x14ac:dyDescent="0.3">
      <c r="A134500" s="13" t="s">
        <v>606</v>
      </c>
      <c r="B134500" s="14" t="s">
        <v>1</v>
      </c>
      <c r="C134500" s="14" t="s">
        <v>596</v>
      </c>
      <c r="D134500" s="14" t="s">
        <v>292</v>
      </c>
      <c r="E134500" s="15">
        <v>45556</v>
      </c>
      <c r="F134500" s="14" t="s">
        <v>61</v>
      </c>
      <c r="G134500" s="16">
        <v>0</v>
      </c>
    </row>
    <row r="134501" spans="1:7" x14ac:dyDescent="0.3">
      <c r="A134501" s="13" t="s">
        <v>606</v>
      </c>
      <c r="B134501" s="14" t="s">
        <v>1</v>
      </c>
      <c r="C134501" s="14" t="s">
        <v>596</v>
      </c>
      <c r="D134501" s="14" t="s">
        <v>292</v>
      </c>
      <c r="E134501" s="15">
        <v>45557</v>
      </c>
      <c r="F134501" s="14" t="s">
        <v>61</v>
      </c>
      <c r="G134501" s="16">
        <v>0</v>
      </c>
    </row>
    <row r="134502" spans="1:7" x14ac:dyDescent="0.3">
      <c r="A134502" s="13" t="s">
        <v>606</v>
      </c>
      <c r="B134502" s="14" t="s">
        <v>1</v>
      </c>
      <c r="C134502" s="14" t="s">
        <v>596</v>
      </c>
      <c r="D134502" s="14" t="s">
        <v>292</v>
      </c>
      <c r="E134502" s="15">
        <v>45558</v>
      </c>
      <c r="F134502" s="14" t="s">
        <v>61</v>
      </c>
      <c r="G134502" s="16">
        <v>0</v>
      </c>
    </row>
    <row r="134503" spans="1:7" x14ac:dyDescent="0.3">
      <c r="A134503" s="13" t="s">
        <v>606</v>
      </c>
      <c r="B134503" s="14" t="s">
        <v>1</v>
      </c>
      <c r="C134503" s="14" t="s">
        <v>596</v>
      </c>
      <c r="D134503" s="14" t="s">
        <v>292</v>
      </c>
      <c r="E134503" s="15">
        <v>45559</v>
      </c>
      <c r="F134503" s="14" t="s">
        <v>61</v>
      </c>
      <c r="G134503" s="16">
        <v>0</v>
      </c>
    </row>
    <row r="134504" spans="1:7" x14ac:dyDescent="0.3">
      <c r="A134504" s="13" t="s">
        <v>606</v>
      </c>
      <c r="B134504" s="14" t="s">
        <v>1</v>
      </c>
      <c r="C134504" s="14" t="s">
        <v>596</v>
      </c>
      <c r="D134504" s="14" t="s">
        <v>292</v>
      </c>
      <c r="E134504" s="15">
        <v>45560</v>
      </c>
      <c r="F134504" s="14" t="s">
        <v>61</v>
      </c>
      <c r="G134504" s="16">
        <v>0</v>
      </c>
    </row>
    <row r="134505" spans="1:7" x14ac:dyDescent="0.3">
      <c r="A134505" s="13" t="s">
        <v>606</v>
      </c>
      <c r="B134505" s="14" t="s">
        <v>1</v>
      </c>
      <c r="C134505" s="14" t="s">
        <v>596</v>
      </c>
      <c r="D134505" s="14" t="s">
        <v>292</v>
      </c>
      <c r="E134505" s="15">
        <v>45561</v>
      </c>
      <c r="F134505" s="14" t="s">
        <v>61</v>
      </c>
      <c r="G134505" s="16">
        <v>0</v>
      </c>
    </row>
    <row r="134506" spans="1:7" x14ac:dyDescent="0.3">
      <c r="A134506" s="13" t="s">
        <v>606</v>
      </c>
      <c r="B134506" s="14" t="s">
        <v>1</v>
      </c>
      <c r="C134506" s="14" t="s">
        <v>596</v>
      </c>
      <c r="D134506" s="14" t="s">
        <v>292</v>
      </c>
      <c r="E134506" s="15">
        <v>45562</v>
      </c>
      <c r="F134506" s="14" t="s">
        <v>61</v>
      </c>
      <c r="G134506" s="16">
        <v>0</v>
      </c>
    </row>
    <row r="134507" spans="1:7" x14ac:dyDescent="0.3">
      <c r="A134507" s="13" t="s">
        <v>606</v>
      </c>
      <c r="B134507" s="14" t="s">
        <v>1</v>
      </c>
      <c r="C134507" s="14" t="s">
        <v>596</v>
      </c>
      <c r="D134507" s="14" t="s">
        <v>292</v>
      </c>
      <c r="E134507" s="15">
        <v>45563</v>
      </c>
      <c r="F134507" s="14" t="s">
        <v>61</v>
      </c>
      <c r="G134507" s="16">
        <v>0</v>
      </c>
    </row>
    <row r="134508" spans="1:7" x14ac:dyDescent="0.3">
      <c r="A134508" s="13" t="s">
        <v>606</v>
      </c>
      <c r="B134508" s="14" t="s">
        <v>1</v>
      </c>
      <c r="C134508" s="14" t="s">
        <v>596</v>
      </c>
      <c r="D134508" s="14" t="s">
        <v>292</v>
      </c>
      <c r="E134508" s="15">
        <v>45564</v>
      </c>
      <c r="F134508" s="14" t="s">
        <v>61</v>
      </c>
      <c r="G134508" s="16">
        <v>0</v>
      </c>
    </row>
    <row r="134509" spans="1:7" x14ac:dyDescent="0.3">
      <c r="A134509" s="13" t="s">
        <v>606</v>
      </c>
      <c r="B134509" s="14" t="s">
        <v>1</v>
      </c>
      <c r="C134509" s="14" t="s">
        <v>596</v>
      </c>
      <c r="D134509" s="14" t="s">
        <v>292</v>
      </c>
      <c r="E134509" s="15">
        <v>45565</v>
      </c>
      <c r="F134509" s="14" t="s">
        <v>61</v>
      </c>
      <c r="G134509" s="16">
        <v>0</v>
      </c>
    </row>
    <row r="134510" spans="1:7" x14ac:dyDescent="0.3">
      <c r="A134510" s="13" t="s">
        <v>606</v>
      </c>
      <c r="B134510" s="14" t="s">
        <v>1</v>
      </c>
      <c r="C134510" s="14" t="s">
        <v>596</v>
      </c>
      <c r="D134510" s="14" t="s">
        <v>292</v>
      </c>
      <c r="E134510" s="15">
        <v>45566</v>
      </c>
      <c r="F134510" s="14" t="s">
        <v>61</v>
      </c>
      <c r="G134510" s="16">
        <v>0</v>
      </c>
    </row>
    <row r="134511" spans="1:7" x14ac:dyDescent="0.3">
      <c r="A134511" s="13" t="s">
        <v>606</v>
      </c>
      <c r="B134511" s="14" t="s">
        <v>1</v>
      </c>
      <c r="C134511" s="14" t="s">
        <v>596</v>
      </c>
      <c r="D134511" s="14" t="s">
        <v>292</v>
      </c>
      <c r="E134511" s="15">
        <v>45567</v>
      </c>
      <c r="F134511" s="14" t="s">
        <v>61</v>
      </c>
      <c r="G134511" s="16">
        <v>0</v>
      </c>
    </row>
    <row r="134512" spans="1:7" x14ac:dyDescent="0.3">
      <c r="A134512" s="13" t="s">
        <v>606</v>
      </c>
      <c r="B134512" s="14" t="s">
        <v>1</v>
      </c>
      <c r="C134512" s="14" t="s">
        <v>596</v>
      </c>
      <c r="D134512" s="14" t="s">
        <v>292</v>
      </c>
      <c r="E134512" s="15">
        <v>45568</v>
      </c>
      <c r="F134512" s="14" t="s">
        <v>61</v>
      </c>
      <c r="G134512" s="16">
        <v>0</v>
      </c>
    </row>
    <row r="134513" spans="1:7" x14ac:dyDescent="0.3">
      <c r="A134513" s="13" t="s">
        <v>606</v>
      </c>
      <c r="B134513" s="14" t="s">
        <v>1</v>
      </c>
      <c r="C134513" s="14" t="s">
        <v>596</v>
      </c>
      <c r="D134513" s="14" t="s">
        <v>292</v>
      </c>
      <c r="E134513" s="15">
        <v>45569</v>
      </c>
      <c r="F134513" s="14" t="s">
        <v>61</v>
      </c>
      <c r="G134513" s="16">
        <v>0</v>
      </c>
    </row>
    <row r="134514" spans="1:7" x14ac:dyDescent="0.3">
      <c r="A134514" s="13" t="s">
        <v>606</v>
      </c>
      <c r="B134514" s="14" t="s">
        <v>1</v>
      </c>
      <c r="C134514" s="14" t="s">
        <v>596</v>
      </c>
      <c r="D134514" s="14" t="s">
        <v>292</v>
      </c>
      <c r="E134514" s="15">
        <v>45570</v>
      </c>
      <c r="F134514" s="14" t="s">
        <v>61</v>
      </c>
      <c r="G134514" s="16">
        <v>0</v>
      </c>
    </row>
    <row r="134515" spans="1:7" x14ac:dyDescent="0.3">
      <c r="A134515" s="13" t="s">
        <v>606</v>
      </c>
      <c r="B134515" s="14" t="s">
        <v>1</v>
      </c>
      <c r="C134515" s="14" t="s">
        <v>596</v>
      </c>
      <c r="D134515" s="14" t="s">
        <v>292</v>
      </c>
      <c r="E134515" s="15">
        <v>45571</v>
      </c>
      <c r="F134515" s="14" t="s">
        <v>61</v>
      </c>
      <c r="G134515" s="16">
        <v>0</v>
      </c>
    </row>
    <row r="134516" spans="1:7" x14ac:dyDescent="0.3">
      <c r="A134516" s="13" t="s">
        <v>606</v>
      </c>
      <c r="B134516" s="14" t="s">
        <v>1</v>
      </c>
      <c r="C134516" s="14" t="s">
        <v>596</v>
      </c>
      <c r="D134516" s="14" t="s">
        <v>292</v>
      </c>
      <c r="E134516" s="15">
        <v>45572</v>
      </c>
      <c r="F134516" s="14" t="s">
        <v>61</v>
      </c>
      <c r="G134516" s="16">
        <v>0</v>
      </c>
    </row>
    <row r="134517" spans="1:7" x14ac:dyDescent="0.3">
      <c r="A134517" s="13" t="s">
        <v>606</v>
      </c>
      <c r="B134517" s="14" t="s">
        <v>1</v>
      </c>
      <c r="C134517" s="14" t="s">
        <v>596</v>
      </c>
      <c r="D134517" s="14" t="s">
        <v>292</v>
      </c>
      <c r="E134517" s="15">
        <v>45573</v>
      </c>
      <c r="F134517" s="14" t="s">
        <v>61</v>
      </c>
      <c r="G134517" s="16">
        <v>0</v>
      </c>
    </row>
    <row r="134518" spans="1:7" x14ac:dyDescent="0.3">
      <c r="A134518" s="13" t="s">
        <v>606</v>
      </c>
      <c r="B134518" s="14" t="s">
        <v>1</v>
      </c>
      <c r="C134518" s="14" t="s">
        <v>596</v>
      </c>
      <c r="D134518" s="14" t="s">
        <v>292</v>
      </c>
      <c r="E134518" s="15">
        <v>45574</v>
      </c>
      <c r="F134518" s="14" t="s">
        <v>61</v>
      </c>
      <c r="G134518" s="16">
        <v>0</v>
      </c>
    </row>
    <row r="134519" spans="1:7" x14ac:dyDescent="0.3">
      <c r="A134519" s="13" t="s">
        <v>606</v>
      </c>
      <c r="B134519" s="14" t="s">
        <v>1</v>
      </c>
      <c r="C134519" s="14" t="s">
        <v>596</v>
      </c>
      <c r="D134519" s="14" t="s">
        <v>292</v>
      </c>
      <c r="E134519" s="15">
        <v>45575</v>
      </c>
      <c r="F134519" s="14" t="s">
        <v>61</v>
      </c>
      <c r="G134519" s="16">
        <v>0</v>
      </c>
    </row>
    <row r="134520" spans="1:7" x14ac:dyDescent="0.3">
      <c r="A134520" s="13" t="s">
        <v>606</v>
      </c>
      <c r="B134520" s="14" t="s">
        <v>1</v>
      </c>
      <c r="C134520" s="14" t="s">
        <v>596</v>
      </c>
      <c r="D134520" s="14" t="s">
        <v>292</v>
      </c>
      <c r="E134520" s="15">
        <v>45576</v>
      </c>
      <c r="F134520" s="14" t="s">
        <v>61</v>
      </c>
      <c r="G134520" s="16">
        <v>0</v>
      </c>
    </row>
    <row r="134521" spans="1:7" x14ac:dyDescent="0.3">
      <c r="A134521" s="13" t="s">
        <v>606</v>
      </c>
      <c r="B134521" s="14" t="s">
        <v>1</v>
      </c>
      <c r="C134521" s="14" t="s">
        <v>596</v>
      </c>
      <c r="D134521" s="14" t="s">
        <v>292</v>
      </c>
      <c r="E134521" s="15">
        <v>45577</v>
      </c>
      <c r="F134521" s="14" t="s">
        <v>61</v>
      </c>
      <c r="G134521" s="16">
        <v>0</v>
      </c>
    </row>
    <row r="134522" spans="1:7" x14ac:dyDescent="0.3">
      <c r="A134522" s="13" t="s">
        <v>606</v>
      </c>
      <c r="B134522" s="14" t="s">
        <v>1</v>
      </c>
      <c r="C134522" s="14" t="s">
        <v>596</v>
      </c>
      <c r="D134522" s="14" t="s">
        <v>292</v>
      </c>
      <c r="E134522" s="15">
        <v>45578</v>
      </c>
      <c r="F134522" s="14" t="s">
        <v>61</v>
      </c>
      <c r="G134522" s="16">
        <v>0</v>
      </c>
    </row>
    <row r="134523" spans="1:7" x14ac:dyDescent="0.3">
      <c r="A134523" s="13" t="s">
        <v>606</v>
      </c>
      <c r="B134523" s="14" t="s">
        <v>1</v>
      </c>
      <c r="C134523" s="14" t="s">
        <v>596</v>
      </c>
      <c r="D134523" s="14" t="s">
        <v>292</v>
      </c>
      <c r="E134523" s="15">
        <v>45579</v>
      </c>
      <c r="F134523" s="14" t="s">
        <v>61</v>
      </c>
      <c r="G134523" s="16">
        <v>0</v>
      </c>
    </row>
    <row r="134524" spans="1:7" x14ac:dyDescent="0.3">
      <c r="A134524" s="13" t="s">
        <v>606</v>
      </c>
      <c r="B134524" s="14" t="s">
        <v>1</v>
      </c>
      <c r="C134524" s="14" t="s">
        <v>596</v>
      </c>
      <c r="D134524" s="14" t="s">
        <v>292</v>
      </c>
      <c r="E134524" s="15">
        <v>45580</v>
      </c>
      <c r="F134524" s="14" t="s">
        <v>61</v>
      </c>
      <c r="G134524" s="16">
        <v>0</v>
      </c>
    </row>
    <row r="134525" spans="1:7" x14ac:dyDescent="0.3">
      <c r="A134525" s="13" t="s">
        <v>606</v>
      </c>
      <c r="B134525" s="14" t="s">
        <v>1</v>
      </c>
      <c r="C134525" s="14" t="s">
        <v>596</v>
      </c>
      <c r="D134525" s="14" t="s">
        <v>292</v>
      </c>
      <c r="E134525" s="15">
        <v>45581</v>
      </c>
      <c r="F134525" s="14" t="s">
        <v>61</v>
      </c>
      <c r="G134525" s="16">
        <v>0</v>
      </c>
    </row>
    <row r="134526" spans="1:7" x14ac:dyDescent="0.3">
      <c r="A134526" s="13" t="s">
        <v>606</v>
      </c>
      <c r="B134526" s="14" t="s">
        <v>1</v>
      </c>
      <c r="C134526" s="14" t="s">
        <v>596</v>
      </c>
      <c r="D134526" s="14" t="s">
        <v>292</v>
      </c>
      <c r="E134526" s="15">
        <v>45582</v>
      </c>
      <c r="F134526" s="14" t="s">
        <v>61</v>
      </c>
      <c r="G134526" s="16">
        <v>0</v>
      </c>
    </row>
    <row r="134527" spans="1:7" x14ac:dyDescent="0.3">
      <c r="A134527" s="13" t="s">
        <v>606</v>
      </c>
      <c r="B134527" s="14" t="s">
        <v>1</v>
      </c>
      <c r="C134527" s="14" t="s">
        <v>596</v>
      </c>
      <c r="D134527" s="14" t="s">
        <v>292</v>
      </c>
      <c r="E134527" s="15">
        <v>45583</v>
      </c>
      <c r="F134527" s="14" t="s">
        <v>61</v>
      </c>
      <c r="G134527" s="16">
        <v>0</v>
      </c>
    </row>
    <row r="134528" spans="1:7" x14ac:dyDescent="0.3">
      <c r="A134528" s="13" t="s">
        <v>606</v>
      </c>
      <c r="B134528" s="14" t="s">
        <v>1</v>
      </c>
      <c r="C134528" s="14" t="s">
        <v>596</v>
      </c>
      <c r="D134528" s="14" t="s">
        <v>292</v>
      </c>
      <c r="E134528" s="15">
        <v>45584</v>
      </c>
      <c r="F134528" s="14" t="s">
        <v>61</v>
      </c>
      <c r="G134528" s="16">
        <v>0</v>
      </c>
    </row>
    <row r="134529" spans="1:7" x14ac:dyDescent="0.3">
      <c r="A134529" s="13" t="s">
        <v>606</v>
      </c>
      <c r="B134529" s="14" t="s">
        <v>1</v>
      </c>
      <c r="C134529" s="14" t="s">
        <v>596</v>
      </c>
      <c r="D134529" s="14" t="s">
        <v>292</v>
      </c>
      <c r="E134529" s="15">
        <v>45585</v>
      </c>
      <c r="F134529" s="14" t="s">
        <v>61</v>
      </c>
      <c r="G134529" s="16">
        <v>0</v>
      </c>
    </row>
    <row r="134530" spans="1:7" x14ac:dyDescent="0.3">
      <c r="A134530" s="13" t="s">
        <v>606</v>
      </c>
      <c r="B134530" s="14" t="s">
        <v>1</v>
      </c>
      <c r="C134530" s="14" t="s">
        <v>596</v>
      </c>
      <c r="D134530" s="14" t="s">
        <v>292</v>
      </c>
      <c r="E134530" s="15">
        <v>45586</v>
      </c>
      <c r="F134530" s="14" t="s">
        <v>61</v>
      </c>
      <c r="G134530" s="16">
        <v>0</v>
      </c>
    </row>
    <row r="134531" spans="1:7" x14ac:dyDescent="0.3">
      <c r="A134531" s="13" t="s">
        <v>606</v>
      </c>
      <c r="B134531" s="14" t="s">
        <v>1</v>
      </c>
      <c r="C134531" s="14" t="s">
        <v>596</v>
      </c>
      <c r="D134531" s="14" t="s">
        <v>292</v>
      </c>
      <c r="E134531" s="15">
        <v>45587</v>
      </c>
      <c r="F134531" s="14" t="s">
        <v>61</v>
      </c>
      <c r="G134531" s="16">
        <v>0</v>
      </c>
    </row>
    <row r="134532" spans="1:7" x14ac:dyDescent="0.3">
      <c r="A134532" s="13" t="s">
        <v>606</v>
      </c>
      <c r="B134532" s="14" t="s">
        <v>1</v>
      </c>
      <c r="C134532" s="14" t="s">
        <v>596</v>
      </c>
      <c r="D134532" s="14" t="s">
        <v>292</v>
      </c>
      <c r="E134532" s="15">
        <v>45588</v>
      </c>
      <c r="F134532" s="14" t="s">
        <v>61</v>
      </c>
      <c r="G134532" s="16">
        <v>0</v>
      </c>
    </row>
    <row r="134533" spans="1:7" x14ac:dyDescent="0.3">
      <c r="A134533" s="13" t="s">
        <v>606</v>
      </c>
      <c r="B134533" s="14" t="s">
        <v>1</v>
      </c>
      <c r="C134533" s="14" t="s">
        <v>596</v>
      </c>
      <c r="D134533" s="14" t="s">
        <v>292</v>
      </c>
      <c r="E134533" s="15">
        <v>45589</v>
      </c>
      <c r="F134533" s="14" t="s">
        <v>61</v>
      </c>
      <c r="G134533" s="16">
        <v>0</v>
      </c>
    </row>
    <row r="134534" spans="1:7" x14ac:dyDescent="0.3">
      <c r="A134534" s="13" t="s">
        <v>606</v>
      </c>
      <c r="B134534" s="14" t="s">
        <v>1</v>
      </c>
      <c r="C134534" s="14" t="s">
        <v>596</v>
      </c>
      <c r="D134534" s="14" t="s">
        <v>292</v>
      </c>
      <c r="E134534" s="15">
        <v>45590</v>
      </c>
      <c r="F134534" s="14" t="s">
        <v>61</v>
      </c>
      <c r="G134534" s="16">
        <v>0</v>
      </c>
    </row>
    <row r="134535" spans="1:7" x14ac:dyDescent="0.3">
      <c r="A134535" s="13" t="s">
        <v>606</v>
      </c>
      <c r="B134535" s="14" t="s">
        <v>1</v>
      </c>
      <c r="C134535" s="14" t="s">
        <v>596</v>
      </c>
      <c r="D134535" s="14" t="s">
        <v>292</v>
      </c>
      <c r="E134535" s="15">
        <v>45591</v>
      </c>
      <c r="F134535" s="14" t="s">
        <v>61</v>
      </c>
      <c r="G134535" s="16">
        <v>0</v>
      </c>
    </row>
    <row r="134536" spans="1:7" x14ac:dyDescent="0.3">
      <c r="A134536" s="13" t="s">
        <v>606</v>
      </c>
      <c r="B134536" s="14" t="s">
        <v>1</v>
      </c>
      <c r="C134536" s="14" t="s">
        <v>596</v>
      </c>
      <c r="D134536" s="14" t="s">
        <v>292</v>
      </c>
      <c r="E134536" s="15">
        <v>45592</v>
      </c>
      <c r="F134536" s="14" t="s">
        <v>61</v>
      </c>
      <c r="G134536" s="16">
        <v>0</v>
      </c>
    </row>
    <row r="134537" spans="1:7" x14ac:dyDescent="0.3">
      <c r="A134537" s="13" t="s">
        <v>606</v>
      </c>
      <c r="B134537" s="14" t="s">
        <v>1</v>
      </c>
      <c r="C134537" s="14" t="s">
        <v>596</v>
      </c>
      <c r="D134537" s="14" t="s">
        <v>292</v>
      </c>
      <c r="E134537" s="15">
        <v>45593</v>
      </c>
      <c r="F134537" s="14" t="s">
        <v>61</v>
      </c>
      <c r="G134537" s="16">
        <v>0</v>
      </c>
    </row>
    <row r="134538" spans="1:7" x14ac:dyDescent="0.3">
      <c r="A134538" s="13" t="s">
        <v>606</v>
      </c>
      <c r="B134538" s="14" t="s">
        <v>1</v>
      </c>
      <c r="C134538" s="14" t="s">
        <v>596</v>
      </c>
      <c r="D134538" s="14" t="s">
        <v>292</v>
      </c>
      <c r="E134538" s="15">
        <v>45594</v>
      </c>
      <c r="F134538" s="14" t="s">
        <v>61</v>
      </c>
      <c r="G134538" s="16">
        <v>0</v>
      </c>
    </row>
    <row r="134539" spans="1:7" x14ac:dyDescent="0.3">
      <c r="A134539" s="13" t="s">
        <v>606</v>
      </c>
      <c r="B134539" s="14" t="s">
        <v>1</v>
      </c>
      <c r="C134539" s="14" t="s">
        <v>596</v>
      </c>
      <c r="D134539" s="14" t="s">
        <v>292</v>
      </c>
      <c r="E134539" s="15">
        <v>45595</v>
      </c>
      <c r="F134539" s="14" t="s">
        <v>61</v>
      </c>
      <c r="G134539" s="16">
        <v>0</v>
      </c>
    </row>
    <row r="134540" spans="1:7" x14ac:dyDescent="0.3">
      <c r="A134540" s="13" t="s">
        <v>606</v>
      </c>
      <c r="B134540" s="14" t="s">
        <v>1</v>
      </c>
      <c r="C134540" s="14" t="s">
        <v>596</v>
      </c>
      <c r="D134540" s="14" t="s">
        <v>292</v>
      </c>
      <c r="E134540" s="15">
        <v>45596</v>
      </c>
      <c r="F134540" s="14" t="s">
        <v>61</v>
      </c>
      <c r="G134540" s="16">
        <v>0</v>
      </c>
    </row>
    <row r="134541" spans="1:7" x14ac:dyDescent="0.3">
      <c r="A134541" s="13" t="s">
        <v>606</v>
      </c>
      <c r="B134541" s="14" t="s">
        <v>1</v>
      </c>
      <c r="C134541" s="14" t="s">
        <v>596</v>
      </c>
      <c r="D134541" s="14" t="s">
        <v>292</v>
      </c>
      <c r="E134541" s="15">
        <v>45597</v>
      </c>
      <c r="F134541" s="14" t="s">
        <v>61</v>
      </c>
      <c r="G134541" s="16">
        <v>0</v>
      </c>
    </row>
    <row r="134542" spans="1:7" x14ac:dyDescent="0.3">
      <c r="A134542" s="13" t="s">
        <v>606</v>
      </c>
      <c r="B134542" s="14" t="s">
        <v>1</v>
      </c>
      <c r="C134542" s="14" t="s">
        <v>596</v>
      </c>
      <c r="D134542" s="14" t="s">
        <v>292</v>
      </c>
      <c r="E134542" s="15">
        <v>45598</v>
      </c>
      <c r="F134542" s="14" t="s">
        <v>61</v>
      </c>
      <c r="G134542" s="16">
        <v>0</v>
      </c>
    </row>
    <row r="134543" spans="1:7" x14ac:dyDescent="0.3">
      <c r="A134543" s="13" t="s">
        <v>606</v>
      </c>
      <c r="B134543" s="14" t="s">
        <v>1</v>
      </c>
      <c r="C134543" s="14" t="s">
        <v>596</v>
      </c>
      <c r="D134543" s="14" t="s">
        <v>292</v>
      </c>
      <c r="E134543" s="15">
        <v>45599</v>
      </c>
      <c r="F134543" s="14" t="s">
        <v>61</v>
      </c>
      <c r="G134543" s="16">
        <v>0</v>
      </c>
    </row>
    <row r="134544" spans="1:7" x14ac:dyDescent="0.3">
      <c r="A134544" s="13" t="s">
        <v>606</v>
      </c>
      <c r="B134544" s="14" t="s">
        <v>1</v>
      </c>
      <c r="C134544" s="14" t="s">
        <v>596</v>
      </c>
      <c r="D134544" s="14" t="s">
        <v>292</v>
      </c>
      <c r="E134544" s="15">
        <v>45600</v>
      </c>
      <c r="F134544" s="14" t="s">
        <v>61</v>
      </c>
      <c r="G134544" s="16">
        <v>0</v>
      </c>
    </row>
    <row r="134545" spans="1:7" x14ac:dyDescent="0.3">
      <c r="A134545" s="13" t="s">
        <v>606</v>
      </c>
      <c r="B134545" s="14" t="s">
        <v>1</v>
      </c>
      <c r="C134545" s="14" t="s">
        <v>596</v>
      </c>
      <c r="D134545" s="14" t="s">
        <v>292</v>
      </c>
      <c r="E134545" s="15">
        <v>45601</v>
      </c>
      <c r="F134545" s="14" t="s">
        <v>61</v>
      </c>
      <c r="G134545" s="16">
        <v>0</v>
      </c>
    </row>
    <row r="134546" spans="1:7" x14ac:dyDescent="0.3">
      <c r="A134546" s="13" t="s">
        <v>606</v>
      </c>
      <c r="B134546" s="14" t="s">
        <v>1</v>
      </c>
      <c r="C134546" s="14" t="s">
        <v>596</v>
      </c>
      <c r="D134546" s="14" t="s">
        <v>292</v>
      </c>
      <c r="E134546" s="15">
        <v>45602</v>
      </c>
      <c r="F134546" s="14" t="s">
        <v>61</v>
      </c>
      <c r="G134546" s="16">
        <v>0</v>
      </c>
    </row>
    <row r="134547" spans="1:7" x14ac:dyDescent="0.3">
      <c r="A134547" s="13" t="s">
        <v>606</v>
      </c>
      <c r="B134547" s="14" t="s">
        <v>1</v>
      </c>
      <c r="C134547" s="14" t="s">
        <v>596</v>
      </c>
      <c r="D134547" s="14" t="s">
        <v>292</v>
      </c>
      <c r="E134547" s="15">
        <v>45603</v>
      </c>
      <c r="F134547" s="14" t="s">
        <v>61</v>
      </c>
      <c r="G134547" s="16">
        <v>0</v>
      </c>
    </row>
    <row r="134548" spans="1:7" x14ac:dyDescent="0.3">
      <c r="A134548" s="13" t="s">
        <v>606</v>
      </c>
      <c r="B134548" s="14" t="s">
        <v>1</v>
      </c>
      <c r="C134548" s="14" t="s">
        <v>596</v>
      </c>
      <c r="D134548" s="14" t="s">
        <v>292</v>
      </c>
      <c r="E134548" s="15">
        <v>45604</v>
      </c>
      <c r="F134548" s="14" t="s">
        <v>61</v>
      </c>
      <c r="G134548" s="16">
        <v>0</v>
      </c>
    </row>
    <row r="134549" spans="1:7" x14ac:dyDescent="0.3">
      <c r="A134549" s="13" t="s">
        <v>606</v>
      </c>
      <c r="B134549" s="14" t="s">
        <v>1</v>
      </c>
      <c r="C134549" s="14" t="s">
        <v>596</v>
      </c>
      <c r="D134549" s="14" t="s">
        <v>292</v>
      </c>
      <c r="E134549" s="15">
        <v>45605</v>
      </c>
      <c r="F134549" s="14" t="s">
        <v>61</v>
      </c>
      <c r="G134549" s="16">
        <v>0</v>
      </c>
    </row>
    <row r="134550" spans="1:7" x14ac:dyDescent="0.3">
      <c r="A134550" s="13" t="s">
        <v>606</v>
      </c>
      <c r="B134550" s="14" t="s">
        <v>1</v>
      </c>
      <c r="C134550" s="14" t="s">
        <v>596</v>
      </c>
      <c r="D134550" s="14" t="s">
        <v>292</v>
      </c>
      <c r="E134550" s="15">
        <v>45606</v>
      </c>
      <c r="F134550" s="14" t="s">
        <v>61</v>
      </c>
      <c r="G134550" s="16">
        <v>0</v>
      </c>
    </row>
    <row r="134551" spans="1:7" x14ac:dyDescent="0.3">
      <c r="A134551" s="13" t="s">
        <v>606</v>
      </c>
      <c r="B134551" s="14" t="s">
        <v>1</v>
      </c>
      <c r="C134551" s="14" t="s">
        <v>596</v>
      </c>
      <c r="D134551" s="14" t="s">
        <v>292</v>
      </c>
      <c r="E134551" s="15">
        <v>45607</v>
      </c>
      <c r="F134551" s="14" t="s">
        <v>61</v>
      </c>
      <c r="G134551" s="16">
        <v>0</v>
      </c>
    </row>
    <row r="134552" spans="1:7" x14ac:dyDescent="0.3">
      <c r="A134552" s="13" t="s">
        <v>606</v>
      </c>
      <c r="B134552" s="14" t="s">
        <v>1</v>
      </c>
      <c r="C134552" s="14" t="s">
        <v>596</v>
      </c>
      <c r="D134552" s="14" t="s">
        <v>292</v>
      </c>
      <c r="E134552" s="15">
        <v>45608</v>
      </c>
      <c r="F134552" s="14" t="s">
        <v>61</v>
      </c>
      <c r="G134552" s="16">
        <v>0</v>
      </c>
    </row>
    <row r="134553" spans="1:7" x14ac:dyDescent="0.3">
      <c r="A134553" s="13" t="s">
        <v>606</v>
      </c>
      <c r="B134553" s="14" t="s">
        <v>1</v>
      </c>
      <c r="C134553" s="14" t="s">
        <v>596</v>
      </c>
      <c r="D134553" s="14" t="s">
        <v>292</v>
      </c>
      <c r="E134553" s="15">
        <v>45609</v>
      </c>
      <c r="F134553" s="14" t="s">
        <v>61</v>
      </c>
      <c r="G134553" s="16">
        <v>0</v>
      </c>
    </row>
    <row r="134554" spans="1:7" x14ac:dyDescent="0.3">
      <c r="A134554" s="13" t="s">
        <v>606</v>
      </c>
      <c r="B134554" s="14" t="s">
        <v>1</v>
      </c>
      <c r="C134554" s="14" t="s">
        <v>596</v>
      </c>
      <c r="D134554" s="14" t="s">
        <v>292</v>
      </c>
      <c r="E134554" s="15">
        <v>45610</v>
      </c>
      <c r="F134554" s="14" t="s">
        <v>61</v>
      </c>
      <c r="G134554" s="16">
        <v>0</v>
      </c>
    </row>
    <row r="134555" spans="1:7" x14ac:dyDescent="0.3">
      <c r="A134555" s="13" t="s">
        <v>606</v>
      </c>
      <c r="B134555" s="14" t="s">
        <v>1</v>
      </c>
      <c r="C134555" s="14" t="s">
        <v>596</v>
      </c>
      <c r="D134555" s="14" t="s">
        <v>292</v>
      </c>
      <c r="E134555" s="15">
        <v>45611</v>
      </c>
      <c r="F134555" s="14" t="s">
        <v>61</v>
      </c>
      <c r="G134555" s="16">
        <v>0</v>
      </c>
    </row>
    <row r="134556" spans="1:7" x14ac:dyDescent="0.3">
      <c r="A134556" s="13" t="s">
        <v>606</v>
      </c>
      <c r="B134556" s="14" t="s">
        <v>1</v>
      </c>
      <c r="C134556" s="14" t="s">
        <v>596</v>
      </c>
      <c r="D134556" s="14" t="s">
        <v>292</v>
      </c>
      <c r="E134556" s="15">
        <v>45612</v>
      </c>
      <c r="F134556" s="14" t="s">
        <v>61</v>
      </c>
      <c r="G134556" s="16">
        <v>0</v>
      </c>
    </row>
    <row r="134557" spans="1:7" x14ac:dyDescent="0.3">
      <c r="A134557" s="13" t="s">
        <v>606</v>
      </c>
      <c r="B134557" s="14" t="s">
        <v>1</v>
      </c>
      <c r="C134557" s="14" t="s">
        <v>596</v>
      </c>
      <c r="D134557" s="14" t="s">
        <v>292</v>
      </c>
      <c r="E134557" s="15">
        <v>45613</v>
      </c>
      <c r="F134557" s="14" t="s">
        <v>61</v>
      </c>
      <c r="G134557" s="16">
        <v>0</v>
      </c>
    </row>
    <row r="134558" spans="1:7" x14ac:dyDescent="0.3">
      <c r="A134558" s="13" t="s">
        <v>606</v>
      </c>
      <c r="B134558" s="14" t="s">
        <v>1</v>
      </c>
      <c r="C134558" s="14" t="s">
        <v>596</v>
      </c>
      <c r="D134558" s="14" t="s">
        <v>292</v>
      </c>
      <c r="E134558" s="15">
        <v>45614</v>
      </c>
      <c r="F134558" s="14" t="s">
        <v>61</v>
      </c>
      <c r="G134558" s="16">
        <v>0</v>
      </c>
    </row>
    <row r="134559" spans="1:7" x14ac:dyDescent="0.3">
      <c r="A134559" s="13" t="s">
        <v>606</v>
      </c>
      <c r="B134559" s="14" t="s">
        <v>1</v>
      </c>
      <c r="C134559" s="14" t="s">
        <v>596</v>
      </c>
      <c r="D134559" s="14" t="s">
        <v>292</v>
      </c>
      <c r="E134559" s="15">
        <v>45615</v>
      </c>
      <c r="F134559" s="14" t="s">
        <v>61</v>
      </c>
      <c r="G134559" s="16">
        <v>0</v>
      </c>
    </row>
    <row r="134560" spans="1:7" x14ac:dyDescent="0.3">
      <c r="A134560" s="13" t="s">
        <v>606</v>
      </c>
      <c r="B134560" s="14" t="s">
        <v>1</v>
      </c>
      <c r="C134560" s="14" t="s">
        <v>596</v>
      </c>
      <c r="D134560" s="14" t="s">
        <v>292</v>
      </c>
      <c r="E134560" s="15">
        <v>45616</v>
      </c>
      <c r="F134560" s="14" t="s">
        <v>61</v>
      </c>
      <c r="G134560" s="16">
        <v>0</v>
      </c>
    </row>
    <row r="134561" spans="1:7" x14ac:dyDescent="0.3">
      <c r="A134561" s="13" t="s">
        <v>606</v>
      </c>
      <c r="B134561" s="14" t="s">
        <v>1</v>
      </c>
      <c r="C134561" s="14" t="s">
        <v>596</v>
      </c>
      <c r="D134561" s="14" t="s">
        <v>292</v>
      </c>
      <c r="E134561" s="15">
        <v>45617</v>
      </c>
      <c r="F134561" s="14" t="s">
        <v>61</v>
      </c>
      <c r="G134561" s="16">
        <v>0</v>
      </c>
    </row>
    <row r="134562" spans="1:7" x14ac:dyDescent="0.3">
      <c r="A134562" s="13" t="s">
        <v>606</v>
      </c>
      <c r="B134562" s="14" t="s">
        <v>1</v>
      </c>
      <c r="C134562" s="14" t="s">
        <v>596</v>
      </c>
      <c r="D134562" s="14" t="s">
        <v>292</v>
      </c>
      <c r="E134562" s="15">
        <v>45618</v>
      </c>
      <c r="F134562" s="14" t="s">
        <v>61</v>
      </c>
      <c r="G134562" s="16">
        <v>0</v>
      </c>
    </row>
    <row r="134563" spans="1:7" x14ac:dyDescent="0.3">
      <c r="A134563" s="13" t="s">
        <v>606</v>
      </c>
      <c r="B134563" s="14" t="s">
        <v>1</v>
      </c>
      <c r="C134563" s="14" t="s">
        <v>596</v>
      </c>
      <c r="D134563" s="14" t="s">
        <v>292</v>
      </c>
      <c r="E134563" s="15">
        <v>45619</v>
      </c>
      <c r="F134563" s="14" t="s">
        <v>61</v>
      </c>
      <c r="G134563" s="16">
        <v>0</v>
      </c>
    </row>
    <row r="134564" spans="1:7" x14ac:dyDescent="0.3">
      <c r="A134564" s="13" t="s">
        <v>606</v>
      </c>
      <c r="B134564" s="14" t="s">
        <v>1</v>
      </c>
      <c r="C134564" s="14" t="s">
        <v>596</v>
      </c>
      <c r="D134564" s="14" t="s">
        <v>292</v>
      </c>
      <c r="E134564" s="15">
        <v>45620</v>
      </c>
      <c r="F134564" s="14" t="s">
        <v>61</v>
      </c>
      <c r="G134564" s="16">
        <v>0</v>
      </c>
    </row>
    <row r="134565" spans="1:7" x14ac:dyDescent="0.3">
      <c r="A134565" s="13" t="s">
        <v>606</v>
      </c>
      <c r="B134565" s="14" t="s">
        <v>1</v>
      </c>
      <c r="C134565" s="14" t="s">
        <v>596</v>
      </c>
      <c r="D134565" s="14" t="s">
        <v>292</v>
      </c>
      <c r="E134565" s="15">
        <v>45621</v>
      </c>
      <c r="F134565" s="14" t="s">
        <v>61</v>
      </c>
      <c r="G134565" s="16">
        <v>0</v>
      </c>
    </row>
    <row r="134566" spans="1:7" x14ac:dyDescent="0.3">
      <c r="A134566" s="13" t="s">
        <v>606</v>
      </c>
      <c r="B134566" s="14" t="s">
        <v>1</v>
      </c>
      <c r="C134566" s="14" t="s">
        <v>596</v>
      </c>
      <c r="D134566" s="14" t="s">
        <v>292</v>
      </c>
      <c r="E134566" s="15">
        <v>45622</v>
      </c>
      <c r="F134566" s="14" t="s">
        <v>61</v>
      </c>
      <c r="G134566" s="16">
        <v>0</v>
      </c>
    </row>
    <row r="134567" spans="1:7" x14ac:dyDescent="0.3">
      <c r="A134567" s="13" t="s">
        <v>606</v>
      </c>
      <c r="B134567" s="14" t="s">
        <v>1</v>
      </c>
      <c r="C134567" s="14" t="s">
        <v>596</v>
      </c>
      <c r="D134567" s="14" t="s">
        <v>292</v>
      </c>
      <c r="E134567" s="15">
        <v>45623</v>
      </c>
      <c r="F134567" s="14" t="s">
        <v>61</v>
      </c>
      <c r="G134567" s="16">
        <v>0</v>
      </c>
    </row>
    <row r="134568" spans="1:7" x14ac:dyDescent="0.3">
      <c r="A134568" s="13" t="s">
        <v>606</v>
      </c>
      <c r="B134568" s="14" t="s">
        <v>1</v>
      </c>
      <c r="C134568" s="14" t="s">
        <v>596</v>
      </c>
      <c r="D134568" s="14" t="s">
        <v>292</v>
      </c>
      <c r="E134568" s="15">
        <v>45624</v>
      </c>
      <c r="F134568" s="14" t="s">
        <v>61</v>
      </c>
      <c r="G134568" s="16">
        <v>0</v>
      </c>
    </row>
    <row r="134569" spans="1:7" x14ac:dyDescent="0.3">
      <c r="A134569" s="13" t="s">
        <v>606</v>
      </c>
      <c r="B134569" s="14" t="s">
        <v>1</v>
      </c>
      <c r="C134569" s="14" t="s">
        <v>596</v>
      </c>
      <c r="D134569" s="14" t="s">
        <v>292</v>
      </c>
      <c r="E134569" s="15">
        <v>45625</v>
      </c>
      <c r="F134569" s="14" t="s">
        <v>61</v>
      </c>
      <c r="G134569" s="16">
        <v>0</v>
      </c>
    </row>
    <row r="134570" spans="1:7" x14ac:dyDescent="0.3">
      <c r="A134570" s="13" t="s">
        <v>606</v>
      </c>
      <c r="B134570" s="14" t="s">
        <v>1</v>
      </c>
      <c r="C134570" s="14" t="s">
        <v>596</v>
      </c>
      <c r="D134570" s="14" t="s">
        <v>292</v>
      </c>
      <c r="E134570" s="15">
        <v>45626</v>
      </c>
      <c r="F134570" s="14" t="s">
        <v>61</v>
      </c>
      <c r="G134570" s="16">
        <v>0</v>
      </c>
    </row>
    <row r="134571" spans="1:7" x14ac:dyDescent="0.3">
      <c r="A134571" s="13" t="s">
        <v>606</v>
      </c>
      <c r="B134571" s="14" t="s">
        <v>1</v>
      </c>
      <c r="C134571" s="14" t="s">
        <v>596</v>
      </c>
      <c r="D134571" s="14" t="s">
        <v>292</v>
      </c>
      <c r="E134571" s="15">
        <v>45627</v>
      </c>
      <c r="F134571" s="14" t="s">
        <v>61</v>
      </c>
      <c r="G134571" s="16">
        <v>0</v>
      </c>
    </row>
    <row r="134572" spans="1:7" x14ac:dyDescent="0.3">
      <c r="A134572" s="13" t="s">
        <v>606</v>
      </c>
      <c r="B134572" s="14" t="s">
        <v>1</v>
      </c>
      <c r="C134572" s="14" t="s">
        <v>596</v>
      </c>
      <c r="D134572" s="14" t="s">
        <v>292</v>
      </c>
      <c r="E134572" s="15">
        <v>45628</v>
      </c>
      <c r="F134572" s="14" t="s">
        <v>61</v>
      </c>
      <c r="G134572" s="16">
        <v>0</v>
      </c>
    </row>
    <row r="134573" spans="1:7" x14ac:dyDescent="0.3">
      <c r="A134573" s="13" t="s">
        <v>606</v>
      </c>
      <c r="B134573" s="14" t="s">
        <v>1</v>
      </c>
      <c r="C134573" s="14" t="s">
        <v>596</v>
      </c>
      <c r="D134573" s="14" t="s">
        <v>292</v>
      </c>
      <c r="E134573" s="15">
        <v>45629</v>
      </c>
      <c r="F134573" s="14" t="s">
        <v>61</v>
      </c>
      <c r="G134573" s="16">
        <v>0</v>
      </c>
    </row>
    <row r="134574" spans="1:7" x14ac:dyDescent="0.3">
      <c r="A134574" s="13" t="s">
        <v>606</v>
      </c>
      <c r="B134574" s="14" t="s">
        <v>1</v>
      </c>
      <c r="C134574" s="14" t="s">
        <v>596</v>
      </c>
      <c r="D134574" s="14" t="s">
        <v>292</v>
      </c>
      <c r="E134574" s="15">
        <v>45630</v>
      </c>
      <c r="F134574" s="14" t="s">
        <v>61</v>
      </c>
      <c r="G134574" s="16">
        <v>0</v>
      </c>
    </row>
    <row r="134575" spans="1:7" x14ac:dyDescent="0.3">
      <c r="A134575" s="13" t="s">
        <v>606</v>
      </c>
      <c r="B134575" s="14" t="s">
        <v>1</v>
      </c>
      <c r="C134575" s="14" t="s">
        <v>596</v>
      </c>
      <c r="D134575" s="14" t="s">
        <v>292</v>
      </c>
      <c r="E134575" s="15">
        <v>45631</v>
      </c>
      <c r="F134575" s="14" t="s">
        <v>61</v>
      </c>
      <c r="G134575" s="16">
        <v>0</v>
      </c>
    </row>
    <row r="134576" spans="1:7" x14ac:dyDescent="0.3">
      <c r="A134576" s="13" t="s">
        <v>606</v>
      </c>
      <c r="B134576" s="14" t="s">
        <v>1</v>
      </c>
      <c r="C134576" s="14" t="s">
        <v>596</v>
      </c>
      <c r="D134576" s="14" t="s">
        <v>292</v>
      </c>
      <c r="E134576" s="15">
        <v>45632</v>
      </c>
      <c r="F134576" s="14" t="s">
        <v>61</v>
      </c>
      <c r="G134576" s="16">
        <v>0</v>
      </c>
    </row>
    <row r="134577" spans="1:7" x14ac:dyDescent="0.3">
      <c r="A134577" s="13" t="s">
        <v>606</v>
      </c>
      <c r="B134577" s="14" t="s">
        <v>1</v>
      </c>
      <c r="C134577" s="14" t="s">
        <v>596</v>
      </c>
      <c r="D134577" s="14" t="s">
        <v>292</v>
      </c>
      <c r="E134577" s="15">
        <v>45633</v>
      </c>
      <c r="F134577" s="14" t="s">
        <v>61</v>
      </c>
      <c r="G134577" s="16">
        <v>0</v>
      </c>
    </row>
    <row r="134578" spans="1:7" x14ac:dyDescent="0.3">
      <c r="A134578" s="13" t="s">
        <v>606</v>
      </c>
      <c r="B134578" s="14" t="s">
        <v>1</v>
      </c>
      <c r="C134578" s="14" t="s">
        <v>596</v>
      </c>
      <c r="D134578" s="14" t="s">
        <v>292</v>
      </c>
      <c r="E134578" s="15">
        <v>45634</v>
      </c>
      <c r="F134578" s="14" t="s">
        <v>61</v>
      </c>
      <c r="G134578" s="16">
        <v>0</v>
      </c>
    </row>
    <row r="134579" spans="1:7" x14ac:dyDescent="0.3">
      <c r="A134579" s="13" t="s">
        <v>606</v>
      </c>
      <c r="B134579" s="14" t="s">
        <v>1</v>
      </c>
      <c r="C134579" s="14" t="s">
        <v>596</v>
      </c>
      <c r="D134579" s="14" t="s">
        <v>292</v>
      </c>
      <c r="E134579" s="15">
        <v>45635</v>
      </c>
      <c r="F134579" s="14" t="s">
        <v>61</v>
      </c>
      <c r="G134579" s="16">
        <v>0</v>
      </c>
    </row>
    <row r="134580" spans="1:7" x14ac:dyDescent="0.3">
      <c r="A134580" s="13" t="s">
        <v>606</v>
      </c>
      <c r="B134580" s="14" t="s">
        <v>1</v>
      </c>
      <c r="C134580" s="14" t="s">
        <v>596</v>
      </c>
      <c r="D134580" s="14" t="s">
        <v>292</v>
      </c>
      <c r="E134580" s="15">
        <v>45636</v>
      </c>
      <c r="F134580" s="14" t="s">
        <v>61</v>
      </c>
      <c r="G134580" s="16">
        <v>0</v>
      </c>
    </row>
    <row r="134581" spans="1:7" x14ac:dyDescent="0.3">
      <c r="A134581" s="13" t="s">
        <v>606</v>
      </c>
      <c r="B134581" s="14" t="s">
        <v>1</v>
      </c>
      <c r="C134581" s="14" t="s">
        <v>596</v>
      </c>
      <c r="D134581" s="14" t="s">
        <v>292</v>
      </c>
      <c r="E134581" s="15">
        <v>45637</v>
      </c>
      <c r="F134581" s="14" t="s">
        <v>61</v>
      </c>
      <c r="G134581" s="16">
        <v>0</v>
      </c>
    </row>
    <row r="134582" spans="1:7" x14ac:dyDescent="0.3">
      <c r="A134582" s="13" t="s">
        <v>606</v>
      </c>
      <c r="B134582" s="14" t="s">
        <v>1</v>
      </c>
      <c r="C134582" s="14" t="s">
        <v>596</v>
      </c>
      <c r="D134582" s="14" t="s">
        <v>292</v>
      </c>
      <c r="E134582" s="15">
        <v>45638</v>
      </c>
      <c r="F134582" s="14" t="s">
        <v>61</v>
      </c>
      <c r="G134582" s="16">
        <v>0</v>
      </c>
    </row>
    <row r="134583" spans="1:7" x14ac:dyDescent="0.3">
      <c r="A134583" s="13" t="s">
        <v>606</v>
      </c>
      <c r="B134583" s="14" t="s">
        <v>1</v>
      </c>
      <c r="C134583" s="14" t="s">
        <v>596</v>
      </c>
      <c r="D134583" s="14" t="s">
        <v>292</v>
      </c>
      <c r="E134583" s="15">
        <v>45639</v>
      </c>
      <c r="F134583" s="14" t="s">
        <v>61</v>
      </c>
      <c r="G134583" s="16">
        <v>0</v>
      </c>
    </row>
    <row r="134584" spans="1:7" x14ac:dyDescent="0.3">
      <c r="A134584" s="13" t="s">
        <v>606</v>
      </c>
      <c r="B134584" s="14" t="s">
        <v>1</v>
      </c>
      <c r="C134584" s="14" t="s">
        <v>596</v>
      </c>
      <c r="D134584" s="14" t="s">
        <v>292</v>
      </c>
      <c r="E134584" s="15">
        <v>45640</v>
      </c>
      <c r="F134584" s="14" t="s">
        <v>61</v>
      </c>
      <c r="G134584" s="16">
        <v>0</v>
      </c>
    </row>
    <row r="134585" spans="1:7" x14ac:dyDescent="0.3">
      <c r="A134585" s="13" t="s">
        <v>606</v>
      </c>
      <c r="B134585" s="14" t="s">
        <v>1</v>
      </c>
      <c r="C134585" s="14" t="s">
        <v>596</v>
      </c>
      <c r="D134585" s="14" t="s">
        <v>292</v>
      </c>
      <c r="E134585" s="15">
        <v>45641</v>
      </c>
      <c r="F134585" s="14" t="s">
        <v>61</v>
      </c>
      <c r="G134585" s="16">
        <v>0</v>
      </c>
    </row>
    <row r="134586" spans="1:7" x14ac:dyDescent="0.3">
      <c r="A134586" s="13" t="s">
        <v>606</v>
      </c>
      <c r="B134586" s="14" t="s">
        <v>1</v>
      </c>
      <c r="C134586" s="14" t="s">
        <v>596</v>
      </c>
      <c r="D134586" s="14" t="s">
        <v>292</v>
      </c>
      <c r="E134586" s="15">
        <v>45642</v>
      </c>
      <c r="F134586" s="14" t="s">
        <v>61</v>
      </c>
      <c r="G134586" s="16">
        <v>0</v>
      </c>
    </row>
    <row r="134587" spans="1:7" x14ac:dyDescent="0.3">
      <c r="A134587" s="13" t="s">
        <v>606</v>
      </c>
      <c r="B134587" s="14" t="s">
        <v>1</v>
      </c>
      <c r="C134587" s="14" t="s">
        <v>596</v>
      </c>
      <c r="D134587" s="14" t="s">
        <v>292</v>
      </c>
      <c r="E134587" s="15">
        <v>45643</v>
      </c>
      <c r="F134587" s="14" t="s">
        <v>61</v>
      </c>
      <c r="G134587" s="16">
        <v>0</v>
      </c>
    </row>
    <row r="134588" spans="1:7" x14ac:dyDescent="0.3">
      <c r="A134588" s="13" t="s">
        <v>606</v>
      </c>
      <c r="B134588" s="14" t="s">
        <v>1</v>
      </c>
      <c r="C134588" s="14" t="s">
        <v>596</v>
      </c>
      <c r="D134588" s="14" t="s">
        <v>292</v>
      </c>
      <c r="E134588" s="15">
        <v>45644</v>
      </c>
      <c r="F134588" s="14" t="s">
        <v>61</v>
      </c>
      <c r="G134588" s="16">
        <v>0</v>
      </c>
    </row>
    <row r="134589" spans="1:7" x14ac:dyDescent="0.3">
      <c r="A134589" s="13" t="s">
        <v>606</v>
      </c>
      <c r="B134589" s="14" t="s">
        <v>1</v>
      </c>
      <c r="C134589" s="14" t="s">
        <v>596</v>
      </c>
      <c r="D134589" s="14" t="s">
        <v>292</v>
      </c>
      <c r="E134589" s="15">
        <v>45645</v>
      </c>
      <c r="F134589" s="14" t="s">
        <v>61</v>
      </c>
      <c r="G134589" s="16">
        <v>0</v>
      </c>
    </row>
    <row r="134590" spans="1:7" x14ac:dyDescent="0.3">
      <c r="A134590" s="13" t="s">
        <v>606</v>
      </c>
      <c r="B134590" s="14" t="s">
        <v>1</v>
      </c>
      <c r="C134590" s="14" t="s">
        <v>596</v>
      </c>
      <c r="D134590" s="14" t="s">
        <v>292</v>
      </c>
      <c r="E134590" s="15">
        <v>45646</v>
      </c>
      <c r="F134590" s="14" t="s">
        <v>61</v>
      </c>
      <c r="G134590" s="16">
        <v>0</v>
      </c>
    </row>
    <row r="134591" spans="1:7" x14ac:dyDescent="0.3">
      <c r="A134591" s="13" t="s">
        <v>606</v>
      </c>
      <c r="B134591" s="14" t="s">
        <v>1</v>
      </c>
      <c r="C134591" s="14" t="s">
        <v>596</v>
      </c>
      <c r="D134591" s="14" t="s">
        <v>292</v>
      </c>
      <c r="E134591" s="15">
        <v>45647</v>
      </c>
      <c r="F134591" s="14" t="s">
        <v>61</v>
      </c>
      <c r="G134591" s="16">
        <v>0</v>
      </c>
    </row>
    <row r="134592" spans="1:7" x14ac:dyDescent="0.3">
      <c r="A134592" s="13" t="s">
        <v>606</v>
      </c>
      <c r="B134592" s="14" t="s">
        <v>1</v>
      </c>
      <c r="C134592" s="14" t="s">
        <v>596</v>
      </c>
      <c r="D134592" s="14" t="s">
        <v>292</v>
      </c>
      <c r="E134592" s="15">
        <v>45648</v>
      </c>
      <c r="F134592" s="14" t="s">
        <v>61</v>
      </c>
      <c r="G134592" s="16">
        <v>0</v>
      </c>
    </row>
    <row r="134593" spans="1:7" x14ac:dyDescent="0.3">
      <c r="A134593" s="13" t="s">
        <v>606</v>
      </c>
      <c r="B134593" s="14" t="s">
        <v>1</v>
      </c>
      <c r="C134593" s="14" t="s">
        <v>596</v>
      </c>
      <c r="D134593" s="14" t="s">
        <v>292</v>
      </c>
      <c r="E134593" s="15">
        <v>45649</v>
      </c>
      <c r="F134593" s="14" t="s">
        <v>61</v>
      </c>
      <c r="G134593" s="16">
        <v>0</v>
      </c>
    </row>
    <row r="134594" spans="1:7" x14ac:dyDescent="0.3">
      <c r="A134594" s="13" t="s">
        <v>606</v>
      </c>
      <c r="B134594" s="14" t="s">
        <v>1</v>
      </c>
      <c r="C134594" s="14" t="s">
        <v>596</v>
      </c>
      <c r="D134594" s="14" t="s">
        <v>292</v>
      </c>
      <c r="E134594" s="15">
        <v>45650</v>
      </c>
      <c r="F134594" s="14" t="s">
        <v>61</v>
      </c>
      <c r="G134594" s="16">
        <v>0</v>
      </c>
    </row>
    <row r="134595" spans="1:7" x14ac:dyDescent="0.3">
      <c r="A134595" s="13" t="s">
        <v>606</v>
      </c>
      <c r="B134595" s="14" t="s">
        <v>1</v>
      </c>
      <c r="C134595" s="14" t="s">
        <v>596</v>
      </c>
      <c r="D134595" s="14" t="s">
        <v>292</v>
      </c>
      <c r="E134595" s="15">
        <v>45651</v>
      </c>
      <c r="F134595" s="14" t="s">
        <v>61</v>
      </c>
      <c r="G134595" s="16">
        <v>0</v>
      </c>
    </row>
    <row r="134596" spans="1:7" x14ac:dyDescent="0.3">
      <c r="A134596" s="13" t="s">
        <v>606</v>
      </c>
      <c r="B134596" s="14" t="s">
        <v>1</v>
      </c>
      <c r="C134596" s="14" t="s">
        <v>596</v>
      </c>
      <c r="D134596" s="14" t="s">
        <v>292</v>
      </c>
      <c r="E134596" s="15">
        <v>45652</v>
      </c>
      <c r="F134596" s="14" t="s">
        <v>61</v>
      </c>
      <c r="G134596" s="16">
        <v>0</v>
      </c>
    </row>
    <row r="134597" spans="1:7" x14ac:dyDescent="0.3">
      <c r="A134597" s="13" t="s">
        <v>606</v>
      </c>
      <c r="B134597" s="14" t="s">
        <v>1</v>
      </c>
      <c r="C134597" s="14" t="s">
        <v>596</v>
      </c>
      <c r="D134597" s="14" t="s">
        <v>292</v>
      </c>
      <c r="E134597" s="15">
        <v>45653</v>
      </c>
      <c r="F134597" s="14" t="s">
        <v>61</v>
      </c>
      <c r="G134597" s="16">
        <v>0</v>
      </c>
    </row>
    <row r="134598" spans="1:7" x14ac:dyDescent="0.3">
      <c r="A134598" s="13" t="s">
        <v>606</v>
      </c>
      <c r="B134598" s="14" t="s">
        <v>1</v>
      </c>
      <c r="C134598" s="14" t="s">
        <v>596</v>
      </c>
      <c r="D134598" s="14" t="s">
        <v>292</v>
      </c>
      <c r="E134598" s="15">
        <v>45654</v>
      </c>
      <c r="F134598" s="14" t="s">
        <v>61</v>
      </c>
      <c r="G134598" s="16">
        <v>0</v>
      </c>
    </row>
    <row r="134599" spans="1:7" x14ac:dyDescent="0.3">
      <c r="A134599" s="13" t="s">
        <v>606</v>
      </c>
      <c r="B134599" s="14" t="s">
        <v>1</v>
      </c>
      <c r="C134599" s="14" t="s">
        <v>596</v>
      </c>
      <c r="D134599" s="14" t="s">
        <v>292</v>
      </c>
      <c r="E134599" s="15">
        <v>45655</v>
      </c>
      <c r="F134599" s="14" t="s">
        <v>61</v>
      </c>
      <c r="G134599" s="16">
        <v>0</v>
      </c>
    </row>
    <row r="134600" spans="1:7" x14ac:dyDescent="0.3">
      <c r="A134600" s="13" t="s">
        <v>606</v>
      </c>
      <c r="B134600" s="14" t="s">
        <v>1</v>
      </c>
      <c r="C134600" s="14" t="s">
        <v>596</v>
      </c>
      <c r="D134600" s="14" t="s">
        <v>292</v>
      </c>
      <c r="E134600" s="15">
        <v>45656</v>
      </c>
      <c r="F134600" s="14" t="s">
        <v>61</v>
      </c>
      <c r="G134600" s="16">
        <v>0</v>
      </c>
    </row>
    <row r="134601" spans="1:7" x14ac:dyDescent="0.3">
      <c r="A134601" s="13" t="s">
        <v>606</v>
      </c>
      <c r="B134601" s="14" t="s">
        <v>1</v>
      </c>
      <c r="C134601" s="14" t="s">
        <v>596</v>
      </c>
      <c r="D134601" s="14" t="s">
        <v>292</v>
      </c>
      <c r="E134601" s="15">
        <v>45657</v>
      </c>
      <c r="F134601" s="14" t="s">
        <v>61</v>
      </c>
      <c r="G134601" s="16">
        <v>0</v>
      </c>
    </row>
    <row r="134602" spans="1:7" x14ac:dyDescent="0.3">
      <c r="A134602" s="13" t="s">
        <v>606</v>
      </c>
      <c r="B134602" s="14" t="s">
        <v>1</v>
      </c>
      <c r="C134602" s="14" t="s">
        <v>596</v>
      </c>
      <c r="D134602" s="14" t="s">
        <v>292</v>
      </c>
      <c r="E134602" s="15">
        <v>45658</v>
      </c>
      <c r="F134602" s="14" t="s">
        <v>61</v>
      </c>
      <c r="G134602" s="16">
        <v>0</v>
      </c>
    </row>
    <row r="134603" spans="1:7" x14ac:dyDescent="0.3">
      <c r="A134603" s="13" t="s">
        <v>606</v>
      </c>
      <c r="B134603" s="14" t="s">
        <v>1</v>
      </c>
      <c r="C134603" s="14" t="s">
        <v>596</v>
      </c>
      <c r="D134603" s="14" t="s">
        <v>292</v>
      </c>
      <c r="E134603" s="15">
        <v>45659</v>
      </c>
      <c r="F134603" s="14" t="s">
        <v>61</v>
      </c>
      <c r="G134603" s="16">
        <v>0</v>
      </c>
    </row>
    <row r="134604" spans="1:7" x14ac:dyDescent="0.3">
      <c r="A134604" s="13" t="s">
        <v>606</v>
      </c>
      <c r="B134604" s="14" t="s">
        <v>1</v>
      </c>
      <c r="C134604" s="14" t="s">
        <v>596</v>
      </c>
      <c r="D134604" s="14" t="s">
        <v>292</v>
      </c>
      <c r="E134604" s="15">
        <v>45660</v>
      </c>
      <c r="F134604" s="14" t="s">
        <v>61</v>
      </c>
      <c r="G134604" s="16">
        <v>0</v>
      </c>
    </row>
    <row r="134605" spans="1:7" x14ac:dyDescent="0.3">
      <c r="A134605" s="13" t="s">
        <v>606</v>
      </c>
      <c r="B134605" s="14" t="s">
        <v>1</v>
      </c>
      <c r="C134605" s="14" t="s">
        <v>596</v>
      </c>
      <c r="D134605" s="14" t="s">
        <v>292</v>
      </c>
      <c r="E134605" s="15">
        <v>45661</v>
      </c>
      <c r="F134605" s="14" t="s">
        <v>61</v>
      </c>
      <c r="G134605" s="16">
        <v>0</v>
      </c>
    </row>
    <row r="134606" spans="1:7" x14ac:dyDescent="0.3">
      <c r="A134606" s="13" t="s">
        <v>606</v>
      </c>
      <c r="B134606" s="14" t="s">
        <v>1</v>
      </c>
      <c r="C134606" s="14" t="s">
        <v>596</v>
      </c>
      <c r="D134606" s="14" t="s">
        <v>292</v>
      </c>
      <c r="E134606" s="15">
        <v>45662</v>
      </c>
      <c r="F134606" s="14" t="s">
        <v>61</v>
      </c>
      <c r="G134606" s="16">
        <v>0</v>
      </c>
    </row>
    <row r="134607" spans="1:7" x14ac:dyDescent="0.3">
      <c r="A134607" s="13" t="s">
        <v>606</v>
      </c>
      <c r="B134607" s="14" t="s">
        <v>1</v>
      </c>
      <c r="C134607" s="14" t="s">
        <v>596</v>
      </c>
      <c r="D134607" s="14" t="s">
        <v>292</v>
      </c>
      <c r="E134607" s="15">
        <v>45663</v>
      </c>
      <c r="F134607" s="14" t="s">
        <v>61</v>
      </c>
      <c r="G134607" s="16">
        <v>0</v>
      </c>
    </row>
    <row r="134608" spans="1:7" x14ac:dyDescent="0.3">
      <c r="A134608" s="13" t="s">
        <v>606</v>
      </c>
      <c r="B134608" s="14" t="s">
        <v>1</v>
      </c>
      <c r="C134608" s="14" t="s">
        <v>596</v>
      </c>
      <c r="D134608" s="14" t="s">
        <v>292</v>
      </c>
      <c r="E134608" s="15">
        <v>45664</v>
      </c>
      <c r="F134608" s="14" t="s">
        <v>61</v>
      </c>
      <c r="G134608" s="16">
        <v>0</v>
      </c>
    </row>
    <row r="134609" spans="1:7" x14ac:dyDescent="0.3">
      <c r="A134609" s="13" t="s">
        <v>606</v>
      </c>
      <c r="B134609" s="14" t="s">
        <v>1</v>
      </c>
      <c r="C134609" s="14" t="s">
        <v>596</v>
      </c>
      <c r="D134609" s="14" t="s">
        <v>292</v>
      </c>
      <c r="E134609" s="15">
        <v>45665</v>
      </c>
      <c r="F134609" s="14" t="s">
        <v>61</v>
      </c>
      <c r="G134609" s="16">
        <v>0</v>
      </c>
    </row>
    <row r="134610" spans="1:7" x14ac:dyDescent="0.3">
      <c r="A134610" s="13" t="s">
        <v>606</v>
      </c>
      <c r="B134610" s="14" t="s">
        <v>1</v>
      </c>
      <c r="C134610" s="14" t="s">
        <v>596</v>
      </c>
      <c r="D134610" s="14" t="s">
        <v>292</v>
      </c>
      <c r="E134610" s="15">
        <v>45666</v>
      </c>
      <c r="F134610" s="14" t="s">
        <v>61</v>
      </c>
      <c r="G134610" s="16">
        <v>0</v>
      </c>
    </row>
    <row r="134611" spans="1:7" x14ac:dyDescent="0.3">
      <c r="A134611" s="13" t="s">
        <v>606</v>
      </c>
      <c r="B134611" s="14" t="s">
        <v>1</v>
      </c>
      <c r="C134611" s="14" t="s">
        <v>596</v>
      </c>
      <c r="D134611" s="14" t="s">
        <v>292</v>
      </c>
      <c r="E134611" s="15">
        <v>45667</v>
      </c>
      <c r="F134611" s="14" t="s">
        <v>61</v>
      </c>
      <c r="G134611" s="16">
        <v>0</v>
      </c>
    </row>
    <row r="134612" spans="1:7" x14ac:dyDescent="0.3">
      <c r="A134612" s="13" t="s">
        <v>606</v>
      </c>
      <c r="B134612" s="14" t="s">
        <v>1</v>
      </c>
      <c r="C134612" s="14" t="s">
        <v>596</v>
      </c>
      <c r="D134612" s="14" t="s">
        <v>292</v>
      </c>
      <c r="E134612" s="15">
        <v>45668</v>
      </c>
      <c r="F134612" s="14" t="s">
        <v>61</v>
      </c>
      <c r="G134612" s="16">
        <v>0</v>
      </c>
    </row>
    <row r="134613" spans="1:7" x14ac:dyDescent="0.3">
      <c r="A134613" s="13" t="s">
        <v>606</v>
      </c>
      <c r="B134613" s="14" t="s">
        <v>1</v>
      </c>
      <c r="C134613" s="14" t="s">
        <v>596</v>
      </c>
      <c r="D134613" s="14" t="s">
        <v>292</v>
      </c>
      <c r="E134613" s="15">
        <v>45669</v>
      </c>
      <c r="F134613" s="14" t="s">
        <v>61</v>
      </c>
      <c r="G134613" s="16">
        <v>0</v>
      </c>
    </row>
    <row r="134614" spans="1:7" x14ac:dyDescent="0.3">
      <c r="A134614" s="13" t="s">
        <v>606</v>
      </c>
      <c r="B134614" s="14" t="s">
        <v>1</v>
      </c>
      <c r="C134614" s="14" t="s">
        <v>596</v>
      </c>
      <c r="D134614" s="14" t="s">
        <v>292</v>
      </c>
      <c r="E134614" s="15">
        <v>45670</v>
      </c>
      <c r="F134614" s="14" t="s">
        <v>61</v>
      </c>
      <c r="G134614" s="16">
        <v>0</v>
      </c>
    </row>
    <row r="134615" spans="1:7" x14ac:dyDescent="0.3">
      <c r="A134615" s="13" t="s">
        <v>606</v>
      </c>
      <c r="B134615" s="14" t="s">
        <v>1</v>
      </c>
      <c r="C134615" s="14" t="s">
        <v>596</v>
      </c>
      <c r="D134615" s="14" t="s">
        <v>292</v>
      </c>
      <c r="E134615" s="15">
        <v>45671</v>
      </c>
      <c r="F134615" s="14" t="s">
        <v>61</v>
      </c>
      <c r="G134615" s="16">
        <v>0</v>
      </c>
    </row>
    <row r="134616" spans="1:7" x14ac:dyDescent="0.3">
      <c r="A134616" s="13" t="s">
        <v>606</v>
      </c>
      <c r="B134616" s="14" t="s">
        <v>1</v>
      </c>
      <c r="C134616" s="14" t="s">
        <v>596</v>
      </c>
      <c r="D134616" s="14" t="s">
        <v>292</v>
      </c>
      <c r="E134616" s="15">
        <v>45672</v>
      </c>
      <c r="F134616" s="14" t="s">
        <v>61</v>
      </c>
      <c r="G134616" s="16">
        <v>0</v>
      </c>
    </row>
    <row r="134617" spans="1:7" x14ac:dyDescent="0.3">
      <c r="A134617" s="13" t="s">
        <v>606</v>
      </c>
      <c r="B134617" s="14" t="s">
        <v>1</v>
      </c>
      <c r="C134617" s="14" t="s">
        <v>596</v>
      </c>
      <c r="D134617" s="14" t="s">
        <v>292</v>
      </c>
      <c r="E134617" s="15">
        <v>45673</v>
      </c>
      <c r="F134617" s="14" t="s">
        <v>61</v>
      </c>
      <c r="G134617" s="16">
        <v>0</v>
      </c>
    </row>
    <row r="134618" spans="1:7" x14ac:dyDescent="0.3">
      <c r="A134618" s="13" t="s">
        <v>606</v>
      </c>
      <c r="B134618" s="14" t="s">
        <v>1</v>
      </c>
      <c r="C134618" s="14" t="s">
        <v>596</v>
      </c>
      <c r="D134618" s="14" t="s">
        <v>292</v>
      </c>
      <c r="E134618" s="15">
        <v>45674</v>
      </c>
      <c r="F134618" s="14" t="s">
        <v>61</v>
      </c>
      <c r="G134618" s="16">
        <v>0</v>
      </c>
    </row>
    <row r="134619" spans="1:7" x14ac:dyDescent="0.3">
      <c r="A134619" s="13" t="s">
        <v>606</v>
      </c>
      <c r="B134619" s="14" t="s">
        <v>1</v>
      </c>
      <c r="C134619" s="14" t="s">
        <v>596</v>
      </c>
      <c r="D134619" s="14" t="s">
        <v>292</v>
      </c>
      <c r="E134619" s="15">
        <v>45675</v>
      </c>
      <c r="F134619" s="14" t="s">
        <v>61</v>
      </c>
      <c r="G134619" s="16">
        <v>0</v>
      </c>
    </row>
    <row r="134620" spans="1:7" x14ac:dyDescent="0.3">
      <c r="A134620" s="13" t="s">
        <v>606</v>
      </c>
      <c r="B134620" s="14" t="s">
        <v>1</v>
      </c>
      <c r="C134620" s="14" t="s">
        <v>596</v>
      </c>
      <c r="D134620" s="14" t="s">
        <v>292</v>
      </c>
      <c r="E134620" s="15">
        <v>45676</v>
      </c>
      <c r="F134620" s="14" t="s">
        <v>61</v>
      </c>
      <c r="G134620" s="16">
        <v>0</v>
      </c>
    </row>
    <row r="134621" spans="1:7" x14ac:dyDescent="0.3">
      <c r="A134621" s="13" t="s">
        <v>606</v>
      </c>
      <c r="B134621" s="14" t="s">
        <v>1</v>
      </c>
      <c r="C134621" s="14" t="s">
        <v>596</v>
      </c>
      <c r="D134621" s="14" t="s">
        <v>292</v>
      </c>
      <c r="E134621" s="15">
        <v>45677</v>
      </c>
      <c r="F134621" s="14" t="s">
        <v>61</v>
      </c>
      <c r="G134621" s="16">
        <v>0</v>
      </c>
    </row>
    <row r="134622" spans="1:7" x14ac:dyDescent="0.3">
      <c r="A134622" s="13" t="s">
        <v>606</v>
      </c>
      <c r="B134622" s="14" t="s">
        <v>1</v>
      </c>
      <c r="C134622" s="14" t="s">
        <v>596</v>
      </c>
      <c r="D134622" s="14" t="s">
        <v>292</v>
      </c>
      <c r="E134622" s="15">
        <v>45678</v>
      </c>
      <c r="F134622" s="14" t="s">
        <v>61</v>
      </c>
      <c r="G134622" s="16">
        <v>0</v>
      </c>
    </row>
    <row r="134623" spans="1:7" x14ac:dyDescent="0.3">
      <c r="A134623" s="13" t="s">
        <v>606</v>
      </c>
      <c r="B134623" s="14" t="s">
        <v>1</v>
      </c>
      <c r="C134623" s="14" t="s">
        <v>596</v>
      </c>
      <c r="D134623" s="14" t="s">
        <v>292</v>
      </c>
      <c r="E134623" s="15">
        <v>45679</v>
      </c>
      <c r="F134623" s="14" t="s">
        <v>61</v>
      </c>
      <c r="G134623" s="16">
        <v>0</v>
      </c>
    </row>
    <row r="134624" spans="1:7" x14ac:dyDescent="0.3">
      <c r="A134624" s="13" t="s">
        <v>606</v>
      </c>
      <c r="B134624" s="14" t="s">
        <v>1</v>
      </c>
      <c r="C134624" s="14" t="s">
        <v>596</v>
      </c>
      <c r="D134624" s="14" t="s">
        <v>292</v>
      </c>
      <c r="E134624" s="15">
        <v>45680</v>
      </c>
      <c r="F134624" s="14" t="s">
        <v>61</v>
      </c>
      <c r="G134624" s="16">
        <v>0</v>
      </c>
    </row>
    <row r="134625" spans="1:7" x14ac:dyDescent="0.3">
      <c r="A134625" s="13" t="s">
        <v>606</v>
      </c>
      <c r="B134625" s="14" t="s">
        <v>1</v>
      </c>
      <c r="C134625" s="14" t="s">
        <v>596</v>
      </c>
      <c r="D134625" s="14" t="s">
        <v>292</v>
      </c>
      <c r="E134625" s="15">
        <v>45681</v>
      </c>
      <c r="F134625" s="14" t="s">
        <v>61</v>
      </c>
      <c r="G134625" s="16">
        <v>0</v>
      </c>
    </row>
    <row r="134626" spans="1:7" x14ac:dyDescent="0.3">
      <c r="A134626" s="13" t="s">
        <v>606</v>
      </c>
      <c r="B134626" s="14" t="s">
        <v>1</v>
      </c>
      <c r="C134626" s="14" t="s">
        <v>596</v>
      </c>
      <c r="D134626" s="14" t="s">
        <v>292</v>
      </c>
      <c r="E134626" s="15">
        <v>45682</v>
      </c>
      <c r="F134626" s="14" t="s">
        <v>61</v>
      </c>
      <c r="G134626" s="16">
        <v>0</v>
      </c>
    </row>
    <row r="134627" spans="1:7" x14ac:dyDescent="0.3">
      <c r="A134627" s="13" t="s">
        <v>606</v>
      </c>
      <c r="B134627" s="14" t="s">
        <v>1</v>
      </c>
      <c r="C134627" s="14" t="s">
        <v>596</v>
      </c>
      <c r="D134627" s="14" t="s">
        <v>292</v>
      </c>
      <c r="E134627" s="15">
        <v>45683</v>
      </c>
      <c r="F134627" s="14" t="s">
        <v>61</v>
      </c>
      <c r="G134627" s="16">
        <v>0</v>
      </c>
    </row>
    <row r="134628" spans="1:7" x14ac:dyDescent="0.3">
      <c r="A134628" s="13" t="s">
        <v>606</v>
      </c>
      <c r="B134628" s="14" t="s">
        <v>1</v>
      </c>
      <c r="C134628" s="14" t="s">
        <v>596</v>
      </c>
      <c r="D134628" s="14" t="s">
        <v>292</v>
      </c>
      <c r="E134628" s="15">
        <v>45684</v>
      </c>
      <c r="F134628" s="14" t="s">
        <v>61</v>
      </c>
      <c r="G134628" s="16">
        <v>0</v>
      </c>
    </row>
    <row r="134629" spans="1:7" x14ac:dyDescent="0.3">
      <c r="A134629" s="13" t="s">
        <v>606</v>
      </c>
      <c r="B134629" s="14" t="s">
        <v>1</v>
      </c>
      <c r="C134629" s="14" t="s">
        <v>596</v>
      </c>
      <c r="D134629" s="14" t="s">
        <v>292</v>
      </c>
      <c r="E134629" s="15">
        <v>45685</v>
      </c>
      <c r="F134629" s="14" t="s">
        <v>61</v>
      </c>
      <c r="G134629" s="16">
        <v>0</v>
      </c>
    </row>
    <row r="134630" spans="1:7" x14ac:dyDescent="0.3">
      <c r="A134630" s="13" t="s">
        <v>606</v>
      </c>
      <c r="B134630" s="14" t="s">
        <v>1</v>
      </c>
      <c r="C134630" s="14" t="s">
        <v>596</v>
      </c>
      <c r="D134630" s="14" t="s">
        <v>292</v>
      </c>
      <c r="E134630" s="15">
        <v>45686</v>
      </c>
      <c r="F134630" s="14" t="s">
        <v>61</v>
      </c>
      <c r="G134630" s="16">
        <v>0</v>
      </c>
    </row>
    <row r="134631" spans="1:7" x14ac:dyDescent="0.3">
      <c r="A134631" s="13" t="s">
        <v>606</v>
      </c>
      <c r="B134631" s="14" t="s">
        <v>1</v>
      </c>
      <c r="C134631" s="14" t="s">
        <v>596</v>
      </c>
      <c r="D134631" s="14" t="s">
        <v>292</v>
      </c>
      <c r="E134631" s="15">
        <v>45687</v>
      </c>
      <c r="F134631" s="14" t="s">
        <v>61</v>
      </c>
      <c r="G134631" s="16">
        <v>0</v>
      </c>
    </row>
    <row r="134632" spans="1:7" x14ac:dyDescent="0.3">
      <c r="A134632" s="13" t="s">
        <v>606</v>
      </c>
      <c r="B134632" s="14" t="s">
        <v>1</v>
      </c>
      <c r="C134632" s="14" t="s">
        <v>596</v>
      </c>
      <c r="D134632" s="14" t="s">
        <v>292</v>
      </c>
      <c r="E134632" s="15">
        <v>45688</v>
      </c>
      <c r="F134632" s="14" t="s">
        <v>61</v>
      </c>
      <c r="G134632" s="16">
        <v>0</v>
      </c>
    </row>
    <row r="134633" spans="1:7" x14ac:dyDescent="0.3">
      <c r="A134633" s="13" t="s">
        <v>606</v>
      </c>
      <c r="B134633" s="14" t="s">
        <v>1</v>
      </c>
      <c r="C134633" s="14" t="s">
        <v>596</v>
      </c>
      <c r="D134633" s="14" t="s">
        <v>292</v>
      </c>
      <c r="E134633" s="15">
        <v>45689</v>
      </c>
      <c r="F134633" s="14" t="s">
        <v>61</v>
      </c>
      <c r="G134633" s="16">
        <v>0</v>
      </c>
    </row>
    <row r="134634" spans="1:7" x14ac:dyDescent="0.3">
      <c r="A134634" s="13" t="s">
        <v>606</v>
      </c>
      <c r="B134634" s="14" t="s">
        <v>1</v>
      </c>
      <c r="C134634" s="14" t="s">
        <v>596</v>
      </c>
      <c r="D134634" s="14" t="s">
        <v>292</v>
      </c>
      <c r="E134634" s="15">
        <v>45690</v>
      </c>
      <c r="F134634" s="14" t="s">
        <v>61</v>
      </c>
      <c r="G134634" s="16">
        <v>0</v>
      </c>
    </row>
    <row r="134635" spans="1:7" x14ac:dyDescent="0.3">
      <c r="A134635" s="13" t="s">
        <v>606</v>
      </c>
      <c r="B134635" s="14" t="s">
        <v>1</v>
      </c>
      <c r="C134635" s="14" t="s">
        <v>596</v>
      </c>
      <c r="D134635" s="14" t="s">
        <v>292</v>
      </c>
      <c r="E134635" s="15">
        <v>45691</v>
      </c>
      <c r="F134635" s="14" t="s">
        <v>61</v>
      </c>
      <c r="G134635" s="16">
        <v>0</v>
      </c>
    </row>
    <row r="134636" spans="1:7" x14ac:dyDescent="0.3">
      <c r="A134636" s="13" t="s">
        <v>606</v>
      </c>
      <c r="B134636" s="14" t="s">
        <v>1</v>
      </c>
      <c r="C134636" s="14" t="s">
        <v>596</v>
      </c>
      <c r="D134636" s="14" t="s">
        <v>292</v>
      </c>
      <c r="E134636" s="15">
        <v>45692</v>
      </c>
      <c r="F134636" s="14" t="s">
        <v>61</v>
      </c>
      <c r="G134636" s="16">
        <v>0</v>
      </c>
    </row>
    <row r="134637" spans="1:7" x14ac:dyDescent="0.3">
      <c r="A134637" s="13" t="s">
        <v>606</v>
      </c>
      <c r="B134637" s="14" t="s">
        <v>1</v>
      </c>
      <c r="C134637" s="14" t="s">
        <v>596</v>
      </c>
      <c r="D134637" s="14" t="s">
        <v>292</v>
      </c>
      <c r="E134637" s="15">
        <v>45693</v>
      </c>
      <c r="F134637" s="14" t="s">
        <v>61</v>
      </c>
      <c r="G134637" s="16">
        <v>0</v>
      </c>
    </row>
    <row r="134638" spans="1:7" x14ac:dyDescent="0.3">
      <c r="A134638" s="13" t="s">
        <v>606</v>
      </c>
      <c r="B134638" s="14" t="s">
        <v>1</v>
      </c>
      <c r="C134638" s="14" t="s">
        <v>596</v>
      </c>
      <c r="D134638" s="14" t="s">
        <v>292</v>
      </c>
      <c r="E134638" s="15">
        <v>45694</v>
      </c>
      <c r="F134638" s="14" t="s">
        <v>61</v>
      </c>
      <c r="G134638" s="16">
        <v>0</v>
      </c>
    </row>
    <row r="134639" spans="1:7" x14ac:dyDescent="0.3">
      <c r="A134639" s="13" t="s">
        <v>606</v>
      </c>
      <c r="B134639" s="14" t="s">
        <v>1</v>
      </c>
      <c r="C134639" s="14" t="s">
        <v>596</v>
      </c>
      <c r="D134639" s="14" t="s">
        <v>292</v>
      </c>
      <c r="E134639" s="15">
        <v>45695</v>
      </c>
      <c r="F134639" s="14" t="s">
        <v>61</v>
      </c>
      <c r="G134639" s="16">
        <v>0</v>
      </c>
    </row>
    <row r="134640" spans="1:7" x14ac:dyDescent="0.3">
      <c r="A134640" s="13" t="s">
        <v>606</v>
      </c>
      <c r="B134640" s="14" t="s">
        <v>1</v>
      </c>
      <c r="C134640" s="14" t="s">
        <v>596</v>
      </c>
      <c r="D134640" s="14" t="s">
        <v>292</v>
      </c>
      <c r="E134640" s="15">
        <v>45696</v>
      </c>
      <c r="F134640" s="14" t="s">
        <v>61</v>
      </c>
      <c r="G134640" s="16">
        <v>0</v>
      </c>
    </row>
    <row r="134641" spans="1:7" x14ac:dyDescent="0.3">
      <c r="A134641" s="13" t="s">
        <v>606</v>
      </c>
      <c r="B134641" s="14" t="s">
        <v>1</v>
      </c>
      <c r="C134641" s="14" t="s">
        <v>596</v>
      </c>
      <c r="D134641" s="14" t="s">
        <v>292</v>
      </c>
      <c r="E134641" s="15">
        <v>45697</v>
      </c>
      <c r="F134641" s="14" t="s">
        <v>61</v>
      </c>
      <c r="G134641" s="16">
        <v>0</v>
      </c>
    </row>
    <row r="134642" spans="1:7" x14ac:dyDescent="0.3">
      <c r="A134642" s="13" t="s">
        <v>606</v>
      </c>
      <c r="B134642" s="14" t="s">
        <v>1</v>
      </c>
      <c r="C134642" s="14" t="s">
        <v>596</v>
      </c>
      <c r="D134642" s="14" t="s">
        <v>292</v>
      </c>
      <c r="E134642" s="15">
        <v>45698</v>
      </c>
      <c r="F134642" s="14" t="s">
        <v>61</v>
      </c>
      <c r="G134642" s="16">
        <v>0</v>
      </c>
    </row>
    <row r="134643" spans="1:7" x14ac:dyDescent="0.3">
      <c r="A134643" s="13" t="s">
        <v>606</v>
      </c>
      <c r="B134643" s="14" t="s">
        <v>1</v>
      </c>
      <c r="C134643" s="14" t="s">
        <v>596</v>
      </c>
      <c r="D134643" s="14" t="s">
        <v>292</v>
      </c>
      <c r="E134643" s="15">
        <v>45699</v>
      </c>
      <c r="F134643" s="14" t="s">
        <v>61</v>
      </c>
      <c r="G134643" s="16">
        <v>0</v>
      </c>
    </row>
    <row r="134644" spans="1:7" x14ac:dyDescent="0.3">
      <c r="A134644" s="13" t="s">
        <v>606</v>
      </c>
      <c r="B134644" s="14" t="s">
        <v>1</v>
      </c>
      <c r="C134644" s="14" t="s">
        <v>596</v>
      </c>
      <c r="D134644" s="14" t="s">
        <v>292</v>
      </c>
      <c r="E134644" s="15">
        <v>45700</v>
      </c>
      <c r="F134644" s="14" t="s">
        <v>61</v>
      </c>
      <c r="G134644" s="16">
        <v>0</v>
      </c>
    </row>
    <row r="134645" spans="1:7" x14ac:dyDescent="0.3">
      <c r="A134645" s="13" t="s">
        <v>606</v>
      </c>
      <c r="B134645" s="14" t="s">
        <v>1</v>
      </c>
      <c r="C134645" s="14" t="s">
        <v>596</v>
      </c>
      <c r="D134645" s="14" t="s">
        <v>292</v>
      </c>
      <c r="E134645" s="15">
        <v>45701</v>
      </c>
      <c r="F134645" s="14" t="s">
        <v>61</v>
      </c>
      <c r="G134645" s="16">
        <v>0</v>
      </c>
    </row>
    <row r="134646" spans="1:7" x14ac:dyDescent="0.3">
      <c r="A134646" s="13" t="s">
        <v>606</v>
      </c>
      <c r="B134646" s="14" t="s">
        <v>1</v>
      </c>
      <c r="C134646" s="14" t="s">
        <v>596</v>
      </c>
      <c r="D134646" s="14" t="s">
        <v>292</v>
      </c>
      <c r="E134646" s="15">
        <v>45702</v>
      </c>
      <c r="F134646" s="14" t="s">
        <v>61</v>
      </c>
      <c r="G134646" s="16">
        <v>0</v>
      </c>
    </row>
    <row r="134647" spans="1:7" x14ac:dyDescent="0.3">
      <c r="A134647" s="13" t="s">
        <v>606</v>
      </c>
      <c r="B134647" s="14" t="s">
        <v>1</v>
      </c>
      <c r="C134647" s="14" t="s">
        <v>596</v>
      </c>
      <c r="D134647" s="14" t="s">
        <v>292</v>
      </c>
      <c r="E134647" s="15">
        <v>45703</v>
      </c>
      <c r="F134647" s="14" t="s">
        <v>61</v>
      </c>
      <c r="G134647" s="16">
        <v>0</v>
      </c>
    </row>
    <row r="134648" spans="1:7" x14ac:dyDescent="0.3">
      <c r="A134648" s="13" t="s">
        <v>606</v>
      </c>
      <c r="B134648" s="14" t="s">
        <v>1</v>
      </c>
      <c r="C134648" s="14" t="s">
        <v>596</v>
      </c>
      <c r="D134648" s="14" t="s">
        <v>292</v>
      </c>
      <c r="E134648" s="15">
        <v>45704</v>
      </c>
      <c r="F134648" s="14" t="s">
        <v>61</v>
      </c>
      <c r="G134648" s="16">
        <v>0</v>
      </c>
    </row>
    <row r="134649" spans="1:7" x14ac:dyDescent="0.3">
      <c r="A134649" s="13" t="s">
        <v>606</v>
      </c>
      <c r="B134649" s="14" t="s">
        <v>1</v>
      </c>
      <c r="C134649" s="14" t="s">
        <v>596</v>
      </c>
      <c r="D134649" s="14" t="s">
        <v>292</v>
      </c>
      <c r="E134649" s="15">
        <v>45705</v>
      </c>
      <c r="F134649" s="14" t="s">
        <v>61</v>
      </c>
      <c r="G134649" s="16">
        <v>0</v>
      </c>
    </row>
    <row r="134650" spans="1:7" x14ac:dyDescent="0.3">
      <c r="A134650" s="13" t="s">
        <v>606</v>
      </c>
      <c r="B134650" s="14" t="s">
        <v>1</v>
      </c>
      <c r="C134650" s="14" t="s">
        <v>596</v>
      </c>
      <c r="D134650" s="14" t="s">
        <v>292</v>
      </c>
      <c r="E134650" s="15">
        <v>45706</v>
      </c>
      <c r="F134650" s="14" t="s">
        <v>61</v>
      </c>
      <c r="G134650" s="16">
        <v>0</v>
      </c>
    </row>
    <row r="134651" spans="1:7" x14ac:dyDescent="0.3">
      <c r="A134651" s="13" t="s">
        <v>606</v>
      </c>
      <c r="B134651" s="14" t="s">
        <v>1</v>
      </c>
      <c r="C134651" s="14" t="s">
        <v>596</v>
      </c>
      <c r="D134651" s="14" t="s">
        <v>292</v>
      </c>
      <c r="E134651" s="15">
        <v>45707</v>
      </c>
      <c r="F134651" s="14" t="s">
        <v>61</v>
      </c>
      <c r="G134651" s="16">
        <v>0</v>
      </c>
    </row>
    <row r="134652" spans="1:7" x14ac:dyDescent="0.3">
      <c r="A134652" s="13" t="s">
        <v>606</v>
      </c>
      <c r="B134652" s="14" t="s">
        <v>1</v>
      </c>
      <c r="C134652" s="14" t="s">
        <v>596</v>
      </c>
      <c r="D134652" s="14" t="s">
        <v>292</v>
      </c>
      <c r="E134652" s="15">
        <v>45708</v>
      </c>
      <c r="F134652" s="14" t="s">
        <v>61</v>
      </c>
      <c r="G134652" s="16">
        <v>0</v>
      </c>
    </row>
    <row r="134653" spans="1:7" x14ac:dyDescent="0.3">
      <c r="A134653" s="13" t="s">
        <v>606</v>
      </c>
      <c r="B134653" s="14" t="s">
        <v>1</v>
      </c>
      <c r="C134653" s="14" t="s">
        <v>596</v>
      </c>
      <c r="D134653" s="14" t="s">
        <v>292</v>
      </c>
      <c r="E134653" s="15">
        <v>45709</v>
      </c>
      <c r="F134653" s="14" t="s">
        <v>61</v>
      </c>
      <c r="G134653" s="16">
        <v>0</v>
      </c>
    </row>
    <row r="134654" spans="1:7" x14ac:dyDescent="0.3">
      <c r="A134654" s="13" t="s">
        <v>606</v>
      </c>
      <c r="B134654" s="14" t="s">
        <v>1</v>
      </c>
      <c r="C134654" s="14" t="s">
        <v>596</v>
      </c>
      <c r="D134654" s="14" t="s">
        <v>292</v>
      </c>
      <c r="E134654" s="15">
        <v>45710</v>
      </c>
      <c r="F134654" s="14" t="s">
        <v>61</v>
      </c>
      <c r="G134654" s="16">
        <v>0</v>
      </c>
    </row>
    <row r="134655" spans="1:7" x14ac:dyDescent="0.3">
      <c r="A134655" s="13" t="s">
        <v>606</v>
      </c>
      <c r="B134655" s="14" t="s">
        <v>1</v>
      </c>
      <c r="C134655" s="14" t="s">
        <v>596</v>
      </c>
      <c r="D134655" s="14" t="s">
        <v>292</v>
      </c>
      <c r="E134655" s="15">
        <v>45711</v>
      </c>
      <c r="F134655" s="14" t="s">
        <v>61</v>
      </c>
      <c r="G134655" s="16">
        <v>0</v>
      </c>
    </row>
    <row r="134656" spans="1:7" x14ac:dyDescent="0.3">
      <c r="A134656" s="13" t="s">
        <v>606</v>
      </c>
      <c r="B134656" s="14" t="s">
        <v>1</v>
      </c>
      <c r="C134656" s="14" t="s">
        <v>596</v>
      </c>
      <c r="D134656" s="14" t="s">
        <v>292</v>
      </c>
      <c r="E134656" s="15">
        <v>45712</v>
      </c>
      <c r="F134656" s="14" t="s">
        <v>61</v>
      </c>
      <c r="G134656" s="16">
        <v>0</v>
      </c>
    </row>
    <row r="134657" spans="1:7" x14ac:dyDescent="0.3">
      <c r="A134657" s="13" t="s">
        <v>606</v>
      </c>
      <c r="B134657" s="14" t="s">
        <v>1</v>
      </c>
      <c r="C134657" s="14" t="s">
        <v>596</v>
      </c>
      <c r="D134657" s="14" t="s">
        <v>292</v>
      </c>
      <c r="E134657" s="15">
        <v>45713</v>
      </c>
      <c r="F134657" s="14" t="s">
        <v>61</v>
      </c>
      <c r="G134657" s="16">
        <v>0</v>
      </c>
    </row>
    <row r="134658" spans="1:7" x14ac:dyDescent="0.3">
      <c r="A134658" s="13" t="s">
        <v>606</v>
      </c>
      <c r="B134658" s="14" t="s">
        <v>1</v>
      </c>
      <c r="C134658" s="14" t="s">
        <v>596</v>
      </c>
      <c r="D134658" s="14" t="s">
        <v>292</v>
      </c>
      <c r="E134658" s="15">
        <v>45714</v>
      </c>
      <c r="F134658" s="14" t="s">
        <v>61</v>
      </c>
      <c r="G134658" s="16">
        <v>0</v>
      </c>
    </row>
    <row r="134659" spans="1:7" x14ac:dyDescent="0.3">
      <c r="A134659" s="13" t="s">
        <v>606</v>
      </c>
      <c r="B134659" s="14" t="s">
        <v>1</v>
      </c>
      <c r="C134659" s="14" t="s">
        <v>596</v>
      </c>
      <c r="D134659" s="14" t="s">
        <v>292</v>
      </c>
      <c r="E134659" s="15">
        <v>45715</v>
      </c>
      <c r="F134659" s="14" t="s">
        <v>61</v>
      </c>
      <c r="G134659" s="16">
        <v>0</v>
      </c>
    </row>
    <row r="134660" spans="1:7" x14ac:dyDescent="0.3">
      <c r="A134660" s="13" t="s">
        <v>606</v>
      </c>
      <c r="B134660" s="14" t="s">
        <v>1</v>
      </c>
      <c r="C134660" s="14" t="s">
        <v>596</v>
      </c>
      <c r="D134660" s="14" t="s">
        <v>292</v>
      </c>
      <c r="E134660" s="15">
        <v>45716</v>
      </c>
      <c r="F134660" s="14" t="s">
        <v>61</v>
      </c>
      <c r="G134660" s="16">
        <v>0</v>
      </c>
    </row>
    <row r="134661" spans="1:7" x14ac:dyDescent="0.3">
      <c r="A134661" s="13" t="s">
        <v>606</v>
      </c>
      <c r="B134661" s="14" t="s">
        <v>1</v>
      </c>
      <c r="C134661" s="14" t="s">
        <v>596</v>
      </c>
      <c r="D134661" s="14" t="s">
        <v>292</v>
      </c>
      <c r="E134661" s="15">
        <v>45717</v>
      </c>
      <c r="F134661" s="14" t="s">
        <v>61</v>
      </c>
      <c r="G134661" s="16">
        <v>0</v>
      </c>
    </row>
    <row r="134662" spans="1:7" x14ac:dyDescent="0.3">
      <c r="A134662" s="13" t="s">
        <v>606</v>
      </c>
      <c r="B134662" s="14" t="s">
        <v>1</v>
      </c>
      <c r="C134662" s="14" t="s">
        <v>596</v>
      </c>
      <c r="D134662" s="14" t="s">
        <v>292</v>
      </c>
      <c r="E134662" s="15">
        <v>45718</v>
      </c>
      <c r="F134662" s="14" t="s">
        <v>61</v>
      </c>
      <c r="G134662" s="16">
        <v>0</v>
      </c>
    </row>
    <row r="134663" spans="1:7" x14ac:dyDescent="0.3">
      <c r="A134663" s="13" t="s">
        <v>606</v>
      </c>
      <c r="B134663" s="14" t="s">
        <v>1</v>
      </c>
      <c r="C134663" s="14" t="s">
        <v>596</v>
      </c>
      <c r="D134663" s="14" t="s">
        <v>292</v>
      </c>
      <c r="E134663" s="15">
        <v>45719</v>
      </c>
      <c r="F134663" s="14" t="s">
        <v>61</v>
      </c>
      <c r="G134663" s="16">
        <v>0</v>
      </c>
    </row>
    <row r="134664" spans="1:7" x14ac:dyDescent="0.3">
      <c r="A134664" s="13" t="s">
        <v>606</v>
      </c>
      <c r="B134664" s="14" t="s">
        <v>1</v>
      </c>
      <c r="C134664" s="14" t="s">
        <v>596</v>
      </c>
      <c r="D134664" s="14" t="s">
        <v>292</v>
      </c>
      <c r="E134664" s="15">
        <v>45720</v>
      </c>
      <c r="F134664" s="14" t="s">
        <v>61</v>
      </c>
      <c r="G134664" s="16">
        <v>0</v>
      </c>
    </row>
    <row r="134665" spans="1:7" x14ac:dyDescent="0.3">
      <c r="A134665" s="13" t="s">
        <v>606</v>
      </c>
      <c r="B134665" s="14" t="s">
        <v>1</v>
      </c>
      <c r="C134665" s="14" t="s">
        <v>596</v>
      </c>
      <c r="D134665" s="14" t="s">
        <v>292</v>
      </c>
      <c r="E134665" s="15">
        <v>45721</v>
      </c>
      <c r="F134665" s="14" t="s">
        <v>61</v>
      </c>
      <c r="G134665" s="16">
        <v>0</v>
      </c>
    </row>
    <row r="134666" spans="1:7" x14ac:dyDescent="0.3">
      <c r="A134666" s="13" t="s">
        <v>606</v>
      </c>
      <c r="B134666" s="14" t="s">
        <v>1</v>
      </c>
      <c r="C134666" s="14" t="s">
        <v>596</v>
      </c>
      <c r="D134666" s="14" t="s">
        <v>292</v>
      </c>
      <c r="E134666" s="15">
        <v>45722</v>
      </c>
      <c r="F134666" s="14" t="s">
        <v>61</v>
      </c>
      <c r="G134666" s="16">
        <v>0</v>
      </c>
    </row>
    <row r="134667" spans="1:7" x14ac:dyDescent="0.3">
      <c r="A134667" s="13" t="s">
        <v>606</v>
      </c>
      <c r="B134667" s="14" t="s">
        <v>1</v>
      </c>
      <c r="C134667" s="14" t="s">
        <v>596</v>
      </c>
      <c r="D134667" s="14" t="s">
        <v>292</v>
      </c>
      <c r="E134667" s="15">
        <v>45723</v>
      </c>
      <c r="F134667" s="14" t="s">
        <v>61</v>
      </c>
      <c r="G134667" s="16">
        <v>0</v>
      </c>
    </row>
    <row r="134668" spans="1:7" x14ac:dyDescent="0.3">
      <c r="A134668" s="13" t="s">
        <v>606</v>
      </c>
      <c r="B134668" s="14" t="s">
        <v>1</v>
      </c>
      <c r="C134668" s="14" t="s">
        <v>596</v>
      </c>
      <c r="D134668" s="14" t="s">
        <v>292</v>
      </c>
      <c r="E134668" s="15">
        <v>45724</v>
      </c>
      <c r="F134668" s="14" t="s">
        <v>61</v>
      </c>
      <c r="G134668" s="16">
        <v>0</v>
      </c>
    </row>
    <row r="134669" spans="1:7" x14ac:dyDescent="0.3">
      <c r="A134669" s="13" t="s">
        <v>606</v>
      </c>
      <c r="B134669" s="14" t="s">
        <v>1</v>
      </c>
      <c r="C134669" s="14" t="s">
        <v>596</v>
      </c>
      <c r="D134669" s="14" t="s">
        <v>292</v>
      </c>
      <c r="E134669" s="15">
        <v>45725</v>
      </c>
      <c r="F134669" s="14" t="s">
        <v>61</v>
      </c>
      <c r="G134669" s="16">
        <v>0</v>
      </c>
    </row>
    <row r="134670" spans="1:7" x14ac:dyDescent="0.3">
      <c r="A134670" s="13" t="s">
        <v>606</v>
      </c>
      <c r="B134670" s="14" t="s">
        <v>1</v>
      </c>
      <c r="C134670" s="14" t="s">
        <v>596</v>
      </c>
      <c r="D134670" s="14" t="s">
        <v>292</v>
      </c>
      <c r="E134670" s="15">
        <v>45726</v>
      </c>
      <c r="F134670" s="14" t="s">
        <v>61</v>
      </c>
      <c r="G134670" s="16">
        <v>0</v>
      </c>
    </row>
    <row r="134671" spans="1:7" x14ac:dyDescent="0.3">
      <c r="A134671" s="13" t="s">
        <v>606</v>
      </c>
      <c r="B134671" s="14" t="s">
        <v>1</v>
      </c>
      <c r="C134671" s="14" t="s">
        <v>596</v>
      </c>
      <c r="D134671" s="14" t="s">
        <v>292</v>
      </c>
      <c r="E134671" s="15">
        <v>45727</v>
      </c>
      <c r="F134671" s="14" t="s">
        <v>61</v>
      </c>
      <c r="G134671" s="16">
        <v>0</v>
      </c>
    </row>
    <row r="134672" spans="1:7" x14ac:dyDescent="0.3">
      <c r="A134672" s="13" t="s">
        <v>606</v>
      </c>
      <c r="B134672" s="14" t="s">
        <v>1</v>
      </c>
      <c r="C134672" s="14" t="s">
        <v>596</v>
      </c>
      <c r="D134672" s="14" t="s">
        <v>292</v>
      </c>
      <c r="E134672" s="15">
        <v>45728</v>
      </c>
      <c r="F134672" s="14" t="s">
        <v>61</v>
      </c>
      <c r="G134672" s="16">
        <v>0</v>
      </c>
    </row>
    <row r="134673" spans="1:7" x14ac:dyDescent="0.3">
      <c r="A134673" s="13" t="s">
        <v>606</v>
      </c>
      <c r="B134673" s="14" t="s">
        <v>1</v>
      </c>
      <c r="C134673" s="14" t="s">
        <v>596</v>
      </c>
      <c r="D134673" s="14" t="s">
        <v>292</v>
      </c>
      <c r="E134673" s="15">
        <v>45729</v>
      </c>
      <c r="F134673" s="14" t="s">
        <v>61</v>
      </c>
      <c r="G134673" s="16">
        <v>0</v>
      </c>
    </row>
    <row r="134674" spans="1:7" x14ac:dyDescent="0.3">
      <c r="A134674" s="13" t="s">
        <v>606</v>
      </c>
      <c r="B134674" s="14" t="s">
        <v>1</v>
      </c>
      <c r="C134674" s="14" t="s">
        <v>596</v>
      </c>
      <c r="D134674" s="14" t="s">
        <v>292</v>
      </c>
      <c r="E134674" s="15">
        <v>45730</v>
      </c>
      <c r="F134674" s="14" t="s">
        <v>61</v>
      </c>
      <c r="G134674" s="16">
        <v>0</v>
      </c>
    </row>
    <row r="134675" spans="1:7" x14ac:dyDescent="0.3">
      <c r="A134675" s="13" t="s">
        <v>606</v>
      </c>
      <c r="B134675" s="14" t="s">
        <v>1</v>
      </c>
      <c r="C134675" s="14" t="s">
        <v>596</v>
      </c>
      <c r="D134675" s="14" t="s">
        <v>292</v>
      </c>
      <c r="E134675" s="15">
        <v>45731</v>
      </c>
      <c r="F134675" s="14" t="s">
        <v>61</v>
      </c>
      <c r="G134675" s="16">
        <v>0</v>
      </c>
    </row>
    <row r="134676" spans="1:7" x14ac:dyDescent="0.3">
      <c r="A134676" s="13" t="s">
        <v>606</v>
      </c>
      <c r="B134676" s="14" t="s">
        <v>1</v>
      </c>
      <c r="C134676" s="14" t="s">
        <v>596</v>
      </c>
      <c r="D134676" s="14" t="s">
        <v>292</v>
      </c>
      <c r="E134676" s="15">
        <v>45732</v>
      </c>
      <c r="F134676" s="14" t="s">
        <v>61</v>
      </c>
      <c r="G134676" s="16">
        <v>0</v>
      </c>
    </row>
    <row r="134677" spans="1:7" x14ac:dyDescent="0.3">
      <c r="A134677" s="13" t="s">
        <v>606</v>
      </c>
      <c r="B134677" s="14" t="s">
        <v>1</v>
      </c>
      <c r="C134677" s="14" t="s">
        <v>596</v>
      </c>
      <c r="D134677" s="14" t="s">
        <v>292</v>
      </c>
      <c r="E134677" s="15">
        <v>45733</v>
      </c>
      <c r="F134677" s="14" t="s">
        <v>61</v>
      </c>
      <c r="G134677" s="16">
        <v>0</v>
      </c>
    </row>
    <row r="134678" spans="1:7" x14ac:dyDescent="0.3">
      <c r="A134678" s="13" t="s">
        <v>606</v>
      </c>
      <c r="B134678" s="14" t="s">
        <v>1</v>
      </c>
      <c r="C134678" s="14" t="s">
        <v>596</v>
      </c>
      <c r="D134678" s="14" t="s">
        <v>292</v>
      </c>
      <c r="E134678" s="15">
        <v>45734</v>
      </c>
      <c r="F134678" s="14" t="s">
        <v>61</v>
      </c>
      <c r="G134678" s="16">
        <v>0</v>
      </c>
    </row>
    <row r="134679" spans="1:7" x14ac:dyDescent="0.3">
      <c r="A134679" s="13" t="s">
        <v>606</v>
      </c>
      <c r="B134679" s="14" t="s">
        <v>1</v>
      </c>
      <c r="C134679" s="14" t="s">
        <v>596</v>
      </c>
      <c r="D134679" s="14" t="s">
        <v>292</v>
      </c>
      <c r="E134679" s="15">
        <v>45735</v>
      </c>
      <c r="F134679" s="14" t="s">
        <v>61</v>
      </c>
      <c r="G134679" s="16">
        <v>0</v>
      </c>
    </row>
    <row r="134680" spans="1:7" x14ac:dyDescent="0.3">
      <c r="A134680" s="13" t="s">
        <v>606</v>
      </c>
      <c r="B134680" s="14" t="s">
        <v>1</v>
      </c>
      <c r="C134680" s="14" t="s">
        <v>596</v>
      </c>
      <c r="D134680" s="14" t="s">
        <v>292</v>
      </c>
      <c r="E134680" s="15">
        <v>45736</v>
      </c>
      <c r="F134680" s="14" t="s">
        <v>61</v>
      </c>
      <c r="G134680" s="16">
        <v>0</v>
      </c>
    </row>
    <row r="134681" spans="1:7" x14ac:dyDescent="0.3">
      <c r="A134681" s="13" t="s">
        <v>606</v>
      </c>
      <c r="B134681" s="14" t="s">
        <v>1</v>
      </c>
      <c r="C134681" s="14" t="s">
        <v>596</v>
      </c>
      <c r="D134681" s="14" t="s">
        <v>292</v>
      </c>
      <c r="E134681" s="15">
        <v>45737</v>
      </c>
      <c r="F134681" s="14" t="s">
        <v>61</v>
      </c>
      <c r="G134681" s="16">
        <v>0</v>
      </c>
    </row>
    <row r="134682" spans="1:7" x14ac:dyDescent="0.3">
      <c r="A134682" s="13" t="s">
        <v>606</v>
      </c>
      <c r="B134682" s="14" t="s">
        <v>1</v>
      </c>
      <c r="C134682" s="14" t="s">
        <v>596</v>
      </c>
      <c r="D134682" s="14" t="s">
        <v>292</v>
      </c>
      <c r="E134682" s="15">
        <v>45738</v>
      </c>
      <c r="F134682" s="14" t="s">
        <v>61</v>
      </c>
      <c r="G134682" s="16">
        <v>0</v>
      </c>
    </row>
    <row r="134683" spans="1:7" x14ac:dyDescent="0.3">
      <c r="A134683" s="13" t="s">
        <v>606</v>
      </c>
      <c r="B134683" s="14" t="s">
        <v>1</v>
      </c>
      <c r="C134683" s="14" t="s">
        <v>596</v>
      </c>
      <c r="D134683" s="14" t="s">
        <v>292</v>
      </c>
      <c r="E134683" s="15">
        <v>45739</v>
      </c>
      <c r="F134683" s="14" t="s">
        <v>61</v>
      </c>
      <c r="G134683" s="16">
        <v>0</v>
      </c>
    </row>
    <row r="134684" spans="1:7" x14ac:dyDescent="0.3">
      <c r="A134684" s="13" t="s">
        <v>606</v>
      </c>
      <c r="B134684" s="14" t="s">
        <v>1</v>
      </c>
      <c r="C134684" s="14" t="s">
        <v>596</v>
      </c>
      <c r="D134684" s="14" t="s">
        <v>292</v>
      </c>
      <c r="E134684" s="15">
        <v>45740</v>
      </c>
      <c r="F134684" s="14" t="s">
        <v>61</v>
      </c>
      <c r="G134684" s="16">
        <v>0</v>
      </c>
    </row>
    <row r="134685" spans="1:7" x14ac:dyDescent="0.3">
      <c r="A134685" s="13" t="s">
        <v>606</v>
      </c>
      <c r="B134685" s="14" t="s">
        <v>1</v>
      </c>
      <c r="C134685" s="14" t="s">
        <v>596</v>
      </c>
      <c r="D134685" s="14" t="s">
        <v>292</v>
      </c>
      <c r="E134685" s="15">
        <v>45741</v>
      </c>
      <c r="F134685" s="14" t="s">
        <v>61</v>
      </c>
      <c r="G134685" s="16">
        <v>0</v>
      </c>
    </row>
    <row r="134686" spans="1:7" x14ac:dyDescent="0.3">
      <c r="A134686" s="13" t="s">
        <v>606</v>
      </c>
      <c r="B134686" s="14" t="s">
        <v>1</v>
      </c>
      <c r="C134686" s="14" t="s">
        <v>596</v>
      </c>
      <c r="D134686" s="14" t="s">
        <v>292</v>
      </c>
      <c r="E134686" s="15">
        <v>45742</v>
      </c>
      <c r="F134686" s="14" t="s">
        <v>61</v>
      </c>
      <c r="G134686" s="16">
        <v>0</v>
      </c>
    </row>
    <row r="134687" spans="1:7" x14ac:dyDescent="0.3">
      <c r="A134687" s="13" t="s">
        <v>606</v>
      </c>
      <c r="B134687" s="14" t="s">
        <v>1</v>
      </c>
      <c r="C134687" s="14" t="s">
        <v>596</v>
      </c>
      <c r="D134687" s="14" t="s">
        <v>292</v>
      </c>
      <c r="E134687" s="15">
        <v>45743</v>
      </c>
      <c r="F134687" s="14" t="s">
        <v>61</v>
      </c>
      <c r="G134687" s="16">
        <v>0</v>
      </c>
    </row>
    <row r="134688" spans="1:7" x14ac:dyDescent="0.3">
      <c r="A134688" s="13" t="s">
        <v>606</v>
      </c>
      <c r="B134688" s="14" t="s">
        <v>1</v>
      </c>
      <c r="C134688" s="14" t="s">
        <v>596</v>
      </c>
      <c r="D134688" s="14" t="s">
        <v>292</v>
      </c>
      <c r="E134688" s="15">
        <v>45744</v>
      </c>
      <c r="F134688" s="14" t="s">
        <v>61</v>
      </c>
      <c r="G134688" s="16">
        <v>0</v>
      </c>
    </row>
    <row r="134689" spans="1:7" x14ac:dyDescent="0.3">
      <c r="A134689" s="13" t="s">
        <v>606</v>
      </c>
      <c r="B134689" s="14" t="s">
        <v>1</v>
      </c>
      <c r="C134689" s="14" t="s">
        <v>596</v>
      </c>
      <c r="D134689" s="14" t="s">
        <v>292</v>
      </c>
      <c r="E134689" s="15">
        <v>45745</v>
      </c>
      <c r="F134689" s="14" t="s">
        <v>61</v>
      </c>
      <c r="G134689" s="16">
        <v>0</v>
      </c>
    </row>
    <row r="134690" spans="1:7" x14ac:dyDescent="0.3">
      <c r="A134690" s="13" t="s">
        <v>606</v>
      </c>
      <c r="B134690" s="14" t="s">
        <v>1</v>
      </c>
      <c r="C134690" s="14" t="s">
        <v>596</v>
      </c>
      <c r="D134690" s="14" t="s">
        <v>292</v>
      </c>
      <c r="E134690" s="15">
        <v>45746</v>
      </c>
      <c r="F134690" s="14" t="s">
        <v>61</v>
      </c>
      <c r="G134690" s="16">
        <v>0</v>
      </c>
    </row>
    <row r="134691" spans="1:7" x14ac:dyDescent="0.3">
      <c r="A134691" s="13" t="s">
        <v>606</v>
      </c>
      <c r="B134691" s="14" t="s">
        <v>1</v>
      </c>
      <c r="C134691" s="14" t="s">
        <v>596</v>
      </c>
      <c r="D134691" s="14" t="s">
        <v>292</v>
      </c>
      <c r="E134691" s="15">
        <v>45747</v>
      </c>
      <c r="F134691" s="14" t="s">
        <v>61</v>
      </c>
      <c r="G134691" s="16">
        <v>0</v>
      </c>
    </row>
    <row r="134692" spans="1:7" x14ac:dyDescent="0.3">
      <c r="A134692" s="13" t="s">
        <v>607</v>
      </c>
      <c r="B134692" s="14" t="s">
        <v>1</v>
      </c>
      <c r="C134692" s="14" t="s">
        <v>596</v>
      </c>
      <c r="D134692" s="14" t="s">
        <v>550</v>
      </c>
      <c r="E134692" s="15">
        <v>45383</v>
      </c>
      <c r="F134692" s="14" t="s">
        <v>61</v>
      </c>
      <c r="G134692" s="16">
        <v>0</v>
      </c>
    </row>
    <row r="134693" spans="1:7" x14ac:dyDescent="0.3">
      <c r="A134693" s="13" t="s">
        <v>607</v>
      </c>
      <c r="B134693" s="14" t="s">
        <v>1</v>
      </c>
      <c r="C134693" s="14" t="s">
        <v>596</v>
      </c>
      <c r="D134693" s="14" t="s">
        <v>550</v>
      </c>
      <c r="E134693" s="15">
        <v>45384</v>
      </c>
      <c r="F134693" s="14" t="s">
        <v>61</v>
      </c>
      <c r="G134693" s="16">
        <v>0</v>
      </c>
    </row>
    <row r="134694" spans="1:7" x14ac:dyDescent="0.3">
      <c r="A134694" s="13" t="s">
        <v>607</v>
      </c>
      <c r="B134694" s="14" t="s">
        <v>1</v>
      </c>
      <c r="C134694" s="14" t="s">
        <v>596</v>
      </c>
      <c r="D134694" s="14" t="s">
        <v>550</v>
      </c>
      <c r="E134694" s="15">
        <v>45385</v>
      </c>
      <c r="F134694" s="14" t="s">
        <v>61</v>
      </c>
      <c r="G134694" s="16">
        <v>0</v>
      </c>
    </row>
    <row r="134695" spans="1:7" x14ac:dyDescent="0.3">
      <c r="A134695" s="13" t="s">
        <v>607</v>
      </c>
      <c r="B134695" s="14" t="s">
        <v>1</v>
      </c>
      <c r="C134695" s="14" t="s">
        <v>596</v>
      </c>
      <c r="D134695" s="14" t="s">
        <v>550</v>
      </c>
      <c r="E134695" s="15">
        <v>45386</v>
      </c>
      <c r="F134695" s="14" t="s">
        <v>61</v>
      </c>
      <c r="G134695" s="16">
        <v>0</v>
      </c>
    </row>
    <row r="134696" spans="1:7" x14ac:dyDescent="0.3">
      <c r="A134696" s="13" t="s">
        <v>607</v>
      </c>
      <c r="B134696" s="14" t="s">
        <v>1</v>
      </c>
      <c r="C134696" s="14" t="s">
        <v>596</v>
      </c>
      <c r="D134696" s="14" t="s">
        <v>550</v>
      </c>
      <c r="E134696" s="15">
        <v>45387</v>
      </c>
      <c r="F134696" s="14" t="s">
        <v>61</v>
      </c>
      <c r="G134696" s="16">
        <v>0</v>
      </c>
    </row>
    <row r="134697" spans="1:7" x14ac:dyDescent="0.3">
      <c r="A134697" s="13" t="s">
        <v>607</v>
      </c>
      <c r="B134697" s="14" t="s">
        <v>1</v>
      </c>
      <c r="C134697" s="14" t="s">
        <v>596</v>
      </c>
      <c r="D134697" s="14" t="s">
        <v>550</v>
      </c>
      <c r="E134697" s="15">
        <v>45388</v>
      </c>
      <c r="F134697" s="14" t="s">
        <v>61</v>
      </c>
      <c r="G134697" s="16">
        <v>0</v>
      </c>
    </row>
    <row r="134698" spans="1:7" x14ac:dyDescent="0.3">
      <c r="A134698" s="13" t="s">
        <v>607</v>
      </c>
      <c r="B134698" s="14" t="s">
        <v>1</v>
      </c>
      <c r="C134698" s="14" t="s">
        <v>596</v>
      </c>
      <c r="D134698" s="14" t="s">
        <v>550</v>
      </c>
      <c r="E134698" s="15">
        <v>45389</v>
      </c>
      <c r="F134698" s="14" t="s">
        <v>61</v>
      </c>
      <c r="G134698" s="16">
        <v>0</v>
      </c>
    </row>
    <row r="134699" spans="1:7" x14ac:dyDescent="0.3">
      <c r="A134699" s="13" t="s">
        <v>607</v>
      </c>
      <c r="B134699" s="14" t="s">
        <v>1</v>
      </c>
      <c r="C134699" s="14" t="s">
        <v>596</v>
      </c>
      <c r="D134699" s="14" t="s">
        <v>550</v>
      </c>
      <c r="E134699" s="15">
        <v>45390</v>
      </c>
      <c r="F134699" s="14" t="s">
        <v>61</v>
      </c>
      <c r="G134699" s="16">
        <v>0</v>
      </c>
    </row>
    <row r="134700" spans="1:7" x14ac:dyDescent="0.3">
      <c r="A134700" s="13" t="s">
        <v>607</v>
      </c>
      <c r="B134700" s="14" t="s">
        <v>1</v>
      </c>
      <c r="C134700" s="14" t="s">
        <v>596</v>
      </c>
      <c r="D134700" s="14" t="s">
        <v>550</v>
      </c>
      <c r="E134700" s="15">
        <v>45391</v>
      </c>
      <c r="F134700" s="14" t="s">
        <v>61</v>
      </c>
      <c r="G134700" s="16">
        <v>0</v>
      </c>
    </row>
    <row r="134701" spans="1:7" x14ac:dyDescent="0.3">
      <c r="A134701" s="13" t="s">
        <v>607</v>
      </c>
      <c r="B134701" s="14" t="s">
        <v>1</v>
      </c>
      <c r="C134701" s="14" t="s">
        <v>596</v>
      </c>
      <c r="D134701" s="14" t="s">
        <v>550</v>
      </c>
      <c r="E134701" s="15">
        <v>45392</v>
      </c>
      <c r="F134701" s="14" t="s">
        <v>61</v>
      </c>
      <c r="G134701" s="16">
        <v>0</v>
      </c>
    </row>
    <row r="134702" spans="1:7" x14ac:dyDescent="0.3">
      <c r="A134702" s="13" t="s">
        <v>607</v>
      </c>
      <c r="B134702" s="14" t="s">
        <v>1</v>
      </c>
      <c r="C134702" s="14" t="s">
        <v>596</v>
      </c>
      <c r="D134702" s="14" t="s">
        <v>550</v>
      </c>
      <c r="E134702" s="15">
        <v>45393</v>
      </c>
      <c r="F134702" s="14" t="s">
        <v>61</v>
      </c>
      <c r="G134702" s="16">
        <v>0</v>
      </c>
    </row>
    <row r="134703" spans="1:7" x14ac:dyDescent="0.3">
      <c r="A134703" s="13" t="s">
        <v>607</v>
      </c>
      <c r="B134703" s="14" t="s">
        <v>1</v>
      </c>
      <c r="C134703" s="14" t="s">
        <v>596</v>
      </c>
      <c r="D134703" s="14" t="s">
        <v>550</v>
      </c>
      <c r="E134703" s="15">
        <v>45394</v>
      </c>
      <c r="F134703" s="14" t="s">
        <v>61</v>
      </c>
      <c r="G134703" s="16">
        <v>0</v>
      </c>
    </row>
    <row r="134704" spans="1:7" x14ac:dyDescent="0.3">
      <c r="A134704" s="13" t="s">
        <v>607</v>
      </c>
      <c r="B134704" s="14" t="s">
        <v>1</v>
      </c>
      <c r="C134704" s="14" t="s">
        <v>596</v>
      </c>
      <c r="D134704" s="14" t="s">
        <v>550</v>
      </c>
      <c r="E134704" s="15">
        <v>45395</v>
      </c>
      <c r="F134704" s="14" t="s">
        <v>61</v>
      </c>
      <c r="G134704" s="16">
        <v>0</v>
      </c>
    </row>
    <row r="134705" spans="1:7" x14ac:dyDescent="0.3">
      <c r="A134705" s="13" t="s">
        <v>607</v>
      </c>
      <c r="B134705" s="14" t="s">
        <v>1</v>
      </c>
      <c r="C134705" s="14" t="s">
        <v>596</v>
      </c>
      <c r="D134705" s="14" t="s">
        <v>550</v>
      </c>
      <c r="E134705" s="15">
        <v>45396</v>
      </c>
      <c r="F134705" s="14" t="s">
        <v>61</v>
      </c>
      <c r="G134705" s="16">
        <v>0</v>
      </c>
    </row>
    <row r="134706" spans="1:7" x14ac:dyDescent="0.3">
      <c r="A134706" s="13" t="s">
        <v>607</v>
      </c>
      <c r="B134706" s="14" t="s">
        <v>1</v>
      </c>
      <c r="C134706" s="14" t="s">
        <v>596</v>
      </c>
      <c r="D134706" s="14" t="s">
        <v>550</v>
      </c>
      <c r="E134706" s="15">
        <v>45397</v>
      </c>
      <c r="F134706" s="14" t="s">
        <v>61</v>
      </c>
      <c r="G134706" s="16">
        <v>0</v>
      </c>
    </row>
    <row r="134707" spans="1:7" x14ac:dyDescent="0.3">
      <c r="A134707" s="13" t="s">
        <v>607</v>
      </c>
      <c r="B134707" s="14" t="s">
        <v>1</v>
      </c>
      <c r="C134707" s="14" t="s">
        <v>596</v>
      </c>
      <c r="D134707" s="14" t="s">
        <v>550</v>
      </c>
      <c r="E134707" s="15">
        <v>45398</v>
      </c>
      <c r="F134707" s="14" t="s">
        <v>61</v>
      </c>
      <c r="G134707" s="16">
        <v>0</v>
      </c>
    </row>
    <row r="134708" spans="1:7" x14ac:dyDescent="0.3">
      <c r="A134708" s="13" t="s">
        <v>607</v>
      </c>
      <c r="B134708" s="14" t="s">
        <v>1</v>
      </c>
      <c r="C134708" s="14" t="s">
        <v>596</v>
      </c>
      <c r="D134708" s="14" t="s">
        <v>550</v>
      </c>
      <c r="E134708" s="15">
        <v>45399</v>
      </c>
      <c r="F134708" s="14" t="s">
        <v>61</v>
      </c>
      <c r="G134708" s="16">
        <v>0</v>
      </c>
    </row>
    <row r="134709" spans="1:7" x14ac:dyDescent="0.3">
      <c r="A134709" s="13" t="s">
        <v>607</v>
      </c>
      <c r="B134709" s="14" t="s">
        <v>1</v>
      </c>
      <c r="C134709" s="14" t="s">
        <v>596</v>
      </c>
      <c r="D134709" s="14" t="s">
        <v>550</v>
      </c>
      <c r="E134709" s="15">
        <v>45400</v>
      </c>
      <c r="F134709" s="14" t="s">
        <v>61</v>
      </c>
      <c r="G134709" s="16">
        <v>0</v>
      </c>
    </row>
    <row r="134710" spans="1:7" x14ac:dyDescent="0.3">
      <c r="A134710" s="13" t="s">
        <v>607</v>
      </c>
      <c r="B134710" s="14" t="s">
        <v>1</v>
      </c>
      <c r="C134710" s="14" t="s">
        <v>596</v>
      </c>
      <c r="D134710" s="14" t="s">
        <v>550</v>
      </c>
      <c r="E134710" s="15">
        <v>45401</v>
      </c>
      <c r="F134710" s="14" t="s">
        <v>61</v>
      </c>
      <c r="G134710" s="16">
        <v>0</v>
      </c>
    </row>
    <row r="134711" spans="1:7" x14ac:dyDescent="0.3">
      <c r="A134711" s="13" t="s">
        <v>607</v>
      </c>
      <c r="B134711" s="14" t="s">
        <v>1</v>
      </c>
      <c r="C134711" s="14" t="s">
        <v>596</v>
      </c>
      <c r="D134711" s="14" t="s">
        <v>550</v>
      </c>
      <c r="E134711" s="15">
        <v>45402</v>
      </c>
      <c r="F134711" s="14" t="s">
        <v>61</v>
      </c>
      <c r="G134711" s="16">
        <v>0</v>
      </c>
    </row>
    <row r="134712" spans="1:7" x14ac:dyDescent="0.3">
      <c r="A134712" s="13" t="s">
        <v>607</v>
      </c>
      <c r="B134712" s="14" t="s">
        <v>1</v>
      </c>
      <c r="C134712" s="14" t="s">
        <v>596</v>
      </c>
      <c r="D134712" s="14" t="s">
        <v>550</v>
      </c>
      <c r="E134712" s="15">
        <v>45403</v>
      </c>
      <c r="F134712" s="14" t="s">
        <v>61</v>
      </c>
      <c r="G134712" s="16">
        <v>0</v>
      </c>
    </row>
    <row r="134713" spans="1:7" x14ac:dyDescent="0.3">
      <c r="A134713" s="13" t="s">
        <v>607</v>
      </c>
      <c r="B134713" s="14" t="s">
        <v>1</v>
      </c>
      <c r="C134713" s="14" t="s">
        <v>596</v>
      </c>
      <c r="D134713" s="14" t="s">
        <v>550</v>
      </c>
      <c r="E134713" s="15">
        <v>45404</v>
      </c>
      <c r="F134713" s="14" t="s">
        <v>61</v>
      </c>
      <c r="G134713" s="16">
        <v>0</v>
      </c>
    </row>
    <row r="134714" spans="1:7" x14ac:dyDescent="0.3">
      <c r="A134714" s="13" t="s">
        <v>607</v>
      </c>
      <c r="B134714" s="14" t="s">
        <v>1</v>
      </c>
      <c r="C134714" s="14" t="s">
        <v>596</v>
      </c>
      <c r="D134714" s="14" t="s">
        <v>550</v>
      </c>
      <c r="E134714" s="15">
        <v>45405</v>
      </c>
      <c r="F134714" s="14" t="s">
        <v>61</v>
      </c>
      <c r="G134714" s="16">
        <v>0</v>
      </c>
    </row>
    <row r="134715" spans="1:7" x14ac:dyDescent="0.3">
      <c r="A134715" s="13" t="s">
        <v>607</v>
      </c>
      <c r="B134715" s="14" t="s">
        <v>1</v>
      </c>
      <c r="C134715" s="14" t="s">
        <v>596</v>
      </c>
      <c r="D134715" s="14" t="s">
        <v>550</v>
      </c>
      <c r="E134715" s="15">
        <v>45406</v>
      </c>
      <c r="F134715" s="14" t="s">
        <v>61</v>
      </c>
      <c r="G134715" s="16">
        <v>0</v>
      </c>
    </row>
    <row r="134716" spans="1:7" x14ac:dyDescent="0.3">
      <c r="A134716" s="13" t="s">
        <v>607</v>
      </c>
      <c r="B134716" s="14" t="s">
        <v>1</v>
      </c>
      <c r="C134716" s="14" t="s">
        <v>596</v>
      </c>
      <c r="D134716" s="14" t="s">
        <v>550</v>
      </c>
      <c r="E134716" s="15">
        <v>45407</v>
      </c>
      <c r="F134716" s="14" t="s">
        <v>61</v>
      </c>
      <c r="G134716" s="16">
        <v>0</v>
      </c>
    </row>
    <row r="134717" spans="1:7" x14ac:dyDescent="0.3">
      <c r="A134717" s="13" t="s">
        <v>607</v>
      </c>
      <c r="B134717" s="14" t="s">
        <v>1</v>
      </c>
      <c r="C134717" s="14" t="s">
        <v>596</v>
      </c>
      <c r="D134717" s="14" t="s">
        <v>550</v>
      </c>
      <c r="E134717" s="15">
        <v>45408</v>
      </c>
      <c r="F134717" s="14" t="s">
        <v>61</v>
      </c>
      <c r="G134717" s="16">
        <v>0</v>
      </c>
    </row>
    <row r="134718" spans="1:7" x14ac:dyDescent="0.3">
      <c r="A134718" s="13" t="s">
        <v>607</v>
      </c>
      <c r="B134718" s="14" t="s">
        <v>1</v>
      </c>
      <c r="C134718" s="14" t="s">
        <v>596</v>
      </c>
      <c r="D134718" s="14" t="s">
        <v>550</v>
      </c>
      <c r="E134718" s="15">
        <v>45409</v>
      </c>
      <c r="F134718" s="14" t="s">
        <v>61</v>
      </c>
      <c r="G134718" s="16">
        <v>0</v>
      </c>
    </row>
    <row r="134719" spans="1:7" x14ac:dyDescent="0.3">
      <c r="A134719" s="13" t="s">
        <v>607</v>
      </c>
      <c r="B134719" s="14" t="s">
        <v>1</v>
      </c>
      <c r="C134719" s="14" t="s">
        <v>596</v>
      </c>
      <c r="D134719" s="14" t="s">
        <v>550</v>
      </c>
      <c r="E134719" s="15">
        <v>45410</v>
      </c>
      <c r="F134719" s="14" t="s">
        <v>61</v>
      </c>
      <c r="G134719" s="16">
        <v>0</v>
      </c>
    </row>
    <row r="134720" spans="1:7" x14ac:dyDescent="0.3">
      <c r="A134720" s="13" t="s">
        <v>607</v>
      </c>
      <c r="B134720" s="14" t="s">
        <v>1</v>
      </c>
      <c r="C134720" s="14" t="s">
        <v>596</v>
      </c>
      <c r="D134720" s="14" t="s">
        <v>550</v>
      </c>
      <c r="E134720" s="15">
        <v>45411</v>
      </c>
      <c r="F134720" s="14" t="s">
        <v>61</v>
      </c>
      <c r="G134720" s="16">
        <v>0</v>
      </c>
    </row>
    <row r="134721" spans="1:7" x14ac:dyDescent="0.3">
      <c r="A134721" s="13" t="s">
        <v>607</v>
      </c>
      <c r="B134721" s="14" t="s">
        <v>1</v>
      </c>
      <c r="C134721" s="14" t="s">
        <v>596</v>
      </c>
      <c r="D134721" s="14" t="s">
        <v>550</v>
      </c>
      <c r="E134721" s="15">
        <v>45412</v>
      </c>
      <c r="F134721" s="14" t="s">
        <v>61</v>
      </c>
      <c r="G134721" s="16">
        <v>0</v>
      </c>
    </row>
    <row r="134722" spans="1:7" x14ac:dyDescent="0.3">
      <c r="A134722" s="13" t="s">
        <v>607</v>
      </c>
      <c r="B134722" s="14" t="s">
        <v>1</v>
      </c>
      <c r="C134722" s="14" t="s">
        <v>596</v>
      </c>
      <c r="D134722" s="14" t="s">
        <v>550</v>
      </c>
      <c r="E134722" s="15">
        <v>45413</v>
      </c>
      <c r="F134722" s="14" t="s">
        <v>61</v>
      </c>
      <c r="G134722" s="16">
        <v>0</v>
      </c>
    </row>
    <row r="134723" spans="1:7" x14ac:dyDescent="0.3">
      <c r="A134723" s="13" t="s">
        <v>607</v>
      </c>
      <c r="B134723" s="14" t="s">
        <v>1</v>
      </c>
      <c r="C134723" s="14" t="s">
        <v>596</v>
      </c>
      <c r="D134723" s="14" t="s">
        <v>550</v>
      </c>
      <c r="E134723" s="15">
        <v>45414</v>
      </c>
      <c r="F134723" s="14" t="s">
        <v>61</v>
      </c>
      <c r="G134723" s="16">
        <v>0</v>
      </c>
    </row>
    <row r="134724" spans="1:7" x14ac:dyDescent="0.3">
      <c r="A134724" s="13" t="s">
        <v>607</v>
      </c>
      <c r="B134724" s="14" t="s">
        <v>1</v>
      </c>
      <c r="C134724" s="14" t="s">
        <v>596</v>
      </c>
      <c r="D134724" s="14" t="s">
        <v>550</v>
      </c>
      <c r="E134724" s="15">
        <v>45415</v>
      </c>
      <c r="F134724" s="14" t="s">
        <v>61</v>
      </c>
      <c r="G134724" s="16">
        <v>0</v>
      </c>
    </row>
    <row r="134725" spans="1:7" x14ac:dyDescent="0.3">
      <c r="A134725" s="13" t="s">
        <v>607</v>
      </c>
      <c r="B134725" s="14" t="s">
        <v>1</v>
      </c>
      <c r="C134725" s="14" t="s">
        <v>596</v>
      </c>
      <c r="D134725" s="14" t="s">
        <v>550</v>
      </c>
      <c r="E134725" s="15">
        <v>45416</v>
      </c>
      <c r="F134725" s="14" t="s">
        <v>61</v>
      </c>
      <c r="G134725" s="16">
        <v>0</v>
      </c>
    </row>
    <row r="134726" spans="1:7" x14ac:dyDescent="0.3">
      <c r="A134726" s="13" t="s">
        <v>607</v>
      </c>
      <c r="B134726" s="14" t="s">
        <v>1</v>
      </c>
      <c r="C134726" s="14" t="s">
        <v>596</v>
      </c>
      <c r="D134726" s="14" t="s">
        <v>550</v>
      </c>
      <c r="E134726" s="15">
        <v>45417</v>
      </c>
      <c r="F134726" s="14" t="s">
        <v>61</v>
      </c>
      <c r="G134726" s="16">
        <v>0</v>
      </c>
    </row>
    <row r="134727" spans="1:7" x14ac:dyDescent="0.3">
      <c r="A134727" s="13" t="s">
        <v>607</v>
      </c>
      <c r="B134727" s="14" t="s">
        <v>1</v>
      </c>
      <c r="C134727" s="14" t="s">
        <v>596</v>
      </c>
      <c r="D134727" s="14" t="s">
        <v>550</v>
      </c>
      <c r="E134727" s="15">
        <v>45418</v>
      </c>
      <c r="F134727" s="14" t="s">
        <v>61</v>
      </c>
      <c r="G134727" s="16">
        <v>0</v>
      </c>
    </row>
    <row r="134728" spans="1:7" x14ac:dyDescent="0.3">
      <c r="A134728" s="13" t="s">
        <v>607</v>
      </c>
      <c r="B134728" s="14" t="s">
        <v>1</v>
      </c>
      <c r="C134728" s="14" t="s">
        <v>596</v>
      </c>
      <c r="D134728" s="14" t="s">
        <v>550</v>
      </c>
      <c r="E134728" s="15">
        <v>45419</v>
      </c>
      <c r="F134728" s="14" t="s">
        <v>61</v>
      </c>
      <c r="G134728" s="16">
        <v>0</v>
      </c>
    </row>
    <row r="134729" spans="1:7" x14ac:dyDescent="0.3">
      <c r="A134729" s="13" t="s">
        <v>607</v>
      </c>
      <c r="B134729" s="14" t="s">
        <v>1</v>
      </c>
      <c r="C134729" s="14" t="s">
        <v>596</v>
      </c>
      <c r="D134729" s="14" t="s">
        <v>550</v>
      </c>
      <c r="E134729" s="15">
        <v>45420</v>
      </c>
      <c r="F134729" s="14" t="s">
        <v>61</v>
      </c>
      <c r="G134729" s="16">
        <v>0</v>
      </c>
    </row>
    <row r="134730" spans="1:7" x14ac:dyDescent="0.3">
      <c r="A134730" s="13" t="s">
        <v>607</v>
      </c>
      <c r="B134730" s="14" t="s">
        <v>1</v>
      </c>
      <c r="C134730" s="14" t="s">
        <v>596</v>
      </c>
      <c r="D134730" s="14" t="s">
        <v>550</v>
      </c>
      <c r="E134730" s="15">
        <v>45421</v>
      </c>
      <c r="F134730" s="14" t="s">
        <v>61</v>
      </c>
      <c r="G134730" s="16">
        <v>0</v>
      </c>
    </row>
    <row r="134731" spans="1:7" x14ac:dyDescent="0.3">
      <c r="A134731" s="13" t="s">
        <v>607</v>
      </c>
      <c r="B134731" s="14" t="s">
        <v>1</v>
      </c>
      <c r="C134731" s="14" t="s">
        <v>596</v>
      </c>
      <c r="D134731" s="14" t="s">
        <v>550</v>
      </c>
      <c r="E134731" s="15">
        <v>45422</v>
      </c>
      <c r="F134731" s="14" t="s">
        <v>61</v>
      </c>
      <c r="G134731" s="16">
        <v>0</v>
      </c>
    </row>
    <row r="134732" spans="1:7" x14ac:dyDescent="0.3">
      <c r="A134732" s="13" t="s">
        <v>607</v>
      </c>
      <c r="B134732" s="14" t="s">
        <v>1</v>
      </c>
      <c r="C134732" s="14" t="s">
        <v>596</v>
      </c>
      <c r="D134732" s="14" t="s">
        <v>550</v>
      </c>
      <c r="E134732" s="15">
        <v>45423</v>
      </c>
      <c r="F134732" s="14" t="s">
        <v>61</v>
      </c>
      <c r="G134732" s="16">
        <v>0</v>
      </c>
    </row>
    <row r="134733" spans="1:7" x14ac:dyDescent="0.3">
      <c r="A134733" s="13" t="s">
        <v>607</v>
      </c>
      <c r="B134733" s="14" t="s">
        <v>1</v>
      </c>
      <c r="C134733" s="14" t="s">
        <v>596</v>
      </c>
      <c r="D134733" s="14" t="s">
        <v>550</v>
      </c>
      <c r="E134733" s="15">
        <v>45424</v>
      </c>
      <c r="F134733" s="14" t="s">
        <v>61</v>
      </c>
      <c r="G134733" s="16">
        <v>0</v>
      </c>
    </row>
    <row r="134734" spans="1:7" x14ac:dyDescent="0.3">
      <c r="A134734" s="13" t="s">
        <v>607</v>
      </c>
      <c r="B134734" s="14" t="s">
        <v>1</v>
      </c>
      <c r="C134734" s="14" t="s">
        <v>596</v>
      </c>
      <c r="D134734" s="14" t="s">
        <v>550</v>
      </c>
      <c r="E134734" s="15">
        <v>45425</v>
      </c>
      <c r="F134734" s="14" t="s">
        <v>61</v>
      </c>
      <c r="G134734" s="16">
        <v>0</v>
      </c>
    </row>
    <row r="134735" spans="1:7" x14ac:dyDescent="0.3">
      <c r="A134735" s="13" t="s">
        <v>607</v>
      </c>
      <c r="B134735" s="14" t="s">
        <v>1</v>
      </c>
      <c r="C134735" s="14" t="s">
        <v>596</v>
      </c>
      <c r="D134735" s="14" t="s">
        <v>550</v>
      </c>
      <c r="E134735" s="15">
        <v>45426</v>
      </c>
      <c r="F134735" s="14" t="s">
        <v>61</v>
      </c>
      <c r="G134735" s="16">
        <v>0</v>
      </c>
    </row>
    <row r="134736" spans="1:7" x14ac:dyDescent="0.3">
      <c r="A134736" s="13" t="s">
        <v>607</v>
      </c>
      <c r="B134736" s="14" t="s">
        <v>1</v>
      </c>
      <c r="C134736" s="14" t="s">
        <v>596</v>
      </c>
      <c r="D134736" s="14" t="s">
        <v>550</v>
      </c>
      <c r="E134736" s="15">
        <v>45427</v>
      </c>
      <c r="F134736" s="14" t="s">
        <v>61</v>
      </c>
      <c r="G134736" s="16">
        <v>0</v>
      </c>
    </row>
    <row r="134737" spans="1:7" x14ac:dyDescent="0.3">
      <c r="A134737" s="13" t="s">
        <v>607</v>
      </c>
      <c r="B134737" s="14" t="s">
        <v>1</v>
      </c>
      <c r="C134737" s="14" t="s">
        <v>596</v>
      </c>
      <c r="D134737" s="14" t="s">
        <v>550</v>
      </c>
      <c r="E134737" s="15">
        <v>45428</v>
      </c>
      <c r="F134737" s="14" t="s">
        <v>61</v>
      </c>
      <c r="G134737" s="16">
        <v>0</v>
      </c>
    </row>
    <row r="134738" spans="1:7" x14ac:dyDescent="0.3">
      <c r="A134738" s="13" t="s">
        <v>607</v>
      </c>
      <c r="B134738" s="14" t="s">
        <v>1</v>
      </c>
      <c r="C134738" s="14" t="s">
        <v>596</v>
      </c>
      <c r="D134738" s="14" t="s">
        <v>550</v>
      </c>
      <c r="E134738" s="15">
        <v>45429</v>
      </c>
      <c r="F134738" s="14" t="s">
        <v>61</v>
      </c>
      <c r="G134738" s="16">
        <v>0</v>
      </c>
    </row>
    <row r="134739" spans="1:7" x14ac:dyDescent="0.3">
      <c r="A134739" s="13" t="s">
        <v>607</v>
      </c>
      <c r="B134739" s="14" t="s">
        <v>1</v>
      </c>
      <c r="C134739" s="14" t="s">
        <v>596</v>
      </c>
      <c r="D134739" s="14" t="s">
        <v>550</v>
      </c>
      <c r="E134739" s="15">
        <v>45430</v>
      </c>
      <c r="F134739" s="14" t="s">
        <v>61</v>
      </c>
      <c r="G134739" s="16">
        <v>0</v>
      </c>
    </row>
    <row r="134740" spans="1:7" x14ac:dyDescent="0.3">
      <c r="A134740" s="13" t="s">
        <v>607</v>
      </c>
      <c r="B134740" s="14" t="s">
        <v>1</v>
      </c>
      <c r="C134740" s="14" t="s">
        <v>596</v>
      </c>
      <c r="D134740" s="14" t="s">
        <v>550</v>
      </c>
      <c r="E134740" s="15">
        <v>45431</v>
      </c>
      <c r="F134740" s="14" t="s">
        <v>61</v>
      </c>
      <c r="G134740" s="16">
        <v>0</v>
      </c>
    </row>
    <row r="134741" spans="1:7" x14ac:dyDescent="0.3">
      <c r="A134741" s="13" t="s">
        <v>607</v>
      </c>
      <c r="B134741" s="14" t="s">
        <v>1</v>
      </c>
      <c r="C134741" s="14" t="s">
        <v>596</v>
      </c>
      <c r="D134741" s="14" t="s">
        <v>550</v>
      </c>
      <c r="E134741" s="15">
        <v>45432</v>
      </c>
      <c r="F134741" s="14" t="s">
        <v>61</v>
      </c>
      <c r="G134741" s="16">
        <v>0</v>
      </c>
    </row>
    <row r="134742" spans="1:7" x14ac:dyDescent="0.3">
      <c r="A134742" s="13" t="s">
        <v>607</v>
      </c>
      <c r="B134742" s="14" t="s">
        <v>1</v>
      </c>
      <c r="C134742" s="14" t="s">
        <v>596</v>
      </c>
      <c r="D134742" s="14" t="s">
        <v>550</v>
      </c>
      <c r="E134742" s="15">
        <v>45433</v>
      </c>
      <c r="F134742" s="14" t="s">
        <v>61</v>
      </c>
      <c r="G134742" s="16">
        <v>0</v>
      </c>
    </row>
    <row r="134743" spans="1:7" x14ac:dyDescent="0.3">
      <c r="A134743" s="13" t="s">
        <v>607</v>
      </c>
      <c r="B134743" s="14" t="s">
        <v>1</v>
      </c>
      <c r="C134743" s="14" t="s">
        <v>596</v>
      </c>
      <c r="D134743" s="14" t="s">
        <v>550</v>
      </c>
      <c r="E134743" s="15">
        <v>45434</v>
      </c>
      <c r="F134743" s="14" t="s">
        <v>61</v>
      </c>
      <c r="G134743" s="16">
        <v>0</v>
      </c>
    </row>
    <row r="134744" spans="1:7" x14ac:dyDescent="0.3">
      <c r="A134744" s="13" t="s">
        <v>607</v>
      </c>
      <c r="B134744" s="14" t="s">
        <v>1</v>
      </c>
      <c r="C134744" s="14" t="s">
        <v>596</v>
      </c>
      <c r="D134744" s="14" t="s">
        <v>550</v>
      </c>
      <c r="E134744" s="15">
        <v>45435</v>
      </c>
      <c r="F134744" s="14" t="s">
        <v>61</v>
      </c>
      <c r="G134744" s="16">
        <v>0</v>
      </c>
    </row>
    <row r="134745" spans="1:7" x14ac:dyDescent="0.3">
      <c r="A134745" s="13" t="s">
        <v>607</v>
      </c>
      <c r="B134745" s="14" t="s">
        <v>1</v>
      </c>
      <c r="C134745" s="14" t="s">
        <v>596</v>
      </c>
      <c r="D134745" s="14" t="s">
        <v>550</v>
      </c>
      <c r="E134745" s="15">
        <v>45436</v>
      </c>
      <c r="F134745" s="14" t="s">
        <v>61</v>
      </c>
      <c r="G134745" s="16">
        <v>0</v>
      </c>
    </row>
    <row r="134746" spans="1:7" x14ac:dyDescent="0.3">
      <c r="A134746" s="13" t="s">
        <v>607</v>
      </c>
      <c r="B134746" s="14" t="s">
        <v>1</v>
      </c>
      <c r="C134746" s="14" t="s">
        <v>596</v>
      </c>
      <c r="D134746" s="14" t="s">
        <v>550</v>
      </c>
      <c r="E134746" s="15">
        <v>45437</v>
      </c>
      <c r="F134746" s="14" t="s">
        <v>61</v>
      </c>
      <c r="G134746" s="16">
        <v>0</v>
      </c>
    </row>
    <row r="134747" spans="1:7" x14ac:dyDescent="0.3">
      <c r="A134747" s="13" t="s">
        <v>607</v>
      </c>
      <c r="B134747" s="14" t="s">
        <v>1</v>
      </c>
      <c r="C134747" s="14" t="s">
        <v>596</v>
      </c>
      <c r="D134747" s="14" t="s">
        <v>550</v>
      </c>
      <c r="E134747" s="15">
        <v>45438</v>
      </c>
      <c r="F134747" s="14" t="s">
        <v>61</v>
      </c>
      <c r="G134747" s="16">
        <v>0</v>
      </c>
    </row>
    <row r="134748" spans="1:7" x14ac:dyDescent="0.3">
      <c r="A134748" s="13" t="s">
        <v>607</v>
      </c>
      <c r="B134748" s="14" t="s">
        <v>1</v>
      </c>
      <c r="C134748" s="14" t="s">
        <v>596</v>
      </c>
      <c r="D134748" s="14" t="s">
        <v>550</v>
      </c>
      <c r="E134748" s="15">
        <v>45439</v>
      </c>
      <c r="F134748" s="14" t="s">
        <v>61</v>
      </c>
      <c r="G134748" s="16">
        <v>0</v>
      </c>
    </row>
    <row r="134749" spans="1:7" x14ac:dyDescent="0.3">
      <c r="A134749" s="13" t="s">
        <v>607</v>
      </c>
      <c r="B134749" s="14" t="s">
        <v>1</v>
      </c>
      <c r="C134749" s="14" t="s">
        <v>596</v>
      </c>
      <c r="D134749" s="14" t="s">
        <v>550</v>
      </c>
      <c r="E134749" s="15">
        <v>45440</v>
      </c>
      <c r="F134749" s="14" t="s">
        <v>61</v>
      </c>
      <c r="G134749" s="16">
        <v>0</v>
      </c>
    </row>
    <row r="134750" spans="1:7" x14ac:dyDescent="0.3">
      <c r="A134750" s="13" t="s">
        <v>607</v>
      </c>
      <c r="B134750" s="14" t="s">
        <v>1</v>
      </c>
      <c r="C134750" s="14" t="s">
        <v>596</v>
      </c>
      <c r="D134750" s="14" t="s">
        <v>550</v>
      </c>
      <c r="E134750" s="15">
        <v>45441</v>
      </c>
      <c r="F134750" s="14" t="s">
        <v>61</v>
      </c>
      <c r="G134750" s="16">
        <v>0</v>
      </c>
    </row>
    <row r="134751" spans="1:7" x14ac:dyDescent="0.3">
      <c r="A134751" s="13" t="s">
        <v>607</v>
      </c>
      <c r="B134751" s="14" t="s">
        <v>1</v>
      </c>
      <c r="C134751" s="14" t="s">
        <v>596</v>
      </c>
      <c r="D134751" s="14" t="s">
        <v>550</v>
      </c>
      <c r="E134751" s="15">
        <v>45442</v>
      </c>
      <c r="F134751" s="14" t="s">
        <v>61</v>
      </c>
      <c r="G134751" s="16">
        <v>0</v>
      </c>
    </row>
    <row r="134752" spans="1:7" x14ac:dyDescent="0.3">
      <c r="A134752" s="13" t="s">
        <v>607</v>
      </c>
      <c r="B134752" s="14" t="s">
        <v>1</v>
      </c>
      <c r="C134752" s="14" t="s">
        <v>596</v>
      </c>
      <c r="D134752" s="14" t="s">
        <v>550</v>
      </c>
      <c r="E134752" s="15">
        <v>45443</v>
      </c>
      <c r="F134752" s="14" t="s">
        <v>61</v>
      </c>
      <c r="G134752" s="16">
        <v>0</v>
      </c>
    </row>
    <row r="134753" spans="1:7" x14ac:dyDescent="0.3">
      <c r="A134753" s="13" t="s">
        <v>607</v>
      </c>
      <c r="B134753" s="14" t="s">
        <v>1</v>
      </c>
      <c r="C134753" s="14" t="s">
        <v>596</v>
      </c>
      <c r="D134753" s="14" t="s">
        <v>550</v>
      </c>
      <c r="E134753" s="15">
        <v>45444</v>
      </c>
      <c r="F134753" s="14" t="s">
        <v>61</v>
      </c>
      <c r="G134753" s="16">
        <v>0</v>
      </c>
    </row>
    <row r="134754" spans="1:7" x14ac:dyDescent="0.3">
      <c r="A134754" s="13" t="s">
        <v>607</v>
      </c>
      <c r="B134754" s="14" t="s">
        <v>1</v>
      </c>
      <c r="C134754" s="14" t="s">
        <v>596</v>
      </c>
      <c r="D134754" s="14" t="s">
        <v>550</v>
      </c>
      <c r="E134754" s="15">
        <v>45445</v>
      </c>
      <c r="F134754" s="14" t="s">
        <v>61</v>
      </c>
      <c r="G134754" s="16">
        <v>0</v>
      </c>
    </row>
    <row r="134755" spans="1:7" x14ac:dyDescent="0.3">
      <c r="A134755" s="13" t="s">
        <v>607</v>
      </c>
      <c r="B134755" s="14" t="s">
        <v>1</v>
      </c>
      <c r="C134755" s="14" t="s">
        <v>596</v>
      </c>
      <c r="D134755" s="14" t="s">
        <v>550</v>
      </c>
      <c r="E134755" s="15">
        <v>45446</v>
      </c>
      <c r="F134755" s="14" t="s">
        <v>61</v>
      </c>
      <c r="G134755" s="16">
        <v>0</v>
      </c>
    </row>
    <row r="134756" spans="1:7" x14ac:dyDescent="0.3">
      <c r="A134756" s="13" t="s">
        <v>607</v>
      </c>
      <c r="B134756" s="14" t="s">
        <v>1</v>
      </c>
      <c r="C134756" s="14" t="s">
        <v>596</v>
      </c>
      <c r="D134756" s="14" t="s">
        <v>550</v>
      </c>
      <c r="E134756" s="15">
        <v>45447</v>
      </c>
      <c r="F134756" s="14" t="s">
        <v>61</v>
      </c>
      <c r="G134756" s="16">
        <v>0</v>
      </c>
    </row>
    <row r="134757" spans="1:7" x14ac:dyDescent="0.3">
      <c r="A134757" s="13" t="s">
        <v>607</v>
      </c>
      <c r="B134757" s="14" t="s">
        <v>1</v>
      </c>
      <c r="C134757" s="14" t="s">
        <v>596</v>
      </c>
      <c r="D134757" s="14" t="s">
        <v>550</v>
      </c>
      <c r="E134757" s="15">
        <v>45448</v>
      </c>
      <c r="F134757" s="14" t="s">
        <v>61</v>
      </c>
      <c r="G134757" s="16">
        <v>0</v>
      </c>
    </row>
    <row r="134758" spans="1:7" x14ac:dyDescent="0.3">
      <c r="A134758" s="13" t="s">
        <v>607</v>
      </c>
      <c r="B134758" s="14" t="s">
        <v>1</v>
      </c>
      <c r="C134758" s="14" t="s">
        <v>596</v>
      </c>
      <c r="D134758" s="14" t="s">
        <v>550</v>
      </c>
      <c r="E134758" s="15">
        <v>45449</v>
      </c>
      <c r="F134758" s="14" t="s">
        <v>61</v>
      </c>
      <c r="G134758" s="16">
        <v>0</v>
      </c>
    </row>
    <row r="134759" spans="1:7" x14ac:dyDescent="0.3">
      <c r="A134759" s="13" t="s">
        <v>607</v>
      </c>
      <c r="B134759" s="14" t="s">
        <v>1</v>
      </c>
      <c r="C134759" s="14" t="s">
        <v>596</v>
      </c>
      <c r="D134759" s="14" t="s">
        <v>550</v>
      </c>
      <c r="E134759" s="15">
        <v>45450</v>
      </c>
      <c r="F134759" s="14" t="s">
        <v>61</v>
      </c>
      <c r="G134759" s="16">
        <v>0</v>
      </c>
    </row>
    <row r="134760" spans="1:7" x14ac:dyDescent="0.3">
      <c r="A134760" s="13" t="s">
        <v>607</v>
      </c>
      <c r="B134760" s="14" t="s">
        <v>1</v>
      </c>
      <c r="C134760" s="14" t="s">
        <v>596</v>
      </c>
      <c r="D134760" s="14" t="s">
        <v>550</v>
      </c>
      <c r="E134760" s="15">
        <v>45451</v>
      </c>
      <c r="F134760" s="14" t="s">
        <v>61</v>
      </c>
      <c r="G134760" s="16">
        <v>0</v>
      </c>
    </row>
    <row r="134761" spans="1:7" x14ac:dyDescent="0.3">
      <c r="A134761" s="13" t="s">
        <v>607</v>
      </c>
      <c r="B134761" s="14" t="s">
        <v>1</v>
      </c>
      <c r="C134761" s="14" t="s">
        <v>596</v>
      </c>
      <c r="D134761" s="14" t="s">
        <v>550</v>
      </c>
      <c r="E134761" s="15">
        <v>45452</v>
      </c>
      <c r="F134761" s="14" t="s">
        <v>61</v>
      </c>
      <c r="G134761" s="16">
        <v>0</v>
      </c>
    </row>
    <row r="134762" spans="1:7" x14ac:dyDescent="0.3">
      <c r="A134762" s="13" t="s">
        <v>607</v>
      </c>
      <c r="B134762" s="14" t="s">
        <v>1</v>
      </c>
      <c r="C134762" s="14" t="s">
        <v>596</v>
      </c>
      <c r="D134762" s="14" t="s">
        <v>550</v>
      </c>
      <c r="E134762" s="15">
        <v>45453</v>
      </c>
      <c r="F134762" s="14" t="s">
        <v>61</v>
      </c>
      <c r="G134762" s="16">
        <v>0</v>
      </c>
    </row>
    <row r="134763" spans="1:7" x14ac:dyDescent="0.3">
      <c r="A134763" s="13" t="s">
        <v>607</v>
      </c>
      <c r="B134763" s="14" t="s">
        <v>1</v>
      </c>
      <c r="C134763" s="14" t="s">
        <v>596</v>
      </c>
      <c r="D134763" s="14" t="s">
        <v>550</v>
      </c>
      <c r="E134763" s="15">
        <v>45454</v>
      </c>
      <c r="F134763" s="14" t="s">
        <v>61</v>
      </c>
      <c r="G134763" s="16">
        <v>0</v>
      </c>
    </row>
    <row r="134764" spans="1:7" x14ac:dyDescent="0.3">
      <c r="A134764" s="13" t="s">
        <v>607</v>
      </c>
      <c r="B134764" s="14" t="s">
        <v>1</v>
      </c>
      <c r="C134764" s="14" t="s">
        <v>596</v>
      </c>
      <c r="D134764" s="14" t="s">
        <v>550</v>
      </c>
      <c r="E134764" s="15">
        <v>45455</v>
      </c>
      <c r="F134764" s="14" t="s">
        <v>61</v>
      </c>
      <c r="G134764" s="16">
        <v>0</v>
      </c>
    </row>
    <row r="134765" spans="1:7" x14ac:dyDescent="0.3">
      <c r="A134765" s="13" t="s">
        <v>607</v>
      </c>
      <c r="B134765" s="14" t="s">
        <v>1</v>
      </c>
      <c r="C134765" s="14" t="s">
        <v>596</v>
      </c>
      <c r="D134765" s="14" t="s">
        <v>550</v>
      </c>
      <c r="E134765" s="15">
        <v>45456</v>
      </c>
      <c r="F134765" s="14" t="s">
        <v>61</v>
      </c>
      <c r="G134765" s="16">
        <v>0</v>
      </c>
    </row>
    <row r="134766" spans="1:7" x14ac:dyDescent="0.3">
      <c r="A134766" s="13" t="s">
        <v>607</v>
      </c>
      <c r="B134766" s="14" t="s">
        <v>1</v>
      </c>
      <c r="C134766" s="14" t="s">
        <v>596</v>
      </c>
      <c r="D134766" s="14" t="s">
        <v>550</v>
      </c>
      <c r="E134766" s="15">
        <v>45457</v>
      </c>
      <c r="F134766" s="14" t="s">
        <v>61</v>
      </c>
      <c r="G134766" s="16">
        <v>0</v>
      </c>
    </row>
    <row r="134767" spans="1:7" x14ac:dyDescent="0.3">
      <c r="A134767" s="13" t="s">
        <v>607</v>
      </c>
      <c r="B134767" s="14" t="s">
        <v>1</v>
      </c>
      <c r="C134767" s="14" t="s">
        <v>596</v>
      </c>
      <c r="D134767" s="14" t="s">
        <v>550</v>
      </c>
      <c r="E134767" s="15">
        <v>45458</v>
      </c>
      <c r="F134767" s="14" t="s">
        <v>61</v>
      </c>
      <c r="G134767" s="16">
        <v>0</v>
      </c>
    </row>
    <row r="134768" spans="1:7" x14ac:dyDescent="0.3">
      <c r="A134768" s="13" t="s">
        <v>607</v>
      </c>
      <c r="B134768" s="14" t="s">
        <v>1</v>
      </c>
      <c r="C134768" s="14" t="s">
        <v>596</v>
      </c>
      <c r="D134768" s="14" t="s">
        <v>550</v>
      </c>
      <c r="E134768" s="15">
        <v>45459</v>
      </c>
      <c r="F134768" s="14" t="s">
        <v>61</v>
      </c>
      <c r="G134768" s="16">
        <v>0</v>
      </c>
    </row>
    <row r="134769" spans="1:7" x14ac:dyDescent="0.3">
      <c r="A134769" s="13" t="s">
        <v>607</v>
      </c>
      <c r="B134769" s="14" t="s">
        <v>1</v>
      </c>
      <c r="C134769" s="14" t="s">
        <v>596</v>
      </c>
      <c r="D134769" s="14" t="s">
        <v>550</v>
      </c>
      <c r="E134769" s="15">
        <v>45460</v>
      </c>
      <c r="F134769" s="14" t="s">
        <v>61</v>
      </c>
      <c r="G134769" s="16">
        <v>0</v>
      </c>
    </row>
    <row r="134770" spans="1:7" x14ac:dyDescent="0.3">
      <c r="A134770" s="13" t="s">
        <v>607</v>
      </c>
      <c r="B134770" s="14" t="s">
        <v>1</v>
      </c>
      <c r="C134770" s="14" t="s">
        <v>596</v>
      </c>
      <c r="D134770" s="14" t="s">
        <v>550</v>
      </c>
      <c r="E134770" s="15">
        <v>45461</v>
      </c>
      <c r="F134770" s="14" t="s">
        <v>61</v>
      </c>
      <c r="G134770" s="16">
        <v>0</v>
      </c>
    </row>
    <row r="134771" spans="1:7" x14ac:dyDescent="0.3">
      <c r="A134771" s="13" t="s">
        <v>607</v>
      </c>
      <c r="B134771" s="14" t="s">
        <v>1</v>
      </c>
      <c r="C134771" s="14" t="s">
        <v>596</v>
      </c>
      <c r="D134771" s="14" t="s">
        <v>550</v>
      </c>
      <c r="E134771" s="15">
        <v>45462</v>
      </c>
      <c r="F134771" s="14" t="s">
        <v>61</v>
      </c>
      <c r="G134771" s="16">
        <v>0</v>
      </c>
    </row>
    <row r="134772" spans="1:7" x14ac:dyDescent="0.3">
      <c r="A134772" s="13" t="s">
        <v>607</v>
      </c>
      <c r="B134772" s="14" t="s">
        <v>1</v>
      </c>
      <c r="C134772" s="14" t="s">
        <v>596</v>
      </c>
      <c r="D134772" s="14" t="s">
        <v>550</v>
      </c>
      <c r="E134772" s="15">
        <v>45463</v>
      </c>
      <c r="F134772" s="14" t="s">
        <v>61</v>
      </c>
      <c r="G134772" s="16">
        <v>0</v>
      </c>
    </row>
    <row r="134773" spans="1:7" x14ac:dyDescent="0.3">
      <c r="A134773" s="13" t="s">
        <v>607</v>
      </c>
      <c r="B134773" s="14" t="s">
        <v>1</v>
      </c>
      <c r="C134773" s="14" t="s">
        <v>596</v>
      </c>
      <c r="D134773" s="14" t="s">
        <v>550</v>
      </c>
      <c r="E134773" s="15">
        <v>45464</v>
      </c>
      <c r="F134773" s="14" t="s">
        <v>61</v>
      </c>
      <c r="G134773" s="16">
        <v>0</v>
      </c>
    </row>
    <row r="134774" spans="1:7" x14ac:dyDescent="0.3">
      <c r="A134774" s="13" t="s">
        <v>607</v>
      </c>
      <c r="B134774" s="14" t="s">
        <v>1</v>
      </c>
      <c r="C134774" s="14" t="s">
        <v>596</v>
      </c>
      <c r="D134774" s="14" t="s">
        <v>550</v>
      </c>
      <c r="E134774" s="15">
        <v>45465</v>
      </c>
      <c r="F134774" s="14" t="s">
        <v>61</v>
      </c>
      <c r="G134774" s="16">
        <v>0</v>
      </c>
    </row>
    <row r="134775" spans="1:7" x14ac:dyDescent="0.3">
      <c r="A134775" s="13" t="s">
        <v>607</v>
      </c>
      <c r="B134775" s="14" t="s">
        <v>1</v>
      </c>
      <c r="C134775" s="14" t="s">
        <v>596</v>
      </c>
      <c r="D134775" s="14" t="s">
        <v>550</v>
      </c>
      <c r="E134775" s="15">
        <v>45466</v>
      </c>
      <c r="F134775" s="14" t="s">
        <v>61</v>
      </c>
      <c r="G134775" s="16">
        <v>0</v>
      </c>
    </row>
    <row r="134776" spans="1:7" x14ac:dyDescent="0.3">
      <c r="A134776" s="13" t="s">
        <v>607</v>
      </c>
      <c r="B134776" s="14" t="s">
        <v>1</v>
      </c>
      <c r="C134776" s="14" t="s">
        <v>596</v>
      </c>
      <c r="D134776" s="14" t="s">
        <v>550</v>
      </c>
      <c r="E134776" s="15">
        <v>45467</v>
      </c>
      <c r="F134776" s="14" t="s">
        <v>61</v>
      </c>
      <c r="G134776" s="16">
        <v>0</v>
      </c>
    </row>
    <row r="134777" spans="1:7" x14ac:dyDescent="0.3">
      <c r="A134777" s="13" t="s">
        <v>607</v>
      </c>
      <c r="B134777" s="14" t="s">
        <v>1</v>
      </c>
      <c r="C134777" s="14" t="s">
        <v>596</v>
      </c>
      <c r="D134777" s="14" t="s">
        <v>550</v>
      </c>
      <c r="E134777" s="15">
        <v>45468</v>
      </c>
      <c r="F134777" s="14" t="s">
        <v>61</v>
      </c>
      <c r="G134777" s="16">
        <v>0</v>
      </c>
    </row>
    <row r="134778" spans="1:7" x14ac:dyDescent="0.3">
      <c r="A134778" s="13" t="s">
        <v>607</v>
      </c>
      <c r="B134778" s="14" t="s">
        <v>1</v>
      </c>
      <c r="C134778" s="14" t="s">
        <v>596</v>
      </c>
      <c r="D134778" s="14" t="s">
        <v>550</v>
      </c>
      <c r="E134778" s="15">
        <v>45469</v>
      </c>
      <c r="F134778" s="14" t="s">
        <v>61</v>
      </c>
      <c r="G134778" s="16">
        <v>0</v>
      </c>
    </row>
    <row r="134779" spans="1:7" x14ac:dyDescent="0.3">
      <c r="A134779" s="13" t="s">
        <v>607</v>
      </c>
      <c r="B134779" s="14" t="s">
        <v>1</v>
      </c>
      <c r="C134779" s="14" t="s">
        <v>596</v>
      </c>
      <c r="D134779" s="14" t="s">
        <v>550</v>
      </c>
      <c r="E134779" s="15">
        <v>45470</v>
      </c>
      <c r="F134779" s="14" t="s">
        <v>61</v>
      </c>
      <c r="G134779" s="16">
        <v>0</v>
      </c>
    </row>
    <row r="134780" spans="1:7" x14ac:dyDescent="0.3">
      <c r="A134780" s="13" t="s">
        <v>607</v>
      </c>
      <c r="B134780" s="14" t="s">
        <v>1</v>
      </c>
      <c r="C134780" s="14" t="s">
        <v>596</v>
      </c>
      <c r="D134780" s="14" t="s">
        <v>550</v>
      </c>
      <c r="E134780" s="15">
        <v>45471</v>
      </c>
      <c r="F134780" s="14" t="s">
        <v>61</v>
      </c>
      <c r="G134780" s="16">
        <v>0</v>
      </c>
    </row>
    <row r="134781" spans="1:7" x14ac:dyDescent="0.3">
      <c r="A134781" s="13" t="s">
        <v>607</v>
      </c>
      <c r="B134781" s="14" t="s">
        <v>1</v>
      </c>
      <c r="C134781" s="14" t="s">
        <v>596</v>
      </c>
      <c r="D134781" s="14" t="s">
        <v>550</v>
      </c>
      <c r="E134781" s="15">
        <v>45472</v>
      </c>
      <c r="F134781" s="14" t="s">
        <v>61</v>
      </c>
      <c r="G134781" s="16">
        <v>0</v>
      </c>
    </row>
    <row r="134782" spans="1:7" x14ac:dyDescent="0.3">
      <c r="A134782" s="13" t="s">
        <v>607</v>
      </c>
      <c r="B134782" s="14" t="s">
        <v>1</v>
      </c>
      <c r="C134782" s="14" t="s">
        <v>596</v>
      </c>
      <c r="D134782" s="14" t="s">
        <v>550</v>
      </c>
      <c r="E134782" s="15">
        <v>45473</v>
      </c>
      <c r="F134782" s="14" t="s">
        <v>61</v>
      </c>
      <c r="G134782" s="16">
        <v>0</v>
      </c>
    </row>
    <row r="134783" spans="1:7" x14ac:dyDescent="0.3">
      <c r="A134783" s="13" t="s">
        <v>607</v>
      </c>
      <c r="B134783" s="14" t="s">
        <v>1</v>
      </c>
      <c r="C134783" s="14" t="s">
        <v>596</v>
      </c>
      <c r="D134783" s="14" t="s">
        <v>550</v>
      </c>
      <c r="E134783" s="15">
        <v>45474</v>
      </c>
      <c r="F134783" s="14" t="s">
        <v>61</v>
      </c>
      <c r="G134783" s="16">
        <v>0</v>
      </c>
    </row>
    <row r="134784" spans="1:7" x14ac:dyDescent="0.3">
      <c r="A134784" s="13" t="s">
        <v>607</v>
      </c>
      <c r="B134784" s="14" t="s">
        <v>1</v>
      </c>
      <c r="C134784" s="14" t="s">
        <v>596</v>
      </c>
      <c r="D134784" s="14" t="s">
        <v>550</v>
      </c>
      <c r="E134784" s="15">
        <v>45475</v>
      </c>
      <c r="F134784" s="14" t="s">
        <v>61</v>
      </c>
      <c r="G134784" s="16">
        <v>0</v>
      </c>
    </row>
    <row r="134785" spans="1:7" x14ac:dyDescent="0.3">
      <c r="A134785" s="13" t="s">
        <v>607</v>
      </c>
      <c r="B134785" s="14" t="s">
        <v>1</v>
      </c>
      <c r="C134785" s="14" t="s">
        <v>596</v>
      </c>
      <c r="D134785" s="14" t="s">
        <v>550</v>
      </c>
      <c r="E134785" s="15">
        <v>45476</v>
      </c>
      <c r="F134785" s="14" t="s">
        <v>61</v>
      </c>
      <c r="G134785" s="16">
        <v>0</v>
      </c>
    </row>
    <row r="134786" spans="1:7" x14ac:dyDescent="0.3">
      <c r="A134786" s="13" t="s">
        <v>607</v>
      </c>
      <c r="B134786" s="14" t="s">
        <v>1</v>
      </c>
      <c r="C134786" s="14" t="s">
        <v>596</v>
      </c>
      <c r="D134786" s="14" t="s">
        <v>550</v>
      </c>
      <c r="E134786" s="15">
        <v>45477</v>
      </c>
      <c r="F134786" s="14" t="s">
        <v>61</v>
      </c>
      <c r="G134786" s="16">
        <v>0</v>
      </c>
    </row>
    <row r="134787" spans="1:7" x14ac:dyDescent="0.3">
      <c r="A134787" s="13" t="s">
        <v>607</v>
      </c>
      <c r="B134787" s="14" t="s">
        <v>1</v>
      </c>
      <c r="C134787" s="14" t="s">
        <v>596</v>
      </c>
      <c r="D134787" s="14" t="s">
        <v>550</v>
      </c>
      <c r="E134787" s="15">
        <v>45478</v>
      </c>
      <c r="F134787" s="14" t="s">
        <v>61</v>
      </c>
      <c r="G134787" s="16">
        <v>0</v>
      </c>
    </row>
    <row r="134788" spans="1:7" x14ac:dyDescent="0.3">
      <c r="A134788" s="13" t="s">
        <v>607</v>
      </c>
      <c r="B134788" s="14" t="s">
        <v>1</v>
      </c>
      <c r="C134788" s="14" t="s">
        <v>596</v>
      </c>
      <c r="D134788" s="14" t="s">
        <v>550</v>
      </c>
      <c r="E134788" s="15">
        <v>45479</v>
      </c>
      <c r="F134788" s="14" t="s">
        <v>61</v>
      </c>
      <c r="G134788" s="16">
        <v>0</v>
      </c>
    </row>
    <row r="134789" spans="1:7" x14ac:dyDescent="0.3">
      <c r="A134789" s="13" t="s">
        <v>607</v>
      </c>
      <c r="B134789" s="14" t="s">
        <v>1</v>
      </c>
      <c r="C134789" s="14" t="s">
        <v>596</v>
      </c>
      <c r="D134789" s="14" t="s">
        <v>550</v>
      </c>
      <c r="E134789" s="15">
        <v>45480</v>
      </c>
      <c r="F134789" s="14" t="s">
        <v>61</v>
      </c>
      <c r="G134789" s="16">
        <v>0</v>
      </c>
    </row>
    <row r="134790" spans="1:7" x14ac:dyDescent="0.3">
      <c r="A134790" s="13" t="s">
        <v>607</v>
      </c>
      <c r="B134790" s="14" t="s">
        <v>1</v>
      </c>
      <c r="C134790" s="14" t="s">
        <v>596</v>
      </c>
      <c r="D134790" s="14" t="s">
        <v>550</v>
      </c>
      <c r="E134790" s="15">
        <v>45481</v>
      </c>
      <c r="F134790" s="14" t="s">
        <v>61</v>
      </c>
      <c r="G134790" s="16">
        <v>0</v>
      </c>
    </row>
    <row r="134791" spans="1:7" x14ac:dyDescent="0.3">
      <c r="A134791" s="13" t="s">
        <v>607</v>
      </c>
      <c r="B134791" s="14" t="s">
        <v>1</v>
      </c>
      <c r="C134791" s="14" t="s">
        <v>596</v>
      </c>
      <c r="D134791" s="14" t="s">
        <v>550</v>
      </c>
      <c r="E134791" s="15">
        <v>45482</v>
      </c>
      <c r="F134791" s="14" t="s">
        <v>61</v>
      </c>
      <c r="G134791" s="16">
        <v>0</v>
      </c>
    </row>
    <row r="134792" spans="1:7" x14ac:dyDescent="0.3">
      <c r="A134792" s="13" t="s">
        <v>607</v>
      </c>
      <c r="B134792" s="14" t="s">
        <v>1</v>
      </c>
      <c r="C134792" s="14" t="s">
        <v>596</v>
      </c>
      <c r="D134792" s="14" t="s">
        <v>550</v>
      </c>
      <c r="E134792" s="15">
        <v>45483</v>
      </c>
      <c r="F134792" s="14" t="s">
        <v>61</v>
      </c>
      <c r="G134792" s="16">
        <v>0</v>
      </c>
    </row>
    <row r="134793" spans="1:7" x14ac:dyDescent="0.3">
      <c r="A134793" s="13" t="s">
        <v>607</v>
      </c>
      <c r="B134793" s="14" t="s">
        <v>1</v>
      </c>
      <c r="C134793" s="14" t="s">
        <v>596</v>
      </c>
      <c r="D134793" s="14" t="s">
        <v>550</v>
      </c>
      <c r="E134793" s="15">
        <v>45484</v>
      </c>
      <c r="F134793" s="14" t="s">
        <v>61</v>
      </c>
      <c r="G134793" s="16">
        <v>0</v>
      </c>
    </row>
    <row r="134794" spans="1:7" x14ac:dyDescent="0.3">
      <c r="A134794" s="13" t="s">
        <v>607</v>
      </c>
      <c r="B134794" s="14" t="s">
        <v>1</v>
      </c>
      <c r="C134794" s="14" t="s">
        <v>596</v>
      </c>
      <c r="D134794" s="14" t="s">
        <v>550</v>
      </c>
      <c r="E134794" s="15">
        <v>45485</v>
      </c>
      <c r="F134794" s="14" t="s">
        <v>61</v>
      </c>
      <c r="G134794" s="16">
        <v>0</v>
      </c>
    </row>
    <row r="134795" spans="1:7" x14ac:dyDescent="0.3">
      <c r="A134795" s="13" t="s">
        <v>607</v>
      </c>
      <c r="B134795" s="14" t="s">
        <v>1</v>
      </c>
      <c r="C134795" s="14" t="s">
        <v>596</v>
      </c>
      <c r="D134795" s="14" t="s">
        <v>550</v>
      </c>
      <c r="E134795" s="15">
        <v>45486</v>
      </c>
      <c r="F134795" s="14" t="s">
        <v>61</v>
      </c>
      <c r="G134795" s="16">
        <v>0</v>
      </c>
    </row>
    <row r="134796" spans="1:7" x14ac:dyDescent="0.3">
      <c r="A134796" s="13" t="s">
        <v>607</v>
      </c>
      <c r="B134796" s="14" t="s">
        <v>1</v>
      </c>
      <c r="C134796" s="14" t="s">
        <v>596</v>
      </c>
      <c r="D134796" s="14" t="s">
        <v>550</v>
      </c>
      <c r="E134796" s="15">
        <v>45487</v>
      </c>
      <c r="F134796" s="14" t="s">
        <v>61</v>
      </c>
      <c r="G134796" s="16">
        <v>0</v>
      </c>
    </row>
    <row r="134797" spans="1:7" x14ac:dyDescent="0.3">
      <c r="A134797" s="13" t="s">
        <v>607</v>
      </c>
      <c r="B134797" s="14" t="s">
        <v>1</v>
      </c>
      <c r="C134797" s="14" t="s">
        <v>596</v>
      </c>
      <c r="D134797" s="14" t="s">
        <v>550</v>
      </c>
      <c r="E134797" s="15">
        <v>45488</v>
      </c>
      <c r="F134797" s="14" t="s">
        <v>61</v>
      </c>
      <c r="G134797" s="16">
        <v>0</v>
      </c>
    </row>
    <row r="134798" spans="1:7" x14ac:dyDescent="0.3">
      <c r="A134798" s="13" t="s">
        <v>607</v>
      </c>
      <c r="B134798" s="14" t="s">
        <v>1</v>
      </c>
      <c r="C134798" s="14" t="s">
        <v>596</v>
      </c>
      <c r="D134798" s="14" t="s">
        <v>550</v>
      </c>
      <c r="E134798" s="15">
        <v>45489</v>
      </c>
      <c r="F134798" s="14" t="s">
        <v>61</v>
      </c>
      <c r="G134798" s="16">
        <v>0</v>
      </c>
    </row>
    <row r="134799" spans="1:7" x14ac:dyDescent="0.3">
      <c r="A134799" s="13" t="s">
        <v>607</v>
      </c>
      <c r="B134799" s="14" t="s">
        <v>1</v>
      </c>
      <c r="C134799" s="14" t="s">
        <v>596</v>
      </c>
      <c r="D134799" s="14" t="s">
        <v>550</v>
      </c>
      <c r="E134799" s="15">
        <v>45490</v>
      </c>
      <c r="F134799" s="14" t="s">
        <v>61</v>
      </c>
      <c r="G134799" s="16">
        <v>0</v>
      </c>
    </row>
    <row r="134800" spans="1:7" x14ac:dyDescent="0.3">
      <c r="A134800" s="13" t="s">
        <v>607</v>
      </c>
      <c r="B134800" s="14" t="s">
        <v>1</v>
      </c>
      <c r="C134800" s="14" t="s">
        <v>596</v>
      </c>
      <c r="D134800" s="14" t="s">
        <v>550</v>
      </c>
      <c r="E134800" s="15">
        <v>45491</v>
      </c>
      <c r="F134800" s="14" t="s">
        <v>61</v>
      </c>
      <c r="G134800" s="16">
        <v>0</v>
      </c>
    </row>
    <row r="134801" spans="1:7" x14ac:dyDescent="0.3">
      <c r="A134801" s="13" t="s">
        <v>607</v>
      </c>
      <c r="B134801" s="14" t="s">
        <v>1</v>
      </c>
      <c r="C134801" s="14" t="s">
        <v>596</v>
      </c>
      <c r="D134801" s="14" t="s">
        <v>550</v>
      </c>
      <c r="E134801" s="15">
        <v>45492</v>
      </c>
      <c r="F134801" s="14" t="s">
        <v>61</v>
      </c>
      <c r="G134801" s="16">
        <v>0</v>
      </c>
    </row>
    <row r="134802" spans="1:7" x14ac:dyDescent="0.3">
      <c r="A134802" s="13" t="s">
        <v>607</v>
      </c>
      <c r="B134802" s="14" t="s">
        <v>1</v>
      </c>
      <c r="C134802" s="14" t="s">
        <v>596</v>
      </c>
      <c r="D134802" s="14" t="s">
        <v>550</v>
      </c>
      <c r="E134802" s="15">
        <v>45493</v>
      </c>
      <c r="F134802" s="14" t="s">
        <v>61</v>
      </c>
      <c r="G134802" s="16">
        <v>0</v>
      </c>
    </row>
    <row r="134803" spans="1:7" x14ac:dyDescent="0.3">
      <c r="A134803" s="13" t="s">
        <v>607</v>
      </c>
      <c r="B134803" s="14" t="s">
        <v>1</v>
      </c>
      <c r="C134803" s="14" t="s">
        <v>596</v>
      </c>
      <c r="D134803" s="14" t="s">
        <v>550</v>
      </c>
      <c r="E134803" s="15">
        <v>45494</v>
      </c>
      <c r="F134803" s="14" t="s">
        <v>61</v>
      </c>
      <c r="G134803" s="16">
        <v>0</v>
      </c>
    </row>
    <row r="134804" spans="1:7" x14ac:dyDescent="0.3">
      <c r="A134804" s="13" t="s">
        <v>607</v>
      </c>
      <c r="B134804" s="14" t="s">
        <v>1</v>
      </c>
      <c r="C134804" s="14" t="s">
        <v>596</v>
      </c>
      <c r="D134804" s="14" t="s">
        <v>550</v>
      </c>
      <c r="E134804" s="15">
        <v>45495</v>
      </c>
      <c r="F134804" s="14" t="s">
        <v>61</v>
      </c>
      <c r="G134804" s="16">
        <v>0</v>
      </c>
    </row>
    <row r="134805" spans="1:7" x14ac:dyDescent="0.3">
      <c r="A134805" s="13" t="s">
        <v>607</v>
      </c>
      <c r="B134805" s="14" t="s">
        <v>1</v>
      </c>
      <c r="C134805" s="14" t="s">
        <v>596</v>
      </c>
      <c r="D134805" s="14" t="s">
        <v>550</v>
      </c>
      <c r="E134805" s="15">
        <v>45496</v>
      </c>
      <c r="F134805" s="14" t="s">
        <v>61</v>
      </c>
      <c r="G134805" s="16">
        <v>0</v>
      </c>
    </row>
    <row r="134806" spans="1:7" x14ac:dyDescent="0.3">
      <c r="A134806" s="13" t="s">
        <v>607</v>
      </c>
      <c r="B134806" s="14" t="s">
        <v>1</v>
      </c>
      <c r="C134806" s="14" t="s">
        <v>596</v>
      </c>
      <c r="D134806" s="14" t="s">
        <v>550</v>
      </c>
      <c r="E134806" s="15">
        <v>45497</v>
      </c>
      <c r="F134806" s="14" t="s">
        <v>61</v>
      </c>
      <c r="G134806" s="16">
        <v>0</v>
      </c>
    </row>
    <row r="134807" spans="1:7" x14ac:dyDescent="0.3">
      <c r="A134807" s="13" t="s">
        <v>607</v>
      </c>
      <c r="B134807" s="14" t="s">
        <v>1</v>
      </c>
      <c r="C134807" s="14" t="s">
        <v>596</v>
      </c>
      <c r="D134807" s="14" t="s">
        <v>550</v>
      </c>
      <c r="E134807" s="15">
        <v>45498</v>
      </c>
      <c r="F134807" s="14" t="s">
        <v>61</v>
      </c>
      <c r="G134807" s="16">
        <v>0</v>
      </c>
    </row>
    <row r="134808" spans="1:7" x14ac:dyDescent="0.3">
      <c r="A134808" s="13" t="s">
        <v>607</v>
      </c>
      <c r="B134808" s="14" t="s">
        <v>1</v>
      </c>
      <c r="C134808" s="14" t="s">
        <v>596</v>
      </c>
      <c r="D134808" s="14" t="s">
        <v>550</v>
      </c>
      <c r="E134808" s="15">
        <v>45499</v>
      </c>
      <c r="F134808" s="14" t="s">
        <v>61</v>
      </c>
      <c r="G134808" s="16">
        <v>0</v>
      </c>
    </row>
    <row r="134809" spans="1:7" x14ac:dyDescent="0.3">
      <c r="A134809" s="13" t="s">
        <v>607</v>
      </c>
      <c r="B134809" s="14" t="s">
        <v>1</v>
      </c>
      <c r="C134809" s="14" t="s">
        <v>596</v>
      </c>
      <c r="D134809" s="14" t="s">
        <v>550</v>
      </c>
      <c r="E134809" s="15">
        <v>45500</v>
      </c>
      <c r="F134809" s="14" t="s">
        <v>61</v>
      </c>
      <c r="G134809" s="16">
        <v>0</v>
      </c>
    </row>
    <row r="134810" spans="1:7" x14ac:dyDescent="0.3">
      <c r="A134810" s="13" t="s">
        <v>607</v>
      </c>
      <c r="B134810" s="14" t="s">
        <v>1</v>
      </c>
      <c r="C134810" s="14" t="s">
        <v>596</v>
      </c>
      <c r="D134810" s="14" t="s">
        <v>550</v>
      </c>
      <c r="E134810" s="15">
        <v>45501</v>
      </c>
      <c r="F134810" s="14" t="s">
        <v>61</v>
      </c>
      <c r="G134810" s="16">
        <v>0</v>
      </c>
    </row>
    <row r="134811" spans="1:7" x14ac:dyDescent="0.3">
      <c r="A134811" s="13" t="s">
        <v>607</v>
      </c>
      <c r="B134811" s="14" t="s">
        <v>1</v>
      </c>
      <c r="C134811" s="14" t="s">
        <v>596</v>
      </c>
      <c r="D134811" s="14" t="s">
        <v>550</v>
      </c>
      <c r="E134811" s="15">
        <v>45502</v>
      </c>
      <c r="F134811" s="14" t="s">
        <v>61</v>
      </c>
      <c r="G134811" s="16">
        <v>0</v>
      </c>
    </row>
    <row r="134812" spans="1:7" x14ac:dyDescent="0.3">
      <c r="A134812" s="13" t="s">
        <v>607</v>
      </c>
      <c r="B134812" s="14" t="s">
        <v>1</v>
      </c>
      <c r="C134812" s="14" t="s">
        <v>596</v>
      </c>
      <c r="D134812" s="14" t="s">
        <v>550</v>
      </c>
      <c r="E134812" s="15">
        <v>45503</v>
      </c>
      <c r="F134812" s="14" t="s">
        <v>61</v>
      </c>
      <c r="G134812" s="16">
        <v>0</v>
      </c>
    </row>
    <row r="134813" spans="1:7" x14ac:dyDescent="0.3">
      <c r="A134813" s="13" t="s">
        <v>607</v>
      </c>
      <c r="B134813" s="14" t="s">
        <v>1</v>
      </c>
      <c r="C134813" s="14" t="s">
        <v>596</v>
      </c>
      <c r="D134813" s="14" t="s">
        <v>550</v>
      </c>
      <c r="E134813" s="15">
        <v>45504</v>
      </c>
      <c r="F134813" s="14" t="s">
        <v>61</v>
      </c>
      <c r="G134813" s="16">
        <v>0</v>
      </c>
    </row>
    <row r="134814" spans="1:7" x14ac:dyDescent="0.3">
      <c r="A134814" s="13" t="s">
        <v>607</v>
      </c>
      <c r="B134814" s="14" t="s">
        <v>1</v>
      </c>
      <c r="C134814" s="14" t="s">
        <v>596</v>
      </c>
      <c r="D134814" s="14" t="s">
        <v>550</v>
      </c>
      <c r="E134814" s="15">
        <v>45505</v>
      </c>
      <c r="F134814" s="14" t="s">
        <v>61</v>
      </c>
      <c r="G134814" s="16">
        <v>0</v>
      </c>
    </row>
    <row r="134815" spans="1:7" x14ac:dyDescent="0.3">
      <c r="A134815" s="13" t="s">
        <v>607</v>
      </c>
      <c r="B134815" s="14" t="s">
        <v>1</v>
      </c>
      <c r="C134815" s="14" t="s">
        <v>596</v>
      </c>
      <c r="D134815" s="14" t="s">
        <v>550</v>
      </c>
      <c r="E134815" s="15">
        <v>45506</v>
      </c>
      <c r="F134815" s="14" t="s">
        <v>61</v>
      </c>
      <c r="G134815" s="16">
        <v>0</v>
      </c>
    </row>
    <row r="134816" spans="1:7" x14ac:dyDescent="0.3">
      <c r="A134816" s="13" t="s">
        <v>607</v>
      </c>
      <c r="B134816" s="14" t="s">
        <v>1</v>
      </c>
      <c r="C134816" s="14" t="s">
        <v>596</v>
      </c>
      <c r="D134816" s="14" t="s">
        <v>550</v>
      </c>
      <c r="E134816" s="15">
        <v>45507</v>
      </c>
      <c r="F134816" s="14" t="s">
        <v>61</v>
      </c>
      <c r="G134816" s="16">
        <v>0</v>
      </c>
    </row>
    <row r="134817" spans="1:7" x14ac:dyDescent="0.3">
      <c r="A134817" s="13" t="s">
        <v>607</v>
      </c>
      <c r="B134817" s="14" t="s">
        <v>1</v>
      </c>
      <c r="C134817" s="14" t="s">
        <v>596</v>
      </c>
      <c r="D134817" s="14" t="s">
        <v>550</v>
      </c>
      <c r="E134817" s="15">
        <v>45508</v>
      </c>
      <c r="F134817" s="14" t="s">
        <v>61</v>
      </c>
      <c r="G134817" s="16">
        <v>0</v>
      </c>
    </row>
    <row r="134818" spans="1:7" x14ac:dyDescent="0.3">
      <c r="A134818" s="13" t="s">
        <v>607</v>
      </c>
      <c r="B134818" s="14" t="s">
        <v>1</v>
      </c>
      <c r="C134818" s="14" t="s">
        <v>596</v>
      </c>
      <c r="D134818" s="14" t="s">
        <v>550</v>
      </c>
      <c r="E134818" s="15">
        <v>45509</v>
      </c>
      <c r="F134818" s="14" t="s">
        <v>61</v>
      </c>
      <c r="G134818" s="16">
        <v>0</v>
      </c>
    </row>
    <row r="134819" spans="1:7" x14ac:dyDescent="0.3">
      <c r="A134819" s="13" t="s">
        <v>607</v>
      </c>
      <c r="B134819" s="14" t="s">
        <v>1</v>
      </c>
      <c r="C134819" s="14" t="s">
        <v>596</v>
      </c>
      <c r="D134819" s="14" t="s">
        <v>550</v>
      </c>
      <c r="E134819" s="15">
        <v>45510</v>
      </c>
      <c r="F134819" s="14" t="s">
        <v>61</v>
      </c>
      <c r="G134819" s="16">
        <v>0</v>
      </c>
    </row>
    <row r="134820" spans="1:7" x14ac:dyDescent="0.3">
      <c r="A134820" s="13" t="s">
        <v>607</v>
      </c>
      <c r="B134820" s="14" t="s">
        <v>1</v>
      </c>
      <c r="C134820" s="14" t="s">
        <v>596</v>
      </c>
      <c r="D134820" s="14" t="s">
        <v>550</v>
      </c>
      <c r="E134820" s="15">
        <v>45511</v>
      </c>
      <c r="F134820" s="14" t="s">
        <v>61</v>
      </c>
      <c r="G134820" s="16">
        <v>0</v>
      </c>
    </row>
    <row r="134821" spans="1:7" x14ac:dyDescent="0.3">
      <c r="A134821" s="13" t="s">
        <v>607</v>
      </c>
      <c r="B134821" s="14" t="s">
        <v>1</v>
      </c>
      <c r="C134821" s="14" t="s">
        <v>596</v>
      </c>
      <c r="D134821" s="14" t="s">
        <v>550</v>
      </c>
      <c r="E134821" s="15">
        <v>45512</v>
      </c>
      <c r="F134821" s="14" t="s">
        <v>61</v>
      </c>
      <c r="G134821" s="16">
        <v>0</v>
      </c>
    </row>
    <row r="134822" spans="1:7" x14ac:dyDescent="0.3">
      <c r="A134822" s="13" t="s">
        <v>607</v>
      </c>
      <c r="B134822" s="14" t="s">
        <v>1</v>
      </c>
      <c r="C134822" s="14" t="s">
        <v>596</v>
      </c>
      <c r="D134822" s="14" t="s">
        <v>550</v>
      </c>
      <c r="E134822" s="15">
        <v>45513</v>
      </c>
      <c r="F134822" s="14" t="s">
        <v>61</v>
      </c>
      <c r="G134822" s="16">
        <v>0</v>
      </c>
    </row>
    <row r="134823" spans="1:7" x14ac:dyDescent="0.3">
      <c r="A134823" s="13" t="s">
        <v>607</v>
      </c>
      <c r="B134823" s="14" t="s">
        <v>1</v>
      </c>
      <c r="C134823" s="14" t="s">
        <v>596</v>
      </c>
      <c r="D134823" s="14" t="s">
        <v>550</v>
      </c>
      <c r="E134823" s="15">
        <v>45514</v>
      </c>
      <c r="F134823" s="14" t="s">
        <v>61</v>
      </c>
      <c r="G134823" s="16">
        <v>0</v>
      </c>
    </row>
    <row r="134824" spans="1:7" x14ac:dyDescent="0.3">
      <c r="A134824" s="13" t="s">
        <v>607</v>
      </c>
      <c r="B134824" s="14" t="s">
        <v>1</v>
      </c>
      <c r="C134824" s="14" t="s">
        <v>596</v>
      </c>
      <c r="D134824" s="14" t="s">
        <v>550</v>
      </c>
      <c r="E134824" s="15">
        <v>45515</v>
      </c>
      <c r="F134824" s="14" t="s">
        <v>61</v>
      </c>
      <c r="G134824" s="16">
        <v>0</v>
      </c>
    </row>
    <row r="134825" spans="1:7" x14ac:dyDescent="0.3">
      <c r="A134825" s="13" t="s">
        <v>607</v>
      </c>
      <c r="B134825" s="14" t="s">
        <v>1</v>
      </c>
      <c r="C134825" s="14" t="s">
        <v>596</v>
      </c>
      <c r="D134825" s="14" t="s">
        <v>550</v>
      </c>
      <c r="E134825" s="15">
        <v>45516</v>
      </c>
      <c r="F134825" s="14" t="s">
        <v>61</v>
      </c>
      <c r="G134825" s="16">
        <v>0</v>
      </c>
    </row>
    <row r="134826" spans="1:7" x14ac:dyDescent="0.3">
      <c r="A134826" s="13" t="s">
        <v>607</v>
      </c>
      <c r="B134826" s="14" t="s">
        <v>1</v>
      </c>
      <c r="C134826" s="14" t="s">
        <v>596</v>
      </c>
      <c r="D134826" s="14" t="s">
        <v>550</v>
      </c>
      <c r="E134826" s="15">
        <v>45517</v>
      </c>
      <c r="F134826" s="14" t="s">
        <v>61</v>
      </c>
      <c r="G134826" s="16">
        <v>0</v>
      </c>
    </row>
    <row r="134827" spans="1:7" x14ac:dyDescent="0.3">
      <c r="A134827" s="13" t="s">
        <v>607</v>
      </c>
      <c r="B134827" s="14" t="s">
        <v>1</v>
      </c>
      <c r="C134827" s="14" t="s">
        <v>596</v>
      </c>
      <c r="D134827" s="14" t="s">
        <v>550</v>
      </c>
      <c r="E134827" s="15">
        <v>45518</v>
      </c>
      <c r="F134827" s="14" t="s">
        <v>61</v>
      </c>
      <c r="G134827" s="16">
        <v>0</v>
      </c>
    </row>
    <row r="134828" spans="1:7" x14ac:dyDescent="0.3">
      <c r="A134828" s="13" t="s">
        <v>607</v>
      </c>
      <c r="B134828" s="14" t="s">
        <v>1</v>
      </c>
      <c r="C134828" s="14" t="s">
        <v>596</v>
      </c>
      <c r="D134828" s="14" t="s">
        <v>550</v>
      </c>
      <c r="E134828" s="15">
        <v>45519</v>
      </c>
      <c r="F134828" s="14" t="s">
        <v>61</v>
      </c>
      <c r="G134828" s="16">
        <v>0</v>
      </c>
    </row>
    <row r="134829" spans="1:7" x14ac:dyDescent="0.3">
      <c r="A134829" s="13" t="s">
        <v>607</v>
      </c>
      <c r="B134829" s="14" t="s">
        <v>1</v>
      </c>
      <c r="C134829" s="14" t="s">
        <v>596</v>
      </c>
      <c r="D134829" s="14" t="s">
        <v>550</v>
      </c>
      <c r="E134829" s="15">
        <v>45520</v>
      </c>
      <c r="F134829" s="14" t="s">
        <v>61</v>
      </c>
      <c r="G134829" s="16">
        <v>0</v>
      </c>
    </row>
    <row r="134830" spans="1:7" x14ac:dyDescent="0.3">
      <c r="A134830" s="13" t="s">
        <v>607</v>
      </c>
      <c r="B134830" s="14" t="s">
        <v>1</v>
      </c>
      <c r="C134830" s="14" t="s">
        <v>596</v>
      </c>
      <c r="D134830" s="14" t="s">
        <v>550</v>
      </c>
      <c r="E134830" s="15">
        <v>45521</v>
      </c>
      <c r="F134830" s="14" t="s">
        <v>61</v>
      </c>
      <c r="G134830" s="16">
        <v>0</v>
      </c>
    </row>
    <row r="134831" spans="1:7" x14ac:dyDescent="0.3">
      <c r="A134831" s="13" t="s">
        <v>607</v>
      </c>
      <c r="B134831" s="14" t="s">
        <v>1</v>
      </c>
      <c r="C134831" s="14" t="s">
        <v>596</v>
      </c>
      <c r="D134831" s="14" t="s">
        <v>550</v>
      </c>
      <c r="E134831" s="15">
        <v>45522</v>
      </c>
      <c r="F134831" s="14" t="s">
        <v>61</v>
      </c>
      <c r="G134831" s="16">
        <v>0</v>
      </c>
    </row>
    <row r="134832" spans="1:7" x14ac:dyDescent="0.3">
      <c r="A134832" s="13" t="s">
        <v>607</v>
      </c>
      <c r="B134832" s="14" t="s">
        <v>1</v>
      </c>
      <c r="C134832" s="14" t="s">
        <v>596</v>
      </c>
      <c r="D134832" s="14" t="s">
        <v>550</v>
      </c>
      <c r="E134832" s="15">
        <v>45523</v>
      </c>
      <c r="F134832" s="14" t="s">
        <v>61</v>
      </c>
      <c r="G134832" s="16">
        <v>0</v>
      </c>
    </row>
    <row r="134833" spans="1:7" x14ac:dyDescent="0.3">
      <c r="A134833" s="13" t="s">
        <v>607</v>
      </c>
      <c r="B134833" s="14" t="s">
        <v>1</v>
      </c>
      <c r="C134833" s="14" t="s">
        <v>596</v>
      </c>
      <c r="D134833" s="14" t="s">
        <v>550</v>
      </c>
      <c r="E134833" s="15">
        <v>45524</v>
      </c>
      <c r="F134833" s="14" t="s">
        <v>61</v>
      </c>
      <c r="G134833" s="16">
        <v>0</v>
      </c>
    </row>
    <row r="134834" spans="1:7" x14ac:dyDescent="0.3">
      <c r="A134834" s="13" t="s">
        <v>607</v>
      </c>
      <c r="B134834" s="14" t="s">
        <v>1</v>
      </c>
      <c r="C134834" s="14" t="s">
        <v>596</v>
      </c>
      <c r="D134834" s="14" t="s">
        <v>550</v>
      </c>
      <c r="E134834" s="15">
        <v>45525</v>
      </c>
      <c r="F134834" s="14" t="s">
        <v>61</v>
      </c>
      <c r="G134834" s="16">
        <v>0</v>
      </c>
    </row>
    <row r="134835" spans="1:7" x14ac:dyDescent="0.3">
      <c r="A134835" s="13" t="s">
        <v>607</v>
      </c>
      <c r="B134835" s="14" t="s">
        <v>1</v>
      </c>
      <c r="C134835" s="14" t="s">
        <v>596</v>
      </c>
      <c r="D134835" s="14" t="s">
        <v>550</v>
      </c>
      <c r="E134835" s="15">
        <v>45526</v>
      </c>
      <c r="F134835" s="14" t="s">
        <v>61</v>
      </c>
      <c r="G134835" s="16">
        <v>0</v>
      </c>
    </row>
    <row r="134836" spans="1:7" x14ac:dyDescent="0.3">
      <c r="A134836" s="13" t="s">
        <v>607</v>
      </c>
      <c r="B134836" s="14" t="s">
        <v>1</v>
      </c>
      <c r="C134836" s="14" t="s">
        <v>596</v>
      </c>
      <c r="D134836" s="14" t="s">
        <v>550</v>
      </c>
      <c r="E134836" s="15">
        <v>45527</v>
      </c>
      <c r="F134836" s="14" t="s">
        <v>61</v>
      </c>
      <c r="G134836" s="16">
        <v>0</v>
      </c>
    </row>
    <row r="134837" spans="1:7" x14ac:dyDescent="0.3">
      <c r="A134837" s="13" t="s">
        <v>607</v>
      </c>
      <c r="B134837" s="14" t="s">
        <v>1</v>
      </c>
      <c r="C134837" s="14" t="s">
        <v>596</v>
      </c>
      <c r="D134837" s="14" t="s">
        <v>550</v>
      </c>
      <c r="E134837" s="15">
        <v>45528</v>
      </c>
      <c r="F134837" s="14" t="s">
        <v>61</v>
      </c>
      <c r="G134837" s="16">
        <v>0</v>
      </c>
    </row>
    <row r="134838" spans="1:7" x14ac:dyDescent="0.3">
      <c r="A134838" s="13" t="s">
        <v>607</v>
      </c>
      <c r="B134838" s="14" t="s">
        <v>1</v>
      </c>
      <c r="C134838" s="14" t="s">
        <v>596</v>
      </c>
      <c r="D134838" s="14" t="s">
        <v>550</v>
      </c>
      <c r="E134838" s="15">
        <v>45529</v>
      </c>
      <c r="F134838" s="14" t="s">
        <v>61</v>
      </c>
      <c r="G134838" s="16">
        <v>0</v>
      </c>
    </row>
    <row r="134839" spans="1:7" x14ac:dyDescent="0.3">
      <c r="A134839" s="13" t="s">
        <v>607</v>
      </c>
      <c r="B134839" s="14" t="s">
        <v>1</v>
      </c>
      <c r="C134839" s="14" t="s">
        <v>596</v>
      </c>
      <c r="D134839" s="14" t="s">
        <v>550</v>
      </c>
      <c r="E134839" s="15">
        <v>45530</v>
      </c>
      <c r="F134839" s="14" t="s">
        <v>61</v>
      </c>
      <c r="G134839" s="16">
        <v>0</v>
      </c>
    </row>
    <row r="134840" spans="1:7" x14ac:dyDescent="0.3">
      <c r="A134840" s="13" t="s">
        <v>607</v>
      </c>
      <c r="B134840" s="14" t="s">
        <v>1</v>
      </c>
      <c r="C134840" s="14" t="s">
        <v>596</v>
      </c>
      <c r="D134840" s="14" t="s">
        <v>550</v>
      </c>
      <c r="E134840" s="15">
        <v>45531</v>
      </c>
      <c r="F134840" s="14" t="s">
        <v>61</v>
      </c>
      <c r="G134840" s="16">
        <v>0</v>
      </c>
    </row>
    <row r="134841" spans="1:7" x14ac:dyDescent="0.3">
      <c r="A134841" s="13" t="s">
        <v>607</v>
      </c>
      <c r="B134841" s="14" t="s">
        <v>1</v>
      </c>
      <c r="C134841" s="14" t="s">
        <v>596</v>
      </c>
      <c r="D134841" s="14" t="s">
        <v>550</v>
      </c>
      <c r="E134841" s="15">
        <v>45532</v>
      </c>
      <c r="F134841" s="14" t="s">
        <v>61</v>
      </c>
      <c r="G134841" s="16">
        <v>0</v>
      </c>
    </row>
    <row r="134842" spans="1:7" x14ac:dyDescent="0.3">
      <c r="A134842" s="13" t="s">
        <v>607</v>
      </c>
      <c r="B134842" s="14" t="s">
        <v>1</v>
      </c>
      <c r="C134842" s="14" t="s">
        <v>596</v>
      </c>
      <c r="D134842" s="14" t="s">
        <v>550</v>
      </c>
      <c r="E134842" s="15">
        <v>45533</v>
      </c>
      <c r="F134842" s="14" t="s">
        <v>61</v>
      </c>
      <c r="G134842" s="16">
        <v>0</v>
      </c>
    </row>
    <row r="134843" spans="1:7" x14ac:dyDescent="0.3">
      <c r="A134843" s="13" t="s">
        <v>607</v>
      </c>
      <c r="B134843" s="14" t="s">
        <v>1</v>
      </c>
      <c r="C134843" s="14" t="s">
        <v>596</v>
      </c>
      <c r="D134843" s="14" t="s">
        <v>550</v>
      </c>
      <c r="E134843" s="15">
        <v>45534</v>
      </c>
      <c r="F134843" s="14" t="s">
        <v>61</v>
      </c>
      <c r="G134843" s="16">
        <v>0</v>
      </c>
    </row>
    <row r="134844" spans="1:7" x14ac:dyDescent="0.3">
      <c r="A134844" s="13" t="s">
        <v>607</v>
      </c>
      <c r="B134844" s="14" t="s">
        <v>1</v>
      </c>
      <c r="C134844" s="14" t="s">
        <v>596</v>
      </c>
      <c r="D134844" s="14" t="s">
        <v>550</v>
      </c>
      <c r="E134844" s="15">
        <v>45535</v>
      </c>
      <c r="F134844" s="14" t="s">
        <v>61</v>
      </c>
      <c r="G134844" s="16">
        <v>0</v>
      </c>
    </row>
    <row r="134845" spans="1:7" x14ac:dyDescent="0.3">
      <c r="A134845" s="13" t="s">
        <v>607</v>
      </c>
      <c r="B134845" s="14" t="s">
        <v>1</v>
      </c>
      <c r="C134845" s="14" t="s">
        <v>596</v>
      </c>
      <c r="D134845" s="14" t="s">
        <v>550</v>
      </c>
      <c r="E134845" s="15">
        <v>45536</v>
      </c>
      <c r="F134845" s="14" t="s">
        <v>61</v>
      </c>
      <c r="G134845" s="16">
        <v>0</v>
      </c>
    </row>
    <row r="134846" spans="1:7" x14ac:dyDescent="0.3">
      <c r="A134846" s="13" t="s">
        <v>607</v>
      </c>
      <c r="B134846" s="14" t="s">
        <v>1</v>
      </c>
      <c r="C134846" s="14" t="s">
        <v>596</v>
      </c>
      <c r="D134846" s="14" t="s">
        <v>550</v>
      </c>
      <c r="E134846" s="15">
        <v>45537</v>
      </c>
      <c r="F134846" s="14" t="s">
        <v>61</v>
      </c>
      <c r="G134846" s="16">
        <v>0</v>
      </c>
    </row>
    <row r="134847" spans="1:7" x14ac:dyDescent="0.3">
      <c r="A134847" s="13" t="s">
        <v>607</v>
      </c>
      <c r="B134847" s="14" t="s">
        <v>1</v>
      </c>
      <c r="C134847" s="14" t="s">
        <v>596</v>
      </c>
      <c r="D134847" s="14" t="s">
        <v>550</v>
      </c>
      <c r="E134847" s="15">
        <v>45538</v>
      </c>
      <c r="F134847" s="14" t="s">
        <v>61</v>
      </c>
      <c r="G134847" s="16">
        <v>0</v>
      </c>
    </row>
    <row r="134848" spans="1:7" x14ac:dyDescent="0.3">
      <c r="A134848" s="13" t="s">
        <v>607</v>
      </c>
      <c r="B134848" s="14" t="s">
        <v>1</v>
      </c>
      <c r="C134848" s="14" t="s">
        <v>596</v>
      </c>
      <c r="D134848" s="14" t="s">
        <v>550</v>
      </c>
      <c r="E134848" s="15">
        <v>45539</v>
      </c>
      <c r="F134848" s="14" t="s">
        <v>61</v>
      </c>
      <c r="G134848" s="16">
        <v>0</v>
      </c>
    </row>
    <row r="134849" spans="1:7" x14ac:dyDescent="0.3">
      <c r="A134849" s="13" t="s">
        <v>607</v>
      </c>
      <c r="B134849" s="14" t="s">
        <v>1</v>
      </c>
      <c r="C134849" s="14" t="s">
        <v>596</v>
      </c>
      <c r="D134849" s="14" t="s">
        <v>550</v>
      </c>
      <c r="E134849" s="15">
        <v>45540</v>
      </c>
      <c r="F134849" s="14" t="s">
        <v>61</v>
      </c>
      <c r="G134849" s="16">
        <v>0</v>
      </c>
    </row>
    <row r="134850" spans="1:7" x14ac:dyDescent="0.3">
      <c r="A134850" s="13" t="s">
        <v>607</v>
      </c>
      <c r="B134850" s="14" t="s">
        <v>1</v>
      </c>
      <c r="C134850" s="14" t="s">
        <v>596</v>
      </c>
      <c r="D134850" s="14" t="s">
        <v>550</v>
      </c>
      <c r="E134850" s="15">
        <v>45541</v>
      </c>
      <c r="F134850" s="14" t="s">
        <v>61</v>
      </c>
      <c r="G134850" s="16">
        <v>0</v>
      </c>
    </row>
    <row r="134851" spans="1:7" x14ac:dyDescent="0.3">
      <c r="A134851" s="13" t="s">
        <v>607</v>
      </c>
      <c r="B134851" s="14" t="s">
        <v>1</v>
      </c>
      <c r="C134851" s="14" t="s">
        <v>596</v>
      </c>
      <c r="D134851" s="14" t="s">
        <v>550</v>
      </c>
      <c r="E134851" s="15">
        <v>45542</v>
      </c>
      <c r="F134851" s="14" t="s">
        <v>61</v>
      </c>
      <c r="G134851" s="16">
        <v>0</v>
      </c>
    </row>
    <row r="134852" spans="1:7" x14ac:dyDescent="0.3">
      <c r="A134852" s="13" t="s">
        <v>607</v>
      </c>
      <c r="B134852" s="14" t="s">
        <v>1</v>
      </c>
      <c r="C134852" s="14" t="s">
        <v>596</v>
      </c>
      <c r="D134852" s="14" t="s">
        <v>550</v>
      </c>
      <c r="E134852" s="15">
        <v>45543</v>
      </c>
      <c r="F134852" s="14" t="s">
        <v>61</v>
      </c>
      <c r="G134852" s="16">
        <v>0</v>
      </c>
    </row>
    <row r="134853" spans="1:7" x14ac:dyDescent="0.3">
      <c r="A134853" s="13" t="s">
        <v>607</v>
      </c>
      <c r="B134853" s="14" t="s">
        <v>1</v>
      </c>
      <c r="C134853" s="14" t="s">
        <v>596</v>
      </c>
      <c r="D134853" s="14" t="s">
        <v>550</v>
      </c>
      <c r="E134853" s="15">
        <v>45544</v>
      </c>
      <c r="F134853" s="14" t="s">
        <v>61</v>
      </c>
      <c r="G134853" s="16">
        <v>0</v>
      </c>
    </row>
    <row r="134854" spans="1:7" x14ac:dyDescent="0.3">
      <c r="A134854" s="13" t="s">
        <v>607</v>
      </c>
      <c r="B134854" s="14" t="s">
        <v>1</v>
      </c>
      <c r="C134854" s="14" t="s">
        <v>596</v>
      </c>
      <c r="D134854" s="14" t="s">
        <v>550</v>
      </c>
      <c r="E134854" s="15">
        <v>45545</v>
      </c>
      <c r="F134854" s="14" t="s">
        <v>61</v>
      </c>
      <c r="G134854" s="16">
        <v>0</v>
      </c>
    </row>
    <row r="134855" spans="1:7" x14ac:dyDescent="0.3">
      <c r="A134855" s="13" t="s">
        <v>607</v>
      </c>
      <c r="B134855" s="14" t="s">
        <v>1</v>
      </c>
      <c r="C134855" s="14" t="s">
        <v>596</v>
      </c>
      <c r="D134855" s="14" t="s">
        <v>550</v>
      </c>
      <c r="E134855" s="15">
        <v>45546</v>
      </c>
      <c r="F134855" s="14" t="s">
        <v>61</v>
      </c>
      <c r="G134855" s="16">
        <v>0</v>
      </c>
    </row>
    <row r="134856" spans="1:7" x14ac:dyDescent="0.3">
      <c r="A134856" s="13" t="s">
        <v>607</v>
      </c>
      <c r="B134856" s="14" t="s">
        <v>1</v>
      </c>
      <c r="C134856" s="14" t="s">
        <v>596</v>
      </c>
      <c r="D134856" s="14" t="s">
        <v>550</v>
      </c>
      <c r="E134856" s="15">
        <v>45547</v>
      </c>
      <c r="F134856" s="14" t="s">
        <v>61</v>
      </c>
      <c r="G134856" s="16">
        <v>0</v>
      </c>
    </row>
    <row r="134857" spans="1:7" x14ac:dyDescent="0.3">
      <c r="A134857" s="13" t="s">
        <v>607</v>
      </c>
      <c r="B134857" s="14" t="s">
        <v>1</v>
      </c>
      <c r="C134857" s="14" t="s">
        <v>596</v>
      </c>
      <c r="D134857" s="14" t="s">
        <v>550</v>
      </c>
      <c r="E134857" s="15">
        <v>45548</v>
      </c>
      <c r="F134857" s="14" t="s">
        <v>61</v>
      </c>
      <c r="G134857" s="16">
        <v>0</v>
      </c>
    </row>
    <row r="134858" spans="1:7" x14ac:dyDescent="0.3">
      <c r="A134858" s="13" t="s">
        <v>607</v>
      </c>
      <c r="B134858" s="14" t="s">
        <v>1</v>
      </c>
      <c r="C134858" s="14" t="s">
        <v>596</v>
      </c>
      <c r="D134858" s="14" t="s">
        <v>550</v>
      </c>
      <c r="E134858" s="15">
        <v>45549</v>
      </c>
      <c r="F134858" s="14" t="s">
        <v>61</v>
      </c>
      <c r="G134858" s="16">
        <v>0</v>
      </c>
    </row>
    <row r="134859" spans="1:7" x14ac:dyDescent="0.3">
      <c r="A134859" s="13" t="s">
        <v>607</v>
      </c>
      <c r="B134859" s="14" t="s">
        <v>1</v>
      </c>
      <c r="C134859" s="14" t="s">
        <v>596</v>
      </c>
      <c r="D134859" s="14" t="s">
        <v>550</v>
      </c>
      <c r="E134859" s="15">
        <v>45550</v>
      </c>
      <c r="F134859" s="14" t="s">
        <v>61</v>
      </c>
      <c r="G134859" s="16">
        <v>0</v>
      </c>
    </row>
    <row r="134860" spans="1:7" x14ac:dyDescent="0.3">
      <c r="A134860" s="13" t="s">
        <v>607</v>
      </c>
      <c r="B134860" s="14" t="s">
        <v>1</v>
      </c>
      <c r="C134860" s="14" t="s">
        <v>596</v>
      </c>
      <c r="D134860" s="14" t="s">
        <v>550</v>
      </c>
      <c r="E134860" s="15">
        <v>45551</v>
      </c>
      <c r="F134860" s="14" t="s">
        <v>61</v>
      </c>
      <c r="G134860" s="16">
        <v>0</v>
      </c>
    </row>
    <row r="134861" spans="1:7" x14ac:dyDescent="0.3">
      <c r="A134861" s="13" t="s">
        <v>607</v>
      </c>
      <c r="B134861" s="14" t="s">
        <v>1</v>
      </c>
      <c r="C134861" s="14" t="s">
        <v>596</v>
      </c>
      <c r="D134861" s="14" t="s">
        <v>550</v>
      </c>
      <c r="E134861" s="15">
        <v>45552</v>
      </c>
      <c r="F134861" s="14" t="s">
        <v>61</v>
      </c>
      <c r="G134861" s="16">
        <v>0</v>
      </c>
    </row>
    <row r="134862" spans="1:7" x14ac:dyDescent="0.3">
      <c r="A134862" s="13" t="s">
        <v>607</v>
      </c>
      <c r="B134862" s="14" t="s">
        <v>1</v>
      </c>
      <c r="C134862" s="14" t="s">
        <v>596</v>
      </c>
      <c r="D134862" s="14" t="s">
        <v>550</v>
      </c>
      <c r="E134862" s="15">
        <v>45553</v>
      </c>
      <c r="F134862" s="14" t="s">
        <v>61</v>
      </c>
      <c r="G134862" s="16">
        <v>0</v>
      </c>
    </row>
    <row r="134863" spans="1:7" x14ac:dyDescent="0.3">
      <c r="A134863" s="13" t="s">
        <v>607</v>
      </c>
      <c r="B134863" s="14" t="s">
        <v>1</v>
      </c>
      <c r="C134863" s="14" t="s">
        <v>596</v>
      </c>
      <c r="D134863" s="14" t="s">
        <v>550</v>
      </c>
      <c r="E134863" s="15">
        <v>45554</v>
      </c>
      <c r="F134863" s="14" t="s">
        <v>61</v>
      </c>
      <c r="G134863" s="16">
        <v>0</v>
      </c>
    </row>
    <row r="134864" spans="1:7" x14ac:dyDescent="0.3">
      <c r="A134864" s="13" t="s">
        <v>607</v>
      </c>
      <c r="B134864" s="14" t="s">
        <v>1</v>
      </c>
      <c r="C134864" s="14" t="s">
        <v>596</v>
      </c>
      <c r="D134864" s="14" t="s">
        <v>550</v>
      </c>
      <c r="E134864" s="15">
        <v>45555</v>
      </c>
      <c r="F134864" s="14" t="s">
        <v>61</v>
      </c>
      <c r="G134864" s="16">
        <v>0</v>
      </c>
    </row>
    <row r="134865" spans="1:7" x14ac:dyDescent="0.3">
      <c r="A134865" s="13" t="s">
        <v>607</v>
      </c>
      <c r="B134865" s="14" t="s">
        <v>1</v>
      </c>
      <c r="C134865" s="14" t="s">
        <v>596</v>
      </c>
      <c r="D134865" s="14" t="s">
        <v>550</v>
      </c>
      <c r="E134865" s="15">
        <v>45556</v>
      </c>
      <c r="F134865" s="14" t="s">
        <v>61</v>
      </c>
      <c r="G134865" s="16">
        <v>0</v>
      </c>
    </row>
    <row r="134866" spans="1:7" x14ac:dyDescent="0.3">
      <c r="A134866" s="13" t="s">
        <v>607</v>
      </c>
      <c r="B134866" s="14" t="s">
        <v>1</v>
      </c>
      <c r="C134866" s="14" t="s">
        <v>596</v>
      </c>
      <c r="D134866" s="14" t="s">
        <v>550</v>
      </c>
      <c r="E134866" s="15">
        <v>45557</v>
      </c>
      <c r="F134866" s="14" t="s">
        <v>61</v>
      </c>
      <c r="G134866" s="16">
        <v>0</v>
      </c>
    </row>
    <row r="134867" spans="1:7" x14ac:dyDescent="0.3">
      <c r="A134867" s="13" t="s">
        <v>607</v>
      </c>
      <c r="B134867" s="14" t="s">
        <v>1</v>
      </c>
      <c r="C134867" s="14" t="s">
        <v>596</v>
      </c>
      <c r="D134867" s="14" t="s">
        <v>550</v>
      </c>
      <c r="E134867" s="15">
        <v>45558</v>
      </c>
      <c r="F134867" s="14" t="s">
        <v>61</v>
      </c>
      <c r="G134867" s="16">
        <v>0</v>
      </c>
    </row>
    <row r="134868" spans="1:7" x14ac:dyDescent="0.3">
      <c r="A134868" s="13" t="s">
        <v>607</v>
      </c>
      <c r="B134868" s="14" t="s">
        <v>1</v>
      </c>
      <c r="C134868" s="14" t="s">
        <v>596</v>
      </c>
      <c r="D134868" s="14" t="s">
        <v>550</v>
      </c>
      <c r="E134868" s="15">
        <v>45559</v>
      </c>
      <c r="F134868" s="14" t="s">
        <v>61</v>
      </c>
      <c r="G134868" s="16">
        <v>0</v>
      </c>
    </row>
    <row r="134869" spans="1:7" x14ac:dyDescent="0.3">
      <c r="A134869" s="13" t="s">
        <v>607</v>
      </c>
      <c r="B134869" s="14" t="s">
        <v>1</v>
      </c>
      <c r="C134869" s="14" t="s">
        <v>596</v>
      </c>
      <c r="D134869" s="14" t="s">
        <v>550</v>
      </c>
      <c r="E134869" s="15">
        <v>45560</v>
      </c>
      <c r="F134869" s="14" t="s">
        <v>61</v>
      </c>
      <c r="G134869" s="16">
        <v>0</v>
      </c>
    </row>
    <row r="134870" spans="1:7" x14ac:dyDescent="0.3">
      <c r="A134870" s="13" t="s">
        <v>607</v>
      </c>
      <c r="B134870" s="14" t="s">
        <v>1</v>
      </c>
      <c r="C134870" s="14" t="s">
        <v>596</v>
      </c>
      <c r="D134870" s="14" t="s">
        <v>550</v>
      </c>
      <c r="E134870" s="15">
        <v>45561</v>
      </c>
      <c r="F134870" s="14" t="s">
        <v>61</v>
      </c>
      <c r="G134870" s="16">
        <v>0</v>
      </c>
    </row>
    <row r="134871" spans="1:7" x14ac:dyDescent="0.3">
      <c r="A134871" s="13" t="s">
        <v>607</v>
      </c>
      <c r="B134871" s="14" t="s">
        <v>1</v>
      </c>
      <c r="C134871" s="14" t="s">
        <v>596</v>
      </c>
      <c r="D134871" s="14" t="s">
        <v>550</v>
      </c>
      <c r="E134871" s="15">
        <v>45562</v>
      </c>
      <c r="F134871" s="14" t="s">
        <v>61</v>
      </c>
      <c r="G134871" s="16">
        <v>0</v>
      </c>
    </row>
    <row r="134872" spans="1:7" x14ac:dyDescent="0.3">
      <c r="A134872" s="13" t="s">
        <v>607</v>
      </c>
      <c r="B134872" s="14" t="s">
        <v>1</v>
      </c>
      <c r="C134872" s="14" t="s">
        <v>596</v>
      </c>
      <c r="D134872" s="14" t="s">
        <v>550</v>
      </c>
      <c r="E134872" s="15">
        <v>45563</v>
      </c>
      <c r="F134872" s="14" t="s">
        <v>61</v>
      </c>
      <c r="G134872" s="16">
        <v>0</v>
      </c>
    </row>
    <row r="134873" spans="1:7" x14ac:dyDescent="0.3">
      <c r="A134873" s="13" t="s">
        <v>607</v>
      </c>
      <c r="B134873" s="14" t="s">
        <v>1</v>
      </c>
      <c r="C134873" s="14" t="s">
        <v>596</v>
      </c>
      <c r="D134873" s="14" t="s">
        <v>550</v>
      </c>
      <c r="E134873" s="15">
        <v>45564</v>
      </c>
      <c r="F134873" s="14" t="s">
        <v>61</v>
      </c>
      <c r="G134873" s="16">
        <v>0</v>
      </c>
    </row>
    <row r="134874" spans="1:7" x14ac:dyDescent="0.3">
      <c r="A134874" s="13" t="s">
        <v>607</v>
      </c>
      <c r="B134874" s="14" t="s">
        <v>1</v>
      </c>
      <c r="C134874" s="14" t="s">
        <v>596</v>
      </c>
      <c r="D134874" s="14" t="s">
        <v>550</v>
      </c>
      <c r="E134874" s="15">
        <v>45565</v>
      </c>
      <c r="F134874" s="14" t="s">
        <v>61</v>
      </c>
      <c r="G134874" s="16">
        <v>0</v>
      </c>
    </row>
    <row r="134875" spans="1:7" x14ac:dyDescent="0.3">
      <c r="A134875" s="13" t="s">
        <v>607</v>
      </c>
      <c r="B134875" s="14" t="s">
        <v>1</v>
      </c>
      <c r="C134875" s="14" t="s">
        <v>596</v>
      </c>
      <c r="D134875" s="14" t="s">
        <v>550</v>
      </c>
      <c r="E134875" s="15">
        <v>45566</v>
      </c>
      <c r="F134875" s="14" t="s">
        <v>61</v>
      </c>
      <c r="G134875" s="16">
        <v>0</v>
      </c>
    </row>
    <row r="134876" spans="1:7" x14ac:dyDescent="0.3">
      <c r="A134876" s="13" t="s">
        <v>607</v>
      </c>
      <c r="B134876" s="14" t="s">
        <v>1</v>
      </c>
      <c r="C134876" s="14" t="s">
        <v>596</v>
      </c>
      <c r="D134876" s="14" t="s">
        <v>550</v>
      </c>
      <c r="E134876" s="15">
        <v>45567</v>
      </c>
      <c r="F134876" s="14" t="s">
        <v>61</v>
      </c>
      <c r="G134876" s="16">
        <v>0</v>
      </c>
    </row>
    <row r="134877" spans="1:7" x14ac:dyDescent="0.3">
      <c r="A134877" s="13" t="s">
        <v>607</v>
      </c>
      <c r="B134877" s="14" t="s">
        <v>1</v>
      </c>
      <c r="C134877" s="14" t="s">
        <v>596</v>
      </c>
      <c r="D134877" s="14" t="s">
        <v>550</v>
      </c>
      <c r="E134877" s="15">
        <v>45568</v>
      </c>
      <c r="F134877" s="14" t="s">
        <v>61</v>
      </c>
      <c r="G134877" s="16">
        <v>0</v>
      </c>
    </row>
    <row r="134878" spans="1:7" x14ac:dyDescent="0.3">
      <c r="A134878" s="13" t="s">
        <v>607</v>
      </c>
      <c r="B134878" s="14" t="s">
        <v>1</v>
      </c>
      <c r="C134878" s="14" t="s">
        <v>596</v>
      </c>
      <c r="D134878" s="14" t="s">
        <v>550</v>
      </c>
      <c r="E134878" s="15">
        <v>45569</v>
      </c>
      <c r="F134878" s="14" t="s">
        <v>61</v>
      </c>
      <c r="G134878" s="16">
        <v>0</v>
      </c>
    </row>
    <row r="134879" spans="1:7" x14ac:dyDescent="0.3">
      <c r="A134879" s="13" t="s">
        <v>607</v>
      </c>
      <c r="B134879" s="14" t="s">
        <v>1</v>
      </c>
      <c r="C134879" s="14" t="s">
        <v>596</v>
      </c>
      <c r="D134879" s="14" t="s">
        <v>550</v>
      </c>
      <c r="E134879" s="15">
        <v>45570</v>
      </c>
      <c r="F134879" s="14" t="s">
        <v>61</v>
      </c>
      <c r="G134879" s="16">
        <v>0</v>
      </c>
    </row>
    <row r="134880" spans="1:7" x14ac:dyDescent="0.3">
      <c r="A134880" s="13" t="s">
        <v>607</v>
      </c>
      <c r="B134880" s="14" t="s">
        <v>1</v>
      </c>
      <c r="C134880" s="14" t="s">
        <v>596</v>
      </c>
      <c r="D134880" s="14" t="s">
        <v>550</v>
      </c>
      <c r="E134880" s="15">
        <v>45571</v>
      </c>
      <c r="F134880" s="14" t="s">
        <v>61</v>
      </c>
      <c r="G134880" s="16">
        <v>0</v>
      </c>
    </row>
    <row r="134881" spans="1:7" x14ac:dyDescent="0.3">
      <c r="A134881" s="13" t="s">
        <v>607</v>
      </c>
      <c r="B134881" s="14" t="s">
        <v>1</v>
      </c>
      <c r="C134881" s="14" t="s">
        <v>596</v>
      </c>
      <c r="D134881" s="14" t="s">
        <v>550</v>
      </c>
      <c r="E134881" s="15">
        <v>45572</v>
      </c>
      <c r="F134881" s="14" t="s">
        <v>61</v>
      </c>
      <c r="G134881" s="16">
        <v>0</v>
      </c>
    </row>
    <row r="134882" spans="1:7" x14ac:dyDescent="0.3">
      <c r="A134882" s="13" t="s">
        <v>607</v>
      </c>
      <c r="B134882" s="14" t="s">
        <v>1</v>
      </c>
      <c r="C134882" s="14" t="s">
        <v>596</v>
      </c>
      <c r="D134882" s="14" t="s">
        <v>550</v>
      </c>
      <c r="E134882" s="15">
        <v>45573</v>
      </c>
      <c r="F134882" s="14" t="s">
        <v>61</v>
      </c>
      <c r="G134882" s="16">
        <v>0</v>
      </c>
    </row>
    <row r="134883" spans="1:7" x14ac:dyDescent="0.3">
      <c r="A134883" s="13" t="s">
        <v>607</v>
      </c>
      <c r="B134883" s="14" t="s">
        <v>1</v>
      </c>
      <c r="C134883" s="14" t="s">
        <v>596</v>
      </c>
      <c r="D134883" s="14" t="s">
        <v>550</v>
      </c>
      <c r="E134883" s="15">
        <v>45574</v>
      </c>
      <c r="F134883" s="14" t="s">
        <v>61</v>
      </c>
      <c r="G134883" s="16">
        <v>0</v>
      </c>
    </row>
    <row r="134884" spans="1:7" x14ac:dyDescent="0.3">
      <c r="A134884" s="13" t="s">
        <v>607</v>
      </c>
      <c r="B134884" s="14" t="s">
        <v>1</v>
      </c>
      <c r="C134884" s="14" t="s">
        <v>596</v>
      </c>
      <c r="D134884" s="14" t="s">
        <v>550</v>
      </c>
      <c r="E134884" s="15">
        <v>45575</v>
      </c>
      <c r="F134884" s="14" t="s">
        <v>61</v>
      </c>
      <c r="G134884" s="16">
        <v>0</v>
      </c>
    </row>
    <row r="134885" spans="1:7" x14ac:dyDescent="0.3">
      <c r="A134885" s="13" t="s">
        <v>607</v>
      </c>
      <c r="B134885" s="14" t="s">
        <v>1</v>
      </c>
      <c r="C134885" s="14" t="s">
        <v>596</v>
      </c>
      <c r="D134885" s="14" t="s">
        <v>550</v>
      </c>
      <c r="E134885" s="15">
        <v>45576</v>
      </c>
      <c r="F134885" s="14" t="s">
        <v>61</v>
      </c>
      <c r="G134885" s="16">
        <v>0</v>
      </c>
    </row>
    <row r="134886" spans="1:7" x14ac:dyDescent="0.3">
      <c r="A134886" s="13" t="s">
        <v>607</v>
      </c>
      <c r="B134886" s="14" t="s">
        <v>1</v>
      </c>
      <c r="C134886" s="14" t="s">
        <v>596</v>
      </c>
      <c r="D134886" s="14" t="s">
        <v>550</v>
      </c>
      <c r="E134886" s="15">
        <v>45577</v>
      </c>
      <c r="F134886" s="14" t="s">
        <v>61</v>
      </c>
      <c r="G134886" s="16">
        <v>0</v>
      </c>
    </row>
    <row r="134887" spans="1:7" x14ac:dyDescent="0.3">
      <c r="A134887" s="13" t="s">
        <v>607</v>
      </c>
      <c r="B134887" s="14" t="s">
        <v>1</v>
      </c>
      <c r="C134887" s="14" t="s">
        <v>596</v>
      </c>
      <c r="D134887" s="14" t="s">
        <v>550</v>
      </c>
      <c r="E134887" s="15">
        <v>45578</v>
      </c>
      <c r="F134887" s="14" t="s">
        <v>61</v>
      </c>
      <c r="G134887" s="16">
        <v>0</v>
      </c>
    </row>
    <row r="134888" spans="1:7" x14ac:dyDescent="0.3">
      <c r="A134888" s="13" t="s">
        <v>607</v>
      </c>
      <c r="B134888" s="14" t="s">
        <v>1</v>
      </c>
      <c r="C134888" s="14" t="s">
        <v>596</v>
      </c>
      <c r="D134888" s="14" t="s">
        <v>550</v>
      </c>
      <c r="E134888" s="15">
        <v>45579</v>
      </c>
      <c r="F134888" s="14" t="s">
        <v>61</v>
      </c>
      <c r="G134888" s="16">
        <v>0</v>
      </c>
    </row>
    <row r="134889" spans="1:7" x14ac:dyDescent="0.3">
      <c r="A134889" s="13" t="s">
        <v>607</v>
      </c>
      <c r="B134889" s="14" t="s">
        <v>1</v>
      </c>
      <c r="C134889" s="14" t="s">
        <v>596</v>
      </c>
      <c r="D134889" s="14" t="s">
        <v>550</v>
      </c>
      <c r="E134889" s="15">
        <v>45580</v>
      </c>
      <c r="F134889" s="14" t="s">
        <v>61</v>
      </c>
      <c r="G134889" s="16">
        <v>0</v>
      </c>
    </row>
    <row r="134890" spans="1:7" x14ac:dyDescent="0.3">
      <c r="A134890" s="13" t="s">
        <v>607</v>
      </c>
      <c r="B134890" s="14" t="s">
        <v>1</v>
      </c>
      <c r="C134890" s="14" t="s">
        <v>596</v>
      </c>
      <c r="D134890" s="14" t="s">
        <v>550</v>
      </c>
      <c r="E134890" s="15">
        <v>45581</v>
      </c>
      <c r="F134890" s="14" t="s">
        <v>61</v>
      </c>
      <c r="G134890" s="16">
        <v>0</v>
      </c>
    </row>
    <row r="134891" spans="1:7" x14ac:dyDescent="0.3">
      <c r="A134891" s="13" t="s">
        <v>607</v>
      </c>
      <c r="B134891" s="14" t="s">
        <v>1</v>
      </c>
      <c r="C134891" s="14" t="s">
        <v>596</v>
      </c>
      <c r="D134891" s="14" t="s">
        <v>550</v>
      </c>
      <c r="E134891" s="15">
        <v>45582</v>
      </c>
      <c r="F134891" s="14" t="s">
        <v>61</v>
      </c>
      <c r="G134891" s="16">
        <v>0</v>
      </c>
    </row>
    <row r="134892" spans="1:7" x14ac:dyDescent="0.3">
      <c r="A134892" s="13" t="s">
        <v>607</v>
      </c>
      <c r="B134892" s="14" t="s">
        <v>1</v>
      </c>
      <c r="C134892" s="14" t="s">
        <v>596</v>
      </c>
      <c r="D134892" s="14" t="s">
        <v>550</v>
      </c>
      <c r="E134892" s="15">
        <v>45583</v>
      </c>
      <c r="F134892" s="14" t="s">
        <v>61</v>
      </c>
      <c r="G134892" s="16">
        <v>0</v>
      </c>
    </row>
    <row r="134893" spans="1:7" x14ac:dyDescent="0.3">
      <c r="A134893" s="13" t="s">
        <v>607</v>
      </c>
      <c r="B134893" s="14" t="s">
        <v>1</v>
      </c>
      <c r="C134893" s="14" t="s">
        <v>596</v>
      </c>
      <c r="D134893" s="14" t="s">
        <v>550</v>
      </c>
      <c r="E134893" s="15">
        <v>45584</v>
      </c>
      <c r="F134893" s="14" t="s">
        <v>61</v>
      </c>
      <c r="G134893" s="16">
        <v>0</v>
      </c>
    </row>
    <row r="134894" spans="1:7" x14ac:dyDescent="0.3">
      <c r="A134894" s="13" t="s">
        <v>607</v>
      </c>
      <c r="B134894" s="14" t="s">
        <v>1</v>
      </c>
      <c r="C134894" s="14" t="s">
        <v>596</v>
      </c>
      <c r="D134894" s="14" t="s">
        <v>550</v>
      </c>
      <c r="E134894" s="15">
        <v>45585</v>
      </c>
      <c r="F134894" s="14" t="s">
        <v>61</v>
      </c>
      <c r="G134894" s="16">
        <v>0</v>
      </c>
    </row>
    <row r="134895" spans="1:7" x14ac:dyDescent="0.3">
      <c r="A134895" s="13" t="s">
        <v>607</v>
      </c>
      <c r="B134895" s="14" t="s">
        <v>1</v>
      </c>
      <c r="C134895" s="14" t="s">
        <v>596</v>
      </c>
      <c r="D134895" s="14" t="s">
        <v>550</v>
      </c>
      <c r="E134895" s="15">
        <v>45586</v>
      </c>
      <c r="F134895" s="14" t="s">
        <v>61</v>
      </c>
      <c r="G134895" s="16">
        <v>0</v>
      </c>
    </row>
    <row r="134896" spans="1:7" x14ac:dyDescent="0.3">
      <c r="A134896" s="13" t="s">
        <v>607</v>
      </c>
      <c r="B134896" s="14" t="s">
        <v>1</v>
      </c>
      <c r="C134896" s="14" t="s">
        <v>596</v>
      </c>
      <c r="D134896" s="14" t="s">
        <v>550</v>
      </c>
      <c r="E134896" s="15">
        <v>45587</v>
      </c>
      <c r="F134896" s="14" t="s">
        <v>61</v>
      </c>
      <c r="G134896" s="16">
        <v>0</v>
      </c>
    </row>
    <row r="134897" spans="1:7" x14ac:dyDescent="0.3">
      <c r="A134897" s="13" t="s">
        <v>607</v>
      </c>
      <c r="B134897" s="14" t="s">
        <v>1</v>
      </c>
      <c r="C134897" s="14" t="s">
        <v>596</v>
      </c>
      <c r="D134897" s="14" t="s">
        <v>550</v>
      </c>
      <c r="E134897" s="15">
        <v>45588</v>
      </c>
      <c r="F134897" s="14" t="s">
        <v>61</v>
      </c>
      <c r="G134897" s="16">
        <v>0</v>
      </c>
    </row>
    <row r="134898" spans="1:7" x14ac:dyDescent="0.3">
      <c r="A134898" s="13" t="s">
        <v>607</v>
      </c>
      <c r="B134898" s="14" t="s">
        <v>1</v>
      </c>
      <c r="C134898" s="14" t="s">
        <v>596</v>
      </c>
      <c r="D134898" s="14" t="s">
        <v>550</v>
      </c>
      <c r="E134898" s="15">
        <v>45589</v>
      </c>
      <c r="F134898" s="14" t="s">
        <v>61</v>
      </c>
      <c r="G134898" s="16">
        <v>0</v>
      </c>
    </row>
    <row r="134899" spans="1:7" x14ac:dyDescent="0.3">
      <c r="A134899" s="13" t="s">
        <v>607</v>
      </c>
      <c r="B134899" s="14" t="s">
        <v>1</v>
      </c>
      <c r="C134899" s="14" t="s">
        <v>596</v>
      </c>
      <c r="D134899" s="14" t="s">
        <v>550</v>
      </c>
      <c r="E134899" s="15">
        <v>45590</v>
      </c>
      <c r="F134899" s="14" t="s">
        <v>61</v>
      </c>
      <c r="G134899" s="16">
        <v>0</v>
      </c>
    </row>
    <row r="134900" spans="1:7" x14ac:dyDescent="0.3">
      <c r="A134900" s="13" t="s">
        <v>607</v>
      </c>
      <c r="B134900" s="14" t="s">
        <v>1</v>
      </c>
      <c r="C134900" s="14" t="s">
        <v>596</v>
      </c>
      <c r="D134900" s="14" t="s">
        <v>550</v>
      </c>
      <c r="E134900" s="15">
        <v>45591</v>
      </c>
      <c r="F134900" s="14" t="s">
        <v>61</v>
      </c>
      <c r="G134900" s="16">
        <v>0</v>
      </c>
    </row>
    <row r="134901" spans="1:7" x14ac:dyDescent="0.3">
      <c r="A134901" s="13" t="s">
        <v>607</v>
      </c>
      <c r="B134901" s="14" t="s">
        <v>1</v>
      </c>
      <c r="C134901" s="14" t="s">
        <v>596</v>
      </c>
      <c r="D134901" s="14" t="s">
        <v>550</v>
      </c>
      <c r="E134901" s="15">
        <v>45592</v>
      </c>
      <c r="F134901" s="14" t="s">
        <v>61</v>
      </c>
      <c r="G134901" s="16">
        <v>0</v>
      </c>
    </row>
    <row r="134902" spans="1:7" x14ac:dyDescent="0.3">
      <c r="A134902" s="13" t="s">
        <v>607</v>
      </c>
      <c r="B134902" s="14" t="s">
        <v>1</v>
      </c>
      <c r="C134902" s="14" t="s">
        <v>596</v>
      </c>
      <c r="D134902" s="14" t="s">
        <v>550</v>
      </c>
      <c r="E134902" s="15">
        <v>45593</v>
      </c>
      <c r="F134902" s="14" t="s">
        <v>61</v>
      </c>
      <c r="G134902" s="16">
        <v>0</v>
      </c>
    </row>
    <row r="134903" spans="1:7" x14ac:dyDescent="0.3">
      <c r="A134903" s="13" t="s">
        <v>607</v>
      </c>
      <c r="B134903" s="14" t="s">
        <v>1</v>
      </c>
      <c r="C134903" s="14" t="s">
        <v>596</v>
      </c>
      <c r="D134903" s="14" t="s">
        <v>550</v>
      </c>
      <c r="E134903" s="15">
        <v>45594</v>
      </c>
      <c r="F134903" s="14" t="s">
        <v>61</v>
      </c>
      <c r="G134903" s="16">
        <v>0</v>
      </c>
    </row>
    <row r="134904" spans="1:7" x14ac:dyDescent="0.3">
      <c r="A134904" s="13" t="s">
        <v>607</v>
      </c>
      <c r="B134904" s="14" t="s">
        <v>1</v>
      </c>
      <c r="C134904" s="14" t="s">
        <v>596</v>
      </c>
      <c r="D134904" s="14" t="s">
        <v>550</v>
      </c>
      <c r="E134904" s="15">
        <v>45595</v>
      </c>
      <c r="F134904" s="14" t="s">
        <v>61</v>
      </c>
      <c r="G134904" s="16">
        <v>0</v>
      </c>
    </row>
    <row r="134905" spans="1:7" x14ac:dyDescent="0.3">
      <c r="A134905" s="13" t="s">
        <v>607</v>
      </c>
      <c r="B134905" s="14" t="s">
        <v>1</v>
      </c>
      <c r="C134905" s="14" t="s">
        <v>596</v>
      </c>
      <c r="D134905" s="14" t="s">
        <v>550</v>
      </c>
      <c r="E134905" s="15">
        <v>45596</v>
      </c>
      <c r="F134905" s="14" t="s">
        <v>61</v>
      </c>
      <c r="G134905" s="16">
        <v>0</v>
      </c>
    </row>
    <row r="134906" spans="1:7" x14ac:dyDescent="0.3">
      <c r="A134906" s="13" t="s">
        <v>607</v>
      </c>
      <c r="B134906" s="14" t="s">
        <v>1</v>
      </c>
      <c r="C134906" s="14" t="s">
        <v>596</v>
      </c>
      <c r="D134906" s="14" t="s">
        <v>550</v>
      </c>
      <c r="E134906" s="15">
        <v>45597</v>
      </c>
      <c r="F134906" s="14" t="s">
        <v>61</v>
      </c>
      <c r="G134906" s="16">
        <v>0</v>
      </c>
    </row>
    <row r="134907" spans="1:7" x14ac:dyDescent="0.3">
      <c r="A134907" s="13" t="s">
        <v>607</v>
      </c>
      <c r="B134907" s="14" t="s">
        <v>1</v>
      </c>
      <c r="C134907" s="14" t="s">
        <v>596</v>
      </c>
      <c r="D134907" s="14" t="s">
        <v>550</v>
      </c>
      <c r="E134907" s="15">
        <v>45598</v>
      </c>
      <c r="F134907" s="14" t="s">
        <v>61</v>
      </c>
      <c r="G134907" s="16">
        <v>0</v>
      </c>
    </row>
    <row r="134908" spans="1:7" x14ac:dyDescent="0.3">
      <c r="A134908" s="13" t="s">
        <v>607</v>
      </c>
      <c r="B134908" s="14" t="s">
        <v>1</v>
      </c>
      <c r="C134908" s="14" t="s">
        <v>596</v>
      </c>
      <c r="D134908" s="14" t="s">
        <v>550</v>
      </c>
      <c r="E134908" s="15">
        <v>45599</v>
      </c>
      <c r="F134908" s="14" t="s">
        <v>61</v>
      </c>
      <c r="G134908" s="16">
        <v>0</v>
      </c>
    </row>
    <row r="134909" spans="1:7" x14ac:dyDescent="0.3">
      <c r="A134909" s="13" t="s">
        <v>607</v>
      </c>
      <c r="B134909" s="14" t="s">
        <v>1</v>
      </c>
      <c r="C134909" s="14" t="s">
        <v>596</v>
      </c>
      <c r="D134909" s="14" t="s">
        <v>550</v>
      </c>
      <c r="E134909" s="15">
        <v>45600</v>
      </c>
      <c r="F134909" s="14" t="s">
        <v>61</v>
      </c>
      <c r="G134909" s="16">
        <v>0</v>
      </c>
    </row>
    <row r="134910" spans="1:7" x14ac:dyDescent="0.3">
      <c r="A134910" s="13" t="s">
        <v>607</v>
      </c>
      <c r="B134910" s="14" t="s">
        <v>1</v>
      </c>
      <c r="C134910" s="14" t="s">
        <v>596</v>
      </c>
      <c r="D134910" s="14" t="s">
        <v>550</v>
      </c>
      <c r="E134910" s="15">
        <v>45601</v>
      </c>
      <c r="F134910" s="14" t="s">
        <v>61</v>
      </c>
      <c r="G134910" s="16">
        <v>0</v>
      </c>
    </row>
    <row r="134911" spans="1:7" x14ac:dyDescent="0.3">
      <c r="A134911" s="13" t="s">
        <v>607</v>
      </c>
      <c r="B134911" s="14" t="s">
        <v>1</v>
      </c>
      <c r="C134911" s="14" t="s">
        <v>596</v>
      </c>
      <c r="D134911" s="14" t="s">
        <v>550</v>
      </c>
      <c r="E134911" s="15">
        <v>45602</v>
      </c>
      <c r="F134911" s="14" t="s">
        <v>61</v>
      </c>
      <c r="G134911" s="16">
        <v>0</v>
      </c>
    </row>
    <row r="134912" spans="1:7" x14ac:dyDescent="0.3">
      <c r="A134912" s="13" t="s">
        <v>607</v>
      </c>
      <c r="B134912" s="14" t="s">
        <v>1</v>
      </c>
      <c r="C134912" s="14" t="s">
        <v>596</v>
      </c>
      <c r="D134912" s="14" t="s">
        <v>550</v>
      </c>
      <c r="E134912" s="15">
        <v>45603</v>
      </c>
      <c r="F134912" s="14" t="s">
        <v>61</v>
      </c>
      <c r="G134912" s="16">
        <v>0</v>
      </c>
    </row>
    <row r="134913" spans="1:7" x14ac:dyDescent="0.3">
      <c r="A134913" s="13" t="s">
        <v>607</v>
      </c>
      <c r="B134913" s="14" t="s">
        <v>1</v>
      </c>
      <c r="C134913" s="14" t="s">
        <v>596</v>
      </c>
      <c r="D134913" s="14" t="s">
        <v>550</v>
      </c>
      <c r="E134913" s="15">
        <v>45604</v>
      </c>
      <c r="F134913" s="14" t="s">
        <v>61</v>
      </c>
      <c r="G134913" s="16">
        <v>0</v>
      </c>
    </row>
    <row r="134914" spans="1:7" x14ac:dyDescent="0.3">
      <c r="A134914" s="13" t="s">
        <v>607</v>
      </c>
      <c r="B134914" s="14" t="s">
        <v>1</v>
      </c>
      <c r="C134914" s="14" t="s">
        <v>596</v>
      </c>
      <c r="D134914" s="14" t="s">
        <v>550</v>
      </c>
      <c r="E134914" s="15">
        <v>45605</v>
      </c>
      <c r="F134914" s="14" t="s">
        <v>61</v>
      </c>
      <c r="G134914" s="16">
        <v>0</v>
      </c>
    </row>
    <row r="134915" spans="1:7" x14ac:dyDescent="0.3">
      <c r="A134915" s="13" t="s">
        <v>607</v>
      </c>
      <c r="B134915" s="14" t="s">
        <v>1</v>
      </c>
      <c r="C134915" s="14" t="s">
        <v>596</v>
      </c>
      <c r="D134915" s="14" t="s">
        <v>550</v>
      </c>
      <c r="E134915" s="15">
        <v>45606</v>
      </c>
      <c r="F134915" s="14" t="s">
        <v>61</v>
      </c>
      <c r="G134915" s="16">
        <v>0</v>
      </c>
    </row>
    <row r="134916" spans="1:7" x14ac:dyDescent="0.3">
      <c r="A134916" s="13" t="s">
        <v>607</v>
      </c>
      <c r="B134916" s="14" t="s">
        <v>1</v>
      </c>
      <c r="C134916" s="14" t="s">
        <v>596</v>
      </c>
      <c r="D134916" s="14" t="s">
        <v>550</v>
      </c>
      <c r="E134916" s="15">
        <v>45607</v>
      </c>
      <c r="F134916" s="14" t="s">
        <v>61</v>
      </c>
      <c r="G134916" s="16">
        <v>0</v>
      </c>
    </row>
    <row r="134917" spans="1:7" x14ac:dyDescent="0.3">
      <c r="A134917" s="13" t="s">
        <v>607</v>
      </c>
      <c r="B134917" s="14" t="s">
        <v>1</v>
      </c>
      <c r="C134917" s="14" t="s">
        <v>596</v>
      </c>
      <c r="D134917" s="14" t="s">
        <v>550</v>
      </c>
      <c r="E134917" s="15">
        <v>45608</v>
      </c>
      <c r="F134917" s="14" t="s">
        <v>61</v>
      </c>
      <c r="G134917" s="16">
        <v>0</v>
      </c>
    </row>
    <row r="134918" spans="1:7" x14ac:dyDescent="0.3">
      <c r="A134918" s="13" t="s">
        <v>607</v>
      </c>
      <c r="B134918" s="14" t="s">
        <v>1</v>
      </c>
      <c r="C134918" s="14" t="s">
        <v>596</v>
      </c>
      <c r="D134918" s="14" t="s">
        <v>550</v>
      </c>
      <c r="E134918" s="15">
        <v>45609</v>
      </c>
      <c r="F134918" s="14" t="s">
        <v>61</v>
      </c>
      <c r="G134918" s="16">
        <v>0</v>
      </c>
    </row>
    <row r="134919" spans="1:7" x14ac:dyDescent="0.3">
      <c r="A134919" s="13" t="s">
        <v>607</v>
      </c>
      <c r="B134919" s="14" t="s">
        <v>1</v>
      </c>
      <c r="C134919" s="14" t="s">
        <v>596</v>
      </c>
      <c r="D134919" s="14" t="s">
        <v>550</v>
      </c>
      <c r="E134919" s="15">
        <v>45610</v>
      </c>
      <c r="F134919" s="14" t="s">
        <v>61</v>
      </c>
      <c r="G134919" s="16">
        <v>0</v>
      </c>
    </row>
    <row r="134920" spans="1:7" x14ac:dyDescent="0.3">
      <c r="A134920" s="13" t="s">
        <v>607</v>
      </c>
      <c r="B134920" s="14" t="s">
        <v>1</v>
      </c>
      <c r="C134920" s="14" t="s">
        <v>596</v>
      </c>
      <c r="D134920" s="14" t="s">
        <v>550</v>
      </c>
      <c r="E134920" s="15">
        <v>45611</v>
      </c>
      <c r="F134920" s="14" t="s">
        <v>61</v>
      </c>
      <c r="G134920" s="16">
        <v>0</v>
      </c>
    </row>
    <row r="134921" spans="1:7" x14ac:dyDescent="0.3">
      <c r="A134921" s="13" t="s">
        <v>607</v>
      </c>
      <c r="B134921" s="14" t="s">
        <v>1</v>
      </c>
      <c r="C134921" s="14" t="s">
        <v>596</v>
      </c>
      <c r="D134921" s="14" t="s">
        <v>550</v>
      </c>
      <c r="E134921" s="15">
        <v>45612</v>
      </c>
      <c r="F134921" s="14" t="s">
        <v>61</v>
      </c>
      <c r="G134921" s="16">
        <v>0</v>
      </c>
    </row>
    <row r="134922" spans="1:7" x14ac:dyDescent="0.3">
      <c r="A134922" s="13" t="s">
        <v>607</v>
      </c>
      <c r="B134922" s="14" t="s">
        <v>1</v>
      </c>
      <c r="C134922" s="14" t="s">
        <v>596</v>
      </c>
      <c r="D134922" s="14" t="s">
        <v>550</v>
      </c>
      <c r="E134922" s="15">
        <v>45613</v>
      </c>
      <c r="F134922" s="14" t="s">
        <v>61</v>
      </c>
      <c r="G134922" s="16">
        <v>0</v>
      </c>
    </row>
    <row r="134923" spans="1:7" x14ac:dyDescent="0.3">
      <c r="A134923" s="13" t="s">
        <v>607</v>
      </c>
      <c r="B134923" s="14" t="s">
        <v>1</v>
      </c>
      <c r="C134923" s="14" t="s">
        <v>596</v>
      </c>
      <c r="D134923" s="14" t="s">
        <v>550</v>
      </c>
      <c r="E134923" s="15">
        <v>45614</v>
      </c>
      <c r="F134923" s="14" t="s">
        <v>61</v>
      </c>
      <c r="G134923" s="16">
        <v>0</v>
      </c>
    </row>
    <row r="134924" spans="1:7" x14ac:dyDescent="0.3">
      <c r="A134924" s="13" t="s">
        <v>607</v>
      </c>
      <c r="B134924" s="14" t="s">
        <v>1</v>
      </c>
      <c r="C134924" s="14" t="s">
        <v>596</v>
      </c>
      <c r="D134924" s="14" t="s">
        <v>550</v>
      </c>
      <c r="E134924" s="15">
        <v>45615</v>
      </c>
      <c r="F134924" s="14" t="s">
        <v>61</v>
      </c>
      <c r="G134924" s="16">
        <v>0</v>
      </c>
    </row>
    <row r="134925" spans="1:7" x14ac:dyDescent="0.3">
      <c r="A134925" s="13" t="s">
        <v>607</v>
      </c>
      <c r="B134925" s="14" t="s">
        <v>1</v>
      </c>
      <c r="C134925" s="14" t="s">
        <v>596</v>
      </c>
      <c r="D134925" s="14" t="s">
        <v>550</v>
      </c>
      <c r="E134925" s="15">
        <v>45616</v>
      </c>
      <c r="F134925" s="14" t="s">
        <v>61</v>
      </c>
      <c r="G134925" s="16">
        <v>0</v>
      </c>
    </row>
    <row r="134926" spans="1:7" x14ac:dyDescent="0.3">
      <c r="A134926" s="13" t="s">
        <v>607</v>
      </c>
      <c r="B134926" s="14" t="s">
        <v>1</v>
      </c>
      <c r="C134926" s="14" t="s">
        <v>596</v>
      </c>
      <c r="D134926" s="14" t="s">
        <v>550</v>
      </c>
      <c r="E134926" s="15">
        <v>45617</v>
      </c>
      <c r="F134926" s="14" t="s">
        <v>61</v>
      </c>
      <c r="G134926" s="16">
        <v>0</v>
      </c>
    </row>
    <row r="134927" spans="1:7" x14ac:dyDescent="0.3">
      <c r="A134927" s="13" t="s">
        <v>607</v>
      </c>
      <c r="B134927" s="14" t="s">
        <v>1</v>
      </c>
      <c r="C134927" s="14" t="s">
        <v>596</v>
      </c>
      <c r="D134927" s="14" t="s">
        <v>550</v>
      </c>
      <c r="E134927" s="15">
        <v>45618</v>
      </c>
      <c r="F134927" s="14" t="s">
        <v>61</v>
      </c>
      <c r="G134927" s="16">
        <v>0</v>
      </c>
    </row>
    <row r="134928" spans="1:7" x14ac:dyDescent="0.3">
      <c r="A134928" s="13" t="s">
        <v>607</v>
      </c>
      <c r="B134928" s="14" t="s">
        <v>1</v>
      </c>
      <c r="C134928" s="14" t="s">
        <v>596</v>
      </c>
      <c r="D134928" s="14" t="s">
        <v>550</v>
      </c>
      <c r="E134928" s="15">
        <v>45619</v>
      </c>
      <c r="F134928" s="14" t="s">
        <v>61</v>
      </c>
      <c r="G134928" s="16">
        <v>0</v>
      </c>
    </row>
    <row r="134929" spans="1:7" x14ac:dyDescent="0.3">
      <c r="A134929" s="13" t="s">
        <v>607</v>
      </c>
      <c r="B134929" s="14" t="s">
        <v>1</v>
      </c>
      <c r="C134929" s="14" t="s">
        <v>596</v>
      </c>
      <c r="D134929" s="14" t="s">
        <v>550</v>
      </c>
      <c r="E134929" s="15">
        <v>45620</v>
      </c>
      <c r="F134929" s="14" t="s">
        <v>61</v>
      </c>
      <c r="G134929" s="16">
        <v>0</v>
      </c>
    </row>
    <row r="134930" spans="1:7" x14ac:dyDescent="0.3">
      <c r="A134930" s="13" t="s">
        <v>607</v>
      </c>
      <c r="B134930" s="14" t="s">
        <v>1</v>
      </c>
      <c r="C134930" s="14" t="s">
        <v>596</v>
      </c>
      <c r="D134930" s="14" t="s">
        <v>550</v>
      </c>
      <c r="E134930" s="15">
        <v>45621</v>
      </c>
      <c r="F134930" s="14" t="s">
        <v>61</v>
      </c>
      <c r="G134930" s="16">
        <v>0</v>
      </c>
    </row>
    <row r="134931" spans="1:7" x14ac:dyDescent="0.3">
      <c r="A134931" s="13" t="s">
        <v>607</v>
      </c>
      <c r="B134931" s="14" t="s">
        <v>1</v>
      </c>
      <c r="C134931" s="14" t="s">
        <v>596</v>
      </c>
      <c r="D134931" s="14" t="s">
        <v>550</v>
      </c>
      <c r="E134931" s="15">
        <v>45622</v>
      </c>
      <c r="F134931" s="14" t="s">
        <v>61</v>
      </c>
      <c r="G134931" s="16">
        <v>0</v>
      </c>
    </row>
    <row r="134932" spans="1:7" x14ac:dyDescent="0.3">
      <c r="A134932" s="13" t="s">
        <v>607</v>
      </c>
      <c r="B134932" s="14" t="s">
        <v>1</v>
      </c>
      <c r="C134932" s="14" t="s">
        <v>596</v>
      </c>
      <c r="D134932" s="14" t="s">
        <v>550</v>
      </c>
      <c r="E134932" s="15">
        <v>45623</v>
      </c>
      <c r="F134932" s="14" t="s">
        <v>61</v>
      </c>
      <c r="G134932" s="16">
        <v>0</v>
      </c>
    </row>
    <row r="134933" spans="1:7" x14ac:dyDescent="0.3">
      <c r="A134933" s="13" t="s">
        <v>607</v>
      </c>
      <c r="B134933" s="14" t="s">
        <v>1</v>
      </c>
      <c r="C134933" s="14" t="s">
        <v>596</v>
      </c>
      <c r="D134933" s="14" t="s">
        <v>550</v>
      </c>
      <c r="E134933" s="15">
        <v>45624</v>
      </c>
      <c r="F134933" s="14" t="s">
        <v>61</v>
      </c>
      <c r="G134933" s="16">
        <v>0</v>
      </c>
    </row>
    <row r="134934" spans="1:7" x14ac:dyDescent="0.3">
      <c r="A134934" s="13" t="s">
        <v>607</v>
      </c>
      <c r="B134934" s="14" t="s">
        <v>1</v>
      </c>
      <c r="C134934" s="14" t="s">
        <v>596</v>
      </c>
      <c r="D134934" s="14" t="s">
        <v>550</v>
      </c>
      <c r="E134934" s="15">
        <v>45625</v>
      </c>
      <c r="F134934" s="14" t="s">
        <v>61</v>
      </c>
      <c r="G134934" s="16">
        <v>0</v>
      </c>
    </row>
    <row r="134935" spans="1:7" x14ac:dyDescent="0.3">
      <c r="A134935" s="13" t="s">
        <v>607</v>
      </c>
      <c r="B134935" s="14" t="s">
        <v>1</v>
      </c>
      <c r="C134935" s="14" t="s">
        <v>596</v>
      </c>
      <c r="D134935" s="14" t="s">
        <v>550</v>
      </c>
      <c r="E134935" s="15">
        <v>45626</v>
      </c>
      <c r="F134935" s="14" t="s">
        <v>61</v>
      </c>
      <c r="G134935" s="16">
        <v>0</v>
      </c>
    </row>
    <row r="134936" spans="1:7" x14ac:dyDescent="0.3">
      <c r="A134936" s="13" t="s">
        <v>607</v>
      </c>
      <c r="B134936" s="14" t="s">
        <v>1</v>
      </c>
      <c r="C134936" s="14" t="s">
        <v>596</v>
      </c>
      <c r="D134936" s="14" t="s">
        <v>550</v>
      </c>
      <c r="E134936" s="15">
        <v>45627</v>
      </c>
      <c r="F134936" s="14" t="s">
        <v>61</v>
      </c>
      <c r="G134936" s="16">
        <v>0</v>
      </c>
    </row>
    <row r="134937" spans="1:7" x14ac:dyDescent="0.3">
      <c r="A134937" s="13" t="s">
        <v>607</v>
      </c>
      <c r="B134937" s="14" t="s">
        <v>1</v>
      </c>
      <c r="C134937" s="14" t="s">
        <v>596</v>
      </c>
      <c r="D134937" s="14" t="s">
        <v>550</v>
      </c>
      <c r="E134937" s="15">
        <v>45628</v>
      </c>
      <c r="F134937" s="14" t="s">
        <v>61</v>
      </c>
      <c r="G134937" s="16">
        <v>0</v>
      </c>
    </row>
    <row r="134938" spans="1:7" x14ac:dyDescent="0.3">
      <c r="A134938" s="13" t="s">
        <v>607</v>
      </c>
      <c r="B134938" s="14" t="s">
        <v>1</v>
      </c>
      <c r="C134938" s="14" t="s">
        <v>596</v>
      </c>
      <c r="D134938" s="14" t="s">
        <v>550</v>
      </c>
      <c r="E134938" s="15">
        <v>45629</v>
      </c>
      <c r="F134938" s="14" t="s">
        <v>61</v>
      </c>
      <c r="G134938" s="16">
        <v>0</v>
      </c>
    </row>
    <row r="134939" spans="1:7" x14ac:dyDescent="0.3">
      <c r="A134939" s="13" t="s">
        <v>607</v>
      </c>
      <c r="B134939" s="14" t="s">
        <v>1</v>
      </c>
      <c r="C134939" s="14" t="s">
        <v>596</v>
      </c>
      <c r="D134939" s="14" t="s">
        <v>550</v>
      </c>
      <c r="E134939" s="15">
        <v>45630</v>
      </c>
      <c r="F134939" s="14" t="s">
        <v>61</v>
      </c>
      <c r="G134939" s="16">
        <v>0</v>
      </c>
    </row>
    <row r="134940" spans="1:7" x14ac:dyDescent="0.3">
      <c r="A134940" s="13" t="s">
        <v>607</v>
      </c>
      <c r="B134940" s="14" t="s">
        <v>1</v>
      </c>
      <c r="C134940" s="14" t="s">
        <v>596</v>
      </c>
      <c r="D134940" s="14" t="s">
        <v>550</v>
      </c>
      <c r="E134940" s="15">
        <v>45631</v>
      </c>
      <c r="F134940" s="14" t="s">
        <v>61</v>
      </c>
      <c r="G134940" s="16">
        <v>0</v>
      </c>
    </row>
    <row r="134941" spans="1:7" x14ac:dyDescent="0.3">
      <c r="A134941" s="13" t="s">
        <v>607</v>
      </c>
      <c r="B134941" s="14" t="s">
        <v>1</v>
      </c>
      <c r="C134941" s="14" t="s">
        <v>596</v>
      </c>
      <c r="D134941" s="14" t="s">
        <v>550</v>
      </c>
      <c r="E134941" s="15">
        <v>45632</v>
      </c>
      <c r="F134941" s="14" t="s">
        <v>61</v>
      </c>
      <c r="G134941" s="16">
        <v>0</v>
      </c>
    </row>
    <row r="134942" spans="1:7" x14ac:dyDescent="0.3">
      <c r="A134942" s="13" t="s">
        <v>607</v>
      </c>
      <c r="B134942" s="14" t="s">
        <v>1</v>
      </c>
      <c r="C134942" s="14" t="s">
        <v>596</v>
      </c>
      <c r="D134942" s="14" t="s">
        <v>550</v>
      </c>
      <c r="E134942" s="15">
        <v>45633</v>
      </c>
      <c r="F134942" s="14" t="s">
        <v>61</v>
      </c>
      <c r="G134942" s="16">
        <v>0</v>
      </c>
    </row>
    <row r="134943" spans="1:7" x14ac:dyDescent="0.3">
      <c r="A134943" s="13" t="s">
        <v>607</v>
      </c>
      <c r="B134943" s="14" t="s">
        <v>1</v>
      </c>
      <c r="C134943" s="14" t="s">
        <v>596</v>
      </c>
      <c r="D134943" s="14" t="s">
        <v>550</v>
      </c>
      <c r="E134943" s="15">
        <v>45634</v>
      </c>
      <c r="F134943" s="14" t="s">
        <v>61</v>
      </c>
      <c r="G134943" s="16">
        <v>0</v>
      </c>
    </row>
    <row r="134944" spans="1:7" x14ac:dyDescent="0.3">
      <c r="A134944" s="13" t="s">
        <v>607</v>
      </c>
      <c r="B134944" s="14" t="s">
        <v>1</v>
      </c>
      <c r="C134944" s="14" t="s">
        <v>596</v>
      </c>
      <c r="D134944" s="14" t="s">
        <v>550</v>
      </c>
      <c r="E134944" s="15">
        <v>45635</v>
      </c>
      <c r="F134944" s="14" t="s">
        <v>61</v>
      </c>
      <c r="G134944" s="16">
        <v>0</v>
      </c>
    </row>
    <row r="134945" spans="1:7" x14ac:dyDescent="0.3">
      <c r="A134945" s="13" t="s">
        <v>607</v>
      </c>
      <c r="B134945" s="14" t="s">
        <v>1</v>
      </c>
      <c r="C134945" s="14" t="s">
        <v>596</v>
      </c>
      <c r="D134945" s="14" t="s">
        <v>550</v>
      </c>
      <c r="E134945" s="15">
        <v>45636</v>
      </c>
      <c r="F134945" s="14" t="s">
        <v>61</v>
      </c>
      <c r="G134945" s="16">
        <v>0</v>
      </c>
    </row>
    <row r="134946" spans="1:7" x14ac:dyDescent="0.3">
      <c r="A134946" s="13" t="s">
        <v>607</v>
      </c>
      <c r="B134946" s="14" t="s">
        <v>1</v>
      </c>
      <c r="C134946" s="14" t="s">
        <v>596</v>
      </c>
      <c r="D134946" s="14" t="s">
        <v>550</v>
      </c>
      <c r="E134946" s="15">
        <v>45637</v>
      </c>
      <c r="F134946" s="14" t="s">
        <v>61</v>
      </c>
      <c r="G134946" s="16">
        <v>0</v>
      </c>
    </row>
    <row r="134947" spans="1:7" x14ac:dyDescent="0.3">
      <c r="A134947" s="13" t="s">
        <v>607</v>
      </c>
      <c r="B134947" s="14" t="s">
        <v>1</v>
      </c>
      <c r="C134947" s="14" t="s">
        <v>596</v>
      </c>
      <c r="D134947" s="14" t="s">
        <v>550</v>
      </c>
      <c r="E134947" s="15">
        <v>45638</v>
      </c>
      <c r="F134947" s="14" t="s">
        <v>61</v>
      </c>
      <c r="G134947" s="16">
        <v>0</v>
      </c>
    </row>
    <row r="134948" spans="1:7" x14ac:dyDescent="0.3">
      <c r="A134948" s="13" t="s">
        <v>607</v>
      </c>
      <c r="B134948" s="14" t="s">
        <v>1</v>
      </c>
      <c r="C134948" s="14" t="s">
        <v>596</v>
      </c>
      <c r="D134948" s="14" t="s">
        <v>550</v>
      </c>
      <c r="E134948" s="15">
        <v>45639</v>
      </c>
      <c r="F134948" s="14" t="s">
        <v>61</v>
      </c>
      <c r="G134948" s="16">
        <v>0</v>
      </c>
    </row>
    <row r="134949" spans="1:7" x14ac:dyDescent="0.3">
      <c r="A134949" s="13" t="s">
        <v>607</v>
      </c>
      <c r="B134949" s="14" t="s">
        <v>1</v>
      </c>
      <c r="C134949" s="14" t="s">
        <v>596</v>
      </c>
      <c r="D134949" s="14" t="s">
        <v>550</v>
      </c>
      <c r="E134949" s="15">
        <v>45640</v>
      </c>
      <c r="F134949" s="14" t="s">
        <v>61</v>
      </c>
      <c r="G134949" s="16">
        <v>0</v>
      </c>
    </row>
    <row r="134950" spans="1:7" x14ac:dyDescent="0.3">
      <c r="A134950" s="13" t="s">
        <v>607</v>
      </c>
      <c r="B134950" s="14" t="s">
        <v>1</v>
      </c>
      <c r="C134950" s="14" t="s">
        <v>596</v>
      </c>
      <c r="D134950" s="14" t="s">
        <v>550</v>
      </c>
      <c r="E134950" s="15">
        <v>45641</v>
      </c>
      <c r="F134950" s="14" t="s">
        <v>61</v>
      </c>
      <c r="G134950" s="16">
        <v>0</v>
      </c>
    </row>
    <row r="134951" spans="1:7" x14ac:dyDescent="0.3">
      <c r="A134951" s="13" t="s">
        <v>607</v>
      </c>
      <c r="B134951" s="14" t="s">
        <v>1</v>
      </c>
      <c r="C134951" s="14" t="s">
        <v>596</v>
      </c>
      <c r="D134951" s="14" t="s">
        <v>550</v>
      </c>
      <c r="E134951" s="15">
        <v>45642</v>
      </c>
      <c r="F134951" s="14" t="s">
        <v>61</v>
      </c>
      <c r="G134951" s="16">
        <v>0</v>
      </c>
    </row>
    <row r="134952" spans="1:7" x14ac:dyDescent="0.3">
      <c r="A134952" s="13" t="s">
        <v>607</v>
      </c>
      <c r="B134952" s="14" t="s">
        <v>1</v>
      </c>
      <c r="C134952" s="14" t="s">
        <v>596</v>
      </c>
      <c r="D134952" s="14" t="s">
        <v>550</v>
      </c>
      <c r="E134952" s="15">
        <v>45643</v>
      </c>
      <c r="F134952" s="14" t="s">
        <v>61</v>
      </c>
      <c r="G134952" s="16">
        <v>0</v>
      </c>
    </row>
    <row r="134953" spans="1:7" x14ac:dyDescent="0.3">
      <c r="A134953" s="13" t="s">
        <v>607</v>
      </c>
      <c r="B134953" s="14" t="s">
        <v>1</v>
      </c>
      <c r="C134953" s="14" t="s">
        <v>596</v>
      </c>
      <c r="D134953" s="14" t="s">
        <v>550</v>
      </c>
      <c r="E134953" s="15">
        <v>45644</v>
      </c>
      <c r="F134953" s="14" t="s">
        <v>61</v>
      </c>
      <c r="G134953" s="16">
        <v>0</v>
      </c>
    </row>
    <row r="134954" spans="1:7" x14ac:dyDescent="0.3">
      <c r="A134954" s="13" t="s">
        <v>607</v>
      </c>
      <c r="B134954" s="14" t="s">
        <v>1</v>
      </c>
      <c r="C134954" s="14" t="s">
        <v>596</v>
      </c>
      <c r="D134954" s="14" t="s">
        <v>550</v>
      </c>
      <c r="E134954" s="15">
        <v>45645</v>
      </c>
      <c r="F134954" s="14" t="s">
        <v>61</v>
      </c>
      <c r="G134954" s="16">
        <v>0</v>
      </c>
    </row>
    <row r="134955" spans="1:7" x14ac:dyDescent="0.3">
      <c r="A134955" s="13" t="s">
        <v>607</v>
      </c>
      <c r="B134955" s="14" t="s">
        <v>1</v>
      </c>
      <c r="C134955" s="14" t="s">
        <v>596</v>
      </c>
      <c r="D134955" s="14" t="s">
        <v>550</v>
      </c>
      <c r="E134955" s="15">
        <v>45646</v>
      </c>
      <c r="F134955" s="14" t="s">
        <v>61</v>
      </c>
      <c r="G134955" s="16">
        <v>0</v>
      </c>
    </row>
    <row r="134956" spans="1:7" x14ac:dyDescent="0.3">
      <c r="A134956" s="13" t="s">
        <v>607</v>
      </c>
      <c r="B134956" s="14" t="s">
        <v>1</v>
      </c>
      <c r="C134956" s="14" t="s">
        <v>596</v>
      </c>
      <c r="D134956" s="14" t="s">
        <v>550</v>
      </c>
      <c r="E134956" s="15">
        <v>45647</v>
      </c>
      <c r="F134956" s="14" t="s">
        <v>61</v>
      </c>
      <c r="G134956" s="16">
        <v>0</v>
      </c>
    </row>
    <row r="134957" spans="1:7" x14ac:dyDescent="0.3">
      <c r="A134957" s="13" t="s">
        <v>607</v>
      </c>
      <c r="B134957" s="14" t="s">
        <v>1</v>
      </c>
      <c r="C134957" s="14" t="s">
        <v>596</v>
      </c>
      <c r="D134957" s="14" t="s">
        <v>550</v>
      </c>
      <c r="E134957" s="15">
        <v>45648</v>
      </c>
      <c r="F134957" s="14" t="s">
        <v>61</v>
      </c>
      <c r="G134957" s="16">
        <v>0</v>
      </c>
    </row>
    <row r="134958" spans="1:7" x14ac:dyDescent="0.3">
      <c r="A134958" s="13" t="s">
        <v>607</v>
      </c>
      <c r="B134958" s="14" t="s">
        <v>1</v>
      </c>
      <c r="C134958" s="14" t="s">
        <v>596</v>
      </c>
      <c r="D134958" s="14" t="s">
        <v>550</v>
      </c>
      <c r="E134958" s="15">
        <v>45649</v>
      </c>
      <c r="F134958" s="14" t="s">
        <v>61</v>
      </c>
      <c r="G134958" s="16">
        <v>0</v>
      </c>
    </row>
    <row r="134959" spans="1:7" x14ac:dyDescent="0.3">
      <c r="A134959" s="13" t="s">
        <v>607</v>
      </c>
      <c r="B134959" s="14" t="s">
        <v>1</v>
      </c>
      <c r="C134959" s="14" t="s">
        <v>596</v>
      </c>
      <c r="D134959" s="14" t="s">
        <v>550</v>
      </c>
      <c r="E134959" s="15">
        <v>45650</v>
      </c>
      <c r="F134959" s="14" t="s">
        <v>61</v>
      </c>
      <c r="G134959" s="16">
        <v>0</v>
      </c>
    </row>
    <row r="134960" spans="1:7" x14ac:dyDescent="0.3">
      <c r="A134960" s="13" t="s">
        <v>607</v>
      </c>
      <c r="B134960" s="14" t="s">
        <v>1</v>
      </c>
      <c r="C134960" s="14" t="s">
        <v>596</v>
      </c>
      <c r="D134960" s="14" t="s">
        <v>550</v>
      </c>
      <c r="E134960" s="15">
        <v>45651</v>
      </c>
      <c r="F134960" s="14" t="s">
        <v>61</v>
      </c>
      <c r="G134960" s="16">
        <v>0</v>
      </c>
    </row>
    <row r="134961" spans="1:7" x14ac:dyDescent="0.3">
      <c r="A134961" s="13" t="s">
        <v>607</v>
      </c>
      <c r="B134961" s="14" t="s">
        <v>1</v>
      </c>
      <c r="C134961" s="14" t="s">
        <v>596</v>
      </c>
      <c r="D134961" s="14" t="s">
        <v>550</v>
      </c>
      <c r="E134961" s="15">
        <v>45652</v>
      </c>
      <c r="F134961" s="14" t="s">
        <v>61</v>
      </c>
      <c r="G134961" s="16">
        <v>0</v>
      </c>
    </row>
    <row r="134962" spans="1:7" x14ac:dyDescent="0.3">
      <c r="A134962" s="13" t="s">
        <v>607</v>
      </c>
      <c r="B134962" s="14" t="s">
        <v>1</v>
      </c>
      <c r="C134962" s="14" t="s">
        <v>596</v>
      </c>
      <c r="D134962" s="14" t="s">
        <v>550</v>
      </c>
      <c r="E134962" s="15">
        <v>45653</v>
      </c>
      <c r="F134962" s="14" t="s">
        <v>61</v>
      </c>
      <c r="G134962" s="16">
        <v>0</v>
      </c>
    </row>
    <row r="134963" spans="1:7" x14ac:dyDescent="0.3">
      <c r="A134963" s="13" t="s">
        <v>607</v>
      </c>
      <c r="B134963" s="14" t="s">
        <v>1</v>
      </c>
      <c r="C134963" s="14" t="s">
        <v>596</v>
      </c>
      <c r="D134963" s="14" t="s">
        <v>550</v>
      </c>
      <c r="E134963" s="15">
        <v>45654</v>
      </c>
      <c r="F134963" s="14" t="s">
        <v>61</v>
      </c>
      <c r="G134963" s="16">
        <v>0</v>
      </c>
    </row>
    <row r="134964" spans="1:7" x14ac:dyDescent="0.3">
      <c r="A134964" s="13" t="s">
        <v>607</v>
      </c>
      <c r="B134964" s="14" t="s">
        <v>1</v>
      </c>
      <c r="C134964" s="14" t="s">
        <v>596</v>
      </c>
      <c r="D134964" s="14" t="s">
        <v>550</v>
      </c>
      <c r="E134964" s="15">
        <v>45655</v>
      </c>
      <c r="F134964" s="14" t="s">
        <v>61</v>
      </c>
      <c r="G134964" s="16">
        <v>0</v>
      </c>
    </row>
    <row r="134965" spans="1:7" x14ac:dyDescent="0.3">
      <c r="A134965" s="13" t="s">
        <v>607</v>
      </c>
      <c r="B134965" s="14" t="s">
        <v>1</v>
      </c>
      <c r="C134965" s="14" t="s">
        <v>596</v>
      </c>
      <c r="D134965" s="14" t="s">
        <v>550</v>
      </c>
      <c r="E134965" s="15">
        <v>45656</v>
      </c>
      <c r="F134965" s="14" t="s">
        <v>61</v>
      </c>
      <c r="G134965" s="16">
        <v>0</v>
      </c>
    </row>
    <row r="134966" spans="1:7" x14ac:dyDescent="0.3">
      <c r="A134966" s="13" t="s">
        <v>607</v>
      </c>
      <c r="B134966" s="14" t="s">
        <v>1</v>
      </c>
      <c r="C134966" s="14" t="s">
        <v>596</v>
      </c>
      <c r="D134966" s="14" t="s">
        <v>550</v>
      </c>
      <c r="E134966" s="15">
        <v>45657</v>
      </c>
      <c r="F134966" s="14" t="s">
        <v>61</v>
      </c>
      <c r="G134966" s="16">
        <v>0</v>
      </c>
    </row>
    <row r="134967" spans="1:7" x14ac:dyDescent="0.3">
      <c r="A134967" s="13" t="s">
        <v>607</v>
      </c>
      <c r="B134967" s="14" t="s">
        <v>1</v>
      </c>
      <c r="C134967" s="14" t="s">
        <v>596</v>
      </c>
      <c r="D134967" s="14" t="s">
        <v>550</v>
      </c>
      <c r="E134967" s="15">
        <v>45658</v>
      </c>
      <c r="F134967" s="14" t="s">
        <v>61</v>
      </c>
      <c r="G134967" s="16">
        <v>0</v>
      </c>
    </row>
    <row r="134968" spans="1:7" x14ac:dyDescent="0.3">
      <c r="A134968" s="13" t="s">
        <v>607</v>
      </c>
      <c r="B134968" s="14" t="s">
        <v>1</v>
      </c>
      <c r="C134968" s="14" t="s">
        <v>596</v>
      </c>
      <c r="D134968" s="14" t="s">
        <v>550</v>
      </c>
      <c r="E134968" s="15">
        <v>45659</v>
      </c>
      <c r="F134968" s="14" t="s">
        <v>61</v>
      </c>
      <c r="G134968" s="16">
        <v>0</v>
      </c>
    </row>
    <row r="134969" spans="1:7" x14ac:dyDescent="0.3">
      <c r="A134969" s="13" t="s">
        <v>607</v>
      </c>
      <c r="B134969" s="14" t="s">
        <v>1</v>
      </c>
      <c r="C134969" s="14" t="s">
        <v>596</v>
      </c>
      <c r="D134969" s="14" t="s">
        <v>550</v>
      </c>
      <c r="E134969" s="15">
        <v>45660</v>
      </c>
      <c r="F134969" s="14" t="s">
        <v>61</v>
      </c>
      <c r="G134969" s="16">
        <v>0</v>
      </c>
    </row>
    <row r="134970" spans="1:7" x14ac:dyDescent="0.3">
      <c r="A134970" s="13" t="s">
        <v>607</v>
      </c>
      <c r="B134970" s="14" t="s">
        <v>1</v>
      </c>
      <c r="C134970" s="14" t="s">
        <v>596</v>
      </c>
      <c r="D134970" s="14" t="s">
        <v>550</v>
      </c>
      <c r="E134970" s="15">
        <v>45661</v>
      </c>
      <c r="F134970" s="14" t="s">
        <v>61</v>
      </c>
      <c r="G134970" s="16">
        <v>0</v>
      </c>
    </row>
    <row r="134971" spans="1:7" x14ac:dyDescent="0.3">
      <c r="A134971" s="13" t="s">
        <v>607</v>
      </c>
      <c r="B134971" s="14" t="s">
        <v>1</v>
      </c>
      <c r="C134971" s="14" t="s">
        <v>596</v>
      </c>
      <c r="D134971" s="14" t="s">
        <v>550</v>
      </c>
      <c r="E134971" s="15">
        <v>45662</v>
      </c>
      <c r="F134971" s="14" t="s">
        <v>61</v>
      </c>
      <c r="G134971" s="16">
        <v>0</v>
      </c>
    </row>
    <row r="134972" spans="1:7" x14ac:dyDescent="0.3">
      <c r="A134972" s="13" t="s">
        <v>607</v>
      </c>
      <c r="B134972" s="14" t="s">
        <v>1</v>
      </c>
      <c r="C134972" s="14" t="s">
        <v>596</v>
      </c>
      <c r="D134972" s="14" t="s">
        <v>550</v>
      </c>
      <c r="E134972" s="15">
        <v>45663</v>
      </c>
      <c r="F134972" s="14" t="s">
        <v>61</v>
      </c>
      <c r="G134972" s="16">
        <v>0</v>
      </c>
    </row>
    <row r="134973" spans="1:7" x14ac:dyDescent="0.3">
      <c r="A134973" s="13" t="s">
        <v>607</v>
      </c>
      <c r="B134973" s="14" t="s">
        <v>1</v>
      </c>
      <c r="C134973" s="14" t="s">
        <v>596</v>
      </c>
      <c r="D134973" s="14" t="s">
        <v>550</v>
      </c>
      <c r="E134973" s="15">
        <v>45664</v>
      </c>
      <c r="F134973" s="14" t="s">
        <v>61</v>
      </c>
      <c r="G134973" s="16">
        <v>0</v>
      </c>
    </row>
    <row r="134974" spans="1:7" x14ac:dyDescent="0.3">
      <c r="A134974" s="13" t="s">
        <v>607</v>
      </c>
      <c r="B134974" s="14" t="s">
        <v>1</v>
      </c>
      <c r="C134974" s="14" t="s">
        <v>596</v>
      </c>
      <c r="D134974" s="14" t="s">
        <v>550</v>
      </c>
      <c r="E134974" s="15">
        <v>45665</v>
      </c>
      <c r="F134974" s="14" t="s">
        <v>61</v>
      </c>
      <c r="G134974" s="16">
        <v>0</v>
      </c>
    </row>
    <row r="134975" spans="1:7" x14ac:dyDescent="0.3">
      <c r="A134975" s="13" t="s">
        <v>607</v>
      </c>
      <c r="B134975" s="14" t="s">
        <v>1</v>
      </c>
      <c r="C134975" s="14" t="s">
        <v>596</v>
      </c>
      <c r="D134975" s="14" t="s">
        <v>550</v>
      </c>
      <c r="E134975" s="15">
        <v>45666</v>
      </c>
      <c r="F134975" s="14" t="s">
        <v>61</v>
      </c>
      <c r="G134975" s="16">
        <v>0</v>
      </c>
    </row>
    <row r="134976" spans="1:7" x14ac:dyDescent="0.3">
      <c r="A134976" s="13" t="s">
        <v>607</v>
      </c>
      <c r="B134976" s="14" t="s">
        <v>1</v>
      </c>
      <c r="C134976" s="14" t="s">
        <v>596</v>
      </c>
      <c r="D134976" s="14" t="s">
        <v>550</v>
      </c>
      <c r="E134976" s="15">
        <v>45667</v>
      </c>
      <c r="F134976" s="14" t="s">
        <v>61</v>
      </c>
      <c r="G134976" s="16">
        <v>0</v>
      </c>
    </row>
    <row r="134977" spans="1:7" x14ac:dyDescent="0.3">
      <c r="A134977" s="13" t="s">
        <v>607</v>
      </c>
      <c r="B134977" s="14" t="s">
        <v>1</v>
      </c>
      <c r="C134977" s="14" t="s">
        <v>596</v>
      </c>
      <c r="D134977" s="14" t="s">
        <v>550</v>
      </c>
      <c r="E134977" s="15">
        <v>45668</v>
      </c>
      <c r="F134977" s="14" t="s">
        <v>61</v>
      </c>
      <c r="G134977" s="16">
        <v>0</v>
      </c>
    </row>
    <row r="134978" spans="1:7" x14ac:dyDescent="0.3">
      <c r="A134978" s="13" t="s">
        <v>607</v>
      </c>
      <c r="B134978" s="14" t="s">
        <v>1</v>
      </c>
      <c r="C134978" s="14" t="s">
        <v>596</v>
      </c>
      <c r="D134978" s="14" t="s">
        <v>550</v>
      </c>
      <c r="E134978" s="15">
        <v>45669</v>
      </c>
      <c r="F134978" s="14" t="s">
        <v>61</v>
      </c>
      <c r="G134978" s="16">
        <v>0</v>
      </c>
    </row>
    <row r="134979" spans="1:7" x14ac:dyDescent="0.3">
      <c r="A134979" s="13" t="s">
        <v>607</v>
      </c>
      <c r="B134979" s="14" t="s">
        <v>1</v>
      </c>
      <c r="C134979" s="14" t="s">
        <v>596</v>
      </c>
      <c r="D134979" s="14" t="s">
        <v>550</v>
      </c>
      <c r="E134979" s="15">
        <v>45670</v>
      </c>
      <c r="F134979" s="14" t="s">
        <v>61</v>
      </c>
      <c r="G134979" s="16">
        <v>0</v>
      </c>
    </row>
    <row r="134980" spans="1:7" x14ac:dyDescent="0.3">
      <c r="A134980" s="13" t="s">
        <v>607</v>
      </c>
      <c r="B134980" s="14" t="s">
        <v>1</v>
      </c>
      <c r="C134980" s="14" t="s">
        <v>596</v>
      </c>
      <c r="D134980" s="14" t="s">
        <v>550</v>
      </c>
      <c r="E134980" s="15">
        <v>45671</v>
      </c>
      <c r="F134980" s="14" t="s">
        <v>61</v>
      </c>
      <c r="G134980" s="16">
        <v>0</v>
      </c>
    </row>
    <row r="134981" spans="1:7" x14ac:dyDescent="0.3">
      <c r="A134981" s="13" t="s">
        <v>607</v>
      </c>
      <c r="B134981" s="14" t="s">
        <v>1</v>
      </c>
      <c r="C134981" s="14" t="s">
        <v>596</v>
      </c>
      <c r="D134981" s="14" t="s">
        <v>550</v>
      </c>
      <c r="E134981" s="15">
        <v>45672</v>
      </c>
      <c r="F134981" s="14" t="s">
        <v>61</v>
      </c>
      <c r="G134981" s="16">
        <v>0</v>
      </c>
    </row>
    <row r="134982" spans="1:7" x14ac:dyDescent="0.3">
      <c r="A134982" s="13" t="s">
        <v>607</v>
      </c>
      <c r="B134982" s="14" t="s">
        <v>1</v>
      </c>
      <c r="C134982" s="14" t="s">
        <v>596</v>
      </c>
      <c r="D134982" s="14" t="s">
        <v>550</v>
      </c>
      <c r="E134982" s="15">
        <v>45673</v>
      </c>
      <c r="F134982" s="14" t="s">
        <v>61</v>
      </c>
      <c r="G134982" s="16">
        <v>0</v>
      </c>
    </row>
    <row r="134983" spans="1:7" x14ac:dyDescent="0.3">
      <c r="A134983" s="13" t="s">
        <v>607</v>
      </c>
      <c r="B134983" s="14" t="s">
        <v>1</v>
      </c>
      <c r="C134983" s="14" t="s">
        <v>596</v>
      </c>
      <c r="D134983" s="14" t="s">
        <v>550</v>
      </c>
      <c r="E134983" s="15">
        <v>45674</v>
      </c>
      <c r="F134983" s="14" t="s">
        <v>61</v>
      </c>
      <c r="G134983" s="16">
        <v>0</v>
      </c>
    </row>
    <row r="134984" spans="1:7" x14ac:dyDescent="0.3">
      <c r="A134984" s="13" t="s">
        <v>607</v>
      </c>
      <c r="B134984" s="14" t="s">
        <v>1</v>
      </c>
      <c r="C134984" s="14" t="s">
        <v>596</v>
      </c>
      <c r="D134984" s="14" t="s">
        <v>550</v>
      </c>
      <c r="E134984" s="15">
        <v>45675</v>
      </c>
      <c r="F134984" s="14" t="s">
        <v>61</v>
      </c>
      <c r="G134984" s="16">
        <v>0</v>
      </c>
    </row>
    <row r="134985" spans="1:7" x14ac:dyDescent="0.3">
      <c r="A134985" s="13" t="s">
        <v>607</v>
      </c>
      <c r="B134985" s="14" t="s">
        <v>1</v>
      </c>
      <c r="C134985" s="14" t="s">
        <v>596</v>
      </c>
      <c r="D134985" s="14" t="s">
        <v>550</v>
      </c>
      <c r="E134985" s="15">
        <v>45676</v>
      </c>
      <c r="F134985" s="14" t="s">
        <v>61</v>
      </c>
      <c r="G134985" s="16">
        <v>0</v>
      </c>
    </row>
    <row r="134986" spans="1:7" x14ac:dyDescent="0.3">
      <c r="A134986" s="13" t="s">
        <v>607</v>
      </c>
      <c r="B134986" s="14" t="s">
        <v>1</v>
      </c>
      <c r="C134986" s="14" t="s">
        <v>596</v>
      </c>
      <c r="D134986" s="14" t="s">
        <v>550</v>
      </c>
      <c r="E134986" s="15">
        <v>45677</v>
      </c>
      <c r="F134986" s="14" t="s">
        <v>61</v>
      </c>
      <c r="G134986" s="16">
        <v>0</v>
      </c>
    </row>
    <row r="134987" spans="1:7" x14ac:dyDescent="0.3">
      <c r="A134987" s="13" t="s">
        <v>607</v>
      </c>
      <c r="B134987" s="14" t="s">
        <v>1</v>
      </c>
      <c r="C134987" s="14" t="s">
        <v>596</v>
      </c>
      <c r="D134987" s="14" t="s">
        <v>550</v>
      </c>
      <c r="E134987" s="15">
        <v>45678</v>
      </c>
      <c r="F134987" s="14" t="s">
        <v>61</v>
      </c>
      <c r="G134987" s="16">
        <v>0</v>
      </c>
    </row>
    <row r="134988" spans="1:7" x14ac:dyDescent="0.3">
      <c r="A134988" s="13" t="s">
        <v>607</v>
      </c>
      <c r="B134988" s="14" t="s">
        <v>1</v>
      </c>
      <c r="C134988" s="14" t="s">
        <v>596</v>
      </c>
      <c r="D134988" s="14" t="s">
        <v>550</v>
      </c>
      <c r="E134988" s="15">
        <v>45679</v>
      </c>
      <c r="F134988" s="14" t="s">
        <v>61</v>
      </c>
      <c r="G134988" s="16">
        <v>0</v>
      </c>
    </row>
    <row r="134989" spans="1:7" x14ac:dyDescent="0.3">
      <c r="A134989" s="13" t="s">
        <v>607</v>
      </c>
      <c r="B134989" s="14" t="s">
        <v>1</v>
      </c>
      <c r="C134989" s="14" t="s">
        <v>596</v>
      </c>
      <c r="D134989" s="14" t="s">
        <v>550</v>
      </c>
      <c r="E134989" s="15">
        <v>45680</v>
      </c>
      <c r="F134989" s="14" t="s">
        <v>61</v>
      </c>
      <c r="G134989" s="16">
        <v>0</v>
      </c>
    </row>
    <row r="134990" spans="1:7" x14ac:dyDescent="0.3">
      <c r="A134990" s="13" t="s">
        <v>607</v>
      </c>
      <c r="B134990" s="14" t="s">
        <v>1</v>
      </c>
      <c r="C134990" s="14" t="s">
        <v>596</v>
      </c>
      <c r="D134990" s="14" t="s">
        <v>550</v>
      </c>
      <c r="E134990" s="15">
        <v>45681</v>
      </c>
      <c r="F134990" s="14" t="s">
        <v>61</v>
      </c>
      <c r="G134990" s="16">
        <v>0</v>
      </c>
    </row>
    <row r="134991" spans="1:7" x14ac:dyDescent="0.3">
      <c r="A134991" s="13" t="s">
        <v>607</v>
      </c>
      <c r="B134991" s="14" t="s">
        <v>1</v>
      </c>
      <c r="C134991" s="14" t="s">
        <v>596</v>
      </c>
      <c r="D134991" s="14" t="s">
        <v>550</v>
      </c>
      <c r="E134991" s="15">
        <v>45682</v>
      </c>
      <c r="F134991" s="14" t="s">
        <v>61</v>
      </c>
      <c r="G134991" s="16">
        <v>0</v>
      </c>
    </row>
    <row r="134992" spans="1:7" x14ac:dyDescent="0.3">
      <c r="A134992" s="13" t="s">
        <v>607</v>
      </c>
      <c r="B134992" s="14" t="s">
        <v>1</v>
      </c>
      <c r="C134992" s="14" t="s">
        <v>596</v>
      </c>
      <c r="D134992" s="14" t="s">
        <v>550</v>
      </c>
      <c r="E134992" s="15">
        <v>45683</v>
      </c>
      <c r="F134992" s="14" t="s">
        <v>61</v>
      </c>
      <c r="G134992" s="16">
        <v>0</v>
      </c>
    </row>
    <row r="134993" spans="1:7" x14ac:dyDescent="0.3">
      <c r="A134993" s="13" t="s">
        <v>607</v>
      </c>
      <c r="B134993" s="14" t="s">
        <v>1</v>
      </c>
      <c r="C134993" s="14" t="s">
        <v>596</v>
      </c>
      <c r="D134993" s="14" t="s">
        <v>550</v>
      </c>
      <c r="E134993" s="15">
        <v>45684</v>
      </c>
      <c r="F134993" s="14" t="s">
        <v>61</v>
      </c>
      <c r="G134993" s="16">
        <v>0</v>
      </c>
    </row>
    <row r="134994" spans="1:7" x14ac:dyDescent="0.3">
      <c r="A134994" s="13" t="s">
        <v>607</v>
      </c>
      <c r="B134994" s="14" t="s">
        <v>1</v>
      </c>
      <c r="C134994" s="14" t="s">
        <v>596</v>
      </c>
      <c r="D134994" s="14" t="s">
        <v>550</v>
      </c>
      <c r="E134994" s="15">
        <v>45685</v>
      </c>
      <c r="F134994" s="14" t="s">
        <v>61</v>
      </c>
      <c r="G134994" s="16">
        <v>0</v>
      </c>
    </row>
    <row r="134995" spans="1:7" x14ac:dyDescent="0.3">
      <c r="A134995" s="13" t="s">
        <v>607</v>
      </c>
      <c r="B134995" s="14" t="s">
        <v>1</v>
      </c>
      <c r="C134995" s="14" t="s">
        <v>596</v>
      </c>
      <c r="D134995" s="14" t="s">
        <v>550</v>
      </c>
      <c r="E134995" s="15">
        <v>45686</v>
      </c>
      <c r="F134995" s="14" t="s">
        <v>61</v>
      </c>
      <c r="G134995" s="16">
        <v>0</v>
      </c>
    </row>
    <row r="134996" spans="1:7" x14ac:dyDescent="0.3">
      <c r="A134996" s="13" t="s">
        <v>607</v>
      </c>
      <c r="B134996" s="14" t="s">
        <v>1</v>
      </c>
      <c r="C134996" s="14" t="s">
        <v>596</v>
      </c>
      <c r="D134996" s="14" t="s">
        <v>550</v>
      </c>
      <c r="E134996" s="15">
        <v>45687</v>
      </c>
      <c r="F134996" s="14" t="s">
        <v>61</v>
      </c>
      <c r="G134996" s="16">
        <v>0</v>
      </c>
    </row>
    <row r="134997" spans="1:7" x14ac:dyDescent="0.3">
      <c r="A134997" s="13" t="s">
        <v>607</v>
      </c>
      <c r="B134997" s="14" t="s">
        <v>1</v>
      </c>
      <c r="C134997" s="14" t="s">
        <v>596</v>
      </c>
      <c r="D134997" s="14" t="s">
        <v>550</v>
      </c>
      <c r="E134997" s="15">
        <v>45688</v>
      </c>
      <c r="F134997" s="14" t="s">
        <v>61</v>
      </c>
      <c r="G134997" s="16">
        <v>0</v>
      </c>
    </row>
    <row r="134998" spans="1:7" x14ac:dyDescent="0.3">
      <c r="A134998" s="13" t="s">
        <v>607</v>
      </c>
      <c r="B134998" s="14" t="s">
        <v>1</v>
      </c>
      <c r="C134998" s="14" t="s">
        <v>596</v>
      </c>
      <c r="D134998" s="14" t="s">
        <v>550</v>
      </c>
      <c r="E134998" s="15">
        <v>45689</v>
      </c>
      <c r="F134998" s="14" t="s">
        <v>61</v>
      </c>
      <c r="G134998" s="16">
        <v>0</v>
      </c>
    </row>
    <row r="134999" spans="1:7" x14ac:dyDescent="0.3">
      <c r="A134999" s="13" t="s">
        <v>607</v>
      </c>
      <c r="B134999" s="14" t="s">
        <v>1</v>
      </c>
      <c r="C134999" s="14" t="s">
        <v>596</v>
      </c>
      <c r="D134999" s="14" t="s">
        <v>550</v>
      </c>
      <c r="E134999" s="15">
        <v>45690</v>
      </c>
      <c r="F134999" s="14" t="s">
        <v>61</v>
      </c>
      <c r="G134999" s="16">
        <v>0</v>
      </c>
    </row>
    <row r="135000" spans="1:7" x14ac:dyDescent="0.3">
      <c r="A135000" s="13" t="s">
        <v>607</v>
      </c>
      <c r="B135000" s="14" t="s">
        <v>1</v>
      </c>
      <c r="C135000" s="14" t="s">
        <v>596</v>
      </c>
      <c r="D135000" s="14" t="s">
        <v>550</v>
      </c>
      <c r="E135000" s="15">
        <v>45691</v>
      </c>
      <c r="F135000" s="14" t="s">
        <v>61</v>
      </c>
      <c r="G135000" s="16">
        <v>0</v>
      </c>
    </row>
    <row r="135001" spans="1:7" x14ac:dyDescent="0.3">
      <c r="A135001" s="13" t="s">
        <v>607</v>
      </c>
      <c r="B135001" s="14" t="s">
        <v>1</v>
      </c>
      <c r="C135001" s="14" t="s">
        <v>596</v>
      </c>
      <c r="D135001" s="14" t="s">
        <v>550</v>
      </c>
      <c r="E135001" s="15">
        <v>45692</v>
      </c>
      <c r="F135001" s="14" t="s">
        <v>61</v>
      </c>
      <c r="G135001" s="16">
        <v>0</v>
      </c>
    </row>
    <row r="135002" spans="1:7" x14ac:dyDescent="0.3">
      <c r="A135002" s="13" t="s">
        <v>607</v>
      </c>
      <c r="B135002" s="14" t="s">
        <v>1</v>
      </c>
      <c r="C135002" s="14" t="s">
        <v>596</v>
      </c>
      <c r="D135002" s="14" t="s">
        <v>550</v>
      </c>
      <c r="E135002" s="15">
        <v>45693</v>
      </c>
      <c r="F135002" s="14" t="s">
        <v>61</v>
      </c>
      <c r="G135002" s="16">
        <v>0</v>
      </c>
    </row>
    <row r="135003" spans="1:7" x14ac:dyDescent="0.3">
      <c r="A135003" s="13" t="s">
        <v>607</v>
      </c>
      <c r="B135003" s="14" t="s">
        <v>1</v>
      </c>
      <c r="C135003" s="14" t="s">
        <v>596</v>
      </c>
      <c r="D135003" s="14" t="s">
        <v>550</v>
      </c>
      <c r="E135003" s="15">
        <v>45694</v>
      </c>
      <c r="F135003" s="14" t="s">
        <v>61</v>
      </c>
      <c r="G135003" s="16">
        <v>0</v>
      </c>
    </row>
    <row r="135004" spans="1:7" x14ac:dyDescent="0.3">
      <c r="A135004" s="13" t="s">
        <v>607</v>
      </c>
      <c r="B135004" s="14" t="s">
        <v>1</v>
      </c>
      <c r="C135004" s="14" t="s">
        <v>596</v>
      </c>
      <c r="D135004" s="14" t="s">
        <v>550</v>
      </c>
      <c r="E135004" s="15">
        <v>45695</v>
      </c>
      <c r="F135004" s="14" t="s">
        <v>61</v>
      </c>
      <c r="G135004" s="16">
        <v>0</v>
      </c>
    </row>
    <row r="135005" spans="1:7" x14ac:dyDescent="0.3">
      <c r="A135005" s="13" t="s">
        <v>607</v>
      </c>
      <c r="B135005" s="14" t="s">
        <v>1</v>
      </c>
      <c r="C135005" s="14" t="s">
        <v>596</v>
      </c>
      <c r="D135005" s="14" t="s">
        <v>550</v>
      </c>
      <c r="E135005" s="15">
        <v>45696</v>
      </c>
      <c r="F135005" s="14" t="s">
        <v>61</v>
      </c>
      <c r="G135005" s="16">
        <v>0</v>
      </c>
    </row>
    <row r="135006" spans="1:7" x14ac:dyDescent="0.3">
      <c r="A135006" s="13" t="s">
        <v>607</v>
      </c>
      <c r="B135006" s="14" t="s">
        <v>1</v>
      </c>
      <c r="C135006" s="14" t="s">
        <v>596</v>
      </c>
      <c r="D135006" s="14" t="s">
        <v>550</v>
      </c>
      <c r="E135006" s="15">
        <v>45697</v>
      </c>
      <c r="F135006" s="14" t="s">
        <v>61</v>
      </c>
      <c r="G135006" s="16">
        <v>0</v>
      </c>
    </row>
    <row r="135007" spans="1:7" x14ac:dyDescent="0.3">
      <c r="A135007" s="13" t="s">
        <v>607</v>
      </c>
      <c r="B135007" s="14" t="s">
        <v>1</v>
      </c>
      <c r="C135007" s="14" t="s">
        <v>596</v>
      </c>
      <c r="D135007" s="14" t="s">
        <v>550</v>
      </c>
      <c r="E135007" s="15">
        <v>45698</v>
      </c>
      <c r="F135007" s="14" t="s">
        <v>61</v>
      </c>
      <c r="G135007" s="16">
        <v>0</v>
      </c>
    </row>
    <row r="135008" spans="1:7" x14ac:dyDescent="0.3">
      <c r="A135008" s="13" t="s">
        <v>607</v>
      </c>
      <c r="B135008" s="14" t="s">
        <v>1</v>
      </c>
      <c r="C135008" s="14" t="s">
        <v>596</v>
      </c>
      <c r="D135008" s="14" t="s">
        <v>550</v>
      </c>
      <c r="E135008" s="15">
        <v>45699</v>
      </c>
      <c r="F135008" s="14" t="s">
        <v>61</v>
      </c>
      <c r="G135008" s="16">
        <v>0</v>
      </c>
    </row>
    <row r="135009" spans="1:7" x14ac:dyDescent="0.3">
      <c r="A135009" s="13" t="s">
        <v>607</v>
      </c>
      <c r="B135009" s="14" t="s">
        <v>1</v>
      </c>
      <c r="C135009" s="14" t="s">
        <v>596</v>
      </c>
      <c r="D135009" s="14" t="s">
        <v>550</v>
      </c>
      <c r="E135009" s="15">
        <v>45700</v>
      </c>
      <c r="F135009" s="14" t="s">
        <v>61</v>
      </c>
      <c r="G135009" s="16">
        <v>0</v>
      </c>
    </row>
    <row r="135010" spans="1:7" x14ac:dyDescent="0.3">
      <c r="A135010" s="13" t="s">
        <v>607</v>
      </c>
      <c r="B135010" s="14" t="s">
        <v>1</v>
      </c>
      <c r="C135010" s="14" t="s">
        <v>596</v>
      </c>
      <c r="D135010" s="14" t="s">
        <v>550</v>
      </c>
      <c r="E135010" s="15">
        <v>45701</v>
      </c>
      <c r="F135010" s="14" t="s">
        <v>61</v>
      </c>
      <c r="G135010" s="16">
        <v>0</v>
      </c>
    </row>
    <row r="135011" spans="1:7" x14ac:dyDescent="0.3">
      <c r="A135011" s="13" t="s">
        <v>607</v>
      </c>
      <c r="B135011" s="14" t="s">
        <v>1</v>
      </c>
      <c r="C135011" s="14" t="s">
        <v>596</v>
      </c>
      <c r="D135011" s="14" t="s">
        <v>550</v>
      </c>
      <c r="E135011" s="15">
        <v>45702</v>
      </c>
      <c r="F135011" s="14" t="s">
        <v>61</v>
      </c>
      <c r="G135011" s="16">
        <v>0</v>
      </c>
    </row>
    <row r="135012" spans="1:7" x14ac:dyDescent="0.3">
      <c r="A135012" s="13" t="s">
        <v>607</v>
      </c>
      <c r="B135012" s="14" t="s">
        <v>1</v>
      </c>
      <c r="C135012" s="14" t="s">
        <v>596</v>
      </c>
      <c r="D135012" s="14" t="s">
        <v>550</v>
      </c>
      <c r="E135012" s="15">
        <v>45703</v>
      </c>
      <c r="F135012" s="14" t="s">
        <v>61</v>
      </c>
      <c r="G135012" s="16">
        <v>0</v>
      </c>
    </row>
    <row r="135013" spans="1:7" x14ac:dyDescent="0.3">
      <c r="A135013" s="13" t="s">
        <v>607</v>
      </c>
      <c r="B135013" s="14" t="s">
        <v>1</v>
      </c>
      <c r="C135013" s="14" t="s">
        <v>596</v>
      </c>
      <c r="D135013" s="14" t="s">
        <v>550</v>
      </c>
      <c r="E135013" s="15">
        <v>45704</v>
      </c>
      <c r="F135013" s="14" t="s">
        <v>61</v>
      </c>
      <c r="G135013" s="16">
        <v>0</v>
      </c>
    </row>
    <row r="135014" spans="1:7" x14ac:dyDescent="0.3">
      <c r="A135014" s="13" t="s">
        <v>607</v>
      </c>
      <c r="B135014" s="14" t="s">
        <v>1</v>
      </c>
      <c r="C135014" s="14" t="s">
        <v>596</v>
      </c>
      <c r="D135014" s="14" t="s">
        <v>550</v>
      </c>
      <c r="E135014" s="15">
        <v>45705</v>
      </c>
      <c r="F135014" s="14" t="s">
        <v>61</v>
      </c>
      <c r="G135014" s="16">
        <v>0</v>
      </c>
    </row>
    <row r="135015" spans="1:7" x14ac:dyDescent="0.3">
      <c r="A135015" s="13" t="s">
        <v>607</v>
      </c>
      <c r="B135015" s="14" t="s">
        <v>1</v>
      </c>
      <c r="C135015" s="14" t="s">
        <v>596</v>
      </c>
      <c r="D135015" s="14" t="s">
        <v>550</v>
      </c>
      <c r="E135015" s="15">
        <v>45706</v>
      </c>
      <c r="F135015" s="14" t="s">
        <v>61</v>
      </c>
      <c r="G135015" s="16">
        <v>0</v>
      </c>
    </row>
    <row r="135016" spans="1:7" x14ac:dyDescent="0.3">
      <c r="A135016" s="13" t="s">
        <v>607</v>
      </c>
      <c r="B135016" s="14" t="s">
        <v>1</v>
      </c>
      <c r="C135016" s="14" t="s">
        <v>596</v>
      </c>
      <c r="D135016" s="14" t="s">
        <v>550</v>
      </c>
      <c r="E135016" s="15">
        <v>45707</v>
      </c>
      <c r="F135016" s="14" t="s">
        <v>61</v>
      </c>
      <c r="G135016" s="16">
        <v>0</v>
      </c>
    </row>
    <row r="135017" spans="1:7" x14ac:dyDescent="0.3">
      <c r="A135017" s="13" t="s">
        <v>607</v>
      </c>
      <c r="B135017" s="14" t="s">
        <v>1</v>
      </c>
      <c r="C135017" s="14" t="s">
        <v>596</v>
      </c>
      <c r="D135017" s="14" t="s">
        <v>550</v>
      </c>
      <c r="E135017" s="15">
        <v>45708</v>
      </c>
      <c r="F135017" s="14" t="s">
        <v>61</v>
      </c>
      <c r="G135017" s="16">
        <v>0</v>
      </c>
    </row>
    <row r="135018" spans="1:7" x14ac:dyDescent="0.3">
      <c r="A135018" s="13" t="s">
        <v>607</v>
      </c>
      <c r="B135018" s="14" t="s">
        <v>1</v>
      </c>
      <c r="C135018" s="14" t="s">
        <v>596</v>
      </c>
      <c r="D135018" s="14" t="s">
        <v>550</v>
      </c>
      <c r="E135018" s="15">
        <v>45709</v>
      </c>
      <c r="F135018" s="14" t="s">
        <v>61</v>
      </c>
      <c r="G135018" s="16">
        <v>0</v>
      </c>
    </row>
    <row r="135019" spans="1:7" x14ac:dyDescent="0.3">
      <c r="A135019" s="13" t="s">
        <v>607</v>
      </c>
      <c r="B135019" s="14" t="s">
        <v>1</v>
      </c>
      <c r="C135019" s="14" t="s">
        <v>596</v>
      </c>
      <c r="D135019" s="14" t="s">
        <v>550</v>
      </c>
      <c r="E135019" s="15">
        <v>45710</v>
      </c>
      <c r="F135019" s="14" t="s">
        <v>61</v>
      </c>
      <c r="G135019" s="16">
        <v>0</v>
      </c>
    </row>
    <row r="135020" spans="1:7" x14ac:dyDescent="0.3">
      <c r="A135020" s="13" t="s">
        <v>607</v>
      </c>
      <c r="B135020" s="14" t="s">
        <v>1</v>
      </c>
      <c r="C135020" s="14" t="s">
        <v>596</v>
      </c>
      <c r="D135020" s="14" t="s">
        <v>550</v>
      </c>
      <c r="E135020" s="15">
        <v>45711</v>
      </c>
      <c r="F135020" s="14" t="s">
        <v>61</v>
      </c>
      <c r="G135020" s="16">
        <v>0</v>
      </c>
    </row>
    <row r="135021" spans="1:7" x14ac:dyDescent="0.3">
      <c r="A135021" s="13" t="s">
        <v>607</v>
      </c>
      <c r="B135021" s="14" t="s">
        <v>1</v>
      </c>
      <c r="C135021" s="14" t="s">
        <v>596</v>
      </c>
      <c r="D135021" s="14" t="s">
        <v>550</v>
      </c>
      <c r="E135021" s="15">
        <v>45712</v>
      </c>
      <c r="F135021" s="14" t="s">
        <v>61</v>
      </c>
      <c r="G135021" s="16">
        <v>0</v>
      </c>
    </row>
    <row r="135022" spans="1:7" x14ac:dyDescent="0.3">
      <c r="A135022" s="13" t="s">
        <v>607</v>
      </c>
      <c r="B135022" s="14" t="s">
        <v>1</v>
      </c>
      <c r="C135022" s="14" t="s">
        <v>596</v>
      </c>
      <c r="D135022" s="14" t="s">
        <v>550</v>
      </c>
      <c r="E135022" s="15">
        <v>45713</v>
      </c>
      <c r="F135022" s="14" t="s">
        <v>61</v>
      </c>
      <c r="G135022" s="16">
        <v>0</v>
      </c>
    </row>
    <row r="135023" spans="1:7" x14ac:dyDescent="0.3">
      <c r="A135023" s="13" t="s">
        <v>607</v>
      </c>
      <c r="B135023" s="14" t="s">
        <v>1</v>
      </c>
      <c r="C135023" s="14" t="s">
        <v>596</v>
      </c>
      <c r="D135023" s="14" t="s">
        <v>550</v>
      </c>
      <c r="E135023" s="15">
        <v>45714</v>
      </c>
      <c r="F135023" s="14" t="s">
        <v>61</v>
      </c>
      <c r="G135023" s="16">
        <v>0</v>
      </c>
    </row>
    <row r="135024" spans="1:7" x14ac:dyDescent="0.3">
      <c r="A135024" s="13" t="s">
        <v>607</v>
      </c>
      <c r="B135024" s="14" t="s">
        <v>1</v>
      </c>
      <c r="C135024" s="14" t="s">
        <v>596</v>
      </c>
      <c r="D135024" s="14" t="s">
        <v>550</v>
      </c>
      <c r="E135024" s="15">
        <v>45715</v>
      </c>
      <c r="F135024" s="14" t="s">
        <v>61</v>
      </c>
      <c r="G135024" s="16">
        <v>0</v>
      </c>
    </row>
    <row r="135025" spans="1:7" x14ac:dyDescent="0.3">
      <c r="A135025" s="13" t="s">
        <v>607</v>
      </c>
      <c r="B135025" s="14" t="s">
        <v>1</v>
      </c>
      <c r="C135025" s="14" t="s">
        <v>596</v>
      </c>
      <c r="D135025" s="14" t="s">
        <v>550</v>
      </c>
      <c r="E135025" s="15">
        <v>45716</v>
      </c>
      <c r="F135025" s="14" t="s">
        <v>61</v>
      </c>
      <c r="G135025" s="16">
        <v>0</v>
      </c>
    </row>
    <row r="135026" spans="1:7" x14ac:dyDescent="0.3">
      <c r="A135026" s="13" t="s">
        <v>607</v>
      </c>
      <c r="B135026" s="14" t="s">
        <v>1</v>
      </c>
      <c r="C135026" s="14" t="s">
        <v>596</v>
      </c>
      <c r="D135026" s="14" t="s">
        <v>550</v>
      </c>
      <c r="E135026" s="15">
        <v>45717</v>
      </c>
      <c r="F135026" s="14" t="s">
        <v>61</v>
      </c>
      <c r="G135026" s="16">
        <v>0</v>
      </c>
    </row>
    <row r="135027" spans="1:7" x14ac:dyDescent="0.3">
      <c r="A135027" s="13" t="s">
        <v>607</v>
      </c>
      <c r="B135027" s="14" t="s">
        <v>1</v>
      </c>
      <c r="C135027" s="14" t="s">
        <v>596</v>
      </c>
      <c r="D135027" s="14" t="s">
        <v>550</v>
      </c>
      <c r="E135027" s="15">
        <v>45718</v>
      </c>
      <c r="F135027" s="14" t="s">
        <v>61</v>
      </c>
      <c r="G135027" s="16">
        <v>0</v>
      </c>
    </row>
    <row r="135028" spans="1:7" x14ac:dyDescent="0.3">
      <c r="A135028" s="13" t="s">
        <v>607</v>
      </c>
      <c r="B135028" s="14" t="s">
        <v>1</v>
      </c>
      <c r="C135028" s="14" t="s">
        <v>596</v>
      </c>
      <c r="D135028" s="14" t="s">
        <v>550</v>
      </c>
      <c r="E135028" s="15">
        <v>45719</v>
      </c>
      <c r="F135028" s="14" t="s">
        <v>61</v>
      </c>
      <c r="G135028" s="16">
        <v>0</v>
      </c>
    </row>
    <row r="135029" spans="1:7" x14ac:dyDescent="0.3">
      <c r="A135029" s="13" t="s">
        <v>607</v>
      </c>
      <c r="B135029" s="14" t="s">
        <v>1</v>
      </c>
      <c r="C135029" s="14" t="s">
        <v>596</v>
      </c>
      <c r="D135029" s="14" t="s">
        <v>550</v>
      </c>
      <c r="E135029" s="15">
        <v>45720</v>
      </c>
      <c r="F135029" s="14" t="s">
        <v>61</v>
      </c>
      <c r="G135029" s="16">
        <v>0</v>
      </c>
    </row>
    <row r="135030" spans="1:7" x14ac:dyDescent="0.3">
      <c r="A135030" s="13" t="s">
        <v>607</v>
      </c>
      <c r="B135030" s="14" t="s">
        <v>1</v>
      </c>
      <c r="C135030" s="14" t="s">
        <v>596</v>
      </c>
      <c r="D135030" s="14" t="s">
        <v>550</v>
      </c>
      <c r="E135030" s="15">
        <v>45721</v>
      </c>
      <c r="F135030" s="14" t="s">
        <v>61</v>
      </c>
      <c r="G135030" s="16">
        <v>0</v>
      </c>
    </row>
    <row r="135031" spans="1:7" x14ac:dyDescent="0.3">
      <c r="A135031" s="13" t="s">
        <v>607</v>
      </c>
      <c r="B135031" s="14" t="s">
        <v>1</v>
      </c>
      <c r="C135031" s="14" t="s">
        <v>596</v>
      </c>
      <c r="D135031" s="14" t="s">
        <v>550</v>
      </c>
      <c r="E135031" s="15">
        <v>45722</v>
      </c>
      <c r="F135031" s="14" t="s">
        <v>61</v>
      </c>
      <c r="G135031" s="16">
        <v>0</v>
      </c>
    </row>
    <row r="135032" spans="1:7" x14ac:dyDescent="0.3">
      <c r="A135032" s="13" t="s">
        <v>607</v>
      </c>
      <c r="B135032" s="14" t="s">
        <v>1</v>
      </c>
      <c r="C135032" s="14" t="s">
        <v>596</v>
      </c>
      <c r="D135032" s="14" t="s">
        <v>550</v>
      </c>
      <c r="E135032" s="15">
        <v>45723</v>
      </c>
      <c r="F135032" s="14" t="s">
        <v>61</v>
      </c>
      <c r="G135032" s="16">
        <v>0</v>
      </c>
    </row>
    <row r="135033" spans="1:7" x14ac:dyDescent="0.3">
      <c r="A135033" s="13" t="s">
        <v>607</v>
      </c>
      <c r="B135033" s="14" t="s">
        <v>1</v>
      </c>
      <c r="C135033" s="14" t="s">
        <v>596</v>
      </c>
      <c r="D135033" s="14" t="s">
        <v>550</v>
      </c>
      <c r="E135033" s="15">
        <v>45724</v>
      </c>
      <c r="F135033" s="14" t="s">
        <v>61</v>
      </c>
      <c r="G135033" s="16">
        <v>0</v>
      </c>
    </row>
    <row r="135034" spans="1:7" x14ac:dyDescent="0.3">
      <c r="A135034" s="13" t="s">
        <v>607</v>
      </c>
      <c r="B135034" s="14" t="s">
        <v>1</v>
      </c>
      <c r="C135034" s="14" t="s">
        <v>596</v>
      </c>
      <c r="D135034" s="14" t="s">
        <v>550</v>
      </c>
      <c r="E135034" s="15">
        <v>45725</v>
      </c>
      <c r="F135034" s="14" t="s">
        <v>61</v>
      </c>
      <c r="G135034" s="16">
        <v>0</v>
      </c>
    </row>
    <row r="135035" spans="1:7" x14ac:dyDescent="0.3">
      <c r="A135035" s="13" t="s">
        <v>607</v>
      </c>
      <c r="B135035" s="14" t="s">
        <v>1</v>
      </c>
      <c r="C135035" s="14" t="s">
        <v>596</v>
      </c>
      <c r="D135035" s="14" t="s">
        <v>550</v>
      </c>
      <c r="E135035" s="15">
        <v>45726</v>
      </c>
      <c r="F135035" s="14" t="s">
        <v>61</v>
      </c>
      <c r="G135035" s="16">
        <v>0</v>
      </c>
    </row>
    <row r="135036" spans="1:7" x14ac:dyDescent="0.3">
      <c r="A135036" s="13" t="s">
        <v>607</v>
      </c>
      <c r="B135036" s="14" t="s">
        <v>1</v>
      </c>
      <c r="C135036" s="14" t="s">
        <v>596</v>
      </c>
      <c r="D135036" s="14" t="s">
        <v>550</v>
      </c>
      <c r="E135036" s="15">
        <v>45727</v>
      </c>
      <c r="F135036" s="14" t="s">
        <v>61</v>
      </c>
      <c r="G135036" s="16">
        <v>0</v>
      </c>
    </row>
    <row r="135037" spans="1:7" x14ac:dyDescent="0.3">
      <c r="A135037" s="13" t="s">
        <v>607</v>
      </c>
      <c r="B135037" s="14" t="s">
        <v>1</v>
      </c>
      <c r="C135037" s="14" t="s">
        <v>596</v>
      </c>
      <c r="D135037" s="14" t="s">
        <v>550</v>
      </c>
      <c r="E135037" s="15">
        <v>45728</v>
      </c>
      <c r="F135037" s="14" t="s">
        <v>61</v>
      </c>
      <c r="G135037" s="16">
        <v>0</v>
      </c>
    </row>
    <row r="135038" spans="1:7" x14ac:dyDescent="0.3">
      <c r="A135038" s="13" t="s">
        <v>607</v>
      </c>
      <c r="B135038" s="14" t="s">
        <v>1</v>
      </c>
      <c r="C135038" s="14" t="s">
        <v>596</v>
      </c>
      <c r="D135038" s="14" t="s">
        <v>550</v>
      </c>
      <c r="E135038" s="15">
        <v>45729</v>
      </c>
      <c r="F135038" s="14" t="s">
        <v>61</v>
      </c>
      <c r="G135038" s="16">
        <v>0</v>
      </c>
    </row>
    <row r="135039" spans="1:7" x14ac:dyDescent="0.3">
      <c r="A135039" s="13" t="s">
        <v>607</v>
      </c>
      <c r="B135039" s="14" t="s">
        <v>1</v>
      </c>
      <c r="C135039" s="14" t="s">
        <v>596</v>
      </c>
      <c r="D135039" s="14" t="s">
        <v>550</v>
      </c>
      <c r="E135039" s="15">
        <v>45730</v>
      </c>
      <c r="F135039" s="14" t="s">
        <v>61</v>
      </c>
      <c r="G135039" s="16">
        <v>0</v>
      </c>
    </row>
    <row r="135040" spans="1:7" x14ac:dyDescent="0.3">
      <c r="A135040" s="13" t="s">
        <v>607</v>
      </c>
      <c r="B135040" s="14" t="s">
        <v>1</v>
      </c>
      <c r="C135040" s="14" t="s">
        <v>596</v>
      </c>
      <c r="D135040" s="14" t="s">
        <v>550</v>
      </c>
      <c r="E135040" s="15">
        <v>45731</v>
      </c>
      <c r="F135040" s="14" t="s">
        <v>61</v>
      </c>
      <c r="G135040" s="16">
        <v>0</v>
      </c>
    </row>
    <row r="135041" spans="1:7" x14ac:dyDescent="0.3">
      <c r="A135041" s="13" t="s">
        <v>607</v>
      </c>
      <c r="B135041" s="14" t="s">
        <v>1</v>
      </c>
      <c r="C135041" s="14" t="s">
        <v>596</v>
      </c>
      <c r="D135041" s="14" t="s">
        <v>550</v>
      </c>
      <c r="E135041" s="15">
        <v>45732</v>
      </c>
      <c r="F135041" s="14" t="s">
        <v>61</v>
      </c>
      <c r="G135041" s="16">
        <v>0</v>
      </c>
    </row>
    <row r="135042" spans="1:7" x14ac:dyDescent="0.3">
      <c r="A135042" s="13" t="s">
        <v>607</v>
      </c>
      <c r="B135042" s="14" t="s">
        <v>1</v>
      </c>
      <c r="C135042" s="14" t="s">
        <v>596</v>
      </c>
      <c r="D135042" s="14" t="s">
        <v>550</v>
      </c>
      <c r="E135042" s="15">
        <v>45733</v>
      </c>
      <c r="F135042" s="14" t="s">
        <v>61</v>
      </c>
      <c r="G135042" s="16">
        <v>0</v>
      </c>
    </row>
    <row r="135043" spans="1:7" x14ac:dyDescent="0.3">
      <c r="A135043" s="13" t="s">
        <v>607</v>
      </c>
      <c r="B135043" s="14" t="s">
        <v>1</v>
      </c>
      <c r="C135043" s="14" t="s">
        <v>596</v>
      </c>
      <c r="D135043" s="14" t="s">
        <v>550</v>
      </c>
      <c r="E135043" s="15">
        <v>45734</v>
      </c>
      <c r="F135043" s="14" t="s">
        <v>61</v>
      </c>
      <c r="G135043" s="16">
        <v>0</v>
      </c>
    </row>
    <row r="135044" spans="1:7" x14ac:dyDescent="0.3">
      <c r="A135044" s="13" t="s">
        <v>607</v>
      </c>
      <c r="B135044" s="14" t="s">
        <v>1</v>
      </c>
      <c r="C135044" s="14" t="s">
        <v>596</v>
      </c>
      <c r="D135044" s="14" t="s">
        <v>550</v>
      </c>
      <c r="E135044" s="15">
        <v>45735</v>
      </c>
      <c r="F135044" s="14" t="s">
        <v>61</v>
      </c>
      <c r="G135044" s="16">
        <v>0</v>
      </c>
    </row>
    <row r="135045" spans="1:7" x14ac:dyDescent="0.3">
      <c r="A135045" s="13" t="s">
        <v>607</v>
      </c>
      <c r="B135045" s="14" t="s">
        <v>1</v>
      </c>
      <c r="C135045" s="14" t="s">
        <v>596</v>
      </c>
      <c r="D135045" s="14" t="s">
        <v>550</v>
      </c>
      <c r="E135045" s="15">
        <v>45736</v>
      </c>
      <c r="F135045" s="14" t="s">
        <v>61</v>
      </c>
      <c r="G135045" s="16">
        <v>0</v>
      </c>
    </row>
    <row r="135046" spans="1:7" x14ac:dyDescent="0.3">
      <c r="A135046" s="13" t="s">
        <v>607</v>
      </c>
      <c r="B135046" s="14" t="s">
        <v>1</v>
      </c>
      <c r="C135046" s="14" t="s">
        <v>596</v>
      </c>
      <c r="D135046" s="14" t="s">
        <v>550</v>
      </c>
      <c r="E135046" s="15">
        <v>45737</v>
      </c>
      <c r="F135046" s="14" t="s">
        <v>61</v>
      </c>
      <c r="G135046" s="16">
        <v>0</v>
      </c>
    </row>
    <row r="135047" spans="1:7" x14ac:dyDescent="0.3">
      <c r="A135047" s="13" t="s">
        <v>607</v>
      </c>
      <c r="B135047" s="14" t="s">
        <v>1</v>
      </c>
      <c r="C135047" s="14" t="s">
        <v>596</v>
      </c>
      <c r="D135047" s="14" t="s">
        <v>550</v>
      </c>
      <c r="E135047" s="15">
        <v>45738</v>
      </c>
      <c r="F135047" s="14" t="s">
        <v>61</v>
      </c>
      <c r="G135047" s="16">
        <v>0</v>
      </c>
    </row>
    <row r="135048" spans="1:7" x14ac:dyDescent="0.3">
      <c r="A135048" s="13" t="s">
        <v>607</v>
      </c>
      <c r="B135048" s="14" t="s">
        <v>1</v>
      </c>
      <c r="C135048" s="14" t="s">
        <v>596</v>
      </c>
      <c r="D135048" s="14" t="s">
        <v>550</v>
      </c>
      <c r="E135048" s="15">
        <v>45739</v>
      </c>
      <c r="F135048" s="14" t="s">
        <v>61</v>
      </c>
      <c r="G135048" s="16">
        <v>0</v>
      </c>
    </row>
    <row r="135049" spans="1:7" x14ac:dyDescent="0.3">
      <c r="A135049" s="13" t="s">
        <v>607</v>
      </c>
      <c r="B135049" s="14" t="s">
        <v>1</v>
      </c>
      <c r="C135049" s="14" t="s">
        <v>596</v>
      </c>
      <c r="D135049" s="14" t="s">
        <v>550</v>
      </c>
      <c r="E135049" s="15">
        <v>45740</v>
      </c>
      <c r="F135049" s="14" t="s">
        <v>61</v>
      </c>
      <c r="G135049" s="16">
        <v>0</v>
      </c>
    </row>
    <row r="135050" spans="1:7" x14ac:dyDescent="0.3">
      <c r="A135050" s="13" t="s">
        <v>607</v>
      </c>
      <c r="B135050" s="14" t="s">
        <v>1</v>
      </c>
      <c r="C135050" s="14" t="s">
        <v>596</v>
      </c>
      <c r="D135050" s="14" t="s">
        <v>550</v>
      </c>
      <c r="E135050" s="15">
        <v>45741</v>
      </c>
      <c r="F135050" s="14" t="s">
        <v>61</v>
      </c>
      <c r="G135050" s="16">
        <v>0</v>
      </c>
    </row>
    <row r="135051" spans="1:7" x14ac:dyDescent="0.3">
      <c r="A135051" s="13" t="s">
        <v>607</v>
      </c>
      <c r="B135051" s="14" t="s">
        <v>1</v>
      </c>
      <c r="C135051" s="14" t="s">
        <v>596</v>
      </c>
      <c r="D135051" s="14" t="s">
        <v>550</v>
      </c>
      <c r="E135051" s="15">
        <v>45742</v>
      </c>
      <c r="F135051" s="14" t="s">
        <v>61</v>
      </c>
      <c r="G135051" s="16">
        <v>0</v>
      </c>
    </row>
    <row r="135052" spans="1:7" x14ac:dyDescent="0.3">
      <c r="A135052" s="13" t="s">
        <v>607</v>
      </c>
      <c r="B135052" s="14" t="s">
        <v>1</v>
      </c>
      <c r="C135052" s="14" t="s">
        <v>596</v>
      </c>
      <c r="D135052" s="14" t="s">
        <v>550</v>
      </c>
      <c r="E135052" s="15">
        <v>45743</v>
      </c>
      <c r="F135052" s="14" t="s">
        <v>61</v>
      </c>
      <c r="G135052" s="16">
        <v>0</v>
      </c>
    </row>
    <row r="135053" spans="1:7" x14ac:dyDescent="0.3">
      <c r="A135053" s="13" t="s">
        <v>607</v>
      </c>
      <c r="B135053" s="14" t="s">
        <v>1</v>
      </c>
      <c r="C135053" s="14" t="s">
        <v>596</v>
      </c>
      <c r="D135053" s="14" t="s">
        <v>550</v>
      </c>
      <c r="E135053" s="15">
        <v>45744</v>
      </c>
      <c r="F135053" s="14" t="s">
        <v>61</v>
      </c>
      <c r="G135053" s="16">
        <v>0</v>
      </c>
    </row>
    <row r="135054" spans="1:7" x14ac:dyDescent="0.3">
      <c r="A135054" s="13" t="s">
        <v>607</v>
      </c>
      <c r="B135054" s="14" t="s">
        <v>1</v>
      </c>
      <c r="C135054" s="14" t="s">
        <v>596</v>
      </c>
      <c r="D135054" s="14" t="s">
        <v>550</v>
      </c>
      <c r="E135054" s="15">
        <v>45745</v>
      </c>
      <c r="F135054" s="14" t="s">
        <v>61</v>
      </c>
      <c r="G135054" s="16">
        <v>0</v>
      </c>
    </row>
    <row r="135055" spans="1:7" x14ac:dyDescent="0.3">
      <c r="A135055" s="13" t="s">
        <v>607</v>
      </c>
      <c r="B135055" s="14" t="s">
        <v>1</v>
      </c>
      <c r="C135055" s="14" t="s">
        <v>596</v>
      </c>
      <c r="D135055" s="14" t="s">
        <v>550</v>
      </c>
      <c r="E135055" s="15">
        <v>45746</v>
      </c>
      <c r="F135055" s="14" t="s">
        <v>61</v>
      </c>
      <c r="G135055" s="16">
        <v>0</v>
      </c>
    </row>
    <row r="135056" spans="1:7" x14ac:dyDescent="0.3">
      <c r="A135056" s="13" t="s">
        <v>607</v>
      </c>
      <c r="B135056" s="14" t="s">
        <v>1</v>
      </c>
      <c r="C135056" s="14" t="s">
        <v>596</v>
      </c>
      <c r="D135056" s="14" t="s">
        <v>550</v>
      </c>
      <c r="E135056" s="15">
        <v>45747</v>
      </c>
      <c r="F135056" s="14" t="s">
        <v>61</v>
      </c>
      <c r="G135056" s="16">
        <v>0</v>
      </c>
    </row>
    <row r="135057" spans="1:7" x14ac:dyDescent="0.3">
      <c r="A135057" s="13" t="s">
        <v>608</v>
      </c>
      <c r="B135057" s="14" t="s">
        <v>1</v>
      </c>
      <c r="C135057" s="14" t="s">
        <v>596</v>
      </c>
      <c r="D135057" s="14" t="s">
        <v>244</v>
      </c>
      <c r="E135057" s="15">
        <v>45383</v>
      </c>
      <c r="F135057" s="14" t="s">
        <v>61</v>
      </c>
      <c r="G135057" s="16">
        <v>0</v>
      </c>
    </row>
    <row r="135058" spans="1:7" x14ac:dyDescent="0.3">
      <c r="A135058" s="13" t="s">
        <v>608</v>
      </c>
      <c r="B135058" s="14" t="s">
        <v>1</v>
      </c>
      <c r="C135058" s="14" t="s">
        <v>596</v>
      </c>
      <c r="D135058" s="14" t="s">
        <v>244</v>
      </c>
      <c r="E135058" s="15">
        <v>45384</v>
      </c>
      <c r="F135058" s="14" t="s">
        <v>61</v>
      </c>
      <c r="G135058" s="16">
        <v>0</v>
      </c>
    </row>
    <row r="135059" spans="1:7" x14ac:dyDescent="0.3">
      <c r="A135059" s="13" t="s">
        <v>608</v>
      </c>
      <c r="B135059" s="14" t="s">
        <v>1</v>
      </c>
      <c r="C135059" s="14" t="s">
        <v>596</v>
      </c>
      <c r="D135059" s="14" t="s">
        <v>244</v>
      </c>
      <c r="E135059" s="15">
        <v>45385</v>
      </c>
      <c r="F135059" s="14" t="s">
        <v>61</v>
      </c>
      <c r="G135059" s="16">
        <v>0</v>
      </c>
    </row>
    <row r="135060" spans="1:7" x14ac:dyDescent="0.3">
      <c r="A135060" s="13" t="s">
        <v>608</v>
      </c>
      <c r="B135060" s="14" t="s">
        <v>1</v>
      </c>
      <c r="C135060" s="14" t="s">
        <v>596</v>
      </c>
      <c r="D135060" s="14" t="s">
        <v>244</v>
      </c>
      <c r="E135060" s="15">
        <v>45386</v>
      </c>
      <c r="F135060" s="14" t="s">
        <v>61</v>
      </c>
      <c r="G135060" s="16">
        <v>0</v>
      </c>
    </row>
    <row r="135061" spans="1:7" x14ac:dyDescent="0.3">
      <c r="A135061" s="13" t="s">
        <v>608</v>
      </c>
      <c r="B135061" s="14" t="s">
        <v>1</v>
      </c>
      <c r="C135061" s="14" t="s">
        <v>596</v>
      </c>
      <c r="D135061" s="14" t="s">
        <v>244</v>
      </c>
      <c r="E135061" s="15">
        <v>45387</v>
      </c>
      <c r="F135061" s="14" t="s">
        <v>61</v>
      </c>
      <c r="G135061" s="16">
        <v>0</v>
      </c>
    </row>
    <row r="135062" spans="1:7" x14ac:dyDescent="0.3">
      <c r="A135062" s="13" t="s">
        <v>608</v>
      </c>
      <c r="B135062" s="14" t="s">
        <v>1</v>
      </c>
      <c r="C135062" s="14" t="s">
        <v>596</v>
      </c>
      <c r="D135062" s="14" t="s">
        <v>244</v>
      </c>
      <c r="E135062" s="15">
        <v>45388</v>
      </c>
      <c r="F135062" s="14" t="s">
        <v>61</v>
      </c>
      <c r="G135062" s="16">
        <v>0</v>
      </c>
    </row>
    <row r="135063" spans="1:7" x14ac:dyDescent="0.3">
      <c r="A135063" s="13" t="s">
        <v>608</v>
      </c>
      <c r="B135063" s="14" t="s">
        <v>1</v>
      </c>
      <c r="C135063" s="14" t="s">
        <v>596</v>
      </c>
      <c r="D135063" s="14" t="s">
        <v>244</v>
      </c>
      <c r="E135063" s="15">
        <v>45389</v>
      </c>
      <c r="F135063" s="14" t="s">
        <v>61</v>
      </c>
      <c r="G135063" s="16">
        <v>0</v>
      </c>
    </row>
    <row r="135064" spans="1:7" x14ac:dyDescent="0.3">
      <c r="A135064" s="13" t="s">
        <v>608</v>
      </c>
      <c r="B135064" s="14" t="s">
        <v>1</v>
      </c>
      <c r="C135064" s="14" t="s">
        <v>596</v>
      </c>
      <c r="D135064" s="14" t="s">
        <v>244</v>
      </c>
      <c r="E135064" s="15">
        <v>45390</v>
      </c>
      <c r="F135064" s="14" t="s">
        <v>61</v>
      </c>
      <c r="G135064" s="16">
        <v>0</v>
      </c>
    </row>
    <row r="135065" spans="1:7" x14ac:dyDescent="0.3">
      <c r="A135065" s="13" t="s">
        <v>608</v>
      </c>
      <c r="B135065" s="14" t="s">
        <v>1</v>
      </c>
      <c r="C135065" s="14" t="s">
        <v>596</v>
      </c>
      <c r="D135065" s="14" t="s">
        <v>244</v>
      </c>
      <c r="E135065" s="15">
        <v>45391</v>
      </c>
      <c r="F135065" s="14" t="s">
        <v>61</v>
      </c>
      <c r="G135065" s="16">
        <v>0</v>
      </c>
    </row>
    <row r="135066" spans="1:7" x14ac:dyDescent="0.3">
      <c r="A135066" s="13" t="s">
        <v>608</v>
      </c>
      <c r="B135066" s="14" t="s">
        <v>1</v>
      </c>
      <c r="C135066" s="14" t="s">
        <v>596</v>
      </c>
      <c r="D135066" s="14" t="s">
        <v>244</v>
      </c>
      <c r="E135066" s="15">
        <v>45392</v>
      </c>
      <c r="F135066" s="14" t="s">
        <v>61</v>
      </c>
      <c r="G135066" s="16">
        <v>0</v>
      </c>
    </row>
    <row r="135067" spans="1:7" x14ac:dyDescent="0.3">
      <c r="A135067" s="13" t="s">
        <v>608</v>
      </c>
      <c r="B135067" s="14" t="s">
        <v>1</v>
      </c>
      <c r="C135067" s="14" t="s">
        <v>596</v>
      </c>
      <c r="D135067" s="14" t="s">
        <v>244</v>
      </c>
      <c r="E135067" s="15">
        <v>45393</v>
      </c>
      <c r="F135067" s="14" t="s">
        <v>61</v>
      </c>
      <c r="G135067" s="16">
        <v>0</v>
      </c>
    </row>
    <row r="135068" spans="1:7" x14ac:dyDescent="0.3">
      <c r="A135068" s="13" t="s">
        <v>608</v>
      </c>
      <c r="B135068" s="14" t="s">
        <v>1</v>
      </c>
      <c r="C135068" s="14" t="s">
        <v>596</v>
      </c>
      <c r="D135068" s="14" t="s">
        <v>244</v>
      </c>
      <c r="E135068" s="15">
        <v>45394</v>
      </c>
      <c r="F135068" s="14" t="s">
        <v>61</v>
      </c>
      <c r="G135068" s="16">
        <v>0</v>
      </c>
    </row>
    <row r="135069" spans="1:7" x14ac:dyDescent="0.3">
      <c r="A135069" s="13" t="s">
        <v>608</v>
      </c>
      <c r="B135069" s="14" t="s">
        <v>1</v>
      </c>
      <c r="C135069" s="14" t="s">
        <v>596</v>
      </c>
      <c r="D135069" s="14" t="s">
        <v>244</v>
      </c>
      <c r="E135069" s="15">
        <v>45395</v>
      </c>
      <c r="F135069" s="14" t="s">
        <v>61</v>
      </c>
      <c r="G135069" s="16">
        <v>0</v>
      </c>
    </row>
    <row r="135070" spans="1:7" x14ac:dyDescent="0.3">
      <c r="A135070" s="13" t="s">
        <v>608</v>
      </c>
      <c r="B135070" s="14" t="s">
        <v>1</v>
      </c>
      <c r="C135070" s="14" t="s">
        <v>596</v>
      </c>
      <c r="D135070" s="14" t="s">
        <v>244</v>
      </c>
      <c r="E135070" s="15">
        <v>45396</v>
      </c>
      <c r="F135070" s="14" t="s">
        <v>61</v>
      </c>
      <c r="G135070" s="16">
        <v>0</v>
      </c>
    </row>
    <row r="135071" spans="1:7" x14ac:dyDescent="0.3">
      <c r="A135071" s="13" t="s">
        <v>608</v>
      </c>
      <c r="B135071" s="14" t="s">
        <v>1</v>
      </c>
      <c r="C135071" s="14" t="s">
        <v>596</v>
      </c>
      <c r="D135071" s="14" t="s">
        <v>244</v>
      </c>
      <c r="E135071" s="15">
        <v>45397</v>
      </c>
      <c r="F135071" s="14" t="s">
        <v>61</v>
      </c>
      <c r="G135071" s="16">
        <v>0</v>
      </c>
    </row>
    <row r="135072" spans="1:7" x14ac:dyDescent="0.3">
      <c r="A135072" s="13" t="s">
        <v>608</v>
      </c>
      <c r="B135072" s="14" t="s">
        <v>1</v>
      </c>
      <c r="C135072" s="14" t="s">
        <v>596</v>
      </c>
      <c r="D135072" s="14" t="s">
        <v>244</v>
      </c>
      <c r="E135072" s="15">
        <v>45398</v>
      </c>
      <c r="F135072" s="14" t="s">
        <v>61</v>
      </c>
      <c r="G135072" s="16">
        <v>0</v>
      </c>
    </row>
    <row r="135073" spans="1:7" x14ac:dyDescent="0.3">
      <c r="A135073" s="13" t="s">
        <v>608</v>
      </c>
      <c r="B135073" s="14" t="s">
        <v>1</v>
      </c>
      <c r="C135073" s="14" t="s">
        <v>596</v>
      </c>
      <c r="D135073" s="14" t="s">
        <v>244</v>
      </c>
      <c r="E135073" s="15">
        <v>45399</v>
      </c>
      <c r="F135073" s="14" t="s">
        <v>61</v>
      </c>
      <c r="G135073" s="16">
        <v>0</v>
      </c>
    </row>
    <row r="135074" spans="1:7" x14ac:dyDescent="0.3">
      <c r="A135074" s="13" t="s">
        <v>608</v>
      </c>
      <c r="B135074" s="14" t="s">
        <v>1</v>
      </c>
      <c r="C135074" s="14" t="s">
        <v>596</v>
      </c>
      <c r="D135074" s="14" t="s">
        <v>244</v>
      </c>
      <c r="E135074" s="15">
        <v>45400</v>
      </c>
      <c r="F135074" s="14" t="s">
        <v>61</v>
      </c>
      <c r="G135074" s="16">
        <v>0</v>
      </c>
    </row>
    <row r="135075" spans="1:7" x14ac:dyDescent="0.3">
      <c r="A135075" s="13" t="s">
        <v>608</v>
      </c>
      <c r="B135075" s="14" t="s">
        <v>1</v>
      </c>
      <c r="C135075" s="14" t="s">
        <v>596</v>
      </c>
      <c r="D135075" s="14" t="s">
        <v>244</v>
      </c>
      <c r="E135075" s="15">
        <v>45401</v>
      </c>
      <c r="F135075" s="14" t="s">
        <v>61</v>
      </c>
      <c r="G135075" s="16">
        <v>0</v>
      </c>
    </row>
    <row r="135076" spans="1:7" x14ac:dyDescent="0.3">
      <c r="A135076" s="13" t="s">
        <v>608</v>
      </c>
      <c r="B135076" s="14" t="s">
        <v>1</v>
      </c>
      <c r="C135076" s="14" t="s">
        <v>596</v>
      </c>
      <c r="D135076" s="14" t="s">
        <v>244</v>
      </c>
      <c r="E135076" s="15">
        <v>45402</v>
      </c>
      <c r="F135076" s="14" t="s">
        <v>61</v>
      </c>
      <c r="G135076" s="16">
        <v>0</v>
      </c>
    </row>
    <row r="135077" spans="1:7" x14ac:dyDescent="0.3">
      <c r="A135077" s="13" t="s">
        <v>608</v>
      </c>
      <c r="B135077" s="14" t="s">
        <v>1</v>
      </c>
      <c r="C135077" s="14" t="s">
        <v>596</v>
      </c>
      <c r="D135077" s="14" t="s">
        <v>244</v>
      </c>
      <c r="E135077" s="15">
        <v>45403</v>
      </c>
      <c r="F135077" s="14" t="s">
        <v>61</v>
      </c>
      <c r="G135077" s="16">
        <v>0</v>
      </c>
    </row>
    <row r="135078" spans="1:7" x14ac:dyDescent="0.3">
      <c r="A135078" s="13" t="s">
        <v>608</v>
      </c>
      <c r="B135078" s="14" t="s">
        <v>1</v>
      </c>
      <c r="C135078" s="14" t="s">
        <v>596</v>
      </c>
      <c r="D135078" s="14" t="s">
        <v>244</v>
      </c>
      <c r="E135078" s="15">
        <v>45404</v>
      </c>
      <c r="F135078" s="14" t="s">
        <v>61</v>
      </c>
      <c r="G135078" s="16">
        <v>0</v>
      </c>
    </row>
    <row r="135079" spans="1:7" x14ac:dyDescent="0.3">
      <c r="A135079" s="13" t="s">
        <v>608</v>
      </c>
      <c r="B135079" s="14" t="s">
        <v>1</v>
      </c>
      <c r="C135079" s="14" t="s">
        <v>596</v>
      </c>
      <c r="D135079" s="14" t="s">
        <v>244</v>
      </c>
      <c r="E135079" s="15">
        <v>45405</v>
      </c>
      <c r="F135079" s="14" t="s">
        <v>61</v>
      </c>
      <c r="G135079" s="16">
        <v>0</v>
      </c>
    </row>
    <row r="135080" spans="1:7" x14ac:dyDescent="0.3">
      <c r="A135080" s="13" t="s">
        <v>608</v>
      </c>
      <c r="B135080" s="14" t="s">
        <v>1</v>
      </c>
      <c r="C135080" s="14" t="s">
        <v>596</v>
      </c>
      <c r="D135080" s="14" t="s">
        <v>244</v>
      </c>
      <c r="E135080" s="15">
        <v>45406</v>
      </c>
      <c r="F135080" s="14" t="s">
        <v>61</v>
      </c>
      <c r="G135080" s="16">
        <v>0</v>
      </c>
    </row>
    <row r="135081" spans="1:7" x14ac:dyDescent="0.3">
      <c r="A135081" s="13" t="s">
        <v>608</v>
      </c>
      <c r="B135081" s="14" t="s">
        <v>1</v>
      </c>
      <c r="C135081" s="14" t="s">
        <v>596</v>
      </c>
      <c r="D135081" s="14" t="s">
        <v>244</v>
      </c>
      <c r="E135081" s="15">
        <v>45407</v>
      </c>
      <c r="F135081" s="14" t="s">
        <v>61</v>
      </c>
      <c r="G135081" s="16">
        <v>0</v>
      </c>
    </row>
    <row r="135082" spans="1:7" x14ac:dyDescent="0.3">
      <c r="A135082" s="13" t="s">
        <v>608</v>
      </c>
      <c r="B135082" s="14" t="s">
        <v>1</v>
      </c>
      <c r="C135082" s="14" t="s">
        <v>596</v>
      </c>
      <c r="D135082" s="14" t="s">
        <v>244</v>
      </c>
      <c r="E135082" s="15">
        <v>45408</v>
      </c>
      <c r="F135082" s="14" t="s">
        <v>61</v>
      </c>
      <c r="G135082" s="16">
        <v>0</v>
      </c>
    </row>
    <row r="135083" spans="1:7" x14ac:dyDescent="0.3">
      <c r="A135083" s="13" t="s">
        <v>608</v>
      </c>
      <c r="B135083" s="14" t="s">
        <v>1</v>
      </c>
      <c r="C135083" s="14" t="s">
        <v>596</v>
      </c>
      <c r="D135083" s="14" t="s">
        <v>244</v>
      </c>
      <c r="E135083" s="15">
        <v>45409</v>
      </c>
      <c r="F135083" s="14" t="s">
        <v>61</v>
      </c>
      <c r="G135083" s="16">
        <v>0</v>
      </c>
    </row>
    <row r="135084" spans="1:7" x14ac:dyDescent="0.3">
      <c r="A135084" s="13" t="s">
        <v>608</v>
      </c>
      <c r="B135084" s="14" t="s">
        <v>1</v>
      </c>
      <c r="C135084" s="14" t="s">
        <v>596</v>
      </c>
      <c r="D135084" s="14" t="s">
        <v>244</v>
      </c>
      <c r="E135084" s="15">
        <v>45410</v>
      </c>
      <c r="F135084" s="14" t="s">
        <v>61</v>
      </c>
      <c r="G135084" s="16">
        <v>0</v>
      </c>
    </row>
    <row r="135085" spans="1:7" x14ac:dyDescent="0.3">
      <c r="A135085" s="13" t="s">
        <v>608</v>
      </c>
      <c r="B135085" s="14" t="s">
        <v>1</v>
      </c>
      <c r="C135085" s="14" t="s">
        <v>596</v>
      </c>
      <c r="D135085" s="14" t="s">
        <v>244</v>
      </c>
      <c r="E135085" s="15">
        <v>45411</v>
      </c>
      <c r="F135085" s="14" t="s">
        <v>61</v>
      </c>
      <c r="G135085" s="16">
        <v>0</v>
      </c>
    </row>
    <row r="135086" spans="1:7" x14ac:dyDescent="0.3">
      <c r="A135086" s="13" t="s">
        <v>608</v>
      </c>
      <c r="B135086" s="14" t="s">
        <v>1</v>
      </c>
      <c r="C135086" s="14" t="s">
        <v>596</v>
      </c>
      <c r="D135086" s="14" t="s">
        <v>244</v>
      </c>
      <c r="E135086" s="15">
        <v>45412</v>
      </c>
      <c r="F135086" s="14" t="s">
        <v>61</v>
      </c>
      <c r="G135086" s="16">
        <v>0</v>
      </c>
    </row>
    <row r="135087" spans="1:7" x14ac:dyDescent="0.3">
      <c r="A135087" s="13" t="s">
        <v>608</v>
      </c>
      <c r="B135087" s="14" t="s">
        <v>1</v>
      </c>
      <c r="C135087" s="14" t="s">
        <v>596</v>
      </c>
      <c r="D135087" s="14" t="s">
        <v>244</v>
      </c>
      <c r="E135087" s="15">
        <v>45413</v>
      </c>
      <c r="F135087" s="14" t="s">
        <v>61</v>
      </c>
      <c r="G135087" s="16">
        <v>0</v>
      </c>
    </row>
    <row r="135088" spans="1:7" x14ac:dyDescent="0.3">
      <c r="A135088" s="13" t="s">
        <v>608</v>
      </c>
      <c r="B135088" s="14" t="s">
        <v>1</v>
      </c>
      <c r="C135088" s="14" t="s">
        <v>596</v>
      </c>
      <c r="D135088" s="14" t="s">
        <v>244</v>
      </c>
      <c r="E135088" s="15">
        <v>45414</v>
      </c>
      <c r="F135088" s="14" t="s">
        <v>61</v>
      </c>
      <c r="G135088" s="16">
        <v>0</v>
      </c>
    </row>
    <row r="135089" spans="1:7" x14ac:dyDescent="0.3">
      <c r="A135089" s="13" t="s">
        <v>608</v>
      </c>
      <c r="B135089" s="14" t="s">
        <v>1</v>
      </c>
      <c r="C135089" s="14" t="s">
        <v>596</v>
      </c>
      <c r="D135089" s="14" t="s">
        <v>244</v>
      </c>
      <c r="E135089" s="15">
        <v>45415</v>
      </c>
      <c r="F135089" s="14" t="s">
        <v>61</v>
      </c>
      <c r="G135089" s="16">
        <v>0</v>
      </c>
    </row>
    <row r="135090" spans="1:7" x14ac:dyDescent="0.3">
      <c r="A135090" s="13" t="s">
        <v>608</v>
      </c>
      <c r="B135090" s="14" t="s">
        <v>1</v>
      </c>
      <c r="C135090" s="14" t="s">
        <v>596</v>
      </c>
      <c r="D135090" s="14" t="s">
        <v>244</v>
      </c>
      <c r="E135090" s="15">
        <v>45416</v>
      </c>
      <c r="F135090" s="14" t="s">
        <v>61</v>
      </c>
      <c r="G135090" s="16">
        <v>0</v>
      </c>
    </row>
    <row r="135091" spans="1:7" x14ac:dyDescent="0.3">
      <c r="A135091" s="13" t="s">
        <v>608</v>
      </c>
      <c r="B135091" s="14" t="s">
        <v>1</v>
      </c>
      <c r="C135091" s="14" t="s">
        <v>596</v>
      </c>
      <c r="D135091" s="14" t="s">
        <v>244</v>
      </c>
      <c r="E135091" s="15">
        <v>45417</v>
      </c>
      <c r="F135091" s="14" t="s">
        <v>61</v>
      </c>
      <c r="G135091" s="16">
        <v>0</v>
      </c>
    </row>
    <row r="135092" spans="1:7" x14ac:dyDescent="0.3">
      <c r="A135092" s="13" t="s">
        <v>608</v>
      </c>
      <c r="B135092" s="14" t="s">
        <v>1</v>
      </c>
      <c r="C135092" s="14" t="s">
        <v>596</v>
      </c>
      <c r="D135092" s="14" t="s">
        <v>244</v>
      </c>
      <c r="E135092" s="15">
        <v>45418</v>
      </c>
      <c r="F135092" s="14" t="s">
        <v>61</v>
      </c>
      <c r="G135092" s="16">
        <v>0</v>
      </c>
    </row>
    <row r="135093" spans="1:7" x14ac:dyDescent="0.3">
      <c r="A135093" s="13" t="s">
        <v>608</v>
      </c>
      <c r="B135093" s="14" t="s">
        <v>1</v>
      </c>
      <c r="C135093" s="14" t="s">
        <v>596</v>
      </c>
      <c r="D135093" s="14" t="s">
        <v>244</v>
      </c>
      <c r="E135093" s="15">
        <v>45419</v>
      </c>
      <c r="F135093" s="14" t="s">
        <v>61</v>
      </c>
      <c r="G135093" s="16">
        <v>0</v>
      </c>
    </row>
    <row r="135094" spans="1:7" x14ac:dyDescent="0.3">
      <c r="A135094" s="13" t="s">
        <v>608</v>
      </c>
      <c r="B135094" s="14" t="s">
        <v>1</v>
      </c>
      <c r="C135094" s="14" t="s">
        <v>596</v>
      </c>
      <c r="D135094" s="14" t="s">
        <v>244</v>
      </c>
      <c r="E135094" s="15">
        <v>45420</v>
      </c>
      <c r="F135094" s="14" t="s">
        <v>61</v>
      </c>
      <c r="G135094" s="16">
        <v>0</v>
      </c>
    </row>
    <row r="135095" spans="1:7" x14ac:dyDescent="0.3">
      <c r="A135095" s="13" t="s">
        <v>608</v>
      </c>
      <c r="B135095" s="14" t="s">
        <v>1</v>
      </c>
      <c r="C135095" s="14" t="s">
        <v>596</v>
      </c>
      <c r="D135095" s="14" t="s">
        <v>244</v>
      </c>
      <c r="E135095" s="15">
        <v>45421</v>
      </c>
      <c r="F135095" s="14" t="s">
        <v>61</v>
      </c>
      <c r="G135095" s="16">
        <v>0</v>
      </c>
    </row>
    <row r="135096" spans="1:7" x14ac:dyDescent="0.3">
      <c r="A135096" s="13" t="s">
        <v>608</v>
      </c>
      <c r="B135096" s="14" t="s">
        <v>1</v>
      </c>
      <c r="C135096" s="14" t="s">
        <v>596</v>
      </c>
      <c r="D135096" s="14" t="s">
        <v>244</v>
      </c>
      <c r="E135096" s="15">
        <v>45422</v>
      </c>
      <c r="F135096" s="14" t="s">
        <v>61</v>
      </c>
      <c r="G135096" s="16">
        <v>0</v>
      </c>
    </row>
    <row r="135097" spans="1:7" x14ac:dyDescent="0.3">
      <c r="A135097" s="13" t="s">
        <v>608</v>
      </c>
      <c r="B135097" s="14" t="s">
        <v>1</v>
      </c>
      <c r="C135097" s="14" t="s">
        <v>596</v>
      </c>
      <c r="D135097" s="14" t="s">
        <v>244</v>
      </c>
      <c r="E135097" s="15">
        <v>45423</v>
      </c>
      <c r="F135097" s="14" t="s">
        <v>61</v>
      </c>
      <c r="G135097" s="16">
        <v>0</v>
      </c>
    </row>
    <row r="135098" spans="1:7" x14ac:dyDescent="0.3">
      <c r="A135098" s="13" t="s">
        <v>608</v>
      </c>
      <c r="B135098" s="14" t="s">
        <v>1</v>
      </c>
      <c r="C135098" s="14" t="s">
        <v>596</v>
      </c>
      <c r="D135098" s="14" t="s">
        <v>244</v>
      </c>
      <c r="E135098" s="15">
        <v>45424</v>
      </c>
      <c r="F135098" s="14" t="s">
        <v>61</v>
      </c>
      <c r="G135098" s="16">
        <v>0</v>
      </c>
    </row>
    <row r="135099" spans="1:7" x14ac:dyDescent="0.3">
      <c r="A135099" s="13" t="s">
        <v>608</v>
      </c>
      <c r="B135099" s="14" t="s">
        <v>1</v>
      </c>
      <c r="C135099" s="14" t="s">
        <v>596</v>
      </c>
      <c r="D135099" s="14" t="s">
        <v>244</v>
      </c>
      <c r="E135099" s="15">
        <v>45425</v>
      </c>
      <c r="F135099" s="14" t="s">
        <v>61</v>
      </c>
      <c r="G135099" s="16">
        <v>0</v>
      </c>
    </row>
    <row r="135100" spans="1:7" x14ac:dyDescent="0.3">
      <c r="A135100" s="13" t="s">
        <v>608</v>
      </c>
      <c r="B135100" s="14" t="s">
        <v>1</v>
      </c>
      <c r="C135100" s="14" t="s">
        <v>596</v>
      </c>
      <c r="D135100" s="14" t="s">
        <v>244</v>
      </c>
      <c r="E135100" s="15">
        <v>45426</v>
      </c>
      <c r="F135100" s="14" t="s">
        <v>61</v>
      </c>
      <c r="G135100" s="16">
        <v>0</v>
      </c>
    </row>
    <row r="135101" spans="1:7" x14ac:dyDescent="0.3">
      <c r="A135101" s="13" t="s">
        <v>608</v>
      </c>
      <c r="B135101" s="14" t="s">
        <v>1</v>
      </c>
      <c r="C135101" s="14" t="s">
        <v>596</v>
      </c>
      <c r="D135101" s="14" t="s">
        <v>244</v>
      </c>
      <c r="E135101" s="15">
        <v>45427</v>
      </c>
      <c r="F135101" s="14" t="s">
        <v>61</v>
      </c>
      <c r="G135101" s="16">
        <v>0</v>
      </c>
    </row>
    <row r="135102" spans="1:7" x14ac:dyDescent="0.3">
      <c r="A135102" s="13" t="s">
        <v>608</v>
      </c>
      <c r="B135102" s="14" t="s">
        <v>1</v>
      </c>
      <c r="C135102" s="14" t="s">
        <v>596</v>
      </c>
      <c r="D135102" s="14" t="s">
        <v>244</v>
      </c>
      <c r="E135102" s="15">
        <v>45428</v>
      </c>
      <c r="F135102" s="14" t="s">
        <v>61</v>
      </c>
      <c r="G135102" s="16">
        <v>0</v>
      </c>
    </row>
    <row r="135103" spans="1:7" x14ac:dyDescent="0.3">
      <c r="A135103" s="13" t="s">
        <v>608</v>
      </c>
      <c r="B135103" s="14" t="s">
        <v>1</v>
      </c>
      <c r="C135103" s="14" t="s">
        <v>596</v>
      </c>
      <c r="D135103" s="14" t="s">
        <v>244</v>
      </c>
      <c r="E135103" s="15">
        <v>45429</v>
      </c>
      <c r="F135103" s="14" t="s">
        <v>61</v>
      </c>
      <c r="G135103" s="16">
        <v>0</v>
      </c>
    </row>
    <row r="135104" spans="1:7" x14ac:dyDescent="0.3">
      <c r="A135104" s="13" t="s">
        <v>608</v>
      </c>
      <c r="B135104" s="14" t="s">
        <v>1</v>
      </c>
      <c r="C135104" s="14" t="s">
        <v>596</v>
      </c>
      <c r="D135104" s="14" t="s">
        <v>244</v>
      </c>
      <c r="E135104" s="15">
        <v>45430</v>
      </c>
      <c r="F135104" s="14" t="s">
        <v>61</v>
      </c>
      <c r="G135104" s="16">
        <v>0</v>
      </c>
    </row>
    <row r="135105" spans="1:7" x14ac:dyDescent="0.3">
      <c r="A135105" s="13" t="s">
        <v>608</v>
      </c>
      <c r="B135105" s="14" t="s">
        <v>1</v>
      </c>
      <c r="C135105" s="14" t="s">
        <v>596</v>
      </c>
      <c r="D135105" s="14" t="s">
        <v>244</v>
      </c>
      <c r="E135105" s="15">
        <v>45431</v>
      </c>
      <c r="F135105" s="14" t="s">
        <v>61</v>
      </c>
      <c r="G135105" s="16">
        <v>0</v>
      </c>
    </row>
    <row r="135106" spans="1:7" x14ac:dyDescent="0.3">
      <c r="A135106" s="13" t="s">
        <v>608</v>
      </c>
      <c r="B135106" s="14" t="s">
        <v>1</v>
      </c>
      <c r="C135106" s="14" t="s">
        <v>596</v>
      </c>
      <c r="D135106" s="14" t="s">
        <v>244</v>
      </c>
      <c r="E135106" s="15">
        <v>45432</v>
      </c>
      <c r="F135106" s="14" t="s">
        <v>61</v>
      </c>
      <c r="G135106" s="16">
        <v>0</v>
      </c>
    </row>
    <row r="135107" spans="1:7" x14ac:dyDescent="0.3">
      <c r="A135107" s="13" t="s">
        <v>608</v>
      </c>
      <c r="B135107" s="14" t="s">
        <v>1</v>
      </c>
      <c r="C135107" s="14" t="s">
        <v>596</v>
      </c>
      <c r="D135107" s="14" t="s">
        <v>244</v>
      </c>
      <c r="E135107" s="15">
        <v>45433</v>
      </c>
      <c r="F135107" s="14" t="s">
        <v>61</v>
      </c>
      <c r="G135107" s="16">
        <v>0</v>
      </c>
    </row>
    <row r="135108" spans="1:7" x14ac:dyDescent="0.3">
      <c r="A135108" s="13" t="s">
        <v>608</v>
      </c>
      <c r="B135108" s="14" t="s">
        <v>1</v>
      </c>
      <c r="C135108" s="14" t="s">
        <v>596</v>
      </c>
      <c r="D135108" s="14" t="s">
        <v>244</v>
      </c>
      <c r="E135108" s="15">
        <v>45434</v>
      </c>
      <c r="F135108" s="14" t="s">
        <v>61</v>
      </c>
      <c r="G135108" s="16">
        <v>0</v>
      </c>
    </row>
    <row r="135109" spans="1:7" x14ac:dyDescent="0.3">
      <c r="A135109" s="13" t="s">
        <v>608</v>
      </c>
      <c r="B135109" s="14" t="s">
        <v>1</v>
      </c>
      <c r="C135109" s="14" t="s">
        <v>596</v>
      </c>
      <c r="D135109" s="14" t="s">
        <v>244</v>
      </c>
      <c r="E135109" s="15">
        <v>45435</v>
      </c>
      <c r="F135109" s="14" t="s">
        <v>61</v>
      </c>
      <c r="G135109" s="16">
        <v>0</v>
      </c>
    </row>
    <row r="135110" spans="1:7" x14ac:dyDescent="0.3">
      <c r="A135110" s="13" t="s">
        <v>608</v>
      </c>
      <c r="B135110" s="14" t="s">
        <v>1</v>
      </c>
      <c r="C135110" s="14" t="s">
        <v>596</v>
      </c>
      <c r="D135110" s="14" t="s">
        <v>244</v>
      </c>
      <c r="E135110" s="15">
        <v>45436</v>
      </c>
      <c r="F135110" s="14" t="s">
        <v>61</v>
      </c>
      <c r="G135110" s="16">
        <v>0</v>
      </c>
    </row>
    <row r="135111" spans="1:7" x14ac:dyDescent="0.3">
      <c r="A135111" s="13" t="s">
        <v>608</v>
      </c>
      <c r="B135111" s="14" t="s">
        <v>1</v>
      </c>
      <c r="C135111" s="14" t="s">
        <v>596</v>
      </c>
      <c r="D135111" s="14" t="s">
        <v>244</v>
      </c>
      <c r="E135111" s="15">
        <v>45437</v>
      </c>
      <c r="F135111" s="14" t="s">
        <v>61</v>
      </c>
      <c r="G135111" s="16">
        <v>0</v>
      </c>
    </row>
    <row r="135112" spans="1:7" x14ac:dyDescent="0.3">
      <c r="A135112" s="13" t="s">
        <v>608</v>
      </c>
      <c r="B135112" s="14" t="s">
        <v>1</v>
      </c>
      <c r="C135112" s="14" t="s">
        <v>596</v>
      </c>
      <c r="D135112" s="14" t="s">
        <v>244</v>
      </c>
      <c r="E135112" s="15">
        <v>45438</v>
      </c>
      <c r="F135112" s="14" t="s">
        <v>61</v>
      </c>
      <c r="G135112" s="16">
        <v>0</v>
      </c>
    </row>
    <row r="135113" spans="1:7" x14ac:dyDescent="0.3">
      <c r="A135113" s="13" t="s">
        <v>608</v>
      </c>
      <c r="B135113" s="14" t="s">
        <v>1</v>
      </c>
      <c r="C135113" s="14" t="s">
        <v>596</v>
      </c>
      <c r="D135113" s="14" t="s">
        <v>244</v>
      </c>
      <c r="E135113" s="15">
        <v>45439</v>
      </c>
      <c r="F135113" s="14" t="s">
        <v>61</v>
      </c>
      <c r="G135113" s="16">
        <v>0</v>
      </c>
    </row>
    <row r="135114" spans="1:7" x14ac:dyDescent="0.3">
      <c r="A135114" s="13" t="s">
        <v>608</v>
      </c>
      <c r="B135114" s="14" t="s">
        <v>1</v>
      </c>
      <c r="C135114" s="14" t="s">
        <v>596</v>
      </c>
      <c r="D135114" s="14" t="s">
        <v>244</v>
      </c>
      <c r="E135114" s="15">
        <v>45440</v>
      </c>
      <c r="F135114" s="14" t="s">
        <v>61</v>
      </c>
      <c r="G135114" s="16">
        <v>0</v>
      </c>
    </row>
    <row r="135115" spans="1:7" x14ac:dyDescent="0.3">
      <c r="A135115" s="13" t="s">
        <v>608</v>
      </c>
      <c r="B135115" s="14" t="s">
        <v>1</v>
      </c>
      <c r="C135115" s="14" t="s">
        <v>596</v>
      </c>
      <c r="D135115" s="14" t="s">
        <v>244</v>
      </c>
      <c r="E135115" s="15">
        <v>45441</v>
      </c>
      <c r="F135115" s="14" t="s">
        <v>61</v>
      </c>
      <c r="G135115" s="16">
        <v>0</v>
      </c>
    </row>
    <row r="135116" spans="1:7" x14ac:dyDescent="0.3">
      <c r="A135116" s="13" t="s">
        <v>608</v>
      </c>
      <c r="B135116" s="14" t="s">
        <v>1</v>
      </c>
      <c r="C135116" s="14" t="s">
        <v>596</v>
      </c>
      <c r="D135116" s="14" t="s">
        <v>244</v>
      </c>
      <c r="E135116" s="15">
        <v>45442</v>
      </c>
      <c r="F135116" s="14" t="s">
        <v>61</v>
      </c>
      <c r="G135116" s="16">
        <v>0</v>
      </c>
    </row>
    <row r="135117" spans="1:7" x14ac:dyDescent="0.3">
      <c r="A135117" s="13" t="s">
        <v>608</v>
      </c>
      <c r="B135117" s="14" t="s">
        <v>1</v>
      </c>
      <c r="C135117" s="14" t="s">
        <v>596</v>
      </c>
      <c r="D135117" s="14" t="s">
        <v>244</v>
      </c>
      <c r="E135117" s="15">
        <v>45443</v>
      </c>
      <c r="F135117" s="14" t="s">
        <v>61</v>
      </c>
      <c r="G135117" s="16">
        <v>0</v>
      </c>
    </row>
    <row r="135118" spans="1:7" x14ac:dyDescent="0.3">
      <c r="A135118" s="13" t="s">
        <v>608</v>
      </c>
      <c r="B135118" s="14" t="s">
        <v>1</v>
      </c>
      <c r="C135118" s="14" t="s">
        <v>596</v>
      </c>
      <c r="D135118" s="14" t="s">
        <v>244</v>
      </c>
      <c r="E135118" s="15">
        <v>45444</v>
      </c>
      <c r="F135118" s="14" t="s">
        <v>61</v>
      </c>
      <c r="G135118" s="16">
        <v>0</v>
      </c>
    </row>
    <row r="135119" spans="1:7" x14ac:dyDescent="0.3">
      <c r="A135119" s="13" t="s">
        <v>608</v>
      </c>
      <c r="B135119" s="14" t="s">
        <v>1</v>
      </c>
      <c r="C135119" s="14" t="s">
        <v>596</v>
      </c>
      <c r="D135119" s="14" t="s">
        <v>244</v>
      </c>
      <c r="E135119" s="15">
        <v>45445</v>
      </c>
      <c r="F135119" s="14" t="s">
        <v>61</v>
      </c>
      <c r="G135119" s="16">
        <v>0</v>
      </c>
    </row>
    <row r="135120" spans="1:7" x14ac:dyDescent="0.3">
      <c r="A135120" s="13" t="s">
        <v>608</v>
      </c>
      <c r="B135120" s="14" t="s">
        <v>1</v>
      </c>
      <c r="C135120" s="14" t="s">
        <v>596</v>
      </c>
      <c r="D135120" s="14" t="s">
        <v>244</v>
      </c>
      <c r="E135120" s="15">
        <v>45446</v>
      </c>
      <c r="F135120" s="14" t="s">
        <v>61</v>
      </c>
      <c r="G135120" s="16">
        <v>0</v>
      </c>
    </row>
    <row r="135121" spans="1:7" x14ac:dyDescent="0.3">
      <c r="A135121" s="13" t="s">
        <v>608</v>
      </c>
      <c r="B135121" s="14" t="s">
        <v>1</v>
      </c>
      <c r="C135121" s="14" t="s">
        <v>596</v>
      </c>
      <c r="D135121" s="14" t="s">
        <v>244</v>
      </c>
      <c r="E135121" s="15">
        <v>45447</v>
      </c>
      <c r="F135121" s="14" t="s">
        <v>61</v>
      </c>
      <c r="G135121" s="16">
        <v>0</v>
      </c>
    </row>
    <row r="135122" spans="1:7" x14ac:dyDescent="0.3">
      <c r="A135122" s="13" t="s">
        <v>608</v>
      </c>
      <c r="B135122" s="14" t="s">
        <v>1</v>
      </c>
      <c r="C135122" s="14" t="s">
        <v>596</v>
      </c>
      <c r="D135122" s="14" t="s">
        <v>244</v>
      </c>
      <c r="E135122" s="15">
        <v>45448</v>
      </c>
      <c r="F135122" s="14" t="s">
        <v>61</v>
      </c>
      <c r="G135122" s="16">
        <v>0</v>
      </c>
    </row>
    <row r="135123" spans="1:7" x14ac:dyDescent="0.3">
      <c r="A135123" s="13" t="s">
        <v>608</v>
      </c>
      <c r="B135123" s="14" t="s">
        <v>1</v>
      </c>
      <c r="C135123" s="14" t="s">
        <v>596</v>
      </c>
      <c r="D135123" s="14" t="s">
        <v>244</v>
      </c>
      <c r="E135123" s="15">
        <v>45449</v>
      </c>
      <c r="F135123" s="14" t="s">
        <v>61</v>
      </c>
      <c r="G135123" s="16">
        <v>0</v>
      </c>
    </row>
    <row r="135124" spans="1:7" x14ac:dyDescent="0.3">
      <c r="A135124" s="13" t="s">
        <v>608</v>
      </c>
      <c r="B135124" s="14" t="s">
        <v>1</v>
      </c>
      <c r="C135124" s="14" t="s">
        <v>596</v>
      </c>
      <c r="D135124" s="14" t="s">
        <v>244</v>
      </c>
      <c r="E135124" s="15">
        <v>45450</v>
      </c>
      <c r="F135124" s="14" t="s">
        <v>61</v>
      </c>
      <c r="G135124" s="16">
        <v>0</v>
      </c>
    </row>
    <row r="135125" spans="1:7" x14ac:dyDescent="0.3">
      <c r="A135125" s="13" t="s">
        <v>608</v>
      </c>
      <c r="B135125" s="14" t="s">
        <v>1</v>
      </c>
      <c r="C135125" s="14" t="s">
        <v>596</v>
      </c>
      <c r="D135125" s="14" t="s">
        <v>244</v>
      </c>
      <c r="E135125" s="15">
        <v>45451</v>
      </c>
      <c r="F135125" s="14" t="s">
        <v>61</v>
      </c>
      <c r="G135125" s="16">
        <v>0</v>
      </c>
    </row>
    <row r="135126" spans="1:7" x14ac:dyDescent="0.3">
      <c r="A135126" s="13" t="s">
        <v>608</v>
      </c>
      <c r="B135126" s="14" t="s">
        <v>1</v>
      </c>
      <c r="C135126" s="14" t="s">
        <v>596</v>
      </c>
      <c r="D135126" s="14" t="s">
        <v>244</v>
      </c>
      <c r="E135126" s="15">
        <v>45452</v>
      </c>
      <c r="F135126" s="14" t="s">
        <v>61</v>
      </c>
      <c r="G135126" s="16">
        <v>0</v>
      </c>
    </row>
    <row r="135127" spans="1:7" x14ac:dyDescent="0.3">
      <c r="A135127" s="13" t="s">
        <v>608</v>
      </c>
      <c r="B135127" s="14" t="s">
        <v>1</v>
      </c>
      <c r="C135127" s="14" t="s">
        <v>596</v>
      </c>
      <c r="D135127" s="14" t="s">
        <v>244</v>
      </c>
      <c r="E135127" s="15">
        <v>45453</v>
      </c>
      <c r="F135127" s="14" t="s">
        <v>61</v>
      </c>
      <c r="G135127" s="16">
        <v>0</v>
      </c>
    </row>
    <row r="135128" spans="1:7" x14ac:dyDescent="0.3">
      <c r="A135128" s="13" t="s">
        <v>608</v>
      </c>
      <c r="B135128" s="14" t="s">
        <v>1</v>
      </c>
      <c r="C135128" s="14" t="s">
        <v>596</v>
      </c>
      <c r="D135128" s="14" t="s">
        <v>244</v>
      </c>
      <c r="E135128" s="15">
        <v>45454</v>
      </c>
      <c r="F135128" s="14" t="s">
        <v>61</v>
      </c>
      <c r="G135128" s="16">
        <v>0</v>
      </c>
    </row>
    <row r="135129" spans="1:7" x14ac:dyDescent="0.3">
      <c r="A135129" s="13" t="s">
        <v>608</v>
      </c>
      <c r="B135129" s="14" t="s">
        <v>1</v>
      </c>
      <c r="C135129" s="14" t="s">
        <v>596</v>
      </c>
      <c r="D135129" s="14" t="s">
        <v>244</v>
      </c>
      <c r="E135129" s="15">
        <v>45455</v>
      </c>
      <c r="F135129" s="14" t="s">
        <v>61</v>
      </c>
      <c r="G135129" s="16">
        <v>0</v>
      </c>
    </row>
    <row r="135130" spans="1:7" x14ac:dyDescent="0.3">
      <c r="A135130" s="13" t="s">
        <v>608</v>
      </c>
      <c r="B135130" s="14" t="s">
        <v>1</v>
      </c>
      <c r="C135130" s="14" t="s">
        <v>596</v>
      </c>
      <c r="D135130" s="14" t="s">
        <v>244</v>
      </c>
      <c r="E135130" s="15">
        <v>45456</v>
      </c>
      <c r="F135130" s="14" t="s">
        <v>61</v>
      </c>
      <c r="G135130" s="16">
        <v>0</v>
      </c>
    </row>
    <row r="135131" spans="1:7" x14ac:dyDescent="0.3">
      <c r="A135131" s="13" t="s">
        <v>608</v>
      </c>
      <c r="B135131" s="14" t="s">
        <v>1</v>
      </c>
      <c r="C135131" s="14" t="s">
        <v>596</v>
      </c>
      <c r="D135131" s="14" t="s">
        <v>244</v>
      </c>
      <c r="E135131" s="15">
        <v>45457</v>
      </c>
      <c r="F135131" s="14" t="s">
        <v>61</v>
      </c>
      <c r="G135131" s="16">
        <v>0</v>
      </c>
    </row>
    <row r="135132" spans="1:7" x14ac:dyDescent="0.3">
      <c r="A135132" s="13" t="s">
        <v>608</v>
      </c>
      <c r="B135132" s="14" t="s">
        <v>1</v>
      </c>
      <c r="C135132" s="14" t="s">
        <v>596</v>
      </c>
      <c r="D135132" s="14" t="s">
        <v>244</v>
      </c>
      <c r="E135132" s="15">
        <v>45458</v>
      </c>
      <c r="F135132" s="14" t="s">
        <v>61</v>
      </c>
      <c r="G135132" s="16">
        <v>0</v>
      </c>
    </row>
    <row r="135133" spans="1:7" x14ac:dyDescent="0.3">
      <c r="A135133" s="13" t="s">
        <v>608</v>
      </c>
      <c r="B135133" s="14" t="s">
        <v>1</v>
      </c>
      <c r="C135133" s="14" t="s">
        <v>596</v>
      </c>
      <c r="D135133" s="14" t="s">
        <v>244</v>
      </c>
      <c r="E135133" s="15">
        <v>45459</v>
      </c>
      <c r="F135133" s="14" t="s">
        <v>61</v>
      </c>
      <c r="G135133" s="16">
        <v>0</v>
      </c>
    </row>
    <row r="135134" spans="1:7" x14ac:dyDescent="0.3">
      <c r="A135134" s="13" t="s">
        <v>608</v>
      </c>
      <c r="B135134" s="14" t="s">
        <v>1</v>
      </c>
      <c r="C135134" s="14" t="s">
        <v>596</v>
      </c>
      <c r="D135134" s="14" t="s">
        <v>244</v>
      </c>
      <c r="E135134" s="15">
        <v>45460</v>
      </c>
      <c r="F135134" s="14" t="s">
        <v>61</v>
      </c>
      <c r="G135134" s="16">
        <v>0</v>
      </c>
    </row>
    <row r="135135" spans="1:7" x14ac:dyDescent="0.3">
      <c r="A135135" s="13" t="s">
        <v>608</v>
      </c>
      <c r="B135135" s="14" t="s">
        <v>1</v>
      </c>
      <c r="C135135" s="14" t="s">
        <v>596</v>
      </c>
      <c r="D135135" s="14" t="s">
        <v>244</v>
      </c>
      <c r="E135135" s="15">
        <v>45461</v>
      </c>
      <c r="F135135" s="14" t="s">
        <v>61</v>
      </c>
      <c r="G135135" s="16">
        <v>0</v>
      </c>
    </row>
    <row r="135136" spans="1:7" x14ac:dyDescent="0.3">
      <c r="A135136" s="13" t="s">
        <v>608</v>
      </c>
      <c r="B135136" s="14" t="s">
        <v>1</v>
      </c>
      <c r="C135136" s="14" t="s">
        <v>596</v>
      </c>
      <c r="D135136" s="14" t="s">
        <v>244</v>
      </c>
      <c r="E135136" s="15">
        <v>45462</v>
      </c>
      <c r="F135136" s="14" t="s">
        <v>61</v>
      </c>
      <c r="G135136" s="16">
        <v>0</v>
      </c>
    </row>
    <row r="135137" spans="1:7" x14ac:dyDescent="0.3">
      <c r="A135137" s="13" t="s">
        <v>608</v>
      </c>
      <c r="B135137" s="14" t="s">
        <v>1</v>
      </c>
      <c r="C135137" s="14" t="s">
        <v>596</v>
      </c>
      <c r="D135137" s="14" t="s">
        <v>244</v>
      </c>
      <c r="E135137" s="15">
        <v>45463</v>
      </c>
      <c r="F135137" s="14" t="s">
        <v>61</v>
      </c>
      <c r="G135137" s="16">
        <v>0</v>
      </c>
    </row>
    <row r="135138" spans="1:7" x14ac:dyDescent="0.3">
      <c r="A135138" s="13" t="s">
        <v>608</v>
      </c>
      <c r="B135138" s="14" t="s">
        <v>1</v>
      </c>
      <c r="C135138" s="14" t="s">
        <v>596</v>
      </c>
      <c r="D135138" s="14" t="s">
        <v>244</v>
      </c>
      <c r="E135138" s="15">
        <v>45464</v>
      </c>
      <c r="F135138" s="14" t="s">
        <v>61</v>
      </c>
      <c r="G135138" s="16">
        <v>0</v>
      </c>
    </row>
    <row r="135139" spans="1:7" x14ac:dyDescent="0.3">
      <c r="A135139" s="13" t="s">
        <v>608</v>
      </c>
      <c r="B135139" s="14" t="s">
        <v>1</v>
      </c>
      <c r="C135139" s="14" t="s">
        <v>596</v>
      </c>
      <c r="D135139" s="14" t="s">
        <v>244</v>
      </c>
      <c r="E135139" s="15">
        <v>45465</v>
      </c>
      <c r="F135139" s="14" t="s">
        <v>61</v>
      </c>
      <c r="G135139" s="16">
        <v>0</v>
      </c>
    </row>
    <row r="135140" spans="1:7" x14ac:dyDescent="0.3">
      <c r="A135140" s="13" t="s">
        <v>608</v>
      </c>
      <c r="B135140" s="14" t="s">
        <v>1</v>
      </c>
      <c r="C135140" s="14" t="s">
        <v>596</v>
      </c>
      <c r="D135140" s="14" t="s">
        <v>244</v>
      </c>
      <c r="E135140" s="15">
        <v>45466</v>
      </c>
      <c r="F135140" s="14" t="s">
        <v>61</v>
      </c>
      <c r="G135140" s="16">
        <v>0</v>
      </c>
    </row>
    <row r="135141" spans="1:7" x14ac:dyDescent="0.3">
      <c r="A135141" s="13" t="s">
        <v>608</v>
      </c>
      <c r="B135141" s="14" t="s">
        <v>1</v>
      </c>
      <c r="C135141" s="14" t="s">
        <v>596</v>
      </c>
      <c r="D135141" s="14" t="s">
        <v>244</v>
      </c>
      <c r="E135141" s="15">
        <v>45467</v>
      </c>
      <c r="F135141" s="14" t="s">
        <v>61</v>
      </c>
      <c r="G135141" s="16">
        <v>0</v>
      </c>
    </row>
    <row r="135142" spans="1:7" x14ac:dyDescent="0.3">
      <c r="A135142" s="13" t="s">
        <v>608</v>
      </c>
      <c r="B135142" s="14" t="s">
        <v>1</v>
      </c>
      <c r="C135142" s="14" t="s">
        <v>596</v>
      </c>
      <c r="D135142" s="14" t="s">
        <v>244</v>
      </c>
      <c r="E135142" s="15">
        <v>45468</v>
      </c>
      <c r="F135142" s="14" t="s">
        <v>61</v>
      </c>
      <c r="G135142" s="16">
        <v>0</v>
      </c>
    </row>
    <row r="135143" spans="1:7" x14ac:dyDescent="0.3">
      <c r="A135143" s="13" t="s">
        <v>608</v>
      </c>
      <c r="B135143" s="14" t="s">
        <v>1</v>
      </c>
      <c r="C135143" s="14" t="s">
        <v>596</v>
      </c>
      <c r="D135143" s="14" t="s">
        <v>244</v>
      </c>
      <c r="E135143" s="15">
        <v>45469</v>
      </c>
      <c r="F135143" s="14" t="s">
        <v>61</v>
      </c>
      <c r="G135143" s="16">
        <v>0</v>
      </c>
    </row>
    <row r="135144" spans="1:7" x14ac:dyDescent="0.3">
      <c r="A135144" s="13" t="s">
        <v>608</v>
      </c>
      <c r="B135144" s="14" t="s">
        <v>1</v>
      </c>
      <c r="C135144" s="14" t="s">
        <v>596</v>
      </c>
      <c r="D135144" s="14" t="s">
        <v>244</v>
      </c>
      <c r="E135144" s="15">
        <v>45470</v>
      </c>
      <c r="F135144" s="14" t="s">
        <v>61</v>
      </c>
      <c r="G135144" s="16">
        <v>0</v>
      </c>
    </row>
    <row r="135145" spans="1:7" x14ac:dyDescent="0.3">
      <c r="A135145" s="13" t="s">
        <v>608</v>
      </c>
      <c r="B135145" s="14" t="s">
        <v>1</v>
      </c>
      <c r="C135145" s="14" t="s">
        <v>596</v>
      </c>
      <c r="D135145" s="14" t="s">
        <v>244</v>
      </c>
      <c r="E135145" s="15">
        <v>45471</v>
      </c>
      <c r="F135145" s="14" t="s">
        <v>61</v>
      </c>
      <c r="G135145" s="16">
        <v>0</v>
      </c>
    </row>
    <row r="135146" spans="1:7" x14ac:dyDescent="0.3">
      <c r="A135146" s="13" t="s">
        <v>608</v>
      </c>
      <c r="B135146" s="14" t="s">
        <v>1</v>
      </c>
      <c r="C135146" s="14" t="s">
        <v>596</v>
      </c>
      <c r="D135146" s="14" t="s">
        <v>244</v>
      </c>
      <c r="E135146" s="15">
        <v>45472</v>
      </c>
      <c r="F135146" s="14" t="s">
        <v>61</v>
      </c>
      <c r="G135146" s="16">
        <v>0</v>
      </c>
    </row>
    <row r="135147" spans="1:7" x14ac:dyDescent="0.3">
      <c r="A135147" s="13" t="s">
        <v>608</v>
      </c>
      <c r="B135147" s="14" t="s">
        <v>1</v>
      </c>
      <c r="C135147" s="14" t="s">
        <v>596</v>
      </c>
      <c r="D135147" s="14" t="s">
        <v>244</v>
      </c>
      <c r="E135147" s="15">
        <v>45473</v>
      </c>
      <c r="F135147" s="14" t="s">
        <v>61</v>
      </c>
      <c r="G135147" s="16">
        <v>0</v>
      </c>
    </row>
    <row r="135148" spans="1:7" x14ac:dyDescent="0.3">
      <c r="A135148" s="13" t="s">
        <v>608</v>
      </c>
      <c r="B135148" s="14" t="s">
        <v>1</v>
      </c>
      <c r="C135148" s="14" t="s">
        <v>596</v>
      </c>
      <c r="D135148" s="14" t="s">
        <v>244</v>
      </c>
      <c r="E135148" s="15">
        <v>45474</v>
      </c>
      <c r="F135148" s="14" t="s">
        <v>61</v>
      </c>
      <c r="G135148" s="16">
        <v>0</v>
      </c>
    </row>
    <row r="135149" spans="1:7" x14ac:dyDescent="0.3">
      <c r="A135149" s="13" t="s">
        <v>608</v>
      </c>
      <c r="B135149" s="14" t="s">
        <v>1</v>
      </c>
      <c r="C135149" s="14" t="s">
        <v>596</v>
      </c>
      <c r="D135149" s="14" t="s">
        <v>244</v>
      </c>
      <c r="E135149" s="15">
        <v>45475</v>
      </c>
      <c r="F135149" s="14" t="s">
        <v>61</v>
      </c>
      <c r="G135149" s="16">
        <v>0</v>
      </c>
    </row>
    <row r="135150" spans="1:7" x14ac:dyDescent="0.3">
      <c r="A135150" s="13" t="s">
        <v>608</v>
      </c>
      <c r="B135150" s="14" t="s">
        <v>1</v>
      </c>
      <c r="C135150" s="14" t="s">
        <v>596</v>
      </c>
      <c r="D135150" s="14" t="s">
        <v>244</v>
      </c>
      <c r="E135150" s="15">
        <v>45476</v>
      </c>
      <c r="F135150" s="14" t="s">
        <v>61</v>
      </c>
      <c r="G135150" s="16">
        <v>0</v>
      </c>
    </row>
    <row r="135151" spans="1:7" x14ac:dyDescent="0.3">
      <c r="A135151" s="13" t="s">
        <v>608</v>
      </c>
      <c r="B135151" s="14" t="s">
        <v>1</v>
      </c>
      <c r="C135151" s="14" t="s">
        <v>596</v>
      </c>
      <c r="D135151" s="14" t="s">
        <v>244</v>
      </c>
      <c r="E135151" s="15">
        <v>45477</v>
      </c>
      <c r="F135151" s="14" t="s">
        <v>61</v>
      </c>
      <c r="G135151" s="16">
        <v>0</v>
      </c>
    </row>
    <row r="135152" spans="1:7" x14ac:dyDescent="0.3">
      <c r="A135152" s="13" t="s">
        <v>608</v>
      </c>
      <c r="B135152" s="14" t="s">
        <v>1</v>
      </c>
      <c r="C135152" s="14" t="s">
        <v>596</v>
      </c>
      <c r="D135152" s="14" t="s">
        <v>244</v>
      </c>
      <c r="E135152" s="15">
        <v>45478</v>
      </c>
      <c r="F135152" s="14" t="s">
        <v>61</v>
      </c>
      <c r="G135152" s="16">
        <v>0</v>
      </c>
    </row>
    <row r="135153" spans="1:7" x14ac:dyDescent="0.3">
      <c r="A135153" s="13" t="s">
        <v>608</v>
      </c>
      <c r="B135153" s="14" t="s">
        <v>1</v>
      </c>
      <c r="C135153" s="14" t="s">
        <v>596</v>
      </c>
      <c r="D135153" s="14" t="s">
        <v>244</v>
      </c>
      <c r="E135153" s="15">
        <v>45479</v>
      </c>
      <c r="F135153" s="14" t="s">
        <v>61</v>
      </c>
      <c r="G135153" s="16">
        <v>0</v>
      </c>
    </row>
    <row r="135154" spans="1:7" x14ac:dyDescent="0.3">
      <c r="A135154" s="13" t="s">
        <v>608</v>
      </c>
      <c r="B135154" s="14" t="s">
        <v>1</v>
      </c>
      <c r="C135154" s="14" t="s">
        <v>596</v>
      </c>
      <c r="D135154" s="14" t="s">
        <v>244</v>
      </c>
      <c r="E135154" s="15">
        <v>45480</v>
      </c>
      <c r="F135154" s="14" t="s">
        <v>61</v>
      </c>
      <c r="G135154" s="16">
        <v>0</v>
      </c>
    </row>
    <row r="135155" spans="1:7" x14ac:dyDescent="0.3">
      <c r="A135155" s="13" t="s">
        <v>608</v>
      </c>
      <c r="B135155" s="14" t="s">
        <v>1</v>
      </c>
      <c r="C135155" s="14" t="s">
        <v>596</v>
      </c>
      <c r="D135155" s="14" t="s">
        <v>244</v>
      </c>
      <c r="E135155" s="15">
        <v>45481</v>
      </c>
      <c r="F135155" s="14" t="s">
        <v>61</v>
      </c>
      <c r="G135155" s="16">
        <v>0</v>
      </c>
    </row>
    <row r="135156" spans="1:7" x14ac:dyDescent="0.3">
      <c r="A135156" s="13" t="s">
        <v>608</v>
      </c>
      <c r="B135156" s="14" t="s">
        <v>1</v>
      </c>
      <c r="C135156" s="14" t="s">
        <v>596</v>
      </c>
      <c r="D135156" s="14" t="s">
        <v>244</v>
      </c>
      <c r="E135156" s="15">
        <v>45482</v>
      </c>
      <c r="F135156" s="14" t="s">
        <v>61</v>
      </c>
      <c r="G135156" s="16">
        <v>0</v>
      </c>
    </row>
    <row r="135157" spans="1:7" x14ac:dyDescent="0.3">
      <c r="A135157" s="13" t="s">
        <v>608</v>
      </c>
      <c r="B135157" s="14" t="s">
        <v>1</v>
      </c>
      <c r="C135157" s="14" t="s">
        <v>596</v>
      </c>
      <c r="D135157" s="14" t="s">
        <v>244</v>
      </c>
      <c r="E135157" s="15">
        <v>45483</v>
      </c>
      <c r="F135157" s="14" t="s">
        <v>61</v>
      </c>
      <c r="G135157" s="16">
        <v>0</v>
      </c>
    </row>
    <row r="135158" spans="1:7" x14ac:dyDescent="0.3">
      <c r="A135158" s="13" t="s">
        <v>608</v>
      </c>
      <c r="B135158" s="14" t="s">
        <v>1</v>
      </c>
      <c r="C135158" s="14" t="s">
        <v>596</v>
      </c>
      <c r="D135158" s="14" t="s">
        <v>244</v>
      </c>
      <c r="E135158" s="15">
        <v>45484</v>
      </c>
      <c r="F135158" s="14" t="s">
        <v>61</v>
      </c>
      <c r="G135158" s="16">
        <v>0</v>
      </c>
    </row>
    <row r="135159" spans="1:7" x14ac:dyDescent="0.3">
      <c r="A135159" s="13" t="s">
        <v>608</v>
      </c>
      <c r="B135159" s="14" t="s">
        <v>1</v>
      </c>
      <c r="C135159" s="14" t="s">
        <v>596</v>
      </c>
      <c r="D135159" s="14" t="s">
        <v>244</v>
      </c>
      <c r="E135159" s="15">
        <v>45485</v>
      </c>
      <c r="F135159" s="14" t="s">
        <v>61</v>
      </c>
      <c r="G135159" s="16">
        <v>0</v>
      </c>
    </row>
    <row r="135160" spans="1:7" x14ac:dyDescent="0.3">
      <c r="A135160" s="13" t="s">
        <v>608</v>
      </c>
      <c r="B135160" s="14" t="s">
        <v>1</v>
      </c>
      <c r="C135160" s="14" t="s">
        <v>596</v>
      </c>
      <c r="D135160" s="14" t="s">
        <v>244</v>
      </c>
      <c r="E135160" s="15">
        <v>45486</v>
      </c>
      <c r="F135160" s="14" t="s">
        <v>61</v>
      </c>
      <c r="G135160" s="16">
        <v>0</v>
      </c>
    </row>
    <row r="135161" spans="1:7" x14ac:dyDescent="0.3">
      <c r="A135161" s="13" t="s">
        <v>608</v>
      </c>
      <c r="B135161" s="14" t="s">
        <v>1</v>
      </c>
      <c r="C135161" s="14" t="s">
        <v>596</v>
      </c>
      <c r="D135161" s="14" t="s">
        <v>244</v>
      </c>
      <c r="E135161" s="15">
        <v>45487</v>
      </c>
      <c r="F135161" s="14" t="s">
        <v>61</v>
      </c>
      <c r="G135161" s="16">
        <v>0</v>
      </c>
    </row>
    <row r="135162" spans="1:7" x14ac:dyDescent="0.3">
      <c r="A135162" s="13" t="s">
        <v>608</v>
      </c>
      <c r="B135162" s="14" t="s">
        <v>1</v>
      </c>
      <c r="C135162" s="14" t="s">
        <v>596</v>
      </c>
      <c r="D135162" s="14" t="s">
        <v>244</v>
      </c>
      <c r="E135162" s="15">
        <v>45488</v>
      </c>
      <c r="F135162" s="14" t="s">
        <v>61</v>
      </c>
      <c r="G135162" s="16">
        <v>0</v>
      </c>
    </row>
    <row r="135163" spans="1:7" x14ac:dyDescent="0.3">
      <c r="A135163" s="13" t="s">
        <v>608</v>
      </c>
      <c r="B135163" s="14" t="s">
        <v>1</v>
      </c>
      <c r="C135163" s="14" t="s">
        <v>596</v>
      </c>
      <c r="D135163" s="14" t="s">
        <v>244</v>
      </c>
      <c r="E135163" s="15">
        <v>45489</v>
      </c>
      <c r="F135163" s="14" t="s">
        <v>61</v>
      </c>
      <c r="G135163" s="16">
        <v>0</v>
      </c>
    </row>
    <row r="135164" spans="1:7" x14ac:dyDescent="0.3">
      <c r="A135164" s="13" t="s">
        <v>608</v>
      </c>
      <c r="B135164" s="14" t="s">
        <v>1</v>
      </c>
      <c r="C135164" s="14" t="s">
        <v>596</v>
      </c>
      <c r="D135164" s="14" t="s">
        <v>244</v>
      </c>
      <c r="E135164" s="15">
        <v>45490</v>
      </c>
      <c r="F135164" s="14" t="s">
        <v>61</v>
      </c>
      <c r="G135164" s="16">
        <v>0</v>
      </c>
    </row>
    <row r="135165" spans="1:7" x14ac:dyDescent="0.3">
      <c r="A135165" s="13" t="s">
        <v>608</v>
      </c>
      <c r="B135165" s="14" t="s">
        <v>1</v>
      </c>
      <c r="C135165" s="14" t="s">
        <v>596</v>
      </c>
      <c r="D135165" s="14" t="s">
        <v>244</v>
      </c>
      <c r="E135165" s="15">
        <v>45491</v>
      </c>
      <c r="F135165" s="14" t="s">
        <v>61</v>
      </c>
      <c r="G135165" s="16">
        <v>0</v>
      </c>
    </row>
    <row r="135166" spans="1:7" x14ac:dyDescent="0.3">
      <c r="A135166" s="13" t="s">
        <v>608</v>
      </c>
      <c r="B135166" s="14" t="s">
        <v>1</v>
      </c>
      <c r="C135166" s="14" t="s">
        <v>596</v>
      </c>
      <c r="D135166" s="14" t="s">
        <v>244</v>
      </c>
      <c r="E135166" s="15">
        <v>45492</v>
      </c>
      <c r="F135166" s="14" t="s">
        <v>61</v>
      </c>
      <c r="G135166" s="16">
        <v>0</v>
      </c>
    </row>
    <row r="135167" spans="1:7" x14ac:dyDescent="0.3">
      <c r="A135167" s="13" t="s">
        <v>608</v>
      </c>
      <c r="B135167" s="14" t="s">
        <v>1</v>
      </c>
      <c r="C135167" s="14" t="s">
        <v>596</v>
      </c>
      <c r="D135167" s="14" t="s">
        <v>244</v>
      </c>
      <c r="E135167" s="15">
        <v>45493</v>
      </c>
      <c r="F135167" s="14" t="s">
        <v>61</v>
      </c>
      <c r="G135167" s="16">
        <v>0</v>
      </c>
    </row>
    <row r="135168" spans="1:7" x14ac:dyDescent="0.3">
      <c r="A135168" s="13" t="s">
        <v>608</v>
      </c>
      <c r="B135168" s="14" t="s">
        <v>1</v>
      </c>
      <c r="C135168" s="14" t="s">
        <v>596</v>
      </c>
      <c r="D135168" s="14" t="s">
        <v>244</v>
      </c>
      <c r="E135168" s="15">
        <v>45494</v>
      </c>
      <c r="F135168" s="14" t="s">
        <v>61</v>
      </c>
      <c r="G135168" s="16">
        <v>0</v>
      </c>
    </row>
    <row r="135169" spans="1:7" x14ac:dyDescent="0.3">
      <c r="A135169" s="13" t="s">
        <v>608</v>
      </c>
      <c r="B135169" s="14" t="s">
        <v>1</v>
      </c>
      <c r="C135169" s="14" t="s">
        <v>596</v>
      </c>
      <c r="D135169" s="14" t="s">
        <v>244</v>
      </c>
      <c r="E135169" s="15">
        <v>45495</v>
      </c>
      <c r="F135169" s="14" t="s">
        <v>61</v>
      </c>
      <c r="G135169" s="16">
        <v>0</v>
      </c>
    </row>
    <row r="135170" spans="1:7" x14ac:dyDescent="0.3">
      <c r="A135170" s="13" t="s">
        <v>608</v>
      </c>
      <c r="B135170" s="14" t="s">
        <v>1</v>
      </c>
      <c r="C135170" s="14" t="s">
        <v>596</v>
      </c>
      <c r="D135170" s="14" t="s">
        <v>244</v>
      </c>
      <c r="E135170" s="15">
        <v>45496</v>
      </c>
      <c r="F135170" s="14" t="s">
        <v>61</v>
      </c>
      <c r="G135170" s="16">
        <v>0</v>
      </c>
    </row>
    <row r="135171" spans="1:7" x14ac:dyDescent="0.3">
      <c r="A135171" s="13" t="s">
        <v>608</v>
      </c>
      <c r="B135171" s="14" t="s">
        <v>1</v>
      </c>
      <c r="C135171" s="14" t="s">
        <v>596</v>
      </c>
      <c r="D135171" s="14" t="s">
        <v>244</v>
      </c>
      <c r="E135171" s="15">
        <v>45497</v>
      </c>
      <c r="F135171" s="14" t="s">
        <v>61</v>
      </c>
      <c r="G135171" s="16">
        <v>0</v>
      </c>
    </row>
    <row r="135172" spans="1:7" x14ac:dyDescent="0.3">
      <c r="A135172" s="13" t="s">
        <v>608</v>
      </c>
      <c r="B135172" s="14" t="s">
        <v>1</v>
      </c>
      <c r="C135172" s="14" t="s">
        <v>596</v>
      </c>
      <c r="D135172" s="14" t="s">
        <v>244</v>
      </c>
      <c r="E135172" s="15">
        <v>45498</v>
      </c>
      <c r="F135172" s="14" t="s">
        <v>61</v>
      </c>
      <c r="G135172" s="16">
        <v>0</v>
      </c>
    </row>
    <row r="135173" spans="1:7" x14ac:dyDescent="0.3">
      <c r="A135173" s="13" t="s">
        <v>608</v>
      </c>
      <c r="B135173" s="14" t="s">
        <v>1</v>
      </c>
      <c r="C135173" s="14" t="s">
        <v>596</v>
      </c>
      <c r="D135173" s="14" t="s">
        <v>244</v>
      </c>
      <c r="E135173" s="15">
        <v>45499</v>
      </c>
      <c r="F135173" s="14" t="s">
        <v>61</v>
      </c>
      <c r="G135173" s="16">
        <v>0</v>
      </c>
    </row>
    <row r="135174" spans="1:7" x14ac:dyDescent="0.3">
      <c r="A135174" s="13" t="s">
        <v>608</v>
      </c>
      <c r="B135174" s="14" t="s">
        <v>1</v>
      </c>
      <c r="C135174" s="14" t="s">
        <v>596</v>
      </c>
      <c r="D135174" s="14" t="s">
        <v>244</v>
      </c>
      <c r="E135174" s="15">
        <v>45500</v>
      </c>
      <c r="F135174" s="14" t="s">
        <v>61</v>
      </c>
      <c r="G135174" s="16">
        <v>0</v>
      </c>
    </row>
    <row r="135175" spans="1:7" x14ac:dyDescent="0.3">
      <c r="A135175" s="13" t="s">
        <v>608</v>
      </c>
      <c r="B135175" s="14" t="s">
        <v>1</v>
      </c>
      <c r="C135175" s="14" t="s">
        <v>596</v>
      </c>
      <c r="D135175" s="14" t="s">
        <v>244</v>
      </c>
      <c r="E135175" s="15">
        <v>45501</v>
      </c>
      <c r="F135175" s="14" t="s">
        <v>61</v>
      </c>
      <c r="G135175" s="16">
        <v>0</v>
      </c>
    </row>
    <row r="135176" spans="1:7" x14ac:dyDescent="0.3">
      <c r="A135176" s="13" t="s">
        <v>608</v>
      </c>
      <c r="B135176" s="14" t="s">
        <v>1</v>
      </c>
      <c r="C135176" s="14" t="s">
        <v>596</v>
      </c>
      <c r="D135176" s="14" t="s">
        <v>244</v>
      </c>
      <c r="E135176" s="15">
        <v>45502</v>
      </c>
      <c r="F135176" s="14" t="s">
        <v>61</v>
      </c>
      <c r="G135176" s="16">
        <v>0</v>
      </c>
    </row>
    <row r="135177" spans="1:7" x14ac:dyDescent="0.3">
      <c r="A135177" s="13" t="s">
        <v>608</v>
      </c>
      <c r="B135177" s="14" t="s">
        <v>1</v>
      </c>
      <c r="C135177" s="14" t="s">
        <v>596</v>
      </c>
      <c r="D135177" s="14" t="s">
        <v>244</v>
      </c>
      <c r="E135177" s="15">
        <v>45503</v>
      </c>
      <c r="F135177" s="14" t="s">
        <v>61</v>
      </c>
      <c r="G135177" s="16">
        <v>0</v>
      </c>
    </row>
    <row r="135178" spans="1:7" x14ac:dyDescent="0.3">
      <c r="A135178" s="13" t="s">
        <v>608</v>
      </c>
      <c r="B135178" s="14" t="s">
        <v>1</v>
      </c>
      <c r="C135178" s="14" t="s">
        <v>596</v>
      </c>
      <c r="D135178" s="14" t="s">
        <v>244</v>
      </c>
      <c r="E135178" s="15">
        <v>45504</v>
      </c>
      <c r="F135178" s="14" t="s">
        <v>61</v>
      </c>
      <c r="G135178" s="16">
        <v>0</v>
      </c>
    </row>
    <row r="135179" spans="1:7" x14ac:dyDescent="0.3">
      <c r="A135179" s="13" t="s">
        <v>608</v>
      </c>
      <c r="B135179" s="14" t="s">
        <v>1</v>
      </c>
      <c r="C135179" s="14" t="s">
        <v>596</v>
      </c>
      <c r="D135179" s="14" t="s">
        <v>244</v>
      </c>
      <c r="E135179" s="15">
        <v>45505</v>
      </c>
      <c r="F135179" s="14" t="s">
        <v>61</v>
      </c>
      <c r="G135179" s="16">
        <v>0</v>
      </c>
    </row>
    <row r="135180" spans="1:7" x14ac:dyDescent="0.3">
      <c r="A135180" s="13" t="s">
        <v>608</v>
      </c>
      <c r="B135180" s="14" t="s">
        <v>1</v>
      </c>
      <c r="C135180" s="14" t="s">
        <v>596</v>
      </c>
      <c r="D135180" s="14" t="s">
        <v>244</v>
      </c>
      <c r="E135180" s="15">
        <v>45506</v>
      </c>
      <c r="F135180" s="14" t="s">
        <v>61</v>
      </c>
      <c r="G135180" s="16">
        <v>0</v>
      </c>
    </row>
    <row r="135181" spans="1:7" x14ac:dyDescent="0.3">
      <c r="A135181" s="13" t="s">
        <v>608</v>
      </c>
      <c r="B135181" s="14" t="s">
        <v>1</v>
      </c>
      <c r="C135181" s="14" t="s">
        <v>596</v>
      </c>
      <c r="D135181" s="14" t="s">
        <v>244</v>
      </c>
      <c r="E135181" s="15">
        <v>45507</v>
      </c>
      <c r="F135181" s="14" t="s">
        <v>61</v>
      </c>
      <c r="G135181" s="16">
        <v>0</v>
      </c>
    </row>
    <row r="135182" spans="1:7" x14ac:dyDescent="0.3">
      <c r="A135182" s="13" t="s">
        <v>608</v>
      </c>
      <c r="B135182" s="14" t="s">
        <v>1</v>
      </c>
      <c r="C135182" s="14" t="s">
        <v>596</v>
      </c>
      <c r="D135182" s="14" t="s">
        <v>244</v>
      </c>
      <c r="E135182" s="15">
        <v>45508</v>
      </c>
      <c r="F135182" s="14" t="s">
        <v>61</v>
      </c>
      <c r="G135182" s="16">
        <v>0</v>
      </c>
    </row>
    <row r="135183" spans="1:7" x14ac:dyDescent="0.3">
      <c r="A135183" s="13" t="s">
        <v>608</v>
      </c>
      <c r="B135183" s="14" t="s">
        <v>1</v>
      </c>
      <c r="C135183" s="14" t="s">
        <v>596</v>
      </c>
      <c r="D135183" s="14" t="s">
        <v>244</v>
      </c>
      <c r="E135183" s="15">
        <v>45509</v>
      </c>
      <c r="F135183" s="14" t="s">
        <v>61</v>
      </c>
      <c r="G135183" s="16">
        <v>0</v>
      </c>
    </row>
    <row r="135184" spans="1:7" x14ac:dyDescent="0.3">
      <c r="A135184" s="13" t="s">
        <v>608</v>
      </c>
      <c r="B135184" s="14" t="s">
        <v>1</v>
      </c>
      <c r="C135184" s="14" t="s">
        <v>596</v>
      </c>
      <c r="D135184" s="14" t="s">
        <v>244</v>
      </c>
      <c r="E135184" s="15">
        <v>45510</v>
      </c>
      <c r="F135184" s="14" t="s">
        <v>61</v>
      </c>
      <c r="G135184" s="16">
        <v>0</v>
      </c>
    </row>
    <row r="135185" spans="1:7" x14ac:dyDescent="0.3">
      <c r="A135185" s="13" t="s">
        <v>608</v>
      </c>
      <c r="B135185" s="14" t="s">
        <v>1</v>
      </c>
      <c r="C135185" s="14" t="s">
        <v>596</v>
      </c>
      <c r="D135185" s="14" t="s">
        <v>244</v>
      </c>
      <c r="E135185" s="15">
        <v>45511</v>
      </c>
      <c r="F135185" s="14" t="s">
        <v>61</v>
      </c>
      <c r="G135185" s="16">
        <v>0</v>
      </c>
    </row>
    <row r="135186" spans="1:7" x14ac:dyDescent="0.3">
      <c r="A135186" s="13" t="s">
        <v>608</v>
      </c>
      <c r="B135186" s="14" t="s">
        <v>1</v>
      </c>
      <c r="C135186" s="14" t="s">
        <v>596</v>
      </c>
      <c r="D135186" s="14" t="s">
        <v>244</v>
      </c>
      <c r="E135186" s="15">
        <v>45512</v>
      </c>
      <c r="F135186" s="14" t="s">
        <v>61</v>
      </c>
      <c r="G135186" s="16">
        <v>0</v>
      </c>
    </row>
    <row r="135187" spans="1:7" x14ac:dyDescent="0.3">
      <c r="A135187" s="13" t="s">
        <v>608</v>
      </c>
      <c r="B135187" s="14" t="s">
        <v>1</v>
      </c>
      <c r="C135187" s="14" t="s">
        <v>596</v>
      </c>
      <c r="D135187" s="14" t="s">
        <v>244</v>
      </c>
      <c r="E135187" s="15">
        <v>45513</v>
      </c>
      <c r="F135187" s="14" t="s">
        <v>61</v>
      </c>
      <c r="G135187" s="16">
        <v>0</v>
      </c>
    </row>
    <row r="135188" spans="1:7" x14ac:dyDescent="0.3">
      <c r="A135188" s="13" t="s">
        <v>608</v>
      </c>
      <c r="B135188" s="14" t="s">
        <v>1</v>
      </c>
      <c r="C135188" s="14" t="s">
        <v>596</v>
      </c>
      <c r="D135188" s="14" t="s">
        <v>244</v>
      </c>
      <c r="E135188" s="15">
        <v>45514</v>
      </c>
      <c r="F135188" s="14" t="s">
        <v>61</v>
      </c>
      <c r="G135188" s="16">
        <v>0</v>
      </c>
    </row>
    <row r="135189" spans="1:7" x14ac:dyDescent="0.3">
      <c r="A135189" s="13" t="s">
        <v>608</v>
      </c>
      <c r="B135189" s="14" t="s">
        <v>1</v>
      </c>
      <c r="C135189" s="14" t="s">
        <v>596</v>
      </c>
      <c r="D135189" s="14" t="s">
        <v>244</v>
      </c>
      <c r="E135189" s="15">
        <v>45515</v>
      </c>
      <c r="F135189" s="14" t="s">
        <v>61</v>
      </c>
      <c r="G135189" s="16">
        <v>0</v>
      </c>
    </row>
    <row r="135190" spans="1:7" x14ac:dyDescent="0.3">
      <c r="A135190" s="13" t="s">
        <v>608</v>
      </c>
      <c r="B135190" s="14" t="s">
        <v>1</v>
      </c>
      <c r="C135190" s="14" t="s">
        <v>596</v>
      </c>
      <c r="D135190" s="14" t="s">
        <v>244</v>
      </c>
      <c r="E135190" s="15">
        <v>45516</v>
      </c>
      <c r="F135190" s="14" t="s">
        <v>61</v>
      </c>
      <c r="G135190" s="16">
        <v>0</v>
      </c>
    </row>
    <row r="135191" spans="1:7" x14ac:dyDescent="0.3">
      <c r="A135191" s="13" t="s">
        <v>608</v>
      </c>
      <c r="B135191" s="14" t="s">
        <v>1</v>
      </c>
      <c r="C135191" s="14" t="s">
        <v>596</v>
      </c>
      <c r="D135191" s="14" t="s">
        <v>244</v>
      </c>
      <c r="E135191" s="15">
        <v>45517</v>
      </c>
      <c r="F135191" s="14" t="s">
        <v>61</v>
      </c>
      <c r="G135191" s="16">
        <v>0</v>
      </c>
    </row>
    <row r="135192" spans="1:7" x14ac:dyDescent="0.3">
      <c r="A135192" s="13" t="s">
        <v>608</v>
      </c>
      <c r="B135192" s="14" t="s">
        <v>1</v>
      </c>
      <c r="C135192" s="14" t="s">
        <v>596</v>
      </c>
      <c r="D135192" s="14" t="s">
        <v>244</v>
      </c>
      <c r="E135192" s="15">
        <v>45518</v>
      </c>
      <c r="F135192" s="14" t="s">
        <v>61</v>
      </c>
      <c r="G135192" s="16">
        <v>0</v>
      </c>
    </row>
    <row r="135193" spans="1:7" x14ac:dyDescent="0.3">
      <c r="A135193" s="13" t="s">
        <v>608</v>
      </c>
      <c r="B135193" s="14" t="s">
        <v>1</v>
      </c>
      <c r="C135193" s="14" t="s">
        <v>596</v>
      </c>
      <c r="D135193" s="14" t="s">
        <v>244</v>
      </c>
      <c r="E135193" s="15">
        <v>45519</v>
      </c>
      <c r="F135193" s="14" t="s">
        <v>61</v>
      </c>
      <c r="G135193" s="16">
        <v>0</v>
      </c>
    </row>
    <row r="135194" spans="1:7" x14ac:dyDescent="0.3">
      <c r="A135194" s="13" t="s">
        <v>608</v>
      </c>
      <c r="B135194" s="14" t="s">
        <v>1</v>
      </c>
      <c r="C135194" s="14" t="s">
        <v>596</v>
      </c>
      <c r="D135194" s="14" t="s">
        <v>244</v>
      </c>
      <c r="E135194" s="15">
        <v>45520</v>
      </c>
      <c r="F135194" s="14" t="s">
        <v>61</v>
      </c>
      <c r="G135194" s="16">
        <v>0</v>
      </c>
    </row>
    <row r="135195" spans="1:7" x14ac:dyDescent="0.3">
      <c r="A135195" s="13" t="s">
        <v>608</v>
      </c>
      <c r="B135195" s="14" t="s">
        <v>1</v>
      </c>
      <c r="C135195" s="14" t="s">
        <v>596</v>
      </c>
      <c r="D135195" s="14" t="s">
        <v>244</v>
      </c>
      <c r="E135195" s="15">
        <v>45521</v>
      </c>
      <c r="F135195" s="14" t="s">
        <v>61</v>
      </c>
      <c r="G135195" s="16">
        <v>0</v>
      </c>
    </row>
    <row r="135196" spans="1:7" x14ac:dyDescent="0.3">
      <c r="A135196" s="13" t="s">
        <v>608</v>
      </c>
      <c r="B135196" s="14" t="s">
        <v>1</v>
      </c>
      <c r="C135196" s="14" t="s">
        <v>596</v>
      </c>
      <c r="D135196" s="14" t="s">
        <v>244</v>
      </c>
      <c r="E135196" s="15">
        <v>45522</v>
      </c>
      <c r="F135196" s="14" t="s">
        <v>61</v>
      </c>
      <c r="G135196" s="16">
        <v>0</v>
      </c>
    </row>
    <row r="135197" spans="1:7" x14ac:dyDescent="0.3">
      <c r="A135197" s="13" t="s">
        <v>608</v>
      </c>
      <c r="B135197" s="14" t="s">
        <v>1</v>
      </c>
      <c r="C135197" s="14" t="s">
        <v>596</v>
      </c>
      <c r="D135197" s="14" t="s">
        <v>244</v>
      </c>
      <c r="E135197" s="15">
        <v>45523</v>
      </c>
      <c r="F135197" s="14" t="s">
        <v>61</v>
      </c>
      <c r="G135197" s="16">
        <v>0</v>
      </c>
    </row>
    <row r="135198" spans="1:7" x14ac:dyDescent="0.3">
      <c r="A135198" s="13" t="s">
        <v>608</v>
      </c>
      <c r="B135198" s="14" t="s">
        <v>1</v>
      </c>
      <c r="C135198" s="14" t="s">
        <v>596</v>
      </c>
      <c r="D135198" s="14" t="s">
        <v>244</v>
      </c>
      <c r="E135198" s="15">
        <v>45524</v>
      </c>
      <c r="F135198" s="14" t="s">
        <v>61</v>
      </c>
      <c r="G135198" s="16">
        <v>0</v>
      </c>
    </row>
    <row r="135199" spans="1:7" x14ac:dyDescent="0.3">
      <c r="A135199" s="13" t="s">
        <v>608</v>
      </c>
      <c r="B135199" s="14" t="s">
        <v>1</v>
      </c>
      <c r="C135199" s="14" t="s">
        <v>596</v>
      </c>
      <c r="D135199" s="14" t="s">
        <v>244</v>
      </c>
      <c r="E135199" s="15">
        <v>45525</v>
      </c>
      <c r="F135199" s="14" t="s">
        <v>61</v>
      </c>
      <c r="G135199" s="16">
        <v>0</v>
      </c>
    </row>
    <row r="135200" spans="1:7" x14ac:dyDescent="0.3">
      <c r="A135200" s="13" t="s">
        <v>608</v>
      </c>
      <c r="B135200" s="14" t="s">
        <v>1</v>
      </c>
      <c r="C135200" s="14" t="s">
        <v>596</v>
      </c>
      <c r="D135200" s="14" t="s">
        <v>244</v>
      </c>
      <c r="E135200" s="15">
        <v>45526</v>
      </c>
      <c r="F135200" s="14" t="s">
        <v>61</v>
      </c>
      <c r="G135200" s="16">
        <v>0</v>
      </c>
    </row>
    <row r="135201" spans="1:7" x14ac:dyDescent="0.3">
      <c r="A135201" s="13" t="s">
        <v>608</v>
      </c>
      <c r="B135201" s="14" t="s">
        <v>1</v>
      </c>
      <c r="C135201" s="14" t="s">
        <v>596</v>
      </c>
      <c r="D135201" s="14" t="s">
        <v>244</v>
      </c>
      <c r="E135201" s="15">
        <v>45527</v>
      </c>
      <c r="F135201" s="14" t="s">
        <v>61</v>
      </c>
      <c r="G135201" s="16">
        <v>0</v>
      </c>
    </row>
    <row r="135202" spans="1:7" x14ac:dyDescent="0.3">
      <c r="A135202" s="13" t="s">
        <v>608</v>
      </c>
      <c r="B135202" s="14" t="s">
        <v>1</v>
      </c>
      <c r="C135202" s="14" t="s">
        <v>596</v>
      </c>
      <c r="D135202" s="14" t="s">
        <v>244</v>
      </c>
      <c r="E135202" s="15">
        <v>45528</v>
      </c>
      <c r="F135202" s="14" t="s">
        <v>61</v>
      </c>
      <c r="G135202" s="16">
        <v>0</v>
      </c>
    </row>
    <row r="135203" spans="1:7" x14ac:dyDescent="0.3">
      <c r="A135203" s="13" t="s">
        <v>608</v>
      </c>
      <c r="B135203" s="14" t="s">
        <v>1</v>
      </c>
      <c r="C135203" s="14" t="s">
        <v>596</v>
      </c>
      <c r="D135203" s="14" t="s">
        <v>244</v>
      </c>
      <c r="E135203" s="15">
        <v>45529</v>
      </c>
      <c r="F135203" s="14" t="s">
        <v>61</v>
      </c>
      <c r="G135203" s="16">
        <v>0</v>
      </c>
    </row>
    <row r="135204" spans="1:7" x14ac:dyDescent="0.3">
      <c r="A135204" s="13" t="s">
        <v>608</v>
      </c>
      <c r="B135204" s="14" t="s">
        <v>1</v>
      </c>
      <c r="C135204" s="14" t="s">
        <v>596</v>
      </c>
      <c r="D135204" s="14" t="s">
        <v>244</v>
      </c>
      <c r="E135204" s="15">
        <v>45530</v>
      </c>
      <c r="F135204" s="14" t="s">
        <v>61</v>
      </c>
      <c r="G135204" s="16">
        <v>0</v>
      </c>
    </row>
    <row r="135205" spans="1:7" x14ac:dyDescent="0.3">
      <c r="A135205" s="13" t="s">
        <v>608</v>
      </c>
      <c r="B135205" s="14" t="s">
        <v>1</v>
      </c>
      <c r="C135205" s="14" t="s">
        <v>596</v>
      </c>
      <c r="D135205" s="14" t="s">
        <v>244</v>
      </c>
      <c r="E135205" s="15">
        <v>45531</v>
      </c>
      <c r="F135205" s="14" t="s">
        <v>61</v>
      </c>
      <c r="G135205" s="16">
        <v>0</v>
      </c>
    </row>
    <row r="135206" spans="1:7" x14ac:dyDescent="0.3">
      <c r="A135206" s="13" t="s">
        <v>608</v>
      </c>
      <c r="B135206" s="14" t="s">
        <v>1</v>
      </c>
      <c r="C135206" s="14" t="s">
        <v>596</v>
      </c>
      <c r="D135206" s="14" t="s">
        <v>244</v>
      </c>
      <c r="E135206" s="15">
        <v>45532</v>
      </c>
      <c r="F135206" s="14" t="s">
        <v>61</v>
      </c>
      <c r="G135206" s="16">
        <v>0</v>
      </c>
    </row>
    <row r="135207" spans="1:7" x14ac:dyDescent="0.3">
      <c r="A135207" s="13" t="s">
        <v>608</v>
      </c>
      <c r="B135207" s="14" t="s">
        <v>1</v>
      </c>
      <c r="C135207" s="14" t="s">
        <v>596</v>
      </c>
      <c r="D135207" s="14" t="s">
        <v>244</v>
      </c>
      <c r="E135207" s="15">
        <v>45533</v>
      </c>
      <c r="F135207" s="14" t="s">
        <v>61</v>
      </c>
      <c r="G135207" s="16">
        <v>0</v>
      </c>
    </row>
    <row r="135208" spans="1:7" x14ac:dyDescent="0.3">
      <c r="A135208" s="13" t="s">
        <v>608</v>
      </c>
      <c r="B135208" s="14" t="s">
        <v>1</v>
      </c>
      <c r="C135208" s="14" t="s">
        <v>596</v>
      </c>
      <c r="D135208" s="14" t="s">
        <v>244</v>
      </c>
      <c r="E135208" s="15">
        <v>45534</v>
      </c>
      <c r="F135208" s="14" t="s">
        <v>61</v>
      </c>
      <c r="G135208" s="16">
        <v>0</v>
      </c>
    </row>
    <row r="135209" spans="1:7" x14ac:dyDescent="0.3">
      <c r="A135209" s="13" t="s">
        <v>608</v>
      </c>
      <c r="B135209" s="14" t="s">
        <v>1</v>
      </c>
      <c r="C135209" s="14" t="s">
        <v>596</v>
      </c>
      <c r="D135209" s="14" t="s">
        <v>244</v>
      </c>
      <c r="E135209" s="15">
        <v>45535</v>
      </c>
      <c r="F135209" s="14" t="s">
        <v>61</v>
      </c>
      <c r="G135209" s="16">
        <v>0</v>
      </c>
    </row>
    <row r="135210" spans="1:7" x14ac:dyDescent="0.3">
      <c r="A135210" s="13" t="s">
        <v>608</v>
      </c>
      <c r="B135210" s="14" t="s">
        <v>1</v>
      </c>
      <c r="C135210" s="14" t="s">
        <v>596</v>
      </c>
      <c r="D135210" s="14" t="s">
        <v>244</v>
      </c>
      <c r="E135210" s="15">
        <v>45536</v>
      </c>
      <c r="F135210" s="14" t="s">
        <v>61</v>
      </c>
      <c r="G135210" s="16">
        <v>0</v>
      </c>
    </row>
    <row r="135211" spans="1:7" x14ac:dyDescent="0.3">
      <c r="A135211" s="13" t="s">
        <v>608</v>
      </c>
      <c r="B135211" s="14" t="s">
        <v>1</v>
      </c>
      <c r="C135211" s="14" t="s">
        <v>596</v>
      </c>
      <c r="D135211" s="14" t="s">
        <v>244</v>
      </c>
      <c r="E135211" s="15">
        <v>45537</v>
      </c>
      <c r="F135211" s="14" t="s">
        <v>61</v>
      </c>
      <c r="G135211" s="16">
        <v>0</v>
      </c>
    </row>
    <row r="135212" spans="1:7" x14ac:dyDescent="0.3">
      <c r="A135212" s="13" t="s">
        <v>608</v>
      </c>
      <c r="B135212" s="14" t="s">
        <v>1</v>
      </c>
      <c r="C135212" s="14" t="s">
        <v>596</v>
      </c>
      <c r="D135212" s="14" t="s">
        <v>244</v>
      </c>
      <c r="E135212" s="15">
        <v>45538</v>
      </c>
      <c r="F135212" s="14" t="s">
        <v>61</v>
      </c>
      <c r="G135212" s="16">
        <v>0</v>
      </c>
    </row>
    <row r="135213" spans="1:7" x14ac:dyDescent="0.3">
      <c r="A135213" s="13" t="s">
        <v>608</v>
      </c>
      <c r="B135213" s="14" t="s">
        <v>1</v>
      </c>
      <c r="C135213" s="14" t="s">
        <v>596</v>
      </c>
      <c r="D135213" s="14" t="s">
        <v>244</v>
      </c>
      <c r="E135213" s="15">
        <v>45539</v>
      </c>
      <c r="F135213" s="14" t="s">
        <v>61</v>
      </c>
      <c r="G135213" s="16">
        <v>0</v>
      </c>
    </row>
    <row r="135214" spans="1:7" x14ac:dyDescent="0.3">
      <c r="A135214" s="13" t="s">
        <v>608</v>
      </c>
      <c r="B135214" s="14" t="s">
        <v>1</v>
      </c>
      <c r="C135214" s="14" t="s">
        <v>596</v>
      </c>
      <c r="D135214" s="14" t="s">
        <v>244</v>
      </c>
      <c r="E135214" s="15">
        <v>45540</v>
      </c>
      <c r="F135214" s="14" t="s">
        <v>61</v>
      </c>
      <c r="G135214" s="16">
        <v>0</v>
      </c>
    </row>
    <row r="135215" spans="1:7" x14ac:dyDescent="0.3">
      <c r="A135215" s="13" t="s">
        <v>608</v>
      </c>
      <c r="B135215" s="14" t="s">
        <v>1</v>
      </c>
      <c r="C135215" s="14" t="s">
        <v>596</v>
      </c>
      <c r="D135215" s="14" t="s">
        <v>244</v>
      </c>
      <c r="E135215" s="15">
        <v>45541</v>
      </c>
      <c r="F135215" s="14" t="s">
        <v>61</v>
      </c>
      <c r="G135215" s="16">
        <v>0</v>
      </c>
    </row>
    <row r="135216" spans="1:7" x14ac:dyDescent="0.3">
      <c r="A135216" s="13" t="s">
        <v>608</v>
      </c>
      <c r="B135216" s="14" t="s">
        <v>1</v>
      </c>
      <c r="C135216" s="14" t="s">
        <v>596</v>
      </c>
      <c r="D135216" s="14" t="s">
        <v>244</v>
      </c>
      <c r="E135216" s="15">
        <v>45542</v>
      </c>
      <c r="F135216" s="14" t="s">
        <v>61</v>
      </c>
      <c r="G135216" s="16">
        <v>0</v>
      </c>
    </row>
    <row r="135217" spans="1:7" x14ac:dyDescent="0.3">
      <c r="A135217" s="13" t="s">
        <v>608</v>
      </c>
      <c r="B135217" s="14" t="s">
        <v>1</v>
      </c>
      <c r="C135217" s="14" t="s">
        <v>596</v>
      </c>
      <c r="D135217" s="14" t="s">
        <v>244</v>
      </c>
      <c r="E135217" s="15">
        <v>45543</v>
      </c>
      <c r="F135217" s="14" t="s">
        <v>61</v>
      </c>
      <c r="G135217" s="16">
        <v>0</v>
      </c>
    </row>
    <row r="135218" spans="1:7" x14ac:dyDescent="0.3">
      <c r="A135218" s="13" t="s">
        <v>608</v>
      </c>
      <c r="B135218" s="14" t="s">
        <v>1</v>
      </c>
      <c r="C135218" s="14" t="s">
        <v>596</v>
      </c>
      <c r="D135218" s="14" t="s">
        <v>244</v>
      </c>
      <c r="E135218" s="15">
        <v>45544</v>
      </c>
      <c r="F135218" s="14" t="s">
        <v>61</v>
      </c>
      <c r="G135218" s="16">
        <v>0</v>
      </c>
    </row>
    <row r="135219" spans="1:7" x14ac:dyDescent="0.3">
      <c r="A135219" s="13" t="s">
        <v>608</v>
      </c>
      <c r="B135219" s="14" t="s">
        <v>1</v>
      </c>
      <c r="C135219" s="14" t="s">
        <v>596</v>
      </c>
      <c r="D135219" s="14" t="s">
        <v>244</v>
      </c>
      <c r="E135219" s="15">
        <v>45545</v>
      </c>
      <c r="F135219" s="14" t="s">
        <v>61</v>
      </c>
      <c r="G135219" s="16">
        <v>0</v>
      </c>
    </row>
    <row r="135220" spans="1:7" x14ac:dyDescent="0.3">
      <c r="A135220" s="13" t="s">
        <v>608</v>
      </c>
      <c r="B135220" s="14" t="s">
        <v>1</v>
      </c>
      <c r="C135220" s="14" t="s">
        <v>596</v>
      </c>
      <c r="D135220" s="14" t="s">
        <v>244</v>
      </c>
      <c r="E135220" s="15">
        <v>45546</v>
      </c>
      <c r="F135220" s="14" t="s">
        <v>61</v>
      </c>
      <c r="G135220" s="16">
        <v>0</v>
      </c>
    </row>
    <row r="135221" spans="1:7" x14ac:dyDescent="0.3">
      <c r="A135221" s="13" t="s">
        <v>608</v>
      </c>
      <c r="B135221" s="14" t="s">
        <v>1</v>
      </c>
      <c r="C135221" s="14" t="s">
        <v>596</v>
      </c>
      <c r="D135221" s="14" t="s">
        <v>244</v>
      </c>
      <c r="E135221" s="15">
        <v>45547</v>
      </c>
      <c r="F135221" s="14" t="s">
        <v>61</v>
      </c>
      <c r="G135221" s="16">
        <v>0</v>
      </c>
    </row>
    <row r="135222" spans="1:7" x14ac:dyDescent="0.3">
      <c r="A135222" s="13" t="s">
        <v>608</v>
      </c>
      <c r="B135222" s="14" t="s">
        <v>1</v>
      </c>
      <c r="C135222" s="14" t="s">
        <v>596</v>
      </c>
      <c r="D135222" s="14" t="s">
        <v>244</v>
      </c>
      <c r="E135222" s="15">
        <v>45548</v>
      </c>
      <c r="F135222" s="14" t="s">
        <v>61</v>
      </c>
      <c r="G135222" s="16">
        <v>0</v>
      </c>
    </row>
    <row r="135223" spans="1:7" x14ac:dyDescent="0.3">
      <c r="A135223" s="13" t="s">
        <v>608</v>
      </c>
      <c r="B135223" s="14" t="s">
        <v>1</v>
      </c>
      <c r="C135223" s="14" t="s">
        <v>596</v>
      </c>
      <c r="D135223" s="14" t="s">
        <v>244</v>
      </c>
      <c r="E135223" s="15">
        <v>45549</v>
      </c>
      <c r="F135223" s="14" t="s">
        <v>61</v>
      </c>
      <c r="G135223" s="16">
        <v>0</v>
      </c>
    </row>
    <row r="135224" spans="1:7" x14ac:dyDescent="0.3">
      <c r="A135224" s="13" t="s">
        <v>608</v>
      </c>
      <c r="B135224" s="14" t="s">
        <v>1</v>
      </c>
      <c r="C135224" s="14" t="s">
        <v>596</v>
      </c>
      <c r="D135224" s="14" t="s">
        <v>244</v>
      </c>
      <c r="E135224" s="15">
        <v>45550</v>
      </c>
      <c r="F135224" s="14" t="s">
        <v>61</v>
      </c>
      <c r="G135224" s="16">
        <v>0</v>
      </c>
    </row>
    <row r="135225" spans="1:7" x14ac:dyDescent="0.3">
      <c r="A135225" s="13" t="s">
        <v>608</v>
      </c>
      <c r="B135225" s="14" t="s">
        <v>1</v>
      </c>
      <c r="C135225" s="14" t="s">
        <v>596</v>
      </c>
      <c r="D135225" s="14" t="s">
        <v>244</v>
      </c>
      <c r="E135225" s="15">
        <v>45551</v>
      </c>
      <c r="F135225" s="14" t="s">
        <v>61</v>
      </c>
      <c r="G135225" s="16">
        <v>0</v>
      </c>
    </row>
    <row r="135226" spans="1:7" x14ac:dyDescent="0.3">
      <c r="A135226" s="13" t="s">
        <v>608</v>
      </c>
      <c r="B135226" s="14" t="s">
        <v>1</v>
      </c>
      <c r="C135226" s="14" t="s">
        <v>596</v>
      </c>
      <c r="D135226" s="14" t="s">
        <v>244</v>
      </c>
      <c r="E135226" s="15">
        <v>45552</v>
      </c>
      <c r="F135226" s="14" t="s">
        <v>61</v>
      </c>
      <c r="G135226" s="16">
        <v>0</v>
      </c>
    </row>
    <row r="135227" spans="1:7" x14ac:dyDescent="0.3">
      <c r="A135227" s="13" t="s">
        <v>608</v>
      </c>
      <c r="B135227" s="14" t="s">
        <v>1</v>
      </c>
      <c r="C135227" s="14" t="s">
        <v>596</v>
      </c>
      <c r="D135227" s="14" t="s">
        <v>244</v>
      </c>
      <c r="E135227" s="15">
        <v>45553</v>
      </c>
      <c r="F135227" s="14" t="s">
        <v>61</v>
      </c>
      <c r="G135227" s="16">
        <v>0</v>
      </c>
    </row>
    <row r="135228" spans="1:7" x14ac:dyDescent="0.3">
      <c r="A135228" s="13" t="s">
        <v>608</v>
      </c>
      <c r="B135228" s="14" t="s">
        <v>1</v>
      </c>
      <c r="C135228" s="14" t="s">
        <v>596</v>
      </c>
      <c r="D135228" s="14" t="s">
        <v>244</v>
      </c>
      <c r="E135228" s="15">
        <v>45554</v>
      </c>
      <c r="F135228" s="14" t="s">
        <v>61</v>
      </c>
      <c r="G135228" s="16">
        <v>0</v>
      </c>
    </row>
    <row r="135229" spans="1:7" x14ac:dyDescent="0.3">
      <c r="A135229" s="13" t="s">
        <v>608</v>
      </c>
      <c r="B135229" s="14" t="s">
        <v>1</v>
      </c>
      <c r="C135229" s="14" t="s">
        <v>596</v>
      </c>
      <c r="D135229" s="14" t="s">
        <v>244</v>
      </c>
      <c r="E135229" s="15">
        <v>45555</v>
      </c>
      <c r="F135229" s="14" t="s">
        <v>61</v>
      </c>
      <c r="G135229" s="16">
        <v>0</v>
      </c>
    </row>
    <row r="135230" spans="1:7" x14ac:dyDescent="0.3">
      <c r="A135230" s="13" t="s">
        <v>608</v>
      </c>
      <c r="B135230" s="14" t="s">
        <v>1</v>
      </c>
      <c r="C135230" s="14" t="s">
        <v>596</v>
      </c>
      <c r="D135230" s="14" t="s">
        <v>244</v>
      </c>
      <c r="E135230" s="15">
        <v>45556</v>
      </c>
      <c r="F135230" s="14" t="s">
        <v>61</v>
      </c>
      <c r="G135230" s="16">
        <v>0</v>
      </c>
    </row>
    <row r="135231" spans="1:7" x14ac:dyDescent="0.3">
      <c r="A135231" s="13" t="s">
        <v>608</v>
      </c>
      <c r="B135231" s="14" t="s">
        <v>1</v>
      </c>
      <c r="C135231" s="14" t="s">
        <v>596</v>
      </c>
      <c r="D135231" s="14" t="s">
        <v>244</v>
      </c>
      <c r="E135231" s="15">
        <v>45557</v>
      </c>
      <c r="F135231" s="14" t="s">
        <v>61</v>
      </c>
      <c r="G135231" s="16">
        <v>0</v>
      </c>
    </row>
    <row r="135232" spans="1:7" x14ac:dyDescent="0.3">
      <c r="A135232" s="13" t="s">
        <v>608</v>
      </c>
      <c r="B135232" s="14" t="s">
        <v>1</v>
      </c>
      <c r="C135232" s="14" t="s">
        <v>596</v>
      </c>
      <c r="D135232" s="14" t="s">
        <v>244</v>
      </c>
      <c r="E135232" s="15">
        <v>45558</v>
      </c>
      <c r="F135232" s="14" t="s">
        <v>61</v>
      </c>
      <c r="G135232" s="16">
        <v>0</v>
      </c>
    </row>
    <row r="135233" spans="1:7" x14ac:dyDescent="0.3">
      <c r="A135233" s="13" t="s">
        <v>608</v>
      </c>
      <c r="B135233" s="14" t="s">
        <v>1</v>
      </c>
      <c r="C135233" s="14" t="s">
        <v>596</v>
      </c>
      <c r="D135233" s="14" t="s">
        <v>244</v>
      </c>
      <c r="E135233" s="15">
        <v>45559</v>
      </c>
      <c r="F135233" s="14" t="s">
        <v>61</v>
      </c>
      <c r="G135233" s="16">
        <v>0</v>
      </c>
    </row>
    <row r="135234" spans="1:7" x14ac:dyDescent="0.3">
      <c r="A135234" s="13" t="s">
        <v>608</v>
      </c>
      <c r="B135234" s="14" t="s">
        <v>1</v>
      </c>
      <c r="C135234" s="14" t="s">
        <v>596</v>
      </c>
      <c r="D135234" s="14" t="s">
        <v>244</v>
      </c>
      <c r="E135234" s="15">
        <v>45560</v>
      </c>
      <c r="F135234" s="14" t="s">
        <v>61</v>
      </c>
      <c r="G135234" s="16">
        <v>0</v>
      </c>
    </row>
    <row r="135235" spans="1:7" x14ac:dyDescent="0.3">
      <c r="A135235" s="13" t="s">
        <v>608</v>
      </c>
      <c r="B135235" s="14" t="s">
        <v>1</v>
      </c>
      <c r="C135235" s="14" t="s">
        <v>596</v>
      </c>
      <c r="D135235" s="14" t="s">
        <v>244</v>
      </c>
      <c r="E135235" s="15">
        <v>45561</v>
      </c>
      <c r="F135235" s="14" t="s">
        <v>61</v>
      </c>
      <c r="G135235" s="16">
        <v>0</v>
      </c>
    </row>
    <row r="135236" spans="1:7" x14ac:dyDescent="0.3">
      <c r="A135236" s="13" t="s">
        <v>608</v>
      </c>
      <c r="B135236" s="14" t="s">
        <v>1</v>
      </c>
      <c r="C135236" s="14" t="s">
        <v>596</v>
      </c>
      <c r="D135236" s="14" t="s">
        <v>244</v>
      </c>
      <c r="E135236" s="15">
        <v>45562</v>
      </c>
      <c r="F135236" s="14" t="s">
        <v>61</v>
      </c>
      <c r="G135236" s="16">
        <v>0</v>
      </c>
    </row>
    <row r="135237" spans="1:7" x14ac:dyDescent="0.3">
      <c r="A135237" s="13" t="s">
        <v>608</v>
      </c>
      <c r="B135237" s="14" t="s">
        <v>1</v>
      </c>
      <c r="C135237" s="14" t="s">
        <v>596</v>
      </c>
      <c r="D135237" s="14" t="s">
        <v>244</v>
      </c>
      <c r="E135237" s="15">
        <v>45563</v>
      </c>
      <c r="F135237" s="14" t="s">
        <v>61</v>
      </c>
      <c r="G135237" s="16">
        <v>0</v>
      </c>
    </row>
    <row r="135238" spans="1:7" x14ac:dyDescent="0.3">
      <c r="A135238" s="13" t="s">
        <v>608</v>
      </c>
      <c r="B135238" s="14" t="s">
        <v>1</v>
      </c>
      <c r="C135238" s="14" t="s">
        <v>596</v>
      </c>
      <c r="D135238" s="14" t="s">
        <v>244</v>
      </c>
      <c r="E135238" s="15">
        <v>45564</v>
      </c>
      <c r="F135238" s="14" t="s">
        <v>61</v>
      </c>
      <c r="G135238" s="16">
        <v>0</v>
      </c>
    </row>
    <row r="135239" spans="1:7" x14ac:dyDescent="0.3">
      <c r="A135239" s="13" t="s">
        <v>608</v>
      </c>
      <c r="B135239" s="14" t="s">
        <v>1</v>
      </c>
      <c r="C135239" s="14" t="s">
        <v>596</v>
      </c>
      <c r="D135239" s="14" t="s">
        <v>244</v>
      </c>
      <c r="E135239" s="15">
        <v>45565</v>
      </c>
      <c r="F135239" s="14" t="s">
        <v>61</v>
      </c>
      <c r="G135239" s="16">
        <v>0</v>
      </c>
    </row>
    <row r="135240" spans="1:7" x14ac:dyDescent="0.3">
      <c r="A135240" s="13" t="s">
        <v>608</v>
      </c>
      <c r="B135240" s="14" t="s">
        <v>1</v>
      </c>
      <c r="C135240" s="14" t="s">
        <v>596</v>
      </c>
      <c r="D135240" s="14" t="s">
        <v>244</v>
      </c>
      <c r="E135240" s="15">
        <v>45566</v>
      </c>
      <c r="F135240" s="14" t="s">
        <v>61</v>
      </c>
      <c r="G135240" s="16">
        <v>0</v>
      </c>
    </row>
    <row r="135241" spans="1:7" x14ac:dyDescent="0.3">
      <c r="A135241" s="13" t="s">
        <v>608</v>
      </c>
      <c r="B135241" s="14" t="s">
        <v>1</v>
      </c>
      <c r="C135241" s="14" t="s">
        <v>596</v>
      </c>
      <c r="D135241" s="14" t="s">
        <v>244</v>
      </c>
      <c r="E135241" s="15">
        <v>45567</v>
      </c>
      <c r="F135241" s="14" t="s">
        <v>61</v>
      </c>
      <c r="G135241" s="16">
        <v>0</v>
      </c>
    </row>
    <row r="135242" spans="1:7" x14ac:dyDescent="0.3">
      <c r="A135242" s="13" t="s">
        <v>608</v>
      </c>
      <c r="B135242" s="14" t="s">
        <v>1</v>
      </c>
      <c r="C135242" s="14" t="s">
        <v>596</v>
      </c>
      <c r="D135242" s="14" t="s">
        <v>244</v>
      </c>
      <c r="E135242" s="15">
        <v>45568</v>
      </c>
      <c r="F135242" s="14" t="s">
        <v>61</v>
      </c>
      <c r="G135242" s="16">
        <v>0</v>
      </c>
    </row>
    <row r="135243" spans="1:7" x14ac:dyDescent="0.3">
      <c r="A135243" s="13" t="s">
        <v>608</v>
      </c>
      <c r="B135243" s="14" t="s">
        <v>1</v>
      </c>
      <c r="C135243" s="14" t="s">
        <v>596</v>
      </c>
      <c r="D135243" s="14" t="s">
        <v>244</v>
      </c>
      <c r="E135243" s="15">
        <v>45569</v>
      </c>
      <c r="F135243" s="14" t="s">
        <v>61</v>
      </c>
      <c r="G135243" s="16">
        <v>0</v>
      </c>
    </row>
    <row r="135244" spans="1:7" x14ac:dyDescent="0.3">
      <c r="A135244" s="13" t="s">
        <v>608</v>
      </c>
      <c r="B135244" s="14" t="s">
        <v>1</v>
      </c>
      <c r="C135244" s="14" t="s">
        <v>596</v>
      </c>
      <c r="D135244" s="14" t="s">
        <v>244</v>
      </c>
      <c r="E135244" s="15">
        <v>45570</v>
      </c>
      <c r="F135244" s="14" t="s">
        <v>61</v>
      </c>
      <c r="G135244" s="16">
        <v>0</v>
      </c>
    </row>
    <row r="135245" spans="1:7" x14ac:dyDescent="0.3">
      <c r="A135245" s="13" t="s">
        <v>608</v>
      </c>
      <c r="B135245" s="14" t="s">
        <v>1</v>
      </c>
      <c r="C135245" s="14" t="s">
        <v>596</v>
      </c>
      <c r="D135245" s="14" t="s">
        <v>244</v>
      </c>
      <c r="E135245" s="15">
        <v>45571</v>
      </c>
      <c r="F135245" s="14" t="s">
        <v>61</v>
      </c>
      <c r="G135245" s="16">
        <v>0</v>
      </c>
    </row>
    <row r="135246" spans="1:7" x14ac:dyDescent="0.3">
      <c r="A135246" s="13" t="s">
        <v>608</v>
      </c>
      <c r="B135246" s="14" t="s">
        <v>1</v>
      </c>
      <c r="C135246" s="14" t="s">
        <v>596</v>
      </c>
      <c r="D135246" s="14" t="s">
        <v>244</v>
      </c>
      <c r="E135246" s="15">
        <v>45572</v>
      </c>
      <c r="F135246" s="14" t="s">
        <v>61</v>
      </c>
      <c r="G135246" s="16">
        <v>0</v>
      </c>
    </row>
    <row r="135247" spans="1:7" x14ac:dyDescent="0.3">
      <c r="A135247" s="13" t="s">
        <v>608</v>
      </c>
      <c r="B135247" s="14" t="s">
        <v>1</v>
      </c>
      <c r="C135247" s="14" t="s">
        <v>596</v>
      </c>
      <c r="D135247" s="14" t="s">
        <v>244</v>
      </c>
      <c r="E135247" s="15">
        <v>45573</v>
      </c>
      <c r="F135247" s="14" t="s">
        <v>61</v>
      </c>
      <c r="G135247" s="16">
        <v>0</v>
      </c>
    </row>
    <row r="135248" spans="1:7" x14ac:dyDescent="0.3">
      <c r="A135248" s="13" t="s">
        <v>608</v>
      </c>
      <c r="B135248" s="14" t="s">
        <v>1</v>
      </c>
      <c r="C135248" s="14" t="s">
        <v>596</v>
      </c>
      <c r="D135248" s="14" t="s">
        <v>244</v>
      </c>
      <c r="E135248" s="15">
        <v>45574</v>
      </c>
      <c r="F135248" s="14" t="s">
        <v>61</v>
      </c>
      <c r="G135248" s="16">
        <v>0</v>
      </c>
    </row>
    <row r="135249" spans="1:7" x14ac:dyDescent="0.3">
      <c r="A135249" s="13" t="s">
        <v>608</v>
      </c>
      <c r="B135249" s="14" t="s">
        <v>1</v>
      </c>
      <c r="C135249" s="14" t="s">
        <v>596</v>
      </c>
      <c r="D135249" s="14" t="s">
        <v>244</v>
      </c>
      <c r="E135249" s="15">
        <v>45575</v>
      </c>
      <c r="F135249" s="14" t="s">
        <v>61</v>
      </c>
      <c r="G135249" s="16">
        <v>0</v>
      </c>
    </row>
    <row r="135250" spans="1:7" x14ac:dyDescent="0.3">
      <c r="A135250" s="13" t="s">
        <v>608</v>
      </c>
      <c r="B135250" s="14" t="s">
        <v>1</v>
      </c>
      <c r="C135250" s="14" t="s">
        <v>596</v>
      </c>
      <c r="D135250" s="14" t="s">
        <v>244</v>
      </c>
      <c r="E135250" s="15">
        <v>45576</v>
      </c>
      <c r="F135250" s="14" t="s">
        <v>61</v>
      </c>
      <c r="G135250" s="16">
        <v>0</v>
      </c>
    </row>
    <row r="135251" spans="1:7" x14ac:dyDescent="0.3">
      <c r="A135251" s="13" t="s">
        <v>608</v>
      </c>
      <c r="B135251" s="14" t="s">
        <v>1</v>
      </c>
      <c r="C135251" s="14" t="s">
        <v>596</v>
      </c>
      <c r="D135251" s="14" t="s">
        <v>244</v>
      </c>
      <c r="E135251" s="15">
        <v>45577</v>
      </c>
      <c r="F135251" s="14" t="s">
        <v>61</v>
      </c>
      <c r="G135251" s="16">
        <v>0</v>
      </c>
    </row>
    <row r="135252" spans="1:7" x14ac:dyDescent="0.3">
      <c r="A135252" s="13" t="s">
        <v>608</v>
      </c>
      <c r="B135252" s="14" t="s">
        <v>1</v>
      </c>
      <c r="C135252" s="14" t="s">
        <v>596</v>
      </c>
      <c r="D135252" s="14" t="s">
        <v>244</v>
      </c>
      <c r="E135252" s="15">
        <v>45578</v>
      </c>
      <c r="F135252" s="14" t="s">
        <v>61</v>
      </c>
      <c r="G135252" s="16">
        <v>0</v>
      </c>
    </row>
    <row r="135253" spans="1:7" x14ac:dyDescent="0.3">
      <c r="A135253" s="13" t="s">
        <v>608</v>
      </c>
      <c r="B135253" s="14" t="s">
        <v>1</v>
      </c>
      <c r="C135253" s="14" t="s">
        <v>596</v>
      </c>
      <c r="D135253" s="14" t="s">
        <v>244</v>
      </c>
      <c r="E135253" s="15">
        <v>45579</v>
      </c>
      <c r="F135253" s="14" t="s">
        <v>61</v>
      </c>
      <c r="G135253" s="16">
        <v>0</v>
      </c>
    </row>
    <row r="135254" spans="1:7" x14ac:dyDescent="0.3">
      <c r="A135254" s="13" t="s">
        <v>608</v>
      </c>
      <c r="B135254" s="14" t="s">
        <v>1</v>
      </c>
      <c r="C135254" s="14" t="s">
        <v>596</v>
      </c>
      <c r="D135254" s="14" t="s">
        <v>244</v>
      </c>
      <c r="E135254" s="15">
        <v>45580</v>
      </c>
      <c r="F135254" s="14" t="s">
        <v>61</v>
      </c>
      <c r="G135254" s="16">
        <v>0</v>
      </c>
    </row>
    <row r="135255" spans="1:7" x14ac:dyDescent="0.3">
      <c r="A135255" s="13" t="s">
        <v>608</v>
      </c>
      <c r="B135255" s="14" t="s">
        <v>1</v>
      </c>
      <c r="C135255" s="14" t="s">
        <v>596</v>
      </c>
      <c r="D135255" s="14" t="s">
        <v>244</v>
      </c>
      <c r="E135255" s="15">
        <v>45581</v>
      </c>
      <c r="F135255" s="14" t="s">
        <v>61</v>
      </c>
      <c r="G135255" s="16">
        <v>0</v>
      </c>
    </row>
    <row r="135256" spans="1:7" x14ac:dyDescent="0.3">
      <c r="A135256" s="13" t="s">
        <v>608</v>
      </c>
      <c r="B135256" s="14" t="s">
        <v>1</v>
      </c>
      <c r="C135256" s="14" t="s">
        <v>596</v>
      </c>
      <c r="D135256" s="14" t="s">
        <v>244</v>
      </c>
      <c r="E135256" s="15">
        <v>45582</v>
      </c>
      <c r="F135256" s="14" t="s">
        <v>61</v>
      </c>
      <c r="G135256" s="16">
        <v>0</v>
      </c>
    </row>
    <row r="135257" spans="1:7" x14ac:dyDescent="0.3">
      <c r="A135257" s="13" t="s">
        <v>608</v>
      </c>
      <c r="B135257" s="14" t="s">
        <v>1</v>
      </c>
      <c r="C135257" s="14" t="s">
        <v>596</v>
      </c>
      <c r="D135257" s="14" t="s">
        <v>244</v>
      </c>
      <c r="E135257" s="15">
        <v>45583</v>
      </c>
      <c r="F135257" s="14" t="s">
        <v>61</v>
      </c>
      <c r="G135257" s="16">
        <v>0</v>
      </c>
    </row>
    <row r="135258" spans="1:7" x14ac:dyDescent="0.3">
      <c r="A135258" s="13" t="s">
        <v>608</v>
      </c>
      <c r="B135258" s="14" t="s">
        <v>1</v>
      </c>
      <c r="C135258" s="14" t="s">
        <v>596</v>
      </c>
      <c r="D135258" s="14" t="s">
        <v>244</v>
      </c>
      <c r="E135258" s="15">
        <v>45584</v>
      </c>
      <c r="F135258" s="14" t="s">
        <v>61</v>
      </c>
      <c r="G135258" s="16">
        <v>0</v>
      </c>
    </row>
    <row r="135259" spans="1:7" x14ac:dyDescent="0.3">
      <c r="A135259" s="13" t="s">
        <v>608</v>
      </c>
      <c r="B135259" s="14" t="s">
        <v>1</v>
      </c>
      <c r="C135259" s="14" t="s">
        <v>596</v>
      </c>
      <c r="D135259" s="14" t="s">
        <v>244</v>
      </c>
      <c r="E135259" s="15">
        <v>45585</v>
      </c>
      <c r="F135259" s="14" t="s">
        <v>61</v>
      </c>
      <c r="G135259" s="16">
        <v>0</v>
      </c>
    </row>
    <row r="135260" spans="1:7" x14ac:dyDescent="0.3">
      <c r="A135260" s="13" t="s">
        <v>608</v>
      </c>
      <c r="B135260" s="14" t="s">
        <v>1</v>
      </c>
      <c r="C135260" s="14" t="s">
        <v>596</v>
      </c>
      <c r="D135260" s="14" t="s">
        <v>244</v>
      </c>
      <c r="E135260" s="15">
        <v>45586</v>
      </c>
      <c r="F135260" s="14" t="s">
        <v>61</v>
      </c>
      <c r="G135260" s="16">
        <v>0</v>
      </c>
    </row>
    <row r="135261" spans="1:7" x14ac:dyDescent="0.3">
      <c r="A135261" s="13" t="s">
        <v>608</v>
      </c>
      <c r="B135261" s="14" t="s">
        <v>1</v>
      </c>
      <c r="C135261" s="14" t="s">
        <v>596</v>
      </c>
      <c r="D135261" s="14" t="s">
        <v>244</v>
      </c>
      <c r="E135261" s="15">
        <v>45587</v>
      </c>
      <c r="F135261" s="14" t="s">
        <v>61</v>
      </c>
      <c r="G135261" s="16">
        <v>0</v>
      </c>
    </row>
    <row r="135262" spans="1:7" x14ac:dyDescent="0.3">
      <c r="A135262" s="13" t="s">
        <v>608</v>
      </c>
      <c r="B135262" s="14" t="s">
        <v>1</v>
      </c>
      <c r="C135262" s="14" t="s">
        <v>596</v>
      </c>
      <c r="D135262" s="14" t="s">
        <v>244</v>
      </c>
      <c r="E135262" s="15">
        <v>45588</v>
      </c>
      <c r="F135262" s="14" t="s">
        <v>61</v>
      </c>
      <c r="G135262" s="16">
        <v>0</v>
      </c>
    </row>
    <row r="135263" spans="1:7" x14ac:dyDescent="0.3">
      <c r="A135263" s="13" t="s">
        <v>608</v>
      </c>
      <c r="B135263" s="14" t="s">
        <v>1</v>
      </c>
      <c r="C135263" s="14" t="s">
        <v>596</v>
      </c>
      <c r="D135263" s="14" t="s">
        <v>244</v>
      </c>
      <c r="E135263" s="15">
        <v>45589</v>
      </c>
      <c r="F135263" s="14" t="s">
        <v>61</v>
      </c>
      <c r="G135263" s="16">
        <v>0</v>
      </c>
    </row>
    <row r="135264" spans="1:7" x14ac:dyDescent="0.3">
      <c r="A135264" s="13" t="s">
        <v>608</v>
      </c>
      <c r="B135264" s="14" t="s">
        <v>1</v>
      </c>
      <c r="C135264" s="14" t="s">
        <v>596</v>
      </c>
      <c r="D135264" s="14" t="s">
        <v>244</v>
      </c>
      <c r="E135264" s="15">
        <v>45590</v>
      </c>
      <c r="F135264" s="14" t="s">
        <v>61</v>
      </c>
      <c r="G135264" s="16">
        <v>0</v>
      </c>
    </row>
    <row r="135265" spans="1:7" x14ac:dyDescent="0.3">
      <c r="A135265" s="13" t="s">
        <v>608</v>
      </c>
      <c r="B135265" s="14" t="s">
        <v>1</v>
      </c>
      <c r="C135265" s="14" t="s">
        <v>596</v>
      </c>
      <c r="D135265" s="14" t="s">
        <v>244</v>
      </c>
      <c r="E135265" s="15">
        <v>45591</v>
      </c>
      <c r="F135265" s="14" t="s">
        <v>61</v>
      </c>
      <c r="G135265" s="16">
        <v>0</v>
      </c>
    </row>
    <row r="135266" spans="1:7" x14ac:dyDescent="0.3">
      <c r="A135266" s="13" t="s">
        <v>608</v>
      </c>
      <c r="B135266" s="14" t="s">
        <v>1</v>
      </c>
      <c r="C135266" s="14" t="s">
        <v>596</v>
      </c>
      <c r="D135266" s="14" t="s">
        <v>244</v>
      </c>
      <c r="E135266" s="15">
        <v>45592</v>
      </c>
      <c r="F135266" s="14" t="s">
        <v>61</v>
      </c>
      <c r="G135266" s="16">
        <v>0</v>
      </c>
    </row>
    <row r="135267" spans="1:7" x14ac:dyDescent="0.3">
      <c r="A135267" s="13" t="s">
        <v>608</v>
      </c>
      <c r="B135267" s="14" t="s">
        <v>1</v>
      </c>
      <c r="C135267" s="14" t="s">
        <v>596</v>
      </c>
      <c r="D135267" s="14" t="s">
        <v>244</v>
      </c>
      <c r="E135267" s="15">
        <v>45593</v>
      </c>
      <c r="F135267" s="14" t="s">
        <v>61</v>
      </c>
      <c r="G135267" s="16">
        <v>0</v>
      </c>
    </row>
    <row r="135268" spans="1:7" x14ac:dyDescent="0.3">
      <c r="A135268" s="13" t="s">
        <v>608</v>
      </c>
      <c r="B135268" s="14" t="s">
        <v>1</v>
      </c>
      <c r="C135268" s="14" t="s">
        <v>596</v>
      </c>
      <c r="D135268" s="14" t="s">
        <v>244</v>
      </c>
      <c r="E135268" s="15">
        <v>45594</v>
      </c>
      <c r="F135268" s="14" t="s">
        <v>61</v>
      </c>
      <c r="G135268" s="16">
        <v>0</v>
      </c>
    </row>
    <row r="135269" spans="1:7" x14ac:dyDescent="0.3">
      <c r="A135269" s="13" t="s">
        <v>608</v>
      </c>
      <c r="B135269" s="14" t="s">
        <v>1</v>
      </c>
      <c r="C135269" s="14" t="s">
        <v>596</v>
      </c>
      <c r="D135269" s="14" t="s">
        <v>244</v>
      </c>
      <c r="E135269" s="15">
        <v>45595</v>
      </c>
      <c r="F135269" s="14" t="s">
        <v>61</v>
      </c>
      <c r="G135269" s="16">
        <v>0</v>
      </c>
    </row>
    <row r="135270" spans="1:7" x14ac:dyDescent="0.3">
      <c r="A135270" s="13" t="s">
        <v>608</v>
      </c>
      <c r="B135270" s="14" t="s">
        <v>1</v>
      </c>
      <c r="C135270" s="14" t="s">
        <v>596</v>
      </c>
      <c r="D135270" s="14" t="s">
        <v>244</v>
      </c>
      <c r="E135270" s="15">
        <v>45596</v>
      </c>
      <c r="F135270" s="14" t="s">
        <v>61</v>
      </c>
      <c r="G135270" s="16">
        <v>0</v>
      </c>
    </row>
    <row r="135271" spans="1:7" x14ac:dyDescent="0.3">
      <c r="A135271" s="13" t="s">
        <v>608</v>
      </c>
      <c r="B135271" s="14" t="s">
        <v>1</v>
      </c>
      <c r="C135271" s="14" t="s">
        <v>596</v>
      </c>
      <c r="D135271" s="14" t="s">
        <v>244</v>
      </c>
      <c r="E135271" s="15">
        <v>45597</v>
      </c>
      <c r="F135271" s="14" t="s">
        <v>61</v>
      </c>
      <c r="G135271" s="16">
        <v>0</v>
      </c>
    </row>
    <row r="135272" spans="1:7" x14ac:dyDescent="0.3">
      <c r="A135272" s="13" t="s">
        <v>608</v>
      </c>
      <c r="B135272" s="14" t="s">
        <v>1</v>
      </c>
      <c r="C135272" s="14" t="s">
        <v>596</v>
      </c>
      <c r="D135272" s="14" t="s">
        <v>244</v>
      </c>
      <c r="E135272" s="15">
        <v>45598</v>
      </c>
      <c r="F135272" s="14" t="s">
        <v>61</v>
      </c>
      <c r="G135272" s="16">
        <v>0</v>
      </c>
    </row>
    <row r="135273" spans="1:7" x14ac:dyDescent="0.3">
      <c r="A135273" s="13" t="s">
        <v>608</v>
      </c>
      <c r="B135273" s="14" t="s">
        <v>1</v>
      </c>
      <c r="C135273" s="14" t="s">
        <v>596</v>
      </c>
      <c r="D135273" s="14" t="s">
        <v>244</v>
      </c>
      <c r="E135273" s="15">
        <v>45599</v>
      </c>
      <c r="F135273" s="14" t="s">
        <v>61</v>
      </c>
      <c r="G135273" s="16">
        <v>0</v>
      </c>
    </row>
    <row r="135274" spans="1:7" x14ac:dyDescent="0.3">
      <c r="A135274" s="13" t="s">
        <v>608</v>
      </c>
      <c r="B135274" s="14" t="s">
        <v>1</v>
      </c>
      <c r="C135274" s="14" t="s">
        <v>596</v>
      </c>
      <c r="D135274" s="14" t="s">
        <v>244</v>
      </c>
      <c r="E135274" s="15">
        <v>45600</v>
      </c>
      <c r="F135274" s="14" t="s">
        <v>61</v>
      </c>
      <c r="G135274" s="16">
        <v>0</v>
      </c>
    </row>
    <row r="135275" spans="1:7" x14ac:dyDescent="0.3">
      <c r="A135275" s="13" t="s">
        <v>608</v>
      </c>
      <c r="B135275" s="14" t="s">
        <v>1</v>
      </c>
      <c r="C135275" s="14" t="s">
        <v>596</v>
      </c>
      <c r="D135275" s="14" t="s">
        <v>244</v>
      </c>
      <c r="E135275" s="15">
        <v>45601</v>
      </c>
      <c r="F135275" s="14" t="s">
        <v>61</v>
      </c>
      <c r="G135275" s="16">
        <v>0</v>
      </c>
    </row>
    <row r="135276" spans="1:7" x14ac:dyDescent="0.3">
      <c r="A135276" s="13" t="s">
        <v>608</v>
      </c>
      <c r="B135276" s="14" t="s">
        <v>1</v>
      </c>
      <c r="C135276" s="14" t="s">
        <v>596</v>
      </c>
      <c r="D135276" s="14" t="s">
        <v>244</v>
      </c>
      <c r="E135276" s="15">
        <v>45602</v>
      </c>
      <c r="F135276" s="14" t="s">
        <v>61</v>
      </c>
      <c r="G135276" s="16">
        <v>0</v>
      </c>
    </row>
    <row r="135277" spans="1:7" x14ac:dyDescent="0.3">
      <c r="A135277" s="13" t="s">
        <v>608</v>
      </c>
      <c r="B135277" s="14" t="s">
        <v>1</v>
      </c>
      <c r="C135277" s="14" t="s">
        <v>596</v>
      </c>
      <c r="D135277" s="14" t="s">
        <v>244</v>
      </c>
      <c r="E135277" s="15">
        <v>45603</v>
      </c>
      <c r="F135277" s="14" t="s">
        <v>61</v>
      </c>
      <c r="G135277" s="16">
        <v>0</v>
      </c>
    </row>
    <row r="135278" spans="1:7" x14ac:dyDescent="0.3">
      <c r="A135278" s="13" t="s">
        <v>608</v>
      </c>
      <c r="B135278" s="14" t="s">
        <v>1</v>
      </c>
      <c r="C135278" s="14" t="s">
        <v>596</v>
      </c>
      <c r="D135278" s="14" t="s">
        <v>244</v>
      </c>
      <c r="E135278" s="15">
        <v>45604</v>
      </c>
      <c r="F135278" s="14" t="s">
        <v>61</v>
      </c>
      <c r="G135278" s="16">
        <v>0</v>
      </c>
    </row>
    <row r="135279" spans="1:7" x14ac:dyDescent="0.3">
      <c r="A135279" s="13" t="s">
        <v>608</v>
      </c>
      <c r="B135279" s="14" t="s">
        <v>1</v>
      </c>
      <c r="C135279" s="14" t="s">
        <v>596</v>
      </c>
      <c r="D135279" s="14" t="s">
        <v>244</v>
      </c>
      <c r="E135279" s="15">
        <v>45605</v>
      </c>
      <c r="F135279" s="14" t="s">
        <v>61</v>
      </c>
      <c r="G135279" s="16">
        <v>0</v>
      </c>
    </row>
    <row r="135280" spans="1:7" x14ac:dyDescent="0.3">
      <c r="A135280" s="13" t="s">
        <v>608</v>
      </c>
      <c r="B135280" s="14" t="s">
        <v>1</v>
      </c>
      <c r="C135280" s="14" t="s">
        <v>596</v>
      </c>
      <c r="D135280" s="14" t="s">
        <v>244</v>
      </c>
      <c r="E135280" s="15">
        <v>45606</v>
      </c>
      <c r="F135280" s="14" t="s">
        <v>61</v>
      </c>
      <c r="G135280" s="16">
        <v>0</v>
      </c>
    </row>
    <row r="135281" spans="1:7" x14ac:dyDescent="0.3">
      <c r="A135281" s="13" t="s">
        <v>608</v>
      </c>
      <c r="B135281" s="14" t="s">
        <v>1</v>
      </c>
      <c r="C135281" s="14" t="s">
        <v>596</v>
      </c>
      <c r="D135281" s="14" t="s">
        <v>244</v>
      </c>
      <c r="E135281" s="15">
        <v>45607</v>
      </c>
      <c r="F135281" s="14" t="s">
        <v>61</v>
      </c>
      <c r="G135281" s="16">
        <v>0</v>
      </c>
    </row>
    <row r="135282" spans="1:7" x14ac:dyDescent="0.3">
      <c r="A135282" s="13" t="s">
        <v>608</v>
      </c>
      <c r="B135282" s="14" t="s">
        <v>1</v>
      </c>
      <c r="C135282" s="14" t="s">
        <v>596</v>
      </c>
      <c r="D135282" s="14" t="s">
        <v>244</v>
      </c>
      <c r="E135282" s="15">
        <v>45608</v>
      </c>
      <c r="F135282" s="14" t="s">
        <v>61</v>
      </c>
      <c r="G135282" s="16">
        <v>0</v>
      </c>
    </row>
    <row r="135283" spans="1:7" x14ac:dyDescent="0.3">
      <c r="A135283" s="13" t="s">
        <v>608</v>
      </c>
      <c r="B135283" s="14" t="s">
        <v>1</v>
      </c>
      <c r="C135283" s="14" t="s">
        <v>596</v>
      </c>
      <c r="D135283" s="14" t="s">
        <v>244</v>
      </c>
      <c r="E135283" s="15">
        <v>45609</v>
      </c>
      <c r="F135283" s="14" t="s">
        <v>61</v>
      </c>
      <c r="G135283" s="16">
        <v>0</v>
      </c>
    </row>
    <row r="135284" spans="1:7" x14ac:dyDescent="0.3">
      <c r="A135284" s="13" t="s">
        <v>608</v>
      </c>
      <c r="B135284" s="14" t="s">
        <v>1</v>
      </c>
      <c r="C135284" s="14" t="s">
        <v>596</v>
      </c>
      <c r="D135284" s="14" t="s">
        <v>244</v>
      </c>
      <c r="E135284" s="15">
        <v>45610</v>
      </c>
      <c r="F135284" s="14" t="s">
        <v>61</v>
      </c>
      <c r="G135284" s="16">
        <v>0</v>
      </c>
    </row>
    <row r="135285" spans="1:7" x14ac:dyDescent="0.3">
      <c r="A135285" s="13" t="s">
        <v>608</v>
      </c>
      <c r="B135285" s="14" t="s">
        <v>1</v>
      </c>
      <c r="C135285" s="14" t="s">
        <v>596</v>
      </c>
      <c r="D135285" s="14" t="s">
        <v>244</v>
      </c>
      <c r="E135285" s="15">
        <v>45611</v>
      </c>
      <c r="F135285" s="14" t="s">
        <v>61</v>
      </c>
      <c r="G135285" s="16">
        <v>0</v>
      </c>
    </row>
    <row r="135286" spans="1:7" x14ac:dyDescent="0.3">
      <c r="A135286" s="13" t="s">
        <v>608</v>
      </c>
      <c r="B135286" s="14" t="s">
        <v>1</v>
      </c>
      <c r="C135286" s="14" t="s">
        <v>596</v>
      </c>
      <c r="D135286" s="14" t="s">
        <v>244</v>
      </c>
      <c r="E135286" s="15">
        <v>45612</v>
      </c>
      <c r="F135286" s="14" t="s">
        <v>61</v>
      </c>
      <c r="G135286" s="16">
        <v>0</v>
      </c>
    </row>
    <row r="135287" spans="1:7" x14ac:dyDescent="0.3">
      <c r="A135287" s="13" t="s">
        <v>608</v>
      </c>
      <c r="B135287" s="14" t="s">
        <v>1</v>
      </c>
      <c r="C135287" s="14" t="s">
        <v>596</v>
      </c>
      <c r="D135287" s="14" t="s">
        <v>244</v>
      </c>
      <c r="E135287" s="15">
        <v>45613</v>
      </c>
      <c r="F135287" s="14" t="s">
        <v>61</v>
      </c>
      <c r="G135287" s="16">
        <v>0</v>
      </c>
    </row>
    <row r="135288" spans="1:7" x14ac:dyDescent="0.3">
      <c r="A135288" s="13" t="s">
        <v>608</v>
      </c>
      <c r="B135288" s="14" t="s">
        <v>1</v>
      </c>
      <c r="C135288" s="14" t="s">
        <v>596</v>
      </c>
      <c r="D135288" s="14" t="s">
        <v>244</v>
      </c>
      <c r="E135288" s="15">
        <v>45614</v>
      </c>
      <c r="F135288" s="14" t="s">
        <v>61</v>
      </c>
      <c r="G135288" s="16">
        <v>0</v>
      </c>
    </row>
    <row r="135289" spans="1:7" x14ac:dyDescent="0.3">
      <c r="A135289" s="13" t="s">
        <v>608</v>
      </c>
      <c r="B135289" s="14" t="s">
        <v>1</v>
      </c>
      <c r="C135289" s="14" t="s">
        <v>596</v>
      </c>
      <c r="D135289" s="14" t="s">
        <v>244</v>
      </c>
      <c r="E135289" s="15">
        <v>45615</v>
      </c>
      <c r="F135289" s="14" t="s">
        <v>61</v>
      </c>
      <c r="G135289" s="16">
        <v>0</v>
      </c>
    </row>
    <row r="135290" spans="1:7" x14ac:dyDescent="0.3">
      <c r="A135290" s="13" t="s">
        <v>608</v>
      </c>
      <c r="B135290" s="14" t="s">
        <v>1</v>
      </c>
      <c r="C135290" s="14" t="s">
        <v>596</v>
      </c>
      <c r="D135290" s="14" t="s">
        <v>244</v>
      </c>
      <c r="E135290" s="15">
        <v>45616</v>
      </c>
      <c r="F135290" s="14" t="s">
        <v>61</v>
      </c>
      <c r="G135290" s="16">
        <v>0</v>
      </c>
    </row>
    <row r="135291" spans="1:7" x14ac:dyDescent="0.3">
      <c r="A135291" s="13" t="s">
        <v>608</v>
      </c>
      <c r="B135291" s="14" t="s">
        <v>1</v>
      </c>
      <c r="C135291" s="14" t="s">
        <v>596</v>
      </c>
      <c r="D135291" s="14" t="s">
        <v>244</v>
      </c>
      <c r="E135291" s="15">
        <v>45617</v>
      </c>
      <c r="F135291" s="14" t="s">
        <v>61</v>
      </c>
      <c r="G135291" s="16">
        <v>0</v>
      </c>
    </row>
    <row r="135292" spans="1:7" x14ac:dyDescent="0.3">
      <c r="A135292" s="13" t="s">
        <v>608</v>
      </c>
      <c r="B135292" s="14" t="s">
        <v>1</v>
      </c>
      <c r="C135292" s="14" t="s">
        <v>596</v>
      </c>
      <c r="D135292" s="14" t="s">
        <v>244</v>
      </c>
      <c r="E135292" s="15">
        <v>45618</v>
      </c>
      <c r="F135292" s="14" t="s">
        <v>61</v>
      </c>
      <c r="G135292" s="16">
        <v>0</v>
      </c>
    </row>
    <row r="135293" spans="1:7" x14ac:dyDescent="0.3">
      <c r="A135293" s="13" t="s">
        <v>608</v>
      </c>
      <c r="B135293" s="14" t="s">
        <v>1</v>
      </c>
      <c r="C135293" s="14" t="s">
        <v>596</v>
      </c>
      <c r="D135293" s="14" t="s">
        <v>244</v>
      </c>
      <c r="E135293" s="15">
        <v>45619</v>
      </c>
      <c r="F135293" s="14" t="s">
        <v>61</v>
      </c>
      <c r="G135293" s="16">
        <v>0</v>
      </c>
    </row>
    <row r="135294" spans="1:7" x14ac:dyDescent="0.3">
      <c r="A135294" s="13" t="s">
        <v>608</v>
      </c>
      <c r="B135294" s="14" t="s">
        <v>1</v>
      </c>
      <c r="C135294" s="14" t="s">
        <v>596</v>
      </c>
      <c r="D135294" s="14" t="s">
        <v>244</v>
      </c>
      <c r="E135294" s="15">
        <v>45620</v>
      </c>
      <c r="F135294" s="14" t="s">
        <v>61</v>
      </c>
      <c r="G135294" s="16">
        <v>0</v>
      </c>
    </row>
    <row r="135295" spans="1:7" x14ac:dyDescent="0.3">
      <c r="A135295" s="13" t="s">
        <v>608</v>
      </c>
      <c r="B135295" s="14" t="s">
        <v>1</v>
      </c>
      <c r="C135295" s="14" t="s">
        <v>596</v>
      </c>
      <c r="D135295" s="14" t="s">
        <v>244</v>
      </c>
      <c r="E135295" s="15">
        <v>45621</v>
      </c>
      <c r="F135295" s="14" t="s">
        <v>61</v>
      </c>
      <c r="G135295" s="16">
        <v>0</v>
      </c>
    </row>
    <row r="135296" spans="1:7" x14ac:dyDescent="0.3">
      <c r="A135296" s="13" t="s">
        <v>608</v>
      </c>
      <c r="B135296" s="14" t="s">
        <v>1</v>
      </c>
      <c r="C135296" s="14" t="s">
        <v>596</v>
      </c>
      <c r="D135296" s="14" t="s">
        <v>244</v>
      </c>
      <c r="E135296" s="15">
        <v>45622</v>
      </c>
      <c r="F135296" s="14" t="s">
        <v>61</v>
      </c>
      <c r="G135296" s="16">
        <v>0</v>
      </c>
    </row>
    <row r="135297" spans="1:7" x14ac:dyDescent="0.3">
      <c r="A135297" s="13" t="s">
        <v>608</v>
      </c>
      <c r="B135297" s="14" t="s">
        <v>1</v>
      </c>
      <c r="C135297" s="14" t="s">
        <v>596</v>
      </c>
      <c r="D135297" s="14" t="s">
        <v>244</v>
      </c>
      <c r="E135297" s="15">
        <v>45623</v>
      </c>
      <c r="F135297" s="14" t="s">
        <v>61</v>
      </c>
      <c r="G135297" s="16">
        <v>0</v>
      </c>
    </row>
    <row r="135298" spans="1:7" x14ac:dyDescent="0.3">
      <c r="A135298" s="13" t="s">
        <v>608</v>
      </c>
      <c r="B135298" s="14" t="s">
        <v>1</v>
      </c>
      <c r="C135298" s="14" t="s">
        <v>596</v>
      </c>
      <c r="D135298" s="14" t="s">
        <v>244</v>
      </c>
      <c r="E135298" s="15">
        <v>45624</v>
      </c>
      <c r="F135298" s="14" t="s">
        <v>61</v>
      </c>
      <c r="G135298" s="16">
        <v>0</v>
      </c>
    </row>
    <row r="135299" spans="1:7" x14ac:dyDescent="0.3">
      <c r="A135299" s="13" t="s">
        <v>608</v>
      </c>
      <c r="B135299" s="14" t="s">
        <v>1</v>
      </c>
      <c r="C135299" s="14" t="s">
        <v>596</v>
      </c>
      <c r="D135299" s="14" t="s">
        <v>244</v>
      </c>
      <c r="E135299" s="15">
        <v>45625</v>
      </c>
      <c r="F135299" s="14" t="s">
        <v>61</v>
      </c>
      <c r="G135299" s="16">
        <v>0</v>
      </c>
    </row>
    <row r="135300" spans="1:7" x14ac:dyDescent="0.3">
      <c r="A135300" s="13" t="s">
        <v>608</v>
      </c>
      <c r="B135300" s="14" t="s">
        <v>1</v>
      </c>
      <c r="C135300" s="14" t="s">
        <v>596</v>
      </c>
      <c r="D135300" s="14" t="s">
        <v>244</v>
      </c>
      <c r="E135300" s="15">
        <v>45626</v>
      </c>
      <c r="F135300" s="14" t="s">
        <v>61</v>
      </c>
      <c r="G135300" s="16">
        <v>0</v>
      </c>
    </row>
    <row r="135301" spans="1:7" x14ac:dyDescent="0.3">
      <c r="A135301" s="13" t="s">
        <v>608</v>
      </c>
      <c r="B135301" s="14" t="s">
        <v>1</v>
      </c>
      <c r="C135301" s="14" t="s">
        <v>596</v>
      </c>
      <c r="D135301" s="14" t="s">
        <v>244</v>
      </c>
      <c r="E135301" s="15">
        <v>45627</v>
      </c>
      <c r="F135301" s="14" t="s">
        <v>61</v>
      </c>
      <c r="G135301" s="16">
        <v>0</v>
      </c>
    </row>
    <row r="135302" spans="1:7" x14ac:dyDescent="0.3">
      <c r="A135302" s="13" t="s">
        <v>608</v>
      </c>
      <c r="B135302" s="14" t="s">
        <v>1</v>
      </c>
      <c r="C135302" s="14" t="s">
        <v>596</v>
      </c>
      <c r="D135302" s="14" t="s">
        <v>244</v>
      </c>
      <c r="E135302" s="15">
        <v>45628</v>
      </c>
      <c r="F135302" s="14" t="s">
        <v>61</v>
      </c>
      <c r="G135302" s="16">
        <v>0</v>
      </c>
    </row>
    <row r="135303" spans="1:7" x14ac:dyDescent="0.3">
      <c r="A135303" s="13" t="s">
        <v>608</v>
      </c>
      <c r="B135303" s="14" t="s">
        <v>1</v>
      </c>
      <c r="C135303" s="14" t="s">
        <v>596</v>
      </c>
      <c r="D135303" s="14" t="s">
        <v>244</v>
      </c>
      <c r="E135303" s="15">
        <v>45629</v>
      </c>
      <c r="F135303" s="14" t="s">
        <v>61</v>
      </c>
      <c r="G135303" s="16">
        <v>0</v>
      </c>
    </row>
    <row r="135304" spans="1:7" x14ac:dyDescent="0.3">
      <c r="A135304" s="13" t="s">
        <v>608</v>
      </c>
      <c r="B135304" s="14" t="s">
        <v>1</v>
      </c>
      <c r="C135304" s="14" t="s">
        <v>596</v>
      </c>
      <c r="D135304" s="14" t="s">
        <v>244</v>
      </c>
      <c r="E135304" s="15">
        <v>45630</v>
      </c>
      <c r="F135304" s="14" t="s">
        <v>61</v>
      </c>
      <c r="G135304" s="16">
        <v>0</v>
      </c>
    </row>
    <row r="135305" spans="1:7" x14ac:dyDescent="0.3">
      <c r="A135305" s="13" t="s">
        <v>608</v>
      </c>
      <c r="B135305" s="14" t="s">
        <v>1</v>
      </c>
      <c r="C135305" s="14" t="s">
        <v>596</v>
      </c>
      <c r="D135305" s="14" t="s">
        <v>244</v>
      </c>
      <c r="E135305" s="15">
        <v>45631</v>
      </c>
      <c r="F135305" s="14" t="s">
        <v>61</v>
      </c>
      <c r="G135305" s="16">
        <v>0</v>
      </c>
    </row>
    <row r="135306" spans="1:7" x14ac:dyDescent="0.3">
      <c r="A135306" s="13" t="s">
        <v>608</v>
      </c>
      <c r="B135306" s="14" t="s">
        <v>1</v>
      </c>
      <c r="C135306" s="14" t="s">
        <v>596</v>
      </c>
      <c r="D135306" s="14" t="s">
        <v>244</v>
      </c>
      <c r="E135306" s="15">
        <v>45632</v>
      </c>
      <c r="F135306" s="14" t="s">
        <v>61</v>
      </c>
      <c r="G135306" s="16">
        <v>0</v>
      </c>
    </row>
    <row r="135307" spans="1:7" x14ac:dyDescent="0.3">
      <c r="A135307" s="13" t="s">
        <v>608</v>
      </c>
      <c r="B135307" s="14" t="s">
        <v>1</v>
      </c>
      <c r="C135307" s="14" t="s">
        <v>596</v>
      </c>
      <c r="D135307" s="14" t="s">
        <v>244</v>
      </c>
      <c r="E135307" s="15">
        <v>45633</v>
      </c>
      <c r="F135307" s="14" t="s">
        <v>61</v>
      </c>
      <c r="G135307" s="16">
        <v>0</v>
      </c>
    </row>
    <row r="135308" spans="1:7" x14ac:dyDescent="0.3">
      <c r="A135308" s="13" t="s">
        <v>608</v>
      </c>
      <c r="B135308" s="14" t="s">
        <v>1</v>
      </c>
      <c r="C135308" s="14" t="s">
        <v>596</v>
      </c>
      <c r="D135308" s="14" t="s">
        <v>244</v>
      </c>
      <c r="E135308" s="15">
        <v>45634</v>
      </c>
      <c r="F135308" s="14" t="s">
        <v>61</v>
      </c>
      <c r="G135308" s="16">
        <v>0</v>
      </c>
    </row>
    <row r="135309" spans="1:7" x14ac:dyDescent="0.3">
      <c r="A135309" s="13" t="s">
        <v>608</v>
      </c>
      <c r="B135309" s="14" t="s">
        <v>1</v>
      </c>
      <c r="C135309" s="14" t="s">
        <v>596</v>
      </c>
      <c r="D135309" s="14" t="s">
        <v>244</v>
      </c>
      <c r="E135309" s="15">
        <v>45635</v>
      </c>
      <c r="F135309" s="14" t="s">
        <v>61</v>
      </c>
      <c r="G135309" s="16">
        <v>0</v>
      </c>
    </row>
    <row r="135310" spans="1:7" x14ac:dyDescent="0.3">
      <c r="A135310" s="13" t="s">
        <v>608</v>
      </c>
      <c r="B135310" s="14" t="s">
        <v>1</v>
      </c>
      <c r="C135310" s="14" t="s">
        <v>596</v>
      </c>
      <c r="D135310" s="14" t="s">
        <v>244</v>
      </c>
      <c r="E135310" s="15">
        <v>45636</v>
      </c>
      <c r="F135310" s="14" t="s">
        <v>61</v>
      </c>
      <c r="G135310" s="16">
        <v>0</v>
      </c>
    </row>
    <row r="135311" spans="1:7" x14ac:dyDescent="0.3">
      <c r="A135311" s="13" t="s">
        <v>608</v>
      </c>
      <c r="B135311" s="14" t="s">
        <v>1</v>
      </c>
      <c r="C135311" s="14" t="s">
        <v>596</v>
      </c>
      <c r="D135311" s="14" t="s">
        <v>244</v>
      </c>
      <c r="E135311" s="15">
        <v>45637</v>
      </c>
      <c r="F135311" s="14" t="s">
        <v>61</v>
      </c>
      <c r="G135311" s="16">
        <v>0</v>
      </c>
    </row>
    <row r="135312" spans="1:7" x14ac:dyDescent="0.3">
      <c r="A135312" s="13" t="s">
        <v>608</v>
      </c>
      <c r="B135312" s="14" t="s">
        <v>1</v>
      </c>
      <c r="C135312" s="14" t="s">
        <v>596</v>
      </c>
      <c r="D135312" s="14" t="s">
        <v>244</v>
      </c>
      <c r="E135312" s="15">
        <v>45638</v>
      </c>
      <c r="F135312" s="14" t="s">
        <v>61</v>
      </c>
      <c r="G135312" s="16">
        <v>0</v>
      </c>
    </row>
    <row r="135313" spans="1:7" x14ac:dyDescent="0.3">
      <c r="A135313" s="13" t="s">
        <v>608</v>
      </c>
      <c r="B135313" s="14" t="s">
        <v>1</v>
      </c>
      <c r="C135313" s="14" t="s">
        <v>596</v>
      </c>
      <c r="D135313" s="14" t="s">
        <v>244</v>
      </c>
      <c r="E135313" s="15">
        <v>45639</v>
      </c>
      <c r="F135313" s="14" t="s">
        <v>61</v>
      </c>
      <c r="G135313" s="16">
        <v>0</v>
      </c>
    </row>
    <row r="135314" spans="1:7" x14ac:dyDescent="0.3">
      <c r="A135314" s="13" t="s">
        <v>608</v>
      </c>
      <c r="B135314" s="14" t="s">
        <v>1</v>
      </c>
      <c r="C135314" s="14" t="s">
        <v>596</v>
      </c>
      <c r="D135314" s="14" t="s">
        <v>244</v>
      </c>
      <c r="E135314" s="15">
        <v>45640</v>
      </c>
      <c r="F135314" s="14" t="s">
        <v>61</v>
      </c>
      <c r="G135314" s="16">
        <v>0</v>
      </c>
    </row>
    <row r="135315" spans="1:7" x14ac:dyDescent="0.3">
      <c r="A135315" s="13" t="s">
        <v>608</v>
      </c>
      <c r="B135315" s="14" t="s">
        <v>1</v>
      </c>
      <c r="C135315" s="14" t="s">
        <v>596</v>
      </c>
      <c r="D135315" s="14" t="s">
        <v>244</v>
      </c>
      <c r="E135315" s="15">
        <v>45641</v>
      </c>
      <c r="F135315" s="14" t="s">
        <v>61</v>
      </c>
      <c r="G135315" s="16">
        <v>0</v>
      </c>
    </row>
    <row r="135316" spans="1:7" x14ac:dyDescent="0.3">
      <c r="A135316" s="13" t="s">
        <v>608</v>
      </c>
      <c r="B135316" s="14" t="s">
        <v>1</v>
      </c>
      <c r="C135316" s="14" t="s">
        <v>596</v>
      </c>
      <c r="D135316" s="14" t="s">
        <v>244</v>
      </c>
      <c r="E135316" s="15">
        <v>45642</v>
      </c>
      <c r="F135316" s="14" t="s">
        <v>61</v>
      </c>
      <c r="G135316" s="16">
        <v>0</v>
      </c>
    </row>
    <row r="135317" spans="1:7" x14ac:dyDescent="0.3">
      <c r="A135317" s="13" t="s">
        <v>608</v>
      </c>
      <c r="B135317" s="14" t="s">
        <v>1</v>
      </c>
      <c r="C135317" s="14" t="s">
        <v>596</v>
      </c>
      <c r="D135317" s="14" t="s">
        <v>244</v>
      </c>
      <c r="E135317" s="15">
        <v>45643</v>
      </c>
      <c r="F135317" s="14" t="s">
        <v>61</v>
      </c>
      <c r="G135317" s="16">
        <v>0</v>
      </c>
    </row>
    <row r="135318" spans="1:7" x14ac:dyDescent="0.3">
      <c r="A135318" s="13" t="s">
        <v>608</v>
      </c>
      <c r="B135318" s="14" t="s">
        <v>1</v>
      </c>
      <c r="C135318" s="14" t="s">
        <v>596</v>
      </c>
      <c r="D135318" s="14" t="s">
        <v>244</v>
      </c>
      <c r="E135318" s="15">
        <v>45644</v>
      </c>
      <c r="F135318" s="14" t="s">
        <v>61</v>
      </c>
      <c r="G135318" s="16">
        <v>0</v>
      </c>
    </row>
    <row r="135319" spans="1:7" x14ac:dyDescent="0.3">
      <c r="A135319" s="13" t="s">
        <v>608</v>
      </c>
      <c r="B135319" s="14" t="s">
        <v>1</v>
      </c>
      <c r="C135319" s="14" t="s">
        <v>596</v>
      </c>
      <c r="D135319" s="14" t="s">
        <v>244</v>
      </c>
      <c r="E135319" s="15">
        <v>45645</v>
      </c>
      <c r="F135319" s="14" t="s">
        <v>61</v>
      </c>
      <c r="G135319" s="16">
        <v>0</v>
      </c>
    </row>
    <row r="135320" spans="1:7" x14ac:dyDescent="0.3">
      <c r="A135320" s="13" t="s">
        <v>608</v>
      </c>
      <c r="B135320" s="14" t="s">
        <v>1</v>
      </c>
      <c r="C135320" s="14" t="s">
        <v>596</v>
      </c>
      <c r="D135320" s="14" t="s">
        <v>244</v>
      </c>
      <c r="E135320" s="15">
        <v>45646</v>
      </c>
      <c r="F135320" s="14" t="s">
        <v>61</v>
      </c>
      <c r="G135320" s="16">
        <v>0</v>
      </c>
    </row>
    <row r="135321" spans="1:7" x14ac:dyDescent="0.3">
      <c r="A135321" s="13" t="s">
        <v>608</v>
      </c>
      <c r="B135321" s="14" t="s">
        <v>1</v>
      </c>
      <c r="C135321" s="14" t="s">
        <v>596</v>
      </c>
      <c r="D135321" s="14" t="s">
        <v>244</v>
      </c>
      <c r="E135321" s="15">
        <v>45647</v>
      </c>
      <c r="F135321" s="14" t="s">
        <v>61</v>
      </c>
      <c r="G135321" s="16">
        <v>0</v>
      </c>
    </row>
    <row r="135322" spans="1:7" x14ac:dyDescent="0.3">
      <c r="A135322" s="13" t="s">
        <v>608</v>
      </c>
      <c r="B135322" s="14" t="s">
        <v>1</v>
      </c>
      <c r="C135322" s="14" t="s">
        <v>596</v>
      </c>
      <c r="D135322" s="14" t="s">
        <v>244</v>
      </c>
      <c r="E135322" s="15">
        <v>45648</v>
      </c>
      <c r="F135322" s="14" t="s">
        <v>61</v>
      </c>
      <c r="G135322" s="16">
        <v>0</v>
      </c>
    </row>
    <row r="135323" spans="1:7" x14ac:dyDescent="0.3">
      <c r="A135323" s="13" t="s">
        <v>608</v>
      </c>
      <c r="B135323" s="14" t="s">
        <v>1</v>
      </c>
      <c r="C135323" s="14" t="s">
        <v>596</v>
      </c>
      <c r="D135323" s="14" t="s">
        <v>244</v>
      </c>
      <c r="E135323" s="15">
        <v>45649</v>
      </c>
      <c r="F135323" s="14" t="s">
        <v>61</v>
      </c>
      <c r="G135323" s="16">
        <v>0</v>
      </c>
    </row>
    <row r="135324" spans="1:7" x14ac:dyDescent="0.3">
      <c r="A135324" s="13" t="s">
        <v>608</v>
      </c>
      <c r="B135324" s="14" t="s">
        <v>1</v>
      </c>
      <c r="C135324" s="14" t="s">
        <v>596</v>
      </c>
      <c r="D135324" s="14" t="s">
        <v>244</v>
      </c>
      <c r="E135324" s="15">
        <v>45650</v>
      </c>
      <c r="F135324" s="14" t="s">
        <v>61</v>
      </c>
      <c r="G135324" s="16">
        <v>0</v>
      </c>
    </row>
    <row r="135325" spans="1:7" x14ac:dyDescent="0.3">
      <c r="A135325" s="13" t="s">
        <v>608</v>
      </c>
      <c r="B135325" s="14" t="s">
        <v>1</v>
      </c>
      <c r="C135325" s="14" t="s">
        <v>596</v>
      </c>
      <c r="D135325" s="14" t="s">
        <v>244</v>
      </c>
      <c r="E135325" s="15">
        <v>45651</v>
      </c>
      <c r="F135325" s="14" t="s">
        <v>61</v>
      </c>
      <c r="G135325" s="16">
        <v>0</v>
      </c>
    </row>
    <row r="135326" spans="1:7" x14ac:dyDescent="0.3">
      <c r="A135326" s="13" t="s">
        <v>608</v>
      </c>
      <c r="B135326" s="14" t="s">
        <v>1</v>
      </c>
      <c r="C135326" s="14" t="s">
        <v>596</v>
      </c>
      <c r="D135326" s="14" t="s">
        <v>244</v>
      </c>
      <c r="E135326" s="15">
        <v>45652</v>
      </c>
      <c r="F135326" s="14" t="s">
        <v>61</v>
      </c>
      <c r="G135326" s="16">
        <v>0</v>
      </c>
    </row>
    <row r="135327" spans="1:7" x14ac:dyDescent="0.3">
      <c r="A135327" s="13" t="s">
        <v>608</v>
      </c>
      <c r="B135327" s="14" t="s">
        <v>1</v>
      </c>
      <c r="C135327" s="14" t="s">
        <v>596</v>
      </c>
      <c r="D135327" s="14" t="s">
        <v>244</v>
      </c>
      <c r="E135327" s="15">
        <v>45653</v>
      </c>
      <c r="F135327" s="14" t="s">
        <v>61</v>
      </c>
      <c r="G135327" s="16">
        <v>0</v>
      </c>
    </row>
    <row r="135328" spans="1:7" x14ac:dyDescent="0.3">
      <c r="A135328" s="13" t="s">
        <v>608</v>
      </c>
      <c r="B135328" s="14" t="s">
        <v>1</v>
      </c>
      <c r="C135328" s="14" t="s">
        <v>596</v>
      </c>
      <c r="D135328" s="14" t="s">
        <v>244</v>
      </c>
      <c r="E135328" s="15">
        <v>45654</v>
      </c>
      <c r="F135328" s="14" t="s">
        <v>61</v>
      </c>
      <c r="G135328" s="16">
        <v>0</v>
      </c>
    </row>
    <row r="135329" spans="1:7" x14ac:dyDescent="0.3">
      <c r="A135329" s="13" t="s">
        <v>608</v>
      </c>
      <c r="B135329" s="14" t="s">
        <v>1</v>
      </c>
      <c r="C135329" s="14" t="s">
        <v>596</v>
      </c>
      <c r="D135329" s="14" t="s">
        <v>244</v>
      </c>
      <c r="E135329" s="15">
        <v>45655</v>
      </c>
      <c r="F135329" s="14" t="s">
        <v>61</v>
      </c>
      <c r="G135329" s="16">
        <v>0</v>
      </c>
    </row>
    <row r="135330" spans="1:7" x14ac:dyDescent="0.3">
      <c r="A135330" s="13" t="s">
        <v>608</v>
      </c>
      <c r="B135330" s="14" t="s">
        <v>1</v>
      </c>
      <c r="C135330" s="14" t="s">
        <v>596</v>
      </c>
      <c r="D135330" s="14" t="s">
        <v>244</v>
      </c>
      <c r="E135330" s="15">
        <v>45656</v>
      </c>
      <c r="F135330" s="14" t="s">
        <v>61</v>
      </c>
      <c r="G135330" s="16">
        <v>0</v>
      </c>
    </row>
    <row r="135331" spans="1:7" x14ac:dyDescent="0.3">
      <c r="A135331" s="13" t="s">
        <v>608</v>
      </c>
      <c r="B135331" s="14" t="s">
        <v>1</v>
      </c>
      <c r="C135331" s="14" t="s">
        <v>596</v>
      </c>
      <c r="D135331" s="14" t="s">
        <v>244</v>
      </c>
      <c r="E135331" s="15">
        <v>45657</v>
      </c>
      <c r="F135331" s="14" t="s">
        <v>61</v>
      </c>
      <c r="G135331" s="16">
        <v>0</v>
      </c>
    </row>
    <row r="135332" spans="1:7" x14ac:dyDescent="0.3">
      <c r="A135332" s="13" t="s">
        <v>608</v>
      </c>
      <c r="B135332" s="14" t="s">
        <v>1</v>
      </c>
      <c r="C135332" s="14" t="s">
        <v>596</v>
      </c>
      <c r="D135332" s="14" t="s">
        <v>244</v>
      </c>
      <c r="E135332" s="15">
        <v>45658</v>
      </c>
      <c r="F135332" s="14" t="s">
        <v>61</v>
      </c>
      <c r="G135332" s="16">
        <v>0</v>
      </c>
    </row>
    <row r="135333" spans="1:7" x14ac:dyDescent="0.3">
      <c r="A135333" s="13" t="s">
        <v>608</v>
      </c>
      <c r="B135333" s="14" t="s">
        <v>1</v>
      </c>
      <c r="C135333" s="14" t="s">
        <v>596</v>
      </c>
      <c r="D135333" s="14" t="s">
        <v>244</v>
      </c>
      <c r="E135333" s="15">
        <v>45659</v>
      </c>
      <c r="F135333" s="14" t="s">
        <v>61</v>
      </c>
      <c r="G135333" s="16">
        <v>0</v>
      </c>
    </row>
    <row r="135334" spans="1:7" x14ac:dyDescent="0.3">
      <c r="A135334" s="13" t="s">
        <v>608</v>
      </c>
      <c r="B135334" s="14" t="s">
        <v>1</v>
      </c>
      <c r="C135334" s="14" t="s">
        <v>596</v>
      </c>
      <c r="D135334" s="14" t="s">
        <v>244</v>
      </c>
      <c r="E135334" s="15">
        <v>45660</v>
      </c>
      <c r="F135334" s="14" t="s">
        <v>61</v>
      </c>
      <c r="G135334" s="16">
        <v>0</v>
      </c>
    </row>
    <row r="135335" spans="1:7" x14ac:dyDescent="0.3">
      <c r="A135335" s="13" t="s">
        <v>608</v>
      </c>
      <c r="B135335" s="14" t="s">
        <v>1</v>
      </c>
      <c r="C135335" s="14" t="s">
        <v>596</v>
      </c>
      <c r="D135335" s="14" t="s">
        <v>244</v>
      </c>
      <c r="E135335" s="15">
        <v>45661</v>
      </c>
      <c r="F135335" s="14" t="s">
        <v>61</v>
      </c>
      <c r="G135335" s="16">
        <v>0</v>
      </c>
    </row>
    <row r="135336" spans="1:7" x14ac:dyDescent="0.3">
      <c r="A135336" s="13" t="s">
        <v>608</v>
      </c>
      <c r="B135336" s="14" t="s">
        <v>1</v>
      </c>
      <c r="C135336" s="14" t="s">
        <v>596</v>
      </c>
      <c r="D135336" s="14" t="s">
        <v>244</v>
      </c>
      <c r="E135336" s="15">
        <v>45662</v>
      </c>
      <c r="F135336" s="14" t="s">
        <v>61</v>
      </c>
      <c r="G135336" s="16">
        <v>0</v>
      </c>
    </row>
    <row r="135337" spans="1:7" x14ac:dyDescent="0.3">
      <c r="A135337" s="13" t="s">
        <v>608</v>
      </c>
      <c r="B135337" s="14" t="s">
        <v>1</v>
      </c>
      <c r="C135337" s="14" t="s">
        <v>596</v>
      </c>
      <c r="D135337" s="14" t="s">
        <v>244</v>
      </c>
      <c r="E135337" s="15">
        <v>45663</v>
      </c>
      <c r="F135337" s="14" t="s">
        <v>61</v>
      </c>
      <c r="G135337" s="16">
        <v>0</v>
      </c>
    </row>
    <row r="135338" spans="1:7" x14ac:dyDescent="0.3">
      <c r="A135338" s="13" t="s">
        <v>608</v>
      </c>
      <c r="B135338" s="14" t="s">
        <v>1</v>
      </c>
      <c r="C135338" s="14" t="s">
        <v>596</v>
      </c>
      <c r="D135338" s="14" t="s">
        <v>244</v>
      </c>
      <c r="E135338" s="15">
        <v>45664</v>
      </c>
      <c r="F135338" s="14" t="s">
        <v>61</v>
      </c>
      <c r="G135338" s="16">
        <v>0</v>
      </c>
    </row>
    <row r="135339" spans="1:7" x14ac:dyDescent="0.3">
      <c r="A135339" s="13" t="s">
        <v>608</v>
      </c>
      <c r="B135339" s="14" t="s">
        <v>1</v>
      </c>
      <c r="C135339" s="14" t="s">
        <v>596</v>
      </c>
      <c r="D135339" s="14" t="s">
        <v>244</v>
      </c>
      <c r="E135339" s="15">
        <v>45665</v>
      </c>
      <c r="F135339" s="14" t="s">
        <v>61</v>
      </c>
      <c r="G135339" s="16">
        <v>0</v>
      </c>
    </row>
    <row r="135340" spans="1:7" x14ac:dyDescent="0.3">
      <c r="A135340" s="13" t="s">
        <v>608</v>
      </c>
      <c r="B135340" s="14" t="s">
        <v>1</v>
      </c>
      <c r="C135340" s="14" t="s">
        <v>596</v>
      </c>
      <c r="D135340" s="14" t="s">
        <v>244</v>
      </c>
      <c r="E135340" s="15">
        <v>45666</v>
      </c>
      <c r="F135340" s="14" t="s">
        <v>61</v>
      </c>
      <c r="G135340" s="16">
        <v>0</v>
      </c>
    </row>
    <row r="135341" spans="1:7" x14ac:dyDescent="0.3">
      <c r="A135341" s="13" t="s">
        <v>608</v>
      </c>
      <c r="B135341" s="14" t="s">
        <v>1</v>
      </c>
      <c r="C135341" s="14" t="s">
        <v>596</v>
      </c>
      <c r="D135341" s="14" t="s">
        <v>244</v>
      </c>
      <c r="E135341" s="15">
        <v>45667</v>
      </c>
      <c r="F135341" s="14" t="s">
        <v>61</v>
      </c>
      <c r="G135341" s="16">
        <v>0</v>
      </c>
    </row>
    <row r="135342" spans="1:7" x14ac:dyDescent="0.3">
      <c r="A135342" s="13" t="s">
        <v>608</v>
      </c>
      <c r="B135342" s="14" t="s">
        <v>1</v>
      </c>
      <c r="C135342" s="14" t="s">
        <v>596</v>
      </c>
      <c r="D135342" s="14" t="s">
        <v>244</v>
      </c>
      <c r="E135342" s="15">
        <v>45668</v>
      </c>
      <c r="F135342" s="14" t="s">
        <v>61</v>
      </c>
      <c r="G135342" s="16">
        <v>0</v>
      </c>
    </row>
    <row r="135343" spans="1:7" x14ac:dyDescent="0.3">
      <c r="A135343" s="13" t="s">
        <v>608</v>
      </c>
      <c r="B135343" s="14" t="s">
        <v>1</v>
      </c>
      <c r="C135343" s="14" t="s">
        <v>596</v>
      </c>
      <c r="D135343" s="14" t="s">
        <v>244</v>
      </c>
      <c r="E135343" s="15">
        <v>45669</v>
      </c>
      <c r="F135343" s="14" t="s">
        <v>61</v>
      </c>
      <c r="G135343" s="16">
        <v>0</v>
      </c>
    </row>
    <row r="135344" spans="1:7" x14ac:dyDescent="0.3">
      <c r="A135344" s="13" t="s">
        <v>608</v>
      </c>
      <c r="B135344" s="14" t="s">
        <v>1</v>
      </c>
      <c r="C135344" s="14" t="s">
        <v>596</v>
      </c>
      <c r="D135344" s="14" t="s">
        <v>244</v>
      </c>
      <c r="E135344" s="15">
        <v>45670</v>
      </c>
      <c r="F135344" s="14" t="s">
        <v>61</v>
      </c>
      <c r="G135344" s="16">
        <v>0</v>
      </c>
    </row>
    <row r="135345" spans="1:7" x14ac:dyDescent="0.3">
      <c r="A135345" s="13" t="s">
        <v>608</v>
      </c>
      <c r="B135345" s="14" t="s">
        <v>1</v>
      </c>
      <c r="C135345" s="14" t="s">
        <v>596</v>
      </c>
      <c r="D135345" s="14" t="s">
        <v>244</v>
      </c>
      <c r="E135345" s="15">
        <v>45671</v>
      </c>
      <c r="F135345" s="14" t="s">
        <v>61</v>
      </c>
      <c r="G135345" s="16">
        <v>0</v>
      </c>
    </row>
    <row r="135346" spans="1:7" x14ac:dyDescent="0.3">
      <c r="A135346" s="13" t="s">
        <v>608</v>
      </c>
      <c r="B135346" s="14" t="s">
        <v>1</v>
      </c>
      <c r="C135346" s="14" t="s">
        <v>596</v>
      </c>
      <c r="D135346" s="14" t="s">
        <v>244</v>
      </c>
      <c r="E135346" s="15">
        <v>45672</v>
      </c>
      <c r="F135346" s="14" t="s">
        <v>61</v>
      </c>
      <c r="G135346" s="16">
        <v>0</v>
      </c>
    </row>
    <row r="135347" spans="1:7" x14ac:dyDescent="0.3">
      <c r="A135347" s="13" t="s">
        <v>608</v>
      </c>
      <c r="B135347" s="14" t="s">
        <v>1</v>
      </c>
      <c r="C135347" s="14" t="s">
        <v>596</v>
      </c>
      <c r="D135347" s="14" t="s">
        <v>244</v>
      </c>
      <c r="E135347" s="15">
        <v>45673</v>
      </c>
      <c r="F135347" s="14" t="s">
        <v>61</v>
      </c>
      <c r="G135347" s="16">
        <v>0</v>
      </c>
    </row>
    <row r="135348" spans="1:7" x14ac:dyDescent="0.3">
      <c r="A135348" s="13" t="s">
        <v>608</v>
      </c>
      <c r="B135348" s="14" t="s">
        <v>1</v>
      </c>
      <c r="C135348" s="14" t="s">
        <v>596</v>
      </c>
      <c r="D135348" s="14" t="s">
        <v>244</v>
      </c>
      <c r="E135348" s="15">
        <v>45674</v>
      </c>
      <c r="F135348" s="14" t="s">
        <v>61</v>
      </c>
      <c r="G135348" s="16">
        <v>0</v>
      </c>
    </row>
    <row r="135349" spans="1:7" x14ac:dyDescent="0.3">
      <c r="A135349" s="13" t="s">
        <v>608</v>
      </c>
      <c r="B135349" s="14" t="s">
        <v>1</v>
      </c>
      <c r="C135349" s="14" t="s">
        <v>596</v>
      </c>
      <c r="D135349" s="14" t="s">
        <v>244</v>
      </c>
      <c r="E135349" s="15">
        <v>45675</v>
      </c>
      <c r="F135349" s="14" t="s">
        <v>61</v>
      </c>
      <c r="G135349" s="16">
        <v>0</v>
      </c>
    </row>
    <row r="135350" spans="1:7" x14ac:dyDescent="0.3">
      <c r="A135350" s="13" t="s">
        <v>608</v>
      </c>
      <c r="B135350" s="14" t="s">
        <v>1</v>
      </c>
      <c r="C135350" s="14" t="s">
        <v>596</v>
      </c>
      <c r="D135350" s="14" t="s">
        <v>244</v>
      </c>
      <c r="E135350" s="15">
        <v>45676</v>
      </c>
      <c r="F135350" s="14" t="s">
        <v>61</v>
      </c>
      <c r="G135350" s="16">
        <v>0</v>
      </c>
    </row>
    <row r="135351" spans="1:7" x14ac:dyDescent="0.3">
      <c r="A135351" s="13" t="s">
        <v>608</v>
      </c>
      <c r="B135351" s="14" t="s">
        <v>1</v>
      </c>
      <c r="C135351" s="14" t="s">
        <v>596</v>
      </c>
      <c r="D135351" s="14" t="s">
        <v>244</v>
      </c>
      <c r="E135351" s="15">
        <v>45677</v>
      </c>
      <c r="F135351" s="14" t="s">
        <v>61</v>
      </c>
      <c r="G135351" s="16">
        <v>0</v>
      </c>
    </row>
    <row r="135352" spans="1:7" x14ac:dyDescent="0.3">
      <c r="A135352" s="13" t="s">
        <v>608</v>
      </c>
      <c r="B135352" s="14" t="s">
        <v>1</v>
      </c>
      <c r="C135352" s="14" t="s">
        <v>596</v>
      </c>
      <c r="D135352" s="14" t="s">
        <v>244</v>
      </c>
      <c r="E135352" s="15">
        <v>45678</v>
      </c>
      <c r="F135352" s="14" t="s">
        <v>61</v>
      </c>
      <c r="G135352" s="16">
        <v>0</v>
      </c>
    </row>
    <row r="135353" spans="1:7" x14ac:dyDescent="0.3">
      <c r="A135353" s="13" t="s">
        <v>608</v>
      </c>
      <c r="B135353" s="14" t="s">
        <v>1</v>
      </c>
      <c r="C135353" s="14" t="s">
        <v>596</v>
      </c>
      <c r="D135353" s="14" t="s">
        <v>244</v>
      </c>
      <c r="E135353" s="15">
        <v>45679</v>
      </c>
      <c r="F135353" s="14" t="s">
        <v>61</v>
      </c>
      <c r="G135353" s="16">
        <v>0</v>
      </c>
    </row>
    <row r="135354" spans="1:7" x14ac:dyDescent="0.3">
      <c r="A135354" s="13" t="s">
        <v>608</v>
      </c>
      <c r="B135354" s="14" t="s">
        <v>1</v>
      </c>
      <c r="C135354" s="14" t="s">
        <v>596</v>
      </c>
      <c r="D135354" s="14" t="s">
        <v>244</v>
      </c>
      <c r="E135354" s="15">
        <v>45680</v>
      </c>
      <c r="F135354" s="14" t="s">
        <v>61</v>
      </c>
      <c r="G135354" s="16">
        <v>0</v>
      </c>
    </row>
    <row r="135355" spans="1:7" x14ac:dyDescent="0.3">
      <c r="A135355" s="13" t="s">
        <v>608</v>
      </c>
      <c r="B135355" s="14" t="s">
        <v>1</v>
      </c>
      <c r="C135355" s="14" t="s">
        <v>596</v>
      </c>
      <c r="D135355" s="14" t="s">
        <v>244</v>
      </c>
      <c r="E135355" s="15">
        <v>45681</v>
      </c>
      <c r="F135355" s="14" t="s">
        <v>61</v>
      </c>
      <c r="G135355" s="16">
        <v>0</v>
      </c>
    </row>
    <row r="135356" spans="1:7" x14ac:dyDescent="0.3">
      <c r="A135356" s="13" t="s">
        <v>608</v>
      </c>
      <c r="B135356" s="14" t="s">
        <v>1</v>
      </c>
      <c r="C135356" s="14" t="s">
        <v>596</v>
      </c>
      <c r="D135356" s="14" t="s">
        <v>244</v>
      </c>
      <c r="E135356" s="15">
        <v>45682</v>
      </c>
      <c r="F135356" s="14" t="s">
        <v>61</v>
      </c>
      <c r="G135356" s="16">
        <v>0</v>
      </c>
    </row>
    <row r="135357" spans="1:7" x14ac:dyDescent="0.3">
      <c r="A135357" s="13" t="s">
        <v>608</v>
      </c>
      <c r="B135357" s="14" t="s">
        <v>1</v>
      </c>
      <c r="C135357" s="14" t="s">
        <v>596</v>
      </c>
      <c r="D135357" s="14" t="s">
        <v>244</v>
      </c>
      <c r="E135357" s="15">
        <v>45683</v>
      </c>
      <c r="F135357" s="14" t="s">
        <v>61</v>
      </c>
      <c r="G135357" s="16">
        <v>0</v>
      </c>
    </row>
    <row r="135358" spans="1:7" x14ac:dyDescent="0.3">
      <c r="A135358" s="13" t="s">
        <v>608</v>
      </c>
      <c r="B135358" s="14" t="s">
        <v>1</v>
      </c>
      <c r="C135358" s="14" t="s">
        <v>596</v>
      </c>
      <c r="D135358" s="14" t="s">
        <v>244</v>
      </c>
      <c r="E135358" s="15">
        <v>45684</v>
      </c>
      <c r="F135358" s="14" t="s">
        <v>61</v>
      </c>
      <c r="G135358" s="16">
        <v>0</v>
      </c>
    </row>
    <row r="135359" spans="1:7" x14ac:dyDescent="0.3">
      <c r="A135359" s="13" t="s">
        <v>608</v>
      </c>
      <c r="B135359" s="14" t="s">
        <v>1</v>
      </c>
      <c r="C135359" s="14" t="s">
        <v>596</v>
      </c>
      <c r="D135359" s="14" t="s">
        <v>244</v>
      </c>
      <c r="E135359" s="15">
        <v>45685</v>
      </c>
      <c r="F135359" s="14" t="s">
        <v>61</v>
      </c>
      <c r="G135359" s="16">
        <v>0</v>
      </c>
    </row>
    <row r="135360" spans="1:7" x14ac:dyDescent="0.3">
      <c r="A135360" s="13" t="s">
        <v>608</v>
      </c>
      <c r="B135360" s="14" t="s">
        <v>1</v>
      </c>
      <c r="C135360" s="14" t="s">
        <v>596</v>
      </c>
      <c r="D135360" s="14" t="s">
        <v>244</v>
      </c>
      <c r="E135360" s="15">
        <v>45686</v>
      </c>
      <c r="F135360" s="14" t="s">
        <v>61</v>
      </c>
      <c r="G135360" s="16">
        <v>0</v>
      </c>
    </row>
    <row r="135361" spans="1:7" x14ac:dyDescent="0.3">
      <c r="A135361" s="13" t="s">
        <v>608</v>
      </c>
      <c r="B135361" s="14" t="s">
        <v>1</v>
      </c>
      <c r="C135361" s="14" t="s">
        <v>596</v>
      </c>
      <c r="D135361" s="14" t="s">
        <v>244</v>
      </c>
      <c r="E135361" s="15">
        <v>45687</v>
      </c>
      <c r="F135361" s="14" t="s">
        <v>61</v>
      </c>
      <c r="G135361" s="16">
        <v>0</v>
      </c>
    </row>
    <row r="135362" spans="1:7" x14ac:dyDescent="0.3">
      <c r="A135362" s="13" t="s">
        <v>608</v>
      </c>
      <c r="B135362" s="14" t="s">
        <v>1</v>
      </c>
      <c r="C135362" s="14" t="s">
        <v>596</v>
      </c>
      <c r="D135362" s="14" t="s">
        <v>244</v>
      </c>
      <c r="E135362" s="15">
        <v>45688</v>
      </c>
      <c r="F135362" s="14" t="s">
        <v>61</v>
      </c>
      <c r="G135362" s="16">
        <v>0</v>
      </c>
    </row>
    <row r="135363" spans="1:7" x14ac:dyDescent="0.3">
      <c r="A135363" s="13" t="s">
        <v>608</v>
      </c>
      <c r="B135363" s="14" t="s">
        <v>1</v>
      </c>
      <c r="C135363" s="14" t="s">
        <v>596</v>
      </c>
      <c r="D135363" s="14" t="s">
        <v>244</v>
      </c>
      <c r="E135363" s="15">
        <v>45689</v>
      </c>
      <c r="F135363" s="14" t="s">
        <v>61</v>
      </c>
      <c r="G135363" s="16">
        <v>0</v>
      </c>
    </row>
    <row r="135364" spans="1:7" x14ac:dyDescent="0.3">
      <c r="A135364" s="13" t="s">
        <v>608</v>
      </c>
      <c r="B135364" s="14" t="s">
        <v>1</v>
      </c>
      <c r="C135364" s="14" t="s">
        <v>596</v>
      </c>
      <c r="D135364" s="14" t="s">
        <v>244</v>
      </c>
      <c r="E135364" s="15">
        <v>45690</v>
      </c>
      <c r="F135364" s="14" t="s">
        <v>61</v>
      </c>
      <c r="G135364" s="16">
        <v>0</v>
      </c>
    </row>
    <row r="135365" spans="1:7" x14ac:dyDescent="0.3">
      <c r="A135365" s="13" t="s">
        <v>608</v>
      </c>
      <c r="B135365" s="14" t="s">
        <v>1</v>
      </c>
      <c r="C135365" s="14" t="s">
        <v>596</v>
      </c>
      <c r="D135365" s="14" t="s">
        <v>244</v>
      </c>
      <c r="E135365" s="15">
        <v>45691</v>
      </c>
      <c r="F135365" s="14" t="s">
        <v>61</v>
      </c>
      <c r="G135365" s="16">
        <v>0</v>
      </c>
    </row>
    <row r="135366" spans="1:7" x14ac:dyDescent="0.3">
      <c r="A135366" s="13" t="s">
        <v>608</v>
      </c>
      <c r="B135366" s="14" t="s">
        <v>1</v>
      </c>
      <c r="C135366" s="14" t="s">
        <v>596</v>
      </c>
      <c r="D135366" s="14" t="s">
        <v>244</v>
      </c>
      <c r="E135366" s="15">
        <v>45692</v>
      </c>
      <c r="F135366" s="14" t="s">
        <v>61</v>
      </c>
      <c r="G135366" s="16">
        <v>0</v>
      </c>
    </row>
    <row r="135367" spans="1:7" x14ac:dyDescent="0.3">
      <c r="A135367" s="13" t="s">
        <v>608</v>
      </c>
      <c r="B135367" s="14" t="s">
        <v>1</v>
      </c>
      <c r="C135367" s="14" t="s">
        <v>596</v>
      </c>
      <c r="D135367" s="14" t="s">
        <v>244</v>
      </c>
      <c r="E135367" s="15">
        <v>45693</v>
      </c>
      <c r="F135367" s="14" t="s">
        <v>61</v>
      </c>
      <c r="G135367" s="16">
        <v>0</v>
      </c>
    </row>
    <row r="135368" spans="1:7" x14ac:dyDescent="0.3">
      <c r="A135368" s="13" t="s">
        <v>608</v>
      </c>
      <c r="B135368" s="14" t="s">
        <v>1</v>
      </c>
      <c r="C135368" s="14" t="s">
        <v>596</v>
      </c>
      <c r="D135368" s="14" t="s">
        <v>244</v>
      </c>
      <c r="E135368" s="15">
        <v>45694</v>
      </c>
      <c r="F135368" s="14" t="s">
        <v>61</v>
      </c>
      <c r="G135368" s="16">
        <v>0</v>
      </c>
    </row>
    <row r="135369" spans="1:7" x14ac:dyDescent="0.3">
      <c r="A135369" s="13" t="s">
        <v>608</v>
      </c>
      <c r="B135369" s="14" t="s">
        <v>1</v>
      </c>
      <c r="C135369" s="14" t="s">
        <v>596</v>
      </c>
      <c r="D135369" s="14" t="s">
        <v>244</v>
      </c>
      <c r="E135369" s="15">
        <v>45695</v>
      </c>
      <c r="F135369" s="14" t="s">
        <v>61</v>
      </c>
      <c r="G135369" s="16">
        <v>0</v>
      </c>
    </row>
    <row r="135370" spans="1:7" x14ac:dyDescent="0.3">
      <c r="A135370" s="13" t="s">
        <v>608</v>
      </c>
      <c r="B135370" s="14" t="s">
        <v>1</v>
      </c>
      <c r="C135370" s="14" t="s">
        <v>596</v>
      </c>
      <c r="D135370" s="14" t="s">
        <v>244</v>
      </c>
      <c r="E135370" s="15">
        <v>45696</v>
      </c>
      <c r="F135370" s="14" t="s">
        <v>61</v>
      </c>
      <c r="G135370" s="16">
        <v>0</v>
      </c>
    </row>
    <row r="135371" spans="1:7" x14ac:dyDescent="0.3">
      <c r="A135371" s="13" t="s">
        <v>608</v>
      </c>
      <c r="B135371" s="14" t="s">
        <v>1</v>
      </c>
      <c r="C135371" s="14" t="s">
        <v>596</v>
      </c>
      <c r="D135371" s="14" t="s">
        <v>244</v>
      </c>
      <c r="E135371" s="15">
        <v>45697</v>
      </c>
      <c r="F135371" s="14" t="s">
        <v>61</v>
      </c>
      <c r="G135371" s="16">
        <v>0</v>
      </c>
    </row>
    <row r="135372" spans="1:7" x14ac:dyDescent="0.3">
      <c r="A135372" s="13" t="s">
        <v>608</v>
      </c>
      <c r="B135372" s="14" t="s">
        <v>1</v>
      </c>
      <c r="C135372" s="14" t="s">
        <v>596</v>
      </c>
      <c r="D135372" s="14" t="s">
        <v>244</v>
      </c>
      <c r="E135372" s="15">
        <v>45698</v>
      </c>
      <c r="F135372" s="14" t="s">
        <v>61</v>
      </c>
      <c r="G135372" s="16">
        <v>0</v>
      </c>
    </row>
    <row r="135373" spans="1:7" x14ac:dyDescent="0.3">
      <c r="A135373" s="13" t="s">
        <v>608</v>
      </c>
      <c r="B135373" s="14" t="s">
        <v>1</v>
      </c>
      <c r="C135373" s="14" t="s">
        <v>596</v>
      </c>
      <c r="D135373" s="14" t="s">
        <v>244</v>
      </c>
      <c r="E135373" s="15">
        <v>45699</v>
      </c>
      <c r="F135373" s="14" t="s">
        <v>61</v>
      </c>
      <c r="G135373" s="16">
        <v>0</v>
      </c>
    </row>
    <row r="135374" spans="1:7" x14ac:dyDescent="0.3">
      <c r="A135374" s="13" t="s">
        <v>608</v>
      </c>
      <c r="B135374" s="14" t="s">
        <v>1</v>
      </c>
      <c r="C135374" s="14" t="s">
        <v>596</v>
      </c>
      <c r="D135374" s="14" t="s">
        <v>244</v>
      </c>
      <c r="E135374" s="15">
        <v>45700</v>
      </c>
      <c r="F135374" s="14" t="s">
        <v>61</v>
      </c>
      <c r="G135374" s="16">
        <v>0</v>
      </c>
    </row>
    <row r="135375" spans="1:7" x14ac:dyDescent="0.3">
      <c r="A135375" s="13" t="s">
        <v>608</v>
      </c>
      <c r="B135375" s="14" t="s">
        <v>1</v>
      </c>
      <c r="C135375" s="14" t="s">
        <v>596</v>
      </c>
      <c r="D135375" s="14" t="s">
        <v>244</v>
      </c>
      <c r="E135375" s="15">
        <v>45701</v>
      </c>
      <c r="F135375" s="14" t="s">
        <v>61</v>
      </c>
      <c r="G135375" s="16">
        <v>0</v>
      </c>
    </row>
    <row r="135376" spans="1:7" x14ac:dyDescent="0.3">
      <c r="A135376" s="13" t="s">
        <v>608</v>
      </c>
      <c r="B135376" s="14" t="s">
        <v>1</v>
      </c>
      <c r="C135376" s="14" t="s">
        <v>596</v>
      </c>
      <c r="D135376" s="14" t="s">
        <v>244</v>
      </c>
      <c r="E135376" s="15">
        <v>45702</v>
      </c>
      <c r="F135376" s="14" t="s">
        <v>61</v>
      </c>
      <c r="G135376" s="16">
        <v>0</v>
      </c>
    </row>
    <row r="135377" spans="1:7" x14ac:dyDescent="0.3">
      <c r="A135377" s="13" t="s">
        <v>608</v>
      </c>
      <c r="B135377" s="14" t="s">
        <v>1</v>
      </c>
      <c r="C135377" s="14" t="s">
        <v>596</v>
      </c>
      <c r="D135377" s="14" t="s">
        <v>244</v>
      </c>
      <c r="E135377" s="15">
        <v>45703</v>
      </c>
      <c r="F135377" s="14" t="s">
        <v>61</v>
      </c>
      <c r="G135377" s="16">
        <v>0</v>
      </c>
    </row>
    <row r="135378" spans="1:7" x14ac:dyDescent="0.3">
      <c r="A135378" s="13" t="s">
        <v>608</v>
      </c>
      <c r="B135378" s="14" t="s">
        <v>1</v>
      </c>
      <c r="C135378" s="14" t="s">
        <v>596</v>
      </c>
      <c r="D135378" s="14" t="s">
        <v>244</v>
      </c>
      <c r="E135378" s="15">
        <v>45704</v>
      </c>
      <c r="F135378" s="14" t="s">
        <v>61</v>
      </c>
      <c r="G135378" s="16">
        <v>0</v>
      </c>
    </row>
    <row r="135379" spans="1:7" x14ac:dyDescent="0.3">
      <c r="A135379" s="13" t="s">
        <v>608</v>
      </c>
      <c r="B135379" s="14" t="s">
        <v>1</v>
      </c>
      <c r="C135379" s="14" t="s">
        <v>596</v>
      </c>
      <c r="D135379" s="14" t="s">
        <v>244</v>
      </c>
      <c r="E135379" s="15">
        <v>45705</v>
      </c>
      <c r="F135379" s="14" t="s">
        <v>61</v>
      </c>
      <c r="G135379" s="16">
        <v>0</v>
      </c>
    </row>
    <row r="135380" spans="1:7" x14ac:dyDescent="0.3">
      <c r="A135380" s="13" t="s">
        <v>608</v>
      </c>
      <c r="B135380" s="14" t="s">
        <v>1</v>
      </c>
      <c r="C135380" s="14" t="s">
        <v>596</v>
      </c>
      <c r="D135380" s="14" t="s">
        <v>244</v>
      </c>
      <c r="E135380" s="15">
        <v>45706</v>
      </c>
      <c r="F135380" s="14" t="s">
        <v>61</v>
      </c>
      <c r="G135380" s="16">
        <v>0</v>
      </c>
    </row>
    <row r="135381" spans="1:7" x14ac:dyDescent="0.3">
      <c r="A135381" s="13" t="s">
        <v>608</v>
      </c>
      <c r="B135381" s="14" t="s">
        <v>1</v>
      </c>
      <c r="C135381" s="14" t="s">
        <v>596</v>
      </c>
      <c r="D135381" s="14" t="s">
        <v>244</v>
      </c>
      <c r="E135381" s="15">
        <v>45707</v>
      </c>
      <c r="F135381" s="14" t="s">
        <v>61</v>
      </c>
      <c r="G135381" s="16">
        <v>0</v>
      </c>
    </row>
    <row r="135382" spans="1:7" x14ac:dyDescent="0.3">
      <c r="A135382" s="13" t="s">
        <v>608</v>
      </c>
      <c r="B135382" s="14" t="s">
        <v>1</v>
      </c>
      <c r="C135382" s="14" t="s">
        <v>596</v>
      </c>
      <c r="D135382" s="14" t="s">
        <v>244</v>
      </c>
      <c r="E135382" s="15">
        <v>45708</v>
      </c>
      <c r="F135382" s="14" t="s">
        <v>61</v>
      </c>
      <c r="G135382" s="16">
        <v>0</v>
      </c>
    </row>
    <row r="135383" spans="1:7" x14ac:dyDescent="0.3">
      <c r="A135383" s="13" t="s">
        <v>608</v>
      </c>
      <c r="B135383" s="14" t="s">
        <v>1</v>
      </c>
      <c r="C135383" s="14" t="s">
        <v>596</v>
      </c>
      <c r="D135383" s="14" t="s">
        <v>244</v>
      </c>
      <c r="E135383" s="15">
        <v>45709</v>
      </c>
      <c r="F135383" s="14" t="s">
        <v>61</v>
      </c>
      <c r="G135383" s="16">
        <v>0</v>
      </c>
    </row>
    <row r="135384" spans="1:7" x14ac:dyDescent="0.3">
      <c r="A135384" s="13" t="s">
        <v>608</v>
      </c>
      <c r="B135384" s="14" t="s">
        <v>1</v>
      </c>
      <c r="C135384" s="14" t="s">
        <v>596</v>
      </c>
      <c r="D135384" s="14" t="s">
        <v>244</v>
      </c>
      <c r="E135384" s="15">
        <v>45710</v>
      </c>
      <c r="F135384" s="14" t="s">
        <v>61</v>
      </c>
      <c r="G135384" s="16">
        <v>0</v>
      </c>
    </row>
    <row r="135385" spans="1:7" x14ac:dyDescent="0.3">
      <c r="A135385" s="13" t="s">
        <v>608</v>
      </c>
      <c r="B135385" s="14" t="s">
        <v>1</v>
      </c>
      <c r="C135385" s="14" t="s">
        <v>596</v>
      </c>
      <c r="D135385" s="14" t="s">
        <v>244</v>
      </c>
      <c r="E135385" s="15">
        <v>45711</v>
      </c>
      <c r="F135385" s="14" t="s">
        <v>61</v>
      </c>
      <c r="G135385" s="16">
        <v>0</v>
      </c>
    </row>
    <row r="135386" spans="1:7" x14ac:dyDescent="0.3">
      <c r="A135386" s="13" t="s">
        <v>608</v>
      </c>
      <c r="B135386" s="14" t="s">
        <v>1</v>
      </c>
      <c r="C135386" s="14" t="s">
        <v>596</v>
      </c>
      <c r="D135386" s="14" t="s">
        <v>244</v>
      </c>
      <c r="E135386" s="15">
        <v>45712</v>
      </c>
      <c r="F135386" s="14" t="s">
        <v>61</v>
      </c>
      <c r="G135386" s="16">
        <v>0</v>
      </c>
    </row>
    <row r="135387" spans="1:7" x14ac:dyDescent="0.3">
      <c r="A135387" s="13" t="s">
        <v>608</v>
      </c>
      <c r="B135387" s="14" t="s">
        <v>1</v>
      </c>
      <c r="C135387" s="14" t="s">
        <v>596</v>
      </c>
      <c r="D135387" s="14" t="s">
        <v>244</v>
      </c>
      <c r="E135387" s="15">
        <v>45713</v>
      </c>
      <c r="F135387" s="14" t="s">
        <v>61</v>
      </c>
      <c r="G135387" s="16">
        <v>0</v>
      </c>
    </row>
    <row r="135388" spans="1:7" x14ac:dyDescent="0.3">
      <c r="A135388" s="13" t="s">
        <v>608</v>
      </c>
      <c r="B135388" s="14" t="s">
        <v>1</v>
      </c>
      <c r="C135388" s="14" t="s">
        <v>596</v>
      </c>
      <c r="D135388" s="14" t="s">
        <v>244</v>
      </c>
      <c r="E135388" s="15">
        <v>45714</v>
      </c>
      <c r="F135388" s="14" t="s">
        <v>61</v>
      </c>
      <c r="G135388" s="16">
        <v>0</v>
      </c>
    </row>
    <row r="135389" spans="1:7" x14ac:dyDescent="0.3">
      <c r="A135389" s="13" t="s">
        <v>608</v>
      </c>
      <c r="B135389" s="14" t="s">
        <v>1</v>
      </c>
      <c r="C135389" s="14" t="s">
        <v>596</v>
      </c>
      <c r="D135389" s="14" t="s">
        <v>244</v>
      </c>
      <c r="E135389" s="15">
        <v>45715</v>
      </c>
      <c r="F135389" s="14" t="s">
        <v>61</v>
      </c>
      <c r="G135389" s="16">
        <v>0</v>
      </c>
    </row>
    <row r="135390" spans="1:7" x14ac:dyDescent="0.3">
      <c r="A135390" s="13" t="s">
        <v>608</v>
      </c>
      <c r="B135390" s="14" t="s">
        <v>1</v>
      </c>
      <c r="C135390" s="14" t="s">
        <v>596</v>
      </c>
      <c r="D135390" s="14" t="s">
        <v>244</v>
      </c>
      <c r="E135390" s="15">
        <v>45716</v>
      </c>
      <c r="F135390" s="14" t="s">
        <v>61</v>
      </c>
      <c r="G135390" s="16">
        <v>0</v>
      </c>
    </row>
    <row r="135391" spans="1:7" x14ac:dyDescent="0.3">
      <c r="A135391" s="13" t="s">
        <v>608</v>
      </c>
      <c r="B135391" s="14" t="s">
        <v>1</v>
      </c>
      <c r="C135391" s="14" t="s">
        <v>596</v>
      </c>
      <c r="D135391" s="14" t="s">
        <v>244</v>
      </c>
      <c r="E135391" s="15">
        <v>45717</v>
      </c>
      <c r="F135391" s="14" t="s">
        <v>61</v>
      </c>
      <c r="G135391" s="16">
        <v>0</v>
      </c>
    </row>
    <row r="135392" spans="1:7" x14ac:dyDescent="0.3">
      <c r="A135392" s="13" t="s">
        <v>608</v>
      </c>
      <c r="B135392" s="14" t="s">
        <v>1</v>
      </c>
      <c r="C135392" s="14" t="s">
        <v>596</v>
      </c>
      <c r="D135392" s="14" t="s">
        <v>244</v>
      </c>
      <c r="E135392" s="15">
        <v>45718</v>
      </c>
      <c r="F135392" s="14" t="s">
        <v>61</v>
      </c>
      <c r="G135392" s="16">
        <v>0</v>
      </c>
    </row>
    <row r="135393" spans="1:7" x14ac:dyDescent="0.3">
      <c r="A135393" s="13" t="s">
        <v>608</v>
      </c>
      <c r="B135393" s="14" t="s">
        <v>1</v>
      </c>
      <c r="C135393" s="14" t="s">
        <v>596</v>
      </c>
      <c r="D135393" s="14" t="s">
        <v>244</v>
      </c>
      <c r="E135393" s="15">
        <v>45719</v>
      </c>
      <c r="F135393" s="14" t="s">
        <v>61</v>
      </c>
      <c r="G135393" s="16">
        <v>0</v>
      </c>
    </row>
    <row r="135394" spans="1:7" x14ac:dyDescent="0.3">
      <c r="A135394" s="13" t="s">
        <v>608</v>
      </c>
      <c r="B135394" s="14" t="s">
        <v>1</v>
      </c>
      <c r="C135394" s="14" t="s">
        <v>596</v>
      </c>
      <c r="D135394" s="14" t="s">
        <v>244</v>
      </c>
      <c r="E135394" s="15">
        <v>45720</v>
      </c>
      <c r="F135394" s="14" t="s">
        <v>61</v>
      </c>
      <c r="G135394" s="16">
        <v>0</v>
      </c>
    </row>
    <row r="135395" spans="1:7" x14ac:dyDescent="0.3">
      <c r="A135395" s="13" t="s">
        <v>608</v>
      </c>
      <c r="B135395" s="14" t="s">
        <v>1</v>
      </c>
      <c r="C135395" s="14" t="s">
        <v>596</v>
      </c>
      <c r="D135395" s="14" t="s">
        <v>244</v>
      </c>
      <c r="E135395" s="15">
        <v>45721</v>
      </c>
      <c r="F135395" s="14" t="s">
        <v>61</v>
      </c>
      <c r="G135395" s="16">
        <v>0</v>
      </c>
    </row>
    <row r="135396" spans="1:7" x14ac:dyDescent="0.3">
      <c r="A135396" s="13" t="s">
        <v>608</v>
      </c>
      <c r="B135396" s="14" t="s">
        <v>1</v>
      </c>
      <c r="C135396" s="14" t="s">
        <v>596</v>
      </c>
      <c r="D135396" s="14" t="s">
        <v>244</v>
      </c>
      <c r="E135396" s="15">
        <v>45722</v>
      </c>
      <c r="F135396" s="14" t="s">
        <v>61</v>
      </c>
      <c r="G135396" s="16">
        <v>0</v>
      </c>
    </row>
    <row r="135397" spans="1:7" x14ac:dyDescent="0.3">
      <c r="A135397" s="13" t="s">
        <v>608</v>
      </c>
      <c r="B135397" s="14" t="s">
        <v>1</v>
      </c>
      <c r="C135397" s="14" t="s">
        <v>596</v>
      </c>
      <c r="D135397" s="14" t="s">
        <v>244</v>
      </c>
      <c r="E135397" s="15">
        <v>45723</v>
      </c>
      <c r="F135397" s="14" t="s">
        <v>61</v>
      </c>
      <c r="G135397" s="16">
        <v>0</v>
      </c>
    </row>
    <row r="135398" spans="1:7" x14ac:dyDescent="0.3">
      <c r="A135398" s="13" t="s">
        <v>608</v>
      </c>
      <c r="B135398" s="14" t="s">
        <v>1</v>
      </c>
      <c r="C135398" s="14" t="s">
        <v>596</v>
      </c>
      <c r="D135398" s="14" t="s">
        <v>244</v>
      </c>
      <c r="E135398" s="15">
        <v>45724</v>
      </c>
      <c r="F135398" s="14" t="s">
        <v>61</v>
      </c>
      <c r="G135398" s="16">
        <v>0</v>
      </c>
    </row>
    <row r="135399" spans="1:7" x14ac:dyDescent="0.3">
      <c r="A135399" s="13" t="s">
        <v>608</v>
      </c>
      <c r="B135399" s="14" t="s">
        <v>1</v>
      </c>
      <c r="C135399" s="14" t="s">
        <v>596</v>
      </c>
      <c r="D135399" s="14" t="s">
        <v>244</v>
      </c>
      <c r="E135399" s="15">
        <v>45725</v>
      </c>
      <c r="F135399" s="14" t="s">
        <v>61</v>
      </c>
      <c r="G135399" s="16">
        <v>0</v>
      </c>
    </row>
    <row r="135400" spans="1:7" x14ac:dyDescent="0.3">
      <c r="A135400" s="13" t="s">
        <v>608</v>
      </c>
      <c r="B135400" s="14" t="s">
        <v>1</v>
      </c>
      <c r="C135400" s="14" t="s">
        <v>596</v>
      </c>
      <c r="D135400" s="14" t="s">
        <v>244</v>
      </c>
      <c r="E135400" s="15">
        <v>45726</v>
      </c>
      <c r="F135400" s="14" t="s">
        <v>61</v>
      </c>
      <c r="G135400" s="16">
        <v>0</v>
      </c>
    </row>
    <row r="135401" spans="1:7" x14ac:dyDescent="0.3">
      <c r="A135401" s="13" t="s">
        <v>608</v>
      </c>
      <c r="B135401" s="14" t="s">
        <v>1</v>
      </c>
      <c r="C135401" s="14" t="s">
        <v>596</v>
      </c>
      <c r="D135401" s="14" t="s">
        <v>244</v>
      </c>
      <c r="E135401" s="15">
        <v>45727</v>
      </c>
      <c r="F135401" s="14" t="s">
        <v>61</v>
      </c>
      <c r="G135401" s="16">
        <v>0</v>
      </c>
    </row>
    <row r="135402" spans="1:7" x14ac:dyDescent="0.3">
      <c r="A135402" s="13" t="s">
        <v>608</v>
      </c>
      <c r="B135402" s="14" t="s">
        <v>1</v>
      </c>
      <c r="C135402" s="14" t="s">
        <v>596</v>
      </c>
      <c r="D135402" s="14" t="s">
        <v>244</v>
      </c>
      <c r="E135402" s="15">
        <v>45728</v>
      </c>
      <c r="F135402" s="14" t="s">
        <v>61</v>
      </c>
      <c r="G135402" s="16">
        <v>0</v>
      </c>
    </row>
    <row r="135403" spans="1:7" x14ac:dyDescent="0.3">
      <c r="A135403" s="13" t="s">
        <v>608</v>
      </c>
      <c r="B135403" s="14" t="s">
        <v>1</v>
      </c>
      <c r="C135403" s="14" t="s">
        <v>596</v>
      </c>
      <c r="D135403" s="14" t="s">
        <v>244</v>
      </c>
      <c r="E135403" s="15">
        <v>45729</v>
      </c>
      <c r="F135403" s="14" t="s">
        <v>61</v>
      </c>
      <c r="G135403" s="16">
        <v>0</v>
      </c>
    </row>
    <row r="135404" spans="1:7" x14ac:dyDescent="0.3">
      <c r="A135404" s="13" t="s">
        <v>608</v>
      </c>
      <c r="B135404" s="14" t="s">
        <v>1</v>
      </c>
      <c r="C135404" s="14" t="s">
        <v>596</v>
      </c>
      <c r="D135404" s="14" t="s">
        <v>244</v>
      </c>
      <c r="E135404" s="15">
        <v>45730</v>
      </c>
      <c r="F135404" s="14" t="s">
        <v>61</v>
      </c>
      <c r="G135404" s="16">
        <v>0</v>
      </c>
    </row>
    <row r="135405" spans="1:7" x14ac:dyDescent="0.3">
      <c r="A135405" s="13" t="s">
        <v>608</v>
      </c>
      <c r="B135405" s="14" t="s">
        <v>1</v>
      </c>
      <c r="C135405" s="14" t="s">
        <v>596</v>
      </c>
      <c r="D135405" s="14" t="s">
        <v>244</v>
      </c>
      <c r="E135405" s="15">
        <v>45731</v>
      </c>
      <c r="F135405" s="14" t="s">
        <v>61</v>
      </c>
      <c r="G135405" s="16">
        <v>0</v>
      </c>
    </row>
    <row r="135406" spans="1:7" x14ac:dyDescent="0.3">
      <c r="A135406" s="13" t="s">
        <v>608</v>
      </c>
      <c r="B135406" s="14" t="s">
        <v>1</v>
      </c>
      <c r="C135406" s="14" t="s">
        <v>596</v>
      </c>
      <c r="D135406" s="14" t="s">
        <v>244</v>
      </c>
      <c r="E135406" s="15">
        <v>45732</v>
      </c>
      <c r="F135406" s="14" t="s">
        <v>61</v>
      </c>
      <c r="G135406" s="16">
        <v>0</v>
      </c>
    </row>
    <row r="135407" spans="1:7" x14ac:dyDescent="0.3">
      <c r="A135407" s="13" t="s">
        <v>608</v>
      </c>
      <c r="B135407" s="14" t="s">
        <v>1</v>
      </c>
      <c r="C135407" s="14" t="s">
        <v>596</v>
      </c>
      <c r="D135407" s="14" t="s">
        <v>244</v>
      </c>
      <c r="E135407" s="15">
        <v>45733</v>
      </c>
      <c r="F135407" s="14" t="s">
        <v>61</v>
      </c>
      <c r="G135407" s="16">
        <v>0</v>
      </c>
    </row>
    <row r="135408" spans="1:7" x14ac:dyDescent="0.3">
      <c r="A135408" s="13" t="s">
        <v>608</v>
      </c>
      <c r="B135408" s="14" t="s">
        <v>1</v>
      </c>
      <c r="C135408" s="14" t="s">
        <v>596</v>
      </c>
      <c r="D135408" s="14" t="s">
        <v>244</v>
      </c>
      <c r="E135408" s="15">
        <v>45734</v>
      </c>
      <c r="F135408" s="14" t="s">
        <v>61</v>
      </c>
      <c r="G135408" s="16">
        <v>0</v>
      </c>
    </row>
    <row r="135409" spans="1:7" x14ac:dyDescent="0.3">
      <c r="A135409" s="13" t="s">
        <v>608</v>
      </c>
      <c r="B135409" s="14" t="s">
        <v>1</v>
      </c>
      <c r="C135409" s="14" t="s">
        <v>596</v>
      </c>
      <c r="D135409" s="14" t="s">
        <v>244</v>
      </c>
      <c r="E135409" s="15">
        <v>45735</v>
      </c>
      <c r="F135409" s="14" t="s">
        <v>61</v>
      </c>
      <c r="G135409" s="16">
        <v>0</v>
      </c>
    </row>
    <row r="135410" spans="1:7" x14ac:dyDescent="0.3">
      <c r="A135410" s="13" t="s">
        <v>608</v>
      </c>
      <c r="B135410" s="14" t="s">
        <v>1</v>
      </c>
      <c r="C135410" s="14" t="s">
        <v>596</v>
      </c>
      <c r="D135410" s="14" t="s">
        <v>244</v>
      </c>
      <c r="E135410" s="15">
        <v>45736</v>
      </c>
      <c r="F135410" s="14" t="s">
        <v>61</v>
      </c>
      <c r="G135410" s="16">
        <v>0</v>
      </c>
    </row>
    <row r="135411" spans="1:7" x14ac:dyDescent="0.3">
      <c r="A135411" s="13" t="s">
        <v>608</v>
      </c>
      <c r="B135411" s="14" t="s">
        <v>1</v>
      </c>
      <c r="C135411" s="14" t="s">
        <v>596</v>
      </c>
      <c r="D135411" s="14" t="s">
        <v>244</v>
      </c>
      <c r="E135411" s="15">
        <v>45737</v>
      </c>
      <c r="F135411" s="14" t="s">
        <v>61</v>
      </c>
      <c r="G135411" s="16">
        <v>0</v>
      </c>
    </row>
    <row r="135412" spans="1:7" x14ac:dyDescent="0.3">
      <c r="A135412" s="13" t="s">
        <v>608</v>
      </c>
      <c r="B135412" s="14" t="s">
        <v>1</v>
      </c>
      <c r="C135412" s="14" t="s">
        <v>596</v>
      </c>
      <c r="D135412" s="14" t="s">
        <v>244</v>
      </c>
      <c r="E135412" s="15">
        <v>45738</v>
      </c>
      <c r="F135412" s="14" t="s">
        <v>61</v>
      </c>
      <c r="G135412" s="16">
        <v>0</v>
      </c>
    </row>
    <row r="135413" spans="1:7" x14ac:dyDescent="0.3">
      <c r="A135413" s="13" t="s">
        <v>608</v>
      </c>
      <c r="B135413" s="14" t="s">
        <v>1</v>
      </c>
      <c r="C135413" s="14" t="s">
        <v>596</v>
      </c>
      <c r="D135413" s="14" t="s">
        <v>244</v>
      </c>
      <c r="E135413" s="15">
        <v>45739</v>
      </c>
      <c r="F135413" s="14" t="s">
        <v>61</v>
      </c>
      <c r="G135413" s="16">
        <v>0</v>
      </c>
    </row>
    <row r="135414" spans="1:7" x14ac:dyDescent="0.3">
      <c r="A135414" s="13" t="s">
        <v>608</v>
      </c>
      <c r="B135414" s="14" t="s">
        <v>1</v>
      </c>
      <c r="C135414" s="14" t="s">
        <v>596</v>
      </c>
      <c r="D135414" s="14" t="s">
        <v>244</v>
      </c>
      <c r="E135414" s="15">
        <v>45740</v>
      </c>
      <c r="F135414" s="14" t="s">
        <v>61</v>
      </c>
      <c r="G135414" s="16">
        <v>0</v>
      </c>
    </row>
    <row r="135415" spans="1:7" x14ac:dyDescent="0.3">
      <c r="A135415" s="13" t="s">
        <v>608</v>
      </c>
      <c r="B135415" s="14" t="s">
        <v>1</v>
      </c>
      <c r="C135415" s="14" t="s">
        <v>596</v>
      </c>
      <c r="D135415" s="14" t="s">
        <v>244</v>
      </c>
      <c r="E135415" s="15">
        <v>45741</v>
      </c>
      <c r="F135415" s="14" t="s">
        <v>61</v>
      </c>
      <c r="G135415" s="16">
        <v>0</v>
      </c>
    </row>
    <row r="135416" spans="1:7" x14ac:dyDescent="0.3">
      <c r="A135416" s="13" t="s">
        <v>608</v>
      </c>
      <c r="B135416" s="14" t="s">
        <v>1</v>
      </c>
      <c r="C135416" s="14" t="s">
        <v>596</v>
      </c>
      <c r="D135416" s="14" t="s">
        <v>244</v>
      </c>
      <c r="E135416" s="15">
        <v>45742</v>
      </c>
      <c r="F135416" s="14" t="s">
        <v>61</v>
      </c>
      <c r="G135416" s="16">
        <v>0</v>
      </c>
    </row>
    <row r="135417" spans="1:7" x14ac:dyDescent="0.3">
      <c r="A135417" s="13" t="s">
        <v>608</v>
      </c>
      <c r="B135417" s="14" t="s">
        <v>1</v>
      </c>
      <c r="C135417" s="14" t="s">
        <v>596</v>
      </c>
      <c r="D135417" s="14" t="s">
        <v>244</v>
      </c>
      <c r="E135417" s="15">
        <v>45743</v>
      </c>
      <c r="F135417" s="14" t="s">
        <v>61</v>
      </c>
      <c r="G135417" s="16">
        <v>0</v>
      </c>
    </row>
    <row r="135418" spans="1:7" x14ac:dyDescent="0.3">
      <c r="A135418" s="13" t="s">
        <v>608</v>
      </c>
      <c r="B135418" s="14" t="s">
        <v>1</v>
      </c>
      <c r="C135418" s="14" t="s">
        <v>596</v>
      </c>
      <c r="D135418" s="14" t="s">
        <v>244</v>
      </c>
      <c r="E135418" s="15">
        <v>45744</v>
      </c>
      <c r="F135418" s="14" t="s">
        <v>61</v>
      </c>
      <c r="G135418" s="16">
        <v>0</v>
      </c>
    </row>
    <row r="135419" spans="1:7" x14ac:dyDescent="0.3">
      <c r="A135419" s="13" t="s">
        <v>608</v>
      </c>
      <c r="B135419" s="14" t="s">
        <v>1</v>
      </c>
      <c r="C135419" s="14" t="s">
        <v>596</v>
      </c>
      <c r="D135419" s="14" t="s">
        <v>244</v>
      </c>
      <c r="E135419" s="15">
        <v>45745</v>
      </c>
      <c r="F135419" s="14" t="s">
        <v>61</v>
      </c>
      <c r="G135419" s="16">
        <v>0</v>
      </c>
    </row>
    <row r="135420" spans="1:7" x14ac:dyDescent="0.3">
      <c r="A135420" s="13" t="s">
        <v>608</v>
      </c>
      <c r="B135420" s="14" t="s">
        <v>1</v>
      </c>
      <c r="C135420" s="14" t="s">
        <v>596</v>
      </c>
      <c r="D135420" s="14" t="s">
        <v>244</v>
      </c>
      <c r="E135420" s="15">
        <v>45746</v>
      </c>
      <c r="F135420" s="14" t="s">
        <v>61</v>
      </c>
      <c r="G135420" s="16">
        <v>0</v>
      </c>
    </row>
    <row r="135421" spans="1:7" x14ac:dyDescent="0.3">
      <c r="A135421" s="13" t="s">
        <v>608</v>
      </c>
      <c r="B135421" s="14" t="s">
        <v>1</v>
      </c>
      <c r="C135421" s="14" t="s">
        <v>596</v>
      </c>
      <c r="D135421" s="14" t="s">
        <v>244</v>
      </c>
      <c r="E135421" s="15">
        <v>45747</v>
      </c>
      <c r="F135421" s="14" t="s">
        <v>61</v>
      </c>
      <c r="G135421" s="16">
        <v>0</v>
      </c>
    </row>
    <row r="135422" spans="1:7" x14ac:dyDescent="0.3">
      <c r="A135422" s="13" t="s">
        <v>609</v>
      </c>
      <c r="B135422" s="14" t="s">
        <v>1</v>
      </c>
      <c r="C135422" s="14" t="s">
        <v>596</v>
      </c>
      <c r="D135422" s="14" t="s">
        <v>434</v>
      </c>
      <c r="E135422" s="15">
        <v>45383</v>
      </c>
      <c r="F135422" s="14" t="s">
        <v>61</v>
      </c>
      <c r="G135422" s="16">
        <v>0</v>
      </c>
    </row>
    <row r="135423" spans="1:7" x14ac:dyDescent="0.3">
      <c r="A135423" s="13" t="s">
        <v>609</v>
      </c>
      <c r="B135423" s="14" t="s">
        <v>1</v>
      </c>
      <c r="C135423" s="14" t="s">
        <v>596</v>
      </c>
      <c r="D135423" s="14" t="s">
        <v>434</v>
      </c>
      <c r="E135423" s="15">
        <v>45384</v>
      </c>
      <c r="F135423" s="14" t="s">
        <v>61</v>
      </c>
      <c r="G135423" s="16">
        <v>0</v>
      </c>
    </row>
    <row r="135424" spans="1:7" x14ac:dyDescent="0.3">
      <c r="A135424" s="13" t="s">
        <v>609</v>
      </c>
      <c r="B135424" s="14" t="s">
        <v>1</v>
      </c>
      <c r="C135424" s="14" t="s">
        <v>596</v>
      </c>
      <c r="D135424" s="14" t="s">
        <v>434</v>
      </c>
      <c r="E135424" s="15">
        <v>45385</v>
      </c>
      <c r="F135424" s="14" t="s">
        <v>61</v>
      </c>
      <c r="G135424" s="16">
        <v>0</v>
      </c>
    </row>
    <row r="135425" spans="1:7" x14ac:dyDescent="0.3">
      <c r="A135425" s="13" t="s">
        <v>609</v>
      </c>
      <c r="B135425" s="14" t="s">
        <v>1</v>
      </c>
      <c r="C135425" s="14" t="s">
        <v>596</v>
      </c>
      <c r="D135425" s="14" t="s">
        <v>434</v>
      </c>
      <c r="E135425" s="15">
        <v>45386</v>
      </c>
      <c r="F135425" s="14" t="s">
        <v>61</v>
      </c>
      <c r="G135425" s="16">
        <v>0</v>
      </c>
    </row>
    <row r="135426" spans="1:7" x14ac:dyDescent="0.3">
      <c r="A135426" s="13" t="s">
        <v>609</v>
      </c>
      <c r="B135426" s="14" t="s">
        <v>1</v>
      </c>
      <c r="C135426" s="14" t="s">
        <v>596</v>
      </c>
      <c r="D135426" s="14" t="s">
        <v>434</v>
      </c>
      <c r="E135426" s="15">
        <v>45387</v>
      </c>
      <c r="F135426" s="14" t="s">
        <v>61</v>
      </c>
      <c r="G135426" s="16">
        <v>0</v>
      </c>
    </row>
    <row r="135427" spans="1:7" x14ac:dyDescent="0.3">
      <c r="A135427" s="13" t="s">
        <v>609</v>
      </c>
      <c r="B135427" s="14" t="s">
        <v>1</v>
      </c>
      <c r="C135427" s="14" t="s">
        <v>596</v>
      </c>
      <c r="D135427" s="14" t="s">
        <v>434</v>
      </c>
      <c r="E135427" s="15">
        <v>45388</v>
      </c>
      <c r="F135427" s="14" t="s">
        <v>61</v>
      </c>
      <c r="G135427" s="16">
        <v>0</v>
      </c>
    </row>
    <row r="135428" spans="1:7" x14ac:dyDescent="0.3">
      <c r="A135428" s="13" t="s">
        <v>609</v>
      </c>
      <c r="B135428" s="14" t="s">
        <v>1</v>
      </c>
      <c r="C135428" s="14" t="s">
        <v>596</v>
      </c>
      <c r="D135428" s="14" t="s">
        <v>434</v>
      </c>
      <c r="E135428" s="15">
        <v>45389</v>
      </c>
      <c r="F135428" s="14" t="s">
        <v>61</v>
      </c>
      <c r="G135428" s="16">
        <v>0</v>
      </c>
    </row>
    <row r="135429" spans="1:7" x14ac:dyDescent="0.3">
      <c r="A135429" s="13" t="s">
        <v>609</v>
      </c>
      <c r="B135429" s="14" t="s">
        <v>1</v>
      </c>
      <c r="C135429" s="14" t="s">
        <v>596</v>
      </c>
      <c r="D135429" s="14" t="s">
        <v>434</v>
      </c>
      <c r="E135429" s="15">
        <v>45390</v>
      </c>
      <c r="F135429" s="14" t="s">
        <v>61</v>
      </c>
      <c r="G135429" s="16">
        <v>0</v>
      </c>
    </row>
    <row r="135430" spans="1:7" x14ac:dyDescent="0.3">
      <c r="A135430" s="13" t="s">
        <v>609</v>
      </c>
      <c r="B135430" s="14" t="s">
        <v>1</v>
      </c>
      <c r="C135430" s="14" t="s">
        <v>596</v>
      </c>
      <c r="D135430" s="14" t="s">
        <v>434</v>
      </c>
      <c r="E135430" s="15">
        <v>45391</v>
      </c>
      <c r="F135430" s="14" t="s">
        <v>61</v>
      </c>
      <c r="G135430" s="16">
        <v>0</v>
      </c>
    </row>
    <row r="135431" spans="1:7" x14ac:dyDescent="0.3">
      <c r="A135431" s="13" t="s">
        <v>609</v>
      </c>
      <c r="B135431" s="14" t="s">
        <v>1</v>
      </c>
      <c r="C135431" s="14" t="s">
        <v>596</v>
      </c>
      <c r="D135431" s="14" t="s">
        <v>434</v>
      </c>
      <c r="E135431" s="15">
        <v>45392</v>
      </c>
      <c r="F135431" s="14" t="s">
        <v>61</v>
      </c>
      <c r="G135431" s="16">
        <v>0</v>
      </c>
    </row>
    <row r="135432" spans="1:7" x14ac:dyDescent="0.3">
      <c r="A135432" s="13" t="s">
        <v>609</v>
      </c>
      <c r="B135432" s="14" t="s">
        <v>1</v>
      </c>
      <c r="C135432" s="14" t="s">
        <v>596</v>
      </c>
      <c r="D135432" s="14" t="s">
        <v>434</v>
      </c>
      <c r="E135432" s="15">
        <v>45393</v>
      </c>
      <c r="F135432" s="14" t="s">
        <v>61</v>
      </c>
      <c r="G135432" s="16">
        <v>0</v>
      </c>
    </row>
    <row r="135433" spans="1:7" x14ac:dyDescent="0.3">
      <c r="A135433" s="13" t="s">
        <v>609</v>
      </c>
      <c r="B135433" s="14" t="s">
        <v>1</v>
      </c>
      <c r="C135433" s="14" t="s">
        <v>596</v>
      </c>
      <c r="D135433" s="14" t="s">
        <v>434</v>
      </c>
      <c r="E135433" s="15">
        <v>45394</v>
      </c>
      <c r="F135433" s="14" t="s">
        <v>61</v>
      </c>
      <c r="G135433" s="16">
        <v>0</v>
      </c>
    </row>
    <row r="135434" spans="1:7" x14ac:dyDescent="0.3">
      <c r="A135434" s="13" t="s">
        <v>609</v>
      </c>
      <c r="B135434" s="14" t="s">
        <v>1</v>
      </c>
      <c r="C135434" s="14" t="s">
        <v>596</v>
      </c>
      <c r="D135434" s="14" t="s">
        <v>434</v>
      </c>
      <c r="E135434" s="15">
        <v>45395</v>
      </c>
      <c r="F135434" s="14" t="s">
        <v>61</v>
      </c>
      <c r="G135434" s="16">
        <v>0</v>
      </c>
    </row>
    <row r="135435" spans="1:7" x14ac:dyDescent="0.3">
      <c r="A135435" s="13" t="s">
        <v>609</v>
      </c>
      <c r="B135435" s="14" t="s">
        <v>1</v>
      </c>
      <c r="C135435" s="14" t="s">
        <v>596</v>
      </c>
      <c r="D135435" s="14" t="s">
        <v>434</v>
      </c>
      <c r="E135435" s="15">
        <v>45396</v>
      </c>
      <c r="F135435" s="14" t="s">
        <v>61</v>
      </c>
      <c r="G135435" s="16">
        <v>0</v>
      </c>
    </row>
    <row r="135436" spans="1:7" x14ac:dyDescent="0.3">
      <c r="A135436" s="13" t="s">
        <v>609</v>
      </c>
      <c r="B135436" s="14" t="s">
        <v>1</v>
      </c>
      <c r="C135436" s="14" t="s">
        <v>596</v>
      </c>
      <c r="D135436" s="14" t="s">
        <v>434</v>
      </c>
      <c r="E135436" s="15">
        <v>45397</v>
      </c>
      <c r="F135436" s="14" t="s">
        <v>61</v>
      </c>
      <c r="G135436" s="16">
        <v>0</v>
      </c>
    </row>
    <row r="135437" spans="1:7" x14ac:dyDescent="0.3">
      <c r="A135437" s="13" t="s">
        <v>609</v>
      </c>
      <c r="B135437" s="14" t="s">
        <v>1</v>
      </c>
      <c r="C135437" s="14" t="s">
        <v>596</v>
      </c>
      <c r="D135437" s="14" t="s">
        <v>434</v>
      </c>
      <c r="E135437" s="15">
        <v>45398</v>
      </c>
      <c r="F135437" s="14" t="s">
        <v>61</v>
      </c>
      <c r="G135437" s="16">
        <v>0</v>
      </c>
    </row>
    <row r="135438" spans="1:7" x14ac:dyDescent="0.3">
      <c r="A135438" s="13" t="s">
        <v>609</v>
      </c>
      <c r="B135438" s="14" t="s">
        <v>1</v>
      </c>
      <c r="C135438" s="14" t="s">
        <v>596</v>
      </c>
      <c r="D135438" s="14" t="s">
        <v>434</v>
      </c>
      <c r="E135438" s="15">
        <v>45399</v>
      </c>
      <c r="F135438" s="14" t="s">
        <v>61</v>
      </c>
      <c r="G135438" s="16">
        <v>0</v>
      </c>
    </row>
    <row r="135439" spans="1:7" x14ac:dyDescent="0.3">
      <c r="A135439" s="13" t="s">
        <v>609</v>
      </c>
      <c r="B135439" s="14" t="s">
        <v>1</v>
      </c>
      <c r="C135439" s="14" t="s">
        <v>596</v>
      </c>
      <c r="D135439" s="14" t="s">
        <v>434</v>
      </c>
      <c r="E135439" s="15">
        <v>45400</v>
      </c>
      <c r="F135439" s="14" t="s">
        <v>61</v>
      </c>
      <c r="G135439" s="16">
        <v>0</v>
      </c>
    </row>
    <row r="135440" spans="1:7" x14ac:dyDescent="0.3">
      <c r="A135440" s="13" t="s">
        <v>609</v>
      </c>
      <c r="B135440" s="14" t="s">
        <v>1</v>
      </c>
      <c r="C135440" s="14" t="s">
        <v>596</v>
      </c>
      <c r="D135440" s="14" t="s">
        <v>434</v>
      </c>
      <c r="E135440" s="15">
        <v>45401</v>
      </c>
      <c r="F135440" s="14" t="s">
        <v>61</v>
      </c>
      <c r="G135440" s="16">
        <v>0</v>
      </c>
    </row>
    <row r="135441" spans="1:7" x14ac:dyDescent="0.3">
      <c r="A135441" s="13" t="s">
        <v>609</v>
      </c>
      <c r="B135441" s="14" t="s">
        <v>1</v>
      </c>
      <c r="C135441" s="14" t="s">
        <v>596</v>
      </c>
      <c r="D135441" s="14" t="s">
        <v>434</v>
      </c>
      <c r="E135441" s="15">
        <v>45402</v>
      </c>
      <c r="F135441" s="14" t="s">
        <v>61</v>
      </c>
      <c r="G135441" s="16">
        <v>0</v>
      </c>
    </row>
    <row r="135442" spans="1:7" x14ac:dyDescent="0.3">
      <c r="A135442" s="13" t="s">
        <v>609</v>
      </c>
      <c r="B135442" s="14" t="s">
        <v>1</v>
      </c>
      <c r="C135442" s="14" t="s">
        <v>596</v>
      </c>
      <c r="D135442" s="14" t="s">
        <v>434</v>
      </c>
      <c r="E135442" s="15">
        <v>45403</v>
      </c>
      <c r="F135442" s="14" t="s">
        <v>61</v>
      </c>
      <c r="G135442" s="16">
        <v>0</v>
      </c>
    </row>
    <row r="135443" spans="1:7" x14ac:dyDescent="0.3">
      <c r="A135443" s="13" t="s">
        <v>609</v>
      </c>
      <c r="B135443" s="14" t="s">
        <v>1</v>
      </c>
      <c r="C135443" s="14" t="s">
        <v>596</v>
      </c>
      <c r="D135443" s="14" t="s">
        <v>434</v>
      </c>
      <c r="E135443" s="15">
        <v>45404</v>
      </c>
      <c r="F135443" s="14" t="s">
        <v>61</v>
      </c>
      <c r="G135443" s="16">
        <v>0</v>
      </c>
    </row>
    <row r="135444" spans="1:7" x14ac:dyDescent="0.3">
      <c r="A135444" s="13" t="s">
        <v>609</v>
      </c>
      <c r="B135444" s="14" t="s">
        <v>1</v>
      </c>
      <c r="C135444" s="14" t="s">
        <v>596</v>
      </c>
      <c r="D135444" s="14" t="s">
        <v>434</v>
      </c>
      <c r="E135444" s="15">
        <v>45405</v>
      </c>
      <c r="F135444" s="14" t="s">
        <v>61</v>
      </c>
      <c r="G135444" s="16">
        <v>0</v>
      </c>
    </row>
    <row r="135445" spans="1:7" x14ac:dyDescent="0.3">
      <c r="A135445" s="13" t="s">
        <v>609</v>
      </c>
      <c r="B135445" s="14" t="s">
        <v>1</v>
      </c>
      <c r="C135445" s="14" t="s">
        <v>596</v>
      </c>
      <c r="D135445" s="14" t="s">
        <v>434</v>
      </c>
      <c r="E135445" s="15">
        <v>45406</v>
      </c>
      <c r="F135445" s="14" t="s">
        <v>61</v>
      </c>
      <c r="G135445" s="16">
        <v>0</v>
      </c>
    </row>
    <row r="135446" spans="1:7" x14ac:dyDescent="0.3">
      <c r="A135446" s="13" t="s">
        <v>609</v>
      </c>
      <c r="B135446" s="14" t="s">
        <v>1</v>
      </c>
      <c r="C135446" s="14" t="s">
        <v>596</v>
      </c>
      <c r="D135446" s="14" t="s">
        <v>434</v>
      </c>
      <c r="E135446" s="15">
        <v>45407</v>
      </c>
      <c r="F135446" s="14" t="s">
        <v>61</v>
      </c>
      <c r="G135446" s="16">
        <v>0</v>
      </c>
    </row>
    <row r="135447" spans="1:7" x14ac:dyDescent="0.3">
      <c r="A135447" s="13" t="s">
        <v>609</v>
      </c>
      <c r="B135447" s="14" t="s">
        <v>1</v>
      </c>
      <c r="C135447" s="14" t="s">
        <v>596</v>
      </c>
      <c r="D135447" s="14" t="s">
        <v>434</v>
      </c>
      <c r="E135447" s="15">
        <v>45408</v>
      </c>
      <c r="F135447" s="14" t="s">
        <v>61</v>
      </c>
      <c r="G135447" s="16">
        <v>0</v>
      </c>
    </row>
    <row r="135448" spans="1:7" x14ac:dyDescent="0.3">
      <c r="A135448" s="13" t="s">
        <v>609</v>
      </c>
      <c r="B135448" s="14" t="s">
        <v>1</v>
      </c>
      <c r="C135448" s="14" t="s">
        <v>596</v>
      </c>
      <c r="D135448" s="14" t="s">
        <v>434</v>
      </c>
      <c r="E135448" s="15">
        <v>45409</v>
      </c>
      <c r="F135448" s="14" t="s">
        <v>61</v>
      </c>
      <c r="G135448" s="16">
        <v>0</v>
      </c>
    </row>
    <row r="135449" spans="1:7" x14ac:dyDescent="0.3">
      <c r="A135449" s="13" t="s">
        <v>609</v>
      </c>
      <c r="B135449" s="14" t="s">
        <v>1</v>
      </c>
      <c r="C135449" s="14" t="s">
        <v>596</v>
      </c>
      <c r="D135449" s="14" t="s">
        <v>434</v>
      </c>
      <c r="E135449" s="15">
        <v>45410</v>
      </c>
      <c r="F135449" s="14" t="s">
        <v>61</v>
      </c>
      <c r="G135449" s="16">
        <v>0</v>
      </c>
    </row>
    <row r="135450" spans="1:7" x14ac:dyDescent="0.3">
      <c r="A135450" s="13" t="s">
        <v>609</v>
      </c>
      <c r="B135450" s="14" t="s">
        <v>1</v>
      </c>
      <c r="C135450" s="14" t="s">
        <v>596</v>
      </c>
      <c r="D135450" s="14" t="s">
        <v>434</v>
      </c>
      <c r="E135450" s="15">
        <v>45411</v>
      </c>
      <c r="F135450" s="14" t="s">
        <v>61</v>
      </c>
      <c r="G135450" s="16">
        <v>0</v>
      </c>
    </row>
    <row r="135451" spans="1:7" x14ac:dyDescent="0.3">
      <c r="A135451" s="13" t="s">
        <v>609</v>
      </c>
      <c r="B135451" s="14" t="s">
        <v>1</v>
      </c>
      <c r="C135451" s="14" t="s">
        <v>596</v>
      </c>
      <c r="D135451" s="14" t="s">
        <v>434</v>
      </c>
      <c r="E135451" s="15">
        <v>45412</v>
      </c>
      <c r="F135451" s="14" t="s">
        <v>61</v>
      </c>
      <c r="G135451" s="16">
        <v>0</v>
      </c>
    </row>
    <row r="135452" spans="1:7" x14ac:dyDescent="0.3">
      <c r="A135452" s="13" t="s">
        <v>609</v>
      </c>
      <c r="B135452" s="14" t="s">
        <v>1</v>
      </c>
      <c r="C135452" s="14" t="s">
        <v>596</v>
      </c>
      <c r="D135452" s="14" t="s">
        <v>434</v>
      </c>
      <c r="E135452" s="15">
        <v>45413</v>
      </c>
      <c r="F135452" s="14" t="s">
        <v>61</v>
      </c>
      <c r="G135452" s="16">
        <v>0</v>
      </c>
    </row>
    <row r="135453" spans="1:7" x14ac:dyDescent="0.3">
      <c r="A135453" s="13" t="s">
        <v>609</v>
      </c>
      <c r="B135453" s="14" t="s">
        <v>1</v>
      </c>
      <c r="C135453" s="14" t="s">
        <v>596</v>
      </c>
      <c r="D135453" s="14" t="s">
        <v>434</v>
      </c>
      <c r="E135453" s="15">
        <v>45414</v>
      </c>
      <c r="F135453" s="14" t="s">
        <v>61</v>
      </c>
      <c r="G135453" s="16">
        <v>0</v>
      </c>
    </row>
    <row r="135454" spans="1:7" x14ac:dyDescent="0.3">
      <c r="A135454" s="13" t="s">
        <v>609</v>
      </c>
      <c r="B135454" s="14" t="s">
        <v>1</v>
      </c>
      <c r="C135454" s="14" t="s">
        <v>596</v>
      </c>
      <c r="D135454" s="14" t="s">
        <v>434</v>
      </c>
      <c r="E135454" s="15">
        <v>45415</v>
      </c>
      <c r="F135454" s="14" t="s">
        <v>61</v>
      </c>
      <c r="G135454" s="16">
        <v>0</v>
      </c>
    </row>
    <row r="135455" spans="1:7" x14ac:dyDescent="0.3">
      <c r="A135455" s="13" t="s">
        <v>609</v>
      </c>
      <c r="B135455" s="14" t="s">
        <v>1</v>
      </c>
      <c r="C135455" s="14" t="s">
        <v>596</v>
      </c>
      <c r="D135455" s="14" t="s">
        <v>434</v>
      </c>
      <c r="E135455" s="15">
        <v>45416</v>
      </c>
      <c r="F135455" s="14" t="s">
        <v>61</v>
      </c>
      <c r="G135455" s="16">
        <v>0</v>
      </c>
    </row>
    <row r="135456" spans="1:7" x14ac:dyDescent="0.3">
      <c r="A135456" s="13" t="s">
        <v>609</v>
      </c>
      <c r="B135456" s="14" t="s">
        <v>1</v>
      </c>
      <c r="C135456" s="14" t="s">
        <v>596</v>
      </c>
      <c r="D135456" s="14" t="s">
        <v>434</v>
      </c>
      <c r="E135456" s="15">
        <v>45417</v>
      </c>
      <c r="F135456" s="14" t="s">
        <v>61</v>
      </c>
      <c r="G135456" s="16">
        <v>0</v>
      </c>
    </row>
    <row r="135457" spans="1:7" x14ac:dyDescent="0.3">
      <c r="A135457" s="13" t="s">
        <v>609</v>
      </c>
      <c r="B135457" s="14" t="s">
        <v>1</v>
      </c>
      <c r="C135457" s="14" t="s">
        <v>596</v>
      </c>
      <c r="D135457" s="14" t="s">
        <v>434</v>
      </c>
      <c r="E135457" s="15">
        <v>45418</v>
      </c>
      <c r="F135457" s="14" t="s">
        <v>61</v>
      </c>
      <c r="G135457" s="16">
        <v>0</v>
      </c>
    </row>
    <row r="135458" spans="1:7" x14ac:dyDescent="0.3">
      <c r="A135458" s="13" t="s">
        <v>609</v>
      </c>
      <c r="B135458" s="14" t="s">
        <v>1</v>
      </c>
      <c r="C135458" s="14" t="s">
        <v>596</v>
      </c>
      <c r="D135458" s="14" t="s">
        <v>434</v>
      </c>
      <c r="E135458" s="15">
        <v>45419</v>
      </c>
      <c r="F135458" s="14" t="s">
        <v>61</v>
      </c>
      <c r="G135458" s="16">
        <v>0</v>
      </c>
    </row>
    <row r="135459" spans="1:7" x14ac:dyDescent="0.3">
      <c r="A135459" s="13" t="s">
        <v>609</v>
      </c>
      <c r="B135459" s="14" t="s">
        <v>1</v>
      </c>
      <c r="C135459" s="14" t="s">
        <v>596</v>
      </c>
      <c r="D135459" s="14" t="s">
        <v>434</v>
      </c>
      <c r="E135459" s="15">
        <v>45420</v>
      </c>
      <c r="F135459" s="14" t="s">
        <v>61</v>
      </c>
      <c r="G135459" s="16">
        <v>0</v>
      </c>
    </row>
    <row r="135460" spans="1:7" x14ac:dyDescent="0.3">
      <c r="A135460" s="13" t="s">
        <v>609</v>
      </c>
      <c r="B135460" s="14" t="s">
        <v>1</v>
      </c>
      <c r="C135460" s="14" t="s">
        <v>596</v>
      </c>
      <c r="D135460" s="14" t="s">
        <v>434</v>
      </c>
      <c r="E135460" s="15">
        <v>45421</v>
      </c>
      <c r="F135460" s="14" t="s">
        <v>61</v>
      </c>
      <c r="G135460" s="16">
        <v>0</v>
      </c>
    </row>
    <row r="135461" spans="1:7" x14ac:dyDescent="0.3">
      <c r="A135461" s="13" t="s">
        <v>609</v>
      </c>
      <c r="B135461" s="14" t="s">
        <v>1</v>
      </c>
      <c r="C135461" s="14" t="s">
        <v>596</v>
      </c>
      <c r="D135461" s="14" t="s">
        <v>434</v>
      </c>
      <c r="E135461" s="15">
        <v>45422</v>
      </c>
      <c r="F135461" s="14" t="s">
        <v>61</v>
      </c>
      <c r="G135461" s="16">
        <v>0</v>
      </c>
    </row>
    <row r="135462" spans="1:7" x14ac:dyDescent="0.3">
      <c r="A135462" s="13" t="s">
        <v>609</v>
      </c>
      <c r="B135462" s="14" t="s">
        <v>1</v>
      </c>
      <c r="C135462" s="14" t="s">
        <v>596</v>
      </c>
      <c r="D135462" s="14" t="s">
        <v>434</v>
      </c>
      <c r="E135462" s="15">
        <v>45423</v>
      </c>
      <c r="F135462" s="14" t="s">
        <v>61</v>
      </c>
      <c r="G135462" s="16">
        <v>0</v>
      </c>
    </row>
    <row r="135463" spans="1:7" x14ac:dyDescent="0.3">
      <c r="A135463" s="13" t="s">
        <v>609</v>
      </c>
      <c r="B135463" s="14" t="s">
        <v>1</v>
      </c>
      <c r="C135463" s="14" t="s">
        <v>596</v>
      </c>
      <c r="D135463" s="14" t="s">
        <v>434</v>
      </c>
      <c r="E135463" s="15">
        <v>45424</v>
      </c>
      <c r="F135463" s="14" t="s">
        <v>61</v>
      </c>
      <c r="G135463" s="16">
        <v>0</v>
      </c>
    </row>
    <row r="135464" spans="1:7" x14ac:dyDescent="0.3">
      <c r="A135464" s="13" t="s">
        <v>609</v>
      </c>
      <c r="B135464" s="14" t="s">
        <v>1</v>
      </c>
      <c r="C135464" s="14" t="s">
        <v>596</v>
      </c>
      <c r="D135464" s="14" t="s">
        <v>434</v>
      </c>
      <c r="E135464" s="15">
        <v>45425</v>
      </c>
      <c r="F135464" s="14" t="s">
        <v>61</v>
      </c>
      <c r="G135464" s="16">
        <v>0</v>
      </c>
    </row>
    <row r="135465" spans="1:7" x14ac:dyDescent="0.3">
      <c r="A135465" s="13" t="s">
        <v>609</v>
      </c>
      <c r="B135465" s="14" t="s">
        <v>1</v>
      </c>
      <c r="C135465" s="14" t="s">
        <v>596</v>
      </c>
      <c r="D135465" s="14" t="s">
        <v>434</v>
      </c>
      <c r="E135465" s="15">
        <v>45426</v>
      </c>
      <c r="F135465" s="14" t="s">
        <v>61</v>
      </c>
      <c r="G135465" s="16">
        <v>0</v>
      </c>
    </row>
    <row r="135466" spans="1:7" x14ac:dyDescent="0.3">
      <c r="A135466" s="13" t="s">
        <v>609</v>
      </c>
      <c r="B135466" s="14" t="s">
        <v>1</v>
      </c>
      <c r="C135466" s="14" t="s">
        <v>596</v>
      </c>
      <c r="D135466" s="14" t="s">
        <v>434</v>
      </c>
      <c r="E135466" s="15">
        <v>45427</v>
      </c>
      <c r="F135466" s="14" t="s">
        <v>61</v>
      </c>
      <c r="G135466" s="16">
        <v>0</v>
      </c>
    </row>
    <row r="135467" spans="1:7" x14ac:dyDescent="0.3">
      <c r="A135467" s="13" t="s">
        <v>609</v>
      </c>
      <c r="B135467" s="14" t="s">
        <v>1</v>
      </c>
      <c r="C135467" s="14" t="s">
        <v>596</v>
      </c>
      <c r="D135467" s="14" t="s">
        <v>434</v>
      </c>
      <c r="E135467" s="15">
        <v>45428</v>
      </c>
      <c r="F135467" s="14" t="s">
        <v>61</v>
      </c>
      <c r="G135467" s="16">
        <v>0</v>
      </c>
    </row>
    <row r="135468" spans="1:7" x14ac:dyDescent="0.3">
      <c r="A135468" s="13" t="s">
        <v>609</v>
      </c>
      <c r="B135468" s="14" t="s">
        <v>1</v>
      </c>
      <c r="C135468" s="14" t="s">
        <v>596</v>
      </c>
      <c r="D135468" s="14" t="s">
        <v>434</v>
      </c>
      <c r="E135468" s="15">
        <v>45429</v>
      </c>
      <c r="F135468" s="14" t="s">
        <v>61</v>
      </c>
      <c r="G135468" s="16">
        <v>0</v>
      </c>
    </row>
    <row r="135469" spans="1:7" x14ac:dyDescent="0.3">
      <c r="A135469" s="13" t="s">
        <v>609</v>
      </c>
      <c r="B135469" s="14" t="s">
        <v>1</v>
      </c>
      <c r="C135469" s="14" t="s">
        <v>596</v>
      </c>
      <c r="D135469" s="14" t="s">
        <v>434</v>
      </c>
      <c r="E135469" s="15">
        <v>45430</v>
      </c>
      <c r="F135469" s="14" t="s">
        <v>61</v>
      </c>
      <c r="G135469" s="16">
        <v>0</v>
      </c>
    </row>
    <row r="135470" spans="1:7" x14ac:dyDescent="0.3">
      <c r="A135470" s="13" t="s">
        <v>609</v>
      </c>
      <c r="B135470" s="14" t="s">
        <v>1</v>
      </c>
      <c r="C135470" s="14" t="s">
        <v>596</v>
      </c>
      <c r="D135470" s="14" t="s">
        <v>434</v>
      </c>
      <c r="E135470" s="15">
        <v>45431</v>
      </c>
      <c r="F135470" s="14" t="s">
        <v>61</v>
      </c>
      <c r="G135470" s="16">
        <v>0</v>
      </c>
    </row>
    <row r="135471" spans="1:7" x14ac:dyDescent="0.3">
      <c r="A135471" s="13" t="s">
        <v>609</v>
      </c>
      <c r="B135471" s="14" t="s">
        <v>1</v>
      </c>
      <c r="C135471" s="14" t="s">
        <v>596</v>
      </c>
      <c r="D135471" s="14" t="s">
        <v>434</v>
      </c>
      <c r="E135471" s="15">
        <v>45432</v>
      </c>
      <c r="F135471" s="14" t="s">
        <v>61</v>
      </c>
      <c r="G135471" s="16">
        <v>0</v>
      </c>
    </row>
    <row r="135472" spans="1:7" x14ac:dyDescent="0.3">
      <c r="A135472" s="13" t="s">
        <v>609</v>
      </c>
      <c r="B135472" s="14" t="s">
        <v>1</v>
      </c>
      <c r="C135472" s="14" t="s">
        <v>596</v>
      </c>
      <c r="D135472" s="14" t="s">
        <v>434</v>
      </c>
      <c r="E135472" s="15">
        <v>45433</v>
      </c>
      <c r="F135472" s="14" t="s">
        <v>61</v>
      </c>
      <c r="G135472" s="16">
        <v>0</v>
      </c>
    </row>
    <row r="135473" spans="1:7" x14ac:dyDescent="0.3">
      <c r="A135473" s="13" t="s">
        <v>609</v>
      </c>
      <c r="B135473" s="14" t="s">
        <v>1</v>
      </c>
      <c r="C135473" s="14" t="s">
        <v>596</v>
      </c>
      <c r="D135473" s="14" t="s">
        <v>434</v>
      </c>
      <c r="E135473" s="15">
        <v>45434</v>
      </c>
      <c r="F135473" s="14" t="s">
        <v>61</v>
      </c>
      <c r="G135473" s="16">
        <v>0</v>
      </c>
    </row>
    <row r="135474" spans="1:7" x14ac:dyDescent="0.3">
      <c r="A135474" s="13" t="s">
        <v>609</v>
      </c>
      <c r="B135474" s="14" t="s">
        <v>1</v>
      </c>
      <c r="C135474" s="14" t="s">
        <v>596</v>
      </c>
      <c r="D135474" s="14" t="s">
        <v>434</v>
      </c>
      <c r="E135474" s="15">
        <v>45435</v>
      </c>
      <c r="F135474" s="14" t="s">
        <v>61</v>
      </c>
      <c r="G135474" s="16">
        <v>0</v>
      </c>
    </row>
    <row r="135475" spans="1:7" x14ac:dyDescent="0.3">
      <c r="A135475" s="13" t="s">
        <v>609</v>
      </c>
      <c r="B135475" s="14" t="s">
        <v>1</v>
      </c>
      <c r="C135475" s="14" t="s">
        <v>596</v>
      </c>
      <c r="D135475" s="14" t="s">
        <v>434</v>
      </c>
      <c r="E135475" s="15">
        <v>45436</v>
      </c>
      <c r="F135475" s="14" t="s">
        <v>61</v>
      </c>
      <c r="G135475" s="16">
        <v>0</v>
      </c>
    </row>
    <row r="135476" spans="1:7" x14ac:dyDescent="0.3">
      <c r="A135476" s="13" t="s">
        <v>609</v>
      </c>
      <c r="B135476" s="14" t="s">
        <v>1</v>
      </c>
      <c r="C135476" s="14" t="s">
        <v>596</v>
      </c>
      <c r="D135476" s="14" t="s">
        <v>434</v>
      </c>
      <c r="E135476" s="15">
        <v>45437</v>
      </c>
      <c r="F135476" s="14" t="s">
        <v>61</v>
      </c>
      <c r="G135476" s="16">
        <v>0</v>
      </c>
    </row>
    <row r="135477" spans="1:7" x14ac:dyDescent="0.3">
      <c r="A135477" s="13" t="s">
        <v>609</v>
      </c>
      <c r="B135477" s="14" t="s">
        <v>1</v>
      </c>
      <c r="C135477" s="14" t="s">
        <v>596</v>
      </c>
      <c r="D135477" s="14" t="s">
        <v>434</v>
      </c>
      <c r="E135477" s="15">
        <v>45438</v>
      </c>
      <c r="F135477" s="14" t="s">
        <v>61</v>
      </c>
      <c r="G135477" s="16">
        <v>0</v>
      </c>
    </row>
    <row r="135478" spans="1:7" x14ac:dyDescent="0.3">
      <c r="A135478" s="13" t="s">
        <v>609</v>
      </c>
      <c r="B135478" s="14" t="s">
        <v>1</v>
      </c>
      <c r="C135478" s="14" t="s">
        <v>596</v>
      </c>
      <c r="D135478" s="14" t="s">
        <v>434</v>
      </c>
      <c r="E135478" s="15">
        <v>45439</v>
      </c>
      <c r="F135478" s="14" t="s">
        <v>61</v>
      </c>
      <c r="G135478" s="16">
        <v>0</v>
      </c>
    </row>
    <row r="135479" spans="1:7" x14ac:dyDescent="0.3">
      <c r="A135479" s="13" t="s">
        <v>609</v>
      </c>
      <c r="B135479" s="14" t="s">
        <v>1</v>
      </c>
      <c r="C135479" s="14" t="s">
        <v>596</v>
      </c>
      <c r="D135479" s="14" t="s">
        <v>434</v>
      </c>
      <c r="E135479" s="15">
        <v>45440</v>
      </c>
      <c r="F135479" s="14" t="s">
        <v>61</v>
      </c>
      <c r="G135479" s="16">
        <v>0</v>
      </c>
    </row>
    <row r="135480" spans="1:7" x14ac:dyDescent="0.3">
      <c r="A135480" s="13" t="s">
        <v>609</v>
      </c>
      <c r="B135480" s="14" t="s">
        <v>1</v>
      </c>
      <c r="C135480" s="14" t="s">
        <v>596</v>
      </c>
      <c r="D135480" s="14" t="s">
        <v>434</v>
      </c>
      <c r="E135480" s="15">
        <v>45441</v>
      </c>
      <c r="F135480" s="14" t="s">
        <v>61</v>
      </c>
      <c r="G135480" s="16">
        <v>0</v>
      </c>
    </row>
    <row r="135481" spans="1:7" x14ac:dyDescent="0.3">
      <c r="A135481" s="13" t="s">
        <v>609</v>
      </c>
      <c r="B135481" s="14" t="s">
        <v>1</v>
      </c>
      <c r="C135481" s="14" t="s">
        <v>596</v>
      </c>
      <c r="D135481" s="14" t="s">
        <v>434</v>
      </c>
      <c r="E135481" s="15">
        <v>45442</v>
      </c>
      <c r="F135481" s="14" t="s">
        <v>61</v>
      </c>
      <c r="G135481" s="16">
        <v>0</v>
      </c>
    </row>
    <row r="135482" spans="1:7" x14ac:dyDescent="0.3">
      <c r="A135482" s="13" t="s">
        <v>609</v>
      </c>
      <c r="B135482" s="14" t="s">
        <v>1</v>
      </c>
      <c r="C135482" s="14" t="s">
        <v>596</v>
      </c>
      <c r="D135482" s="14" t="s">
        <v>434</v>
      </c>
      <c r="E135482" s="15">
        <v>45443</v>
      </c>
      <c r="F135482" s="14" t="s">
        <v>61</v>
      </c>
      <c r="G135482" s="16">
        <v>0</v>
      </c>
    </row>
    <row r="135483" spans="1:7" x14ac:dyDescent="0.3">
      <c r="A135483" s="13" t="s">
        <v>609</v>
      </c>
      <c r="B135483" s="14" t="s">
        <v>1</v>
      </c>
      <c r="C135483" s="14" t="s">
        <v>596</v>
      </c>
      <c r="D135483" s="14" t="s">
        <v>434</v>
      </c>
      <c r="E135483" s="15">
        <v>45444</v>
      </c>
      <c r="F135483" s="14" t="s">
        <v>61</v>
      </c>
      <c r="G135483" s="16">
        <v>0</v>
      </c>
    </row>
    <row r="135484" spans="1:7" x14ac:dyDescent="0.3">
      <c r="A135484" s="13" t="s">
        <v>609</v>
      </c>
      <c r="B135484" s="14" t="s">
        <v>1</v>
      </c>
      <c r="C135484" s="14" t="s">
        <v>596</v>
      </c>
      <c r="D135484" s="14" t="s">
        <v>434</v>
      </c>
      <c r="E135484" s="15">
        <v>45445</v>
      </c>
      <c r="F135484" s="14" t="s">
        <v>61</v>
      </c>
      <c r="G135484" s="16">
        <v>0</v>
      </c>
    </row>
    <row r="135485" spans="1:7" x14ac:dyDescent="0.3">
      <c r="A135485" s="13" t="s">
        <v>609</v>
      </c>
      <c r="B135485" s="14" t="s">
        <v>1</v>
      </c>
      <c r="C135485" s="14" t="s">
        <v>596</v>
      </c>
      <c r="D135485" s="14" t="s">
        <v>434</v>
      </c>
      <c r="E135485" s="15">
        <v>45446</v>
      </c>
      <c r="F135485" s="14" t="s">
        <v>61</v>
      </c>
      <c r="G135485" s="16">
        <v>0</v>
      </c>
    </row>
    <row r="135486" spans="1:7" x14ac:dyDescent="0.3">
      <c r="A135486" s="13" t="s">
        <v>609</v>
      </c>
      <c r="B135486" s="14" t="s">
        <v>1</v>
      </c>
      <c r="C135486" s="14" t="s">
        <v>596</v>
      </c>
      <c r="D135486" s="14" t="s">
        <v>434</v>
      </c>
      <c r="E135486" s="15">
        <v>45447</v>
      </c>
      <c r="F135486" s="14" t="s">
        <v>61</v>
      </c>
      <c r="G135486" s="16">
        <v>0</v>
      </c>
    </row>
    <row r="135487" spans="1:7" x14ac:dyDescent="0.3">
      <c r="A135487" s="13" t="s">
        <v>609</v>
      </c>
      <c r="B135487" s="14" t="s">
        <v>1</v>
      </c>
      <c r="C135487" s="14" t="s">
        <v>596</v>
      </c>
      <c r="D135487" s="14" t="s">
        <v>434</v>
      </c>
      <c r="E135487" s="15">
        <v>45448</v>
      </c>
      <c r="F135487" s="14" t="s">
        <v>61</v>
      </c>
      <c r="G135487" s="16">
        <v>0</v>
      </c>
    </row>
    <row r="135488" spans="1:7" x14ac:dyDescent="0.3">
      <c r="A135488" s="13" t="s">
        <v>609</v>
      </c>
      <c r="B135488" s="14" t="s">
        <v>1</v>
      </c>
      <c r="C135488" s="14" t="s">
        <v>596</v>
      </c>
      <c r="D135488" s="14" t="s">
        <v>434</v>
      </c>
      <c r="E135488" s="15">
        <v>45449</v>
      </c>
      <c r="F135488" s="14" t="s">
        <v>61</v>
      </c>
      <c r="G135488" s="16">
        <v>0</v>
      </c>
    </row>
    <row r="135489" spans="1:7" x14ac:dyDescent="0.3">
      <c r="A135489" s="13" t="s">
        <v>609</v>
      </c>
      <c r="B135489" s="14" t="s">
        <v>1</v>
      </c>
      <c r="C135489" s="14" t="s">
        <v>596</v>
      </c>
      <c r="D135489" s="14" t="s">
        <v>434</v>
      </c>
      <c r="E135489" s="15">
        <v>45450</v>
      </c>
      <c r="F135489" s="14" t="s">
        <v>61</v>
      </c>
      <c r="G135489" s="16">
        <v>0</v>
      </c>
    </row>
    <row r="135490" spans="1:7" x14ac:dyDescent="0.3">
      <c r="A135490" s="13" t="s">
        <v>609</v>
      </c>
      <c r="B135490" s="14" t="s">
        <v>1</v>
      </c>
      <c r="C135490" s="14" t="s">
        <v>596</v>
      </c>
      <c r="D135490" s="14" t="s">
        <v>434</v>
      </c>
      <c r="E135490" s="15">
        <v>45451</v>
      </c>
      <c r="F135490" s="14" t="s">
        <v>61</v>
      </c>
      <c r="G135490" s="16">
        <v>0</v>
      </c>
    </row>
    <row r="135491" spans="1:7" x14ac:dyDescent="0.3">
      <c r="A135491" s="13" t="s">
        <v>609</v>
      </c>
      <c r="B135491" s="14" t="s">
        <v>1</v>
      </c>
      <c r="C135491" s="14" t="s">
        <v>596</v>
      </c>
      <c r="D135491" s="14" t="s">
        <v>434</v>
      </c>
      <c r="E135491" s="15">
        <v>45452</v>
      </c>
      <c r="F135491" s="14" t="s">
        <v>61</v>
      </c>
      <c r="G135491" s="16">
        <v>0</v>
      </c>
    </row>
    <row r="135492" spans="1:7" x14ac:dyDescent="0.3">
      <c r="A135492" s="13" t="s">
        <v>609</v>
      </c>
      <c r="B135492" s="14" t="s">
        <v>1</v>
      </c>
      <c r="C135492" s="14" t="s">
        <v>596</v>
      </c>
      <c r="D135492" s="14" t="s">
        <v>434</v>
      </c>
      <c r="E135492" s="15">
        <v>45453</v>
      </c>
      <c r="F135492" s="14" t="s">
        <v>61</v>
      </c>
      <c r="G135492" s="16">
        <v>0</v>
      </c>
    </row>
    <row r="135493" spans="1:7" x14ac:dyDescent="0.3">
      <c r="A135493" s="13" t="s">
        <v>609</v>
      </c>
      <c r="B135493" s="14" t="s">
        <v>1</v>
      </c>
      <c r="C135493" s="14" t="s">
        <v>596</v>
      </c>
      <c r="D135493" s="14" t="s">
        <v>434</v>
      </c>
      <c r="E135493" s="15">
        <v>45454</v>
      </c>
      <c r="F135493" s="14" t="s">
        <v>61</v>
      </c>
      <c r="G135493" s="16">
        <v>0</v>
      </c>
    </row>
    <row r="135494" spans="1:7" x14ac:dyDescent="0.3">
      <c r="A135494" s="13" t="s">
        <v>609</v>
      </c>
      <c r="B135494" s="14" t="s">
        <v>1</v>
      </c>
      <c r="C135494" s="14" t="s">
        <v>596</v>
      </c>
      <c r="D135494" s="14" t="s">
        <v>434</v>
      </c>
      <c r="E135494" s="15">
        <v>45455</v>
      </c>
      <c r="F135494" s="14" t="s">
        <v>61</v>
      </c>
      <c r="G135494" s="16">
        <v>0</v>
      </c>
    </row>
    <row r="135495" spans="1:7" x14ac:dyDescent="0.3">
      <c r="A135495" s="13" t="s">
        <v>609</v>
      </c>
      <c r="B135495" s="14" t="s">
        <v>1</v>
      </c>
      <c r="C135495" s="14" t="s">
        <v>596</v>
      </c>
      <c r="D135495" s="14" t="s">
        <v>434</v>
      </c>
      <c r="E135495" s="15">
        <v>45456</v>
      </c>
      <c r="F135495" s="14" t="s">
        <v>61</v>
      </c>
      <c r="G135495" s="16">
        <v>0</v>
      </c>
    </row>
    <row r="135496" spans="1:7" x14ac:dyDescent="0.3">
      <c r="A135496" s="13" t="s">
        <v>609</v>
      </c>
      <c r="B135496" s="14" t="s">
        <v>1</v>
      </c>
      <c r="C135496" s="14" t="s">
        <v>596</v>
      </c>
      <c r="D135496" s="14" t="s">
        <v>434</v>
      </c>
      <c r="E135496" s="15">
        <v>45457</v>
      </c>
      <c r="F135496" s="14" t="s">
        <v>61</v>
      </c>
      <c r="G135496" s="16">
        <v>0</v>
      </c>
    </row>
    <row r="135497" spans="1:7" x14ac:dyDescent="0.3">
      <c r="A135497" s="13" t="s">
        <v>609</v>
      </c>
      <c r="B135497" s="14" t="s">
        <v>1</v>
      </c>
      <c r="C135497" s="14" t="s">
        <v>596</v>
      </c>
      <c r="D135497" s="14" t="s">
        <v>434</v>
      </c>
      <c r="E135497" s="15">
        <v>45458</v>
      </c>
      <c r="F135497" s="14" t="s">
        <v>61</v>
      </c>
      <c r="G135497" s="16">
        <v>0</v>
      </c>
    </row>
    <row r="135498" spans="1:7" x14ac:dyDescent="0.3">
      <c r="A135498" s="13" t="s">
        <v>609</v>
      </c>
      <c r="B135498" s="14" t="s">
        <v>1</v>
      </c>
      <c r="C135498" s="14" t="s">
        <v>596</v>
      </c>
      <c r="D135498" s="14" t="s">
        <v>434</v>
      </c>
      <c r="E135498" s="15">
        <v>45459</v>
      </c>
      <c r="F135498" s="14" t="s">
        <v>61</v>
      </c>
      <c r="G135498" s="16">
        <v>0</v>
      </c>
    </row>
    <row r="135499" spans="1:7" x14ac:dyDescent="0.3">
      <c r="A135499" s="13" t="s">
        <v>609</v>
      </c>
      <c r="B135499" s="14" t="s">
        <v>1</v>
      </c>
      <c r="C135499" s="14" t="s">
        <v>596</v>
      </c>
      <c r="D135499" s="14" t="s">
        <v>434</v>
      </c>
      <c r="E135499" s="15">
        <v>45460</v>
      </c>
      <c r="F135499" s="14" t="s">
        <v>61</v>
      </c>
      <c r="G135499" s="16">
        <v>0</v>
      </c>
    </row>
    <row r="135500" spans="1:7" x14ac:dyDescent="0.3">
      <c r="A135500" s="13" t="s">
        <v>609</v>
      </c>
      <c r="B135500" s="14" t="s">
        <v>1</v>
      </c>
      <c r="C135500" s="14" t="s">
        <v>596</v>
      </c>
      <c r="D135500" s="14" t="s">
        <v>434</v>
      </c>
      <c r="E135500" s="15">
        <v>45461</v>
      </c>
      <c r="F135500" s="14" t="s">
        <v>61</v>
      </c>
      <c r="G135500" s="16">
        <v>0</v>
      </c>
    </row>
    <row r="135501" spans="1:7" x14ac:dyDescent="0.3">
      <c r="A135501" s="13" t="s">
        <v>609</v>
      </c>
      <c r="B135501" s="14" t="s">
        <v>1</v>
      </c>
      <c r="C135501" s="14" t="s">
        <v>596</v>
      </c>
      <c r="D135501" s="14" t="s">
        <v>434</v>
      </c>
      <c r="E135501" s="15">
        <v>45462</v>
      </c>
      <c r="F135501" s="14" t="s">
        <v>61</v>
      </c>
      <c r="G135501" s="16">
        <v>0</v>
      </c>
    </row>
    <row r="135502" spans="1:7" x14ac:dyDescent="0.3">
      <c r="A135502" s="13" t="s">
        <v>609</v>
      </c>
      <c r="B135502" s="14" t="s">
        <v>1</v>
      </c>
      <c r="C135502" s="14" t="s">
        <v>596</v>
      </c>
      <c r="D135502" s="14" t="s">
        <v>434</v>
      </c>
      <c r="E135502" s="15">
        <v>45463</v>
      </c>
      <c r="F135502" s="14" t="s">
        <v>61</v>
      </c>
      <c r="G135502" s="16">
        <v>0</v>
      </c>
    </row>
    <row r="135503" spans="1:7" x14ac:dyDescent="0.3">
      <c r="A135503" s="13" t="s">
        <v>609</v>
      </c>
      <c r="B135503" s="14" t="s">
        <v>1</v>
      </c>
      <c r="C135503" s="14" t="s">
        <v>596</v>
      </c>
      <c r="D135503" s="14" t="s">
        <v>434</v>
      </c>
      <c r="E135503" s="15">
        <v>45464</v>
      </c>
      <c r="F135503" s="14" t="s">
        <v>61</v>
      </c>
      <c r="G135503" s="16">
        <v>0</v>
      </c>
    </row>
    <row r="135504" spans="1:7" x14ac:dyDescent="0.3">
      <c r="A135504" s="13" t="s">
        <v>609</v>
      </c>
      <c r="B135504" s="14" t="s">
        <v>1</v>
      </c>
      <c r="C135504" s="14" t="s">
        <v>596</v>
      </c>
      <c r="D135504" s="14" t="s">
        <v>434</v>
      </c>
      <c r="E135504" s="15">
        <v>45465</v>
      </c>
      <c r="F135504" s="14" t="s">
        <v>61</v>
      </c>
      <c r="G135504" s="16">
        <v>0</v>
      </c>
    </row>
    <row r="135505" spans="1:7" x14ac:dyDescent="0.3">
      <c r="A135505" s="13" t="s">
        <v>609</v>
      </c>
      <c r="B135505" s="14" t="s">
        <v>1</v>
      </c>
      <c r="C135505" s="14" t="s">
        <v>596</v>
      </c>
      <c r="D135505" s="14" t="s">
        <v>434</v>
      </c>
      <c r="E135505" s="15">
        <v>45466</v>
      </c>
      <c r="F135505" s="14" t="s">
        <v>61</v>
      </c>
      <c r="G135505" s="16">
        <v>0</v>
      </c>
    </row>
    <row r="135506" spans="1:7" x14ac:dyDescent="0.3">
      <c r="A135506" s="13" t="s">
        <v>609</v>
      </c>
      <c r="B135506" s="14" t="s">
        <v>1</v>
      </c>
      <c r="C135506" s="14" t="s">
        <v>596</v>
      </c>
      <c r="D135506" s="14" t="s">
        <v>434</v>
      </c>
      <c r="E135506" s="15">
        <v>45467</v>
      </c>
      <c r="F135506" s="14" t="s">
        <v>61</v>
      </c>
      <c r="G135506" s="16">
        <v>0</v>
      </c>
    </row>
    <row r="135507" spans="1:7" x14ac:dyDescent="0.3">
      <c r="A135507" s="13" t="s">
        <v>609</v>
      </c>
      <c r="B135507" s="14" t="s">
        <v>1</v>
      </c>
      <c r="C135507" s="14" t="s">
        <v>596</v>
      </c>
      <c r="D135507" s="14" t="s">
        <v>434</v>
      </c>
      <c r="E135507" s="15">
        <v>45468</v>
      </c>
      <c r="F135507" s="14" t="s">
        <v>61</v>
      </c>
      <c r="G135507" s="16">
        <v>0</v>
      </c>
    </row>
    <row r="135508" spans="1:7" x14ac:dyDescent="0.3">
      <c r="A135508" s="13" t="s">
        <v>609</v>
      </c>
      <c r="B135508" s="14" t="s">
        <v>1</v>
      </c>
      <c r="C135508" s="14" t="s">
        <v>596</v>
      </c>
      <c r="D135508" s="14" t="s">
        <v>434</v>
      </c>
      <c r="E135508" s="15">
        <v>45469</v>
      </c>
      <c r="F135508" s="14" t="s">
        <v>61</v>
      </c>
      <c r="G135508" s="16">
        <v>0</v>
      </c>
    </row>
    <row r="135509" spans="1:7" x14ac:dyDescent="0.3">
      <c r="A135509" s="13" t="s">
        <v>609</v>
      </c>
      <c r="B135509" s="14" t="s">
        <v>1</v>
      </c>
      <c r="C135509" s="14" t="s">
        <v>596</v>
      </c>
      <c r="D135509" s="14" t="s">
        <v>434</v>
      </c>
      <c r="E135509" s="15">
        <v>45470</v>
      </c>
      <c r="F135509" s="14" t="s">
        <v>61</v>
      </c>
      <c r="G135509" s="16">
        <v>0</v>
      </c>
    </row>
    <row r="135510" spans="1:7" x14ac:dyDescent="0.3">
      <c r="A135510" s="13" t="s">
        <v>609</v>
      </c>
      <c r="B135510" s="14" t="s">
        <v>1</v>
      </c>
      <c r="C135510" s="14" t="s">
        <v>596</v>
      </c>
      <c r="D135510" s="14" t="s">
        <v>434</v>
      </c>
      <c r="E135510" s="15">
        <v>45471</v>
      </c>
      <c r="F135510" s="14" t="s">
        <v>61</v>
      </c>
      <c r="G135510" s="16">
        <v>0</v>
      </c>
    </row>
    <row r="135511" spans="1:7" x14ac:dyDescent="0.3">
      <c r="A135511" s="13" t="s">
        <v>609</v>
      </c>
      <c r="B135511" s="14" t="s">
        <v>1</v>
      </c>
      <c r="C135511" s="14" t="s">
        <v>596</v>
      </c>
      <c r="D135511" s="14" t="s">
        <v>434</v>
      </c>
      <c r="E135511" s="15">
        <v>45472</v>
      </c>
      <c r="F135511" s="14" t="s">
        <v>61</v>
      </c>
      <c r="G135511" s="16">
        <v>0</v>
      </c>
    </row>
    <row r="135512" spans="1:7" x14ac:dyDescent="0.3">
      <c r="A135512" s="13" t="s">
        <v>609</v>
      </c>
      <c r="B135512" s="14" t="s">
        <v>1</v>
      </c>
      <c r="C135512" s="14" t="s">
        <v>596</v>
      </c>
      <c r="D135512" s="14" t="s">
        <v>434</v>
      </c>
      <c r="E135512" s="15">
        <v>45473</v>
      </c>
      <c r="F135512" s="14" t="s">
        <v>61</v>
      </c>
      <c r="G135512" s="16">
        <v>0</v>
      </c>
    </row>
    <row r="135513" spans="1:7" x14ac:dyDescent="0.3">
      <c r="A135513" s="13" t="s">
        <v>609</v>
      </c>
      <c r="B135513" s="14" t="s">
        <v>1</v>
      </c>
      <c r="C135513" s="14" t="s">
        <v>596</v>
      </c>
      <c r="D135513" s="14" t="s">
        <v>434</v>
      </c>
      <c r="E135513" s="15">
        <v>45474</v>
      </c>
      <c r="F135513" s="14" t="s">
        <v>61</v>
      </c>
      <c r="G135513" s="16">
        <v>0</v>
      </c>
    </row>
    <row r="135514" spans="1:7" x14ac:dyDescent="0.3">
      <c r="A135514" s="13" t="s">
        <v>609</v>
      </c>
      <c r="B135514" s="14" t="s">
        <v>1</v>
      </c>
      <c r="C135514" s="14" t="s">
        <v>596</v>
      </c>
      <c r="D135514" s="14" t="s">
        <v>434</v>
      </c>
      <c r="E135514" s="15">
        <v>45475</v>
      </c>
      <c r="F135514" s="14" t="s">
        <v>61</v>
      </c>
      <c r="G135514" s="16">
        <v>0</v>
      </c>
    </row>
    <row r="135515" spans="1:7" x14ac:dyDescent="0.3">
      <c r="A135515" s="13" t="s">
        <v>609</v>
      </c>
      <c r="B135515" s="14" t="s">
        <v>1</v>
      </c>
      <c r="C135515" s="14" t="s">
        <v>596</v>
      </c>
      <c r="D135515" s="14" t="s">
        <v>434</v>
      </c>
      <c r="E135515" s="15">
        <v>45476</v>
      </c>
      <c r="F135515" s="14" t="s">
        <v>61</v>
      </c>
      <c r="G135515" s="16">
        <v>0</v>
      </c>
    </row>
    <row r="135516" spans="1:7" x14ac:dyDescent="0.3">
      <c r="A135516" s="13" t="s">
        <v>609</v>
      </c>
      <c r="B135516" s="14" t="s">
        <v>1</v>
      </c>
      <c r="C135516" s="14" t="s">
        <v>596</v>
      </c>
      <c r="D135516" s="14" t="s">
        <v>434</v>
      </c>
      <c r="E135516" s="15">
        <v>45477</v>
      </c>
      <c r="F135516" s="14" t="s">
        <v>61</v>
      </c>
      <c r="G135516" s="16">
        <v>0</v>
      </c>
    </row>
    <row r="135517" spans="1:7" x14ac:dyDescent="0.3">
      <c r="A135517" s="13" t="s">
        <v>609</v>
      </c>
      <c r="B135517" s="14" t="s">
        <v>1</v>
      </c>
      <c r="C135517" s="14" t="s">
        <v>596</v>
      </c>
      <c r="D135517" s="14" t="s">
        <v>434</v>
      </c>
      <c r="E135517" s="15">
        <v>45478</v>
      </c>
      <c r="F135517" s="14" t="s">
        <v>61</v>
      </c>
      <c r="G135517" s="16">
        <v>0</v>
      </c>
    </row>
    <row r="135518" spans="1:7" x14ac:dyDescent="0.3">
      <c r="A135518" s="13" t="s">
        <v>609</v>
      </c>
      <c r="B135518" s="14" t="s">
        <v>1</v>
      </c>
      <c r="C135518" s="14" t="s">
        <v>596</v>
      </c>
      <c r="D135518" s="14" t="s">
        <v>434</v>
      </c>
      <c r="E135518" s="15">
        <v>45479</v>
      </c>
      <c r="F135518" s="14" t="s">
        <v>61</v>
      </c>
      <c r="G135518" s="16">
        <v>0</v>
      </c>
    </row>
    <row r="135519" spans="1:7" x14ac:dyDescent="0.3">
      <c r="A135519" s="13" t="s">
        <v>609</v>
      </c>
      <c r="B135519" s="14" t="s">
        <v>1</v>
      </c>
      <c r="C135519" s="14" t="s">
        <v>596</v>
      </c>
      <c r="D135519" s="14" t="s">
        <v>434</v>
      </c>
      <c r="E135519" s="15">
        <v>45480</v>
      </c>
      <c r="F135519" s="14" t="s">
        <v>61</v>
      </c>
      <c r="G135519" s="16">
        <v>0</v>
      </c>
    </row>
    <row r="135520" spans="1:7" x14ac:dyDescent="0.3">
      <c r="A135520" s="13" t="s">
        <v>609</v>
      </c>
      <c r="B135520" s="14" t="s">
        <v>1</v>
      </c>
      <c r="C135520" s="14" t="s">
        <v>596</v>
      </c>
      <c r="D135520" s="14" t="s">
        <v>434</v>
      </c>
      <c r="E135520" s="15">
        <v>45481</v>
      </c>
      <c r="F135520" s="14" t="s">
        <v>61</v>
      </c>
      <c r="G135520" s="16">
        <v>0</v>
      </c>
    </row>
    <row r="135521" spans="1:7" x14ac:dyDescent="0.3">
      <c r="A135521" s="13" t="s">
        <v>609</v>
      </c>
      <c r="B135521" s="14" t="s">
        <v>1</v>
      </c>
      <c r="C135521" s="14" t="s">
        <v>596</v>
      </c>
      <c r="D135521" s="14" t="s">
        <v>434</v>
      </c>
      <c r="E135521" s="15">
        <v>45482</v>
      </c>
      <c r="F135521" s="14" t="s">
        <v>61</v>
      </c>
      <c r="G135521" s="16">
        <v>0</v>
      </c>
    </row>
    <row r="135522" spans="1:7" x14ac:dyDescent="0.3">
      <c r="A135522" s="13" t="s">
        <v>609</v>
      </c>
      <c r="B135522" s="14" t="s">
        <v>1</v>
      </c>
      <c r="C135522" s="14" t="s">
        <v>596</v>
      </c>
      <c r="D135522" s="14" t="s">
        <v>434</v>
      </c>
      <c r="E135522" s="15">
        <v>45483</v>
      </c>
      <c r="F135522" s="14" t="s">
        <v>61</v>
      </c>
      <c r="G135522" s="16">
        <v>0</v>
      </c>
    </row>
    <row r="135523" spans="1:7" x14ac:dyDescent="0.3">
      <c r="A135523" s="13" t="s">
        <v>609</v>
      </c>
      <c r="B135523" s="14" t="s">
        <v>1</v>
      </c>
      <c r="C135523" s="14" t="s">
        <v>596</v>
      </c>
      <c r="D135523" s="14" t="s">
        <v>434</v>
      </c>
      <c r="E135523" s="15">
        <v>45484</v>
      </c>
      <c r="F135523" s="14" t="s">
        <v>61</v>
      </c>
      <c r="G135523" s="16">
        <v>0</v>
      </c>
    </row>
    <row r="135524" spans="1:7" x14ac:dyDescent="0.3">
      <c r="A135524" s="13" t="s">
        <v>609</v>
      </c>
      <c r="B135524" s="14" t="s">
        <v>1</v>
      </c>
      <c r="C135524" s="14" t="s">
        <v>596</v>
      </c>
      <c r="D135524" s="14" t="s">
        <v>434</v>
      </c>
      <c r="E135524" s="15">
        <v>45485</v>
      </c>
      <c r="F135524" s="14" t="s">
        <v>61</v>
      </c>
      <c r="G135524" s="16">
        <v>0</v>
      </c>
    </row>
    <row r="135525" spans="1:7" x14ac:dyDescent="0.3">
      <c r="A135525" s="13" t="s">
        <v>609</v>
      </c>
      <c r="B135525" s="14" t="s">
        <v>1</v>
      </c>
      <c r="C135525" s="14" t="s">
        <v>596</v>
      </c>
      <c r="D135525" s="14" t="s">
        <v>434</v>
      </c>
      <c r="E135525" s="15">
        <v>45486</v>
      </c>
      <c r="F135525" s="14" t="s">
        <v>61</v>
      </c>
      <c r="G135525" s="16">
        <v>0</v>
      </c>
    </row>
    <row r="135526" spans="1:7" x14ac:dyDescent="0.3">
      <c r="A135526" s="13" t="s">
        <v>609</v>
      </c>
      <c r="B135526" s="14" t="s">
        <v>1</v>
      </c>
      <c r="C135526" s="14" t="s">
        <v>596</v>
      </c>
      <c r="D135526" s="14" t="s">
        <v>434</v>
      </c>
      <c r="E135526" s="15">
        <v>45487</v>
      </c>
      <c r="F135526" s="14" t="s">
        <v>61</v>
      </c>
      <c r="G135526" s="16">
        <v>0</v>
      </c>
    </row>
    <row r="135527" spans="1:7" x14ac:dyDescent="0.3">
      <c r="A135527" s="13" t="s">
        <v>609</v>
      </c>
      <c r="B135527" s="14" t="s">
        <v>1</v>
      </c>
      <c r="C135527" s="14" t="s">
        <v>596</v>
      </c>
      <c r="D135527" s="14" t="s">
        <v>434</v>
      </c>
      <c r="E135527" s="15">
        <v>45488</v>
      </c>
      <c r="F135527" s="14" t="s">
        <v>61</v>
      </c>
      <c r="G135527" s="16">
        <v>0</v>
      </c>
    </row>
    <row r="135528" spans="1:7" x14ac:dyDescent="0.3">
      <c r="A135528" s="13" t="s">
        <v>609</v>
      </c>
      <c r="B135528" s="14" t="s">
        <v>1</v>
      </c>
      <c r="C135528" s="14" t="s">
        <v>596</v>
      </c>
      <c r="D135528" s="14" t="s">
        <v>434</v>
      </c>
      <c r="E135528" s="15">
        <v>45489</v>
      </c>
      <c r="F135528" s="14" t="s">
        <v>61</v>
      </c>
      <c r="G135528" s="16">
        <v>0</v>
      </c>
    </row>
    <row r="135529" spans="1:7" x14ac:dyDescent="0.3">
      <c r="A135529" s="13" t="s">
        <v>609</v>
      </c>
      <c r="B135529" s="14" t="s">
        <v>1</v>
      </c>
      <c r="C135529" s="14" t="s">
        <v>596</v>
      </c>
      <c r="D135529" s="14" t="s">
        <v>434</v>
      </c>
      <c r="E135529" s="15">
        <v>45490</v>
      </c>
      <c r="F135529" s="14" t="s">
        <v>61</v>
      </c>
      <c r="G135529" s="16">
        <v>0</v>
      </c>
    </row>
    <row r="135530" spans="1:7" x14ac:dyDescent="0.3">
      <c r="A135530" s="13" t="s">
        <v>609</v>
      </c>
      <c r="B135530" s="14" t="s">
        <v>1</v>
      </c>
      <c r="C135530" s="14" t="s">
        <v>596</v>
      </c>
      <c r="D135530" s="14" t="s">
        <v>434</v>
      </c>
      <c r="E135530" s="15">
        <v>45491</v>
      </c>
      <c r="F135530" s="14" t="s">
        <v>61</v>
      </c>
      <c r="G135530" s="16">
        <v>0</v>
      </c>
    </row>
    <row r="135531" spans="1:7" x14ac:dyDescent="0.3">
      <c r="A135531" s="13" t="s">
        <v>609</v>
      </c>
      <c r="B135531" s="14" t="s">
        <v>1</v>
      </c>
      <c r="C135531" s="14" t="s">
        <v>596</v>
      </c>
      <c r="D135531" s="14" t="s">
        <v>434</v>
      </c>
      <c r="E135531" s="15">
        <v>45492</v>
      </c>
      <c r="F135531" s="14" t="s">
        <v>61</v>
      </c>
      <c r="G135531" s="16">
        <v>0</v>
      </c>
    </row>
    <row r="135532" spans="1:7" x14ac:dyDescent="0.3">
      <c r="A135532" s="13" t="s">
        <v>609</v>
      </c>
      <c r="B135532" s="14" t="s">
        <v>1</v>
      </c>
      <c r="C135532" s="14" t="s">
        <v>596</v>
      </c>
      <c r="D135532" s="14" t="s">
        <v>434</v>
      </c>
      <c r="E135532" s="15">
        <v>45493</v>
      </c>
      <c r="F135532" s="14" t="s">
        <v>61</v>
      </c>
      <c r="G135532" s="16">
        <v>0</v>
      </c>
    </row>
    <row r="135533" spans="1:7" x14ac:dyDescent="0.3">
      <c r="A135533" s="13" t="s">
        <v>609</v>
      </c>
      <c r="B135533" s="14" t="s">
        <v>1</v>
      </c>
      <c r="C135533" s="14" t="s">
        <v>596</v>
      </c>
      <c r="D135533" s="14" t="s">
        <v>434</v>
      </c>
      <c r="E135533" s="15">
        <v>45494</v>
      </c>
      <c r="F135533" s="14" t="s">
        <v>61</v>
      </c>
      <c r="G135533" s="16">
        <v>0</v>
      </c>
    </row>
    <row r="135534" spans="1:7" x14ac:dyDescent="0.3">
      <c r="A135534" s="13" t="s">
        <v>609</v>
      </c>
      <c r="B135534" s="14" t="s">
        <v>1</v>
      </c>
      <c r="C135534" s="14" t="s">
        <v>596</v>
      </c>
      <c r="D135534" s="14" t="s">
        <v>434</v>
      </c>
      <c r="E135534" s="15">
        <v>45495</v>
      </c>
      <c r="F135534" s="14" t="s">
        <v>61</v>
      </c>
      <c r="G135534" s="16">
        <v>0</v>
      </c>
    </row>
    <row r="135535" spans="1:7" x14ac:dyDescent="0.3">
      <c r="A135535" s="13" t="s">
        <v>609</v>
      </c>
      <c r="B135535" s="14" t="s">
        <v>1</v>
      </c>
      <c r="C135535" s="14" t="s">
        <v>596</v>
      </c>
      <c r="D135535" s="14" t="s">
        <v>434</v>
      </c>
      <c r="E135535" s="15">
        <v>45496</v>
      </c>
      <c r="F135535" s="14" t="s">
        <v>61</v>
      </c>
      <c r="G135535" s="16">
        <v>0</v>
      </c>
    </row>
    <row r="135536" spans="1:7" x14ac:dyDescent="0.3">
      <c r="A135536" s="13" t="s">
        <v>609</v>
      </c>
      <c r="B135536" s="14" t="s">
        <v>1</v>
      </c>
      <c r="C135536" s="14" t="s">
        <v>596</v>
      </c>
      <c r="D135536" s="14" t="s">
        <v>434</v>
      </c>
      <c r="E135536" s="15">
        <v>45497</v>
      </c>
      <c r="F135536" s="14" t="s">
        <v>61</v>
      </c>
      <c r="G135536" s="16">
        <v>0</v>
      </c>
    </row>
    <row r="135537" spans="1:7" x14ac:dyDescent="0.3">
      <c r="A135537" s="13" t="s">
        <v>609</v>
      </c>
      <c r="B135537" s="14" t="s">
        <v>1</v>
      </c>
      <c r="C135537" s="14" t="s">
        <v>596</v>
      </c>
      <c r="D135537" s="14" t="s">
        <v>434</v>
      </c>
      <c r="E135537" s="15">
        <v>45498</v>
      </c>
      <c r="F135537" s="14" t="s">
        <v>61</v>
      </c>
      <c r="G135537" s="16">
        <v>0</v>
      </c>
    </row>
    <row r="135538" spans="1:7" x14ac:dyDescent="0.3">
      <c r="A135538" s="13" t="s">
        <v>609</v>
      </c>
      <c r="B135538" s="14" t="s">
        <v>1</v>
      </c>
      <c r="C135538" s="14" t="s">
        <v>596</v>
      </c>
      <c r="D135538" s="14" t="s">
        <v>434</v>
      </c>
      <c r="E135538" s="15">
        <v>45499</v>
      </c>
      <c r="F135538" s="14" t="s">
        <v>61</v>
      </c>
      <c r="G135538" s="16">
        <v>0</v>
      </c>
    </row>
    <row r="135539" spans="1:7" x14ac:dyDescent="0.3">
      <c r="A135539" s="13" t="s">
        <v>609</v>
      </c>
      <c r="B135539" s="14" t="s">
        <v>1</v>
      </c>
      <c r="C135539" s="14" t="s">
        <v>596</v>
      </c>
      <c r="D135539" s="14" t="s">
        <v>434</v>
      </c>
      <c r="E135539" s="15">
        <v>45500</v>
      </c>
      <c r="F135539" s="14" t="s">
        <v>61</v>
      </c>
      <c r="G135539" s="16">
        <v>0</v>
      </c>
    </row>
    <row r="135540" spans="1:7" x14ac:dyDescent="0.3">
      <c r="A135540" s="13" t="s">
        <v>609</v>
      </c>
      <c r="B135540" s="14" t="s">
        <v>1</v>
      </c>
      <c r="C135540" s="14" t="s">
        <v>596</v>
      </c>
      <c r="D135540" s="14" t="s">
        <v>434</v>
      </c>
      <c r="E135540" s="15">
        <v>45501</v>
      </c>
      <c r="F135540" s="14" t="s">
        <v>61</v>
      </c>
      <c r="G135540" s="16">
        <v>0</v>
      </c>
    </row>
    <row r="135541" spans="1:7" x14ac:dyDescent="0.3">
      <c r="A135541" s="13" t="s">
        <v>609</v>
      </c>
      <c r="B135541" s="14" t="s">
        <v>1</v>
      </c>
      <c r="C135541" s="14" t="s">
        <v>596</v>
      </c>
      <c r="D135541" s="14" t="s">
        <v>434</v>
      </c>
      <c r="E135541" s="15">
        <v>45502</v>
      </c>
      <c r="F135541" s="14" t="s">
        <v>61</v>
      </c>
      <c r="G135541" s="16">
        <v>0</v>
      </c>
    </row>
    <row r="135542" spans="1:7" x14ac:dyDescent="0.3">
      <c r="A135542" s="13" t="s">
        <v>609</v>
      </c>
      <c r="B135542" s="14" t="s">
        <v>1</v>
      </c>
      <c r="C135542" s="14" t="s">
        <v>596</v>
      </c>
      <c r="D135542" s="14" t="s">
        <v>434</v>
      </c>
      <c r="E135542" s="15">
        <v>45503</v>
      </c>
      <c r="F135542" s="14" t="s">
        <v>61</v>
      </c>
      <c r="G135542" s="16">
        <v>0</v>
      </c>
    </row>
    <row r="135543" spans="1:7" x14ac:dyDescent="0.3">
      <c r="A135543" s="13" t="s">
        <v>609</v>
      </c>
      <c r="B135543" s="14" t="s">
        <v>1</v>
      </c>
      <c r="C135543" s="14" t="s">
        <v>596</v>
      </c>
      <c r="D135543" s="14" t="s">
        <v>434</v>
      </c>
      <c r="E135543" s="15">
        <v>45504</v>
      </c>
      <c r="F135543" s="14" t="s">
        <v>61</v>
      </c>
      <c r="G135543" s="16">
        <v>0</v>
      </c>
    </row>
    <row r="135544" spans="1:7" x14ac:dyDescent="0.3">
      <c r="A135544" s="13" t="s">
        <v>609</v>
      </c>
      <c r="B135544" s="14" t="s">
        <v>1</v>
      </c>
      <c r="C135544" s="14" t="s">
        <v>596</v>
      </c>
      <c r="D135544" s="14" t="s">
        <v>434</v>
      </c>
      <c r="E135544" s="15">
        <v>45505</v>
      </c>
      <c r="F135544" s="14" t="s">
        <v>61</v>
      </c>
      <c r="G135544" s="16">
        <v>0</v>
      </c>
    </row>
    <row r="135545" spans="1:7" x14ac:dyDescent="0.3">
      <c r="A135545" s="13" t="s">
        <v>609</v>
      </c>
      <c r="B135545" s="14" t="s">
        <v>1</v>
      </c>
      <c r="C135545" s="14" t="s">
        <v>596</v>
      </c>
      <c r="D135545" s="14" t="s">
        <v>434</v>
      </c>
      <c r="E135545" s="15">
        <v>45506</v>
      </c>
      <c r="F135545" s="14" t="s">
        <v>61</v>
      </c>
      <c r="G135545" s="16">
        <v>0</v>
      </c>
    </row>
    <row r="135546" spans="1:7" x14ac:dyDescent="0.3">
      <c r="A135546" s="13" t="s">
        <v>609</v>
      </c>
      <c r="B135546" s="14" t="s">
        <v>1</v>
      </c>
      <c r="C135546" s="14" t="s">
        <v>596</v>
      </c>
      <c r="D135546" s="14" t="s">
        <v>434</v>
      </c>
      <c r="E135546" s="15">
        <v>45507</v>
      </c>
      <c r="F135546" s="14" t="s">
        <v>61</v>
      </c>
      <c r="G135546" s="16">
        <v>0</v>
      </c>
    </row>
    <row r="135547" spans="1:7" x14ac:dyDescent="0.3">
      <c r="A135547" s="13" t="s">
        <v>609</v>
      </c>
      <c r="B135547" s="14" t="s">
        <v>1</v>
      </c>
      <c r="C135547" s="14" t="s">
        <v>596</v>
      </c>
      <c r="D135547" s="14" t="s">
        <v>434</v>
      </c>
      <c r="E135547" s="15">
        <v>45508</v>
      </c>
      <c r="F135547" s="14" t="s">
        <v>61</v>
      </c>
      <c r="G135547" s="16">
        <v>0</v>
      </c>
    </row>
    <row r="135548" spans="1:7" x14ac:dyDescent="0.3">
      <c r="A135548" s="13" t="s">
        <v>609</v>
      </c>
      <c r="B135548" s="14" t="s">
        <v>1</v>
      </c>
      <c r="C135548" s="14" t="s">
        <v>596</v>
      </c>
      <c r="D135548" s="14" t="s">
        <v>434</v>
      </c>
      <c r="E135548" s="15">
        <v>45509</v>
      </c>
      <c r="F135548" s="14" t="s">
        <v>61</v>
      </c>
      <c r="G135548" s="16">
        <v>0</v>
      </c>
    </row>
    <row r="135549" spans="1:7" x14ac:dyDescent="0.3">
      <c r="A135549" s="13" t="s">
        <v>609</v>
      </c>
      <c r="B135549" s="14" t="s">
        <v>1</v>
      </c>
      <c r="C135549" s="14" t="s">
        <v>596</v>
      </c>
      <c r="D135549" s="14" t="s">
        <v>434</v>
      </c>
      <c r="E135549" s="15">
        <v>45510</v>
      </c>
      <c r="F135549" s="14" t="s">
        <v>61</v>
      </c>
      <c r="G135549" s="16">
        <v>0</v>
      </c>
    </row>
    <row r="135550" spans="1:7" x14ac:dyDescent="0.3">
      <c r="A135550" s="13" t="s">
        <v>609</v>
      </c>
      <c r="B135550" s="14" t="s">
        <v>1</v>
      </c>
      <c r="C135550" s="14" t="s">
        <v>596</v>
      </c>
      <c r="D135550" s="14" t="s">
        <v>434</v>
      </c>
      <c r="E135550" s="15">
        <v>45511</v>
      </c>
      <c r="F135550" s="14" t="s">
        <v>61</v>
      </c>
      <c r="G135550" s="16">
        <v>0</v>
      </c>
    </row>
    <row r="135551" spans="1:7" x14ac:dyDescent="0.3">
      <c r="A135551" s="13" t="s">
        <v>609</v>
      </c>
      <c r="B135551" s="14" t="s">
        <v>1</v>
      </c>
      <c r="C135551" s="14" t="s">
        <v>596</v>
      </c>
      <c r="D135551" s="14" t="s">
        <v>434</v>
      </c>
      <c r="E135551" s="15">
        <v>45512</v>
      </c>
      <c r="F135551" s="14" t="s">
        <v>61</v>
      </c>
      <c r="G135551" s="16">
        <v>0</v>
      </c>
    </row>
    <row r="135552" spans="1:7" x14ac:dyDescent="0.3">
      <c r="A135552" s="13" t="s">
        <v>609</v>
      </c>
      <c r="B135552" s="14" t="s">
        <v>1</v>
      </c>
      <c r="C135552" s="14" t="s">
        <v>596</v>
      </c>
      <c r="D135552" s="14" t="s">
        <v>434</v>
      </c>
      <c r="E135552" s="15">
        <v>45513</v>
      </c>
      <c r="F135552" s="14" t="s">
        <v>61</v>
      </c>
      <c r="G135552" s="16">
        <v>0</v>
      </c>
    </row>
    <row r="135553" spans="1:7" x14ac:dyDescent="0.3">
      <c r="A135553" s="13" t="s">
        <v>609</v>
      </c>
      <c r="B135553" s="14" t="s">
        <v>1</v>
      </c>
      <c r="C135553" s="14" t="s">
        <v>596</v>
      </c>
      <c r="D135553" s="14" t="s">
        <v>434</v>
      </c>
      <c r="E135553" s="15">
        <v>45514</v>
      </c>
      <c r="F135553" s="14" t="s">
        <v>61</v>
      </c>
      <c r="G135553" s="16">
        <v>0</v>
      </c>
    </row>
    <row r="135554" spans="1:7" x14ac:dyDescent="0.3">
      <c r="A135554" s="13" t="s">
        <v>609</v>
      </c>
      <c r="B135554" s="14" t="s">
        <v>1</v>
      </c>
      <c r="C135554" s="14" t="s">
        <v>596</v>
      </c>
      <c r="D135554" s="14" t="s">
        <v>434</v>
      </c>
      <c r="E135554" s="15">
        <v>45515</v>
      </c>
      <c r="F135554" s="14" t="s">
        <v>61</v>
      </c>
      <c r="G135554" s="16">
        <v>0</v>
      </c>
    </row>
    <row r="135555" spans="1:7" x14ac:dyDescent="0.3">
      <c r="A135555" s="13" t="s">
        <v>609</v>
      </c>
      <c r="B135555" s="14" t="s">
        <v>1</v>
      </c>
      <c r="C135555" s="14" t="s">
        <v>596</v>
      </c>
      <c r="D135555" s="14" t="s">
        <v>434</v>
      </c>
      <c r="E135555" s="15">
        <v>45516</v>
      </c>
      <c r="F135555" s="14" t="s">
        <v>61</v>
      </c>
      <c r="G135555" s="16">
        <v>0</v>
      </c>
    </row>
    <row r="135556" spans="1:7" x14ac:dyDescent="0.3">
      <c r="A135556" s="13" t="s">
        <v>609</v>
      </c>
      <c r="B135556" s="14" t="s">
        <v>1</v>
      </c>
      <c r="C135556" s="14" t="s">
        <v>596</v>
      </c>
      <c r="D135556" s="14" t="s">
        <v>434</v>
      </c>
      <c r="E135556" s="15">
        <v>45517</v>
      </c>
      <c r="F135556" s="14" t="s">
        <v>61</v>
      </c>
      <c r="G135556" s="16">
        <v>0</v>
      </c>
    </row>
    <row r="135557" spans="1:7" x14ac:dyDescent="0.3">
      <c r="A135557" s="13" t="s">
        <v>609</v>
      </c>
      <c r="B135557" s="14" t="s">
        <v>1</v>
      </c>
      <c r="C135557" s="14" t="s">
        <v>596</v>
      </c>
      <c r="D135557" s="14" t="s">
        <v>434</v>
      </c>
      <c r="E135557" s="15">
        <v>45518</v>
      </c>
      <c r="F135557" s="14" t="s">
        <v>61</v>
      </c>
      <c r="G135557" s="16">
        <v>0</v>
      </c>
    </row>
    <row r="135558" spans="1:7" x14ac:dyDescent="0.3">
      <c r="A135558" s="13" t="s">
        <v>609</v>
      </c>
      <c r="B135558" s="14" t="s">
        <v>1</v>
      </c>
      <c r="C135558" s="14" t="s">
        <v>596</v>
      </c>
      <c r="D135558" s="14" t="s">
        <v>434</v>
      </c>
      <c r="E135558" s="15">
        <v>45519</v>
      </c>
      <c r="F135558" s="14" t="s">
        <v>61</v>
      </c>
      <c r="G135558" s="16">
        <v>0</v>
      </c>
    </row>
    <row r="135559" spans="1:7" x14ac:dyDescent="0.3">
      <c r="A135559" s="13" t="s">
        <v>609</v>
      </c>
      <c r="B135559" s="14" t="s">
        <v>1</v>
      </c>
      <c r="C135559" s="14" t="s">
        <v>596</v>
      </c>
      <c r="D135559" s="14" t="s">
        <v>434</v>
      </c>
      <c r="E135559" s="15">
        <v>45520</v>
      </c>
      <c r="F135559" s="14" t="s">
        <v>61</v>
      </c>
      <c r="G135559" s="16">
        <v>0</v>
      </c>
    </row>
    <row r="135560" spans="1:7" x14ac:dyDescent="0.3">
      <c r="A135560" s="13" t="s">
        <v>609</v>
      </c>
      <c r="B135560" s="14" t="s">
        <v>1</v>
      </c>
      <c r="C135560" s="14" t="s">
        <v>596</v>
      </c>
      <c r="D135560" s="14" t="s">
        <v>434</v>
      </c>
      <c r="E135560" s="15">
        <v>45521</v>
      </c>
      <c r="F135560" s="14" t="s">
        <v>61</v>
      </c>
      <c r="G135560" s="16">
        <v>0</v>
      </c>
    </row>
    <row r="135561" spans="1:7" x14ac:dyDescent="0.3">
      <c r="A135561" s="13" t="s">
        <v>609</v>
      </c>
      <c r="B135561" s="14" t="s">
        <v>1</v>
      </c>
      <c r="C135561" s="14" t="s">
        <v>596</v>
      </c>
      <c r="D135561" s="14" t="s">
        <v>434</v>
      </c>
      <c r="E135561" s="15">
        <v>45522</v>
      </c>
      <c r="F135561" s="14" t="s">
        <v>61</v>
      </c>
      <c r="G135561" s="16">
        <v>0</v>
      </c>
    </row>
    <row r="135562" spans="1:7" x14ac:dyDescent="0.3">
      <c r="A135562" s="13" t="s">
        <v>609</v>
      </c>
      <c r="B135562" s="14" t="s">
        <v>1</v>
      </c>
      <c r="C135562" s="14" t="s">
        <v>596</v>
      </c>
      <c r="D135562" s="14" t="s">
        <v>434</v>
      </c>
      <c r="E135562" s="15">
        <v>45523</v>
      </c>
      <c r="F135562" s="14" t="s">
        <v>61</v>
      </c>
      <c r="G135562" s="16">
        <v>0</v>
      </c>
    </row>
    <row r="135563" spans="1:7" x14ac:dyDescent="0.3">
      <c r="A135563" s="13" t="s">
        <v>609</v>
      </c>
      <c r="B135563" s="14" t="s">
        <v>1</v>
      </c>
      <c r="C135563" s="14" t="s">
        <v>596</v>
      </c>
      <c r="D135563" s="14" t="s">
        <v>434</v>
      </c>
      <c r="E135563" s="15">
        <v>45524</v>
      </c>
      <c r="F135563" s="14" t="s">
        <v>61</v>
      </c>
      <c r="G135563" s="16">
        <v>0</v>
      </c>
    </row>
    <row r="135564" spans="1:7" x14ac:dyDescent="0.3">
      <c r="A135564" s="13" t="s">
        <v>609</v>
      </c>
      <c r="B135564" s="14" t="s">
        <v>1</v>
      </c>
      <c r="C135564" s="14" t="s">
        <v>596</v>
      </c>
      <c r="D135564" s="14" t="s">
        <v>434</v>
      </c>
      <c r="E135564" s="15">
        <v>45525</v>
      </c>
      <c r="F135564" s="14" t="s">
        <v>61</v>
      </c>
      <c r="G135564" s="16">
        <v>0</v>
      </c>
    </row>
    <row r="135565" spans="1:7" x14ac:dyDescent="0.3">
      <c r="A135565" s="13" t="s">
        <v>609</v>
      </c>
      <c r="B135565" s="14" t="s">
        <v>1</v>
      </c>
      <c r="C135565" s="14" t="s">
        <v>596</v>
      </c>
      <c r="D135565" s="14" t="s">
        <v>434</v>
      </c>
      <c r="E135565" s="15">
        <v>45526</v>
      </c>
      <c r="F135565" s="14" t="s">
        <v>61</v>
      </c>
      <c r="G135565" s="16">
        <v>0</v>
      </c>
    </row>
    <row r="135566" spans="1:7" x14ac:dyDescent="0.3">
      <c r="A135566" s="13" t="s">
        <v>609</v>
      </c>
      <c r="B135566" s="14" t="s">
        <v>1</v>
      </c>
      <c r="C135566" s="14" t="s">
        <v>596</v>
      </c>
      <c r="D135566" s="14" t="s">
        <v>434</v>
      </c>
      <c r="E135566" s="15">
        <v>45527</v>
      </c>
      <c r="F135566" s="14" t="s">
        <v>61</v>
      </c>
      <c r="G135566" s="16">
        <v>0</v>
      </c>
    </row>
    <row r="135567" spans="1:7" x14ac:dyDescent="0.3">
      <c r="A135567" s="13" t="s">
        <v>609</v>
      </c>
      <c r="B135567" s="14" t="s">
        <v>1</v>
      </c>
      <c r="C135567" s="14" t="s">
        <v>596</v>
      </c>
      <c r="D135567" s="14" t="s">
        <v>434</v>
      </c>
      <c r="E135567" s="15">
        <v>45528</v>
      </c>
      <c r="F135567" s="14" t="s">
        <v>61</v>
      </c>
      <c r="G135567" s="16">
        <v>0</v>
      </c>
    </row>
    <row r="135568" spans="1:7" x14ac:dyDescent="0.3">
      <c r="A135568" s="13" t="s">
        <v>609</v>
      </c>
      <c r="B135568" s="14" t="s">
        <v>1</v>
      </c>
      <c r="C135568" s="14" t="s">
        <v>596</v>
      </c>
      <c r="D135568" s="14" t="s">
        <v>434</v>
      </c>
      <c r="E135568" s="15">
        <v>45529</v>
      </c>
      <c r="F135568" s="14" t="s">
        <v>61</v>
      </c>
      <c r="G135568" s="16">
        <v>0</v>
      </c>
    </row>
    <row r="135569" spans="1:7" x14ac:dyDescent="0.3">
      <c r="A135569" s="13" t="s">
        <v>609</v>
      </c>
      <c r="B135569" s="14" t="s">
        <v>1</v>
      </c>
      <c r="C135569" s="14" t="s">
        <v>596</v>
      </c>
      <c r="D135569" s="14" t="s">
        <v>434</v>
      </c>
      <c r="E135569" s="15">
        <v>45530</v>
      </c>
      <c r="F135569" s="14" t="s">
        <v>61</v>
      </c>
      <c r="G135569" s="16">
        <v>0</v>
      </c>
    </row>
    <row r="135570" spans="1:7" x14ac:dyDescent="0.3">
      <c r="A135570" s="13" t="s">
        <v>609</v>
      </c>
      <c r="B135570" s="14" t="s">
        <v>1</v>
      </c>
      <c r="C135570" s="14" t="s">
        <v>596</v>
      </c>
      <c r="D135570" s="14" t="s">
        <v>434</v>
      </c>
      <c r="E135570" s="15">
        <v>45531</v>
      </c>
      <c r="F135570" s="14" t="s">
        <v>61</v>
      </c>
      <c r="G135570" s="16">
        <v>0</v>
      </c>
    </row>
    <row r="135571" spans="1:7" x14ac:dyDescent="0.3">
      <c r="A135571" s="13" t="s">
        <v>609</v>
      </c>
      <c r="B135571" s="14" t="s">
        <v>1</v>
      </c>
      <c r="C135571" s="14" t="s">
        <v>596</v>
      </c>
      <c r="D135571" s="14" t="s">
        <v>434</v>
      </c>
      <c r="E135571" s="15">
        <v>45532</v>
      </c>
      <c r="F135571" s="14" t="s">
        <v>61</v>
      </c>
      <c r="G135571" s="16">
        <v>0</v>
      </c>
    </row>
    <row r="135572" spans="1:7" x14ac:dyDescent="0.3">
      <c r="A135572" s="13" t="s">
        <v>609</v>
      </c>
      <c r="B135572" s="14" t="s">
        <v>1</v>
      </c>
      <c r="C135572" s="14" t="s">
        <v>596</v>
      </c>
      <c r="D135572" s="14" t="s">
        <v>434</v>
      </c>
      <c r="E135572" s="15">
        <v>45533</v>
      </c>
      <c r="F135572" s="14" t="s">
        <v>61</v>
      </c>
      <c r="G135572" s="16">
        <v>0</v>
      </c>
    </row>
    <row r="135573" spans="1:7" x14ac:dyDescent="0.3">
      <c r="A135573" s="13" t="s">
        <v>609</v>
      </c>
      <c r="B135573" s="14" t="s">
        <v>1</v>
      </c>
      <c r="C135573" s="14" t="s">
        <v>596</v>
      </c>
      <c r="D135573" s="14" t="s">
        <v>434</v>
      </c>
      <c r="E135573" s="15">
        <v>45534</v>
      </c>
      <c r="F135573" s="14" t="s">
        <v>61</v>
      </c>
      <c r="G135573" s="16">
        <v>0</v>
      </c>
    </row>
    <row r="135574" spans="1:7" x14ac:dyDescent="0.3">
      <c r="A135574" s="13" t="s">
        <v>609</v>
      </c>
      <c r="B135574" s="14" t="s">
        <v>1</v>
      </c>
      <c r="C135574" s="14" t="s">
        <v>596</v>
      </c>
      <c r="D135574" s="14" t="s">
        <v>434</v>
      </c>
      <c r="E135574" s="15">
        <v>45535</v>
      </c>
      <c r="F135574" s="14" t="s">
        <v>61</v>
      </c>
      <c r="G135574" s="16">
        <v>0</v>
      </c>
    </row>
    <row r="135575" spans="1:7" x14ac:dyDescent="0.3">
      <c r="A135575" s="13" t="s">
        <v>609</v>
      </c>
      <c r="B135575" s="14" t="s">
        <v>1</v>
      </c>
      <c r="C135575" s="14" t="s">
        <v>596</v>
      </c>
      <c r="D135575" s="14" t="s">
        <v>434</v>
      </c>
      <c r="E135575" s="15">
        <v>45536</v>
      </c>
      <c r="F135575" s="14" t="s">
        <v>61</v>
      </c>
      <c r="G135575" s="16">
        <v>0</v>
      </c>
    </row>
    <row r="135576" spans="1:7" x14ac:dyDescent="0.3">
      <c r="A135576" s="13" t="s">
        <v>609</v>
      </c>
      <c r="B135576" s="14" t="s">
        <v>1</v>
      </c>
      <c r="C135576" s="14" t="s">
        <v>596</v>
      </c>
      <c r="D135576" s="14" t="s">
        <v>434</v>
      </c>
      <c r="E135576" s="15">
        <v>45537</v>
      </c>
      <c r="F135576" s="14" t="s">
        <v>61</v>
      </c>
      <c r="G135576" s="16">
        <v>0</v>
      </c>
    </row>
    <row r="135577" spans="1:7" x14ac:dyDescent="0.3">
      <c r="A135577" s="13" t="s">
        <v>609</v>
      </c>
      <c r="B135577" s="14" t="s">
        <v>1</v>
      </c>
      <c r="C135577" s="14" t="s">
        <v>596</v>
      </c>
      <c r="D135577" s="14" t="s">
        <v>434</v>
      </c>
      <c r="E135577" s="15">
        <v>45538</v>
      </c>
      <c r="F135577" s="14" t="s">
        <v>61</v>
      </c>
      <c r="G135577" s="16">
        <v>0</v>
      </c>
    </row>
    <row r="135578" spans="1:7" x14ac:dyDescent="0.3">
      <c r="A135578" s="13" t="s">
        <v>609</v>
      </c>
      <c r="B135578" s="14" t="s">
        <v>1</v>
      </c>
      <c r="C135578" s="14" t="s">
        <v>596</v>
      </c>
      <c r="D135578" s="14" t="s">
        <v>434</v>
      </c>
      <c r="E135578" s="15">
        <v>45539</v>
      </c>
      <c r="F135578" s="14" t="s">
        <v>61</v>
      </c>
      <c r="G135578" s="16">
        <v>0</v>
      </c>
    </row>
    <row r="135579" spans="1:7" x14ac:dyDescent="0.3">
      <c r="A135579" s="13" t="s">
        <v>609</v>
      </c>
      <c r="B135579" s="14" t="s">
        <v>1</v>
      </c>
      <c r="C135579" s="14" t="s">
        <v>596</v>
      </c>
      <c r="D135579" s="14" t="s">
        <v>434</v>
      </c>
      <c r="E135579" s="15">
        <v>45540</v>
      </c>
      <c r="F135579" s="14" t="s">
        <v>61</v>
      </c>
      <c r="G135579" s="16">
        <v>0</v>
      </c>
    </row>
    <row r="135580" spans="1:7" x14ac:dyDescent="0.3">
      <c r="A135580" s="13" t="s">
        <v>609</v>
      </c>
      <c r="B135580" s="14" t="s">
        <v>1</v>
      </c>
      <c r="C135580" s="14" t="s">
        <v>596</v>
      </c>
      <c r="D135580" s="14" t="s">
        <v>434</v>
      </c>
      <c r="E135580" s="15">
        <v>45541</v>
      </c>
      <c r="F135580" s="14" t="s">
        <v>61</v>
      </c>
      <c r="G135580" s="16">
        <v>0</v>
      </c>
    </row>
    <row r="135581" spans="1:7" x14ac:dyDescent="0.3">
      <c r="A135581" s="13" t="s">
        <v>609</v>
      </c>
      <c r="B135581" s="14" t="s">
        <v>1</v>
      </c>
      <c r="C135581" s="14" t="s">
        <v>596</v>
      </c>
      <c r="D135581" s="14" t="s">
        <v>434</v>
      </c>
      <c r="E135581" s="15">
        <v>45542</v>
      </c>
      <c r="F135581" s="14" t="s">
        <v>61</v>
      </c>
      <c r="G135581" s="16">
        <v>0</v>
      </c>
    </row>
    <row r="135582" spans="1:7" x14ac:dyDescent="0.3">
      <c r="A135582" s="13" t="s">
        <v>609</v>
      </c>
      <c r="B135582" s="14" t="s">
        <v>1</v>
      </c>
      <c r="C135582" s="14" t="s">
        <v>596</v>
      </c>
      <c r="D135582" s="14" t="s">
        <v>434</v>
      </c>
      <c r="E135582" s="15">
        <v>45543</v>
      </c>
      <c r="F135582" s="14" t="s">
        <v>61</v>
      </c>
      <c r="G135582" s="16">
        <v>0</v>
      </c>
    </row>
    <row r="135583" spans="1:7" x14ac:dyDescent="0.3">
      <c r="A135583" s="13" t="s">
        <v>609</v>
      </c>
      <c r="B135583" s="14" t="s">
        <v>1</v>
      </c>
      <c r="C135583" s="14" t="s">
        <v>596</v>
      </c>
      <c r="D135583" s="14" t="s">
        <v>434</v>
      </c>
      <c r="E135583" s="15">
        <v>45544</v>
      </c>
      <c r="F135583" s="14" t="s">
        <v>61</v>
      </c>
      <c r="G135583" s="16">
        <v>0</v>
      </c>
    </row>
    <row r="135584" spans="1:7" x14ac:dyDescent="0.3">
      <c r="A135584" s="13" t="s">
        <v>609</v>
      </c>
      <c r="B135584" s="14" t="s">
        <v>1</v>
      </c>
      <c r="C135584" s="14" t="s">
        <v>596</v>
      </c>
      <c r="D135584" s="14" t="s">
        <v>434</v>
      </c>
      <c r="E135584" s="15">
        <v>45545</v>
      </c>
      <c r="F135584" s="14" t="s">
        <v>61</v>
      </c>
      <c r="G135584" s="16">
        <v>0</v>
      </c>
    </row>
    <row r="135585" spans="1:7" x14ac:dyDescent="0.3">
      <c r="A135585" s="13" t="s">
        <v>609</v>
      </c>
      <c r="B135585" s="14" t="s">
        <v>1</v>
      </c>
      <c r="C135585" s="14" t="s">
        <v>596</v>
      </c>
      <c r="D135585" s="14" t="s">
        <v>434</v>
      </c>
      <c r="E135585" s="15">
        <v>45546</v>
      </c>
      <c r="F135585" s="14" t="s">
        <v>61</v>
      </c>
      <c r="G135585" s="16">
        <v>0</v>
      </c>
    </row>
    <row r="135586" spans="1:7" x14ac:dyDescent="0.3">
      <c r="A135586" s="13" t="s">
        <v>609</v>
      </c>
      <c r="B135586" s="14" t="s">
        <v>1</v>
      </c>
      <c r="C135586" s="14" t="s">
        <v>596</v>
      </c>
      <c r="D135586" s="14" t="s">
        <v>434</v>
      </c>
      <c r="E135586" s="15">
        <v>45547</v>
      </c>
      <c r="F135586" s="14" t="s">
        <v>61</v>
      </c>
      <c r="G135586" s="16">
        <v>0</v>
      </c>
    </row>
    <row r="135587" spans="1:7" x14ac:dyDescent="0.3">
      <c r="A135587" s="13" t="s">
        <v>609</v>
      </c>
      <c r="B135587" s="14" t="s">
        <v>1</v>
      </c>
      <c r="C135587" s="14" t="s">
        <v>596</v>
      </c>
      <c r="D135587" s="14" t="s">
        <v>434</v>
      </c>
      <c r="E135587" s="15">
        <v>45548</v>
      </c>
      <c r="F135587" s="14" t="s">
        <v>61</v>
      </c>
      <c r="G135587" s="16">
        <v>0</v>
      </c>
    </row>
    <row r="135588" spans="1:7" x14ac:dyDescent="0.3">
      <c r="A135588" s="13" t="s">
        <v>609</v>
      </c>
      <c r="B135588" s="14" t="s">
        <v>1</v>
      </c>
      <c r="C135588" s="14" t="s">
        <v>596</v>
      </c>
      <c r="D135588" s="14" t="s">
        <v>434</v>
      </c>
      <c r="E135588" s="15">
        <v>45549</v>
      </c>
      <c r="F135588" s="14" t="s">
        <v>61</v>
      </c>
      <c r="G135588" s="16">
        <v>0</v>
      </c>
    </row>
    <row r="135589" spans="1:7" x14ac:dyDescent="0.3">
      <c r="A135589" s="13" t="s">
        <v>609</v>
      </c>
      <c r="B135589" s="14" t="s">
        <v>1</v>
      </c>
      <c r="C135589" s="14" t="s">
        <v>596</v>
      </c>
      <c r="D135589" s="14" t="s">
        <v>434</v>
      </c>
      <c r="E135589" s="15">
        <v>45550</v>
      </c>
      <c r="F135589" s="14" t="s">
        <v>61</v>
      </c>
      <c r="G135589" s="16">
        <v>0</v>
      </c>
    </row>
    <row r="135590" spans="1:7" x14ac:dyDescent="0.3">
      <c r="A135590" s="13" t="s">
        <v>609</v>
      </c>
      <c r="B135590" s="14" t="s">
        <v>1</v>
      </c>
      <c r="C135590" s="14" t="s">
        <v>596</v>
      </c>
      <c r="D135590" s="14" t="s">
        <v>434</v>
      </c>
      <c r="E135590" s="15">
        <v>45551</v>
      </c>
      <c r="F135590" s="14" t="s">
        <v>61</v>
      </c>
      <c r="G135590" s="16">
        <v>0</v>
      </c>
    </row>
    <row r="135591" spans="1:7" x14ac:dyDescent="0.3">
      <c r="A135591" s="13" t="s">
        <v>609</v>
      </c>
      <c r="B135591" s="14" t="s">
        <v>1</v>
      </c>
      <c r="C135591" s="14" t="s">
        <v>596</v>
      </c>
      <c r="D135591" s="14" t="s">
        <v>434</v>
      </c>
      <c r="E135591" s="15">
        <v>45552</v>
      </c>
      <c r="F135591" s="14" t="s">
        <v>61</v>
      </c>
      <c r="G135591" s="16">
        <v>0</v>
      </c>
    </row>
    <row r="135592" spans="1:7" x14ac:dyDescent="0.3">
      <c r="A135592" s="13" t="s">
        <v>609</v>
      </c>
      <c r="B135592" s="14" t="s">
        <v>1</v>
      </c>
      <c r="C135592" s="14" t="s">
        <v>596</v>
      </c>
      <c r="D135592" s="14" t="s">
        <v>434</v>
      </c>
      <c r="E135592" s="15">
        <v>45553</v>
      </c>
      <c r="F135592" s="14" t="s">
        <v>61</v>
      </c>
      <c r="G135592" s="16">
        <v>0</v>
      </c>
    </row>
    <row r="135593" spans="1:7" x14ac:dyDescent="0.3">
      <c r="A135593" s="13" t="s">
        <v>609</v>
      </c>
      <c r="B135593" s="14" t="s">
        <v>1</v>
      </c>
      <c r="C135593" s="14" t="s">
        <v>596</v>
      </c>
      <c r="D135593" s="14" t="s">
        <v>434</v>
      </c>
      <c r="E135593" s="15">
        <v>45554</v>
      </c>
      <c r="F135593" s="14" t="s">
        <v>61</v>
      </c>
      <c r="G135593" s="16">
        <v>0</v>
      </c>
    </row>
    <row r="135594" spans="1:7" x14ac:dyDescent="0.3">
      <c r="A135594" s="13" t="s">
        <v>609</v>
      </c>
      <c r="B135594" s="14" t="s">
        <v>1</v>
      </c>
      <c r="C135594" s="14" t="s">
        <v>596</v>
      </c>
      <c r="D135594" s="14" t="s">
        <v>434</v>
      </c>
      <c r="E135594" s="15">
        <v>45555</v>
      </c>
      <c r="F135594" s="14" t="s">
        <v>61</v>
      </c>
      <c r="G135594" s="16">
        <v>0</v>
      </c>
    </row>
    <row r="135595" spans="1:7" x14ac:dyDescent="0.3">
      <c r="A135595" s="13" t="s">
        <v>609</v>
      </c>
      <c r="B135595" s="14" t="s">
        <v>1</v>
      </c>
      <c r="C135595" s="14" t="s">
        <v>596</v>
      </c>
      <c r="D135595" s="14" t="s">
        <v>434</v>
      </c>
      <c r="E135595" s="15">
        <v>45556</v>
      </c>
      <c r="F135595" s="14" t="s">
        <v>61</v>
      </c>
      <c r="G135595" s="16">
        <v>0</v>
      </c>
    </row>
    <row r="135596" spans="1:7" x14ac:dyDescent="0.3">
      <c r="A135596" s="13" t="s">
        <v>609</v>
      </c>
      <c r="B135596" s="14" t="s">
        <v>1</v>
      </c>
      <c r="C135596" s="14" t="s">
        <v>596</v>
      </c>
      <c r="D135596" s="14" t="s">
        <v>434</v>
      </c>
      <c r="E135596" s="15">
        <v>45557</v>
      </c>
      <c r="F135596" s="14" t="s">
        <v>61</v>
      </c>
      <c r="G135596" s="16">
        <v>0</v>
      </c>
    </row>
    <row r="135597" spans="1:7" x14ac:dyDescent="0.3">
      <c r="A135597" s="13" t="s">
        <v>609</v>
      </c>
      <c r="B135597" s="14" t="s">
        <v>1</v>
      </c>
      <c r="C135597" s="14" t="s">
        <v>596</v>
      </c>
      <c r="D135597" s="14" t="s">
        <v>434</v>
      </c>
      <c r="E135597" s="15">
        <v>45558</v>
      </c>
      <c r="F135597" s="14" t="s">
        <v>61</v>
      </c>
      <c r="G135597" s="16">
        <v>0</v>
      </c>
    </row>
    <row r="135598" spans="1:7" x14ac:dyDescent="0.3">
      <c r="A135598" s="13" t="s">
        <v>609</v>
      </c>
      <c r="B135598" s="14" t="s">
        <v>1</v>
      </c>
      <c r="C135598" s="14" t="s">
        <v>596</v>
      </c>
      <c r="D135598" s="14" t="s">
        <v>434</v>
      </c>
      <c r="E135598" s="15">
        <v>45559</v>
      </c>
      <c r="F135598" s="14" t="s">
        <v>61</v>
      </c>
      <c r="G135598" s="16">
        <v>0</v>
      </c>
    </row>
    <row r="135599" spans="1:7" x14ac:dyDescent="0.3">
      <c r="A135599" s="13" t="s">
        <v>609</v>
      </c>
      <c r="B135599" s="14" t="s">
        <v>1</v>
      </c>
      <c r="C135599" s="14" t="s">
        <v>596</v>
      </c>
      <c r="D135599" s="14" t="s">
        <v>434</v>
      </c>
      <c r="E135599" s="15">
        <v>45560</v>
      </c>
      <c r="F135599" s="14" t="s">
        <v>61</v>
      </c>
      <c r="G135599" s="16">
        <v>0</v>
      </c>
    </row>
    <row r="135600" spans="1:7" x14ac:dyDescent="0.3">
      <c r="A135600" s="13" t="s">
        <v>609</v>
      </c>
      <c r="B135600" s="14" t="s">
        <v>1</v>
      </c>
      <c r="C135600" s="14" t="s">
        <v>596</v>
      </c>
      <c r="D135600" s="14" t="s">
        <v>434</v>
      </c>
      <c r="E135600" s="15">
        <v>45561</v>
      </c>
      <c r="F135600" s="14" t="s">
        <v>61</v>
      </c>
      <c r="G135600" s="16">
        <v>0</v>
      </c>
    </row>
    <row r="135601" spans="1:7" x14ac:dyDescent="0.3">
      <c r="A135601" s="13" t="s">
        <v>609</v>
      </c>
      <c r="B135601" s="14" t="s">
        <v>1</v>
      </c>
      <c r="C135601" s="14" t="s">
        <v>596</v>
      </c>
      <c r="D135601" s="14" t="s">
        <v>434</v>
      </c>
      <c r="E135601" s="15">
        <v>45562</v>
      </c>
      <c r="F135601" s="14" t="s">
        <v>61</v>
      </c>
      <c r="G135601" s="16">
        <v>0</v>
      </c>
    </row>
    <row r="135602" spans="1:7" x14ac:dyDescent="0.3">
      <c r="A135602" s="13" t="s">
        <v>609</v>
      </c>
      <c r="B135602" s="14" t="s">
        <v>1</v>
      </c>
      <c r="C135602" s="14" t="s">
        <v>596</v>
      </c>
      <c r="D135602" s="14" t="s">
        <v>434</v>
      </c>
      <c r="E135602" s="15">
        <v>45563</v>
      </c>
      <c r="F135602" s="14" t="s">
        <v>61</v>
      </c>
      <c r="G135602" s="16">
        <v>0</v>
      </c>
    </row>
    <row r="135603" spans="1:7" x14ac:dyDescent="0.3">
      <c r="A135603" s="13" t="s">
        <v>609</v>
      </c>
      <c r="B135603" s="14" t="s">
        <v>1</v>
      </c>
      <c r="C135603" s="14" t="s">
        <v>596</v>
      </c>
      <c r="D135603" s="14" t="s">
        <v>434</v>
      </c>
      <c r="E135603" s="15">
        <v>45564</v>
      </c>
      <c r="F135603" s="14" t="s">
        <v>61</v>
      </c>
      <c r="G135603" s="16">
        <v>0</v>
      </c>
    </row>
    <row r="135604" spans="1:7" x14ac:dyDescent="0.3">
      <c r="A135604" s="13" t="s">
        <v>609</v>
      </c>
      <c r="B135604" s="14" t="s">
        <v>1</v>
      </c>
      <c r="C135604" s="14" t="s">
        <v>596</v>
      </c>
      <c r="D135604" s="14" t="s">
        <v>434</v>
      </c>
      <c r="E135604" s="15">
        <v>45565</v>
      </c>
      <c r="F135604" s="14" t="s">
        <v>61</v>
      </c>
      <c r="G135604" s="16">
        <v>0</v>
      </c>
    </row>
    <row r="135605" spans="1:7" x14ac:dyDescent="0.3">
      <c r="A135605" s="13" t="s">
        <v>609</v>
      </c>
      <c r="B135605" s="14" t="s">
        <v>1</v>
      </c>
      <c r="C135605" s="14" t="s">
        <v>596</v>
      </c>
      <c r="D135605" s="14" t="s">
        <v>434</v>
      </c>
      <c r="E135605" s="15">
        <v>45566</v>
      </c>
      <c r="F135605" s="14" t="s">
        <v>61</v>
      </c>
      <c r="G135605" s="16">
        <v>0</v>
      </c>
    </row>
    <row r="135606" spans="1:7" x14ac:dyDescent="0.3">
      <c r="A135606" s="13" t="s">
        <v>609</v>
      </c>
      <c r="B135606" s="14" t="s">
        <v>1</v>
      </c>
      <c r="C135606" s="14" t="s">
        <v>596</v>
      </c>
      <c r="D135606" s="14" t="s">
        <v>434</v>
      </c>
      <c r="E135606" s="15">
        <v>45567</v>
      </c>
      <c r="F135606" s="14" t="s">
        <v>61</v>
      </c>
      <c r="G135606" s="16">
        <v>0</v>
      </c>
    </row>
    <row r="135607" spans="1:7" x14ac:dyDescent="0.3">
      <c r="A135607" s="13" t="s">
        <v>609</v>
      </c>
      <c r="B135607" s="14" t="s">
        <v>1</v>
      </c>
      <c r="C135607" s="14" t="s">
        <v>596</v>
      </c>
      <c r="D135607" s="14" t="s">
        <v>434</v>
      </c>
      <c r="E135607" s="15">
        <v>45568</v>
      </c>
      <c r="F135607" s="14" t="s">
        <v>61</v>
      </c>
      <c r="G135607" s="16">
        <v>0</v>
      </c>
    </row>
    <row r="135608" spans="1:7" x14ac:dyDescent="0.3">
      <c r="A135608" s="13" t="s">
        <v>609</v>
      </c>
      <c r="B135608" s="14" t="s">
        <v>1</v>
      </c>
      <c r="C135608" s="14" t="s">
        <v>596</v>
      </c>
      <c r="D135608" s="14" t="s">
        <v>434</v>
      </c>
      <c r="E135608" s="15">
        <v>45569</v>
      </c>
      <c r="F135608" s="14" t="s">
        <v>61</v>
      </c>
      <c r="G135608" s="16">
        <v>0</v>
      </c>
    </row>
    <row r="135609" spans="1:7" x14ac:dyDescent="0.3">
      <c r="A135609" s="13" t="s">
        <v>609</v>
      </c>
      <c r="B135609" s="14" t="s">
        <v>1</v>
      </c>
      <c r="C135609" s="14" t="s">
        <v>596</v>
      </c>
      <c r="D135609" s="14" t="s">
        <v>434</v>
      </c>
      <c r="E135609" s="15">
        <v>45570</v>
      </c>
      <c r="F135609" s="14" t="s">
        <v>61</v>
      </c>
      <c r="G135609" s="16">
        <v>0</v>
      </c>
    </row>
    <row r="135610" spans="1:7" x14ac:dyDescent="0.3">
      <c r="A135610" s="13" t="s">
        <v>609</v>
      </c>
      <c r="B135610" s="14" t="s">
        <v>1</v>
      </c>
      <c r="C135610" s="14" t="s">
        <v>596</v>
      </c>
      <c r="D135610" s="14" t="s">
        <v>434</v>
      </c>
      <c r="E135610" s="15">
        <v>45571</v>
      </c>
      <c r="F135610" s="14" t="s">
        <v>61</v>
      </c>
      <c r="G135610" s="16">
        <v>0</v>
      </c>
    </row>
    <row r="135611" spans="1:7" x14ac:dyDescent="0.3">
      <c r="A135611" s="13" t="s">
        <v>609</v>
      </c>
      <c r="B135611" s="14" t="s">
        <v>1</v>
      </c>
      <c r="C135611" s="14" t="s">
        <v>596</v>
      </c>
      <c r="D135611" s="14" t="s">
        <v>434</v>
      </c>
      <c r="E135611" s="15">
        <v>45572</v>
      </c>
      <c r="F135611" s="14" t="s">
        <v>61</v>
      </c>
      <c r="G135611" s="16">
        <v>0</v>
      </c>
    </row>
    <row r="135612" spans="1:7" x14ac:dyDescent="0.3">
      <c r="A135612" s="13" t="s">
        <v>609</v>
      </c>
      <c r="B135612" s="14" t="s">
        <v>1</v>
      </c>
      <c r="C135612" s="14" t="s">
        <v>596</v>
      </c>
      <c r="D135612" s="14" t="s">
        <v>434</v>
      </c>
      <c r="E135612" s="15">
        <v>45573</v>
      </c>
      <c r="F135612" s="14" t="s">
        <v>61</v>
      </c>
      <c r="G135612" s="16">
        <v>0</v>
      </c>
    </row>
    <row r="135613" spans="1:7" x14ac:dyDescent="0.3">
      <c r="A135613" s="13" t="s">
        <v>609</v>
      </c>
      <c r="B135613" s="14" t="s">
        <v>1</v>
      </c>
      <c r="C135613" s="14" t="s">
        <v>596</v>
      </c>
      <c r="D135613" s="14" t="s">
        <v>434</v>
      </c>
      <c r="E135613" s="15">
        <v>45574</v>
      </c>
      <c r="F135613" s="14" t="s">
        <v>61</v>
      </c>
      <c r="G135613" s="16">
        <v>0</v>
      </c>
    </row>
    <row r="135614" spans="1:7" x14ac:dyDescent="0.3">
      <c r="A135614" s="13" t="s">
        <v>609</v>
      </c>
      <c r="B135614" s="14" t="s">
        <v>1</v>
      </c>
      <c r="C135614" s="14" t="s">
        <v>596</v>
      </c>
      <c r="D135614" s="14" t="s">
        <v>434</v>
      </c>
      <c r="E135614" s="15">
        <v>45575</v>
      </c>
      <c r="F135614" s="14" t="s">
        <v>61</v>
      </c>
      <c r="G135614" s="16">
        <v>0</v>
      </c>
    </row>
    <row r="135615" spans="1:7" x14ac:dyDescent="0.3">
      <c r="A135615" s="13" t="s">
        <v>609</v>
      </c>
      <c r="B135615" s="14" t="s">
        <v>1</v>
      </c>
      <c r="C135615" s="14" t="s">
        <v>596</v>
      </c>
      <c r="D135615" s="14" t="s">
        <v>434</v>
      </c>
      <c r="E135615" s="15">
        <v>45576</v>
      </c>
      <c r="F135615" s="14" t="s">
        <v>61</v>
      </c>
      <c r="G135615" s="16">
        <v>0</v>
      </c>
    </row>
    <row r="135616" spans="1:7" x14ac:dyDescent="0.3">
      <c r="A135616" s="13" t="s">
        <v>609</v>
      </c>
      <c r="B135616" s="14" t="s">
        <v>1</v>
      </c>
      <c r="C135616" s="14" t="s">
        <v>596</v>
      </c>
      <c r="D135616" s="14" t="s">
        <v>434</v>
      </c>
      <c r="E135616" s="15">
        <v>45577</v>
      </c>
      <c r="F135616" s="14" t="s">
        <v>61</v>
      </c>
      <c r="G135616" s="16">
        <v>0</v>
      </c>
    </row>
    <row r="135617" spans="1:7" x14ac:dyDescent="0.3">
      <c r="A135617" s="13" t="s">
        <v>609</v>
      </c>
      <c r="B135617" s="14" t="s">
        <v>1</v>
      </c>
      <c r="C135617" s="14" t="s">
        <v>596</v>
      </c>
      <c r="D135617" s="14" t="s">
        <v>434</v>
      </c>
      <c r="E135617" s="15">
        <v>45578</v>
      </c>
      <c r="F135617" s="14" t="s">
        <v>61</v>
      </c>
      <c r="G135617" s="16">
        <v>0</v>
      </c>
    </row>
    <row r="135618" spans="1:7" x14ac:dyDescent="0.3">
      <c r="A135618" s="13" t="s">
        <v>609</v>
      </c>
      <c r="B135618" s="14" t="s">
        <v>1</v>
      </c>
      <c r="C135618" s="14" t="s">
        <v>596</v>
      </c>
      <c r="D135618" s="14" t="s">
        <v>434</v>
      </c>
      <c r="E135618" s="15">
        <v>45579</v>
      </c>
      <c r="F135618" s="14" t="s">
        <v>61</v>
      </c>
      <c r="G135618" s="16">
        <v>0</v>
      </c>
    </row>
    <row r="135619" spans="1:7" x14ac:dyDescent="0.3">
      <c r="A135619" s="13" t="s">
        <v>609</v>
      </c>
      <c r="B135619" s="14" t="s">
        <v>1</v>
      </c>
      <c r="C135619" s="14" t="s">
        <v>596</v>
      </c>
      <c r="D135619" s="14" t="s">
        <v>434</v>
      </c>
      <c r="E135619" s="15">
        <v>45580</v>
      </c>
      <c r="F135619" s="14" t="s">
        <v>61</v>
      </c>
      <c r="G135619" s="16">
        <v>0</v>
      </c>
    </row>
    <row r="135620" spans="1:7" x14ac:dyDescent="0.3">
      <c r="A135620" s="13" t="s">
        <v>609</v>
      </c>
      <c r="B135620" s="14" t="s">
        <v>1</v>
      </c>
      <c r="C135620" s="14" t="s">
        <v>596</v>
      </c>
      <c r="D135620" s="14" t="s">
        <v>434</v>
      </c>
      <c r="E135620" s="15">
        <v>45581</v>
      </c>
      <c r="F135620" s="14" t="s">
        <v>61</v>
      </c>
      <c r="G135620" s="16">
        <v>0</v>
      </c>
    </row>
    <row r="135621" spans="1:7" x14ac:dyDescent="0.3">
      <c r="A135621" s="13" t="s">
        <v>609</v>
      </c>
      <c r="B135621" s="14" t="s">
        <v>1</v>
      </c>
      <c r="C135621" s="14" t="s">
        <v>596</v>
      </c>
      <c r="D135621" s="14" t="s">
        <v>434</v>
      </c>
      <c r="E135621" s="15">
        <v>45582</v>
      </c>
      <c r="F135621" s="14" t="s">
        <v>61</v>
      </c>
      <c r="G135621" s="16">
        <v>0</v>
      </c>
    </row>
    <row r="135622" spans="1:7" x14ac:dyDescent="0.3">
      <c r="A135622" s="13" t="s">
        <v>609</v>
      </c>
      <c r="B135622" s="14" t="s">
        <v>1</v>
      </c>
      <c r="C135622" s="14" t="s">
        <v>596</v>
      </c>
      <c r="D135622" s="14" t="s">
        <v>434</v>
      </c>
      <c r="E135622" s="15">
        <v>45583</v>
      </c>
      <c r="F135622" s="14" t="s">
        <v>61</v>
      </c>
      <c r="G135622" s="16">
        <v>0</v>
      </c>
    </row>
    <row r="135623" spans="1:7" x14ac:dyDescent="0.3">
      <c r="A135623" s="13" t="s">
        <v>609</v>
      </c>
      <c r="B135623" s="14" t="s">
        <v>1</v>
      </c>
      <c r="C135623" s="14" t="s">
        <v>596</v>
      </c>
      <c r="D135623" s="14" t="s">
        <v>434</v>
      </c>
      <c r="E135623" s="15">
        <v>45584</v>
      </c>
      <c r="F135623" s="14" t="s">
        <v>61</v>
      </c>
      <c r="G135623" s="16">
        <v>0</v>
      </c>
    </row>
    <row r="135624" spans="1:7" x14ac:dyDescent="0.3">
      <c r="A135624" s="13" t="s">
        <v>609</v>
      </c>
      <c r="B135624" s="14" t="s">
        <v>1</v>
      </c>
      <c r="C135624" s="14" t="s">
        <v>596</v>
      </c>
      <c r="D135624" s="14" t="s">
        <v>434</v>
      </c>
      <c r="E135624" s="15">
        <v>45585</v>
      </c>
      <c r="F135624" s="14" t="s">
        <v>61</v>
      </c>
      <c r="G135624" s="16">
        <v>0</v>
      </c>
    </row>
    <row r="135625" spans="1:7" x14ac:dyDescent="0.3">
      <c r="A135625" s="13" t="s">
        <v>609</v>
      </c>
      <c r="B135625" s="14" t="s">
        <v>1</v>
      </c>
      <c r="C135625" s="14" t="s">
        <v>596</v>
      </c>
      <c r="D135625" s="14" t="s">
        <v>434</v>
      </c>
      <c r="E135625" s="15">
        <v>45586</v>
      </c>
      <c r="F135625" s="14" t="s">
        <v>61</v>
      </c>
      <c r="G135625" s="16">
        <v>0</v>
      </c>
    </row>
    <row r="135626" spans="1:7" x14ac:dyDescent="0.3">
      <c r="A135626" s="13" t="s">
        <v>609</v>
      </c>
      <c r="B135626" s="14" t="s">
        <v>1</v>
      </c>
      <c r="C135626" s="14" t="s">
        <v>596</v>
      </c>
      <c r="D135626" s="14" t="s">
        <v>434</v>
      </c>
      <c r="E135626" s="15">
        <v>45587</v>
      </c>
      <c r="F135626" s="14" t="s">
        <v>61</v>
      </c>
      <c r="G135626" s="16">
        <v>0</v>
      </c>
    </row>
    <row r="135627" spans="1:7" x14ac:dyDescent="0.3">
      <c r="A135627" s="13" t="s">
        <v>609</v>
      </c>
      <c r="B135627" s="14" t="s">
        <v>1</v>
      </c>
      <c r="C135627" s="14" t="s">
        <v>596</v>
      </c>
      <c r="D135627" s="14" t="s">
        <v>434</v>
      </c>
      <c r="E135627" s="15">
        <v>45588</v>
      </c>
      <c r="F135627" s="14" t="s">
        <v>61</v>
      </c>
      <c r="G135627" s="16">
        <v>0</v>
      </c>
    </row>
    <row r="135628" spans="1:7" x14ac:dyDescent="0.3">
      <c r="A135628" s="13" t="s">
        <v>609</v>
      </c>
      <c r="B135628" s="14" t="s">
        <v>1</v>
      </c>
      <c r="C135628" s="14" t="s">
        <v>596</v>
      </c>
      <c r="D135628" s="14" t="s">
        <v>434</v>
      </c>
      <c r="E135628" s="15">
        <v>45589</v>
      </c>
      <c r="F135628" s="14" t="s">
        <v>61</v>
      </c>
      <c r="G135628" s="16">
        <v>0</v>
      </c>
    </row>
    <row r="135629" spans="1:7" x14ac:dyDescent="0.3">
      <c r="A135629" s="13" t="s">
        <v>609</v>
      </c>
      <c r="B135629" s="14" t="s">
        <v>1</v>
      </c>
      <c r="C135629" s="14" t="s">
        <v>596</v>
      </c>
      <c r="D135629" s="14" t="s">
        <v>434</v>
      </c>
      <c r="E135629" s="15">
        <v>45590</v>
      </c>
      <c r="F135629" s="14" t="s">
        <v>61</v>
      </c>
      <c r="G135629" s="16">
        <v>0</v>
      </c>
    </row>
    <row r="135630" spans="1:7" x14ac:dyDescent="0.3">
      <c r="A135630" s="13" t="s">
        <v>609</v>
      </c>
      <c r="B135630" s="14" t="s">
        <v>1</v>
      </c>
      <c r="C135630" s="14" t="s">
        <v>596</v>
      </c>
      <c r="D135630" s="14" t="s">
        <v>434</v>
      </c>
      <c r="E135630" s="15">
        <v>45591</v>
      </c>
      <c r="F135630" s="14" t="s">
        <v>61</v>
      </c>
      <c r="G135630" s="16">
        <v>0</v>
      </c>
    </row>
    <row r="135631" spans="1:7" x14ac:dyDescent="0.3">
      <c r="A135631" s="13" t="s">
        <v>609</v>
      </c>
      <c r="B135631" s="14" t="s">
        <v>1</v>
      </c>
      <c r="C135631" s="14" t="s">
        <v>596</v>
      </c>
      <c r="D135631" s="14" t="s">
        <v>434</v>
      </c>
      <c r="E135631" s="15">
        <v>45592</v>
      </c>
      <c r="F135631" s="14" t="s">
        <v>61</v>
      </c>
      <c r="G135631" s="16">
        <v>0</v>
      </c>
    </row>
    <row r="135632" spans="1:7" x14ac:dyDescent="0.3">
      <c r="A135632" s="13" t="s">
        <v>609</v>
      </c>
      <c r="B135632" s="14" t="s">
        <v>1</v>
      </c>
      <c r="C135632" s="14" t="s">
        <v>596</v>
      </c>
      <c r="D135632" s="14" t="s">
        <v>434</v>
      </c>
      <c r="E135632" s="15">
        <v>45593</v>
      </c>
      <c r="F135632" s="14" t="s">
        <v>61</v>
      </c>
      <c r="G135632" s="16">
        <v>0</v>
      </c>
    </row>
    <row r="135633" spans="1:7" x14ac:dyDescent="0.3">
      <c r="A135633" s="13" t="s">
        <v>609</v>
      </c>
      <c r="B135633" s="14" t="s">
        <v>1</v>
      </c>
      <c r="C135633" s="14" t="s">
        <v>596</v>
      </c>
      <c r="D135633" s="14" t="s">
        <v>434</v>
      </c>
      <c r="E135633" s="15">
        <v>45594</v>
      </c>
      <c r="F135633" s="14" t="s">
        <v>61</v>
      </c>
      <c r="G135633" s="16">
        <v>0</v>
      </c>
    </row>
    <row r="135634" spans="1:7" x14ac:dyDescent="0.3">
      <c r="A135634" s="13" t="s">
        <v>609</v>
      </c>
      <c r="B135634" s="14" t="s">
        <v>1</v>
      </c>
      <c r="C135634" s="14" t="s">
        <v>596</v>
      </c>
      <c r="D135634" s="14" t="s">
        <v>434</v>
      </c>
      <c r="E135634" s="15">
        <v>45595</v>
      </c>
      <c r="F135634" s="14" t="s">
        <v>61</v>
      </c>
      <c r="G135634" s="16">
        <v>0</v>
      </c>
    </row>
    <row r="135635" spans="1:7" x14ac:dyDescent="0.3">
      <c r="A135635" s="13" t="s">
        <v>609</v>
      </c>
      <c r="B135635" s="14" t="s">
        <v>1</v>
      </c>
      <c r="C135635" s="14" t="s">
        <v>596</v>
      </c>
      <c r="D135635" s="14" t="s">
        <v>434</v>
      </c>
      <c r="E135635" s="15">
        <v>45596</v>
      </c>
      <c r="F135635" s="14" t="s">
        <v>61</v>
      </c>
      <c r="G135635" s="16">
        <v>0</v>
      </c>
    </row>
    <row r="135636" spans="1:7" x14ac:dyDescent="0.3">
      <c r="A135636" s="13" t="s">
        <v>609</v>
      </c>
      <c r="B135636" s="14" t="s">
        <v>1</v>
      </c>
      <c r="C135636" s="14" t="s">
        <v>596</v>
      </c>
      <c r="D135636" s="14" t="s">
        <v>434</v>
      </c>
      <c r="E135636" s="15">
        <v>45597</v>
      </c>
      <c r="F135636" s="14" t="s">
        <v>61</v>
      </c>
      <c r="G135636" s="16">
        <v>0</v>
      </c>
    </row>
    <row r="135637" spans="1:7" x14ac:dyDescent="0.3">
      <c r="A135637" s="13" t="s">
        <v>609</v>
      </c>
      <c r="B135637" s="14" t="s">
        <v>1</v>
      </c>
      <c r="C135637" s="14" t="s">
        <v>596</v>
      </c>
      <c r="D135637" s="14" t="s">
        <v>434</v>
      </c>
      <c r="E135637" s="15">
        <v>45598</v>
      </c>
      <c r="F135637" s="14" t="s">
        <v>61</v>
      </c>
      <c r="G135637" s="16">
        <v>0</v>
      </c>
    </row>
    <row r="135638" spans="1:7" x14ac:dyDescent="0.3">
      <c r="A135638" s="13" t="s">
        <v>609</v>
      </c>
      <c r="B135638" s="14" t="s">
        <v>1</v>
      </c>
      <c r="C135638" s="14" t="s">
        <v>596</v>
      </c>
      <c r="D135638" s="14" t="s">
        <v>434</v>
      </c>
      <c r="E135638" s="15">
        <v>45599</v>
      </c>
      <c r="F135638" s="14" t="s">
        <v>61</v>
      </c>
      <c r="G135638" s="16">
        <v>0</v>
      </c>
    </row>
    <row r="135639" spans="1:7" x14ac:dyDescent="0.3">
      <c r="A135639" s="13" t="s">
        <v>609</v>
      </c>
      <c r="B135639" s="14" t="s">
        <v>1</v>
      </c>
      <c r="C135639" s="14" t="s">
        <v>596</v>
      </c>
      <c r="D135639" s="14" t="s">
        <v>434</v>
      </c>
      <c r="E135639" s="15">
        <v>45600</v>
      </c>
      <c r="F135639" s="14" t="s">
        <v>61</v>
      </c>
      <c r="G135639" s="16">
        <v>0</v>
      </c>
    </row>
    <row r="135640" spans="1:7" x14ac:dyDescent="0.3">
      <c r="A135640" s="13" t="s">
        <v>609</v>
      </c>
      <c r="B135640" s="14" t="s">
        <v>1</v>
      </c>
      <c r="C135640" s="14" t="s">
        <v>596</v>
      </c>
      <c r="D135640" s="14" t="s">
        <v>434</v>
      </c>
      <c r="E135640" s="15">
        <v>45601</v>
      </c>
      <c r="F135640" s="14" t="s">
        <v>61</v>
      </c>
      <c r="G135640" s="16">
        <v>0</v>
      </c>
    </row>
    <row r="135641" spans="1:7" x14ac:dyDescent="0.3">
      <c r="A135641" s="13" t="s">
        <v>609</v>
      </c>
      <c r="B135641" s="14" t="s">
        <v>1</v>
      </c>
      <c r="C135641" s="14" t="s">
        <v>596</v>
      </c>
      <c r="D135641" s="14" t="s">
        <v>434</v>
      </c>
      <c r="E135641" s="15">
        <v>45602</v>
      </c>
      <c r="F135641" s="14" t="s">
        <v>61</v>
      </c>
      <c r="G135641" s="16">
        <v>0</v>
      </c>
    </row>
    <row r="135642" spans="1:7" x14ac:dyDescent="0.3">
      <c r="A135642" s="13" t="s">
        <v>609</v>
      </c>
      <c r="B135642" s="14" t="s">
        <v>1</v>
      </c>
      <c r="C135642" s="14" t="s">
        <v>596</v>
      </c>
      <c r="D135642" s="14" t="s">
        <v>434</v>
      </c>
      <c r="E135642" s="15">
        <v>45603</v>
      </c>
      <c r="F135642" s="14" t="s">
        <v>61</v>
      </c>
      <c r="G135642" s="16">
        <v>0</v>
      </c>
    </row>
    <row r="135643" spans="1:7" x14ac:dyDescent="0.3">
      <c r="A135643" s="13" t="s">
        <v>609</v>
      </c>
      <c r="B135643" s="14" t="s">
        <v>1</v>
      </c>
      <c r="C135643" s="14" t="s">
        <v>596</v>
      </c>
      <c r="D135643" s="14" t="s">
        <v>434</v>
      </c>
      <c r="E135643" s="15">
        <v>45604</v>
      </c>
      <c r="F135643" s="14" t="s">
        <v>61</v>
      </c>
      <c r="G135643" s="16">
        <v>0</v>
      </c>
    </row>
    <row r="135644" spans="1:7" x14ac:dyDescent="0.3">
      <c r="A135644" s="13" t="s">
        <v>609</v>
      </c>
      <c r="B135644" s="14" t="s">
        <v>1</v>
      </c>
      <c r="C135644" s="14" t="s">
        <v>596</v>
      </c>
      <c r="D135644" s="14" t="s">
        <v>434</v>
      </c>
      <c r="E135644" s="15">
        <v>45605</v>
      </c>
      <c r="F135644" s="14" t="s">
        <v>61</v>
      </c>
      <c r="G135644" s="16">
        <v>0</v>
      </c>
    </row>
    <row r="135645" spans="1:7" x14ac:dyDescent="0.3">
      <c r="A135645" s="13" t="s">
        <v>609</v>
      </c>
      <c r="B135645" s="14" t="s">
        <v>1</v>
      </c>
      <c r="C135645" s="14" t="s">
        <v>596</v>
      </c>
      <c r="D135645" s="14" t="s">
        <v>434</v>
      </c>
      <c r="E135645" s="15">
        <v>45606</v>
      </c>
      <c r="F135645" s="14" t="s">
        <v>61</v>
      </c>
      <c r="G135645" s="16">
        <v>0</v>
      </c>
    </row>
    <row r="135646" spans="1:7" x14ac:dyDescent="0.3">
      <c r="A135646" s="13" t="s">
        <v>609</v>
      </c>
      <c r="B135646" s="14" t="s">
        <v>1</v>
      </c>
      <c r="C135646" s="14" t="s">
        <v>596</v>
      </c>
      <c r="D135646" s="14" t="s">
        <v>434</v>
      </c>
      <c r="E135646" s="15">
        <v>45607</v>
      </c>
      <c r="F135646" s="14" t="s">
        <v>61</v>
      </c>
      <c r="G135646" s="16">
        <v>0</v>
      </c>
    </row>
    <row r="135647" spans="1:7" x14ac:dyDescent="0.3">
      <c r="A135647" s="13" t="s">
        <v>609</v>
      </c>
      <c r="B135647" s="14" t="s">
        <v>1</v>
      </c>
      <c r="C135647" s="14" t="s">
        <v>596</v>
      </c>
      <c r="D135647" s="14" t="s">
        <v>434</v>
      </c>
      <c r="E135647" s="15">
        <v>45608</v>
      </c>
      <c r="F135647" s="14" t="s">
        <v>61</v>
      </c>
      <c r="G135647" s="16">
        <v>0</v>
      </c>
    </row>
    <row r="135648" spans="1:7" x14ac:dyDescent="0.3">
      <c r="A135648" s="13" t="s">
        <v>609</v>
      </c>
      <c r="B135648" s="14" t="s">
        <v>1</v>
      </c>
      <c r="C135648" s="14" t="s">
        <v>596</v>
      </c>
      <c r="D135648" s="14" t="s">
        <v>434</v>
      </c>
      <c r="E135648" s="15">
        <v>45609</v>
      </c>
      <c r="F135648" s="14" t="s">
        <v>61</v>
      </c>
      <c r="G135648" s="16">
        <v>0</v>
      </c>
    </row>
    <row r="135649" spans="1:7" x14ac:dyDescent="0.3">
      <c r="A135649" s="13" t="s">
        <v>609</v>
      </c>
      <c r="B135649" s="14" t="s">
        <v>1</v>
      </c>
      <c r="C135649" s="14" t="s">
        <v>596</v>
      </c>
      <c r="D135649" s="14" t="s">
        <v>434</v>
      </c>
      <c r="E135649" s="15">
        <v>45610</v>
      </c>
      <c r="F135649" s="14" t="s">
        <v>61</v>
      </c>
      <c r="G135649" s="16">
        <v>0</v>
      </c>
    </row>
    <row r="135650" spans="1:7" x14ac:dyDescent="0.3">
      <c r="A135650" s="13" t="s">
        <v>609</v>
      </c>
      <c r="B135650" s="14" t="s">
        <v>1</v>
      </c>
      <c r="C135650" s="14" t="s">
        <v>596</v>
      </c>
      <c r="D135650" s="14" t="s">
        <v>434</v>
      </c>
      <c r="E135650" s="15">
        <v>45611</v>
      </c>
      <c r="F135650" s="14" t="s">
        <v>61</v>
      </c>
      <c r="G135650" s="16">
        <v>0</v>
      </c>
    </row>
    <row r="135651" spans="1:7" x14ac:dyDescent="0.3">
      <c r="A135651" s="13" t="s">
        <v>609</v>
      </c>
      <c r="B135651" s="14" t="s">
        <v>1</v>
      </c>
      <c r="C135651" s="14" t="s">
        <v>596</v>
      </c>
      <c r="D135651" s="14" t="s">
        <v>434</v>
      </c>
      <c r="E135651" s="15">
        <v>45612</v>
      </c>
      <c r="F135651" s="14" t="s">
        <v>61</v>
      </c>
      <c r="G135651" s="16">
        <v>0</v>
      </c>
    </row>
    <row r="135652" spans="1:7" x14ac:dyDescent="0.3">
      <c r="A135652" s="13" t="s">
        <v>609</v>
      </c>
      <c r="B135652" s="14" t="s">
        <v>1</v>
      </c>
      <c r="C135652" s="14" t="s">
        <v>596</v>
      </c>
      <c r="D135652" s="14" t="s">
        <v>434</v>
      </c>
      <c r="E135652" s="15">
        <v>45613</v>
      </c>
      <c r="F135652" s="14" t="s">
        <v>61</v>
      </c>
      <c r="G135652" s="16">
        <v>0</v>
      </c>
    </row>
    <row r="135653" spans="1:7" x14ac:dyDescent="0.3">
      <c r="A135653" s="13" t="s">
        <v>609</v>
      </c>
      <c r="B135653" s="14" t="s">
        <v>1</v>
      </c>
      <c r="C135653" s="14" t="s">
        <v>596</v>
      </c>
      <c r="D135653" s="14" t="s">
        <v>434</v>
      </c>
      <c r="E135653" s="15">
        <v>45614</v>
      </c>
      <c r="F135653" s="14" t="s">
        <v>61</v>
      </c>
      <c r="G135653" s="16">
        <v>0</v>
      </c>
    </row>
    <row r="135654" spans="1:7" x14ac:dyDescent="0.3">
      <c r="A135654" s="13" t="s">
        <v>609</v>
      </c>
      <c r="B135654" s="14" t="s">
        <v>1</v>
      </c>
      <c r="C135654" s="14" t="s">
        <v>596</v>
      </c>
      <c r="D135654" s="14" t="s">
        <v>434</v>
      </c>
      <c r="E135654" s="15">
        <v>45615</v>
      </c>
      <c r="F135654" s="14" t="s">
        <v>61</v>
      </c>
      <c r="G135654" s="16">
        <v>0</v>
      </c>
    </row>
    <row r="135655" spans="1:7" x14ac:dyDescent="0.3">
      <c r="A135655" s="13" t="s">
        <v>609</v>
      </c>
      <c r="B135655" s="14" t="s">
        <v>1</v>
      </c>
      <c r="C135655" s="14" t="s">
        <v>596</v>
      </c>
      <c r="D135655" s="14" t="s">
        <v>434</v>
      </c>
      <c r="E135655" s="15">
        <v>45616</v>
      </c>
      <c r="F135655" s="14" t="s">
        <v>61</v>
      </c>
      <c r="G135655" s="16">
        <v>0</v>
      </c>
    </row>
    <row r="135656" spans="1:7" x14ac:dyDescent="0.3">
      <c r="A135656" s="13" t="s">
        <v>609</v>
      </c>
      <c r="B135656" s="14" t="s">
        <v>1</v>
      </c>
      <c r="C135656" s="14" t="s">
        <v>596</v>
      </c>
      <c r="D135656" s="14" t="s">
        <v>434</v>
      </c>
      <c r="E135656" s="15">
        <v>45617</v>
      </c>
      <c r="F135656" s="14" t="s">
        <v>61</v>
      </c>
      <c r="G135656" s="16">
        <v>0</v>
      </c>
    </row>
    <row r="135657" spans="1:7" x14ac:dyDescent="0.3">
      <c r="A135657" s="13" t="s">
        <v>609</v>
      </c>
      <c r="B135657" s="14" t="s">
        <v>1</v>
      </c>
      <c r="C135657" s="14" t="s">
        <v>596</v>
      </c>
      <c r="D135657" s="14" t="s">
        <v>434</v>
      </c>
      <c r="E135657" s="15">
        <v>45618</v>
      </c>
      <c r="F135657" s="14" t="s">
        <v>61</v>
      </c>
      <c r="G135657" s="16">
        <v>0</v>
      </c>
    </row>
    <row r="135658" spans="1:7" x14ac:dyDescent="0.3">
      <c r="A135658" s="13" t="s">
        <v>609</v>
      </c>
      <c r="B135658" s="14" t="s">
        <v>1</v>
      </c>
      <c r="C135658" s="14" t="s">
        <v>596</v>
      </c>
      <c r="D135658" s="14" t="s">
        <v>434</v>
      </c>
      <c r="E135658" s="15">
        <v>45619</v>
      </c>
      <c r="F135658" s="14" t="s">
        <v>61</v>
      </c>
      <c r="G135658" s="16">
        <v>0</v>
      </c>
    </row>
    <row r="135659" spans="1:7" x14ac:dyDescent="0.3">
      <c r="A135659" s="13" t="s">
        <v>609</v>
      </c>
      <c r="B135659" s="14" t="s">
        <v>1</v>
      </c>
      <c r="C135659" s="14" t="s">
        <v>596</v>
      </c>
      <c r="D135659" s="14" t="s">
        <v>434</v>
      </c>
      <c r="E135659" s="15">
        <v>45620</v>
      </c>
      <c r="F135659" s="14" t="s">
        <v>61</v>
      </c>
      <c r="G135659" s="16">
        <v>0</v>
      </c>
    </row>
    <row r="135660" spans="1:7" x14ac:dyDescent="0.3">
      <c r="A135660" s="13" t="s">
        <v>609</v>
      </c>
      <c r="B135660" s="14" t="s">
        <v>1</v>
      </c>
      <c r="C135660" s="14" t="s">
        <v>596</v>
      </c>
      <c r="D135660" s="14" t="s">
        <v>434</v>
      </c>
      <c r="E135660" s="15">
        <v>45621</v>
      </c>
      <c r="F135660" s="14" t="s">
        <v>61</v>
      </c>
      <c r="G135660" s="16">
        <v>0</v>
      </c>
    </row>
    <row r="135661" spans="1:7" x14ac:dyDescent="0.3">
      <c r="A135661" s="13" t="s">
        <v>609</v>
      </c>
      <c r="B135661" s="14" t="s">
        <v>1</v>
      </c>
      <c r="C135661" s="14" t="s">
        <v>596</v>
      </c>
      <c r="D135661" s="14" t="s">
        <v>434</v>
      </c>
      <c r="E135661" s="15">
        <v>45622</v>
      </c>
      <c r="F135661" s="14" t="s">
        <v>61</v>
      </c>
      <c r="G135661" s="16">
        <v>0</v>
      </c>
    </row>
    <row r="135662" spans="1:7" x14ac:dyDescent="0.3">
      <c r="A135662" s="13" t="s">
        <v>609</v>
      </c>
      <c r="B135662" s="14" t="s">
        <v>1</v>
      </c>
      <c r="C135662" s="14" t="s">
        <v>596</v>
      </c>
      <c r="D135662" s="14" t="s">
        <v>434</v>
      </c>
      <c r="E135662" s="15">
        <v>45623</v>
      </c>
      <c r="F135662" s="14" t="s">
        <v>61</v>
      </c>
      <c r="G135662" s="16">
        <v>0</v>
      </c>
    </row>
    <row r="135663" spans="1:7" x14ac:dyDescent="0.3">
      <c r="A135663" s="13" t="s">
        <v>609</v>
      </c>
      <c r="B135663" s="14" t="s">
        <v>1</v>
      </c>
      <c r="C135663" s="14" t="s">
        <v>596</v>
      </c>
      <c r="D135663" s="14" t="s">
        <v>434</v>
      </c>
      <c r="E135663" s="15">
        <v>45624</v>
      </c>
      <c r="F135663" s="14" t="s">
        <v>61</v>
      </c>
      <c r="G135663" s="16">
        <v>0</v>
      </c>
    </row>
    <row r="135664" spans="1:7" x14ac:dyDescent="0.3">
      <c r="A135664" s="13" t="s">
        <v>609</v>
      </c>
      <c r="B135664" s="14" t="s">
        <v>1</v>
      </c>
      <c r="C135664" s="14" t="s">
        <v>596</v>
      </c>
      <c r="D135664" s="14" t="s">
        <v>434</v>
      </c>
      <c r="E135664" s="15">
        <v>45625</v>
      </c>
      <c r="F135664" s="14" t="s">
        <v>61</v>
      </c>
      <c r="G135664" s="16">
        <v>0</v>
      </c>
    </row>
    <row r="135665" spans="1:7" x14ac:dyDescent="0.3">
      <c r="A135665" s="13" t="s">
        <v>609</v>
      </c>
      <c r="B135665" s="14" t="s">
        <v>1</v>
      </c>
      <c r="C135665" s="14" t="s">
        <v>596</v>
      </c>
      <c r="D135665" s="14" t="s">
        <v>434</v>
      </c>
      <c r="E135665" s="15">
        <v>45626</v>
      </c>
      <c r="F135665" s="14" t="s">
        <v>61</v>
      </c>
      <c r="G135665" s="16">
        <v>0</v>
      </c>
    </row>
    <row r="135666" spans="1:7" x14ac:dyDescent="0.3">
      <c r="A135666" s="13" t="s">
        <v>609</v>
      </c>
      <c r="B135666" s="14" t="s">
        <v>1</v>
      </c>
      <c r="C135666" s="14" t="s">
        <v>596</v>
      </c>
      <c r="D135666" s="14" t="s">
        <v>434</v>
      </c>
      <c r="E135666" s="15">
        <v>45627</v>
      </c>
      <c r="F135666" s="14" t="s">
        <v>61</v>
      </c>
      <c r="G135666" s="16">
        <v>0</v>
      </c>
    </row>
    <row r="135667" spans="1:7" x14ac:dyDescent="0.3">
      <c r="A135667" s="13" t="s">
        <v>609</v>
      </c>
      <c r="B135667" s="14" t="s">
        <v>1</v>
      </c>
      <c r="C135667" s="14" t="s">
        <v>596</v>
      </c>
      <c r="D135667" s="14" t="s">
        <v>434</v>
      </c>
      <c r="E135667" s="15">
        <v>45628</v>
      </c>
      <c r="F135667" s="14" t="s">
        <v>61</v>
      </c>
      <c r="G135667" s="16">
        <v>0</v>
      </c>
    </row>
    <row r="135668" spans="1:7" x14ac:dyDescent="0.3">
      <c r="A135668" s="13" t="s">
        <v>609</v>
      </c>
      <c r="B135668" s="14" t="s">
        <v>1</v>
      </c>
      <c r="C135668" s="14" t="s">
        <v>596</v>
      </c>
      <c r="D135668" s="14" t="s">
        <v>434</v>
      </c>
      <c r="E135668" s="15">
        <v>45629</v>
      </c>
      <c r="F135668" s="14" t="s">
        <v>61</v>
      </c>
      <c r="G135668" s="16">
        <v>0</v>
      </c>
    </row>
    <row r="135669" spans="1:7" x14ac:dyDescent="0.3">
      <c r="A135669" s="13" t="s">
        <v>609</v>
      </c>
      <c r="B135669" s="14" t="s">
        <v>1</v>
      </c>
      <c r="C135669" s="14" t="s">
        <v>596</v>
      </c>
      <c r="D135669" s="14" t="s">
        <v>434</v>
      </c>
      <c r="E135669" s="15">
        <v>45630</v>
      </c>
      <c r="F135669" s="14" t="s">
        <v>61</v>
      </c>
      <c r="G135669" s="16">
        <v>0</v>
      </c>
    </row>
    <row r="135670" spans="1:7" x14ac:dyDescent="0.3">
      <c r="A135670" s="13" t="s">
        <v>609</v>
      </c>
      <c r="B135670" s="14" t="s">
        <v>1</v>
      </c>
      <c r="C135670" s="14" t="s">
        <v>596</v>
      </c>
      <c r="D135670" s="14" t="s">
        <v>434</v>
      </c>
      <c r="E135670" s="15">
        <v>45631</v>
      </c>
      <c r="F135670" s="14" t="s">
        <v>61</v>
      </c>
      <c r="G135670" s="16">
        <v>0</v>
      </c>
    </row>
    <row r="135671" spans="1:7" x14ac:dyDescent="0.3">
      <c r="A135671" s="13" t="s">
        <v>609</v>
      </c>
      <c r="B135671" s="14" t="s">
        <v>1</v>
      </c>
      <c r="C135671" s="14" t="s">
        <v>596</v>
      </c>
      <c r="D135671" s="14" t="s">
        <v>434</v>
      </c>
      <c r="E135671" s="15">
        <v>45632</v>
      </c>
      <c r="F135671" s="14" t="s">
        <v>61</v>
      </c>
      <c r="G135671" s="16">
        <v>0</v>
      </c>
    </row>
    <row r="135672" spans="1:7" x14ac:dyDescent="0.3">
      <c r="A135672" s="13" t="s">
        <v>609</v>
      </c>
      <c r="B135672" s="14" t="s">
        <v>1</v>
      </c>
      <c r="C135672" s="14" t="s">
        <v>596</v>
      </c>
      <c r="D135672" s="14" t="s">
        <v>434</v>
      </c>
      <c r="E135672" s="15">
        <v>45633</v>
      </c>
      <c r="F135672" s="14" t="s">
        <v>61</v>
      </c>
      <c r="G135672" s="16">
        <v>0</v>
      </c>
    </row>
    <row r="135673" spans="1:7" x14ac:dyDescent="0.3">
      <c r="A135673" s="13" t="s">
        <v>609</v>
      </c>
      <c r="B135673" s="14" t="s">
        <v>1</v>
      </c>
      <c r="C135673" s="14" t="s">
        <v>596</v>
      </c>
      <c r="D135673" s="14" t="s">
        <v>434</v>
      </c>
      <c r="E135673" s="15">
        <v>45634</v>
      </c>
      <c r="F135673" s="14" t="s">
        <v>61</v>
      </c>
      <c r="G135673" s="16">
        <v>0</v>
      </c>
    </row>
    <row r="135674" spans="1:7" x14ac:dyDescent="0.3">
      <c r="A135674" s="13" t="s">
        <v>609</v>
      </c>
      <c r="B135674" s="14" t="s">
        <v>1</v>
      </c>
      <c r="C135674" s="14" t="s">
        <v>596</v>
      </c>
      <c r="D135674" s="14" t="s">
        <v>434</v>
      </c>
      <c r="E135674" s="15">
        <v>45635</v>
      </c>
      <c r="F135674" s="14" t="s">
        <v>61</v>
      </c>
      <c r="G135674" s="16">
        <v>0</v>
      </c>
    </row>
    <row r="135675" spans="1:7" x14ac:dyDescent="0.3">
      <c r="A135675" s="13" t="s">
        <v>609</v>
      </c>
      <c r="B135675" s="14" t="s">
        <v>1</v>
      </c>
      <c r="C135675" s="14" t="s">
        <v>596</v>
      </c>
      <c r="D135675" s="14" t="s">
        <v>434</v>
      </c>
      <c r="E135675" s="15">
        <v>45636</v>
      </c>
      <c r="F135675" s="14" t="s">
        <v>61</v>
      </c>
      <c r="G135675" s="16">
        <v>0</v>
      </c>
    </row>
    <row r="135676" spans="1:7" x14ac:dyDescent="0.3">
      <c r="A135676" s="13" t="s">
        <v>609</v>
      </c>
      <c r="B135676" s="14" t="s">
        <v>1</v>
      </c>
      <c r="C135676" s="14" t="s">
        <v>596</v>
      </c>
      <c r="D135676" s="14" t="s">
        <v>434</v>
      </c>
      <c r="E135676" s="15">
        <v>45637</v>
      </c>
      <c r="F135676" s="14" t="s">
        <v>61</v>
      </c>
      <c r="G135676" s="16">
        <v>0</v>
      </c>
    </row>
    <row r="135677" spans="1:7" x14ac:dyDescent="0.3">
      <c r="A135677" s="13" t="s">
        <v>609</v>
      </c>
      <c r="B135677" s="14" t="s">
        <v>1</v>
      </c>
      <c r="C135677" s="14" t="s">
        <v>596</v>
      </c>
      <c r="D135677" s="14" t="s">
        <v>434</v>
      </c>
      <c r="E135677" s="15">
        <v>45638</v>
      </c>
      <c r="F135677" s="14" t="s">
        <v>61</v>
      </c>
      <c r="G135677" s="16">
        <v>0</v>
      </c>
    </row>
    <row r="135678" spans="1:7" x14ac:dyDescent="0.3">
      <c r="A135678" s="13" t="s">
        <v>609</v>
      </c>
      <c r="B135678" s="14" t="s">
        <v>1</v>
      </c>
      <c r="C135678" s="14" t="s">
        <v>596</v>
      </c>
      <c r="D135678" s="14" t="s">
        <v>434</v>
      </c>
      <c r="E135678" s="15">
        <v>45639</v>
      </c>
      <c r="F135678" s="14" t="s">
        <v>61</v>
      </c>
      <c r="G135678" s="16">
        <v>0</v>
      </c>
    </row>
    <row r="135679" spans="1:7" x14ac:dyDescent="0.3">
      <c r="A135679" s="13" t="s">
        <v>609</v>
      </c>
      <c r="B135679" s="14" t="s">
        <v>1</v>
      </c>
      <c r="C135679" s="14" t="s">
        <v>596</v>
      </c>
      <c r="D135679" s="14" t="s">
        <v>434</v>
      </c>
      <c r="E135679" s="15">
        <v>45640</v>
      </c>
      <c r="F135679" s="14" t="s">
        <v>61</v>
      </c>
      <c r="G135679" s="16">
        <v>0</v>
      </c>
    </row>
    <row r="135680" spans="1:7" x14ac:dyDescent="0.3">
      <c r="A135680" s="13" t="s">
        <v>609</v>
      </c>
      <c r="B135680" s="14" t="s">
        <v>1</v>
      </c>
      <c r="C135680" s="14" t="s">
        <v>596</v>
      </c>
      <c r="D135680" s="14" t="s">
        <v>434</v>
      </c>
      <c r="E135680" s="15">
        <v>45641</v>
      </c>
      <c r="F135680" s="14" t="s">
        <v>61</v>
      </c>
      <c r="G135680" s="16">
        <v>0</v>
      </c>
    </row>
    <row r="135681" spans="1:7" x14ac:dyDescent="0.3">
      <c r="A135681" s="13" t="s">
        <v>609</v>
      </c>
      <c r="B135681" s="14" t="s">
        <v>1</v>
      </c>
      <c r="C135681" s="14" t="s">
        <v>596</v>
      </c>
      <c r="D135681" s="14" t="s">
        <v>434</v>
      </c>
      <c r="E135681" s="15">
        <v>45642</v>
      </c>
      <c r="F135681" s="14" t="s">
        <v>61</v>
      </c>
      <c r="G135681" s="16">
        <v>0</v>
      </c>
    </row>
    <row r="135682" spans="1:7" x14ac:dyDescent="0.3">
      <c r="A135682" s="13" t="s">
        <v>609</v>
      </c>
      <c r="B135682" s="14" t="s">
        <v>1</v>
      </c>
      <c r="C135682" s="14" t="s">
        <v>596</v>
      </c>
      <c r="D135682" s="14" t="s">
        <v>434</v>
      </c>
      <c r="E135682" s="15">
        <v>45643</v>
      </c>
      <c r="F135682" s="14" t="s">
        <v>61</v>
      </c>
      <c r="G135682" s="16">
        <v>0</v>
      </c>
    </row>
    <row r="135683" spans="1:7" x14ac:dyDescent="0.3">
      <c r="A135683" s="13" t="s">
        <v>609</v>
      </c>
      <c r="B135683" s="14" t="s">
        <v>1</v>
      </c>
      <c r="C135683" s="14" t="s">
        <v>596</v>
      </c>
      <c r="D135683" s="14" t="s">
        <v>434</v>
      </c>
      <c r="E135683" s="15">
        <v>45644</v>
      </c>
      <c r="F135683" s="14" t="s">
        <v>61</v>
      </c>
      <c r="G135683" s="16">
        <v>0</v>
      </c>
    </row>
    <row r="135684" spans="1:7" x14ac:dyDescent="0.3">
      <c r="A135684" s="13" t="s">
        <v>609</v>
      </c>
      <c r="B135684" s="14" t="s">
        <v>1</v>
      </c>
      <c r="C135684" s="14" t="s">
        <v>596</v>
      </c>
      <c r="D135684" s="14" t="s">
        <v>434</v>
      </c>
      <c r="E135684" s="15">
        <v>45645</v>
      </c>
      <c r="F135684" s="14" t="s">
        <v>61</v>
      </c>
      <c r="G135684" s="16">
        <v>0</v>
      </c>
    </row>
    <row r="135685" spans="1:7" x14ac:dyDescent="0.3">
      <c r="A135685" s="13" t="s">
        <v>609</v>
      </c>
      <c r="B135685" s="14" t="s">
        <v>1</v>
      </c>
      <c r="C135685" s="14" t="s">
        <v>596</v>
      </c>
      <c r="D135685" s="14" t="s">
        <v>434</v>
      </c>
      <c r="E135685" s="15">
        <v>45646</v>
      </c>
      <c r="F135685" s="14" t="s">
        <v>61</v>
      </c>
      <c r="G135685" s="16">
        <v>0</v>
      </c>
    </row>
    <row r="135686" spans="1:7" x14ac:dyDescent="0.3">
      <c r="A135686" s="13" t="s">
        <v>609</v>
      </c>
      <c r="B135686" s="14" t="s">
        <v>1</v>
      </c>
      <c r="C135686" s="14" t="s">
        <v>596</v>
      </c>
      <c r="D135686" s="14" t="s">
        <v>434</v>
      </c>
      <c r="E135686" s="15">
        <v>45647</v>
      </c>
      <c r="F135686" s="14" t="s">
        <v>61</v>
      </c>
      <c r="G135686" s="16">
        <v>0</v>
      </c>
    </row>
    <row r="135687" spans="1:7" x14ac:dyDescent="0.3">
      <c r="A135687" s="13" t="s">
        <v>609</v>
      </c>
      <c r="B135687" s="14" t="s">
        <v>1</v>
      </c>
      <c r="C135687" s="14" t="s">
        <v>596</v>
      </c>
      <c r="D135687" s="14" t="s">
        <v>434</v>
      </c>
      <c r="E135687" s="15">
        <v>45648</v>
      </c>
      <c r="F135687" s="14" t="s">
        <v>61</v>
      </c>
      <c r="G135687" s="16">
        <v>0</v>
      </c>
    </row>
    <row r="135688" spans="1:7" x14ac:dyDescent="0.3">
      <c r="A135688" s="13" t="s">
        <v>609</v>
      </c>
      <c r="B135688" s="14" t="s">
        <v>1</v>
      </c>
      <c r="C135688" s="14" t="s">
        <v>596</v>
      </c>
      <c r="D135688" s="14" t="s">
        <v>434</v>
      </c>
      <c r="E135688" s="15">
        <v>45649</v>
      </c>
      <c r="F135688" s="14" t="s">
        <v>61</v>
      </c>
      <c r="G135688" s="16">
        <v>0</v>
      </c>
    </row>
    <row r="135689" spans="1:7" x14ac:dyDescent="0.3">
      <c r="A135689" s="13" t="s">
        <v>609</v>
      </c>
      <c r="B135689" s="14" t="s">
        <v>1</v>
      </c>
      <c r="C135689" s="14" t="s">
        <v>596</v>
      </c>
      <c r="D135689" s="14" t="s">
        <v>434</v>
      </c>
      <c r="E135689" s="15">
        <v>45650</v>
      </c>
      <c r="F135689" s="14" t="s">
        <v>61</v>
      </c>
      <c r="G135689" s="16">
        <v>0</v>
      </c>
    </row>
    <row r="135690" spans="1:7" x14ac:dyDescent="0.3">
      <c r="A135690" s="13" t="s">
        <v>609</v>
      </c>
      <c r="B135690" s="14" t="s">
        <v>1</v>
      </c>
      <c r="C135690" s="14" t="s">
        <v>596</v>
      </c>
      <c r="D135690" s="14" t="s">
        <v>434</v>
      </c>
      <c r="E135690" s="15">
        <v>45651</v>
      </c>
      <c r="F135690" s="14" t="s">
        <v>61</v>
      </c>
      <c r="G135690" s="16">
        <v>0</v>
      </c>
    </row>
    <row r="135691" spans="1:7" x14ac:dyDescent="0.3">
      <c r="A135691" s="13" t="s">
        <v>609</v>
      </c>
      <c r="B135691" s="14" t="s">
        <v>1</v>
      </c>
      <c r="C135691" s="14" t="s">
        <v>596</v>
      </c>
      <c r="D135691" s="14" t="s">
        <v>434</v>
      </c>
      <c r="E135691" s="15">
        <v>45652</v>
      </c>
      <c r="F135691" s="14" t="s">
        <v>61</v>
      </c>
      <c r="G135691" s="16">
        <v>0</v>
      </c>
    </row>
    <row r="135692" spans="1:7" x14ac:dyDescent="0.3">
      <c r="A135692" s="13" t="s">
        <v>609</v>
      </c>
      <c r="B135692" s="14" t="s">
        <v>1</v>
      </c>
      <c r="C135692" s="14" t="s">
        <v>596</v>
      </c>
      <c r="D135692" s="14" t="s">
        <v>434</v>
      </c>
      <c r="E135692" s="15">
        <v>45653</v>
      </c>
      <c r="F135692" s="14" t="s">
        <v>61</v>
      </c>
      <c r="G135692" s="16">
        <v>0</v>
      </c>
    </row>
    <row r="135693" spans="1:7" x14ac:dyDescent="0.3">
      <c r="A135693" s="13" t="s">
        <v>609</v>
      </c>
      <c r="B135693" s="14" t="s">
        <v>1</v>
      </c>
      <c r="C135693" s="14" t="s">
        <v>596</v>
      </c>
      <c r="D135693" s="14" t="s">
        <v>434</v>
      </c>
      <c r="E135693" s="15">
        <v>45654</v>
      </c>
      <c r="F135693" s="14" t="s">
        <v>61</v>
      </c>
      <c r="G135693" s="16">
        <v>0</v>
      </c>
    </row>
    <row r="135694" spans="1:7" x14ac:dyDescent="0.3">
      <c r="A135694" s="13" t="s">
        <v>609</v>
      </c>
      <c r="B135694" s="14" t="s">
        <v>1</v>
      </c>
      <c r="C135694" s="14" t="s">
        <v>596</v>
      </c>
      <c r="D135694" s="14" t="s">
        <v>434</v>
      </c>
      <c r="E135694" s="15">
        <v>45655</v>
      </c>
      <c r="F135694" s="14" t="s">
        <v>61</v>
      </c>
      <c r="G135694" s="16">
        <v>0</v>
      </c>
    </row>
    <row r="135695" spans="1:7" x14ac:dyDescent="0.3">
      <c r="A135695" s="13" t="s">
        <v>609</v>
      </c>
      <c r="B135695" s="14" t="s">
        <v>1</v>
      </c>
      <c r="C135695" s="14" t="s">
        <v>596</v>
      </c>
      <c r="D135695" s="14" t="s">
        <v>434</v>
      </c>
      <c r="E135695" s="15">
        <v>45656</v>
      </c>
      <c r="F135695" s="14" t="s">
        <v>61</v>
      </c>
      <c r="G135695" s="16">
        <v>0</v>
      </c>
    </row>
    <row r="135696" spans="1:7" x14ac:dyDescent="0.3">
      <c r="A135696" s="13" t="s">
        <v>609</v>
      </c>
      <c r="B135696" s="14" t="s">
        <v>1</v>
      </c>
      <c r="C135696" s="14" t="s">
        <v>596</v>
      </c>
      <c r="D135696" s="14" t="s">
        <v>434</v>
      </c>
      <c r="E135696" s="15">
        <v>45657</v>
      </c>
      <c r="F135696" s="14" t="s">
        <v>61</v>
      </c>
      <c r="G135696" s="16">
        <v>0</v>
      </c>
    </row>
    <row r="135697" spans="1:7" x14ac:dyDescent="0.3">
      <c r="A135697" s="13" t="s">
        <v>609</v>
      </c>
      <c r="B135697" s="14" t="s">
        <v>1</v>
      </c>
      <c r="C135697" s="14" t="s">
        <v>596</v>
      </c>
      <c r="D135697" s="14" t="s">
        <v>434</v>
      </c>
      <c r="E135697" s="15">
        <v>45658</v>
      </c>
      <c r="F135697" s="14" t="s">
        <v>61</v>
      </c>
      <c r="G135697" s="16">
        <v>0</v>
      </c>
    </row>
    <row r="135698" spans="1:7" x14ac:dyDescent="0.3">
      <c r="A135698" s="13" t="s">
        <v>609</v>
      </c>
      <c r="B135698" s="14" t="s">
        <v>1</v>
      </c>
      <c r="C135698" s="14" t="s">
        <v>596</v>
      </c>
      <c r="D135698" s="14" t="s">
        <v>434</v>
      </c>
      <c r="E135698" s="15">
        <v>45659</v>
      </c>
      <c r="F135698" s="14" t="s">
        <v>61</v>
      </c>
      <c r="G135698" s="16">
        <v>0</v>
      </c>
    </row>
    <row r="135699" spans="1:7" x14ac:dyDescent="0.3">
      <c r="A135699" s="13" t="s">
        <v>609</v>
      </c>
      <c r="B135699" s="14" t="s">
        <v>1</v>
      </c>
      <c r="C135699" s="14" t="s">
        <v>596</v>
      </c>
      <c r="D135699" s="14" t="s">
        <v>434</v>
      </c>
      <c r="E135699" s="15">
        <v>45660</v>
      </c>
      <c r="F135699" s="14" t="s">
        <v>61</v>
      </c>
      <c r="G135699" s="16">
        <v>0</v>
      </c>
    </row>
    <row r="135700" spans="1:7" x14ac:dyDescent="0.3">
      <c r="A135700" s="13" t="s">
        <v>609</v>
      </c>
      <c r="B135700" s="14" t="s">
        <v>1</v>
      </c>
      <c r="C135700" s="14" t="s">
        <v>596</v>
      </c>
      <c r="D135700" s="14" t="s">
        <v>434</v>
      </c>
      <c r="E135700" s="15">
        <v>45661</v>
      </c>
      <c r="F135700" s="14" t="s">
        <v>61</v>
      </c>
      <c r="G135700" s="16">
        <v>0</v>
      </c>
    </row>
    <row r="135701" spans="1:7" x14ac:dyDescent="0.3">
      <c r="A135701" s="13" t="s">
        <v>609</v>
      </c>
      <c r="B135701" s="14" t="s">
        <v>1</v>
      </c>
      <c r="C135701" s="14" t="s">
        <v>596</v>
      </c>
      <c r="D135701" s="14" t="s">
        <v>434</v>
      </c>
      <c r="E135701" s="15">
        <v>45662</v>
      </c>
      <c r="F135701" s="14" t="s">
        <v>61</v>
      </c>
      <c r="G135701" s="16">
        <v>0</v>
      </c>
    </row>
    <row r="135702" spans="1:7" x14ac:dyDescent="0.3">
      <c r="A135702" s="13" t="s">
        <v>609</v>
      </c>
      <c r="B135702" s="14" t="s">
        <v>1</v>
      </c>
      <c r="C135702" s="14" t="s">
        <v>596</v>
      </c>
      <c r="D135702" s="14" t="s">
        <v>434</v>
      </c>
      <c r="E135702" s="15">
        <v>45663</v>
      </c>
      <c r="F135702" s="14" t="s">
        <v>61</v>
      </c>
      <c r="G135702" s="16">
        <v>0</v>
      </c>
    </row>
    <row r="135703" spans="1:7" x14ac:dyDescent="0.3">
      <c r="A135703" s="13" t="s">
        <v>609</v>
      </c>
      <c r="B135703" s="14" t="s">
        <v>1</v>
      </c>
      <c r="C135703" s="14" t="s">
        <v>596</v>
      </c>
      <c r="D135703" s="14" t="s">
        <v>434</v>
      </c>
      <c r="E135703" s="15">
        <v>45664</v>
      </c>
      <c r="F135703" s="14" t="s">
        <v>61</v>
      </c>
      <c r="G135703" s="16">
        <v>0</v>
      </c>
    </row>
    <row r="135704" spans="1:7" x14ac:dyDescent="0.3">
      <c r="A135704" s="13" t="s">
        <v>609</v>
      </c>
      <c r="B135704" s="14" t="s">
        <v>1</v>
      </c>
      <c r="C135704" s="14" t="s">
        <v>596</v>
      </c>
      <c r="D135704" s="14" t="s">
        <v>434</v>
      </c>
      <c r="E135704" s="15">
        <v>45665</v>
      </c>
      <c r="F135704" s="14" t="s">
        <v>61</v>
      </c>
      <c r="G135704" s="16">
        <v>0</v>
      </c>
    </row>
    <row r="135705" spans="1:7" x14ac:dyDescent="0.3">
      <c r="A135705" s="13" t="s">
        <v>609</v>
      </c>
      <c r="B135705" s="14" t="s">
        <v>1</v>
      </c>
      <c r="C135705" s="14" t="s">
        <v>596</v>
      </c>
      <c r="D135705" s="14" t="s">
        <v>434</v>
      </c>
      <c r="E135705" s="15">
        <v>45666</v>
      </c>
      <c r="F135705" s="14" t="s">
        <v>61</v>
      </c>
      <c r="G135705" s="16">
        <v>0</v>
      </c>
    </row>
    <row r="135706" spans="1:7" x14ac:dyDescent="0.3">
      <c r="A135706" s="13" t="s">
        <v>609</v>
      </c>
      <c r="B135706" s="14" t="s">
        <v>1</v>
      </c>
      <c r="C135706" s="14" t="s">
        <v>596</v>
      </c>
      <c r="D135706" s="14" t="s">
        <v>434</v>
      </c>
      <c r="E135706" s="15">
        <v>45667</v>
      </c>
      <c r="F135706" s="14" t="s">
        <v>61</v>
      </c>
      <c r="G135706" s="16">
        <v>0</v>
      </c>
    </row>
    <row r="135707" spans="1:7" x14ac:dyDescent="0.3">
      <c r="A135707" s="13" t="s">
        <v>609</v>
      </c>
      <c r="B135707" s="14" t="s">
        <v>1</v>
      </c>
      <c r="C135707" s="14" t="s">
        <v>596</v>
      </c>
      <c r="D135707" s="14" t="s">
        <v>434</v>
      </c>
      <c r="E135707" s="15">
        <v>45668</v>
      </c>
      <c r="F135707" s="14" t="s">
        <v>61</v>
      </c>
      <c r="G135707" s="16">
        <v>0</v>
      </c>
    </row>
    <row r="135708" spans="1:7" x14ac:dyDescent="0.3">
      <c r="A135708" s="13" t="s">
        <v>609</v>
      </c>
      <c r="B135708" s="14" t="s">
        <v>1</v>
      </c>
      <c r="C135708" s="14" t="s">
        <v>596</v>
      </c>
      <c r="D135708" s="14" t="s">
        <v>434</v>
      </c>
      <c r="E135708" s="15">
        <v>45669</v>
      </c>
      <c r="F135708" s="14" t="s">
        <v>61</v>
      </c>
      <c r="G135708" s="16">
        <v>0</v>
      </c>
    </row>
    <row r="135709" spans="1:7" x14ac:dyDescent="0.3">
      <c r="A135709" s="13" t="s">
        <v>609</v>
      </c>
      <c r="B135709" s="14" t="s">
        <v>1</v>
      </c>
      <c r="C135709" s="14" t="s">
        <v>596</v>
      </c>
      <c r="D135709" s="14" t="s">
        <v>434</v>
      </c>
      <c r="E135709" s="15">
        <v>45670</v>
      </c>
      <c r="F135709" s="14" t="s">
        <v>61</v>
      </c>
      <c r="G135709" s="16">
        <v>0</v>
      </c>
    </row>
    <row r="135710" spans="1:7" x14ac:dyDescent="0.3">
      <c r="A135710" s="13" t="s">
        <v>609</v>
      </c>
      <c r="B135710" s="14" t="s">
        <v>1</v>
      </c>
      <c r="C135710" s="14" t="s">
        <v>596</v>
      </c>
      <c r="D135710" s="14" t="s">
        <v>434</v>
      </c>
      <c r="E135710" s="15">
        <v>45671</v>
      </c>
      <c r="F135710" s="14" t="s">
        <v>61</v>
      </c>
      <c r="G135710" s="16">
        <v>0</v>
      </c>
    </row>
    <row r="135711" spans="1:7" x14ac:dyDescent="0.3">
      <c r="A135711" s="13" t="s">
        <v>609</v>
      </c>
      <c r="B135711" s="14" t="s">
        <v>1</v>
      </c>
      <c r="C135711" s="14" t="s">
        <v>596</v>
      </c>
      <c r="D135711" s="14" t="s">
        <v>434</v>
      </c>
      <c r="E135711" s="15">
        <v>45672</v>
      </c>
      <c r="F135711" s="14" t="s">
        <v>61</v>
      </c>
      <c r="G135711" s="16">
        <v>0</v>
      </c>
    </row>
    <row r="135712" spans="1:7" x14ac:dyDescent="0.3">
      <c r="A135712" s="13" t="s">
        <v>609</v>
      </c>
      <c r="B135712" s="14" t="s">
        <v>1</v>
      </c>
      <c r="C135712" s="14" t="s">
        <v>596</v>
      </c>
      <c r="D135712" s="14" t="s">
        <v>434</v>
      </c>
      <c r="E135712" s="15">
        <v>45673</v>
      </c>
      <c r="F135712" s="14" t="s">
        <v>61</v>
      </c>
      <c r="G135712" s="16">
        <v>0</v>
      </c>
    </row>
    <row r="135713" spans="1:7" x14ac:dyDescent="0.3">
      <c r="A135713" s="13" t="s">
        <v>609</v>
      </c>
      <c r="B135713" s="14" t="s">
        <v>1</v>
      </c>
      <c r="C135713" s="14" t="s">
        <v>596</v>
      </c>
      <c r="D135713" s="14" t="s">
        <v>434</v>
      </c>
      <c r="E135713" s="15">
        <v>45674</v>
      </c>
      <c r="F135713" s="14" t="s">
        <v>61</v>
      </c>
      <c r="G135713" s="16">
        <v>0</v>
      </c>
    </row>
    <row r="135714" spans="1:7" x14ac:dyDescent="0.3">
      <c r="A135714" s="13" t="s">
        <v>609</v>
      </c>
      <c r="B135714" s="14" t="s">
        <v>1</v>
      </c>
      <c r="C135714" s="14" t="s">
        <v>596</v>
      </c>
      <c r="D135714" s="14" t="s">
        <v>434</v>
      </c>
      <c r="E135714" s="15">
        <v>45675</v>
      </c>
      <c r="F135714" s="14" t="s">
        <v>61</v>
      </c>
      <c r="G135714" s="16">
        <v>0</v>
      </c>
    </row>
    <row r="135715" spans="1:7" x14ac:dyDescent="0.3">
      <c r="A135715" s="13" t="s">
        <v>609</v>
      </c>
      <c r="B135715" s="14" t="s">
        <v>1</v>
      </c>
      <c r="C135715" s="14" t="s">
        <v>596</v>
      </c>
      <c r="D135715" s="14" t="s">
        <v>434</v>
      </c>
      <c r="E135715" s="15">
        <v>45676</v>
      </c>
      <c r="F135715" s="14" t="s">
        <v>61</v>
      </c>
      <c r="G135715" s="16">
        <v>0</v>
      </c>
    </row>
    <row r="135716" spans="1:7" x14ac:dyDescent="0.3">
      <c r="A135716" s="13" t="s">
        <v>609</v>
      </c>
      <c r="B135716" s="14" t="s">
        <v>1</v>
      </c>
      <c r="C135716" s="14" t="s">
        <v>596</v>
      </c>
      <c r="D135716" s="14" t="s">
        <v>434</v>
      </c>
      <c r="E135716" s="15">
        <v>45677</v>
      </c>
      <c r="F135716" s="14" t="s">
        <v>61</v>
      </c>
      <c r="G135716" s="16">
        <v>0</v>
      </c>
    </row>
    <row r="135717" spans="1:7" x14ac:dyDescent="0.3">
      <c r="A135717" s="13" t="s">
        <v>609</v>
      </c>
      <c r="B135717" s="14" t="s">
        <v>1</v>
      </c>
      <c r="C135717" s="14" t="s">
        <v>596</v>
      </c>
      <c r="D135717" s="14" t="s">
        <v>434</v>
      </c>
      <c r="E135717" s="15">
        <v>45678</v>
      </c>
      <c r="F135717" s="14" t="s">
        <v>61</v>
      </c>
      <c r="G135717" s="16">
        <v>0</v>
      </c>
    </row>
    <row r="135718" spans="1:7" x14ac:dyDescent="0.3">
      <c r="A135718" s="13" t="s">
        <v>609</v>
      </c>
      <c r="B135718" s="14" t="s">
        <v>1</v>
      </c>
      <c r="C135718" s="14" t="s">
        <v>596</v>
      </c>
      <c r="D135718" s="14" t="s">
        <v>434</v>
      </c>
      <c r="E135718" s="15">
        <v>45679</v>
      </c>
      <c r="F135718" s="14" t="s">
        <v>61</v>
      </c>
      <c r="G135718" s="16">
        <v>0</v>
      </c>
    </row>
    <row r="135719" spans="1:7" x14ac:dyDescent="0.3">
      <c r="A135719" s="13" t="s">
        <v>609</v>
      </c>
      <c r="B135719" s="14" t="s">
        <v>1</v>
      </c>
      <c r="C135719" s="14" t="s">
        <v>596</v>
      </c>
      <c r="D135719" s="14" t="s">
        <v>434</v>
      </c>
      <c r="E135719" s="15">
        <v>45680</v>
      </c>
      <c r="F135719" s="14" t="s">
        <v>61</v>
      </c>
      <c r="G135719" s="16">
        <v>0</v>
      </c>
    </row>
    <row r="135720" spans="1:7" x14ac:dyDescent="0.3">
      <c r="A135720" s="13" t="s">
        <v>609</v>
      </c>
      <c r="B135720" s="14" t="s">
        <v>1</v>
      </c>
      <c r="C135720" s="14" t="s">
        <v>596</v>
      </c>
      <c r="D135720" s="14" t="s">
        <v>434</v>
      </c>
      <c r="E135720" s="15">
        <v>45681</v>
      </c>
      <c r="F135720" s="14" t="s">
        <v>61</v>
      </c>
      <c r="G135720" s="16">
        <v>0</v>
      </c>
    </row>
    <row r="135721" spans="1:7" x14ac:dyDescent="0.3">
      <c r="A135721" s="13" t="s">
        <v>609</v>
      </c>
      <c r="B135721" s="14" t="s">
        <v>1</v>
      </c>
      <c r="C135721" s="14" t="s">
        <v>596</v>
      </c>
      <c r="D135721" s="14" t="s">
        <v>434</v>
      </c>
      <c r="E135721" s="15">
        <v>45682</v>
      </c>
      <c r="F135721" s="14" t="s">
        <v>61</v>
      </c>
      <c r="G135721" s="16">
        <v>0</v>
      </c>
    </row>
    <row r="135722" spans="1:7" x14ac:dyDescent="0.3">
      <c r="A135722" s="13" t="s">
        <v>609</v>
      </c>
      <c r="B135722" s="14" t="s">
        <v>1</v>
      </c>
      <c r="C135722" s="14" t="s">
        <v>596</v>
      </c>
      <c r="D135722" s="14" t="s">
        <v>434</v>
      </c>
      <c r="E135722" s="15">
        <v>45683</v>
      </c>
      <c r="F135722" s="14" t="s">
        <v>61</v>
      </c>
      <c r="G135722" s="16">
        <v>0</v>
      </c>
    </row>
    <row r="135723" spans="1:7" x14ac:dyDescent="0.3">
      <c r="A135723" s="13" t="s">
        <v>609</v>
      </c>
      <c r="B135723" s="14" t="s">
        <v>1</v>
      </c>
      <c r="C135723" s="14" t="s">
        <v>596</v>
      </c>
      <c r="D135723" s="14" t="s">
        <v>434</v>
      </c>
      <c r="E135723" s="15">
        <v>45684</v>
      </c>
      <c r="F135723" s="14" t="s">
        <v>61</v>
      </c>
      <c r="G135723" s="16">
        <v>0</v>
      </c>
    </row>
    <row r="135724" spans="1:7" x14ac:dyDescent="0.3">
      <c r="A135724" s="13" t="s">
        <v>609</v>
      </c>
      <c r="B135724" s="14" t="s">
        <v>1</v>
      </c>
      <c r="C135724" s="14" t="s">
        <v>596</v>
      </c>
      <c r="D135724" s="14" t="s">
        <v>434</v>
      </c>
      <c r="E135724" s="15">
        <v>45685</v>
      </c>
      <c r="F135724" s="14" t="s">
        <v>61</v>
      </c>
      <c r="G135724" s="16">
        <v>0</v>
      </c>
    </row>
    <row r="135725" spans="1:7" x14ac:dyDescent="0.3">
      <c r="A135725" s="13" t="s">
        <v>609</v>
      </c>
      <c r="B135725" s="14" t="s">
        <v>1</v>
      </c>
      <c r="C135725" s="14" t="s">
        <v>596</v>
      </c>
      <c r="D135725" s="14" t="s">
        <v>434</v>
      </c>
      <c r="E135725" s="15">
        <v>45686</v>
      </c>
      <c r="F135725" s="14" t="s">
        <v>61</v>
      </c>
      <c r="G135725" s="16">
        <v>0</v>
      </c>
    </row>
    <row r="135726" spans="1:7" x14ac:dyDescent="0.3">
      <c r="A135726" s="13" t="s">
        <v>609</v>
      </c>
      <c r="B135726" s="14" t="s">
        <v>1</v>
      </c>
      <c r="C135726" s="14" t="s">
        <v>596</v>
      </c>
      <c r="D135726" s="14" t="s">
        <v>434</v>
      </c>
      <c r="E135726" s="15">
        <v>45687</v>
      </c>
      <c r="F135726" s="14" t="s">
        <v>61</v>
      </c>
      <c r="G135726" s="16">
        <v>0</v>
      </c>
    </row>
    <row r="135727" spans="1:7" x14ac:dyDescent="0.3">
      <c r="A135727" s="13" t="s">
        <v>609</v>
      </c>
      <c r="B135727" s="14" t="s">
        <v>1</v>
      </c>
      <c r="C135727" s="14" t="s">
        <v>596</v>
      </c>
      <c r="D135727" s="14" t="s">
        <v>434</v>
      </c>
      <c r="E135727" s="15">
        <v>45688</v>
      </c>
      <c r="F135727" s="14" t="s">
        <v>61</v>
      </c>
      <c r="G135727" s="16">
        <v>0</v>
      </c>
    </row>
    <row r="135728" spans="1:7" x14ac:dyDescent="0.3">
      <c r="A135728" s="13" t="s">
        <v>609</v>
      </c>
      <c r="B135728" s="14" t="s">
        <v>1</v>
      </c>
      <c r="C135728" s="14" t="s">
        <v>596</v>
      </c>
      <c r="D135728" s="14" t="s">
        <v>434</v>
      </c>
      <c r="E135728" s="15">
        <v>45689</v>
      </c>
      <c r="F135728" s="14" t="s">
        <v>61</v>
      </c>
      <c r="G135728" s="16">
        <v>0</v>
      </c>
    </row>
    <row r="135729" spans="1:7" x14ac:dyDescent="0.3">
      <c r="A135729" s="13" t="s">
        <v>609</v>
      </c>
      <c r="B135729" s="14" t="s">
        <v>1</v>
      </c>
      <c r="C135729" s="14" t="s">
        <v>596</v>
      </c>
      <c r="D135729" s="14" t="s">
        <v>434</v>
      </c>
      <c r="E135729" s="15">
        <v>45690</v>
      </c>
      <c r="F135729" s="14" t="s">
        <v>61</v>
      </c>
      <c r="G135729" s="16">
        <v>0</v>
      </c>
    </row>
    <row r="135730" spans="1:7" x14ac:dyDescent="0.3">
      <c r="A135730" s="13" t="s">
        <v>609</v>
      </c>
      <c r="B135730" s="14" t="s">
        <v>1</v>
      </c>
      <c r="C135730" s="14" t="s">
        <v>596</v>
      </c>
      <c r="D135730" s="14" t="s">
        <v>434</v>
      </c>
      <c r="E135730" s="15">
        <v>45691</v>
      </c>
      <c r="F135730" s="14" t="s">
        <v>61</v>
      </c>
      <c r="G135730" s="16">
        <v>0</v>
      </c>
    </row>
    <row r="135731" spans="1:7" x14ac:dyDescent="0.3">
      <c r="A135731" s="13" t="s">
        <v>609</v>
      </c>
      <c r="B135731" s="14" t="s">
        <v>1</v>
      </c>
      <c r="C135731" s="14" t="s">
        <v>596</v>
      </c>
      <c r="D135731" s="14" t="s">
        <v>434</v>
      </c>
      <c r="E135731" s="15">
        <v>45692</v>
      </c>
      <c r="F135731" s="14" t="s">
        <v>61</v>
      </c>
      <c r="G135731" s="16">
        <v>0</v>
      </c>
    </row>
    <row r="135732" spans="1:7" x14ac:dyDescent="0.3">
      <c r="A135732" s="13" t="s">
        <v>609</v>
      </c>
      <c r="B135732" s="14" t="s">
        <v>1</v>
      </c>
      <c r="C135732" s="14" t="s">
        <v>596</v>
      </c>
      <c r="D135732" s="14" t="s">
        <v>434</v>
      </c>
      <c r="E135732" s="15">
        <v>45693</v>
      </c>
      <c r="F135732" s="14" t="s">
        <v>61</v>
      </c>
      <c r="G135732" s="16">
        <v>0</v>
      </c>
    </row>
    <row r="135733" spans="1:7" x14ac:dyDescent="0.3">
      <c r="A135733" s="13" t="s">
        <v>609</v>
      </c>
      <c r="B135733" s="14" t="s">
        <v>1</v>
      </c>
      <c r="C135733" s="14" t="s">
        <v>596</v>
      </c>
      <c r="D135733" s="14" t="s">
        <v>434</v>
      </c>
      <c r="E135733" s="15">
        <v>45694</v>
      </c>
      <c r="F135733" s="14" t="s">
        <v>61</v>
      </c>
      <c r="G135733" s="16">
        <v>0</v>
      </c>
    </row>
    <row r="135734" spans="1:7" x14ac:dyDescent="0.3">
      <c r="A135734" s="13" t="s">
        <v>609</v>
      </c>
      <c r="B135734" s="14" t="s">
        <v>1</v>
      </c>
      <c r="C135734" s="14" t="s">
        <v>596</v>
      </c>
      <c r="D135734" s="14" t="s">
        <v>434</v>
      </c>
      <c r="E135734" s="15">
        <v>45695</v>
      </c>
      <c r="F135734" s="14" t="s">
        <v>61</v>
      </c>
      <c r="G135734" s="16">
        <v>0</v>
      </c>
    </row>
    <row r="135735" spans="1:7" x14ac:dyDescent="0.3">
      <c r="A135735" s="13" t="s">
        <v>609</v>
      </c>
      <c r="B135735" s="14" t="s">
        <v>1</v>
      </c>
      <c r="C135735" s="14" t="s">
        <v>596</v>
      </c>
      <c r="D135735" s="14" t="s">
        <v>434</v>
      </c>
      <c r="E135735" s="15">
        <v>45696</v>
      </c>
      <c r="F135735" s="14" t="s">
        <v>61</v>
      </c>
      <c r="G135735" s="16">
        <v>0</v>
      </c>
    </row>
    <row r="135736" spans="1:7" x14ac:dyDescent="0.3">
      <c r="A135736" s="13" t="s">
        <v>609</v>
      </c>
      <c r="B135736" s="14" t="s">
        <v>1</v>
      </c>
      <c r="C135736" s="14" t="s">
        <v>596</v>
      </c>
      <c r="D135736" s="14" t="s">
        <v>434</v>
      </c>
      <c r="E135736" s="15">
        <v>45697</v>
      </c>
      <c r="F135736" s="14" t="s">
        <v>61</v>
      </c>
      <c r="G135736" s="16">
        <v>0</v>
      </c>
    </row>
    <row r="135737" spans="1:7" x14ac:dyDescent="0.3">
      <c r="A135737" s="13" t="s">
        <v>609</v>
      </c>
      <c r="B135737" s="14" t="s">
        <v>1</v>
      </c>
      <c r="C135737" s="14" t="s">
        <v>596</v>
      </c>
      <c r="D135737" s="14" t="s">
        <v>434</v>
      </c>
      <c r="E135737" s="15">
        <v>45698</v>
      </c>
      <c r="F135737" s="14" t="s">
        <v>61</v>
      </c>
      <c r="G135737" s="16">
        <v>0</v>
      </c>
    </row>
    <row r="135738" spans="1:7" x14ac:dyDescent="0.3">
      <c r="A135738" s="13" t="s">
        <v>609</v>
      </c>
      <c r="B135738" s="14" t="s">
        <v>1</v>
      </c>
      <c r="C135738" s="14" t="s">
        <v>596</v>
      </c>
      <c r="D135738" s="14" t="s">
        <v>434</v>
      </c>
      <c r="E135738" s="15">
        <v>45699</v>
      </c>
      <c r="F135738" s="14" t="s">
        <v>61</v>
      </c>
      <c r="G135738" s="16">
        <v>0</v>
      </c>
    </row>
    <row r="135739" spans="1:7" x14ac:dyDescent="0.3">
      <c r="A135739" s="13" t="s">
        <v>609</v>
      </c>
      <c r="B135739" s="14" t="s">
        <v>1</v>
      </c>
      <c r="C135739" s="14" t="s">
        <v>596</v>
      </c>
      <c r="D135739" s="14" t="s">
        <v>434</v>
      </c>
      <c r="E135739" s="15">
        <v>45700</v>
      </c>
      <c r="F135739" s="14" t="s">
        <v>61</v>
      </c>
      <c r="G135739" s="16">
        <v>0</v>
      </c>
    </row>
    <row r="135740" spans="1:7" x14ac:dyDescent="0.3">
      <c r="A135740" s="13" t="s">
        <v>609</v>
      </c>
      <c r="B135740" s="14" t="s">
        <v>1</v>
      </c>
      <c r="C135740" s="14" t="s">
        <v>596</v>
      </c>
      <c r="D135740" s="14" t="s">
        <v>434</v>
      </c>
      <c r="E135740" s="15">
        <v>45701</v>
      </c>
      <c r="F135740" s="14" t="s">
        <v>61</v>
      </c>
      <c r="G135740" s="16">
        <v>0</v>
      </c>
    </row>
    <row r="135741" spans="1:7" x14ac:dyDescent="0.3">
      <c r="A135741" s="13" t="s">
        <v>609</v>
      </c>
      <c r="B135741" s="14" t="s">
        <v>1</v>
      </c>
      <c r="C135741" s="14" t="s">
        <v>596</v>
      </c>
      <c r="D135741" s="14" t="s">
        <v>434</v>
      </c>
      <c r="E135741" s="15">
        <v>45702</v>
      </c>
      <c r="F135741" s="14" t="s">
        <v>61</v>
      </c>
      <c r="G135741" s="16">
        <v>0</v>
      </c>
    </row>
    <row r="135742" spans="1:7" x14ac:dyDescent="0.3">
      <c r="A135742" s="13" t="s">
        <v>609</v>
      </c>
      <c r="B135742" s="14" t="s">
        <v>1</v>
      </c>
      <c r="C135742" s="14" t="s">
        <v>596</v>
      </c>
      <c r="D135742" s="14" t="s">
        <v>434</v>
      </c>
      <c r="E135742" s="15">
        <v>45703</v>
      </c>
      <c r="F135742" s="14" t="s">
        <v>61</v>
      </c>
      <c r="G135742" s="16">
        <v>0</v>
      </c>
    </row>
    <row r="135743" spans="1:7" x14ac:dyDescent="0.3">
      <c r="A135743" s="13" t="s">
        <v>609</v>
      </c>
      <c r="B135743" s="14" t="s">
        <v>1</v>
      </c>
      <c r="C135743" s="14" t="s">
        <v>596</v>
      </c>
      <c r="D135743" s="14" t="s">
        <v>434</v>
      </c>
      <c r="E135743" s="15">
        <v>45704</v>
      </c>
      <c r="F135743" s="14" t="s">
        <v>61</v>
      </c>
      <c r="G135743" s="16">
        <v>0</v>
      </c>
    </row>
    <row r="135744" spans="1:7" x14ac:dyDescent="0.3">
      <c r="A135744" s="13" t="s">
        <v>609</v>
      </c>
      <c r="B135744" s="14" t="s">
        <v>1</v>
      </c>
      <c r="C135744" s="14" t="s">
        <v>596</v>
      </c>
      <c r="D135744" s="14" t="s">
        <v>434</v>
      </c>
      <c r="E135744" s="15">
        <v>45705</v>
      </c>
      <c r="F135744" s="14" t="s">
        <v>61</v>
      </c>
      <c r="G135744" s="16">
        <v>0</v>
      </c>
    </row>
    <row r="135745" spans="1:7" x14ac:dyDescent="0.3">
      <c r="A135745" s="13" t="s">
        <v>609</v>
      </c>
      <c r="B135745" s="14" t="s">
        <v>1</v>
      </c>
      <c r="C135745" s="14" t="s">
        <v>596</v>
      </c>
      <c r="D135745" s="14" t="s">
        <v>434</v>
      </c>
      <c r="E135745" s="15">
        <v>45706</v>
      </c>
      <c r="F135745" s="14" t="s">
        <v>61</v>
      </c>
      <c r="G135745" s="16">
        <v>0</v>
      </c>
    </row>
    <row r="135746" spans="1:7" x14ac:dyDescent="0.3">
      <c r="A135746" s="13" t="s">
        <v>609</v>
      </c>
      <c r="B135746" s="14" t="s">
        <v>1</v>
      </c>
      <c r="C135746" s="14" t="s">
        <v>596</v>
      </c>
      <c r="D135746" s="14" t="s">
        <v>434</v>
      </c>
      <c r="E135746" s="15">
        <v>45707</v>
      </c>
      <c r="F135746" s="14" t="s">
        <v>61</v>
      </c>
      <c r="G135746" s="16">
        <v>0</v>
      </c>
    </row>
    <row r="135747" spans="1:7" x14ac:dyDescent="0.3">
      <c r="A135747" s="13" t="s">
        <v>609</v>
      </c>
      <c r="B135747" s="14" t="s">
        <v>1</v>
      </c>
      <c r="C135747" s="14" t="s">
        <v>596</v>
      </c>
      <c r="D135747" s="14" t="s">
        <v>434</v>
      </c>
      <c r="E135747" s="15">
        <v>45708</v>
      </c>
      <c r="F135747" s="14" t="s">
        <v>61</v>
      </c>
      <c r="G135747" s="16">
        <v>0</v>
      </c>
    </row>
    <row r="135748" spans="1:7" x14ac:dyDescent="0.3">
      <c r="A135748" s="13" t="s">
        <v>609</v>
      </c>
      <c r="B135748" s="14" t="s">
        <v>1</v>
      </c>
      <c r="C135748" s="14" t="s">
        <v>596</v>
      </c>
      <c r="D135748" s="14" t="s">
        <v>434</v>
      </c>
      <c r="E135748" s="15">
        <v>45709</v>
      </c>
      <c r="F135748" s="14" t="s">
        <v>61</v>
      </c>
      <c r="G135748" s="16">
        <v>0</v>
      </c>
    </row>
    <row r="135749" spans="1:7" x14ac:dyDescent="0.3">
      <c r="A135749" s="13" t="s">
        <v>609</v>
      </c>
      <c r="B135749" s="14" t="s">
        <v>1</v>
      </c>
      <c r="C135749" s="14" t="s">
        <v>596</v>
      </c>
      <c r="D135749" s="14" t="s">
        <v>434</v>
      </c>
      <c r="E135749" s="15">
        <v>45710</v>
      </c>
      <c r="F135749" s="14" t="s">
        <v>61</v>
      </c>
      <c r="G135749" s="16">
        <v>0</v>
      </c>
    </row>
    <row r="135750" spans="1:7" x14ac:dyDescent="0.3">
      <c r="A135750" s="13" t="s">
        <v>609</v>
      </c>
      <c r="B135750" s="14" t="s">
        <v>1</v>
      </c>
      <c r="C135750" s="14" t="s">
        <v>596</v>
      </c>
      <c r="D135750" s="14" t="s">
        <v>434</v>
      </c>
      <c r="E135750" s="15">
        <v>45711</v>
      </c>
      <c r="F135750" s="14" t="s">
        <v>61</v>
      </c>
      <c r="G135750" s="16">
        <v>0</v>
      </c>
    </row>
    <row r="135751" spans="1:7" x14ac:dyDescent="0.3">
      <c r="A135751" s="13" t="s">
        <v>609</v>
      </c>
      <c r="B135751" s="14" t="s">
        <v>1</v>
      </c>
      <c r="C135751" s="14" t="s">
        <v>596</v>
      </c>
      <c r="D135751" s="14" t="s">
        <v>434</v>
      </c>
      <c r="E135751" s="15">
        <v>45712</v>
      </c>
      <c r="F135751" s="14" t="s">
        <v>61</v>
      </c>
      <c r="G135751" s="16">
        <v>0</v>
      </c>
    </row>
    <row r="135752" spans="1:7" x14ac:dyDescent="0.3">
      <c r="A135752" s="13" t="s">
        <v>609</v>
      </c>
      <c r="B135752" s="14" t="s">
        <v>1</v>
      </c>
      <c r="C135752" s="14" t="s">
        <v>596</v>
      </c>
      <c r="D135752" s="14" t="s">
        <v>434</v>
      </c>
      <c r="E135752" s="15">
        <v>45713</v>
      </c>
      <c r="F135752" s="14" t="s">
        <v>61</v>
      </c>
      <c r="G135752" s="16">
        <v>0</v>
      </c>
    </row>
    <row r="135753" spans="1:7" x14ac:dyDescent="0.3">
      <c r="A135753" s="13" t="s">
        <v>609</v>
      </c>
      <c r="B135753" s="14" t="s">
        <v>1</v>
      </c>
      <c r="C135753" s="14" t="s">
        <v>596</v>
      </c>
      <c r="D135753" s="14" t="s">
        <v>434</v>
      </c>
      <c r="E135753" s="15">
        <v>45714</v>
      </c>
      <c r="F135753" s="14" t="s">
        <v>61</v>
      </c>
      <c r="G135753" s="16">
        <v>0</v>
      </c>
    </row>
    <row r="135754" spans="1:7" x14ac:dyDescent="0.3">
      <c r="A135754" s="13" t="s">
        <v>609</v>
      </c>
      <c r="B135754" s="14" t="s">
        <v>1</v>
      </c>
      <c r="C135754" s="14" t="s">
        <v>596</v>
      </c>
      <c r="D135754" s="14" t="s">
        <v>434</v>
      </c>
      <c r="E135754" s="15">
        <v>45715</v>
      </c>
      <c r="F135754" s="14" t="s">
        <v>61</v>
      </c>
      <c r="G135754" s="16">
        <v>0</v>
      </c>
    </row>
    <row r="135755" spans="1:7" x14ac:dyDescent="0.3">
      <c r="A135755" s="13" t="s">
        <v>609</v>
      </c>
      <c r="B135755" s="14" t="s">
        <v>1</v>
      </c>
      <c r="C135755" s="14" t="s">
        <v>596</v>
      </c>
      <c r="D135755" s="14" t="s">
        <v>434</v>
      </c>
      <c r="E135755" s="15">
        <v>45716</v>
      </c>
      <c r="F135755" s="14" t="s">
        <v>61</v>
      </c>
      <c r="G135755" s="16">
        <v>0</v>
      </c>
    </row>
    <row r="135756" spans="1:7" x14ac:dyDescent="0.3">
      <c r="A135756" s="13" t="s">
        <v>609</v>
      </c>
      <c r="B135756" s="14" t="s">
        <v>1</v>
      </c>
      <c r="C135756" s="14" t="s">
        <v>596</v>
      </c>
      <c r="D135756" s="14" t="s">
        <v>434</v>
      </c>
      <c r="E135756" s="15">
        <v>45717</v>
      </c>
      <c r="F135756" s="14" t="s">
        <v>61</v>
      </c>
      <c r="G135756" s="16">
        <v>0</v>
      </c>
    </row>
    <row r="135757" spans="1:7" x14ac:dyDescent="0.3">
      <c r="A135757" s="13" t="s">
        <v>609</v>
      </c>
      <c r="B135757" s="14" t="s">
        <v>1</v>
      </c>
      <c r="C135757" s="14" t="s">
        <v>596</v>
      </c>
      <c r="D135757" s="14" t="s">
        <v>434</v>
      </c>
      <c r="E135757" s="15">
        <v>45718</v>
      </c>
      <c r="F135757" s="14" t="s">
        <v>61</v>
      </c>
      <c r="G135757" s="16">
        <v>0</v>
      </c>
    </row>
    <row r="135758" spans="1:7" x14ac:dyDescent="0.3">
      <c r="A135758" s="13" t="s">
        <v>609</v>
      </c>
      <c r="B135758" s="14" t="s">
        <v>1</v>
      </c>
      <c r="C135758" s="14" t="s">
        <v>596</v>
      </c>
      <c r="D135758" s="14" t="s">
        <v>434</v>
      </c>
      <c r="E135758" s="15">
        <v>45719</v>
      </c>
      <c r="F135758" s="14" t="s">
        <v>61</v>
      </c>
      <c r="G135758" s="16">
        <v>0</v>
      </c>
    </row>
    <row r="135759" spans="1:7" x14ac:dyDescent="0.3">
      <c r="A135759" s="13" t="s">
        <v>609</v>
      </c>
      <c r="B135759" s="14" t="s">
        <v>1</v>
      </c>
      <c r="C135759" s="14" t="s">
        <v>596</v>
      </c>
      <c r="D135759" s="14" t="s">
        <v>434</v>
      </c>
      <c r="E135759" s="15">
        <v>45720</v>
      </c>
      <c r="F135759" s="14" t="s">
        <v>61</v>
      </c>
      <c r="G135759" s="16">
        <v>0</v>
      </c>
    </row>
    <row r="135760" spans="1:7" x14ac:dyDescent="0.3">
      <c r="A135760" s="13" t="s">
        <v>609</v>
      </c>
      <c r="B135760" s="14" t="s">
        <v>1</v>
      </c>
      <c r="C135760" s="14" t="s">
        <v>596</v>
      </c>
      <c r="D135760" s="14" t="s">
        <v>434</v>
      </c>
      <c r="E135760" s="15">
        <v>45721</v>
      </c>
      <c r="F135760" s="14" t="s">
        <v>61</v>
      </c>
      <c r="G135760" s="16">
        <v>0</v>
      </c>
    </row>
    <row r="135761" spans="1:7" x14ac:dyDescent="0.3">
      <c r="A135761" s="13" t="s">
        <v>609</v>
      </c>
      <c r="B135761" s="14" t="s">
        <v>1</v>
      </c>
      <c r="C135761" s="14" t="s">
        <v>596</v>
      </c>
      <c r="D135761" s="14" t="s">
        <v>434</v>
      </c>
      <c r="E135761" s="15">
        <v>45722</v>
      </c>
      <c r="F135761" s="14" t="s">
        <v>61</v>
      </c>
      <c r="G135761" s="16">
        <v>0</v>
      </c>
    </row>
    <row r="135762" spans="1:7" x14ac:dyDescent="0.3">
      <c r="A135762" s="13" t="s">
        <v>609</v>
      </c>
      <c r="B135762" s="14" t="s">
        <v>1</v>
      </c>
      <c r="C135762" s="14" t="s">
        <v>596</v>
      </c>
      <c r="D135762" s="14" t="s">
        <v>434</v>
      </c>
      <c r="E135762" s="15">
        <v>45723</v>
      </c>
      <c r="F135762" s="14" t="s">
        <v>61</v>
      </c>
      <c r="G135762" s="16">
        <v>0</v>
      </c>
    </row>
    <row r="135763" spans="1:7" x14ac:dyDescent="0.3">
      <c r="A135763" s="13" t="s">
        <v>609</v>
      </c>
      <c r="B135763" s="14" t="s">
        <v>1</v>
      </c>
      <c r="C135763" s="14" t="s">
        <v>596</v>
      </c>
      <c r="D135763" s="14" t="s">
        <v>434</v>
      </c>
      <c r="E135763" s="15">
        <v>45724</v>
      </c>
      <c r="F135763" s="14" t="s">
        <v>61</v>
      </c>
      <c r="G135763" s="16">
        <v>0</v>
      </c>
    </row>
    <row r="135764" spans="1:7" x14ac:dyDescent="0.3">
      <c r="A135764" s="13" t="s">
        <v>609</v>
      </c>
      <c r="B135764" s="14" t="s">
        <v>1</v>
      </c>
      <c r="C135764" s="14" t="s">
        <v>596</v>
      </c>
      <c r="D135764" s="14" t="s">
        <v>434</v>
      </c>
      <c r="E135764" s="15">
        <v>45725</v>
      </c>
      <c r="F135764" s="14" t="s">
        <v>61</v>
      </c>
      <c r="G135764" s="16">
        <v>0</v>
      </c>
    </row>
    <row r="135765" spans="1:7" x14ac:dyDescent="0.3">
      <c r="A135765" s="13" t="s">
        <v>609</v>
      </c>
      <c r="B135765" s="14" t="s">
        <v>1</v>
      </c>
      <c r="C135765" s="14" t="s">
        <v>596</v>
      </c>
      <c r="D135765" s="14" t="s">
        <v>434</v>
      </c>
      <c r="E135765" s="15">
        <v>45726</v>
      </c>
      <c r="F135765" s="14" t="s">
        <v>61</v>
      </c>
      <c r="G135765" s="16">
        <v>0</v>
      </c>
    </row>
    <row r="135766" spans="1:7" x14ac:dyDescent="0.3">
      <c r="A135766" s="13" t="s">
        <v>609</v>
      </c>
      <c r="B135766" s="14" t="s">
        <v>1</v>
      </c>
      <c r="C135766" s="14" t="s">
        <v>596</v>
      </c>
      <c r="D135766" s="14" t="s">
        <v>434</v>
      </c>
      <c r="E135766" s="15">
        <v>45727</v>
      </c>
      <c r="F135766" s="14" t="s">
        <v>61</v>
      </c>
      <c r="G135766" s="16">
        <v>0</v>
      </c>
    </row>
    <row r="135767" spans="1:7" x14ac:dyDescent="0.3">
      <c r="A135767" s="13" t="s">
        <v>609</v>
      </c>
      <c r="B135767" s="14" t="s">
        <v>1</v>
      </c>
      <c r="C135767" s="14" t="s">
        <v>596</v>
      </c>
      <c r="D135767" s="14" t="s">
        <v>434</v>
      </c>
      <c r="E135767" s="15">
        <v>45728</v>
      </c>
      <c r="F135767" s="14" t="s">
        <v>61</v>
      </c>
      <c r="G135767" s="16">
        <v>0</v>
      </c>
    </row>
    <row r="135768" spans="1:7" x14ac:dyDescent="0.3">
      <c r="A135768" s="13" t="s">
        <v>609</v>
      </c>
      <c r="B135768" s="14" t="s">
        <v>1</v>
      </c>
      <c r="C135768" s="14" t="s">
        <v>596</v>
      </c>
      <c r="D135768" s="14" t="s">
        <v>434</v>
      </c>
      <c r="E135768" s="15">
        <v>45729</v>
      </c>
      <c r="F135768" s="14" t="s">
        <v>61</v>
      </c>
      <c r="G135768" s="16">
        <v>0</v>
      </c>
    </row>
    <row r="135769" spans="1:7" x14ac:dyDescent="0.3">
      <c r="A135769" s="13" t="s">
        <v>609</v>
      </c>
      <c r="B135769" s="14" t="s">
        <v>1</v>
      </c>
      <c r="C135769" s="14" t="s">
        <v>596</v>
      </c>
      <c r="D135769" s="14" t="s">
        <v>434</v>
      </c>
      <c r="E135769" s="15">
        <v>45730</v>
      </c>
      <c r="F135769" s="14" t="s">
        <v>61</v>
      </c>
      <c r="G135769" s="16">
        <v>0</v>
      </c>
    </row>
    <row r="135770" spans="1:7" x14ac:dyDescent="0.3">
      <c r="A135770" s="13" t="s">
        <v>609</v>
      </c>
      <c r="B135770" s="14" t="s">
        <v>1</v>
      </c>
      <c r="C135770" s="14" t="s">
        <v>596</v>
      </c>
      <c r="D135770" s="14" t="s">
        <v>434</v>
      </c>
      <c r="E135770" s="15">
        <v>45731</v>
      </c>
      <c r="F135770" s="14" t="s">
        <v>61</v>
      </c>
      <c r="G135770" s="16">
        <v>0</v>
      </c>
    </row>
    <row r="135771" spans="1:7" x14ac:dyDescent="0.3">
      <c r="A135771" s="13" t="s">
        <v>609</v>
      </c>
      <c r="B135771" s="14" t="s">
        <v>1</v>
      </c>
      <c r="C135771" s="14" t="s">
        <v>596</v>
      </c>
      <c r="D135771" s="14" t="s">
        <v>434</v>
      </c>
      <c r="E135771" s="15">
        <v>45732</v>
      </c>
      <c r="F135771" s="14" t="s">
        <v>61</v>
      </c>
      <c r="G135771" s="16">
        <v>0</v>
      </c>
    </row>
    <row r="135772" spans="1:7" x14ac:dyDescent="0.3">
      <c r="A135772" s="13" t="s">
        <v>609</v>
      </c>
      <c r="B135772" s="14" t="s">
        <v>1</v>
      </c>
      <c r="C135772" s="14" t="s">
        <v>596</v>
      </c>
      <c r="D135772" s="14" t="s">
        <v>434</v>
      </c>
      <c r="E135772" s="15">
        <v>45733</v>
      </c>
      <c r="F135772" s="14" t="s">
        <v>61</v>
      </c>
      <c r="G135772" s="16">
        <v>0</v>
      </c>
    </row>
    <row r="135773" spans="1:7" x14ac:dyDescent="0.3">
      <c r="A135773" s="13" t="s">
        <v>609</v>
      </c>
      <c r="B135773" s="14" t="s">
        <v>1</v>
      </c>
      <c r="C135773" s="14" t="s">
        <v>596</v>
      </c>
      <c r="D135773" s="14" t="s">
        <v>434</v>
      </c>
      <c r="E135773" s="15">
        <v>45734</v>
      </c>
      <c r="F135773" s="14" t="s">
        <v>61</v>
      </c>
      <c r="G135773" s="16">
        <v>0</v>
      </c>
    </row>
    <row r="135774" spans="1:7" x14ac:dyDescent="0.3">
      <c r="A135774" s="13" t="s">
        <v>609</v>
      </c>
      <c r="B135774" s="14" t="s">
        <v>1</v>
      </c>
      <c r="C135774" s="14" t="s">
        <v>596</v>
      </c>
      <c r="D135774" s="14" t="s">
        <v>434</v>
      </c>
      <c r="E135774" s="15">
        <v>45735</v>
      </c>
      <c r="F135774" s="14" t="s">
        <v>61</v>
      </c>
      <c r="G135774" s="16">
        <v>0</v>
      </c>
    </row>
    <row r="135775" spans="1:7" x14ac:dyDescent="0.3">
      <c r="A135775" s="13" t="s">
        <v>609</v>
      </c>
      <c r="B135775" s="14" t="s">
        <v>1</v>
      </c>
      <c r="C135775" s="14" t="s">
        <v>596</v>
      </c>
      <c r="D135775" s="14" t="s">
        <v>434</v>
      </c>
      <c r="E135775" s="15">
        <v>45736</v>
      </c>
      <c r="F135775" s="14" t="s">
        <v>61</v>
      </c>
      <c r="G135775" s="16">
        <v>0</v>
      </c>
    </row>
    <row r="135776" spans="1:7" x14ac:dyDescent="0.3">
      <c r="A135776" s="13" t="s">
        <v>609</v>
      </c>
      <c r="B135776" s="14" t="s">
        <v>1</v>
      </c>
      <c r="C135776" s="14" t="s">
        <v>596</v>
      </c>
      <c r="D135776" s="14" t="s">
        <v>434</v>
      </c>
      <c r="E135776" s="15">
        <v>45737</v>
      </c>
      <c r="F135776" s="14" t="s">
        <v>61</v>
      </c>
      <c r="G135776" s="16">
        <v>0</v>
      </c>
    </row>
    <row r="135777" spans="1:7" x14ac:dyDescent="0.3">
      <c r="A135777" s="13" t="s">
        <v>609</v>
      </c>
      <c r="B135777" s="14" t="s">
        <v>1</v>
      </c>
      <c r="C135777" s="14" t="s">
        <v>596</v>
      </c>
      <c r="D135777" s="14" t="s">
        <v>434</v>
      </c>
      <c r="E135777" s="15">
        <v>45738</v>
      </c>
      <c r="F135777" s="14" t="s">
        <v>61</v>
      </c>
      <c r="G135777" s="16">
        <v>0</v>
      </c>
    </row>
    <row r="135778" spans="1:7" x14ac:dyDescent="0.3">
      <c r="A135778" s="13" t="s">
        <v>609</v>
      </c>
      <c r="B135778" s="14" t="s">
        <v>1</v>
      </c>
      <c r="C135778" s="14" t="s">
        <v>596</v>
      </c>
      <c r="D135778" s="14" t="s">
        <v>434</v>
      </c>
      <c r="E135778" s="15">
        <v>45739</v>
      </c>
      <c r="F135778" s="14" t="s">
        <v>61</v>
      </c>
      <c r="G135778" s="16">
        <v>0</v>
      </c>
    </row>
    <row r="135779" spans="1:7" x14ac:dyDescent="0.3">
      <c r="A135779" s="13" t="s">
        <v>609</v>
      </c>
      <c r="B135779" s="14" t="s">
        <v>1</v>
      </c>
      <c r="C135779" s="14" t="s">
        <v>596</v>
      </c>
      <c r="D135779" s="14" t="s">
        <v>434</v>
      </c>
      <c r="E135779" s="15">
        <v>45740</v>
      </c>
      <c r="F135779" s="14" t="s">
        <v>61</v>
      </c>
      <c r="G135779" s="16">
        <v>0</v>
      </c>
    </row>
    <row r="135780" spans="1:7" x14ac:dyDescent="0.3">
      <c r="A135780" s="13" t="s">
        <v>609</v>
      </c>
      <c r="B135780" s="14" t="s">
        <v>1</v>
      </c>
      <c r="C135780" s="14" t="s">
        <v>596</v>
      </c>
      <c r="D135780" s="14" t="s">
        <v>434</v>
      </c>
      <c r="E135780" s="15">
        <v>45741</v>
      </c>
      <c r="F135780" s="14" t="s">
        <v>61</v>
      </c>
      <c r="G135780" s="16">
        <v>0</v>
      </c>
    </row>
    <row r="135781" spans="1:7" x14ac:dyDescent="0.3">
      <c r="A135781" s="13" t="s">
        <v>609</v>
      </c>
      <c r="B135781" s="14" t="s">
        <v>1</v>
      </c>
      <c r="C135781" s="14" t="s">
        <v>596</v>
      </c>
      <c r="D135781" s="14" t="s">
        <v>434</v>
      </c>
      <c r="E135781" s="15">
        <v>45742</v>
      </c>
      <c r="F135781" s="14" t="s">
        <v>61</v>
      </c>
      <c r="G135781" s="16">
        <v>0</v>
      </c>
    </row>
    <row r="135782" spans="1:7" x14ac:dyDescent="0.3">
      <c r="A135782" s="13" t="s">
        <v>609</v>
      </c>
      <c r="B135782" s="14" t="s">
        <v>1</v>
      </c>
      <c r="C135782" s="14" t="s">
        <v>596</v>
      </c>
      <c r="D135782" s="14" t="s">
        <v>434</v>
      </c>
      <c r="E135782" s="15">
        <v>45743</v>
      </c>
      <c r="F135782" s="14" t="s">
        <v>61</v>
      </c>
      <c r="G135782" s="16">
        <v>0</v>
      </c>
    </row>
    <row r="135783" spans="1:7" x14ac:dyDescent="0.3">
      <c r="A135783" s="13" t="s">
        <v>609</v>
      </c>
      <c r="B135783" s="14" t="s">
        <v>1</v>
      </c>
      <c r="C135783" s="14" t="s">
        <v>596</v>
      </c>
      <c r="D135783" s="14" t="s">
        <v>434</v>
      </c>
      <c r="E135783" s="15">
        <v>45744</v>
      </c>
      <c r="F135783" s="14" t="s">
        <v>61</v>
      </c>
      <c r="G135783" s="16">
        <v>0</v>
      </c>
    </row>
    <row r="135784" spans="1:7" x14ac:dyDescent="0.3">
      <c r="A135784" s="13" t="s">
        <v>609</v>
      </c>
      <c r="B135784" s="14" t="s">
        <v>1</v>
      </c>
      <c r="C135784" s="14" t="s">
        <v>596</v>
      </c>
      <c r="D135784" s="14" t="s">
        <v>434</v>
      </c>
      <c r="E135784" s="15">
        <v>45745</v>
      </c>
      <c r="F135784" s="14" t="s">
        <v>61</v>
      </c>
      <c r="G135784" s="16">
        <v>0</v>
      </c>
    </row>
    <row r="135785" spans="1:7" x14ac:dyDescent="0.3">
      <c r="A135785" s="13" t="s">
        <v>609</v>
      </c>
      <c r="B135785" s="14" t="s">
        <v>1</v>
      </c>
      <c r="C135785" s="14" t="s">
        <v>596</v>
      </c>
      <c r="D135785" s="14" t="s">
        <v>434</v>
      </c>
      <c r="E135785" s="15">
        <v>45746</v>
      </c>
      <c r="F135785" s="14" t="s">
        <v>61</v>
      </c>
      <c r="G135785" s="16">
        <v>0</v>
      </c>
    </row>
    <row r="135786" spans="1:7" x14ac:dyDescent="0.3">
      <c r="A135786" s="13" t="s">
        <v>609</v>
      </c>
      <c r="B135786" s="14" t="s">
        <v>1</v>
      </c>
      <c r="C135786" s="14" t="s">
        <v>596</v>
      </c>
      <c r="D135786" s="14" t="s">
        <v>434</v>
      </c>
      <c r="E135786" s="15">
        <v>45747</v>
      </c>
      <c r="F135786" s="14" t="s">
        <v>61</v>
      </c>
      <c r="G135786" s="16">
        <v>0</v>
      </c>
    </row>
    <row r="135787" spans="1:7" x14ac:dyDescent="0.3">
      <c r="A135787" s="13" t="s">
        <v>610</v>
      </c>
      <c r="B135787" s="14" t="s">
        <v>1</v>
      </c>
      <c r="C135787" s="14" t="s">
        <v>596</v>
      </c>
      <c r="D135787" s="14" t="s">
        <v>176</v>
      </c>
      <c r="E135787" s="15">
        <v>45383</v>
      </c>
      <c r="F135787" s="14" t="s">
        <v>61</v>
      </c>
      <c r="G135787" s="16">
        <v>0</v>
      </c>
    </row>
    <row r="135788" spans="1:7" x14ac:dyDescent="0.3">
      <c r="A135788" s="13" t="s">
        <v>610</v>
      </c>
      <c r="B135788" s="14" t="s">
        <v>1</v>
      </c>
      <c r="C135788" s="14" t="s">
        <v>596</v>
      </c>
      <c r="D135788" s="14" t="s">
        <v>176</v>
      </c>
      <c r="E135788" s="15">
        <v>45384</v>
      </c>
      <c r="F135788" s="14" t="s">
        <v>61</v>
      </c>
      <c r="G135788" s="16">
        <v>0</v>
      </c>
    </row>
    <row r="135789" spans="1:7" x14ac:dyDescent="0.3">
      <c r="A135789" s="13" t="s">
        <v>610</v>
      </c>
      <c r="B135789" s="14" t="s">
        <v>1</v>
      </c>
      <c r="C135789" s="14" t="s">
        <v>596</v>
      </c>
      <c r="D135789" s="14" t="s">
        <v>176</v>
      </c>
      <c r="E135789" s="15">
        <v>45385</v>
      </c>
      <c r="F135789" s="14" t="s">
        <v>61</v>
      </c>
      <c r="G135789" s="16">
        <v>0</v>
      </c>
    </row>
    <row r="135790" spans="1:7" x14ac:dyDescent="0.3">
      <c r="A135790" s="13" t="s">
        <v>610</v>
      </c>
      <c r="B135790" s="14" t="s">
        <v>1</v>
      </c>
      <c r="C135790" s="14" t="s">
        <v>596</v>
      </c>
      <c r="D135790" s="14" t="s">
        <v>176</v>
      </c>
      <c r="E135790" s="15">
        <v>45386</v>
      </c>
      <c r="F135790" s="14" t="s">
        <v>61</v>
      </c>
      <c r="G135790" s="16">
        <v>0</v>
      </c>
    </row>
    <row r="135791" spans="1:7" x14ac:dyDescent="0.3">
      <c r="A135791" s="13" t="s">
        <v>610</v>
      </c>
      <c r="B135791" s="14" t="s">
        <v>1</v>
      </c>
      <c r="C135791" s="14" t="s">
        <v>596</v>
      </c>
      <c r="D135791" s="14" t="s">
        <v>176</v>
      </c>
      <c r="E135791" s="15">
        <v>45387</v>
      </c>
      <c r="F135791" s="14" t="s">
        <v>61</v>
      </c>
      <c r="G135791" s="16">
        <v>0</v>
      </c>
    </row>
    <row r="135792" spans="1:7" x14ac:dyDescent="0.3">
      <c r="A135792" s="13" t="s">
        <v>610</v>
      </c>
      <c r="B135792" s="14" t="s">
        <v>1</v>
      </c>
      <c r="C135792" s="14" t="s">
        <v>596</v>
      </c>
      <c r="D135792" s="14" t="s">
        <v>176</v>
      </c>
      <c r="E135792" s="15">
        <v>45388</v>
      </c>
      <c r="F135792" s="14" t="s">
        <v>61</v>
      </c>
      <c r="G135792" s="16">
        <v>0</v>
      </c>
    </row>
    <row r="135793" spans="1:7" x14ac:dyDescent="0.3">
      <c r="A135793" s="13" t="s">
        <v>610</v>
      </c>
      <c r="B135793" s="14" t="s">
        <v>1</v>
      </c>
      <c r="C135793" s="14" t="s">
        <v>596</v>
      </c>
      <c r="D135793" s="14" t="s">
        <v>176</v>
      </c>
      <c r="E135793" s="15">
        <v>45389</v>
      </c>
      <c r="F135793" s="14" t="s">
        <v>61</v>
      </c>
      <c r="G135793" s="16">
        <v>0</v>
      </c>
    </row>
    <row r="135794" spans="1:7" x14ac:dyDescent="0.3">
      <c r="A135794" s="13" t="s">
        <v>610</v>
      </c>
      <c r="B135794" s="14" t="s">
        <v>1</v>
      </c>
      <c r="C135794" s="14" t="s">
        <v>596</v>
      </c>
      <c r="D135794" s="14" t="s">
        <v>176</v>
      </c>
      <c r="E135794" s="15">
        <v>45390</v>
      </c>
      <c r="F135794" s="14" t="s">
        <v>61</v>
      </c>
      <c r="G135794" s="16">
        <v>0</v>
      </c>
    </row>
    <row r="135795" spans="1:7" x14ac:dyDescent="0.3">
      <c r="A135795" s="13" t="s">
        <v>610</v>
      </c>
      <c r="B135795" s="14" t="s">
        <v>1</v>
      </c>
      <c r="C135795" s="14" t="s">
        <v>596</v>
      </c>
      <c r="D135795" s="14" t="s">
        <v>176</v>
      </c>
      <c r="E135795" s="15">
        <v>45391</v>
      </c>
      <c r="F135795" s="14" t="s">
        <v>61</v>
      </c>
      <c r="G135795" s="16">
        <v>0</v>
      </c>
    </row>
    <row r="135796" spans="1:7" x14ac:dyDescent="0.3">
      <c r="A135796" s="13" t="s">
        <v>610</v>
      </c>
      <c r="B135796" s="14" t="s">
        <v>1</v>
      </c>
      <c r="C135796" s="14" t="s">
        <v>596</v>
      </c>
      <c r="D135796" s="14" t="s">
        <v>176</v>
      </c>
      <c r="E135796" s="15">
        <v>45392</v>
      </c>
      <c r="F135796" s="14" t="s">
        <v>61</v>
      </c>
      <c r="G135796" s="16">
        <v>0</v>
      </c>
    </row>
    <row r="135797" spans="1:7" x14ac:dyDescent="0.3">
      <c r="A135797" s="13" t="s">
        <v>610</v>
      </c>
      <c r="B135797" s="14" t="s">
        <v>1</v>
      </c>
      <c r="C135797" s="14" t="s">
        <v>596</v>
      </c>
      <c r="D135797" s="14" t="s">
        <v>176</v>
      </c>
      <c r="E135797" s="15">
        <v>45393</v>
      </c>
      <c r="F135797" s="14" t="s">
        <v>61</v>
      </c>
      <c r="G135797" s="16">
        <v>0</v>
      </c>
    </row>
    <row r="135798" spans="1:7" x14ac:dyDescent="0.3">
      <c r="A135798" s="13" t="s">
        <v>610</v>
      </c>
      <c r="B135798" s="14" t="s">
        <v>1</v>
      </c>
      <c r="C135798" s="14" t="s">
        <v>596</v>
      </c>
      <c r="D135798" s="14" t="s">
        <v>176</v>
      </c>
      <c r="E135798" s="15">
        <v>45394</v>
      </c>
      <c r="F135798" s="14" t="s">
        <v>61</v>
      </c>
      <c r="G135798" s="16">
        <v>0</v>
      </c>
    </row>
    <row r="135799" spans="1:7" x14ac:dyDescent="0.3">
      <c r="A135799" s="13" t="s">
        <v>610</v>
      </c>
      <c r="B135799" s="14" t="s">
        <v>1</v>
      </c>
      <c r="C135799" s="14" t="s">
        <v>596</v>
      </c>
      <c r="D135799" s="14" t="s">
        <v>176</v>
      </c>
      <c r="E135799" s="15">
        <v>45395</v>
      </c>
      <c r="F135799" s="14" t="s">
        <v>61</v>
      </c>
      <c r="G135799" s="16">
        <v>0</v>
      </c>
    </row>
    <row r="135800" spans="1:7" x14ac:dyDescent="0.3">
      <c r="A135800" s="13" t="s">
        <v>610</v>
      </c>
      <c r="B135800" s="14" t="s">
        <v>1</v>
      </c>
      <c r="C135800" s="14" t="s">
        <v>596</v>
      </c>
      <c r="D135800" s="14" t="s">
        <v>176</v>
      </c>
      <c r="E135800" s="15">
        <v>45396</v>
      </c>
      <c r="F135800" s="14" t="s">
        <v>61</v>
      </c>
      <c r="G135800" s="16">
        <v>0</v>
      </c>
    </row>
    <row r="135801" spans="1:7" x14ac:dyDescent="0.3">
      <c r="A135801" s="13" t="s">
        <v>610</v>
      </c>
      <c r="B135801" s="14" t="s">
        <v>1</v>
      </c>
      <c r="C135801" s="14" t="s">
        <v>596</v>
      </c>
      <c r="D135801" s="14" t="s">
        <v>176</v>
      </c>
      <c r="E135801" s="15">
        <v>45397</v>
      </c>
      <c r="F135801" s="14" t="s">
        <v>61</v>
      </c>
      <c r="G135801" s="16">
        <v>0</v>
      </c>
    </row>
    <row r="135802" spans="1:7" x14ac:dyDescent="0.3">
      <c r="A135802" s="13" t="s">
        <v>610</v>
      </c>
      <c r="B135802" s="14" t="s">
        <v>1</v>
      </c>
      <c r="C135802" s="14" t="s">
        <v>596</v>
      </c>
      <c r="D135802" s="14" t="s">
        <v>176</v>
      </c>
      <c r="E135802" s="15">
        <v>45398</v>
      </c>
      <c r="F135802" s="14" t="s">
        <v>61</v>
      </c>
      <c r="G135802" s="16">
        <v>0</v>
      </c>
    </row>
    <row r="135803" spans="1:7" x14ac:dyDescent="0.3">
      <c r="A135803" s="13" t="s">
        <v>610</v>
      </c>
      <c r="B135803" s="14" t="s">
        <v>1</v>
      </c>
      <c r="C135803" s="14" t="s">
        <v>596</v>
      </c>
      <c r="D135803" s="14" t="s">
        <v>176</v>
      </c>
      <c r="E135803" s="15">
        <v>45399</v>
      </c>
      <c r="F135803" s="14" t="s">
        <v>61</v>
      </c>
      <c r="G135803" s="16">
        <v>0</v>
      </c>
    </row>
    <row r="135804" spans="1:7" x14ac:dyDescent="0.3">
      <c r="A135804" s="13" t="s">
        <v>610</v>
      </c>
      <c r="B135804" s="14" t="s">
        <v>1</v>
      </c>
      <c r="C135804" s="14" t="s">
        <v>596</v>
      </c>
      <c r="D135804" s="14" t="s">
        <v>176</v>
      </c>
      <c r="E135804" s="15">
        <v>45400</v>
      </c>
      <c r="F135804" s="14" t="s">
        <v>61</v>
      </c>
      <c r="G135804" s="16">
        <v>0</v>
      </c>
    </row>
    <row r="135805" spans="1:7" x14ac:dyDescent="0.3">
      <c r="A135805" s="13" t="s">
        <v>610</v>
      </c>
      <c r="B135805" s="14" t="s">
        <v>1</v>
      </c>
      <c r="C135805" s="14" t="s">
        <v>596</v>
      </c>
      <c r="D135805" s="14" t="s">
        <v>176</v>
      </c>
      <c r="E135805" s="15">
        <v>45401</v>
      </c>
      <c r="F135805" s="14" t="s">
        <v>61</v>
      </c>
      <c r="G135805" s="16">
        <v>0</v>
      </c>
    </row>
    <row r="135806" spans="1:7" x14ac:dyDescent="0.3">
      <c r="A135806" s="13" t="s">
        <v>610</v>
      </c>
      <c r="B135806" s="14" t="s">
        <v>1</v>
      </c>
      <c r="C135806" s="14" t="s">
        <v>596</v>
      </c>
      <c r="D135806" s="14" t="s">
        <v>176</v>
      </c>
      <c r="E135806" s="15">
        <v>45402</v>
      </c>
      <c r="F135806" s="14" t="s">
        <v>61</v>
      </c>
      <c r="G135806" s="16">
        <v>0</v>
      </c>
    </row>
    <row r="135807" spans="1:7" x14ac:dyDescent="0.3">
      <c r="A135807" s="13" t="s">
        <v>610</v>
      </c>
      <c r="B135807" s="14" t="s">
        <v>1</v>
      </c>
      <c r="C135807" s="14" t="s">
        <v>596</v>
      </c>
      <c r="D135807" s="14" t="s">
        <v>176</v>
      </c>
      <c r="E135807" s="15">
        <v>45403</v>
      </c>
      <c r="F135807" s="14" t="s">
        <v>61</v>
      </c>
      <c r="G135807" s="16">
        <v>0</v>
      </c>
    </row>
    <row r="135808" spans="1:7" x14ac:dyDescent="0.3">
      <c r="A135808" s="13" t="s">
        <v>610</v>
      </c>
      <c r="B135808" s="14" t="s">
        <v>1</v>
      </c>
      <c r="C135808" s="14" t="s">
        <v>596</v>
      </c>
      <c r="D135808" s="14" t="s">
        <v>176</v>
      </c>
      <c r="E135808" s="15">
        <v>45404</v>
      </c>
      <c r="F135808" s="14" t="s">
        <v>61</v>
      </c>
      <c r="G135808" s="16">
        <v>0</v>
      </c>
    </row>
    <row r="135809" spans="1:7" x14ac:dyDescent="0.3">
      <c r="A135809" s="13" t="s">
        <v>610</v>
      </c>
      <c r="B135809" s="14" t="s">
        <v>1</v>
      </c>
      <c r="C135809" s="14" t="s">
        <v>596</v>
      </c>
      <c r="D135809" s="14" t="s">
        <v>176</v>
      </c>
      <c r="E135809" s="15">
        <v>45405</v>
      </c>
      <c r="F135809" s="14" t="s">
        <v>61</v>
      </c>
      <c r="G135809" s="16">
        <v>0</v>
      </c>
    </row>
    <row r="135810" spans="1:7" x14ac:dyDescent="0.3">
      <c r="A135810" s="13" t="s">
        <v>610</v>
      </c>
      <c r="B135810" s="14" t="s">
        <v>1</v>
      </c>
      <c r="C135810" s="14" t="s">
        <v>596</v>
      </c>
      <c r="D135810" s="14" t="s">
        <v>176</v>
      </c>
      <c r="E135810" s="15">
        <v>45406</v>
      </c>
      <c r="F135810" s="14" t="s">
        <v>61</v>
      </c>
      <c r="G135810" s="16">
        <v>0</v>
      </c>
    </row>
    <row r="135811" spans="1:7" x14ac:dyDescent="0.3">
      <c r="A135811" s="13" t="s">
        <v>610</v>
      </c>
      <c r="B135811" s="14" t="s">
        <v>1</v>
      </c>
      <c r="C135811" s="14" t="s">
        <v>596</v>
      </c>
      <c r="D135811" s="14" t="s">
        <v>176</v>
      </c>
      <c r="E135811" s="15">
        <v>45407</v>
      </c>
      <c r="F135811" s="14" t="s">
        <v>61</v>
      </c>
      <c r="G135811" s="16">
        <v>0</v>
      </c>
    </row>
    <row r="135812" spans="1:7" x14ac:dyDescent="0.3">
      <c r="A135812" s="13" t="s">
        <v>610</v>
      </c>
      <c r="B135812" s="14" t="s">
        <v>1</v>
      </c>
      <c r="C135812" s="14" t="s">
        <v>596</v>
      </c>
      <c r="D135812" s="14" t="s">
        <v>176</v>
      </c>
      <c r="E135812" s="15">
        <v>45408</v>
      </c>
      <c r="F135812" s="14" t="s">
        <v>61</v>
      </c>
      <c r="G135812" s="16">
        <v>0</v>
      </c>
    </row>
    <row r="135813" spans="1:7" x14ac:dyDescent="0.3">
      <c r="A135813" s="13" t="s">
        <v>610</v>
      </c>
      <c r="B135813" s="14" t="s">
        <v>1</v>
      </c>
      <c r="C135813" s="14" t="s">
        <v>596</v>
      </c>
      <c r="D135813" s="14" t="s">
        <v>176</v>
      </c>
      <c r="E135813" s="15">
        <v>45409</v>
      </c>
      <c r="F135813" s="14" t="s">
        <v>61</v>
      </c>
      <c r="G135813" s="16">
        <v>0</v>
      </c>
    </row>
    <row r="135814" spans="1:7" x14ac:dyDescent="0.3">
      <c r="A135814" s="13" t="s">
        <v>610</v>
      </c>
      <c r="B135814" s="14" t="s">
        <v>1</v>
      </c>
      <c r="C135814" s="14" t="s">
        <v>596</v>
      </c>
      <c r="D135814" s="14" t="s">
        <v>176</v>
      </c>
      <c r="E135814" s="15">
        <v>45410</v>
      </c>
      <c r="F135814" s="14" t="s">
        <v>61</v>
      </c>
      <c r="G135814" s="16">
        <v>0</v>
      </c>
    </row>
    <row r="135815" spans="1:7" x14ac:dyDescent="0.3">
      <c r="A135815" s="13" t="s">
        <v>610</v>
      </c>
      <c r="B135815" s="14" t="s">
        <v>1</v>
      </c>
      <c r="C135815" s="14" t="s">
        <v>596</v>
      </c>
      <c r="D135815" s="14" t="s">
        <v>176</v>
      </c>
      <c r="E135815" s="15">
        <v>45411</v>
      </c>
      <c r="F135815" s="14" t="s">
        <v>61</v>
      </c>
      <c r="G135815" s="16">
        <v>0</v>
      </c>
    </row>
    <row r="135816" spans="1:7" x14ac:dyDescent="0.3">
      <c r="A135816" s="13" t="s">
        <v>610</v>
      </c>
      <c r="B135816" s="14" t="s">
        <v>1</v>
      </c>
      <c r="C135816" s="14" t="s">
        <v>596</v>
      </c>
      <c r="D135816" s="14" t="s">
        <v>176</v>
      </c>
      <c r="E135816" s="15">
        <v>45412</v>
      </c>
      <c r="F135816" s="14" t="s">
        <v>61</v>
      </c>
      <c r="G135816" s="16">
        <v>0</v>
      </c>
    </row>
    <row r="135817" spans="1:7" x14ac:dyDescent="0.3">
      <c r="A135817" s="13" t="s">
        <v>610</v>
      </c>
      <c r="B135817" s="14" t="s">
        <v>1</v>
      </c>
      <c r="C135817" s="14" t="s">
        <v>596</v>
      </c>
      <c r="D135817" s="14" t="s">
        <v>176</v>
      </c>
      <c r="E135817" s="15">
        <v>45413</v>
      </c>
      <c r="F135817" s="14" t="s">
        <v>61</v>
      </c>
      <c r="G135817" s="16">
        <v>0</v>
      </c>
    </row>
    <row r="135818" spans="1:7" x14ac:dyDescent="0.3">
      <c r="A135818" s="13" t="s">
        <v>610</v>
      </c>
      <c r="B135818" s="14" t="s">
        <v>1</v>
      </c>
      <c r="C135818" s="14" t="s">
        <v>596</v>
      </c>
      <c r="D135818" s="14" t="s">
        <v>176</v>
      </c>
      <c r="E135818" s="15">
        <v>45414</v>
      </c>
      <c r="F135818" s="14" t="s">
        <v>61</v>
      </c>
      <c r="G135818" s="16">
        <v>0</v>
      </c>
    </row>
    <row r="135819" spans="1:7" x14ac:dyDescent="0.3">
      <c r="A135819" s="13" t="s">
        <v>610</v>
      </c>
      <c r="B135819" s="14" t="s">
        <v>1</v>
      </c>
      <c r="C135819" s="14" t="s">
        <v>596</v>
      </c>
      <c r="D135819" s="14" t="s">
        <v>176</v>
      </c>
      <c r="E135819" s="15">
        <v>45415</v>
      </c>
      <c r="F135819" s="14" t="s">
        <v>61</v>
      </c>
      <c r="G135819" s="16">
        <v>0</v>
      </c>
    </row>
    <row r="135820" spans="1:7" x14ac:dyDescent="0.3">
      <c r="A135820" s="13" t="s">
        <v>610</v>
      </c>
      <c r="B135820" s="14" t="s">
        <v>1</v>
      </c>
      <c r="C135820" s="14" t="s">
        <v>596</v>
      </c>
      <c r="D135820" s="14" t="s">
        <v>176</v>
      </c>
      <c r="E135820" s="15">
        <v>45416</v>
      </c>
      <c r="F135820" s="14" t="s">
        <v>61</v>
      </c>
      <c r="G135820" s="16">
        <v>0</v>
      </c>
    </row>
    <row r="135821" spans="1:7" x14ac:dyDescent="0.3">
      <c r="A135821" s="13" t="s">
        <v>610</v>
      </c>
      <c r="B135821" s="14" t="s">
        <v>1</v>
      </c>
      <c r="C135821" s="14" t="s">
        <v>596</v>
      </c>
      <c r="D135821" s="14" t="s">
        <v>176</v>
      </c>
      <c r="E135821" s="15">
        <v>45417</v>
      </c>
      <c r="F135821" s="14" t="s">
        <v>61</v>
      </c>
      <c r="G135821" s="16">
        <v>0</v>
      </c>
    </row>
    <row r="135822" spans="1:7" x14ac:dyDescent="0.3">
      <c r="A135822" s="13" t="s">
        <v>610</v>
      </c>
      <c r="B135822" s="14" t="s">
        <v>1</v>
      </c>
      <c r="C135822" s="14" t="s">
        <v>596</v>
      </c>
      <c r="D135822" s="14" t="s">
        <v>176</v>
      </c>
      <c r="E135822" s="15">
        <v>45418</v>
      </c>
      <c r="F135822" s="14" t="s">
        <v>61</v>
      </c>
      <c r="G135822" s="16">
        <v>0</v>
      </c>
    </row>
    <row r="135823" spans="1:7" x14ac:dyDescent="0.3">
      <c r="A135823" s="13" t="s">
        <v>610</v>
      </c>
      <c r="B135823" s="14" t="s">
        <v>1</v>
      </c>
      <c r="C135823" s="14" t="s">
        <v>596</v>
      </c>
      <c r="D135823" s="14" t="s">
        <v>176</v>
      </c>
      <c r="E135823" s="15">
        <v>45419</v>
      </c>
      <c r="F135823" s="14" t="s">
        <v>61</v>
      </c>
      <c r="G135823" s="16">
        <v>0</v>
      </c>
    </row>
    <row r="135824" spans="1:7" x14ac:dyDescent="0.3">
      <c r="A135824" s="13" t="s">
        <v>610</v>
      </c>
      <c r="B135824" s="14" t="s">
        <v>1</v>
      </c>
      <c r="C135824" s="14" t="s">
        <v>596</v>
      </c>
      <c r="D135824" s="14" t="s">
        <v>176</v>
      </c>
      <c r="E135824" s="15">
        <v>45420</v>
      </c>
      <c r="F135824" s="14" t="s">
        <v>61</v>
      </c>
      <c r="G135824" s="16">
        <v>0</v>
      </c>
    </row>
    <row r="135825" spans="1:7" x14ac:dyDescent="0.3">
      <c r="A135825" s="13" t="s">
        <v>610</v>
      </c>
      <c r="B135825" s="14" t="s">
        <v>1</v>
      </c>
      <c r="C135825" s="14" t="s">
        <v>596</v>
      </c>
      <c r="D135825" s="14" t="s">
        <v>176</v>
      </c>
      <c r="E135825" s="15">
        <v>45421</v>
      </c>
      <c r="F135825" s="14" t="s">
        <v>61</v>
      </c>
      <c r="G135825" s="16">
        <v>0</v>
      </c>
    </row>
    <row r="135826" spans="1:7" x14ac:dyDescent="0.3">
      <c r="A135826" s="13" t="s">
        <v>610</v>
      </c>
      <c r="B135826" s="14" t="s">
        <v>1</v>
      </c>
      <c r="C135826" s="14" t="s">
        <v>596</v>
      </c>
      <c r="D135826" s="14" t="s">
        <v>176</v>
      </c>
      <c r="E135826" s="15">
        <v>45422</v>
      </c>
      <c r="F135826" s="14" t="s">
        <v>61</v>
      </c>
      <c r="G135826" s="16">
        <v>0</v>
      </c>
    </row>
    <row r="135827" spans="1:7" x14ac:dyDescent="0.3">
      <c r="A135827" s="13" t="s">
        <v>610</v>
      </c>
      <c r="B135827" s="14" t="s">
        <v>1</v>
      </c>
      <c r="C135827" s="14" t="s">
        <v>596</v>
      </c>
      <c r="D135827" s="14" t="s">
        <v>176</v>
      </c>
      <c r="E135827" s="15">
        <v>45423</v>
      </c>
      <c r="F135827" s="14" t="s">
        <v>61</v>
      </c>
      <c r="G135827" s="16">
        <v>0</v>
      </c>
    </row>
    <row r="135828" spans="1:7" x14ac:dyDescent="0.3">
      <c r="A135828" s="13" t="s">
        <v>610</v>
      </c>
      <c r="B135828" s="14" t="s">
        <v>1</v>
      </c>
      <c r="C135828" s="14" t="s">
        <v>596</v>
      </c>
      <c r="D135828" s="14" t="s">
        <v>176</v>
      </c>
      <c r="E135828" s="15">
        <v>45424</v>
      </c>
      <c r="F135828" s="14" t="s">
        <v>61</v>
      </c>
      <c r="G135828" s="16">
        <v>0</v>
      </c>
    </row>
    <row r="135829" spans="1:7" x14ac:dyDescent="0.3">
      <c r="A135829" s="13" t="s">
        <v>610</v>
      </c>
      <c r="B135829" s="14" t="s">
        <v>1</v>
      </c>
      <c r="C135829" s="14" t="s">
        <v>596</v>
      </c>
      <c r="D135829" s="14" t="s">
        <v>176</v>
      </c>
      <c r="E135829" s="15">
        <v>45425</v>
      </c>
      <c r="F135829" s="14" t="s">
        <v>61</v>
      </c>
      <c r="G135829" s="16">
        <v>0</v>
      </c>
    </row>
    <row r="135830" spans="1:7" x14ac:dyDescent="0.3">
      <c r="A135830" s="13" t="s">
        <v>610</v>
      </c>
      <c r="B135830" s="14" t="s">
        <v>1</v>
      </c>
      <c r="C135830" s="14" t="s">
        <v>596</v>
      </c>
      <c r="D135830" s="14" t="s">
        <v>176</v>
      </c>
      <c r="E135830" s="15">
        <v>45426</v>
      </c>
      <c r="F135830" s="14" t="s">
        <v>61</v>
      </c>
      <c r="G135830" s="16">
        <v>0</v>
      </c>
    </row>
    <row r="135831" spans="1:7" x14ac:dyDescent="0.3">
      <c r="A135831" s="13" t="s">
        <v>610</v>
      </c>
      <c r="B135831" s="14" t="s">
        <v>1</v>
      </c>
      <c r="C135831" s="14" t="s">
        <v>596</v>
      </c>
      <c r="D135831" s="14" t="s">
        <v>176</v>
      </c>
      <c r="E135831" s="15">
        <v>45427</v>
      </c>
      <c r="F135831" s="14" t="s">
        <v>61</v>
      </c>
      <c r="G135831" s="16">
        <v>0</v>
      </c>
    </row>
    <row r="135832" spans="1:7" x14ac:dyDescent="0.3">
      <c r="A135832" s="13" t="s">
        <v>610</v>
      </c>
      <c r="B135832" s="14" t="s">
        <v>1</v>
      </c>
      <c r="C135832" s="14" t="s">
        <v>596</v>
      </c>
      <c r="D135832" s="14" t="s">
        <v>176</v>
      </c>
      <c r="E135832" s="15">
        <v>45428</v>
      </c>
      <c r="F135832" s="14" t="s">
        <v>61</v>
      </c>
      <c r="G135832" s="16">
        <v>0</v>
      </c>
    </row>
    <row r="135833" spans="1:7" x14ac:dyDescent="0.3">
      <c r="A135833" s="13" t="s">
        <v>610</v>
      </c>
      <c r="B135833" s="14" t="s">
        <v>1</v>
      </c>
      <c r="C135833" s="14" t="s">
        <v>596</v>
      </c>
      <c r="D135833" s="14" t="s">
        <v>176</v>
      </c>
      <c r="E135833" s="15">
        <v>45429</v>
      </c>
      <c r="F135833" s="14" t="s">
        <v>61</v>
      </c>
      <c r="G135833" s="16">
        <v>0</v>
      </c>
    </row>
    <row r="135834" spans="1:7" x14ac:dyDescent="0.3">
      <c r="A135834" s="13" t="s">
        <v>610</v>
      </c>
      <c r="B135834" s="14" t="s">
        <v>1</v>
      </c>
      <c r="C135834" s="14" t="s">
        <v>596</v>
      </c>
      <c r="D135834" s="14" t="s">
        <v>176</v>
      </c>
      <c r="E135834" s="15">
        <v>45430</v>
      </c>
      <c r="F135834" s="14" t="s">
        <v>61</v>
      </c>
      <c r="G135834" s="16">
        <v>0</v>
      </c>
    </row>
    <row r="135835" spans="1:7" x14ac:dyDescent="0.3">
      <c r="A135835" s="13" t="s">
        <v>610</v>
      </c>
      <c r="B135835" s="14" t="s">
        <v>1</v>
      </c>
      <c r="C135835" s="14" t="s">
        <v>596</v>
      </c>
      <c r="D135835" s="14" t="s">
        <v>176</v>
      </c>
      <c r="E135835" s="15">
        <v>45431</v>
      </c>
      <c r="F135835" s="14" t="s">
        <v>61</v>
      </c>
      <c r="G135835" s="16">
        <v>0</v>
      </c>
    </row>
    <row r="135836" spans="1:7" x14ac:dyDescent="0.3">
      <c r="A135836" s="13" t="s">
        <v>610</v>
      </c>
      <c r="B135836" s="14" t="s">
        <v>1</v>
      </c>
      <c r="C135836" s="14" t="s">
        <v>596</v>
      </c>
      <c r="D135836" s="14" t="s">
        <v>176</v>
      </c>
      <c r="E135836" s="15">
        <v>45432</v>
      </c>
      <c r="F135836" s="14" t="s">
        <v>61</v>
      </c>
      <c r="G135836" s="16">
        <v>0</v>
      </c>
    </row>
    <row r="135837" spans="1:7" x14ac:dyDescent="0.3">
      <c r="A135837" s="13" t="s">
        <v>610</v>
      </c>
      <c r="B135837" s="14" t="s">
        <v>1</v>
      </c>
      <c r="C135837" s="14" t="s">
        <v>596</v>
      </c>
      <c r="D135837" s="14" t="s">
        <v>176</v>
      </c>
      <c r="E135837" s="15">
        <v>45433</v>
      </c>
      <c r="F135837" s="14" t="s">
        <v>61</v>
      </c>
      <c r="G135837" s="16">
        <v>0</v>
      </c>
    </row>
    <row r="135838" spans="1:7" x14ac:dyDescent="0.3">
      <c r="A135838" s="13" t="s">
        <v>610</v>
      </c>
      <c r="B135838" s="14" t="s">
        <v>1</v>
      </c>
      <c r="C135838" s="14" t="s">
        <v>596</v>
      </c>
      <c r="D135838" s="14" t="s">
        <v>176</v>
      </c>
      <c r="E135838" s="15">
        <v>45434</v>
      </c>
      <c r="F135838" s="14" t="s">
        <v>61</v>
      </c>
      <c r="G135838" s="16">
        <v>0</v>
      </c>
    </row>
    <row r="135839" spans="1:7" x14ac:dyDescent="0.3">
      <c r="A135839" s="13" t="s">
        <v>610</v>
      </c>
      <c r="B135839" s="14" t="s">
        <v>1</v>
      </c>
      <c r="C135839" s="14" t="s">
        <v>596</v>
      </c>
      <c r="D135839" s="14" t="s">
        <v>176</v>
      </c>
      <c r="E135839" s="15">
        <v>45435</v>
      </c>
      <c r="F135839" s="14" t="s">
        <v>61</v>
      </c>
      <c r="G135839" s="16">
        <v>0</v>
      </c>
    </row>
    <row r="135840" spans="1:7" x14ac:dyDescent="0.3">
      <c r="A135840" s="13" t="s">
        <v>610</v>
      </c>
      <c r="B135840" s="14" t="s">
        <v>1</v>
      </c>
      <c r="C135840" s="14" t="s">
        <v>596</v>
      </c>
      <c r="D135840" s="14" t="s">
        <v>176</v>
      </c>
      <c r="E135840" s="15">
        <v>45436</v>
      </c>
      <c r="F135840" s="14" t="s">
        <v>61</v>
      </c>
      <c r="G135840" s="16">
        <v>0</v>
      </c>
    </row>
    <row r="135841" spans="1:7" x14ac:dyDescent="0.3">
      <c r="A135841" s="13" t="s">
        <v>610</v>
      </c>
      <c r="B135841" s="14" t="s">
        <v>1</v>
      </c>
      <c r="C135841" s="14" t="s">
        <v>596</v>
      </c>
      <c r="D135841" s="14" t="s">
        <v>176</v>
      </c>
      <c r="E135841" s="15">
        <v>45437</v>
      </c>
      <c r="F135841" s="14" t="s">
        <v>61</v>
      </c>
      <c r="G135841" s="16">
        <v>0</v>
      </c>
    </row>
    <row r="135842" spans="1:7" x14ac:dyDescent="0.3">
      <c r="A135842" s="13" t="s">
        <v>610</v>
      </c>
      <c r="B135842" s="14" t="s">
        <v>1</v>
      </c>
      <c r="C135842" s="14" t="s">
        <v>596</v>
      </c>
      <c r="D135842" s="14" t="s">
        <v>176</v>
      </c>
      <c r="E135842" s="15">
        <v>45438</v>
      </c>
      <c r="F135842" s="14" t="s">
        <v>61</v>
      </c>
      <c r="G135842" s="16">
        <v>0</v>
      </c>
    </row>
    <row r="135843" spans="1:7" x14ac:dyDescent="0.3">
      <c r="A135843" s="13" t="s">
        <v>610</v>
      </c>
      <c r="B135843" s="14" t="s">
        <v>1</v>
      </c>
      <c r="C135843" s="14" t="s">
        <v>596</v>
      </c>
      <c r="D135843" s="14" t="s">
        <v>176</v>
      </c>
      <c r="E135843" s="15">
        <v>45439</v>
      </c>
      <c r="F135843" s="14" t="s">
        <v>61</v>
      </c>
      <c r="G135843" s="16">
        <v>0</v>
      </c>
    </row>
    <row r="135844" spans="1:7" x14ac:dyDescent="0.3">
      <c r="A135844" s="13" t="s">
        <v>610</v>
      </c>
      <c r="B135844" s="14" t="s">
        <v>1</v>
      </c>
      <c r="C135844" s="14" t="s">
        <v>596</v>
      </c>
      <c r="D135844" s="14" t="s">
        <v>176</v>
      </c>
      <c r="E135844" s="15">
        <v>45440</v>
      </c>
      <c r="F135844" s="14" t="s">
        <v>61</v>
      </c>
      <c r="G135844" s="16">
        <v>0</v>
      </c>
    </row>
    <row r="135845" spans="1:7" x14ac:dyDescent="0.3">
      <c r="A135845" s="13" t="s">
        <v>610</v>
      </c>
      <c r="B135845" s="14" t="s">
        <v>1</v>
      </c>
      <c r="C135845" s="14" t="s">
        <v>596</v>
      </c>
      <c r="D135845" s="14" t="s">
        <v>176</v>
      </c>
      <c r="E135845" s="15">
        <v>45441</v>
      </c>
      <c r="F135845" s="14" t="s">
        <v>61</v>
      </c>
      <c r="G135845" s="16">
        <v>0</v>
      </c>
    </row>
    <row r="135846" spans="1:7" x14ac:dyDescent="0.3">
      <c r="A135846" s="13" t="s">
        <v>610</v>
      </c>
      <c r="B135846" s="14" t="s">
        <v>1</v>
      </c>
      <c r="C135846" s="14" t="s">
        <v>596</v>
      </c>
      <c r="D135846" s="14" t="s">
        <v>176</v>
      </c>
      <c r="E135846" s="15">
        <v>45442</v>
      </c>
      <c r="F135846" s="14" t="s">
        <v>61</v>
      </c>
      <c r="G135846" s="16">
        <v>0</v>
      </c>
    </row>
    <row r="135847" spans="1:7" x14ac:dyDescent="0.3">
      <c r="A135847" s="13" t="s">
        <v>610</v>
      </c>
      <c r="B135847" s="14" t="s">
        <v>1</v>
      </c>
      <c r="C135847" s="14" t="s">
        <v>596</v>
      </c>
      <c r="D135847" s="14" t="s">
        <v>176</v>
      </c>
      <c r="E135847" s="15">
        <v>45443</v>
      </c>
      <c r="F135847" s="14" t="s">
        <v>61</v>
      </c>
      <c r="G135847" s="16">
        <v>0</v>
      </c>
    </row>
    <row r="135848" spans="1:7" x14ac:dyDescent="0.3">
      <c r="A135848" s="13" t="s">
        <v>610</v>
      </c>
      <c r="B135848" s="14" t="s">
        <v>1</v>
      </c>
      <c r="C135848" s="14" t="s">
        <v>596</v>
      </c>
      <c r="D135848" s="14" t="s">
        <v>176</v>
      </c>
      <c r="E135848" s="15">
        <v>45444</v>
      </c>
      <c r="F135848" s="14" t="s">
        <v>61</v>
      </c>
      <c r="G135848" s="16">
        <v>0</v>
      </c>
    </row>
    <row r="135849" spans="1:7" x14ac:dyDescent="0.3">
      <c r="A135849" s="13" t="s">
        <v>610</v>
      </c>
      <c r="B135849" s="14" t="s">
        <v>1</v>
      </c>
      <c r="C135849" s="14" t="s">
        <v>596</v>
      </c>
      <c r="D135849" s="14" t="s">
        <v>176</v>
      </c>
      <c r="E135849" s="15">
        <v>45445</v>
      </c>
      <c r="F135849" s="14" t="s">
        <v>61</v>
      </c>
      <c r="G135849" s="16">
        <v>0</v>
      </c>
    </row>
    <row r="135850" spans="1:7" x14ac:dyDescent="0.3">
      <c r="A135850" s="13" t="s">
        <v>610</v>
      </c>
      <c r="B135850" s="14" t="s">
        <v>1</v>
      </c>
      <c r="C135850" s="14" t="s">
        <v>596</v>
      </c>
      <c r="D135850" s="14" t="s">
        <v>176</v>
      </c>
      <c r="E135850" s="15">
        <v>45446</v>
      </c>
      <c r="F135850" s="14" t="s">
        <v>61</v>
      </c>
      <c r="G135850" s="16">
        <v>0</v>
      </c>
    </row>
    <row r="135851" spans="1:7" x14ac:dyDescent="0.3">
      <c r="A135851" s="13" t="s">
        <v>610</v>
      </c>
      <c r="B135851" s="14" t="s">
        <v>1</v>
      </c>
      <c r="C135851" s="14" t="s">
        <v>596</v>
      </c>
      <c r="D135851" s="14" t="s">
        <v>176</v>
      </c>
      <c r="E135851" s="15">
        <v>45447</v>
      </c>
      <c r="F135851" s="14" t="s">
        <v>61</v>
      </c>
      <c r="G135851" s="16">
        <v>0</v>
      </c>
    </row>
    <row r="135852" spans="1:7" x14ac:dyDescent="0.3">
      <c r="A135852" s="13" t="s">
        <v>610</v>
      </c>
      <c r="B135852" s="14" t="s">
        <v>1</v>
      </c>
      <c r="C135852" s="14" t="s">
        <v>596</v>
      </c>
      <c r="D135852" s="14" t="s">
        <v>176</v>
      </c>
      <c r="E135852" s="15">
        <v>45448</v>
      </c>
      <c r="F135852" s="14" t="s">
        <v>61</v>
      </c>
      <c r="G135852" s="16">
        <v>0</v>
      </c>
    </row>
    <row r="135853" spans="1:7" x14ac:dyDescent="0.3">
      <c r="A135853" s="13" t="s">
        <v>610</v>
      </c>
      <c r="B135853" s="14" t="s">
        <v>1</v>
      </c>
      <c r="C135853" s="14" t="s">
        <v>596</v>
      </c>
      <c r="D135853" s="14" t="s">
        <v>176</v>
      </c>
      <c r="E135853" s="15">
        <v>45449</v>
      </c>
      <c r="F135853" s="14" t="s">
        <v>61</v>
      </c>
      <c r="G135853" s="16">
        <v>0</v>
      </c>
    </row>
    <row r="135854" spans="1:7" x14ac:dyDescent="0.3">
      <c r="A135854" s="13" t="s">
        <v>610</v>
      </c>
      <c r="B135854" s="14" t="s">
        <v>1</v>
      </c>
      <c r="C135854" s="14" t="s">
        <v>596</v>
      </c>
      <c r="D135854" s="14" t="s">
        <v>176</v>
      </c>
      <c r="E135854" s="15">
        <v>45450</v>
      </c>
      <c r="F135854" s="14" t="s">
        <v>61</v>
      </c>
      <c r="G135854" s="16">
        <v>0</v>
      </c>
    </row>
    <row r="135855" spans="1:7" x14ac:dyDescent="0.3">
      <c r="A135855" s="13" t="s">
        <v>610</v>
      </c>
      <c r="B135855" s="14" t="s">
        <v>1</v>
      </c>
      <c r="C135855" s="14" t="s">
        <v>596</v>
      </c>
      <c r="D135855" s="14" t="s">
        <v>176</v>
      </c>
      <c r="E135855" s="15">
        <v>45451</v>
      </c>
      <c r="F135855" s="14" t="s">
        <v>61</v>
      </c>
      <c r="G135855" s="16">
        <v>0</v>
      </c>
    </row>
    <row r="135856" spans="1:7" x14ac:dyDescent="0.3">
      <c r="A135856" s="13" t="s">
        <v>610</v>
      </c>
      <c r="B135856" s="14" t="s">
        <v>1</v>
      </c>
      <c r="C135856" s="14" t="s">
        <v>596</v>
      </c>
      <c r="D135856" s="14" t="s">
        <v>176</v>
      </c>
      <c r="E135856" s="15">
        <v>45452</v>
      </c>
      <c r="F135856" s="14" t="s">
        <v>61</v>
      </c>
      <c r="G135856" s="16">
        <v>0</v>
      </c>
    </row>
    <row r="135857" spans="1:7" x14ac:dyDescent="0.3">
      <c r="A135857" s="13" t="s">
        <v>610</v>
      </c>
      <c r="B135857" s="14" t="s">
        <v>1</v>
      </c>
      <c r="C135857" s="14" t="s">
        <v>596</v>
      </c>
      <c r="D135857" s="14" t="s">
        <v>176</v>
      </c>
      <c r="E135857" s="15">
        <v>45453</v>
      </c>
      <c r="F135857" s="14" t="s">
        <v>61</v>
      </c>
      <c r="G135857" s="16">
        <v>0</v>
      </c>
    </row>
    <row r="135858" spans="1:7" x14ac:dyDescent="0.3">
      <c r="A135858" s="13" t="s">
        <v>610</v>
      </c>
      <c r="B135858" s="14" t="s">
        <v>1</v>
      </c>
      <c r="C135858" s="14" t="s">
        <v>596</v>
      </c>
      <c r="D135858" s="14" t="s">
        <v>176</v>
      </c>
      <c r="E135858" s="15">
        <v>45454</v>
      </c>
      <c r="F135858" s="14" t="s">
        <v>61</v>
      </c>
      <c r="G135858" s="16">
        <v>0</v>
      </c>
    </row>
    <row r="135859" spans="1:7" x14ac:dyDescent="0.3">
      <c r="A135859" s="13" t="s">
        <v>610</v>
      </c>
      <c r="B135859" s="14" t="s">
        <v>1</v>
      </c>
      <c r="C135859" s="14" t="s">
        <v>596</v>
      </c>
      <c r="D135859" s="14" t="s">
        <v>176</v>
      </c>
      <c r="E135859" s="15">
        <v>45455</v>
      </c>
      <c r="F135859" s="14" t="s">
        <v>61</v>
      </c>
      <c r="G135859" s="16">
        <v>0</v>
      </c>
    </row>
    <row r="135860" spans="1:7" x14ac:dyDescent="0.3">
      <c r="A135860" s="13" t="s">
        <v>610</v>
      </c>
      <c r="B135860" s="14" t="s">
        <v>1</v>
      </c>
      <c r="C135860" s="14" t="s">
        <v>596</v>
      </c>
      <c r="D135860" s="14" t="s">
        <v>176</v>
      </c>
      <c r="E135860" s="15">
        <v>45456</v>
      </c>
      <c r="F135860" s="14" t="s">
        <v>61</v>
      </c>
      <c r="G135860" s="16">
        <v>0</v>
      </c>
    </row>
    <row r="135861" spans="1:7" x14ac:dyDescent="0.3">
      <c r="A135861" s="13" t="s">
        <v>610</v>
      </c>
      <c r="B135861" s="14" t="s">
        <v>1</v>
      </c>
      <c r="C135861" s="14" t="s">
        <v>596</v>
      </c>
      <c r="D135861" s="14" t="s">
        <v>176</v>
      </c>
      <c r="E135861" s="15">
        <v>45457</v>
      </c>
      <c r="F135861" s="14" t="s">
        <v>61</v>
      </c>
      <c r="G135861" s="16">
        <v>0</v>
      </c>
    </row>
    <row r="135862" spans="1:7" x14ac:dyDescent="0.3">
      <c r="A135862" s="13" t="s">
        <v>610</v>
      </c>
      <c r="B135862" s="14" t="s">
        <v>1</v>
      </c>
      <c r="C135862" s="14" t="s">
        <v>596</v>
      </c>
      <c r="D135862" s="14" t="s">
        <v>176</v>
      </c>
      <c r="E135862" s="15">
        <v>45458</v>
      </c>
      <c r="F135862" s="14" t="s">
        <v>61</v>
      </c>
      <c r="G135862" s="16">
        <v>0</v>
      </c>
    </row>
    <row r="135863" spans="1:7" x14ac:dyDescent="0.3">
      <c r="A135863" s="13" t="s">
        <v>610</v>
      </c>
      <c r="B135863" s="14" t="s">
        <v>1</v>
      </c>
      <c r="C135863" s="14" t="s">
        <v>596</v>
      </c>
      <c r="D135863" s="14" t="s">
        <v>176</v>
      </c>
      <c r="E135863" s="15">
        <v>45459</v>
      </c>
      <c r="F135863" s="14" t="s">
        <v>61</v>
      </c>
      <c r="G135863" s="16">
        <v>0</v>
      </c>
    </row>
    <row r="135864" spans="1:7" x14ac:dyDescent="0.3">
      <c r="A135864" s="13" t="s">
        <v>610</v>
      </c>
      <c r="B135864" s="14" t="s">
        <v>1</v>
      </c>
      <c r="C135864" s="14" t="s">
        <v>596</v>
      </c>
      <c r="D135864" s="14" t="s">
        <v>176</v>
      </c>
      <c r="E135864" s="15">
        <v>45460</v>
      </c>
      <c r="F135864" s="14" t="s">
        <v>61</v>
      </c>
      <c r="G135864" s="16">
        <v>0</v>
      </c>
    </row>
    <row r="135865" spans="1:7" x14ac:dyDescent="0.3">
      <c r="A135865" s="13" t="s">
        <v>610</v>
      </c>
      <c r="B135865" s="14" t="s">
        <v>1</v>
      </c>
      <c r="C135865" s="14" t="s">
        <v>596</v>
      </c>
      <c r="D135865" s="14" t="s">
        <v>176</v>
      </c>
      <c r="E135865" s="15">
        <v>45461</v>
      </c>
      <c r="F135865" s="14" t="s">
        <v>61</v>
      </c>
      <c r="G135865" s="16">
        <v>0</v>
      </c>
    </row>
    <row r="135866" spans="1:7" x14ac:dyDescent="0.3">
      <c r="A135866" s="13" t="s">
        <v>610</v>
      </c>
      <c r="B135866" s="14" t="s">
        <v>1</v>
      </c>
      <c r="C135866" s="14" t="s">
        <v>596</v>
      </c>
      <c r="D135866" s="14" t="s">
        <v>176</v>
      </c>
      <c r="E135866" s="15">
        <v>45462</v>
      </c>
      <c r="F135866" s="14" t="s">
        <v>61</v>
      </c>
      <c r="G135866" s="16">
        <v>0</v>
      </c>
    </row>
    <row r="135867" spans="1:7" x14ac:dyDescent="0.3">
      <c r="A135867" s="13" t="s">
        <v>610</v>
      </c>
      <c r="B135867" s="14" t="s">
        <v>1</v>
      </c>
      <c r="C135867" s="14" t="s">
        <v>596</v>
      </c>
      <c r="D135867" s="14" t="s">
        <v>176</v>
      </c>
      <c r="E135867" s="15">
        <v>45463</v>
      </c>
      <c r="F135867" s="14" t="s">
        <v>61</v>
      </c>
      <c r="G135867" s="16">
        <v>0</v>
      </c>
    </row>
    <row r="135868" spans="1:7" x14ac:dyDescent="0.3">
      <c r="A135868" s="13" t="s">
        <v>610</v>
      </c>
      <c r="B135868" s="14" t="s">
        <v>1</v>
      </c>
      <c r="C135868" s="14" t="s">
        <v>596</v>
      </c>
      <c r="D135868" s="14" t="s">
        <v>176</v>
      </c>
      <c r="E135868" s="15">
        <v>45464</v>
      </c>
      <c r="F135868" s="14" t="s">
        <v>61</v>
      </c>
      <c r="G135868" s="16">
        <v>0</v>
      </c>
    </row>
    <row r="135869" spans="1:7" x14ac:dyDescent="0.3">
      <c r="A135869" s="13" t="s">
        <v>610</v>
      </c>
      <c r="B135869" s="14" t="s">
        <v>1</v>
      </c>
      <c r="C135869" s="14" t="s">
        <v>596</v>
      </c>
      <c r="D135869" s="14" t="s">
        <v>176</v>
      </c>
      <c r="E135869" s="15">
        <v>45465</v>
      </c>
      <c r="F135869" s="14" t="s">
        <v>61</v>
      </c>
      <c r="G135869" s="16">
        <v>0</v>
      </c>
    </row>
    <row r="135870" spans="1:7" x14ac:dyDescent="0.3">
      <c r="A135870" s="13" t="s">
        <v>610</v>
      </c>
      <c r="B135870" s="14" t="s">
        <v>1</v>
      </c>
      <c r="C135870" s="14" t="s">
        <v>596</v>
      </c>
      <c r="D135870" s="14" t="s">
        <v>176</v>
      </c>
      <c r="E135870" s="15">
        <v>45466</v>
      </c>
      <c r="F135870" s="14" t="s">
        <v>61</v>
      </c>
      <c r="G135870" s="16">
        <v>0</v>
      </c>
    </row>
    <row r="135871" spans="1:7" x14ac:dyDescent="0.3">
      <c r="A135871" s="13" t="s">
        <v>610</v>
      </c>
      <c r="B135871" s="14" t="s">
        <v>1</v>
      </c>
      <c r="C135871" s="14" t="s">
        <v>596</v>
      </c>
      <c r="D135871" s="14" t="s">
        <v>176</v>
      </c>
      <c r="E135871" s="15">
        <v>45467</v>
      </c>
      <c r="F135871" s="14" t="s">
        <v>61</v>
      </c>
      <c r="G135871" s="16">
        <v>0</v>
      </c>
    </row>
    <row r="135872" spans="1:7" x14ac:dyDescent="0.3">
      <c r="A135872" s="13" t="s">
        <v>610</v>
      </c>
      <c r="B135872" s="14" t="s">
        <v>1</v>
      </c>
      <c r="C135872" s="14" t="s">
        <v>596</v>
      </c>
      <c r="D135872" s="14" t="s">
        <v>176</v>
      </c>
      <c r="E135872" s="15">
        <v>45468</v>
      </c>
      <c r="F135872" s="14" t="s">
        <v>61</v>
      </c>
      <c r="G135872" s="16">
        <v>0</v>
      </c>
    </row>
    <row r="135873" spans="1:7" x14ac:dyDescent="0.3">
      <c r="A135873" s="13" t="s">
        <v>610</v>
      </c>
      <c r="B135873" s="14" t="s">
        <v>1</v>
      </c>
      <c r="C135873" s="14" t="s">
        <v>596</v>
      </c>
      <c r="D135873" s="14" t="s">
        <v>176</v>
      </c>
      <c r="E135873" s="15">
        <v>45469</v>
      </c>
      <c r="F135873" s="14" t="s">
        <v>61</v>
      </c>
      <c r="G135873" s="16">
        <v>0</v>
      </c>
    </row>
    <row r="135874" spans="1:7" x14ac:dyDescent="0.3">
      <c r="A135874" s="13" t="s">
        <v>610</v>
      </c>
      <c r="B135874" s="14" t="s">
        <v>1</v>
      </c>
      <c r="C135874" s="14" t="s">
        <v>596</v>
      </c>
      <c r="D135874" s="14" t="s">
        <v>176</v>
      </c>
      <c r="E135874" s="15">
        <v>45470</v>
      </c>
      <c r="F135874" s="14" t="s">
        <v>61</v>
      </c>
      <c r="G135874" s="16">
        <v>0</v>
      </c>
    </row>
    <row r="135875" spans="1:7" x14ac:dyDescent="0.3">
      <c r="A135875" s="13" t="s">
        <v>610</v>
      </c>
      <c r="B135875" s="14" t="s">
        <v>1</v>
      </c>
      <c r="C135875" s="14" t="s">
        <v>596</v>
      </c>
      <c r="D135875" s="14" t="s">
        <v>176</v>
      </c>
      <c r="E135875" s="15">
        <v>45471</v>
      </c>
      <c r="F135875" s="14" t="s">
        <v>61</v>
      </c>
      <c r="G135875" s="16">
        <v>0</v>
      </c>
    </row>
    <row r="135876" spans="1:7" x14ac:dyDescent="0.3">
      <c r="A135876" s="13" t="s">
        <v>610</v>
      </c>
      <c r="B135876" s="14" t="s">
        <v>1</v>
      </c>
      <c r="C135876" s="14" t="s">
        <v>596</v>
      </c>
      <c r="D135876" s="14" t="s">
        <v>176</v>
      </c>
      <c r="E135876" s="15">
        <v>45472</v>
      </c>
      <c r="F135876" s="14" t="s">
        <v>61</v>
      </c>
      <c r="G135876" s="16">
        <v>0</v>
      </c>
    </row>
    <row r="135877" spans="1:7" x14ac:dyDescent="0.3">
      <c r="A135877" s="13" t="s">
        <v>610</v>
      </c>
      <c r="B135877" s="14" t="s">
        <v>1</v>
      </c>
      <c r="C135877" s="14" t="s">
        <v>596</v>
      </c>
      <c r="D135877" s="14" t="s">
        <v>176</v>
      </c>
      <c r="E135877" s="15">
        <v>45473</v>
      </c>
      <c r="F135877" s="14" t="s">
        <v>61</v>
      </c>
      <c r="G135877" s="16">
        <v>0</v>
      </c>
    </row>
    <row r="135878" spans="1:7" x14ac:dyDescent="0.3">
      <c r="A135878" s="13" t="s">
        <v>610</v>
      </c>
      <c r="B135878" s="14" t="s">
        <v>1</v>
      </c>
      <c r="C135878" s="14" t="s">
        <v>596</v>
      </c>
      <c r="D135878" s="14" t="s">
        <v>176</v>
      </c>
      <c r="E135878" s="15">
        <v>45474</v>
      </c>
      <c r="F135878" s="14" t="s">
        <v>61</v>
      </c>
      <c r="G135878" s="16">
        <v>0</v>
      </c>
    </row>
    <row r="135879" spans="1:7" x14ac:dyDescent="0.3">
      <c r="A135879" s="13" t="s">
        <v>610</v>
      </c>
      <c r="B135879" s="14" t="s">
        <v>1</v>
      </c>
      <c r="C135879" s="14" t="s">
        <v>596</v>
      </c>
      <c r="D135879" s="14" t="s">
        <v>176</v>
      </c>
      <c r="E135879" s="15">
        <v>45475</v>
      </c>
      <c r="F135879" s="14" t="s">
        <v>61</v>
      </c>
      <c r="G135879" s="16">
        <v>0</v>
      </c>
    </row>
    <row r="135880" spans="1:7" x14ac:dyDescent="0.3">
      <c r="A135880" s="13" t="s">
        <v>610</v>
      </c>
      <c r="B135880" s="14" t="s">
        <v>1</v>
      </c>
      <c r="C135880" s="14" t="s">
        <v>596</v>
      </c>
      <c r="D135880" s="14" t="s">
        <v>176</v>
      </c>
      <c r="E135880" s="15">
        <v>45476</v>
      </c>
      <c r="F135880" s="14" t="s">
        <v>61</v>
      </c>
      <c r="G135880" s="16">
        <v>0</v>
      </c>
    </row>
    <row r="135881" spans="1:7" x14ac:dyDescent="0.3">
      <c r="A135881" s="13" t="s">
        <v>610</v>
      </c>
      <c r="B135881" s="14" t="s">
        <v>1</v>
      </c>
      <c r="C135881" s="14" t="s">
        <v>596</v>
      </c>
      <c r="D135881" s="14" t="s">
        <v>176</v>
      </c>
      <c r="E135881" s="15">
        <v>45477</v>
      </c>
      <c r="F135881" s="14" t="s">
        <v>61</v>
      </c>
      <c r="G135881" s="16">
        <v>0</v>
      </c>
    </row>
    <row r="135882" spans="1:7" x14ac:dyDescent="0.3">
      <c r="A135882" s="13" t="s">
        <v>610</v>
      </c>
      <c r="B135882" s="14" t="s">
        <v>1</v>
      </c>
      <c r="C135882" s="14" t="s">
        <v>596</v>
      </c>
      <c r="D135882" s="14" t="s">
        <v>176</v>
      </c>
      <c r="E135882" s="15">
        <v>45478</v>
      </c>
      <c r="F135882" s="14" t="s">
        <v>61</v>
      </c>
      <c r="G135882" s="16">
        <v>0</v>
      </c>
    </row>
    <row r="135883" spans="1:7" x14ac:dyDescent="0.3">
      <c r="A135883" s="13" t="s">
        <v>610</v>
      </c>
      <c r="B135883" s="14" t="s">
        <v>1</v>
      </c>
      <c r="C135883" s="14" t="s">
        <v>596</v>
      </c>
      <c r="D135883" s="14" t="s">
        <v>176</v>
      </c>
      <c r="E135883" s="15">
        <v>45479</v>
      </c>
      <c r="F135883" s="14" t="s">
        <v>61</v>
      </c>
      <c r="G135883" s="16">
        <v>0</v>
      </c>
    </row>
    <row r="135884" spans="1:7" x14ac:dyDescent="0.3">
      <c r="A135884" s="13" t="s">
        <v>610</v>
      </c>
      <c r="B135884" s="14" t="s">
        <v>1</v>
      </c>
      <c r="C135884" s="14" t="s">
        <v>596</v>
      </c>
      <c r="D135884" s="14" t="s">
        <v>176</v>
      </c>
      <c r="E135884" s="15">
        <v>45480</v>
      </c>
      <c r="F135884" s="14" t="s">
        <v>61</v>
      </c>
      <c r="G135884" s="16">
        <v>0</v>
      </c>
    </row>
    <row r="135885" spans="1:7" x14ac:dyDescent="0.3">
      <c r="A135885" s="13" t="s">
        <v>610</v>
      </c>
      <c r="B135885" s="14" t="s">
        <v>1</v>
      </c>
      <c r="C135885" s="14" t="s">
        <v>596</v>
      </c>
      <c r="D135885" s="14" t="s">
        <v>176</v>
      </c>
      <c r="E135885" s="15">
        <v>45481</v>
      </c>
      <c r="F135885" s="14" t="s">
        <v>61</v>
      </c>
      <c r="G135885" s="16">
        <v>0</v>
      </c>
    </row>
    <row r="135886" spans="1:7" x14ac:dyDescent="0.3">
      <c r="A135886" s="13" t="s">
        <v>610</v>
      </c>
      <c r="B135886" s="14" t="s">
        <v>1</v>
      </c>
      <c r="C135886" s="14" t="s">
        <v>596</v>
      </c>
      <c r="D135886" s="14" t="s">
        <v>176</v>
      </c>
      <c r="E135886" s="15">
        <v>45482</v>
      </c>
      <c r="F135886" s="14" t="s">
        <v>61</v>
      </c>
      <c r="G135886" s="16">
        <v>0</v>
      </c>
    </row>
    <row r="135887" spans="1:7" x14ac:dyDescent="0.3">
      <c r="A135887" s="13" t="s">
        <v>610</v>
      </c>
      <c r="B135887" s="14" t="s">
        <v>1</v>
      </c>
      <c r="C135887" s="14" t="s">
        <v>596</v>
      </c>
      <c r="D135887" s="14" t="s">
        <v>176</v>
      </c>
      <c r="E135887" s="15">
        <v>45483</v>
      </c>
      <c r="F135887" s="14" t="s">
        <v>61</v>
      </c>
      <c r="G135887" s="16">
        <v>0</v>
      </c>
    </row>
    <row r="135888" spans="1:7" x14ac:dyDescent="0.3">
      <c r="A135888" s="13" t="s">
        <v>610</v>
      </c>
      <c r="B135888" s="14" t="s">
        <v>1</v>
      </c>
      <c r="C135888" s="14" t="s">
        <v>596</v>
      </c>
      <c r="D135888" s="14" t="s">
        <v>176</v>
      </c>
      <c r="E135888" s="15">
        <v>45484</v>
      </c>
      <c r="F135888" s="14" t="s">
        <v>61</v>
      </c>
      <c r="G135888" s="16">
        <v>0</v>
      </c>
    </row>
    <row r="135889" spans="1:7" x14ac:dyDescent="0.3">
      <c r="A135889" s="13" t="s">
        <v>610</v>
      </c>
      <c r="B135889" s="14" t="s">
        <v>1</v>
      </c>
      <c r="C135889" s="14" t="s">
        <v>596</v>
      </c>
      <c r="D135889" s="14" t="s">
        <v>176</v>
      </c>
      <c r="E135889" s="15">
        <v>45485</v>
      </c>
      <c r="F135889" s="14" t="s">
        <v>61</v>
      </c>
      <c r="G135889" s="16">
        <v>0</v>
      </c>
    </row>
    <row r="135890" spans="1:7" x14ac:dyDescent="0.3">
      <c r="A135890" s="13" t="s">
        <v>610</v>
      </c>
      <c r="B135890" s="14" t="s">
        <v>1</v>
      </c>
      <c r="C135890" s="14" t="s">
        <v>596</v>
      </c>
      <c r="D135890" s="14" t="s">
        <v>176</v>
      </c>
      <c r="E135890" s="15">
        <v>45486</v>
      </c>
      <c r="F135890" s="14" t="s">
        <v>61</v>
      </c>
      <c r="G135890" s="16">
        <v>0</v>
      </c>
    </row>
    <row r="135891" spans="1:7" x14ac:dyDescent="0.3">
      <c r="A135891" s="13" t="s">
        <v>610</v>
      </c>
      <c r="B135891" s="14" t="s">
        <v>1</v>
      </c>
      <c r="C135891" s="14" t="s">
        <v>596</v>
      </c>
      <c r="D135891" s="14" t="s">
        <v>176</v>
      </c>
      <c r="E135891" s="15">
        <v>45487</v>
      </c>
      <c r="F135891" s="14" t="s">
        <v>61</v>
      </c>
      <c r="G135891" s="16">
        <v>0</v>
      </c>
    </row>
    <row r="135892" spans="1:7" x14ac:dyDescent="0.3">
      <c r="A135892" s="13" t="s">
        <v>610</v>
      </c>
      <c r="B135892" s="14" t="s">
        <v>1</v>
      </c>
      <c r="C135892" s="14" t="s">
        <v>596</v>
      </c>
      <c r="D135892" s="14" t="s">
        <v>176</v>
      </c>
      <c r="E135892" s="15">
        <v>45488</v>
      </c>
      <c r="F135892" s="14" t="s">
        <v>61</v>
      </c>
      <c r="G135892" s="16">
        <v>0</v>
      </c>
    </row>
    <row r="135893" spans="1:7" x14ac:dyDescent="0.3">
      <c r="A135893" s="13" t="s">
        <v>610</v>
      </c>
      <c r="B135893" s="14" t="s">
        <v>1</v>
      </c>
      <c r="C135893" s="14" t="s">
        <v>596</v>
      </c>
      <c r="D135893" s="14" t="s">
        <v>176</v>
      </c>
      <c r="E135893" s="15">
        <v>45489</v>
      </c>
      <c r="F135893" s="14" t="s">
        <v>61</v>
      </c>
      <c r="G135893" s="16">
        <v>0</v>
      </c>
    </row>
    <row r="135894" spans="1:7" x14ac:dyDescent="0.3">
      <c r="A135894" s="13" t="s">
        <v>610</v>
      </c>
      <c r="B135894" s="14" t="s">
        <v>1</v>
      </c>
      <c r="C135894" s="14" t="s">
        <v>596</v>
      </c>
      <c r="D135894" s="14" t="s">
        <v>176</v>
      </c>
      <c r="E135894" s="15">
        <v>45490</v>
      </c>
      <c r="F135894" s="14" t="s">
        <v>61</v>
      </c>
      <c r="G135894" s="16">
        <v>0</v>
      </c>
    </row>
    <row r="135895" spans="1:7" x14ac:dyDescent="0.3">
      <c r="A135895" s="13" t="s">
        <v>610</v>
      </c>
      <c r="B135895" s="14" t="s">
        <v>1</v>
      </c>
      <c r="C135895" s="14" t="s">
        <v>596</v>
      </c>
      <c r="D135895" s="14" t="s">
        <v>176</v>
      </c>
      <c r="E135895" s="15">
        <v>45491</v>
      </c>
      <c r="F135895" s="14" t="s">
        <v>61</v>
      </c>
      <c r="G135895" s="16">
        <v>0</v>
      </c>
    </row>
    <row r="135896" spans="1:7" x14ac:dyDescent="0.3">
      <c r="A135896" s="13" t="s">
        <v>610</v>
      </c>
      <c r="B135896" s="14" t="s">
        <v>1</v>
      </c>
      <c r="C135896" s="14" t="s">
        <v>596</v>
      </c>
      <c r="D135896" s="14" t="s">
        <v>176</v>
      </c>
      <c r="E135896" s="15">
        <v>45492</v>
      </c>
      <c r="F135896" s="14" t="s">
        <v>61</v>
      </c>
      <c r="G135896" s="16">
        <v>0</v>
      </c>
    </row>
    <row r="135897" spans="1:7" x14ac:dyDescent="0.3">
      <c r="A135897" s="13" t="s">
        <v>610</v>
      </c>
      <c r="B135897" s="14" t="s">
        <v>1</v>
      </c>
      <c r="C135897" s="14" t="s">
        <v>596</v>
      </c>
      <c r="D135897" s="14" t="s">
        <v>176</v>
      </c>
      <c r="E135897" s="15">
        <v>45493</v>
      </c>
      <c r="F135897" s="14" t="s">
        <v>61</v>
      </c>
      <c r="G135897" s="16">
        <v>0</v>
      </c>
    </row>
    <row r="135898" spans="1:7" x14ac:dyDescent="0.3">
      <c r="A135898" s="13" t="s">
        <v>610</v>
      </c>
      <c r="B135898" s="14" t="s">
        <v>1</v>
      </c>
      <c r="C135898" s="14" t="s">
        <v>596</v>
      </c>
      <c r="D135898" s="14" t="s">
        <v>176</v>
      </c>
      <c r="E135898" s="15">
        <v>45494</v>
      </c>
      <c r="F135898" s="14" t="s">
        <v>61</v>
      </c>
      <c r="G135898" s="16">
        <v>0</v>
      </c>
    </row>
    <row r="135899" spans="1:7" x14ac:dyDescent="0.3">
      <c r="A135899" s="13" t="s">
        <v>610</v>
      </c>
      <c r="B135899" s="14" t="s">
        <v>1</v>
      </c>
      <c r="C135899" s="14" t="s">
        <v>596</v>
      </c>
      <c r="D135899" s="14" t="s">
        <v>176</v>
      </c>
      <c r="E135899" s="15">
        <v>45495</v>
      </c>
      <c r="F135899" s="14" t="s">
        <v>61</v>
      </c>
      <c r="G135899" s="16">
        <v>0</v>
      </c>
    </row>
    <row r="135900" spans="1:7" x14ac:dyDescent="0.3">
      <c r="A135900" s="13" t="s">
        <v>610</v>
      </c>
      <c r="B135900" s="14" t="s">
        <v>1</v>
      </c>
      <c r="C135900" s="14" t="s">
        <v>596</v>
      </c>
      <c r="D135900" s="14" t="s">
        <v>176</v>
      </c>
      <c r="E135900" s="15">
        <v>45496</v>
      </c>
      <c r="F135900" s="14" t="s">
        <v>61</v>
      </c>
      <c r="G135900" s="16">
        <v>0</v>
      </c>
    </row>
    <row r="135901" spans="1:7" x14ac:dyDescent="0.3">
      <c r="A135901" s="13" t="s">
        <v>610</v>
      </c>
      <c r="B135901" s="14" t="s">
        <v>1</v>
      </c>
      <c r="C135901" s="14" t="s">
        <v>596</v>
      </c>
      <c r="D135901" s="14" t="s">
        <v>176</v>
      </c>
      <c r="E135901" s="15">
        <v>45497</v>
      </c>
      <c r="F135901" s="14" t="s">
        <v>61</v>
      </c>
      <c r="G135901" s="16">
        <v>0</v>
      </c>
    </row>
    <row r="135902" spans="1:7" x14ac:dyDescent="0.3">
      <c r="A135902" s="13" t="s">
        <v>610</v>
      </c>
      <c r="B135902" s="14" t="s">
        <v>1</v>
      </c>
      <c r="C135902" s="14" t="s">
        <v>596</v>
      </c>
      <c r="D135902" s="14" t="s">
        <v>176</v>
      </c>
      <c r="E135902" s="15">
        <v>45498</v>
      </c>
      <c r="F135902" s="14" t="s">
        <v>61</v>
      </c>
      <c r="G135902" s="16">
        <v>0</v>
      </c>
    </row>
    <row r="135903" spans="1:7" x14ac:dyDescent="0.3">
      <c r="A135903" s="13" t="s">
        <v>610</v>
      </c>
      <c r="B135903" s="14" t="s">
        <v>1</v>
      </c>
      <c r="C135903" s="14" t="s">
        <v>596</v>
      </c>
      <c r="D135903" s="14" t="s">
        <v>176</v>
      </c>
      <c r="E135903" s="15">
        <v>45499</v>
      </c>
      <c r="F135903" s="14" t="s">
        <v>61</v>
      </c>
      <c r="G135903" s="16">
        <v>0</v>
      </c>
    </row>
    <row r="135904" spans="1:7" x14ac:dyDescent="0.3">
      <c r="A135904" s="13" t="s">
        <v>610</v>
      </c>
      <c r="B135904" s="14" t="s">
        <v>1</v>
      </c>
      <c r="C135904" s="14" t="s">
        <v>596</v>
      </c>
      <c r="D135904" s="14" t="s">
        <v>176</v>
      </c>
      <c r="E135904" s="15">
        <v>45500</v>
      </c>
      <c r="F135904" s="14" t="s">
        <v>61</v>
      </c>
      <c r="G135904" s="16">
        <v>0</v>
      </c>
    </row>
    <row r="135905" spans="1:7" x14ac:dyDescent="0.3">
      <c r="A135905" s="13" t="s">
        <v>610</v>
      </c>
      <c r="B135905" s="14" t="s">
        <v>1</v>
      </c>
      <c r="C135905" s="14" t="s">
        <v>596</v>
      </c>
      <c r="D135905" s="14" t="s">
        <v>176</v>
      </c>
      <c r="E135905" s="15">
        <v>45501</v>
      </c>
      <c r="F135905" s="14" t="s">
        <v>61</v>
      </c>
      <c r="G135905" s="16">
        <v>0</v>
      </c>
    </row>
    <row r="135906" spans="1:7" x14ac:dyDescent="0.3">
      <c r="A135906" s="13" t="s">
        <v>610</v>
      </c>
      <c r="B135906" s="14" t="s">
        <v>1</v>
      </c>
      <c r="C135906" s="14" t="s">
        <v>596</v>
      </c>
      <c r="D135906" s="14" t="s">
        <v>176</v>
      </c>
      <c r="E135906" s="15">
        <v>45502</v>
      </c>
      <c r="F135906" s="14" t="s">
        <v>61</v>
      </c>
      <c r="G135906" s="16">
        <v>0</v>
      </c>
    </row>
    <row r="135907" spans="1:7" x14ac:dyDescent="0.3">
      <c r="A135907" s="13" t="s">
        <v>610</v>
      </c>
      <c r="B135907" s="14" t="s">
        <v>1</v>
      </c>
      <c r="C135907" s="14" t="s">
        <v>596</v>
      </c>
      <c r="D135907" s="14" t="s">
        <v>176</v>
      </c>
      <c r="E135907" s="15">
        <v>45503</v>
      </c>
      <c r="F135907" s="14" t="s">
        <v>61</v>
      </c>
      <c r="G135907" s="16">
        <v>0</v>
      </c>
    </row>
    <row r="135908" spans="1:7" x14ac:dyDescent="0.3">
      <c r="A135908" s="13" t="s">
        <v>610</v>
      </c>
      <c r="B135908" s="14" t="s">
        <v>1</v>
      </c>
      <c r="C135908" s="14" t="s">
        <v>596</v>
      </c>
      <c r="D135908" s="14" t="s">
        <v>176</v>
      </c>
      <c r="E135908" s="15">
        <v>45504</v>
      </c>
      <c r="F135908" s="14" t="s">
        <v>61</v>
      </c>
      <c r="G135908" s="16">
        <v>0</v>
      </c>
    </row>
    <row r="135909" spans="1:7" x14ac:dyDescent="0.3">
      <c r="A135909" s="13" t="s">
        <v>610</v>
      </c>
      <c r="B135909" s="14" t="s">
        <v>1</v>
      </c>
      <c r="C135909" s="14" t="s">
        <v>596</v>
      </c>
      <c r="D135909" s="14" t="s">
        <v>176</v>
      </c>
      <c r="E135909" s="15">
        <v>45505</v>
      </c>
      <c r="F135909" s="14" t="s">
        <v>61</v>
      </c>
      <c r="G135909" s="16">
        <v>0</v>
      </c>
    </row>
    <row r="135910" spans="1:7" x14ac:dyDescent="0.3">
      <c r="A135910" s="13" t="s">
        <v>610</v>
      </c>
      <c r="B135910" s="14" t="s">
        <v>1</v>
      </c>
      <c r="C135910" s="14" t="s">
        <v>596</v>
      </c>
      <c r="D135910" s="14" t="s">
        <v>176</v>
      </c>
      <c r="E135910" s="15">
        <v>45506</v>
      </c>
      <c r="F135910" s="14" t="s">
        <v>61</v>
      </c>
      <c r="G135910" s="16">
        <v>0</v>
      </c>
    </row>
    <row r="135911" spans="1:7" x14ac:dyDescent="0.3">
      <c r="A135911" s="13" t="s">
        <v>610</v>
      </c>
      <c r="B135911" s="14" t="s">
        <v>1</v>
      </c>
      <c r="C135911" s="14" t="s">
        <v>596</v>
      </c>
      <c r="D135911" s="14" t="s">
        <v>176</v>
      </c>
      <c r="E135911" s="15">
        <v>45507</v>
      </c>
      <c r="F135911" s="14" t="s">
        <v>61</v>
      </c>
      <c r="G135911" s="16">
        <v>0</v>
      </c>
    </row>
    <row r="135912" spans="1:7" x14ac:dyDescent="0.3">
      <c r="A135912" s="13" t="s">
        <v>610</v>
      </c>
      <c r="B135912" s="14" t="s">
        <v>1</v>
      </c>
      <c r="C135912" s="14" t="s">
        <v>596</v>
      </c>
      <c r="D135912" s="14" t="s">
        <v>176</v>
      </c>
      <c r="E135912" s="15">
        <v>45508</v>
      </c>
      <c r="F135912" s="14" t="s">
        <v>61</v>
      </c>
      <c r="G135912" s="16">
        <v>0</v>
      </c>
    </row>
    <row r="135913" spans="1:7" x14ac:dyDescent="0.3">
      <c r="A135913" s="13" t="s">
        <v>610</v>
      </c>
      <c r="B135913" s="14" t="s">
        <v>1</v>
      </c>
      <c r="C135913" s="14" t="s">
        <v>596</v>
      </c>
      <c r="D135913" s="14" t="s">
        <v>176</v>
      </c>
      <c r="E135913" s="15">
        <v>45509</v>
      </c>
      <c r="F135913" s="14" t="s">
        <v>61</v>
      </c>
      <c r="G135913" s="16">
        <v>0</v>
      </c>
    </row>
    <row r="135914" spans="1:7" x14ac:dyDescent="0.3">
      <c r="A135914" s="13" t="s">
        <v>610</v>
      </c>
      <c r="B135914" s="14" t="s">
        <v>1</v>
      </c>
      <c r="C135914" s="14" t="s">
        <v>596</v>
      </c>
      <c r="D135914" s="14" t="s">
        <v>176</v>
      </c>
      <c r="E135914" s="15">
        <v>45510</v>
      </c>
      <c r="F135914" s="14" t="s">
        <v>61</v>
      </c>
      <c r="G135914" s="16">
        <v>0</v>
      </c>
    </row>
    <row r="135915" spans="1:7" x14ac:dyDescent="0.3">
      <c r="A135915" s="13" t="s">
        <v>610</v>
      </c>
      <c r="B135915" s="14" t="s">
        <v>1</v>
      </c>
      <c r="C135915" s="14" t="s">
        <v>596</v>
      </c>
      <c r="D135915" s="14" t="s">
        <v>176</v>
      </c>
      <c r="E135915" s="15">
        <v>45511</v>
      </c>
      <c r="F135915" s="14" t="s">
        <v>61</v>
      </c>
      <c r="G135915" s="16">
        <v>0</v>
      </c>
    </row>
    <row r="135916" spans="1:7" x14ac:dyDescent="0.3">
      <c r="A135916" s="13" t="s">
        <v>610</v>
      </c>
      <c r="B135916" s="14" t="s">
        <v>1</v>
      </c>
      <c r="C135916" s="14" t="s">
        <v>596</v>
      </c>
      <c r="D135916" s="14" t="s">
        <v>176</v>
      </c>
      <c r="E135916" s="15">
        <v>45512</v>
      </c>
      <c r="F135916" s="14" t="s">
        <v>61</v>
      </c>
      <c r="G135916" s="16">
        <v>0</v>
      </c>
    </row>
    <row r="135917" spans="1:7" x14ac:dyDescent="0.3">
      <c r="A135917" s="13" t="s">
        <v>610</v>
      </c>
      <c r="B135917" s="14" t="s">
        <v>1</v>
      </c>
      <c r="C135917" s="14" t="s">
        <v>596</v>
      </c>
      <c r="D135917" s="14" t="s">
        <v>176</v>
      </c>
      <c r="E135917" s="15">
        <v>45513</v>
      </c>
      <c r="F135917" s="14" t="s">
        <v>61</v>
      </c>
      <c r="G135917" s="16">
        <v>0</v>
      </c>
    </row>
    <row r="135918" spans="1:7" x14ac:dyDescent="0.3">
      <c r="A135918" s="13" t="s">
        <v>610</v>
      </c>
      <c r="B135918" s="14" t="s">
        <v>1</v>
      </c>
      <c r="C135918" s="14" t="s">
        <v>596</v>
      </c>
      <c r="D135918" s="14" t="s">
        <v>176</v>
      </c>
      <c r="E135918" s="15">
        <v>45514</v>
      </c>
      <c r="F135918" s="14" t="s">
        <v>61</v>
      </c>
      <c r="G135918" s="16">
        <v>0</v>
      </c>
    </row>
    <row r="135919" spans="1:7" x14ac:dyDescent="0.3">
      <c r="A135919" s="13" t="s">
        <v>610</v>
      </c>
      <c r="B135919" s="14" t="s">
        <v>1</v>
      </c>
      <c r="C135919" s="14" t="s">
        <v>596</v>
      </c>
      <c r="D135919" s="14" t="s">
        <v>176</v>
      </c>
      <c r="E135919" s="15">
        <v>45515</v>
      </c>
      <c r="F135919" s="14" t="s">
        <v>61</v>
      </c>
      <c r="G135919" s="16">
        <v>0</v>
      </c>
    </row>
    <row r="135920" spans="1:7" x14ac:dyDescent="0.3">
      <c r="A135920" s="13" t="s">
        <v>610</v>
      </c>
      <c r="B135920" s="14" t="s">
        <v>1</v>
      </c>
      <c r="C135920" s="14" t="s">
        <v>596</v>
      </c>
      <c r="D135920" s="14" t="s">
        <v>176</v>
      </c>
      <c r="E135920" s="15">
        <v>45516</v>
      </c>
      <c r="F135920" s="14" t="s">
        <v>61</v>
      </c>
      <c r="G135920" s="16">
        <v>0</v>
      </c>
    </row>
    <row r="135921" spans="1:7" x14ac:dyDescent="0.3">
      <c r="A135921" s="13" t="s">
        <v>610</v>
      </c>
      <c r="B135921" s="14" t="s">
        <v>1</v>
      </c>
      <c r="C135921" s="14" t="s">
        <v>596</v>
      </c>
      <c r="D135921" s="14" t="s">
        <v>176</v>
      </c>
      <c r="E135921" s="15">
        <v>45517</v>
      </c>
      <c r="F135921" s="14" t="s">
        <v>61</v>
      </c>
      <c r="G135921" s="16">
        <v>0</v>
      </c>
    </row>
    <row r="135922" spans="1:7" x14ac:dyDescent="0.3">
      <c r="A135922" s="13" t="s">
        <v>610</v>
      </c>
      <c r="B135922" s="14" t="s">
        <v>1</v>
      </c>
      <c r="C135922" s="14" t="s">
        <v>596</v>
      </c>
      <c r="D135922" s="14" t="s">
        <v>176</v>
      </c>
      <c r="E135922" s="15">
        <v>45518</v>
      </c>
      <c r="F135922" s="14" t="s">
        <v>61</v>
      </c>
      <c r="G135922" s="16">
        <v>0</v>
      </c>
    </row>
    <row r="135923" spans="1:7" x14ac:dyDescent="0.3">
      <c r="A135923" s="13" t="s">
        <v>610</v>
      </c>
      <c r="B135923" s="14" t="s">
        <v>1</v>
      </c>
      <c r="C135923" s="14" t="s">
        <v>596</v>
      </c>
      <c r="D135923" s="14" t="s">
        <v>176</v>
      </c>
      <c r="E135923" s="15">
        <v>45519</v>
      </c>
      <c r="F135923" s="14" t="s">
        <v>61</v>
      </c>
      <c r="G135923" s="16">
        <v>0</v>
      </c>
    </row>
    <row r="135924" spans="1:7" x14ac:dyDescent="0.3">
      <c r="A135924" s="13" t="s">
        <v>610</v>
      </c>
      <c r="B135924" s="14" t="s">
        <v>1</v>
      </c>
      <c r="C135924" s="14" t="s">
        <v>596</v>
      </c>
      <c r="D135924" s="14" t="s">
        <v>176</v>
      </c>
      <c r="E135924" s="15">
        <v>45520</v>
      </c>
      <c r="F135924" s="14" t="s">
        <v>61</v>
      </c>
      <c r="G135924" s="16">
        <v>0</v>
      </c>
    </row>
    <row r="135925" spans="1:7" x14ac:dyDescent="0.3">
      <c r="A135925" s="13" t="s">
        <v>610</v>
      </c>
      <c r="B135925" s="14" t="s">
        <v>1</v>
      </c>
      <c r="C135925" s="14" t="s">
        <v>596</v>
      </c>
      <c r="D135925" s="14" t="s">
        <v>176</v>
      </c>
      <c r="E135925" s="15">
        <v>45521</v>
      </c>
      <c r="F135925" s="14" t="s">
        <v>61</v>
      </c>
      <c r="G135925" s="16">
        <v>0</v>
      </c>
    </row>
    <row r="135926" spans="1:7" x14ac:dyDescent="0.3">
      <c r="A135926" s="13" t="s">
        <v>610</v>
      </c>
      <c r="B135926" s="14" t="s">
        <v>1</v>
      </c>
      <c r="C135926" s="14" t="s">
        <v>596</v>
      </c>
      <c r="D135926" s="14" t="s">
        <v>176</v>
      </c>
      <c r="E135926" s="15">
        <v>45522</v>
      </c>
      <c r="F135926" s="14" t="s">
        <v>61</v>
      </c>
      <c r="G135926" s="16">
        <v>0</v>
      </c>
    </row>
    <row r="135927" spans="1:7" x14ac:dyDescent="0.3">
      <c r="A135927" s="13" t="s">
        <v>610</v>
      </c>
      <c r="B135927" s="14" t="s">
        <v>1</v>
      </c>
      <c r="C135927" s="14" t="s">
        <v>596</v>
      </c>
      <c r="D135927" s="14" t="s">
        <v>176</v>
      </c>
      <c r="E135927" s="15">
        <v>45523</v>
      </c>
      <c r="F135927" s="14" t="s">
        <v>61</v>
      </c>
      <c r="G135927" s="16">
        <v>0</v>
      </c>
    </row>
    <row r="135928" spans="1:7" x14ac:dyDescent="0.3">
      <c r="A135928" s="13" t="s">
        <v>610</v>
      </c>
      <c r="B135928" s="14" t="s">
        <v>1</v>
      </c>
      <c r="C135928" s="14" t="s">
        <v>596</v>
      </c>
      <c r="D135928" s="14" t="s">
        <v>176</v>
      </c>
      <c r="E135928" s="15">
        <v>45524</v>
      </c>
      <c r="F135928" s="14" t="s">
        <v>61</v>
      </c>
      <c r="G135928" s="16">
        <v>0</v>
      </c>
    </row>
    <row r="135929" spans="1:7" x14ac:dyDescent="0.3">
      <c r="A135929" s="13" t="s">
        <v>610</v>
      </c>
      <c r="B135929" s="14" t="s">
        <v>1</v>
      </c>
      <c r="C135929" s="14" t="s">
        <v>596</v>
      </c>
      <c r="D135929" s="14" t="s">
        <v>176</v>
      </c>
      <c r="E135929" s="15">
        <v>45525</v>
      </c>
      <c r="F135929" s="14" t="s">
        <v>61</v>
      </c>
      <c r="G135929" s="16">
        <v>0</v>
      </c>
    </row>
    <row r="135930" spans="1:7" x14ac:dyDescent="0.3">
      <c r="A135930" s="13" t="s">
        <v>610</v>
      </c>
      <c r="B135930" s="14" t="s">
        <v>1</v>
      </c>
      <c r="C135930" s="14" t="s">
        <v>596</v>
      </c>
      <c r="D135930" s="14" t="s">
        <v>176</v>
      </c>
      <c r="E135930" s="15">
        <v>45526</v>
      </c>
      <c r="F135930" s="14" t="s">
        <v>61</v>
      </c>
      <c r="G135930" s="16">
        <v>0</v>
      </c>
    </row>
    <row r="135931" spans="1:7" x14ac:dyDescent="0.3">
      <c r="A135931" s="13" t="s">
        <v>610</v>
      </c>
      <c r="B135931" s="14" t="s">
        <v>1</v>
      </c>
      <c r="C135931" s="14" t="s">
        <v>596</v>
      </c>
      <c r="D135931" s="14" t="s">
        <v>176</v>
      </c>
      <c r="E135931" s="15">
        <v>45527</v>
      </c>
      <c r="F135931" s="14" t="s">
        <v>61</v>
      </c>
      <c r="G135931" s="16">
        <v>0</v>
      </c>
    </row>
    <row r="135932" spans="1:7" x14ac:dyDescent="0.3">
      <c r="A135932" s="13" t="s">
        <v>610</v>
      </c>
      <c r="B135932" s="14" t="s">
        <v>1</v>
      </c>
      <c r="C135932" s="14" t="s">
        <v>596</v>
      </c>
      <c r="D135932" s="14" t="s">
        <v>176</v>
      </c>
      <c r="E135932" s="15">
        <v>45528</v>
      </c>
      <c r="F135932" s="14" t="s">
        <v>61</v>
      </c>
      <c r="G135932" s="16">
        <v>0</v>
      </c>
    </row>
    <row r="135933" spans="1:7" x14ac:dyDescent="0.3">
      <c r="A135933" s="13" t="s">
        <v>610</v>
      </c>
      <c r="B135933" s="14" t="s">
        <v>1</v>
      </c>
      <c r="C135933" s="14" t="s">
        <v>596</v>
      </c>
      <c r="D135933" s="14" t="s">
        <v>176</v>
      </c>
      <c r="E135933" s="15">
        <v>45529</v>
      </c>
      <c r="F135933" s="14" t="s">
        <v>61</v>
      </c>
      <c r="G135933" s="16">
        <v>0</v>
      </c>
    </row>
    <row r="135934" spans="1:7" x14ac:dyDescent="0.3">
      <c r="A135934" s="13" t="s">
        <v>610</v>
      </c>
      <c r="B135934" s="14" t="s">
        <v>1</v>
      </c>
      <c r="C135934" s="14" t="s">
        <v>596</v>
      </c>
      <c r="D135934" s="14" t="s">
        <v>176</v>
      </c>
      <c r="E135934" s="15">
        <v>45530</v>
      </c>
      <c r="F135934" s="14" t="s">
        <v>61</v>
      </c>
      <c r="G135934" s="16">
        <v>0</v>
      </c>
    </row>
    <row r="135935" spans="1:7" x14ac:dyDescent="0.3">
      <c r="A135935" s="13" t="s">
        <v>610</v>
      </c>
      <c r="B135935" s="14" t="s">
        <v>1</v>
      </c>
      <c r="C135935" s="14" t="s">
        <v>596</v>
      </c>
      <c r="D135935" s="14" t="s">
        <v>176</v>
      </c>
      <c r="E135935" s="15">
        <v>45531</v>
      </c>
      <c r="F135935" s="14" t="s">
        <v>61</v>
      </c>
      <c r="G135935" s="16">
        <v>0</v>
      </c>
    </row>
    <row r="135936" spans="1:7" x14ac:dyDescent="0.3">
      <c r="A135936" s="13" t="s">
        <v>610</v>
      </c>
      <c r="B135936" s="14" t="s">
        <v>1</v>
      </c>
      <c r="C135936" s="14" t="s">
        <v>596</v>
      </c>
      <c r="D135936" s="14" t="s">
        <v>176</v>
      </c>
      <c r="E135936" s="15">
        <v>45532</v>
      </c>
      <c r="F135936" s="14" t="s">
        <v>61</v>
      </c>
      <c r="G135936" s="16">
        <v>0</v>
      </c>
    </row>
    <row r="135937" spans="1:7" x14ac:dyDescent="0.3">
      <c r="A135937" s="13" t="s">
        <v>610</v>
      </c>
      <c r="B135937" s="14" t="s">
        <v>1</v>
      </c>
      <c r="C135937" s="14" t="s">
        <v>596</v>
      </c>
      <c r="D135937" s="14" t="s">
        <v>176</v>
      </c>
      <c r="E135937" s="15">
        <v>45533</v>
      </c>
      <c r="F135937" s="14" t="s">
        <v>61</v>
      </c>
      <c r="G135937" s="16">
        <v>0</v>
      </c>
    </row>
    <row r="135938" spans="1:7" x14ac:dyDescent="0.3">
      <c r="A135938" s="13" t="s">
        <v>610</v>
      </c>
      <c r="B135938" s="14" t="s">
        <v>1</v>
      </c>
      <c r="C135938" s="14" t="s">
        <v>596</v>
      </c>
      <c r="D135938" s="14" t="s">
        <v>176</v>
      </c>
      <c r="E135938" s="15">
        <v>45534</v>
      </c>
      <c r="F135938" s="14" t="s">
        <v>61</v>
      </c>
      <c r="G135938" s="16">
        <v>0</v>
      </c>
    </row>
    <row r="135939" spans="1:7" x14ac:dyDescent="0.3">
      <c r="A135939" s="13" t="s">
        <v>610</v>
      </c>
      <c r="B135939" s="14" t="s">
        <v>1</v>
      </c>
      <c r="C135939" s="14" t="s">
        <v>596</v>
      </c>
      <c r="D135939" s="14" t="s">
        <v>176</v>
      </c>
      <c r="E135939" s="15">
        <v>45535</v>
      </c>
      <c r="F135939" s="14" t="s">
        <v>61</v>
      </c>
      <c r="G135939" s="16">
        <v>0</v>
      </c>
    </row>
    <row r="135940" spans="1:7" x14ac:dyDescent="0.3">
      <c r="A135940" s="13" t="s">
        <v>610</v>
      </c>
      <c r="B135940" s="14" t="s">
        <v>1</v>
      </c>
      <c r="C135940" s="14" t="s">
        <v>596</v>
      </c>
      <c r="D135940" s="14" t="s">
        <v>176</v>
      </c>
      <c r="E135940" s="15">
        <v>45536</v>
      </c>
      <c r="F135940" s="14" t="s">
        <v>61</v>
      </c>
      <c r="G135940" s="16">
        <v>0</v>
      </c>
    </row>
    <row r="135941" spans="1:7" x14ac:dyDescent="0.3">
      <c r="A135941" s="13" t="s">
        <v>610</v>
      </c>
      <c r="B135941" s="14" t="s">
        <v>1</v>
      </c>
      <c r="C135941" s="14" t="s">
        <v>596</v>
      </c>
      <c r="D135941" s="14" t="s">
        <v>176</v>
      </c>
      <c r="E135941" s="15">
        <v>45537</v>
      </c>
      <c r="F135941" s="14" t="s">
        <v>61</v>
      </c>
      <c r="G135941" s="16">
        <v>0</v>
      </c>
    </row>
    <row r="135942" spans="1:7" x14ac:dyDescent="0.3">
      <c r="A135942" s="13" t="s">
        <v>610</v>
      </c>
      <c r="B135942" s="14" t="s">
        <v>1</v>
      </c>
      <c r="C135942" s="14" t="s">
        <v>596</v>
      </c>
      <c r="D135942" s="14" t="s">
        <v>176</v>
      </c>
      <c r="E135942" s="15">
        <v>45538</v>
      </c>
      <c r="F135942" s="14" t="s">
        <v>61</v>
      </c>
      <c r="G135942" s="16">
        <v>0</v>
      </c>
    </row>
    <row r="135943" spans="1:7" x14ac:dyDescent="0.3">
      <c r="A135943" s="13" t="s">
        <v>610</v>
      </c>
      <c r="B135943" s="14" t="s">
        <v>1</v>
      </c>
      <c r="C135943" s="14" t="s">
        <v>596</v>
      </c>
      <c r="D135943" s="14" t="s">
        <v>176</v>
      </c>
      <c r="E135943" s="15">
        <v>45539</v>
      </c>
      <c r="F135943" s="14" t="s">
        <v>61</v>
      </c>
      <c r="G135943" s="16">
        <v>0</v>
      </c>
    </row>
    <row r="135944" spans="1:7" x14ac:dyDescent="0.3">
      <c r="A135944" s="13" t="s">
        <v>610</v>
      </c>
      <c r="B135944" s="14" t="s">
        <v>1</v>
      </c>
      <c r="C135944" s="14" t="s">
        <v>596</v>
      </c>
      <c r="D135944" s="14" t="s">
        <v>176</v>
      </c>
      <c r="E135944" s="15">
        <v>45540</v>
      </c>
      <c r="F135944" s="14" t="s">
        <v>61</v>
      </c>
      <c r="G135944" s="16">
        <v>0</v>
      </c>
    </row>
    <row r="135945" spans="1:7" x14ac:dyDescent="0.3">
      <c r="A135945" s="13" t="s">
        <v>610</v>
      </c>
      <c r="B135945" s="14" t="s">
        <v>1</v>
      </c>
      <c r="C135945" s="14" t="s">
        <v>596</v>
      </c>
      <c r="D135945" s="14" t="s">
        <v>176</v>
      </c>
      <c r="E135945" s="15">
        <v>45541</v>
      </c>
      <c r="F135945" s="14" t="s">
        <v>61</v>
      </c>
      <c r="G135945" s="16">
        <v>0</v>
      </c>
    </row>
    <row r="135946" spans="1:7" x14ac:dyDescent="0.3">
      <c r="A135946" s="13" t="s">
        <v>610</v>
      </c>
      <c r="B135946" s="14" t="s">
        <v>1</v>
      </c>
      <c r="C135946" s="14" t="s">
        <v>596</v>
      </c>
      <c r="D135946" s="14" t="s">
        <v>176</v>
      </c>
      <c r="E135946" s="15">
        <v>45542</v>
      </c>
      <c r="F135946" s="14" t="s">
        <v>61</v>
      </c>
      <c r="G135946" s="16">
        <v>0</v>
      </c>
    </row>
    <row r="135947" spans="1:7" x14ac:dyDescent="0.3">
      <c r="A135947" s="13" t="s">
        <v>610</v>
      </c>
      <c r="B135947" s="14" t="s">
        <v>1</v>
      </c>
      <c r="C135947" s="14" t="s">
        <v>596</v>
      </c>
      <c r="D135947" s="14" t="s">
        <v>176</v>
      </c>
      <c r="E135947" s="15">
        <v>45543</v>
      </c>
      <c r="F135947" s="14" t="s">
        <v>61</v>
      </c>
      <c r="G135947" s="16">
        <v>0</v>
      </c>
    </row>
    <row r="135948" spans="1:7" x14ac:dyDescent="0.3">
      <c r="A135948" s="13" t="s">
        <v>610</v>
      </c>
      <c r="B135948" s="14" t="s">
        <v>1</v>
      </c>
      <c r="C135948" s="14" t="s">
        <v>596</v>
      </c>
      <c r="D135948" s="14" t="s">
        <v>176</v>
      </c>
      <c r="E135948" s="15">
        <v>45544</v>
      </c>
      <c r="F135948" s="14" t="s">
        <v>61</v>
      </c>
      <c r="G135948" s="16">
        <v>0</v>
      </c>
    </row>
    <row r="135949" spans="1:7" x14ac:dyDescent="0.3">
      <c r="A135949" s="13" t="s">
        <v>610</v>
      </c>
      <c r="B135949" s="14" t="s">
        <v>1</v>
      </c>
      <c r="C135949" s="14" t="s">
        <v>596</v>
      </c>
      <c r="D135949" s="14" t="s">
        <v>176</v>
      </c>
      <c r="E135949" s="15">
        <v>45545</v>
      </c>
      <c r="F135949" s="14" t="s">
        <v>61</v>
      </c>
      <c r="G135949" s="16">
        <v>0</v>
      </c>
    </row>
    <row r="135950" spans="1:7" x14ac:dyDescent="0.3">
      <c r="A135950" s="13" t="s">
        <v>610</v>
      </c>
      <c r="B135950" s="14" t="s">
        <v>1</v>
      </c>
      <c r="C135950" s="14" t="s">
        <v>596</v>
      </c>
      <c r="D135950" s="14" t="s">
        <v>176</v>
      </c>
      <c r="E135950" s="15">
        <v>45546</v>
      </c>
      <c r="F135950" s="14" t="s">
        <v>61</v>
      </c>
      <c r="G135950" s="16">
        <v>0</v>
      </c>
    </row>
    <row r="135951" spans="1:7" x14ac:dyDescent="0.3">
      <c r="A135951" s="13" t="s">
        <v>610</v>
      </c>
      <c r="B135951" s="14" t="s">
        <v>1</v>
      </c>
      <c r="C135951" s="14" t="s">
        <v>596</v>
      </c>
      <c r="D135951" s="14" t="s">
        <v>176</v>
      </c>
      <c r="E135951" s="15">
        <v>45547</v>
      </c>
      <c r="F135951" s="14" t="s">
        <v>61</v>
      </c>
      <c r="G135951" s="16">
        <v>0</v>
      </c>
    </row>
    <row r="135952" spans="1:7" x14ac:dyDescent="0.3">
      <c r="A135952" s="13" t="s">
        <v>610</v>
      </c>
      <c r="B135952" s="14" t="s">
        <v>1</v>
      </c>
      <c r="C135952" s="14" t="s">
        <v>596</v>
      </c>
      <c r="D135952" s="14" t="s">
        <v>176</v>
      </c>
      <c r="E135952" s="15">
        <v>45548</v>
      </c>
      <c r="F135952" s="14" t="s">
        <v>61</v>
      </c>
      <c r="G135952" s="16">
        <v>0</v>
      </c>
    </row>
    <row r="135953" spans="1:7" x14ac:dyDescent="0.3">
      <c r="A135953" s="13" t="s">
        <v>610</v>
      </c>
      <c r="B135953" s="14" t="s">
        <v>1</v>
      </c>
      <c r="C135953" s="14" t="s">
        <v>596</v>
      </c>
      <c r="D135953" s="14" t="s">
        <v>176</v>
      </c>
      <c r="E135953" s="15">
        <v>45549</v>
      </c>
      <c r="F135953" s="14" t="s">
        <v>61</v>
      </c>
      <c r="G135953" s="16">
        <v>0</v>
      </c>
    </row>
    <row r="135954" spans="1:7" x14ac:dyDescent="0.3">
      <c r="A135954" s="13" t="s">
        <v>610</v>
      </c>
      <c r="B135954" s="14" t="s">
        <v>1</v>
      </c>
      <c r="C135954" s="14" t="s">
        <v>596</v>
      </c>
      <c r="D135954" s="14" t="s">
        <v>176</v>
      </c>
      <c r="E135954" s="15">
        <v>45550</v>
      </c>
      <c r="F135954" s="14" t="s">
        <v>61</v>
      </c>
      <c r="G135954" s="16">
        <v>0</v>
      </c>
    </row>
    <row r="135955" spans="1:7" x14ac:dyDescent="0.3">
      <c r="A135955" s="13" t="s">
        <v>610</v>
      </c>
      <c r="B135955" s="14" t="s">
        <v>1</v>
      </c>
      <c r="C135955" s="14" t="s">
        <v>596</v>
      </c>
      <c r="D135955" s="14" t="s">
        <v>176</v>
      </c>
      <c r="E135955" s="15">
        <v>45551</v>
      </c>
      <c r="F135955" s="14" t="s">
        <v>61</v>
      </c>
      <c r="G135955" s="16">
        <v>0</v>
      </c>
    </row>
    <row r="135956" spans="1:7" x14ac:dyDescent="0.3">
      <c r="A135956" s="13" t="s">
        <v>610</v>
      </c>
      <c r="B135956" s="14" t="s">
        <v>1</v>
      </c>
      <c r="C135956" s="14" t="s">
        <v>596</v>
      </c>
      <c r="D135956" s="14" t="s">
        <v>176</v>
      </c>
      <c r="E135956" s="15">
        <v>45552</v>
      </c>
      <c r="F135956" s="14" t="s">
        <v>61</v>
      </c>
      <c r="G135956" s="16">
        <v>0</v>
      </c>
    </row>
    <row r="135957" spans="1:7" x14ac:dyDescent="0.3">
      <c r="A135957" s="13" t="s">
        <v>610</v>
      </c>
      <c r="B135957" s="14" t="s">
        <v>1</v>
      </c>
      <c r="C135957" s="14" t="s">
        <v>596</v>
      </c>
      <c r="D135957" s="14" t="s">
        <v>176</v>
      </c>
      <c r="E135957" s="15">
        <v>45553</v>
      </c>
      <c r="F135957" s="14" t="s">
        <v>61</v>
      </c>
      <c r="G135957" s="16">
        <v>0</v>
      </c>
    </row>
    <row r="135958" spans="1:7" x14ac:dyDescent="0.3">
      <c r="A135958" s="13" t="s">
        <v>610</v>
      </c>
      <c r="B135958" s="14" t="s">
        <v>1</v>
      </c>
      <c r="C135958" s="14" t="s">
        <v>596</v>
      </c>
      <c r="D135958" s="14" t="s">
        <v>176</v>
      </c>
      <c r="E135958" s="15">
        <v>45554</v>
      </c>
      <c r="F135958" s="14" t="s">
        <v>61</v>
      </c>
      <c r="G135958" s="16">
        <v>0</v>
      </c>
    </row>
    <row r="135959" spans="1:7" x14ac:dyDescent="0.3">
      <c r="A135959" s="13" t="s">
        <v>610</v>
      </c>
      <c r="B135959" s="14" t="s">
        <v>1</v>
      </c>
      <c r="C135959" s="14" t="s">
        <v>596</v>
      </c>
      <c r="D135959" s="14" t="s">
        <v>176</v>
      </c>
      <c r="E135959" s="15">
        <v>45555</v>
      </c>
      <c r="F135959" s="14" t="s">
        <v>61</v>
      </c>
      <c r="G135959" s="16">
        <v>0</v>
      </c>
    </row>
    <row r="135960" spans="1:7" x14ac:dyDescent="0.3">
      <c r="A135960" s="13" t="s">
        <v>610</v>
      </c>
      <c r="B135960" s="14" t="s">
        <v>1</v>
      </c>
      <c r="C135960" s="14" t="s">
        <v>596</v>
      </c>
      <c r="D135960" s="14" t="s">
        <v>176</v>
      </c>
      <c r="E135960" s="15">
        <v>45556</v>
      </c>
      <c r="F135960" s="14" t="s">
        <v>61</v>
      </c>
      <c r="G135960" s="16">
        <v>0</v>
      </c>
    </row>
    <row r="135961" spans="1:7" x14ac:dyDescent="0.3">
      <c r="A135961" s="13" t="s">
        <v>610</v>
      </c>
      <c r="B135961" s="14" t="s">
        <v>1</v>
      </c>
      <c r="C135961" s="14" t="s">
        <v>596</v>
      </c>
      <c r="D135961" s="14" t="s">
        <v>176</v>
      </c>
      <c r="E135961" s="15">
        <v>45557</v>
      </c>
      <c r="F135961" s="14" t="s">
        <v>61</v>
      </c>
      <c r="G135961" s="16">
        <v>0</v>
      </c>
    </row>
    <row r="135962" spans="1:7" x14ac:dyDescent="0.3">
      <c r="A135962" s="13" t="s">
        <v>610</v>
      </c>
      <c r="B135962" s="14" t="s">
        <v>1</v>
      </c>
      <c r="C135962" s="14" t="s">
        <v>596</v>
      </c>
      <c r="D135962" s="14" t="s">
        <v>176</v>
      </c>
      <c r="E135962" s="15">
        <v>45558</v>
      </c>
      <c r="F135962" s="14" t="s">
        <v>61</v>
      </c>
      <c r="G135962" s="16">
        <v>0</v>
      </c>
    </row>
    <row r="135963" spans="1:7" x14ac:dyDescent="0.3">
      <c r="A135963" s="13" t="s">
        <v>610</v>
      </c>
      <c r="B135963" s="14" t="s">
        <v>1</v>
      </c>
      <c r="C135963" s="14" t="s">
        <v>596</v>
      </c>
      <c r="D135963" s="14" t="s">
        <v>176</v>
      </c>
      <c r="E135963" s="15">
        <v>45559</v>
      </c>
      <c r="F135963" s="14" t="s">
        <v>61</v>
      </c>
      <c r="G135963" s="16">
        <v>0</v>
      </c>
    </row>
    <row r="135964" spans="1:7" x14ac:dyDescent="0.3">
      <c r="A135964" s="13" t="s">
        <v>610</v>
      </c>
      <c r="B135964" s="14" t="s">
        <v>1</v>
      </c>
      <c r="C135964" s="14" t="s">
        <v>596</v>
      </c>
      <c r="D135964" s="14" t="s">
        <v>176</v>
      </c>
      <c r="E135964" s="15">
        <v>45560</v>
      </c>
      <c r="F135964" s="14" t="s">
        <v>61</v>
      </c>
      <c r="G135964" s="16">
        <v>0</v>
      </c>
    </row>
    <row r="135965" spans="1:7" x14ac:dyDescent="0.3">
      <c r="A135965" s="13" t="s">
        <v>610</v>
      </c>
      <c r="B135965" s="14" t="s">
        <v>1</v>
      </c>
      <c r="C135965" s="14" t="s">
        <v>596</v>
      </c>
      <c r="D135965" s="14" t="s">
        <v>176</v>
      </c>
      <c r="E135965" s="15">
        <v>45561</v>
      </c>
      <c r="F135965" s="14" t="s">
        <v>61</v>
      </c>
      <c r="G135965" s="16">
        <v>0</v>
      </c>
    </row>
    <row r="135966" spans="1:7" x14ac:dyDescent="0.3">
      <c r="A135966" s="13" t="s">
        <v>610</v>
      </c>
      <c r="B135966" s="14" t="s">
        <v>1</v>
      </c>
      <c r="C135966" s="14" t="s">
        <v>596</v>
      </c>
      <c r="D135966" s="14" t="s">
        <v>176</v>
      </c>
      <c r="E135966" s="15">
        <v>45562</v>
      </c>
      <c r="F135966" s="14" t="s">
        <v>61</v>
      </c>
      <c r="G135966" s="16">
        <v>0</v>
      </c>
    </row>
    <row r="135967" spans="1:7" x14ac:dyDescent="0.3">
      <c r="A135967" s="13" t="s">
        <v>610</v>
      </c>
      <c r="B135967" s="14" t="s">
        <v>1</v>
      </c>
      <c r="C135967" s="14" t="s">
        <v>596</v>
      </c>
      <c r="D135967" s="14" t="s">
        <v>176</v>
      </c>
      <c r="E135967" s="15">
        <v>45563</v>
      </c>
      <c r="F135967" s="14" t="s">
        <v>61</v>
      </c>
      <c r="G135967" s="16">
        <v>0</v>
      </c>
    </row>
    <row r="135968" spans="1:7" x14ac:dyDescent="0.3">
      <c r="A135968" s="13" t="s">
        <v>610</v>
      </c>
      <c r="B135968" s="14" t="s">
        <v>1</v>
      </c>
      <c r="C135968" s="14" t="s">
        <v>596</v>
      </c>
      <c r="D135968" s="14" t="s">
        <v>176</v>
      </c>
      <c r="E135968" s="15">
        <v>45564</v>
      </c>
      <c r="F135968" s="14" t="s">
        <v>61</v>
      </c>
      <c r="G135968" s="16">
        <v>0</v>
      </c>
    </row>
    <row r="135969" spans="1:7" x14ac:dyDescent="0.3">
      <c r="A135969" s="13" t="s">
        <v>610</v>
      </c>
      <c r="B135969" s="14" t="s">
        <v>1</v>
      </c>
      <c r="C135969" s="14" t="s">
        <v>596</v>
      </c>
      <c r="D135969" s="14" t="s">
        <v>176</v>
      </c>
      <c r="E135969" s="15">
        <v>45565</v>
      </c>
      <c r="F135969" s="14" t="s">
        <v>61</v>
      </c>
      <c r="G135969" s="16">
        <v>0</v>
      </c>
    </row>
    <row r="135970" spans="1:7" x14ac:dyDescent="0.3">
      <c r="A135970" s="13" t="s">
        <v>610</v>
      </c>
      <c r="B135970" s="14" t="s">
        <v>1</v>
      </c>
      <c r="C135970" s="14" t="s">
        <v>596</v>
      </c>
      <c r="D135970" s="14" t="s">
        <v>176</v>
      </c>
      <c r="E135970" s="15">
        <v>45566</v>
      </c>
      <c r="F135970" s="14" t="s">
        <v>61</v>
      </c>
      <c r="G135970" s="16">
        <v>0</v>
      </c>
    </row>
    <row r="135971" spans="1:7" x14ac:dyDescent="0.3">
      <c r="A135971" s="13" t="s">
        <v>610</v>
      </c>
      <c r="B135971" s="14" t="s">
        <v>1</v>
      </c>
      <c r="C135971" s="14" t="s">
        <v>596</v>
      </c>
      <c r="D135971" s="14" t="s">
        <v>176</v>
      </c>
      <c r="E135971" s="15">
        <v>45567</v>
      </c>
      <c r="F135971" s="14" t="s">
        <v>61</v>
      </c>
      <c r="G135971" s="16">
        <v>0</v>
      </c>
    </row>
    <row r="135972" spans="1:7" x14ac:dyDescent="0.3">
      <c r="A135972" s="13" t="s">
        <v>610</v>
      </c>
      <c r="B135972" s="14" t="s">
        <v>1</v>
      </c>
      <c r="C135972" s="14" t="s">
        <v>596</v>
      </c>
      <c r="D135972" s="14" t="s">
        <v>176</v>
      </c>
      <c r="E135972" s="15">
        <v>45568</v>
      </c>
      <c r="F135972" s="14" t="s">
        <v>61</v>
      </c>
      <c r="G135972" s="16">
        <v>0</v>
      </c>
    </row>
    <row r="135973" spans="1:7" x14ac:dyDescent="0.3">
      <c r="A135973" s="13" t="s">
        <v>610</v>
      </c>
      <c r="B135973" s="14" t="s">
        <v>1</v>
      </c>
      <c r="C135973" s="14" t="s">
        <v>596</v>
      </c>
      <c r="D135973" s="14" t="s">
        <v>176</v>
      </c>
      <c r="E135973" s="15">
        <v>45569</v>
      </c>
      <c r="F135973" s="14" t="s">
        <v>61</v>
      </c>
      <c r="G135973" s="16">
        <v>0</v>
      </c>
    </row>
    <row r="135974" spans="1:7" x14ac:dyDescent="0.3">
      <c r="A135974" s="13" t="s">
        <v>610</v>
      </c>
      <c r="B135974" s="14" t="s">
        <v>1</v>
      </c>
      <c r="C135974" s="14" t="s">
        <v>596</v>
      </c>
      <c r="D135974" s="14" t="s">
        <v>176</v>
      </c>
      <c r="E135974" s="15">
        <v>45570</v>
      </c>
      <c r="F135974" s="14" t="s">
        <v>61</v>
      </c>
      <c r="G135974" s="16">
        <v>0</v>
      </c>
    </row>
    <row r="135975" spans="1:7" x14ac:dyDescent="0.3">
      <c r="A135975" s="13" t="s">
        <v>610</v>
      </c>
      <c r="B135975" s="14" t="s">
        <v>1</v>
      </c>
      <c r="C135975" s="14" t="s">
        <v>596</v>
      </c>
      <c r="D135975" s="14" t="s">
        <v>176</v>
      </c>
      <c r="E135975" s="15">
        <v>45571</v>
      </c>
      <c r="F135975" s="14" t="s">
        <v>61</v>
      </c>
      <c r="G135975" s="16">
        <v>0</v>
      </c>
    </row>
    <row r="135976" spans="1:7" x14ac:dyDescent="0.3">
      <c r="A135976" s="13" t="s">
        <v>610</v>
      </c>
      <c r="B135976" s="14" t="s">
        <v>1</v>
      </c>
      <c r="C135976" s="14" t="s">
        <v>596</v>
      </c>
      <c r="D135976" s="14" t="s">
        <v>176</v>
      </c>
      <c r="E135976" s="15">
        <v>45572</v>
      </c>
      <c r="F135976" s="14" t="s">
        <v>61</v>
      </c>
      <c r="G135976" s="16">
        <v>0</v>
      </c>
    </row>
    <row r="135977" spans="1:7" x14ac:dyDescent="0.3">
      <c r="A135977" s="13" t="s">
        <v>610</v>
      </c>
      <c r="B135977" s="14" t="s">
        <v>1</v>
      </c>
      <c r="C135977" s="14" t="s">
        <v>596</v>
      </c>
      <c r="D135977" s="14" t="s">
        <v>176</v>
      </c>
      <c r="E135977" s="15">
        <v>45573</v>
      </c>
      <c r="F135977" s="14" t="s">
        <v>61</v>
      </c>
      <c r="G135977" s="16">
        <v>0</v>
      </c>
    </row>
    <row r="135978" spans="1:7" x14ac:dyDescent="0.3">
      <c r="A135978" s="13" t="s">
        <v>610</v>
      </c>
      <c r="B135978" s="14" t="s">
        <v>1</v>
      </c>
      <c r="C135978" s="14" t="s">
        <v>596</v>
      </c>
      <c r="D135978" s="14" t="s">
        <v>176</v>
      </c>
      <c r="E135978" s="15">
        <v>45574</v>
      </c>
      <c r="F135978" s="14" t="s">
        <v>61</v>
      </c>
      <c r="G135978" s="16">
        <v>0</v>
      </c>
    </row>
    <row r="135979" spans="1:7" x14ac:dyDescent="0.3">
      <c r="A135979" s="13" t="s">
        <v>610</v>
      </c>
      <c r="B135979" s="14" t="s">
        <v>1</v>
      </c>
      <c r="C135979" s="14" t="s">
        <v>596</v>
      </c>
      <c r="D135979" s="14" t="s">
        <v>176</v>
      </c>
      <c r="E135979" s="15">
        <v>45575</v>
      </c>
      <c r="F135979" s="14" t="s">
        <v>61</v>
      </c>
      <c r="G135979" s="16">
        <v>0</v>
      </c>
    </row>
    <row r="135980" spans="1:7" x14ac:dyDescent="0.3">
      <c r="A135980" s="13" t="s">
        <v>610</v>
      </c>
      <c r="B135980" s="14" t="s">
        <v>1</v>
      </c>
      <c r="C135980" s="14" t="s">
        <v>596</v>
      </c>
      <c r="D135980" s="14" t="s">
        <v>176</v>
      </c>
      <c r="E135980" s="15">
        <v>45576</v>
      </c>
      <c r="F135980" s="14" t="s">
        <v>61</v>
      </c>
      <c r="G135980" s="16">
        <v>0</v>
      </c>
    </row>
    <row r="135981" spans="1:7" x14ac:dyDescent="0.3">
      <c r="A135981" s="13" t="s">
        <v>610</v>
      </c>
      <c r="B135981" s="14" t="s">
        <v>1</v>
      </c>
      <c r="C135981" s="14" t="s">
        <v>596</v>
      </c>
      <c r="D135981" s="14" t="s">
        <v>176</v>
      </c>
      <c r="E135981" s="15">
        <v>45577</v>
      </c>
      <c r="F135981" s="14" t="s">
        <v>61</v>
      </c>
      <c r="G135981" s="16">
        <v>0</v>
      </c>
    </row>
    <row r="135982" spans="1:7" x14ac:dyDescent="0.3">
      <c r="A135982" s="13" t="s">
        <v>610</v>
      </c>
      <c r="B135982" s="14" t="s">
        <v>1</v>
      </c>
      <c r="C135982" s="14" t="s">
        <v>596</v>
      </c>
      <c r="D135982" s="14" t="s">
        <v>176</v>
      </c>
      <c r="E135982" s="15">
        <v>45578</v>
      </c>
      <c r="F135982" s="14" t="s">
        <v>61</v>
      </c>
      <c r="G135982" s="16">
        <v>0</v>
      </c>
    </row>
    <row r="135983" spans="1:7" x14ac:dyDescent="0.3">
      <c r="A135983" s="13" t="s">
        <v>610</v>
      </c>
      <c r="B135983" s="14" t="s">
        <v>1</v>
      </c>
      <c r="C135983" s="14" t="s">
        <v>596</v>
      </c>
      <c r="D135983" s="14" t="s">
        <v>176</v>
      </c>
      <c r="E135983" s="15">
        <v>45579</v>
      </c>
      <c r="F135983" s="14" t="s">
        <v>61</v>
      </c>
      <c r="G135983" s="16">
        <v>0</v>
      </c>
    </row>
    <row r="135984" spans="1:7" x14ac:dyDescent="0.3">
      <c r="A135984" s="13" t="s">
        <v>610</v>
      </c>
      <c r="B135984" s="14" t="s">
        <v>1</v>
      </c>
      <c r="C135984" s="14" t="s">
        <v>596</v>
      </c>
      <c r="D135984" s="14" t="s">
        <v>176</v>
      </c>
      <c r="E135984" s="15">
        <v>45580</v>
      </c>
      <c r="F135984" s="14" t="s">
        <v>61</v>
      </c>
      <c r="G135984" s="16">
        <v>0</v>
      </c>
    </row>
    <row r="135985" spans="1:7" x14ac:dyDescent="0.3">
      <c r="A135985" s="13" t="s">
        <v>610</v>
      </c>
      <c r="B135985" s="14" t="s">
        <v>1</v>
      </c>
      <c r="C135985" s="14" t="s">
        <v>596</v>
      </c>
      <c r="D135985" s="14" t="s">
        <v>176</v>
      </c>
      <c r="E135985" s="15">
        <v>45581</v>
      </c>
      <c r="F135985" s="14" t="s">
        <v>61</v>
      </c>
      <c r="G135985" s="16">
        <v>0</v>
      </c>
    </row>
    <row r="135986" spans="1:7" x14ac:dyDescent="0.3">
      <c r="A135986" s="13" t="s">
        <v>610</v>
      </c>
      <c r="B135986" s="14" t="s">
        <v>1</v>
      </c>
      <c r="C135986" s="14" t="s">
        <v>596</v>
      </c>
      <c r="D135986" s="14" t="s">
        <v>176</v>
      </c>
      <c r="E135986" s="15">
        <v>45582</v>
      </c>
      <c r="F135986" s="14" t="s">
        <v>61</v>
      </c>
      <c r="G135986" s="16">
        <v>0</v>
      </c>
    </row>
    <row r="135987" spans="1:7" x14ac:dyDescent="0.3">
      <c r="A135987" s="13" t="s">
        <v>610</v>
      </c>
      <c r="B135987" s="14" t="s">
        <v>1</v>
      </c>
      <c r="C135987" s="14" t="s">
        <v>596</v>
      </c>
      <c r="D135987" s="14" t="s">
        <v>176</v>
      </c>
      <c r="E135987" s="15">
        <v>45583</v>
      </c>
      <c r="F135987" s="14" t="s">
        <v>61</v>
      </c>
      <c r="G135987" s="16">
        <v>0</v>
      </c>
    </row>
    <row r="135988" spans="1:7" x14ac:dyDescent="0.3">
      <c r="A135988" s="13" t="s">
        <v>610</v>
      </c>
      <c r="B135988" s="14" t="s">
        <v>1</v>
      </c>
      <c r="C135988" s="14" t="s">
        <v>596</v>
      </c>
      <c r="D135988" s="14" t="s">
        <v>176</v>
      </c>
      <c r="E135988" s="15">
        <v>45584</v>
      </c>
      <c r="F135988" s="14" t="s">
        <v>61</v>
      </c>
      <c r="G135988" s="16">
        <v>0</v>
      </c>
    </row>
    <row r="135989" spans="1:7" x14ac:dyDescent="0.3">
      <c r="A135989" s="13" t="s">
        <v>610</v>
      </c>
      <c r="B135989" s="14" t="s">
        <v>1</v>
      </c>
      <c r="C135989" s="14" t="s">
        <v>596</v>
      </c>
      <c r="D135989" s="14" t="s">
        <v>176</v>
      </c>
      <c r="E135989" s="15">
        <v>45585</v>
      </c>
      <c r="F135989" s="14" t="s">
        <v>61</v>
      </c>
      <c r="G135989" s="16">
        <v>0</v>
      </c>
    </row>
    <row r="135990" spans="1:7" x14ac:dyDescent="0.3">
      <c r="A135990" s="13" t="s">
        <v>610</v>
      </c>
      <c r="B135990" s="14" t="s">
        <v>1</v>
      </c>
      <c r="C135990" s="14" t="s">
        <v>596</v>
      </c>
      <c r="D135990" s="14" t="s">
        <v>176</v>
      </c>
      <c r="E135990" s="15">
        <v>45586</v>
      </c>
      <c r="F135990" s="14" t="s">
        <v>61</v>
      </c>
      <c r="G135990" s="16">
        <v>0</v>
      </c>
    </row>
    <row r="135991" spans="1:7" x14ac:dyDescent="0.3">
      <c r="A135991" s="13" t="s">
        <v>610</v>
      </c>
      <c r="B135991" s="14" t="s">
        <v>1</v>
      </c>
      <c r="C135991" s="14" t="s">
        <v>596</v>
      </c>
      <c r="D135991" s="14" t="s">
        <v>176</v>
      </c>
      <c r="E135991" s="15">
        <v>45587</v>
      </c>
      <c r="F135991" s="14" t="s">
        <v>61</v>
      </c>
      <c r="G135991" s="16">
        <v>0</v>
      </c>
    </row>
    <row r="135992" spans="1:7" x14ac:dyDescent="0.3">
      <c r="A135992" s="13" t="s">
        <v>610</v>
      </c>
      <c r="B135992" s="14" t="s">
        <v>1</v>
      </c>
      <c r="C135992" s="14" t="s">
        <v>596</v>
      </c>
      <c r="D135992" s="14" t="s">
        <v>176</v>
      </c>
      <c r="E135992" s="15">
        <v>45588</v>
      </c>
      <c r="F135992" s="14" t="s">
        <v>61</v>
      </c>
      <c r="G135992" s="16">
        <v>0</v>
      </c>
    </row>
    <row r="135993" spans="1:7" x14ac:dyDescent="0.3">
      <c r="A135993" s="13" t="s">
        <v>610</v>
      </c>
      <c r="B135993" s="14" t="s">
        <v>1</v>
      </c>
      <c r="C135993" s="14" t="s">
        <v>596</v>
      </c>
      <c r="D135993" s="14" t="s">
        <v>176</v>
      </c>
      <c r="E135993" s="15">
        <v>45589</v>
      </c>
      <c r="F135993" s="14" t="s">
        <v>61</v>
      </c>
      <c r="G135993" s="16">
        <v>0</v>
      </c>
    </row>
    <row r="135994" spans="1:7" x14ac:dyDescent="0.3">
      <c r="A135994" s="13" t="s">
        <v>610</v>
      </c>
      <c r="B135994" s="14" t="s">
        <v>1</v>
      </c>
      <c r="C135994" s="14" t="s">
        <v>596</v>
      </c>
      <c r="D135994" s="14" t="s">
        <v>176</v>
      </c>
      <c r="E135994" s="15">
        <v>45590</v>
      </c>
      <c r="F135994" s="14" t="s">
        <v>61</v>
      </c>
      <c r="G135994" s="16">
        <v>0</v>
      </c>
    </row>
    <row r="135995" spans="1:7" x14ac:dyDescent="0.3">
      <c r="A135995" s="13" t="s">
        <v>610</v>
      </c>
      <c r="B135995" s="14" t="s">
        <v>1</v>
      </c>
      <c r="C135995" s="14" t="s">
        <v>596</v>
      </c>
      <c r="D135995" s="14" t="s">
        <v>176</v>
      </c>
      <c r="E135995" s="15">
        <v>45591</v>
      </c>
      <c r="F135995" s="14" t="s">
        <v>61</v>
      </c>
      <c r="G135995" s="16">
        <v>0</v>
      </c>
    </row>
    <row r="135996" spans="1:7" x14ac:dyDescent="0.3">
      <c r="A135996" s="13" t="s">
        <v>610</v>
      </c>
      <c r="B135996" s="14" t="s">
        <v>1</v>
      </c>
      <c r="C135996" s="14" t="s">
        <v>596</v>
      </c>
      <c r="D135996" s="14" t="s">
        <v>176</v>
      </c>
      <c r="E135996" s="15">
        <v>45592</v>
      </c>
      <c r="F135996" s="14" t="s">
        <v>61</v>
      </c>
      <c r="G135996" s="16">
        <v>0</v>
      </c>
    </row>
    <row r="135997" spans="1:7" x14ac:dyDescent="0.3">
      <c r="A135997" s="13" t="s">
        <v>610</v>
      </c>
      <c r="B135997" s="14" t="s">
        <v>1</v>
      </c>
      <c r="C135997" s="14" t="s">
        <v>596</v>
      </c>
      <c r="D135997" s="14" t="s">
        <v>176</v>
      </c>
      <c r="E135997" s="15">
        <v>45593</v>
      </c>
      <c r="F135997" s="14" t="s">
        <v>61</v>
      </c>
      <c r="G135997" s="16">
        <v>0</v>
      </c>
    </row>
    <row r="135998" spans="1:7" x14ac:dyDescent="0.3">
      <c r="A135998" s="13" t="s">
        <v>610</v>
      </c>
      <c r="B135998" s="14" t="s">
        <v>1</v>
      </c>
      <c r="C135998" s="14" t="s">
        <v>596</v>
      </c>
      <c r="D135998" s="14" t="s">
        <v>176</v>
      </c>
      <c r="E135998" s="15">
        <v>45594</v>
      </c>
      <c r="F135998" s="14" t="s">
        <v>61</v>
      </c>
      <c r="G135998" s="16">
        <v>0</v>
      </c>
    </row>
    <row r="135999" spans="1:7" x14ac:dyDescent="0.3">
      <c r="A135999" s="13" t="s">
        <v>610</v>
      </c>
      <c r="B135999" s="14" t="s">
        <v>1</v>
      </c>
      <c r="C135999" s="14" t="s">
        <v>596</v>
      </c>
      <c r="D135999" s="14" t="s">
        <v>176</v>
      </c>
      <c r="E135999" s="15">
        <v>45595</v>
      </c>
      <c r="F135999" s="14" t="s">
        <v>61</v>
      </c>
      <c r="G135999" s="16">
        <v>0</v>
      </c>
    </row>
    <row r="136000" spans="1:7" x14ac:dyDescent="0.3">
      <c r="A136000" s="13" t="s">
        <v>610</v>
      </c>
      <c r="B136000" s="14" t="s">
        <v>1</v>
      </c>
      <c r="C136000" s="14" t="s">
        <v>596</v>
      </c>
      <c r="D136000" s="14" t="s">
        <v>176</v>
      </c>
      <c r="E136000" s="15">
        <v>45596</v>
      </c>
      <c r="F136000" s="14" t="s">
        <v>61</v>
      </c>
      <c r="G136000" s="16">
        <v>0</v>
      </c>
    </row>
    <row r="136001" spans="1:7" x14ac:dyDescent="0.3">
      <c r="A136001" s="13" t="s">
        <v>610</v>
      </c>
      <c r="B136001" s="14" t="s">
        <v>1</v>
      </c>
      <c r="C136001" s="14" t="s">
        <v>596</v>
      </c>
      <c r="D136001" s="14" t="s">
        <v>176</v>
      </c>
      <c r="E136001" s="15">
        <v>45597</v>
      </c>
      <c r="F136001" s="14" t="s">
        <v>61</v>
      </c>
      <c r="G136001" s="16">
        <v>0</v>
      </c>
    </row>
    <row r="136002" spans="1:7" x14ac:dyDescent="0.3">
      <c r="A136002" s="13" t="s">
        <v>610</v>
      </c>
      <c r="B136002" s="14" t="s">
        <v>1</v>
      </c>
      <c r="C136002" s="14" t="s">
        <v>596</v>
      </c>
      <c r="D136002" s="14" t="s">
        <v>176</v>
      </c>
      <c r="E136002" s="15">
        <v>45598</v>
      </c>
      <c r="F136002" s="14" t="s">
        <v>61</v>
      </c>
      <c r="G136002" s="16">
        <v>0</v>
      </c>
    </row>
    <row r="136003" spans="1:7" x14ac:dyDescent="0.3">
      <c r="A136003" s="13" t="s">
        <v>610</v>
      </c>
      <c r="B136003" s="14" t="s">
        <v>1</v>
      </c>
      <c r="C136003" s="14" t="s">
        <v>596</v>
      </c>
      <c r="D136003" s="14" t="s">
        <v>176</v>
      </c>
      <c r="E136003" s="15">
        <v>45599</v>
      </c>
      <c r="F136003" s="14" t="s">
        <v>61</v>
      </c>
      <c r="G136003" s="16">
        <v>0</v>
      </c>
    </row>
    <row r="136004" spans="1:7" x14ac:dyDescent="0.3">
      <c r="A136004" s="13" t="s">
        <v>610</v>
      </c>
      <c r="B136004" s="14" t="s">
        <v>1</v>
      </c>
      <c r="C136004" s="14" t="s">
        <v>596</v>
      </c>
      <c r="D136004" s="14" t="s">
        <v>176</v>
      </c>
      <c r="E136004" s="15">
        <v>45600</v>
      </c>
      <c r="F136004" s="14" t="s">
        <v>61</v>
      </c>
      <c r="G136004" s="16">
        <v>0</v>
      </c>
    </row>
    <row r="136005" spans="1:7" x14ac:dyDescent="0.3">
      <c r="A136005" s="13" t="s">
        <v>610</v>
      </c>
      <c r="B136005" s="14" t="s">
        <v>1</v>
      </c>
      <c r="C136005" s="14" t="s">
        <v>596</v>
      </c>
      <c r="D136005" s="14" t="s">
        <v>176</v>
      </c>
      <c r="E136005" s="15">
        <v>45601</v>
      </c>
      <c r="F136005" s="14" t="s">
        <v>61</v>
      </c>
      <c r="G136005" s="16">
        <v>0</v>
      </c>
    </row>
    <row r="136006" spans="1:7" x14ac:dyDescent="0.3">
      <c r="A136006" s="13" t="s">
        <v>610</v>
      </c>
      <c r="B136006" s="14" t="s">
        <v>1</v>
      </c>
      <c r="C136006" s="14" t="s">
        <v>596</v>
      </c>
      <c r="D136006" s="14" t="s">
        <v>176</v>
      </c>
      <c r="E136006" s="15">
        <v>45602</v>
      </c>
      <c r="F136006" s="14" t="s">
        <v>61</v>
      </c>
      <c r="G136006" s="16">
        <v>0</v>
      </c>
    </row>
    <row r="136007" spans="1:7" x14ac:dyDescent="0.3">
      <c r="A136007" s="13" t="s">
        <v>610</v>
      </c>
      <c r="B136007" s="14" t="s">
        <v>1</v>
      </c>
      <c r="C136007" s="14" t="s">
        <v>596</v>
      </c>
      <c r="D136007" s="14" t="s">
        <v>176</v>
      </c>
      <c r="E136007" s="15">
        <v>45603</v>
      </c>
      <c r="F136007" s="14" t="s">
        <v>61</v>
      </c>
      <c r="G136007" s="16">
        <v>0</v>
      </c>
    </row>
    <row r="136008" spans="1:7" x14ac:dyDescent="0.3">
      <c r="A136008" s="13" t="s">
        <v>610</v>
      </c>
      <c r="B136008" s="14" t="s">
        <v>1</v>
      </c>
      <c r="C136008" s="14" t="s">
        <v>596</v>
      </c>
      <c r="D136008" s="14" t="s">
        <v>176</v>
      </c>
      <c r="E136008" s="15">
        <v>45604</v>
      </c>
      <c r="F136008" s="14" t="s">
        <v>61</v>
      </c>
      <c r="G136008" s="16">
        <v>0</v>
      </c>
    </row>
    <row r="136009" spans="1:7" x14ac:dyDescent="0.3">
      <c r="A136009" s="13" t="s">
        <v>610</v>
      </c>
      <c r="B136009" s="14" t="s">
        <v>1</v>
      </c>
      <c r="C136009" s="14" t="s">
        <v>596</v>
      </c>
      <c r="D136009" s="14" t="s">
        <v>176</v>
      </c>
      <c r="E136009" s="15">
        <v>45605</v>
      </c>
      <c r="F136009" s="14" t="s">
        <v>61</v>
      </c>
      <c r="G136009" s="16">
        <v>0</v>
      </c>
    </row>
    <row r="136010" spans="1:7" x14ac:dyDescent="0.3">
      <c r="A136010" s="13" t="s">
        <v>610</v>
      </c>
      <c r="B136010" s="14" t="s">
        <v>1</v>
      </c>
      <c r="C136010" s="14" t="s">
        <v>596</v>
      </c>
      <c r="D136010" s="14" t="s">
        <v>176</v>
      </c>
      <c r="E136010" s="15">
        <v>45606</v>
      </c>
      <c r="F136010" s="14" t="s">
        <v>61</v>
      </c>
      <c r="G136010" s="16">
        <v>0</v>
      </c>
    </row>
    <row r="136011" spans="1:7" x14ac:dyDescent="0.3">
      <c r="A136011" s="13" t="s">
        <v>610</v>
      </c>
      <c r="B136011" s="14" t="s">
        <v>1</v>
      </c>
      <c r="C136011" s="14" t="s">
        <v>596</v>
      </c>
      <c r="D136011" s="14" t="s">
        <v>176</v>
      </c>
      <c r="E136011" s="15">
        <v>45607</v>
      </c>
      <c r="F136011" s="14" t="s">
        <v>61</v>
      </c>
      <c r="G136011" s="16">
        <v>0</v>
      </c>
    </row>
    <row r="136012" spans="1:7" x14ac:dyDescent="0.3">
      <c r="A136012" s="13" t="s">
        <v>610</v>
      </c>
      <c r="B136012" s="14" t="s">
        <v>1</v>
      </c>
      <c r="C136012" s="14" t="s">
        <v>596</v>
      </c>
      <c r="D136012" s="14" t="s">
        <v>176</v>
      </c>
      <c r="E136012" s="15">
        <v>45608</v>
      </c>
      <c r="F136012" s="14" t="s">
        <v>61</v>
      </c>
      <c r="G136012" s="16">
        <v>0</v>
      </c>
    </row>
    <row r="136013" spans="1:7" x14ac:dyDescent="0.3">
      <c r="A136013" s="13" t="s">
        <v>610</v>
      </c>
      <c r="B136013" s="14" t="s">
        <v>1</v>
      </c>
      <c r="C136013" s="14" t="s">
        <v>596</v>
      </c>
      <c r="D136013" s="14" t="s">
        <v>176</v>
      </c>
      <c r="E136013" s="15">
        <v>45609</v>
      </c>
      <c r="F136013" s="14" t="s">
        <v>61</v>
      </c>
      <c r="G136013" s="16">
        <v>0</v>
      </c>
    </row>
    <row r="136014" spans="1:7" x14ac:dyDescent="0.3">
      <c r="A136014" s="13" t="s">
        <v>610</v>
      </c>
      <c r="B136014" s="14" t="s">
        <v>1</v>
      </c>
      <c r="C136014" s="14" t="s">
        <v>596</v>
      </c>
      <c r="D136014" s="14" t="s">
        <v>176</v>
      </c>
      <c r="E136014" s="15">
        <v>45610</v>
      </c>
      <c r="F136014" s="14" t="s">
        <v>61</v>
      </c>
      <c r="G136014" s="16">
        <v>0</v>
      </c>
    </row>
    <row r="136015" spans="1:7" x14ac:dyDescent="0.3">
      <c r="A136015" s="13" t="s">
        <v>610</v>
      </c>
      <c r="B136015" s="14" t="s">
        <v>1</v>
      </c>
      <c r="C136015" s="14" t="s">
        <v>596</v>
      </c>
      <c r="D136015" s="14" t="s">
        <v>176</v>
      </c>
      <c r="E136015" s="15">
        <v>45611</v>
      </c>
      <c r="F136015" s="14" t="s">
        <v>61</v>
      </c>
      <c r="G136015" s="16">
        <v>0</v>
      </c>
    </row>
    <row r="136016" spans="1:7" x14ac:dyDescent="0.3">
      <c r="A136016" s="13" t="s">
        <v>610</v>
      </c>
      <c r="B136016" s="14" t="s">
        <v>1</v>
      </c>
      <c r="C136016" s="14" t="s">
        <v>596</v>
      </c>
      <c r="D136016" s="14" t="s">
        <v>176</v>
      </c>
      <c r="E136016" s="15">
        <v>45612</v>
      </c>
      <c r="F136016" s="14" t="s">
        <v>61</v>
      </c>
      <c r="G136016" s="16">
        <v>0</v>
      </c>
    </row>
    <row r="136017" spans="1:7" x14ac:dyDescent="0.3">
      <c r="A136017" s="13" t="s">
        <v>610</v>
      </c>
      <c r="B136017" s="14" t="s">
        <v>1</v>
      </c>
      <c r="C136017" s="14" t="s">
        <v>596</v>
      </c>
      <c r="D136017" s="14" t="s">
        <v>176</v>
      </c>
      <c r="E136017" s="15">
        <v>45613</v>
      </c>
      <c r="F136017" s="14" t="s">
        <v>61</v>
      </c>
      <c r="G136017" s="16">
        <v>0</v>
      </c>
    </row>
    <row r="136018" spans="1:7" x14ac:dyDescent="0.3">
      <c r="A136018" s="13" t="s">
        <v>610</v>
      </c>
      <c r="B136018" s="14" t="s">
        <v>1</v>
      </c>
      <c r="C136018" s="14" t="s">
        <v>596</v>
      </c>
      <c r="D136018" s="14" t="s">
        <v>176</v>
      </c>
      <c r="E136018" s="15">
        <v>45614</v>
      </c>
      <c r="F136018" s="14" t="s">
        <v>61</v>
      </c>
      <c r="G136018" s="16">
        <v>0</v>
      </c>
    </row>
    <row r="136019" spans="1:7" x14ac:dyDescent="0.3">
      <c r="A136019" s="13" t="s">
        <v>610</v>
      </c>
      <c r="B136019" s="14" t="s">
        <v>1</v>
      </c>
      <c r="C136019" s="14" t="s">
        <v>596</v>
      </c>
      <c r="D136019" s="14" t="s">
        <v>176</v>
      </c>
      <c r="E136019" s="15">
        <v>45615</v>
      </c>
      <c r="F136019" s="14" t="s">
        <v>61</v>
      </c>
      <c r="G136019" s="16">
        <v>0</v>
      </c>
    </row>
    <row r="136020" spans="1:7" x14ac:dyDescent="0.3">
      <c r="A136020" s="13" t="s">
        <v>610</v>
      </c>
      <c r="B136020" s="14" t="s">
        <v>1</v>
      </c>
      <c r="C136020" s="14" t="s">
        <v>596</v>
      </c>
      <c r="D136020" s="14" t="s">
        <v>176</v>
      </c>
      <c r="E136020" s="15">
        <v>45616</v>
      </c>
      <c r="F136020" s="14" t="s">
        <v>61</v>
      </c>
      <c r="G136020" s="16">
        <v>0</v>
      </c>
    </row>
    <row r="136021" spans="1:7" x14ac:dyDescent="0.3">
      <c r="A136021" s="13" t="s">
        <v>610</v>
      </c>
      <c r="B136021" s="14" t="s">
        <v>1</v>
      </c>
      <c r="C136021" s="14" t="s">
        <v>596</v>
      </c>
      <c r="D136021" s="14" t="s">
        <v>176</v>
      </c>
      <c r="E136021" s="15">
        <v>45617</v>
      </c>
      <c r="F136021" s="14" t="s">
        <v>61</v>
      </c>
      <c r="G136021" s="16">
        <v>0</v>
      </c>
    </row>
    <row r="136022" spans="1:7" x14ac:dyDescent="0.3">
      <c r="A136022" s="13" t="s">
        <v>610</v>
      </c>
      <c r="B136022" s="14" t="s">
        <v>1</v>
      </c>
      <c r="C136022" s="14" t="s">
        <v>596</v>
      </c>
      <c r="D136022" s="14" t="s">
        <v>176</v>
      </c>
      <c r="E136022" s="15">
        <v>45618</v>
      </c>
      <c r="F136022" s="14" t="s">
        <v>61</v>
      </c>
      <c r="G136022" s="16">
        <v>0</v>
      </c>
    </row>
    <row r="136023" spans="1:7" x14ac:dyDescent="0.3">
      <c r="A136023" s="13" t="s">
        <v>610</v>
      </c>
      <c r="B136023" s="14" t="s">
        <v>1</v>
      </c>
      <c r="C136023" s="14" t="s">
        <v>596</v>
      </c>
      <c r="D136023" s="14" t="s">
        <v>176</v>
      </c>
      <c r="E136023" s="15">
        <v>45619</v>
      </c>
      <c r="F136023" s="14" t="s">
        <v>61</v>
      </c>
      <c r="G136023" s="16">
        <v>0</v>
      </c>
    </row>
    <row r="136024" spans="1:7" x14ac:dyDescent="0.3">
      <c r="A136024" s="13" t="s">
        <v>610</v>
      </c>
      <c r="B136024" s="14" t="s">
        <v>1</v>
      </c>
      <c r="C136024" s="14" t="s">
        <v>596</v>
      </c>
      <c r="D136024" s="14" t="s">
        <v>176</v>
      </c>
      <c r="E136024" s="15">
        <v>45620</v>
      </c>
      <c r="F136024" s="14" t="s">
        <v>61</v>
      </c>
      <c r="G136024" s="16">
        <v>0</v>
      </c>
    </row>
    <row r="136025" spans="1:7" x14ac:dyDescent="0.3">
      <c r="A136025" s="13" t="s">
        <v>610</v>
      </c>
      <c r="B136025" s="14" t="s">
        <v>1</v>
      </c>
      <c r="C136025" s="14" t="s">
        <v>596</v>
      </c>
      <c r="D136025" s="14" t="s">
        <v>176</v>
      </c>
      <c r="E136025" s="15">
        <v>45621</v>
      </c>
      <c r="F136025" s="14" t="s">
        <v>61</v>
      </c>
      <c r="G136025" s="16">
        <v>0</v>
      </c>
    </row>
    <row r="136026" spans="1:7" x14ac:dyDescent="0.3">
      <c r="A136026" s="13" t="s">
        <v>610</v>
      </c>
      <c r="B136026" s="14" t="s">
        <v>1</v>
      </c>
      <c r="C136026" s="14" t="s">
        <v>596</v>
      </c>
      <c r="D136026" s="14" t="s">
        <v>176</v>
      </c>
      <c r="E136026" s="15">
        <v>45622</v>
      </c>
      <c r="F136026" s="14" t="s">
        <v>61</v>
      </c>
      <c r="G136026" s="16">
        <v>0</v>
      </c>
    </row>
    <row r="136027" spans="1:7" x14ac:dyDescent="0.3">
      <c r="A136027" s="13" t="s">
        <v>610</v>
      </c>
      <c r="B136027" s="14" t="s">
        <v>1</v>
      </c>
      <c r="C136027" s="14" t="s">
        <v>596</v>
      </c>
      <c r="D136027" s="14" t="s">
        <v>176</v>
      </c>
      <c r="E136027" s="15">
        <v>45623</v>
      </c>
      <c r="F136027" s="14" t="s">
        <v>61</v>
      </c>
      <c r="G136027" s="16">
        <v>0</v>
      </c>
    </row>
    <row r="136028" spans="1:7" x14ac:dyDescent="0.3">
      <c r="A136028" s="13" t="s">
        <v>610</v>
      </c>
      <c r="B136028" s="14" t="s">
        <v>1</v>
      </c>
      <c r="C136028" s="14" t="s">
        <v>596</v>
      </c>
      <c r="D136028" s="14" t="s">
        <v>176</v>
      </c>
      <c r="E136028" s="15">
        <v>45624</v>
      </c>
      <c r="F136028" s="14" t="s">
        <v>61</v>
      </c>
      <c r="G136028" s="16">
        <v>0</v>
      </c>
    </row>
    <row r="136029" spans="1:7" x14ac:dyDescent="0.3">
      <c r="A136029" s="13" t="s">
        <v>610</v>
      </c>
      <c r="B136029" s="14" t="s">
        <v>1</v>
      </c>
      <c r="C136029" s="14" t="s">
        <v>596</v>
      </c>
      <c r="D136029" s="14" t="s">
        <v>176</v>
      </c>
      <c r="E136029" s="15">
        <v>45625</v>
      </c>
      <c r="F136029" s="14" t="s">
        <v>61</v>
      </c>
      <c r="G136029" s="16">
        <v>0</v>
      </c>
    </row>
    <row r="136030" spans="1:7" x14ac:dyDescent="0.3">
      <c r="A136030" s="13" t="s">
        <v>610</v>
      </c>
      <c r="B136030" s="14" t="s">
        <v>1</v>
      </c>
      <c r="C136030" s="14" t="s">
        <v>596</v>
      </c>
      <c r="D136030" s="14" t="s">
        <v>176</v>
      </c>
      <c r="E136030" s="15">
        <v>45626</v>
      </c>
      <c r="F136030" s="14" t="s">
        <v>61</v>
      </c>
      <c r="G136030" s="16">
        <v>0</v>
      </c>
    </row>
    <row r="136031" spans="1:7" x14ac:dyDescent="0.3">
      <c r="A136031" s="13" t="s">
        <v>610</v>
      </c>
      <c r="B136031" s="14" t="s">
        <v>1</v>
      </c>
      <c r="C136031" s="14" t="s">
        <v>596</v>
      </c>
      <c r="D136031" s="14" t="s">
        <v>176</v>
      </c>
      <c r="E136031" s="15">
        <v>45627</v>
      </c>
      <c r="F136031" s="14" t="s">
        <v>61</v>
      </c>
      <c r="G136031" s="16">
        <v>0</v>
      </c>
    </row>
    <row r="136032" spans="1:7" x14ac:dyDescent="0.3">
      <c r="A136032" s="13" t="s">
        <v>610</v>
      </c>
      <c r="B136032" s="14" t="s">
        <v>1</v>
      </c>
      <c r="C136032" s="14" t="s">
        <v>596</v>
      </c>
      <c r="D136032" s="14" t="s">
        <v>176</v>
      </c>
      <c r="E136032" s="15">
        <v>45628</v>
      </c>
      <c r="F136032" s="14" t="s">
        <v>61</v>
      </c>
      <c r="G136032" s="16">
        <v>0</v>
      </c>
    </row>
    <row r="136033" spans="1:7" x14ac:dyDescent="0.3">
      <c r="A136033" s="13" t="s">
        <v>610</v>
      </c>
      <c r="B136033" s="14" t="s">
        <v>1</v>
      </c>
      <c r="C136033" s="14" t="s">
        <v>596</v>
      </c>
      <c r="D136033" s="14" t="s">
        <v>176</v>
      </c>
      <c r="E136033" s="15">
        <v>45629</v>
      </c>
      <c r="F136033" s="14" t="s">
        <v>61</v>
      </c>
      <c r="G136033" s="16">
        <v>0</v>
      </c>
    </row>
    <row r="136034" spans="1:7" x14ac:dyDescent="0.3">
      <c r="A136034" s="13" t="s">
        <v>610</v>
      </c>
      <c r="B136034" s="14" t="s">
        <v>1</v>
      </c>
      <c r="C136034" s="14" t="s">
        <v>596</v>
      </c>
      <c r="D136034" s="14" t="s">
        <v>176</v>
      </c>
      <c r="E136034" s="15">
        <v>45630</v>
      </c>
      <c r="F136034" s="14" t="s">
        <v>61</v>
      </c>
      <c r="G136034" s="16">
        <v>0</v>
      </c>
    </row>
    <row r="136035" spans="1:7" x14ac:dyDescent="0.3">
      <c r="A136035" s="13" t="s">
        <v>610</v>
      </c>
      <c r="B136035" s="14" t="s">
        <v>1</v>
      </c>
      <c r="C136035" s="14" t="s">
        <v>596</v>
      </c>
      <c r="D136035" s="14" t="s">
        <v>176</v>
      </c>
      <c r="E136035" s="15">
        <v>45631</v>
      </c>
      <c r="F136035" s="14" t="s">
        <v>61</v>
      </c>
      <c r="G136035" s="16">
        <v>0</v>
      </c>
    </row>
    <row r="136036" spans="1:7" x14ac:dyDescent="0.3">
      <c r="A136036" s="13" t="s">
        <v>610</v>
      </c>
      <c r="B136036" s="14" t="s">
        <v>1</v>
      </c>
      <c r="C136036" s="14" t="s">
        <v>596</v>
      </c>
      <c r="D136036" s="14" t="s">
        <v>176</v>
      </c>
      <c r="E136036" s="15">
        <v>45632</v>
      </c>
      <c r="F136036" s="14" t="s">
        <v>61</v>
      </c>
      <c r="G136036" s="16">
        <v>0</v>
      </c>
    </row>
    <row r="136037" spans="1:7" x14ac:dyDescent="0.3">
      <c r="A136037" s="13" t="s">
        <v>610</v>
      </c>
      <c r="B136037" s="14" t="s">
        <v>1</v>
      </c>
      <c r="C136037" s="14" t="s">
        <v>596</v>
      </c>
      <c r="D136037" s="14" t="s">
        <v>176</v>
      </c>
      <c r="E136037" s="15">
        <v>45633</v>
      </c>
      <c r="F136037" s="14" t="s">
        <v>61</v>
      </c>
      <c r="G136037" s="16">
        <v>0</v>
      </c>
    </row>
    <row r="136038" spans="1:7" x14ac:dyDescent="0.3">
      <c r="A136038" s="13" t="s">
        <v>610</v>
      </c>
      <c r="B136038" s="14" t="s">
        <v>1</v>
      </c>
      <c r="C136038" s="14" t="s">
        <v>596</v>
      </c>
      <c r="D136038" s="14" t="s">
        <v>176</v>
      </c>
      <c r="E136038" s="15">
        <v>45634</v>
      </c>
      <c r="F136038" s="14" t="s">
        <v>61</v>
      </c>
      <c r="G136038" s="16">
        <v>0</v>
      </c>
    </row>
    <row r="136039" spans="1:7" x14ac:dyDescent="0.3">
      <c r="A136039" s="13" t="s">
        <v>610</v>
      </c>
      <c r="B136039" s="14" t="s">
        <v>1</v>
      </c>
      <c r="C136039" s="14" t="s">
        <v>596</v>
      </c>
      <c r="D136039" s="14" t="s">
        <v>176</v>
      </c>
      <c r="E136039" s="15">
        <v>45635</v>
      </c>
      <c r="F136039" s="14" t="s">
        <v>61</v>
      </c>
      <c r="G136039" s="16">
        <v>0</v>
      </c>
    </row>
    <row r="136040" spans="1:7" x14ac:dyDescent="0.3">
      <c r="A136040" s="13" t="s">
        <v>610</v>
      </c>
      <c r="B136040" s="14" t="s">
        <v>1</v>
      </c>
      <c r="C136040" s="14" t="s">
        <v>596</v>
      </c>
      <c r="D136040" s="14" t="s">
        <v>176</v>
      </c>
      <c r="E136040" s="15">
        <v>45636</v>
      </c>
      <c r="F136040" s="14" t="s">
        <v>61</v>
      </c>
      <c r="G136040" s="16">
        <v>0</v>
      </c>
    </row>
    <row r="136041" spans="1:7" x14ac:dyDescent="0.3">
      <c r="A136041" s="13" t="s">
        <v>610</v>
      </c>
      <c r="B136041" s="14" t="s">
        <v>1</v>
      </c>
      <c r="C136041" s="14" t="s">
        <v>596</v>
      </c>
      <c r="D136041" s="14" t="s">
        <v>176</v>
      </c>
      <c r="E136041" s="15">
        <v>45637</v>
      </c>
      <c r="F136041" s="14" t="s">
        <v>61</v>
      </c>
      <c r="G136041" s="16">
        <v>0</v>
      </c>
    </row>
    <row r="136042" spans="1:7" x14ac:dyDescent="0.3">
      <c r="A136042" s="13" t="s">
        <v>610</v>
      </c>
      <c r="B136042" s="14" t="s">
        <v>1</v>
      </c>
      <c r="C136042" s="14" t="s">
        <v>596</v>
      </c>
      <c r="D136042" s="14" t="s">
        <v>176</v>
      </c>
      <c r="E136042" s="15">
        <v>45638</v>
      </c>
      <c r="F136042" s="14" t="s">
        <v>61</v>
      </c>
      <c r="G136042" s="16">
        <v>0</v>
      </c>
    </row>
    <row r="136043" spans="1:7" x14ac:dyDescent="0.3">
      <c r="A136043" s="13" t="s">
        <v>610</v>
      </c>
      <c r="B136043" s="14" t="s">
        <v>1</v>
      </c>
      <c r="C136043" s="14" t="s">
        <v>596</v>
      </c>
      <c r="D136043" s="14" t="s">
        <v>176</v>
      </c>
      <c r="E136043" s="15">
        <v>45639</v>
      </c>
      <c r="F136043" s="14" t="s">
        <v>61</v>
      </c>
      <c r="G136043" s="16">
        <v>0</v>
      </c>
    </row>
    <row r="136044" spans="1:7" x14ac:dyDescent="0.3">
      <c r="A136044" s="13" t="s">
        <v>610</v>
      </c>
      <c r="B136044" s="14" t="s">
        <v>1</v>
      </c>
      <c r="C136044" s="14" t="s">
        <v>596</v>
      </c>
      <c r="D136044" s="14" t="s">
        <v>176</v>
      </c>
      <c r="E136044" s="15">
        <v>45640</v>
      </c>
      <c r="F136044" s="14" t="s">
        <v>61</v>
      </c>
      <c r="G136044" s="16">
        <v>0</v>
      </c>
    </row>
    <row r="136045" spans="1:7" x14ac:dyDescent="0.3">
      <c r="A136045" s="13" t="s">
        <v>610</v>
      </c>
      <c r="B136045" s="14" t="s">
        <v>1</v>
      </c>
      <c r="C136045" s="14" t="s">
        <v>596</v>
      </c>
      <c r="D136045" s="14" t="s">
        <v>176</v>
      </c>
      <c r="E136045" s="15">
        <v>45641</v>
      </c>
      <c r="F136045" s="14" t="s">
        <v>61</v>
      </c>
      <c r="G136045" s="16">
        <v>0</v>
      </c>
    </row>
    <row r="136046" spans="1:7" x14ac:dyDescent="0.3">
      <c r="A136046" s="13" t="s">
        <v>610</v>
      </c>
      <c r="B136046" s="14" t="s">
        <v>1</v>
      </c>
      <c r="C136046" s="14" t="s">
        <v>596</v>
      </c>
      <c r="D136046" s="14" t="s">
        <v>176</v>
      </c>
      <c r="E136046" s="15">
        <v>45642</v>
      </c>
      <c r="F136046" s="14" t="s">
        <v>61</v>
      </c>
      <c r="G136046" s="16">
        <v>0</v>
      </c>
    </row>
    <row r="136047" spans="1:7" x14ac:dyDescent="0.3">
      <c r="A136047" s="13" t="s">
        <v>610</v>
      </c>
      <c r="B136047" s="14" t="s">
        <v>1</v>
      </c>
      <c r="C136047" s="14" t="s">
        <v>596</v>
      </c>
      <c r="D136047" s="14" t="s">
        <v>176</v>
      </c>
      <c r="E136047" s="15">
        <v>45643</v>
      </c>
      <c r="F136047" s="14" t="s">
        <v>61</v>
      </c>
      <c r="G136047" s="16">
        <v>0</v>
      </c>
    </row>
    <row r="136048" spans="1:7" x14ac:dyDescent="0.3">
      <c r="A136048" s="13" t="s">
        <v>610</v>
      </c>
      <c r="B136048" s="14" t="s">
        <v>1</v>
      </c>
      <c r="C136048" s="14" t="s">
        <v>596</v>
      </c>
      <c r="D136048" s="14" t="s">
        <v>176</v>
      </c>
      <c r="E136048" s="15">
        <v>45644</v>
      </c>
      <c r="F136048" s="14" t="s">
        <v>61</v>
      </c>
      <c r="G136048" s="16">
        <v>0</v>
      </c>
    </row>
    <row r="136049" spans="1:7" x14ac:dyDescent="0.3">
      <c r="A136049" s="13" t="s">
        <v>610</v>
      </c>
      <c r="B136049" s="14" t="s">
        <v>1</v>
      </c>
      <c r="C136049" s="14" t="s">
        <v>596</v>
      </c>
      <c r="D136049" s="14" t="s">
        <v>176</v>
      </c>
      <c r="E136049" s="15">
        <v>45645</v>
      </c>
      <c r="F136049" s="14" t="s">
        <v>61</v>
      </c>
      <c r="G136049" s="16">
        <v>0</v>
      </c>
    </row>
    <row r="136050" spans="1:7" x14ac:dyDescent="0.3">
      <c r="A136050" s="13" t="s">
        <v>610</v>
      </c>
      <c r="B136050" s="14" t="s">
        <v>1</v>
      </c>
      <c r="C136050" s="14" t="s">
        <v>596</v>
      </c>
      <c r="D136050" s="14" t="s">
        <v>176</v>
      </c>
      <c r="E136050" s="15">
        <v>45646</v>
      </c>
      <c r="F136050" s="14" t="s">
        <v>61</v>
      </c>
      <c r="G136050" s="16">
        <v>0</v>
      </c>
    </row>
    <row r="136051" spans="1:7" x14ac:dyDescent="0.3">
      <c r="A136051" s="13" t="s">
        <v>610</v>
      </c>
      <c r="B136051" s="14" t="s">
        <v>1</v>
      </c>
      <c r="C136051" s="14" t="s">
        <v>596</v>
      </c>
      <c r="D136051" s="14" t="s">
        <v>176</v>
      </c>
      <c r="E136051" s="15">
        <v>45647</v>
      </c>
      <c r="F136051" s="14" t="s">
        <v>61</v>
      </c>
      <c r="G136051" s="16">
        <v>0</v>
      </c>
    </row>
    <row r="136052" spans="1:7" x14ac:dyDescent="0.3">
      <c r="A136052" s="13" t="s">
        <v>610</v>
      </c>
      <c r="B136052" s="14" t="s">
        <v>1</v>
      </c>
      <c r="C136052" s="14" t="s">
        <v>596</v>
      </c>
      <c r="D136052" s="14" t="s">
        <v>176</v>
      </c>
      <c r="E136052" s="15">
        <v>45648</v>
      </c>
      <c r="F136052" s="14" t="s">
        <v>61</v>
      </c>
      <c r="G136052" s="16">
        <v>0</v>
      </c>
    </row>
    <row r="136053" spans="1:7" x14ac:dyDescent="0.3">
      <c r="A136053" s="13" t="s">
        <v>610</v>
      </c>
      <c r="B136053" s="14" t="s">
        <v>1</v>
      </c>
      <c r="C136053" s="14" t="s">
        <v>596</v>
      </c>
      <c r="D136053" s="14" t="s">
        <v>176</v>
      </c>
      <c r="E136053" s="15">
        <v>45649</v>
      </c>
      <c r="F136053" s="14" t="s">
        <v>61</v>
      </c>
      <c r="G136053" s="16">
        <v>0</v>
      </c>
    </row>
    <row r="136054" spans="1:7" x14ac:dyDescent="0.3">
      <c r="A136054" s="13" t="s">
        <v>610</v>
      </c>
      <c r="B136054" s="14" t="s">
        <v>1</v>
      </c>
      <c r="C136054" s="14" t="s">
        <v>596</v>
      </c>
      <c r="D136054" s="14" t="s">
        <v>176</v>
      </c>
      <c r="E136054" s="15">
        <v>45650</v>
      </c>
      <c r="F136054" s="14" t="s">
        <v>61</v>
      </c>
      <c r="G136054" s="16">
        <v>0</v>
      </c>
    </row>
    <row r="136055" spans="1:7" x14ac:dyDescent="0.3">
      <c r="A136055" s="13" t="s">
        <v>610</v>
      </c>
      <c r="B136055" s="14" t="s">
        <v>1</v>
      </c>
      <c r="C136055" s="14" t="s">
        <v>596</v>
      </c>
      <c r="D136055" s="14" t="s">
        <v>176</v>
      </c>
      <c r="E136055" s="15">
        <v>45651</v>
      </c>
      <c r="F136055" s="14" t="s">
        <v>61</v>
      </c>
      <c r="G136055" s="16">
        <v>0</v>
      </c>
    </row>
    <row r="136056" spans="1:7" x14ac:dyDescent="0.3">
      <c r="A136056" s="13" t="s">
        <v>610</v>
      </c>
      <c r="B136056" s="14" t="s">
        <v>1</v>
      </c>
      <c r="C136056" s="14" t="s">
        <v>596</v>
      </c>
      <c r="D136056" s="14" t="s">
        <v>176</v>
      </c>
      <c r="E136056" s="15">
        <v>45652</v>
      </c>
      <c r="F136056" s="14" t="s">
        <v>61</v>
      </c>
      <c r="G136056" s="16">
        <v>0</v>
      </c>
    </row>
    <row r="136057" spans="1:7" x14ac:dyDescent="0.3">
      <c r="A136057" s="13" t="s">
        <v>610</v>
      </c>
      <c r="B136057" s="14" t="s">
        <v>1</v>
      </c>
      <c r="C136057" s="14" t="s">
        <v>596</v>
      </c>
      <c r="D136057" s="14" t="s">
        <v>176</v>
      </c>
      <c r="E136057" s="15">
        <v>45653</v>
      </c>
      <c r="F136057" s="14" t="s">
        <v>61</v>
      </c>
      <c r="G136057" s="16">
        <v>0</v>
      </c>
    </row>
    <row r="136058" spans="1:7" x14ac:dyDescent="0.3">
      <c r="A136058" s="13" t="s">
        <v>610</v>
      </c>
      <c r="B136058" s="14" t="s">
        <v>1</v>
      </c>
      <c r="C136058" s="14" t="s">
        <v>596</v>
      </c>
      <c r="D136058" s="14" t="s">
        <v>176</v>
      </c>
      <c r="E136058" s="15">
        <v>45654</v>
      </c>
      <c r="F136058" s="14" t="s">
        <v>61</v>
      </c>
      <c r="G136058" s="16">
        <v>0</v>
      </c>
    </row>
    <row r="136059" spans="1:7" x14ac:dyDescent="0.3">
      <c r="A136059" s="13" t="s">
        <v>610</v>
      </c>
      <c r="B136059" s="14" t="s">
        <v>1</v>
      </c>
      <c r="C136059" s="14" t="s">
        <v>596</v>
      </c>
      <c r="D136059" s="14" t="s">
        <v>176</v>
      </c>
      <c r="E136059" s="15">
        <v>45655</v>
      </c>
      <c r="F136059" s="14" t="s">
        <v>61</v>
      </c>
      <c r="G136059" s="16">
        <v>0</v>
      </c>
    </row>
    <row r="136060" spans="1:7" x14ac:dyDescent="0.3">
      <c r="A136060" s="13" t="s">
        <v>610</v>
      </c>
      <c r="B136060" s="14" t="s">
        <v>1</v>
      </c>
      <c r="C136060" s="14" t="s">
        <v>596</v>
      </c>
      <c r="D136060" s="14" t="s">
        <v>176</v>
      </c>
      <c r="E136060" s="15">
        <v>45656</v>
      </c>
      <c r="F136060" s="14" t="s">
        <v>61</v>
      </c>
      <c r="G136060" s="16">
        <v>0</v>
      </c>
    </row>
    <row r="136061" spans="1:7" x14ac:dyDescent="0.3">
      <c r="A136061" s="13" t="s">
        <v>610</v>
      </c>
      <c r="B136061" s="14" t="s">
        <v>1</v>
      </c>
      <c r="C136061" s="14" t="s">
        <v>596</v>
      </c>
      <c r="D136061" s="14" t="s">
        <v>176</v>
      </c>
      <c r="E136061" s="15">
        <v>45657</v>
      </c>
      <c r="F136061" s="14" t="s">
        <v>61</v>
      </c>
      <c r="G136061" s="16">
        <v>0</v>
      </c>
    </row>
    <row r="136062" spans="1:7" x14ac:dyDescent="0.3">
      <c r="A136062" s="13" t="s">
        <v>610</v>
      </c>
      <c r="B136062" s="14" t="s">
        <v>1</v>
      </c>
      <c r="C136062" s="14" t="s">
        <v>596</v>
      </c>
      <c r="D136062" s="14" t="s">
        <v>176</v>
      </c>
      <c r="E136062" s="15">
        <v>45658</v>
      </c>
      <c r="F136062" s="14" t="s">
        <v>61</v>
      </c>
      <c r="G136062" s="16">
        <v>0</v>
      </c>
    </row>
    <row r="136063" spans="1:7" x14ac:dyDescent="0.3">
      <c r="A136063" s="13" t="s">
        <v>610</v>
      </c>
      <c r="B136063" s="14" t="s">
        <v>1</v>
      </c>
      <c r="C136063" s="14" t="s">
        <v>596</v>
      </c>
      <c r="D136063" s="14" t="s">
        <v>176</v>
      </c>
      <c r="E136063" s="15">
        <v>45659</v>
      </c>
      <c r="F136063" s="14" t="s">
        <v>61</v>
      </c>
      <c r="G136063" s="16">
        <v>0</v>
      </c>
    </row>
    <row r="136064" spans="1:7" x14ac:dyDescent="0.3">
      <c r="A136064" s="13" t="s">
        <v>610</v>
      </c>
      <c r="B136064" s="14" t="s">
        <v>1</v>
      </c>
      <c r="C136064" s="14" t="s">
        <v>596</v>
      </c>
      <c r="D136064" s="14" t="s">
        <v>176</v>
      </c>
      <c r="E136064" s="15">
        <v>45660</v>
      </c>
      <c r="F136064" s="14" t="s">
        <v>61</v>
      </c>
      <c r="G136064" s="16">
        <v>0</v>
      </c>
    </row>
    <row r="136065" spans="1:7" x14ac:dyDescent="0.3">
      <c r="A136065" s="13" t="s">
        <v>610</v>
      </c>
      <c r="B136065" s="14" t="s">
        <v>1</v>
      </c>
      <c r="C136065" s="14" t="s">
        <v>596</v>
      </c>
      <c r="D136065" s="14" t="s">
        <v>176</v>
      </c>
      <c r="E136065" s="15">
        <v>45661</v>
      </c>
      <c r="F136065" s="14" t="s">
        <v>61</v>
      </c>
      <c r="G136065" s="16">
        <v>0</v>
      </c>
    </row>
    <row r="136066" spans="1:7" x14ac:dyDescent="0.3">
      <c r="A136066" s="13" t="s">
        <v>610</v>
      </c>
      <c r="B136066" s="14" t="s">
        <v>1</v>
      </c>
      <c r="C136066" s="14" t="s">
        <v>596</v>
      </c>
      <c r="D136066" s="14" t="s">
        <v>176</v>
      </c>
      <c r="E136066" s="15">
        <v>45662</v>
      </c>
      <c r="F136066" s="14" t="s">
        <v>61</v>
      </c>
      <c r="G136066" s="16">
        <v>0</v>
      </c>
    </row>
    <row r="136067" spans="1:7" x14ac:dyDescent="0.3">
      <c r="A136067" s="13" t="s">
        <v>610</v>
      </c>
      <c r="B136067" s="14" t="s">
        <v>1</v>
      </c>
      <c r="C136067" s="14" t="s">
        <v>596</v>
      </c>
      <c r="D136067" s="14" t="s">
        <v>176</v>
      </c>
      <c r="E136067" s="15">
        <v>45663</v>
      </c>
      <c r="F136067" s="14" t="s">
        <v>61</v>
      </c>
      <c r="G136067" s="16">
        <v>0</v>
      </c>
    </row>
    <row r="136068" spans="1:7" x14ac:dyDescent="0.3">
      <c r="A136068" s="13" t="s">
        <v>610</v>
      </c>
      <c r="B136068" s="14" t="s">
        <v>1</v>
      </c>
      <c r="C136068" s="14" t="s">
        <v>596</v>
      </c>
      <c r="D136068" s="14" t="s">
        <v>176</v>
      </c>
      <c r="E136068" s="15">
        <v>45664</v>
      </c>
      <c r="F136068" s="14" t="s">
        <v>61</v>
      </c>
      <c r="G136068" s="16">
        <v>0</v>
      </c>
    </row>
    <row r="136069" spans="1:7" x14ac:dyDescent="0.3">
      <c r="A136069" s="13" t="s">
        <v>610</v>
      </c>
      <c r="B136069" s="14" t="s">
        <v>1</v>
      </c>
      <c r="C136069" s="14" t="s">
        <v>596</v>
      </c>
      <c r="D136069" s="14" t="s">
        <v>176</v>
      </c>
      <c r="E136069" s="15">
        <v>45665</v>
      </c>
      <c r="F136069" s="14" t="s">
        <v>61</v>
      </c>
      <c r="G136069" s="16">
        <v>0</v>
      </c>
    </row>
    <row r="136070" spans="1:7" x14ac:dyDescent="0.3">
      <c r="A136070" s="13" t="s">
        <v>610</v>
      </c>
      <c r="B136070" s="14" t="s">
        <v>1</v>
      </c>
      <c r="C136070" s="14" t="s">
        <v>596</v>
      </c>
      <c r="D136070" s="14" t="s">
        <v>176</v>
      </c>
      <c r="E136070" s="15">
        <v>45666</v>
      </c>
      <c r="F136070" s="14" t="s">
        <v>61</v>
      </c>
      <c r="G136070" s="16">
        <v>0</v>
      </c>
    </row>
    <row r="136071" spans="1:7" x14ac:dyDescent="0.3">
      <c r="A136071" s="13" t="s">
        <v>610</v>
      </c>
      <c r="B136071" s="14" t="s">
        <v>1</v>
      </c>
      <c r="C136071" s="14" t="s">
        <v>596</v>
      </c>
      <c r="D136071" s="14" t="s">
        <v>176</v>
      </c>
      <c r="E136071" s="15">
        <v>45667</v>
      </c>
      <c r="F136071" s="14" t="s">
        <v>61</v>
      </c>
      <c r="G136071" s="16">
        <v>0</v>
      </c>
    </row>
    <row r="136072" spans="1:7" x14ac:dyDescent="0.3">
      <c r="A136072" s="13" t="s">
        <v>610</v>
      </c>
      <c r="B136072" s="14" t="s">
        <v>1</v>
      </c>
      <c r="C136072" s="14" t="s">
        <v>596</v>
      </c>
      <c r="D136072" s="14" t="s">
        <v>176</v>
      </c>
      <c r="E136072" s="15">
        <v>45668</v>
      </c>
      <c r="F136072" s="14" t="s">
        <v>61</v>
      </c>
      <c r="G136072" s="16">
        <v>0</v>
      </c>
    </row>
    <row r="136073" spans="1:7" x14ac:dyDescent="0.3">
      <c r="A136073" s="13" t="s">
        <v>610</v>
      </c>
      <c r="B136073" s="14" t="s">
        <v>1</v>
      </c>
      <c r="C136073" s="14" t="s">
        <v>596</v>
      </c>
      <c r="D136073" s="14" t="s">
        <v>176</v>
      </c>
      <c r="E136073" s="15">
        <v>45669</v>
      </c>
      <c r="F136073" s="14" t="s">
        <v>61</v>
      </c>
      <c r="G136073" s="16">
        <v>0</v>
      </c>
    </row>
    <row r="136074" spans="1:7" x14ac:dyDescent="0.3">
      <c r="A136074" s="13" t="s">
        <v>610</v>
      </c>
      <c r="B136074" s="14" t="s">
        <v>1</v>
      </c>
      <c r="C136074" s="14" t="s">
        <v>596</v>
      </c>
      <c r="D136074" s="14" t="s">
        <v>176</v>
      </c>
      <c r="E136074" s="15">
        <v>45670</v>
      </c>
      <c r="F136074" s="14" t="s">
        <v>61</v>
      </c>
      <c r="G136074" s="16">
        <v>0</v>
      </c>
    </row>
    <row r="136075" spans="1:7" x14ac:dyDescent="0.3">
      <c r="A136075" s="13" t="s">
        <v>610</v>
      </c>
      <c r="B136075" s="14" t="s">
        <v>1</v>
      </c>
      <c r="C136075" s="14" t="s">
        <v>596</v>
      </c>
      <c r="D136075" s="14" t="s">
        <v>176</v>
      </c>
      <c r="E136075" s="15">
        <v>45671</v>
      </c>
      <c r="F136075" s="14" t="s">
        <v>61</v>
      </c>
      <c r="G136075" s="16">
        <v>0</v>
      </c>
    </row>
    <row r="136076" spans="1:7" x14ac:dyDescent="0.3">
      <c r="A136076" s="13" t="s">
        <v>610</v>
      </c>
      <c r="B136076" s="14" t="s">
        <v>1</v>
      </c>
      <c r="C136076" s="14" t="s">
        <v>596</v>
      </c>
      <c r="D136076" s="14" t="s">
        <v>176</v>
      </c>
      <c r="E136076" s="15">
        <v>45672</v>
      </c>
      <c r="F136076" s="14" t="s">
        <v>61</v>
      </c>
      <c r="G136076" s="16">
        <v>0</v>
      </c>
    </row>
    <row r="136077" spans="1:7" x14ac:dyDescent="0.3">
      <c r="A136077" s="13" t="s">
        <v>610</v>
      </c>
      <c r="B136077" s="14" t="s">
        <v>1</v>
      </c>
      <c r="C136077" s="14" t="s">
        <v>596</v>
      </c>
      <c r="D136077" s="14" t="s">
        <v>176</v>
      </c>
      <c r="E136077" s="15">
        <v>45673</v>
      </c>
      <c r="F136077" s="14" t="s">
        <v>61</v>
      </c>
      <c r="G136077" s="16">
        <v>0</v>
      </c>
    </row>
    <row r="136078" spans="1:7" x14ac:dyDescent="0.3">
      <c r="A136078" s="13" t="s">
        <v>610</v>
      </c>
      <c r="B136078" s="14" t="s">
        <v>1</v>
      </c>
      <c r="C136078" s="14" t="s">
        <v>596</v>
      </c>
      <c r="D136078" s="14" t="s">
        <v>176</v>
      </c>
      <c r="E136078" s="15">
        <v>45674</v>
      </c>
      <c r="F136078" s="14" t="s">
        <v>61</v>
      </c>
      <c r="G136078" s="16">
        <v>0</v>
      </c>
    </row>
    <row r="136079" spans="1:7" x14ac:dyDescent="0.3">
      <c r="A136079" s="13" t="s">
        <v>610</v>
      </c>
      <c r="B136079" s="14" t="s">
        <v>1</v>
      </c>
      <c r="C136079" s="14" t="s">
        <v>596</v>
      </c>
      <c r="D136079" s="14" t="s">
        <v>176</v>
      </c>
      <c r="E136079" s="15">
        <v>45675</v>
      </c>
      <c r="F136079" s="14" t="s">
        <v>61</v>
      </c>
      <c r="G136079" s="16">
        <v>0</v>
      </c>
    </row>
    <row r="136080" spans="1:7" x14ac:dyDescent="0.3">
      <c r="A136080" s="13" t="s">
        <v>610</v>
      </c>
      <c r="B136080" s="14" t="s">
        <v>1</v>
      </c>
      <c r="C136080" s="14" t="s">
        <v>596</v>
      </c>
      <c r="D136080" s="14" t="s">
        <v>176</v>
      </c>
      <c r="E136080" s="15">
        <v>45676</v>
      </c>
      <c r="F136080" s="14" t="s">
        <v>61</v>
      </c>
      <c r="G136080" s="16">
        <v>0</v>
      </c>
    </row>
    <row r="136081" spans="1:7" x14ac:dyDescent="0.3">
      <c r="A136081" s="13" t="s">
        <v>610</v>
      </c>
      <c r="B136081" s="14" t="s">
        <v>1</v>
      </c>
      <c r="C136081" s="14" t="s">
        <v>596</v>
      </c>
      <c r="D136081" s="14" t="s">
        <v>176</v>
      </c>
      <c r="E136081" s="15">
        <v>45677</v>
      </c>
      <c r="F136081" s="14" t="s">
        <v>61</v>
      </c>
      <c r="G136081" s="16">
        <v>0</v>
      </c>
    </row>
    <row r="136082" spans="1:7" x14ac:dyDescent="0.3">
      <c r="A136082" s="13" t="s">
        <v>610</v>
      </c>
      <c r="B136082" s="14" t="s">
        <v>1</v>
      </c>
      <c r="C136082" s="14" t="s">
        <v>596</v>
      </c>
      <c r="D136082" s="14" t="s">
        <v>176</v>
      </c>
      <c r="E136082" s="15">
        <v>45678</v>
      </c>
      <c r="F136082" s="14" t="s">
        <v>61</v>
      </c>
      <c r="G136082" s="16">
        <v>0</v>
      </c>
    </row>
    <row r="136083" spans="1:7" x14ac:dyDescent="0.3">
      <c r="A136083" s="13" t="s">
        <v>610</v>
      </c>
      <c r="B136083" s="14" t="s">
        <v>1</v>
      </c>
      <c r="C136083" s="14" t="s">
        <v>596</v>
      </c>
      <c r="D136083" s="14" t="s">
        <v>176</v>
      </c>
      <c r="E136083" s="15">
        <v>45679</v>
      </c>
      <c r="F136083" s="14" t="s">
        <v>61</v>
      </c>
      <c r="G136083" s="16">
        <v>0</v>
      </c>
    </row>
    <row r="136084" spans="1:7" x14ac:dyDescent="0.3">
      <c r="A136084" s="13" t="s">
        <v>610</v>
      </c>
      <c r="B136084" s="14" t="s">
        <v>1</v>
      </c>
      <c r="C136084" s="14" t="s">
        <v>596</v>
      </c>
      <c r="D136084" s="14" t="s">
        <v>176</v>
      </c>
      <c r="E136084" s="15">
        <v>45680</v>
      </c>
      <c r="F136084" s="14" t="s">
        <v>61</v>
      </c>
      <c r="G136084" s="16">
        <v>0</v>
      </c>
    </row>
    <row r="136085" spans="1:7" x14ac:dyDescent="0.3">
      <c r="A136085" s="13" t="s">
        <v>610</v>
      </c>
      <c r="B136085" s="14" t="s">
        <v>1</v>
      </c>
      <c r="C136085" s="14" t="s">
        <v>596</v>
      </c>
      <c r="D136085" s="14" t="s">
        <v>176</v>
      </c>
      <c r="E136085" s="15">
        <v>45681</v>
      </c>
      <c r="F136085" s="14" t="s">
        <v>61</v>
      </c>
      <c r="G136085" s="16">
        <v>0</v>
      </c>
    </row>
    <row r="136086" spans="1:7" x14ac:dyDescent="0.3">
      <c r="A136086" s="13" t="s">
        <v>610</v>
      </c>
      <c r="B136086" s="14" t="s">
        <v>1</v>
      </c>
      <c r="C136086" s="14" t="s">
        <v>596</v>
      </c>
      <c r="D136086" s="14" t="s">
        <v>176</v>
      </c>
      <c r="E136086" s="15">
        <v>45682</v>
      </c>
      <c r="F136086" s="14" t="s">
        <v>61</v>
      </c>
      <c r="G136086" s="16">
        <v>0</v>
      </c>
    </row>
    <row r="136087" spans="1:7" x14ac:dyDescent="0.3">
      <c r="A136087" s="13" t="s">
        <v>610</v>
      </c>
      <c r="B136087" s="14" t="s">
        <v>1</v>
      </c>
      <c r="C136087" s="14" t="s">
        <v>596</v>
      </c>
      <c r="D136087" s="14" t="s">
        <v>176</v>
      </c>
      <c r="E136087" s="15">
        <v>45683</v>
      </c>
      <c r="F136087" s="14" t="s">
        <v>61</v>
      </c>
      <c r="G136087" s="16">
        <v>0</v>
      </c>
    </row>
    <row r="136088" spans="1:7" x14ac:dyDescent="0.3">
      <c r="A136088" s="13" t="s">
        <v>610</v>
      </c>
      <c r="B136088" s="14" t="s">
        <v>1</v>
      </c>
      <c r="C136088" s="14" t="s">
        <v>596</v>
      </c>
      <c r="D136088" s="14" t="s">
        <v>176</v>
      </c>
      <c r="E136088" s="15">
        <v>45684</v>
      </c>
      <c r="F136088" s="14" t="s">
        <v>61</v>
      </c>
      <c r="G136088" s="16">
        <v>0</v>
      </c>
    </row>
    <row r="136089" spans="1:7" x14ac:dyDescent="0.3">
      <c r="A136089" s="13" t="s">
        <v>610</v>
      </c>
      <c r="B136089" s="14" t="s">
        <v>1</v>
      </c>
      <c r="C136089" s="14" t="s">
        <v>596</v>
      </c>
      <c r="D136089" s="14" t="s">
        <v>176</v>
      </c>
      <c r="E136089" s="15">
        <v>45685</v>
      </c>
      <c r="F136089" s="14" t="s">
        <v>61</v>
      </c>
      <c r="G136089" s="16">
        <v>0</v>
      </c>
    </row>
    <row r="136090" spans="1:7" x14ac:dyDescent="0.3">
      <c r="A136090" s="13" t="s">
        <v>610</v>
      </c>
      <c r="B136090" s="14" t="s">
        <v>1</v>
      </c>
      <c r="C136090" s="14" t="s">
        <v>596</v>
      </c>
      <c r="D136090" s="14" t="s">
        <v>176</v>
      </c>
      <c r="E136090" s="15">
        <v>45686</v>
      </c>
      <c r="F136090" s="14" t="s">
        <v>61</v>
      </c>
      <c r="G136090" s="16">
        <v>0</v>
      </c>
    </row>
    <row r="136091" spans="1:7" x14ac:dyDescent="0.3">
      <c r="A136091" s="13" t="s">
        <v>610</v>
      </c>
      <c r="B136091" s="14" t="s">
        <v>1</v>
      </c>
      <c r="C136091" s="14" t="s">
        <v>596</v>
      </c>
      <c r="D136091" s="14" t="s">
        <v>176</v>
      </c>
      <c r="E136091" s="15">
        <v>45687</v>
      </c>
      <c r="F136091" s="14" t="s">
        <v>61</v>
      </c>
      <c r="G136091" s="16">
        <v>0</v>
      </c>
    </row>
    <row r="136092" spans="1:7" x14ac:dyDescent="0.3">
      <c r="A136092" s="13" t="s">
        <v>610</v>
      </c>
      <c r="B136092" s="14" t="s">
        <v>1</v>
      </c>
      <c r="C136092" s="14" t="s">
        <v>596</v>
      </c>
      <c r="D136092" s="14" t="s">
        <v>176</v>
      </c>
      <c r="E136092" s="15">
        <v>45688</v>
      </c>
      <c r="F136092" s="14" t="s">
        <v>61</v>
      </c>
      <c r="G136092" s="16">
        <v>0</v>
      </c>
    </row>
    <row r="136093" spans="1:7" x14ac:dyDescent="0.3">
      <c r="A136093" s="13" t="s">
        <v>610</v>
      </c>
      <c r="B136093" s="14" t="s">
        <v>1</v>
      </c>
      <c r="C136093" s="14" t="s">
        <v>596</v>
      </c>
      <c r="D136093" s="14" t="s">
        <v>176</v>
      </c>
      <c r="E136093" s="15">
        <v>45689</v>
      </c>
      <c r="F136093" s="14" t="s">
        <v>61</v>
      </c>
      <c r="G136093" s="16">
        <v>0</v>
      </c>
    </row>
    <row r="136094" spans="1:7" x14ac:dyDescent="0.3">
      <c r="A136094" s="13" t="s">
        <v>610</v>
      </c>
      <c r="B136094" s="14" t="s">
        <v>1</v>
      </c>
      <c r="C136094" s="14" t="s">
        <v>596</v>
      </c>
      <c r="D136094" s="14" t="s">
        <v>176</v>
      </c>
      <c r="E136094" s="15">
        <v>45690</v>
      </c>
      <c r="F136094" s="14" t="s">
        <v>61</v>
      </c>
      <c r="G136094" s="16">
        <v>0</v>
      </c>
    </row>
    <row r="136095" spans="1:7" x14ac:dyDescent="0.3">
      <c r="A136095" s="13" t="s">
        <v>610</v>
      </c>
      <c r="B136095" s="14" t="s">
        <v>1</v>
      </c>
      <c r="C136095" s="14" t="s">
        <v>596</v>
      </c>
      <c r="D136095" s="14" t="s">
        <v>176</v>
      </c>
      <c r="E136095" s="15">
        <v>45691</v>
      </c>
      <c r="F136095" s="14" t="s">
        <v>61</v>
      </c>
      <c r="G136095" s="16">
        <v>0</v>
      </c>
    </row>
    <row r="136096" spans="1:7" x14ac:dyDescent="0.3">
      <c r="A136096" s="13" t="s">
        <v>610</v>
      </c>
      <c r="B136096" s="14" t="s">
        <v>1</v>
      </c>
      <c r="C136096" s="14" t="s">
        <v>596</v>
      </c>
      <c r="D136096" s="14" t="s">
        <v>176</v>
      </c>
      <c r="E136096" s="15">
        <v>45692</v>
      </c>
      <c r="F136096" s="14" t="s">
        <v>61</v>
      </c>
      <c r="G136096" s="16">
        <v>0</v>
      </c>
    </row>
    <row r="136097" spans="1:7" x14ac:dyDescent="0.3">
      <c r="A136097" s="13" t="s">
        <v>610</v>
      </c>
      <c r="B136097" s="14" t="s">
        <v>1</v>
      </c>
      <c r="C136097" s="14" t="s">
        <v>596</v>
      </c>
      <c r="D136097" s="14" t="s">
        <v>176</v>
      </c>
      <c r="E136097" s="15">
        <v>45693</v>
      </c>
      <c r="F136097" s="14" t="s">
        <v>61</v>
      </c>
      <c r="G136097" s="16">
        <v>0</v>
      </c>
    </row>
    <row r="136098" spans="1:7" x14ac:dyDescent="0.3">
      <c r="A136098" s="13" t="s">
        <v>610</v>
      </c>
      <c r="B136098" s="14" t="s">
        <v>1</v>
      </c>
      <c r="C136098" s="14" t="s">
        <v>596</v>
      </c>
      <c r="D136098" s="14" t="s">
        <v>176</v>
      </c>
      <c r="E136098" s="15">
        <v>45694</v>
      </c>
      <c r="F136098" s="14" t="s">
        <v>61</v>
      </c>
      <c r="G136098" s="16">
        <v>0</v>
      </c>
    </row>
    <row r="136099" spans="1:7" x14ac:dyDescent="0.3">
      <c r="A136099" s="13" t="s">
        <v>610</v>
      </c>
      <c r="B136099" s="14" t="s">
        <v>1</v>
      </c>
      <c r="C136099" s="14" t="s">
        <v>596</v>
      </c>
      <c r="D136099" s="14" t="s">
        <v>176</v>
      </c>
      <c r="E136099" s="15">
        <v>45695</v>
      </c>
      <c r="F136099" s="14" t="s">
        <v>61</v>
      </c>
      <c r="G136099" s="16">
        <v>0</v>
      </c>
    </row>
    <row r="136100" spans="1:7" x14ac:dyDescent="0.3">
      <c r="A136100" s="13" t="s">
        <v>610</v>
      </c>
      <c r="B136100" s="14" t="s">
        <v>1</v>
      </c>
      <c r="C136100" s="14" t="s">
        <v>596</v>
      </c>
      <c r="D136100" s="14" t="s">
        <v>176</v>
      </c>
      <c r="E136100" s="15">
        <v>45696</v>
      </c>
      <c r="F136100" s="14" t="s">
        <v>61</v>
      </c>
      <c r="G136100" s="16">
        <v>0</v>
      </c>
    </row>
    <row r="136101" spans="1:7" x14ac:dyDescent="0.3">
      <c r="A136101" s="13" t="s">
        <v>610</v>
      </c>
      <c r="B136101" s="14" t="s">
        <v>1</v>
      </c>
      <c r="C136101" s="14" t="s">
        <v>596</v>
      </c>
      <c r="D136101" s="14" t="s">
        <v>176</v>
      </c>
      <c r="E136101" s="15">
        <v>45697</v>
      </c>
      <c r="F136101" s="14" t="s">
        <v>61</v>
      </c>
      <c r="G136101" s="16">
        <v>0</v>
      </c>
    </row>
    <row r="136102" spans="1:7" x14ac:dyDescent="0.3">
      <c r="A136102" s="13" t="s">
        <v>610</v>
      </c>
      <c r="B136102" s="14" t="s">
        <v>1</v>
      </c>
      <c r="C136102" s="14" t="s">
        <v>596</v>
      </c>
      <c r="D136102" s="14" t="s">
        <v>176</v>
      </c>
      <c r="E136102" s="15">
        <v>45698</v>
      </c>
      <c r="F136102" s="14" t="s">
        <v>61</v>
      </c>
      <c r="G136102" s="16">
        <v>0</v>
      </c>
    </row>
    <row r="136103" spans="1:7" x14ac:dyDescent="0.3">
      <c r="A136103" s="13" t="s">
        <v>610</v>
      </c>
      <c r="B136103" s="14" t="s">
        <v>1</v>
      </c>
      <c r="C136103" s="14" t="s">
        <v>596</v>
      </c>
      <c r="D136103" s="14" t="s">
        <v>176</v>
      </c>
      <c r="E136103" s="15">
        <v>45699</v>
      </c>
      <c r="F136103" s="14" t="s">
        <v>61</v>
      </c>
      <c r="G136103" s="16">
        <v>0</v>
      </c>
    </row>
    <row r="136104" spans="1:7" x14ac:dyDescent="0.3">
      <c r="A136104" s="13" t="s">
        <v>610</v>
      </c>
      <c r="B136104" s="14" t="s">
        <v>1</v>
      </c>
      <c r="C136104" s="14" t="s">
        <v>596</v>
      </c>
      <c r="D136104" s="14" t="s">
        <v>176</v>
      </c>
      <c r="E136104" s="15">
        <v>45700</v>
      </c>
      <c r="F136104" s="14" t="s">
        <v>61</v>
      </c>
      <c r="G136104" s="16">
        <v>0</v>
      </c>
    </row>
    <row r="136105" spans="1:7" x14ac:dyDescent="0.3">
      <c r="A136105" s="13" t="s">
        <v>610</v>
      </c>
      <c r="B136105" s="14" t="s">
        <v>1</v>
      </c>
      <c r="C136105" s="14" t="s">
        <v>596</v>
      </c>
      <c r="D136105" s="14" t="s">
        <v>176</v>
      </c>
      <c r="E136105" s="15">
        <v>45701</v>
      </c>
      <c r="F136105" s="14" t="s">
        <v>61</v>
      </c>
      <c r="G136105" s="16">
        <v>0</v>
      </c>
    </row>
    <row r="136106" spans="1:7" x14ac:dyDescent="0.3">
      <c r="A136106" s="13" t="s">
        <v>610</v>
      </c>
      <c r="B136106" s="14" t="s">
        <v>1</v>
      </c>
      <c r="C136106" s="14" t="s">
        <v>596</v>
      </c>
      <c r="D136106" s="14" t="s">
        <v>176</v>
      </c>
      <c r="E136106" s="15">
        <v>45702</v>
      </c>
      <c r="F136106" s="14" t="s">
        <v>61</v>
      </c>
      <c r="G136106" s="16">
        <v>0</v>
      </c>
    </row>
    <row r="136107" spans="1:7" x14ac:dyDescent="0.3">
      <c r="A136107" s="13" t="s">
        <v>610</v>
      </c>
      <c r="B136107" s="14" t="s">
        <v>1</v>
      </c>
      <c r="C136107" s="14" t="s">
        <v>596</v>
      </c>
      <c r="D136107" s="14" t="s">
        <v>176</v>
      </c>
      <c r="E136107" s="15">
        <v>45703</v>
      </c>
      <c r="F136107" s="14" t="s">
        <v>61</v>
      </c>
      <c r="G136107" s="16">
        <v>0</v>
      </c>
    </row>
    <row r="136108" spans="1:7" x14ac:dyDescent="0.3">
      <c r="A136108" s="13" t="s">
        <v>610</v>
      </c>
      <c r="B136108" s="14" t="s">
        <v>1</v>
      </c>
      <c r="C136108" s="14" t="s">
        <v>596</v>
      </c>
      <c r="D136108" s="14" t="s">
        <v>176</v>
      </c>
      <c r="E136108" s="15">
        <v>45704</v>
      </c>
      <c r="F136108" s="14" t="s">
        <v>61</v>
      </c>
      <c r="G136108" s="16">
        <v>0</v>
      </c>
    </row>
    <row r="136109" spans="1:7" x14ac:dyDescent="0.3">
      <c r="A136109" s="13" t="s">
        <v>610</v>
      </c>
      <c r="B136109" s="14" t="s">
        <v>1</v>
      </c>
      <c r="C136109" s="14" t="s">
        <v>596</v>
      </c>
      <c r="D136109" s="14" t="s">
        <v>176</v>
      </c>
      <c r="E136109" s="15">
        <v>45705</v>
      </c>
      <c r="F136109" s="14" t="s">
        <v>61</v>
      </c>
      <c r="G136109" s="16">
        <v>0</v>
      </c>
    </row>
    <row r="136110" spans="1:7" x14ac:dyDescent="0.3">
      <c r="A136110" s="13" t="s">
        <v>610</v>
      </c>
      <c r="B136110" s="14" t="s">
        <v>1</v>
      </c>
      <c r="C136110" s="14" t="s">
        <v>596</v>
      </c>
      <c r="D136110" s="14" t="s">
        <v>176</v>
      </c>
      <c r="E136110" s="15">
        <v>45706</v>
      </c>
      <c r="F136110" s="14" t="s">
        <v>61</v>
      </c>
      <c r="G136110" s="16">
        <v>0</v>
      </c>
    </row>
    <row r="136111" spans="1:7" x14ac:dyDescent="0.3">
      <c r="A136111" s="13" t="s">
        <v>610</v>
      </c>
      <c r="B136111" s="14" t="s">
        <v>1</v>
      </c>
      <c r="C136111" s="14" t="s">
        <v>596</v>
      </c>
      <c r="D136111" s="14" t="s">
        <v>176</v>
      </c>
      <c r="E136111" s="15">
        <v>45707</v>
      </c>
      <c r="F136111" s="14" t="s">
        <v>61</v>
      </c>
      <c r="G136111" s="16">
        <v>0</v>
      </c>
    </row>
    <row r="136112" spans="1:7" x14ac:dyDescent="0.3">
      <c r="A136112" s="13" t="s">
        <v>610</v>
      </c>
      <c r="B136112" s="14" t="s">
        <v>1</v>
      </c>
      <c r="C136112" s="14" t="s">
        <v>596</v>
      </c>
      <c r="D136112" s="14" t="s">
        <v>176</v>
      </c>
      <c r="E136112" s="15">
        <v>45708</v>
      </c>
      <c r="F136112" s="14" t="s">
        <v>61</v>
      </c>
      <c r="G136112" s="16">
        <v>0</v>
      </c>
    </row>
    <row r="136113" spans="1:7" x14ac:dyDescent="0.3">
      <c r="A136113" s="13" t="s">
        <v>610</v>
      </c>
      <c r="B136113" s="14" t="s">
        <v>1</v>
      </c>
      <c r="C136113" s="14" t="s">
        <v>596</v>
      </c>
      <c r="D136113" s="14" t="s">
        <v>176</v>
      </c>
      <c r="E136113" s="15">
        <v>45709</v>
      </c>
      <c r="F136113" s="14" t="s">
        <v>61</v>
      </c>
      <c r="G136113" s="16">
        <v>0</v>
      </c>
    </row>
    <row r="136114" spans="1:7" x14ac:dyDescent="0.3">
      <c r="A136114" s="13" t="s">
        <v>610</v>
      </c>
      <c r="B136114" s="14" t="s">
        <v>1</v>
      </c>
      <c r="C136114" s="14" t="s">
        <v>596</v>
      </c>
      <c r="D136114" s="14" t="s">
        <v>176</v>
      </c>
      <c r="E136114" s="15">
        <v>45710</v>
      </c>
      <c r="F136114" s="14" t="s">
        <v>61</v>
      </c>
      <c r="G136114" s="16">
        <v>0</v>
      </c>
    </row>
    <row r="136115" spans="1:7" x14ac:dyDescent="0.3">
      <c r="A136115" s="13" t="s">
        <v>610</v>
      </c>
      <c r="B136115" s="14" t="s">
        <v>1</v>
      </c>
      <c r="C136115" s="14" t="s">
        <v>596</v>
      </c>
      <c r="D136115" s="14" t="s">
        <v>176</v>
      </c>
      <c r="E136115" s="15">
        <v>45711</v>
      </c>
      <c r="F136115" s="14" t="s">
        <v>61</v>
      </c>
      <c r="G136115" s="16">
        <v>0</v>
      </c>
    </row>
    <row r="136116" spans="1:7" x14ac:dyDescent="0.3">
      <c r="A136116" s="13" t="s">
        <v>610</v>
      </c>
      <c r="B136116" s="14" t="s">
        <v>1</v>
      </c>
      <c r="C136116" s="14" t="s">
        <v>596</v>
      </c>
      <c r="D136116" s="14" t="s">
        <v>176</v>
      </c>
      <c r="E136116" s="15">
        <v>45712</v>
      </c>
      <c r="F136116" s="14" t="s">
        <v>61</v>
      </c>
      <c r="G136116" s="16">
        <v>0</v>
      </c>
    </row>
    <row r="136117" spans="1:7" x14ac:dyDescent="0.3">
      <c r="A136117" s="13" t="s">
        <v>610</v>
      </c>
      <c r="B136117" s="14" t="s">
        <v>1</v>
      </c>
      <c r="C136117" s="14" t="s">
        <v>596</v>
      </c>
      <c r="D136117" s="14" t="s">
        <v>176</v>
      </c>
      <c r="E136117" s="15">
        <v>45713</v>
      </c>
      <c r="F136117" s="14" t="s">
        <v>61</v>
      </c>
      <c r="G136117" s="16">
        <v>0</v>
      </c>
    </row>
    <row r="136118" spans="1:7" x14ac:dyDescent="0.3">
      <c r="A136118" s="13" t="s">
        <v>610</v>
      </c>
      <c r="B136118" s="14" t="s">
        <v>1</v>
      </c>
      <c r="C136118" s="14" t="s">
        <v>596</v>
      </c>
      <c r="D136118" s="14" t="s">
        <v>176</v>
      </c>
      <c r="E136118" s="15">
        <v>45714</v>
      </c>
      <c r="F136118" s="14" t="s">
        <v>61</v>
      </c>
      <c r="G136118" s="16">
        <v>0</v>
      </c>
    </row>
    <row r="136119" spans="1:7" x14ac:dyDescent="0.3">
      <c r="A136119" s="13" t="s">
        <v>610</v>
      </c>
      <c r="B136119" s="14" t="s">
        <v>1</v>
      </c>
      <c r="C136119" s="14" t="s">
        <v>596</v>
      </c>
      <c r="D136119" s="14" t="s">
        <v>176</v>
      </c>
      <c r="E136119" s="15">
        <v>45715</v>
      </c>
      <c r="F136119" s="14" t="s">
        <v>61</v>
      </c>
      <c r="G136119" s="16">
        <v>0</v>
      </c>
    </row>
    <row r="136120" spans="1:7" x14ac:dyDescent="0.3">
      <c r="A136120" s="13" t="s">
        <v>610</v>
      </c>
      <c r="B136120" s="14" t="s">
        <v>1</v>
      </c>
      <c r="C136120" s="14" t="s">
        <v>596</v>
      </c>
      <c r="D136120" s="14" t="s">
        <v>176</v>
      </c>
      <c r="E136120" s="15">
        <v>45716</v>
      </c>
      <c r="F136120" s="14" t="s">
        <v>61</v>
      </c>
      <c r="G136120" s="16">
        <v>0</v>
      </c>
    </row>
    <row r="136121" spans="1:7" x14ac:dyDescent="0.3">
      <c r="A136121" s="13" t="s">
        <v>610</v>
      </c>
      <c r="B136121" s="14" t="s">
        <v>1</v>
      </c>
      <c r="C136121" s="14" t="s">
        <v>596</v>
      </c>
      <c r="D136121" s="14" t="s">
        <v>176</v>
      </c>
      <c r="E136121" s="15">
        <v>45717</v>
      </c>
      <c r="F136121" s="14" t="s">
        <v>61</v>
      </c>
      <c r="G136121" s="16">
        <v>0</v>
      </c>
    </row>
    <row r="136122" spans="1:7" x14ac:dyDescent="0.3">
      <c r="A136122" s="13" t="s">
        <v>610</v>
      </c>
      <c r="B136122" s="14" t="s">
        <v>1</v>
      </c>
      <c r="C136122" s="14" t="s">
        <v>596</v>
      </c>
      <c r="D136122" s="14" t="s">
        <v>176</v>
      </c>
      <c r="E136122" s="15">
        <v>45718</v>
      </c>
      <c r="F136122" s="14" t="s">
        <v>61</v>
      </c>
      <c r="G136122" s="16">
        <v>0</v>
      </c>
    </row>
    <row r="136123" spans="1:7" x14ac:dyDescent="0.3">
      <c r="A136123" s="13" t="s">
        <v>610</v>
      </c>
      <c r="B136123" s="14" t="s">
        <v>1</v>
      </c>
      <c r="C136123" s="14" t="s">
        <v>596</v>
      </c>
      <c r="D136123" s="14" t="s">
        <v>176</v>
      </c>
      <c r="E136123" s="15">
        <v>45719</v>
      </c>
      <c r="F136123" s="14" t="s">
        <v>61</v>
      </c>
      <c r="G136123" s="16">
        <v>0</v>
      </c>
    </row>
    <row r="136124" spans="1:7" x14ac:dyDescent="0.3">
      <c r="A136124" s="13" t="s">
        <v>610</v>
      </c>
      <c r="B136124" s="14" t="s">
        <v>1</v>
      </c>
      <c r="C136124" s="14" t="s">
        <v>596</v>
      </c>
      <c r="D136124" s="14" t="s">
        <v>176</v>
      </c>
      <c r="E136124" s="15">
        <v>45720</v>
      </c>
      <c r="F136124" s="14" t="s">
        <v>61</v>
      </c>
      <c r="G136124" s="16">
        <v>0</v>
      </c>
    </row>
    <row r="136125" spans="1:7" x14ac:dyDescent="0.3">
      <c r="A136125" s="13" t="s">
        <v>610</v>
      </c>
      <c r="B136125" s="14" t="s">
        <v>1</v>
      </c>
      <c r="C136125" s="14" t="s">
        <v>596</v>
      </c>
      <c r="D136125" s="14" t="s">
        <v>176</v>
      </c>
      <c r="E136125" s="15">
        <v>45721</v>
      </c>
      <c r="F136125" s="14" t="s">
        <v>61</v>
      </c>
      <c r="G136125" s="16">
        <v>0</v>
      </c>
    </row>
    <row r="136126" spans="1:7" x14ac:dyDescent="0.3">
      <c r="A136126" s="13" t="s">
        <v>610</v>
      </c>
      <c r="B136126" s="14" t="s">
        <v>1</v>
      </c>
      <c r="C136126" s="14" t="s">
        <v>596</v>
      </c>
      <c r="D136126" s="14" t="s">
        <v>176</v>
      </c>
      <c r="E136126" s="15">
        <v>45722</v>
      </c>
      <c r="F136126" s="14" t="s">
        <v>61</v>
      </c>
      <c r="G136126" s="16">
        <v>0</v>
      </c>
    </row>
    <row r="136127" spans="1:7" x14ac:dyDescent="0.3">
      <c r="A136127" s="13" t="s">
        <v>610</v>
      </c>
      <c r="B136127" s="14" t="s">
        <v>1</v>
      </c>
      <c r="C136127" s="14" t="s">
        <v>596</v>
      </c>
      <c r="D136127" s="14" t="s">
        <v>176</v>
      </c>
      <c r="E136127" s="15">
        <v>45723</v>
      </c>
      <c r="F136127" s="14" t="s">
        <v>61</v>
      </c>
      <c r="G136127" s="16">
        <v>0</v>
      </c>
    </row>
    <row r="136128" spans="1:7" x14ac:dyDescent="0.3">
      <c r="A136128" s="13" t="s">
        <v>610</v>
      </c>
      <c r="B136128" s="14" t="s">
        <v>1</v>
      </c>
      <c r="C136128" s="14" t="s">
        <v>596</v>
      </c>
      <c r="D136128" s="14" t="s">
        <v>176</v>
      </c>
      <c r="E136128" s="15">
        <v>45724</v>
      </c>
      <c r="F136128" s="14" t="s">
        <v>61</v>
      </c>
      <c r="G136128" s="16">
        <v>0</v>
      </c>
    </row>
    <row r="136129" spans="1:7" x14ac:dyDescent="0.3">
      <c r="A136129" s="13" t="s">
        <v>610</v>
      </c>
      <c r="B136129" s="14" t="s">
        <v>1</v>
      </c>
      <c r="C136129" s="14" t="s">
        <v>596</v>
      </c>
      <c r="D136129" s="14" t="s">
        <v>176</v>
      </c>
      <c r="E136129" s="15">
        <v>45725</v>
      </c>
      <c r="F136129" s="14" t="s">
        <v>61</v>
      </c>
      <c r="G136129" s="16">
        <v>0</v>
      </c>
    </row>
    <row r="136130" spans="1:7" x14ac:dyDescent="0.3">
      <c r="A136130" s="13" t="s">
        <v>610</v>
      </c>
      <c r="B136130" s="14" t="s">
        <v>1</v>
      </c>
      <c r="C136130" s="14" t="s">
        <v>596</v>
      </c>
      <c r="D136130" s="14" t="s">
        <v>176</v>
      </c>
      <c r="E136130" s="15">
        <v>45726</v>
      </c>
      <c r="F136130" s="14" t="s">
        <v>61</v>
      </c>
      <c r="G136130" s="16">
        <v>0</v>
      </c>
    </row>
    <row r="136131" spans="1:7" x14ac:dyDescent="0.3">
      <c r="A136131" s="13" t="s">
        <v>610</v>
      </c>
      <c r="B136131" s="14" t="s">
        <v>1</v>
      </c>
      <c r="C136131" s="14" t="s">
        <v>596</v>
      </c>
      <c r="D136131" s="14" t="s">
        <v>176</v>
      </c>
      <c r="E136131" s="15">
        <v>45727</v>
      </c>
      <c r="F136131" s="14" t="s">
        <v>61</v>
      </c>
      <c r="G136131" s="16">
        <v>0</v>
      </c>
    </row>
    <row r="136132" spans="1:7" x14ac:dyDescent="0.3">
      <c r="A136132" s="13" t="s">
        <v>610</v>
      </c>
      <c r="B136132" s="14" t="s">
        <v>1</v>
      </c>
      <c r="C136132" s="14" t="s">
        <v>596</v>
      </c>
      <c r="D136132" s="14" t="s">
        <v>176</v>
      </c>
      <c r="E136132" s="15">
        <v>45728</v>
      </c>
      <c r="F136132" s="14" t="s">
        <v>61</v>
      </c>
      <c r="G136132" s="16">
        <v>0</v>
      </c>
    </row>
    <row r="136133" spans="1:7" x14ac:dyDescent="0.3">
      <c r="A136133" s="13" t="s">
        <v>610</v>
      </c>
      <c r="B136133" s="14" t="s">
        <v>1</v>
      </c>
      <c r="C136133" s="14" t="s">
        <v>596</v>
      </c>
      <c r="D136133" s="14" t="s">
        <v>176</v>
      </c>
      <c r="E136133" s="15">
        <v>45729</v>
      </c>
      <c r="F136133" s="14" t="s">
        <v>61</v>
      </c>
      <c r="G136133" s="16">
        <v>0</v>
      </c>
    </row>
    <row r="136134" spans="1:7" x14ac:dyDescent="0.3">
      <c r="A136134" s="13" t="s">
        <v>610</v>
      </c>
      <c r="B136134" s="14" t="s">
        <v>1</v>
      </c>
      <c r="C136134" s="14" t="s">
        <v>596</v>
      </c>
      <c r="D136134" s="14" t="s">
        <v>176</v>
      </c>
      <c r="E136134" s="15">
        <v>45730</v>
      </c>
      <c r="F136134" s="14" t="s">
        <v>61</v>
      </c>
      <c r="G136134" s="16">
        <v>0</v>
      </c>
    </row>
    <row r="136135" spans="1:7" x14ac:dyDescent="0.3">
      <c r="A136135" s="13" t="s">
        <v>610</v>
      </c>
      <c r="B136135" s="14" t="s">
        <v>1</v>
      </c>
      <c r="C136135" s="14" t="s">
        <v>596</v>
      </c>
      <c r="D136135" s="14" t="s">
        <v>176</v>
      </c>
      <c r="E136135" s="15">
        <v>45731</v>
      </c>
      <c r="F136135" s="14" t="s">
        <v>61</v>
      </c>
      <c r="G136135" s="16">
        <v>0</v>
      </c>
    </row>
    <row r="136136" spans="1:7" x14ac:dyDescent="0.3">
      <c r="A136136" s="13" t="s">
        <v>610</v>
      </c>
      <c r="B136136" s="14" t="s">
        <v>1</v>
      </c>
      <c r="C136136" s="14" t="s">
        <v>596</v>
      </c>
      <c r="D136136" s="14" t="s">
        <v>176</v>
      </c>
      <c r="E136136" s="15">
        <v>45732</v>
      </c>
      <c r="F136136" s="14" t="s">
        <v>61</v>
      </c>
      <c r="G136136" s="16">
        <v>0</v>
      </c>
    </row>
    <row r="136137" spans="1:7" x14ac:dyDescent="0.3">
      <c r="A136137" s="13" t="s">
        <v>610</v>
      </c>
      <c r="B136137" s="14" t="s">
        <v>1</v>
      </c>
      <c r="C136137" s="14" t="s">
        <v>596</v>
      </c>
      <c r="D136137" s="14" t="s">
        <v>176</v>
      </c>
      <c r="E136137" s="15">
        <v>45733</v>
      </c>
      <c r="F136137" s="14" t="s">
        <v>61</v>
      </c>
      <c r="G136137" s="16">
        <v>0</v>
      </c>
    </row>
    <row r="136138" spans="1:7" x14ac:dyDescent="0.3">
      <c r="A136138" s="13" t="s">
        <v>610</v>
      </c>
      <c r="B136138" s="14" t="s">
        <v>1</v>
      </c>
      <c r="C136138" s="14" t="s">
        <v>596</v>
      </c>
      <c r="D136138" s="14" t="s">
        <v>176</v>
      </c>
      <c r="E136138" s="15">
        <v>45734</v>
      </c>
      <c r="F136138" s="14" t="s">
        <v>61</v>
      </c>
      <c r="G136138" s="16">
        <v>0</v>
      </c>
    </row>
    <row r="136139" spans="1:7" x14ac:dyDescent="0.3">
      <c r="A136139" s="13" t="s">
        <v>610</v>
      </c>
      <c r="B136139" s="14" t="s">
        <v>1</v>
      </c>
      <c r="C136139" s="14" t="s">
        <v>596</v>
      </c>
      <c r="D136139" s="14" t="s">
        <v>176</v>
      </c>
      <c r="E136139" s="15">
        <v>45735</v>
      </c>
      <c r="F136139" s="14" t="s">
        <v>61</v>
      </c>
      <c r="G136139" s="16">
        <v>0</v>
      </c>
    </row>
    <row r="136140" spans="1:7" x14ac:dyDescent="0.3">
      <c r="A136140" s="13" t="s">
        <v>610</v>
      </c>
      <c r="B136140" s="14" t="s">
        <v>1</v>
      </c>
      <c r="C136140" s="14" t="s">
        <v>596</v>
      </c>
      <c r="D136140" s="14" t="s">
        <v>176</v>
      </c>
      <c r="E136140" s="15">
        <v>45736</v>
      </c>
      <c r="F136140" s="14" t="s">
        <v>61</v>
      </c>
      <c r="G136140" s="16">
        <v>0</v>
      </c>
    </row>
    <row r="136141" spans="1:7" x14ac:dyDescent="0.3">
      <c r="A136141" s="13" t="s">
        <v>610</v>
      </c>
      <c r="B136141" s="14" t="s">
        <v>1</v>
      </c>
      <c r="C136141" s="14" t="s">
        <v>596</v>
      </c>
      <c r="D136141" s="14" t="s">
        <v>176</v>
      </c>
      <c r="E136141" s="15">
        <v>45737</v>
      </c>
      <c r="F136141" s="14" t="s">
        <v>61</v>
      </c>
      <c r="G136141" s="16">
        <v>0</v>
      </c>
    </row>
    <row r="136142" spans="1:7" x14ac:dyDescent="0.3">
      <c r="A136142" s="13" t="s">
        <v>610</v>
      </c>
      <c r="B136142" s="14" t="s">
        <v>1</v>
      </c>
      <c r="C136142" s="14" t="s">
        <v>596</v>
      </c>
      <c r="D136142" s="14" t="s">
        <v>176</v>
      </c>
      <c r="E136142" s="15">
        <v>45738</v>
      </c>
      <c r="F136142" s="14" t="s">
        <v>61</v>
      </c>
      <c r="G136142" s="16">
        <v>0</v>
      </c>
    </row>
    <row r="136143" spans="1:7" x14ac:dyDescent="0.3">
      <c r="A136143" s="13" t="s">
        <v>610</v>
      </c>
      <c r="B136143" s="14" t="s">
        <v>1</v>
      </c>
      <c r="C136143" s="14" t="s">
        <v>596</v>
      </c>
      <c r="D136143" s="14" t="s">
        <v>176</v>
      </c>
      <c r="E136143" s="15">
        <v>45739</v>
      </c>
      <c r="F136143" s="14" t="s">
        <v>61</v>
      </c>
      <c r="G136143" s="16">
        <v>0</v>
      </c>
    </row>
    <row r="136144" spans="1:7" x14ac:dyDescent="0.3">
      <c r="A136144" s="13" t="s">
        <v>610</v>
      </c>
      <c r="B136144" s="14" t="s">
        <v>1</v>
      </c>
      <c r="C136144" s="14" t="s">
        <v>596</v>
      </c>
      <c r="D136144" s="14" t="s">
        <v>176</v>
      </c>
      <c r="E136144" s="15">
        <v>45740</v>
      </c>
      <c r="F136144" s="14" t="s">
        <v>61</v>
      </c>
      <c r="G136144" s="16">
        <v>0</v>
      </c>
    </row>
    <row r="136145" spans="1:7" x14ac:dyDescent="0.3">
      <c r="A136145" s="13" t="s">
        <v>610</v>
      </c>
      <c r="B136145" s="14" t="s">
        <v>1</v>
      </c>
      <c r="C136145" s="14" t="s">
        <v>596</v>
      </c>
      <c r="D136145" s="14" t="s">
        <v>176</v>
      </c>
      <c r="E136145" s="15">
        <v>45741</v>
      </c>
      <c r="F136145" s="14" t="s">
        <v>61</v>
      </c>
      <c r="G136145" s="16">
        <v>0</v>
      </c>
    </row>
    <row r="136146" spans="1:7" x14ac:dyDescent="0.3">
      <c r="A136146" s="13" t="s">
        <v>610</v>
      </c>
      <c r="B136146" s="14" t="s">
        <v>1</v>
      </c>
      <c r="C136146" s="14" t="s">
        <v>596</v>
      </c>
      <c r="D136146" s="14" t="s">
        <v>176</v>
      </c>
      <c r="E136146" s="15">
        <v>45742</v>
      </c>
      <c r="F136146" s="14" t="s">
        <v>61</v>
      </c>
      <c r="G136146" s="16">
        <v>0</v>
      </c>
    </row>
    <row r="136147" spans="1:7" x14ac:dyDescent="0.3">
      <c r="A136147" s="13" t="s">
        <v>610</v>
      </c>
      <c r="B136147" s="14" t="s">
        <v>1</v>
      </c>
      <c r="C136147" s="14" t="s">
        <v>596</v>
      </c>
      <c r="D136147" s="14" t="s">
        <v>176</v>
      </c>
      <c r="E136147" s="15">
        <v>45743</v>
      </c>
      <c r="F136147" s="14" t="s">
        <v>61</v>
      </c>
      <c r="G136147" s="16">
        <v>0</v>
      </c>
    </row>
    <row r="136148" spans="1:7" x14ac:dyDescent="0.3">
      <c r="A136148" s="13" t="s">
        <v>610</v>
      </c>
      <c r="B136148" s="14" t="s">
        <v>1</v>
      </c>
      <c r="C136148" s="14" t="s">
        <v>596</v>
      </c>
      <c r="D136148" s="14" t="s">
        <v>176</v>
      </c>
      <c r="E136148" s="15">
        <v>45744</v>
      </c>
      <c r="F136148" s="14" t="s">
        <v>61</v>
      </c>
      <c r="G136148" s="16">
        <v>0</v>
      </c>
    </row>
    <row r="136149" spans="1:7" x14ac:dyDescent="0.3">
      <c r="A136149" s="13" t="s">
        <v>610</v>
      </c>
      <c r="B136149" s="14" t="s">
        <v>1</v>
      </c>
      <c r="C136149" s="14" t="s">
        <v>596</v>
      </c>
      <c r="D136149" s="14" t="s">
        <v>176</v>
      </c>
      <c r="E136149" s="15">
        <v>45745</v>
      </c>
      <c r="F136149" s="14" t="s">
        <v>61</v>
      </c>
      <c r="G136149" s="16">
        <v>0</v>
      </c>
    </row>
    <row r="136150" spans="1:7" x14ac:dyDescent="0.3">
      <c r="A136150" s="13" t="s">
        <v>610</v>
      </c>
      <c r="B136150" s="14" t="s">
        <v>1</v>
      </c>
      <c r="C136150" s="14" t="s">
        <v>596</v>
      </c>
      <c r="D136150" s="14" t="s">
        <v>176</v>
      </c>
      <c r="E136150" s="15">
        <v>45746</v>
      </c>
      <c r="F136150" s="14" t="s">
        <v>61</v>
      </c>
      <c r="G136150" s="16">
        <v>0</v>
      </c>
    </row>
    <row r="136151" spans="1:7" x14ac:dyDescent="0.3">
      <c r="A136151" s="13" t="s">
        <v>610</v>
      </c>
      <c r="B136151" s="14" t="s">
        <v>1</v>
      </c>
      <c r="C136151" s="14" t="s">
        <v>596</v>
      </c>
      <c r="D136151" s="14" t="s">
        <v>176</v>
      </c>
      <c r="E136151" s="15">
        <v>45747</v>
      </c>
      <c r="F136151" s="14" t="s">
        <v>61</v>
      </c>
      <c r="G136151" s="16">
        <v>0</v>
      </c>
    </row>
    <row r="136152" spans="1:7" x14ac:dyDescent="0.3">
      <c r="A136152" s="13" t="s">
        <v>611</v>
      </c>
      <c r="B136152" s="14" t="s">
        <v>1</v>
      </c>
      <c r="C136152" s="14" t="s">
        <v>596</v>
      </c>
      <c r="D136152" s="14" t="s">
        <v>60</v>
      </c>
      <c r="E136152" s="15">
        <v>45383</v>
      </c>
      <c r="F136152" s="14" t="s">
        <v>61</v>
      </c>
      <c r="G136152" s="16">
        <v>0</v>
      </c>
    </row>
    <row r="136153" spans="1:7" x14ac:dyDescent="0.3">
      <c r="A136153" s="13" t="s">
        <v>611</v>
      </c>
      <c r="B136153" s="14" t="s">
        <v>1</v>
      </c>
      <c r="C136153" s="14" t="s">
        <v>596</v>
      </c>
      <c r="D136153" s="14" t="s">
        <v>60</v>
      </c>
      <c r="E136153" s="15">
        <v>45384</v>
      </c>
      <c r="F136153" s="14" t="s">
        <v>61</v>
      </c>
      <c r="G136153" s="16">
        <v>0</v>
      </c>
    </row>
    <row r="136154" spans="1:7" x14ac:dyDescent="0.3">
      <c r="A136154" s="13" t="s">
        <v>611</v>
      </c>
      <c r="B136154" s="14" t="s">
        <v>1</v>
      </c>
      <c r="C136154" s="14" t="s">
        <v>596</v>
      </c>
      <c r="D136154" s="14" t="s">
        <v>60</v>
      </c>
      <c r="E136154" s="15">
        <v>45385</v>
      </c>
      <c r="F136154" s="14" t="s">
        <v>61</v>
      </c>
      <c r="G136154" s="16">
        <v>0</v>
      </c>
    </row>
    <row r="136155" spans="1:7" x14ac:dyDescent="0.3">
      <c r="A136155" s="13" t="s">
        <v>611</v>
      </c>
      <c r="B136155" s="14" t="s">
        <v>1</v>
      </c>
      <c r="C136155" s="14" t="s">
        <v>596</v>
      </c>
      <c r="D136155" s="14" t="s">
        <v>60</v>
      </c>
      <c r="E136155" s="15">
        <v>45386</v>
      </c>
      <c r="F136155" s="14" t="s">
        <v>61</v>
      </c>
      <c r="G136155" s="16">
        <v>0</v>
      </c>
    </row>
    <row r="136156" spans="1:7" x14ac:dyDescent="0.3">
      <c r="A136156" s="13" t="s">
        <v>611</v>
      </c>
      <c r="B136156" s="14" t="s">
        <v>1</v>
      </c>
      <c r="C136156" s="14" t="s">
        <v>596</v>
      </c>
      <c r="D136156" s="14" t="s">
        <v>60</v>
      </c>
      <c r="E136156" s="15">
        <v>45387</v>
      </c>
      <c r="F136156" s="14" t="s">
        <v>61</v>
      </c>
      <c r="G136156" s="16">
        <v>0</v>
      </c>
    </row>
    <row r="136157" spans="1:7" x14ac:dyDescent="0.3">
      <c r="A136157" s="13" t="s">
        <v>611</v>
      </c>
      <c r="B136157" s="14" t="s">
        <v>1</v>
      </c>
      <c r="C136157" s="14" t="s">
        <v>596</v>
      </c>
      <c r="D136157" s="14" t="s">
        <v>60</v>
      </c>
      <c r="E136157" s="15">
        <v>45388</v>
      </c>
      <c r="F136157" s="14" t="s">
        <v>61</v>
      </c>
      <c r="G136157" s="16">
        <v>0</v>
      </c>
    </row>
    <row r="136158" spans="1:7" x14ac:dyDescent="0.3">
      <c r="A136158" s="13" t="s">
        <v>611</v>
      </c>
      <c r="B136158" s="14" t="s">
        <v>1</v>
      </c>
      <c r="C136158" s="14" t="s">
        <v>596</v>
      </c>
      <c r="D136158" s="14" t="s">
        <v>60</v>
      </c>
      <c r="E136158" s="15">
        <v>45389</v>
      </c>
      <c r="F136158" s="14" t="s">
        <v>61</v>
      </c>
      <c r="G136158" s="16">
        <v>0</v>
      </c>
    </row>
    <row r="136159" spans="1:7" x14ac:dyDescent="0.3">
      <c r="A136159" s="13" t="s">
        <v>611</v>
      </c>
      <c r="B136159" s="14" t="s">
        <v>1</v>
      </c>
      <c r="C136159" s="14" t="s">
        <v>596</v>
      </c>
      <c r="D136159" s="14" t="s">
        <v>60</v>
      </c>
      <c r="E136159" s="15">
        <v>45390</v>
      </c>
      <c r="F136159" s="14" t="s">
        <v>61</v>
      </c>
      <c r="G136159" s="16">
        <v>0</v>
      </c>
    </row>
    <row r="136160" spans="1:7" x14ac:dyDescent="0.3">
      <c r="A136160" s="13" t="s">
        <v>611</v>
      </c>
      <c r="B136160" s="14" t="s">
        <v>1</v>
      </c>
      <c r="C136160" s="14" t="s">
        <v>596</v>
      </c>
      <c r="D136160" s="14" t="s">
        <v>60</v>
      </c>
      <c r="E136160" s="15">
        <v>45391</v>
      </c>
      <c r="F136160" s="14" t="s">
        <v>61</v>
      </c>
      <c r="G136160" s="16">
        <v>0</v>
      </c>
    </row>
    <row r="136161" spans="1:7" x14ac:dyDescent="0.3">
      <c r="A136161" s="13" t="s">
        <v>611</v>
      </c>
      <c r="B136161" s="14" t="s">
        <v>1</v>
      </c>
      <c r="C136161" s="14" t="s">
        <v>596</v>
      </c>
      <c r="D136161" s="14" t="s">
        <v>60</v>
      </c>
      <c r="E136161" s="15">
        <v>45392</v>
      </c>
      <c r="F136161" s="14" t="s">
        <v>61</v>
      </c>
      <c r="G136161" s="16">
        <v>0</v>
      </c>
    </row>
    <row r="136162" spans="1:7" x14ac:dyDescent="0.3">
      <c r="A136162" s="13" t="s">
        <v>611</v>
      </c>
      <c r="B136162" s="14" t="s">
        <v>1</v>
      </c>
      <c r="C136162" s="14" t="s">
        <v>596</v>
      </c>
      <c r="D136162" s="14" t="s">
        <v>60</v>
      </c>
      <c r="E136162" s="15">
        <v>45393</v>
      </c>
      <c r="F136162" s="14" t="s">
        <v>61</v>
      </c>
      <c r="G136162" s="16">
        <v>0</v>
      </c>
    </row>
    <row r="136163" spans="1:7" x14ac:dyDescent="0.3">
      <c r="A136163" s="13" t="s">
        <v>611</v>
      </c>
      <c r="B136163" s="14" t="s">
        <v>1</v>
      </c>
      <c r="C136163" s="14" t="s">
        <v>596</v>
      </c>
      <c r="D136163" s="14" t="s">
        <v>60</v>
      </c>
      <c r="E136163" s="15">
        <v>45394</v>
      </c>
      <c r="F136163" s="14" t="s">
        <v>61</v>
      </c>
      <c r="G136163" s="16">
        <v>0</v>
      </c>
    </row>
    <row r="136164" spans="1:7" x14ac:dyDescent="0.3">
      <c r="A136164" s="13" t="s">
        <v>611</v>
      </c>
      <c r="B136164" s="14" t="s">
        <v>1</v>
      </c>
      <c r="C136164" s="14" t="s">
        <v>596</v>
      </c>
      <c r="D136164" s="14" t="s">
        <v>60</v>
      </c>
      <c r="E136164" s="15">
        <v>45395</v>
      </c>
      <c r="F136164" s="14" t="s">
        <v>61</v>
      </c>
      <c r="G136164" s="16">
        <v>0</v>
      </c>
    </row>
    <row r="136165" spans="1:7" x14ac:dyDescent="0.3">
      <c r="A136165" s="13" t="s">
        <v>611</v>
      </c>
      <c r="B136165" s="14" t="s">
        <v>1</v>
      </c>
      <c r="C136165" s="14" t="s">
        <v>596</v>
      </c>
      <c r="D136165" s="14" t="s">
        <v>60</v>
      </c>
      <c r="E136165" s="15">
        <v>45396</v>
      </c>
      <c r="F136165" s="14" t="s">
        <v>61</v>
      </c>
      <c r="G136165" s="16">
        <v>0</v>
      </c>
    </row>
    <row r="136166" spans="1:7" x14ac:dyDescent="0.3">
      <c r="A136166" s="13" t="s">
        <v>611</v>
      </c>
      <c r="B136166" s="14" t="s">
        <v>1</v>
      </c>
      <c r="C136166" s="14" t="s">
        <v>596</v>
      </c>
      <c r="D136166" s="14" t="s">
        <v>60</v>
      </c>
      <c r="E136166" s="15">
        <v>45397</v>
      </c>
      <c r="F136166" s="14" t="s">
        <v>61</v>
      </c>
      <c r="G136166" s="16">
        <v>0</v>
      </c>
    </row>
    <row r="136167" spans="1:7" x14ac:dyDescent="0.3">
      <c r="A136167" s="13" t="s">
        <v>611</v>
      </c>
      <c r="B136167" s="14" t="s">
        <v>1</v>
      </c>
      <c r="C136167" s="14" t="s">
        <v>596</v>
      </c>
      <c r="D136167" s="14" t="s">
        <v>60</v>
      </c>
      <c r="E136167" s="15">
        <v>45398</v>
      </c>
      <c r="F136167" s="14" t="s">
        <v>61</v>
      </c>
      <c r="G136167" s="16">
        <v>0</v>
      </c>
    </row>
    <row r="136168" spans="1:7" x14ac:dyDescent="0.3">
      <c r="A136168" s="13" t="s">
        <v>611</v>
      </c>
      <c r="B136168" s="14" t="s">
        <v>1</v>
      </c>
      <c r="C136168" s="14" t="s">
        <v>596</v>
      </c>
      <c r="D136168" s="14" t="s">
        <v>60</v>
      </c>
      <c r="E136168" s="15">
        <v>45399</v>
      </c>
      <c r="F136168" s="14" t="s">
        <v>61</v>
      </c>
      <c r="G136168" s="16">
        <v>0</v>
      </c>
    </row>
    <row r="136169" spans="1:7" x14ac:dyDescent="0.3">
      <c r="A136169" s="13" t="s">
        <v>611</v>
      </c>
      <c r="B136169" s="14" t="s">
        <v>1</v>
      </c>
      <c r="C136169" s="14" t="s">
        <v>596</v>
      </c>
      <c r="D136169" s="14" t="s">
        <v>60</v>
      </c>
      <c r="E136169" s="15">
        <v>45400</v>
      </c>
      <c r="F136169" s="14" t="s">
        <v>61</v>
      </c>
      <c r="G136169" s="16">
        <v>0</v>
      </c>
    </row>
    <row r="136170" spans="1:7" x14ac:dyDescent="0.3">
      <c r="A136170" s="13" t="s">
        <v>611</v>
      </c>
      <c r="B136170" s="14" t="s">
        <v>1</v>
      </c>
      <c r="C136170" s="14" t="s">
        <v>596</v>
      </c>
      <c r="D136170" s="14" t="s">
        <v>60</v>
      </c>
      <c r="E136170" s="15">
        <v>45401</v>
      </c>
      <c r="F136170" s="14" t="s">
        <v>61</v>
      </c>
      <c r="G136170" s="16">
        <v>0</v>
      </c>
    </row>
    <row r="136171" spans="1:7" x14ac:dyDescent="0.3">
      <c r="A136171" s="13" t="s">
        <v>611</v>
      </c>
      <c r="B136171" s="14" t="s">
        <v>1</v>
      </c>
      <c r="C136171" s="14" t="s">
        <v>596</v>
      </c>
      <c r="D136171" s="14" t="s">
        <v>60</v>
      </c>
      <c r="E136171" s="15">
        <v>45402</v>
      </c>
      <c r="F136171" s="14" t="s">
        <v>61</v>
      </c>
      <c r="G136171" s="16">
        <v>0</v>
      </c>
    </row>
    <row r="136172" spans="1:7" x14ac:dyDescent="0.3">
      <c r="A136172" s="13" t="s">
        <v>611</v>
      </c>
      <c r="B136172" s="14" t="s">
        <v>1</v>
      </c>
      <c r="C136172" s="14" t="s">
        <v>596</v>
      </c>
      <c r="D136172" s="14" t="s">
        <v>60</v>
      </c>
      <c r="E136172" s="15">
        <v>45403</v>
      </c>
      <c r="F136172" s="14" t="s">
        <v>61</v>
      </c>
      <c r="G136172" s="16">
        <v>0</v>
      </c>
    </row>
    <row r="136173" spans="1:7" x14ac:dyDescent="0.3">
      <c r="A136173" s="13" t="s">
        <v>611</v>
      </c>
      <c r="B136173" s="14" t="s">
        <v>1</v>
      </c>
      <c r="C136173" s="14" t="s">
        <v>596</v>
      </c>
      <c r="D136173" s="14" t="s">
        <v>60</v>
      </c>
      <c r="E136173" s="15">
        <v>45404</v>
      </c>
      <c r="F136173" s="14" t="s">
        <v>61</v>
      </c>
      <c r="G136173" s="16">
        <v>0</v>
      </c>
    </row>
    <row r="136174" spans="1:7" x14ac:dyDescent="0.3">
      <c r="A136174" s="13" t="s">
        <v>611</v>
      </c>
      <c r="B136174" s="14" t="s">
        <v>1</v>
      </c>
      <c r="C136174" s="14" t="s">
        <v>596</v>
      </c>
      <c r="D136174" s="14" t="s">
        <v>60</v>
      </c>
      <c r="E136174" s="15">
        <v>45405</v>
      </c>
      <c r="F136174" s="14" t="s">
        <v>61</v>
      </c>
      <c r="G136174" s="16">
        <v>0</v>
      </c>
    </row>
    <row r="136175" spans="1:7" x14ac:dyDescent="0.3">
      <c r="A136175" s="13" t="s">
        <v>611</v>
      </c>
      <c r="B136175" s="14" t="s">
        <v>1</v>
      </c>
      <c r="C136175" s="14" t="s">
        <v>596</v>
      </c>
      <c r="D136175" s="14" t="s">
        <v>60</v>
      </c>
      <c r="E136175" s="15">
        <v>45406</v>
      </c>
      <c r="F136175" s="14" t="s">
        <v>61</v>
      </c>
      <c r="G136175" s="16">
        <v>0</v>
      </c>
    </row>
    <row r="136176" spans="1:7" x14ac:dyDescent="0.3">
      <c r="A136176" s="13" t="s">
        <v>611</v>
      </c>
      <c r="B136176" s="14" t="s">
        <v>1</v>
      </c>
      <c r="C136176" s="14" t="s">
        <v>596</v>
      </c>
      <c r="D136176" s="14" t="s">
        <v>60</v>
      </c>
      <c r="E136176" s="15">
        <v>45407</v>
      </c>
      <c r="F136176" s="14" t="s">
        <v>61</v>
      </c>
      <c r="G136176" s="16">
        <v>0</v>
      </c>
    </row>
    <row r="136177" spans="1:7" x14ac:dyDescent="0.3">
      <c r="A136177" s="13" t="s">
        <v>611</v>
      </c>
      <c r="B136177" s="14" t="s">
        <v>1</v>
      </c>
      <c r="C136177" s="14" t="s">
        <v>596</v>
      </c>
      <c r="D136177" s="14" t="s">
        <v>60</v>
      </c>
      <c r="E136177" s="15">
        <v>45408</v>
      </c>
      <c r="F136177" s="14" t="s">
        <v>61</v>
      </c>
      <c r="G136177" s="16">
        <v>0</v>
      </c>
    </row>
    <row r="136178" spans="1:7" x14ac:dyDescent="0.3">
      <c r="A136178" s="13" t="s">
        <v>611</v>
      </c>
      <c r="B136178" s="14" t="s">
        <v>1</v>
      </c>
      <c r="C136178" s="14" t="s">
        <v>596</v>
      </c>
      <c r="D136178" s="14" t="s">
        <v>60</v>
      </c>
      <c r="E136178" s="15">
        <v>45409</v>
      </c>
      <c r="F136178" s="14" t="s">
        <v>61</v>
      </c>
      <c r="G136178" s="16">
        <v>0</v>
      </c>
    </row>
    <row r="136179" spans="1:7" x14ac:dyDescent="0.3">
      <c r="A136179" s="13" t="s">
        <v>611</v>
      </c>
      <c r="B136179" s="14" t="s">
        <v>1</v>
      </c>
      <c r="C136179" s="14" t="s">
        <v>596</v>
      </c>
      <c r="D136179" s="14" t="s">
        <v>60</v>
      </c>
      <c r="E136179" s="15">
        <v>45410</v>
      </c>
      <c r="F136179" s="14" t="s">
        <v>61</v>
      </c>
      <c r="G136179" s="16">
        <v>0</v>
      </c>
    </row>
    <row r="136180" spans="1:7" x14ac:dyDescent="0.3">
      <c r="A136180" s="13" t="s">
        <v>611</v>
      </c>
      <c r="B136180" s="14" t="s">
        <v>1</v>
      </c>
      <c r="C136180" s="14" t="s">
        <v>596</v>
      </c>
      <c r="D136180" s="14" t="s">
        <v>60</v>
      </c>
      <c r="E136180" s="15">
        <v>45411</v>
      </c>
      <c r="F136180" s="14" t="s">
        <v>61</v>
      </c>
      <c r="G136180" s="16">
        <v>0</v>
      </c>
    </row>
    <row r="136181" spans="1:7" x14ac:dyDescent="0.3">
      <c r="A136181" s="13" t="s">
        <v>611</v>
      </c>
      <c r="B136181" s="14" t="s">
        <v>1</v>
      </c>
      <c r="C136181" s="14" t="s">
        <v>596</v>
      </c>
      <c r="D136181" s="14" t="s">
        <v>60</v>
      </c>
      <c r="E136181" s="15">
        <v>45412</v>
      </c>
      <c r="F136181" s="14" t="s">
        <v>61</v>
      </c>
      <c r="G136181" s="16">
        <v>0</v>
      </c>
    </row>
    <row r="136182" spans="1:7" x14ac:dyDescent="0.3">
      <c r="A136182" s="13" t="s">
        <v>611</v>
      </c>
      <c r="B136182" s="14" t="s">
        <v>1</v>
      </c>
      <c r="C136182" s="14" t="s">
        <v>596</v>
      </c>
      <c r="D136182" s="14" t="s">
        <v>60</v>
      </c>
      <c r="E136182" s="15">
        <v>45413</v>
      </c>
      <c r="F136182" s="14" t="s">
        <v>61</v>
      </c>
      <c r="G136182" s="16">
        <v>0</v>
      </c>
    </row>
    <row r="136183" spans="1:7" x14ac:dyDescent="0.3">
      <c r="A136183" s="13" t="s">
        <v>611</v>
      </c>
      <c r="B136183" s="14" t="s">
        <v>1</v>
      </c>
      <c r="C136183" s="14" t="s">
        <v>596</v>
      </c>
      <c r="D136183" s="14" t="s">
        <v>60</v>
      </c>
      <c r="E136183" s="15">
        <v>45414</v>
      </c>
      <c r="F136183" s="14" t="s">
        <v>61</v>
      </c>
      <c r="G136183" s="16">
        <v>0</v>
      </c>
    </row>
    <row r="136184" spans="1:7" x14ac:dyDescent="0.3">
      <c r="A136184" s="13" t="s">
        <v>611</v>
      </c>
      <c r="B136184" s="14" t="s">
        <v>1</v>
      </c>
      <c r="C136184" s="14" t="s">
        <v>596</v>
      </c>
      <c r="D136184" s="14" t="s">
        <v>60</v>
      </c>
      <c r="E136184" s="15">
        <v>45415</v>
      </c>
      <c r="F136184" s="14" t="s">
        <v>61</v>
      </c>
      <c r="G136184" s="16">
        <v>0</v>
      </c>
    </row>
    <row r="136185" spans="1:7" x14ac:dyDescent="0.3">
      <c r="A136185" s="13" t="s">
        <v>611</v>
      </c>
      <c r="B136185" s="14" t="s">
        <v>1</v>
      </c>
      <c r="C136185" s="14" t="s">
        <v>596</v>
      </c>
      <c r="D136185" s="14" t="s">
        <v>60</v>
      </c>
      <c r="E136185" s="15">
        <v>45416</v>
      </c>
      <c r="F136185" s="14" t="s">
        <v>61</v>
      </c>
      <c r="G136185" s="16">
        <v>0</v>
      </c>
    </row>
    <row r="136186" spans="1:7" x14ac:dyDescent="0.3">
      <c r="A136186" s="13" t="s">
        <v>611</v>
      </c>
      <c r="B136186" s="14" t="s">
        <v>1</v>
      </c>
      <c r="C136186" s="14" t="s">
        <v>596</v>
      </c>
      <c r="D136186" s="14" t="s">
        <v>60</v>
      </c>
      <c r="E136186" s="15">
        <v>45417</v>
      </c>
      <c r="F136186" s="14" t="s">
        <v>61</v>
      </c>
      <c r="G136186" s="16">
        <v>0</v>
      </c>
    </row>
    <row r="136187" spans="1:7" x14ac:dyDescent="0.3">
      <c r="A136187" s="13" t="s">
        <v>611</v>
      </c>
      <c r="B136187" s="14" t="s">
        <v>1</v>
      </c>
      <c r="C136187" s="14" t="s">
        <v>596</v>
      </c>
      <c r="D136187" s="14" t="s">
        <v>60</v>
      </c>
      <c r="E136187" s="15">
        <v>45418</v>
      </c>
      <c r="F136187" s="14" t="s">
        <v>61</v>
      </c>
      <c r="G136187" s="16">
        <v>0</v>
      </c>
    </row>
    <row r="136188" spans="1:7" x14ac:dyDescent="0.3">
      <c r="A136188" s="13" t="s">
        <v>611</v>
      </c>
      <c r="B136188" s="14" t="s">
        <v>1</v>
      </c>
      <c r="C136188" s="14" t="s">
        <v>596</v>
      </c>
      <c r="D136188" s="14" t="s">
        <v>60</v>
      </c>
      <c r="E136188" s="15">
        <v>45419</v>
      </c>
      <c r="F136188" s="14" t="s">
        <v>61</v>
      </c>
      <c r="G136188" s="16">
        <v>0</v>
      </c>
    </row>
    <row r="136189" spans="1:7" x14ac:dyDescent="0.3">
      <c r="A136189" s="13" t="s">
        <v>611</v>
      </c>
      <c r="B136189" s="14" t="s">
        <v>1</v>
      </c>
      <c r="C136189" s="14" t="s">
        <v>596</v>
      </c>
      <c r="D136189" s="14" t="s">
        <v>60</v>
      </c>
      <c r="E136189" s="15">
        <v>45420</v>
      </c>
      <c r="F136189" s="14" t="s">
        <v>61</v>
      </c>
      <c r="G136189" s="16">
        <v>0</v>
      </c>
    </row>
    <row r="136190" spans="1:7" x14ac:dyDescent="0.3">
      <c r="A136190" s="13" t="s">
        <v>611</v>
      </c>
      <c r="B136190" s="14" t="s">
        <v>1</v>
      </c>
      <c r="C136190" s="14" t="s">
        <v>596</v>
      </c>
      <c r="D136190" s="14" t="s">
        <v>60</v>
      </c>
      <c r="E136190" s="15">
        <v>45421</v>
      </c>
      <c r="F136190" s="14" t="s">
        <v>61</v>
      </c>
      <c r="G136190" s="16">
        <v>0</v>
      </c>
    </row>
    <row r="136191" spans="1:7" x14ac:dyDescent="0.3">
      <c r="A136191" s="13" t="s">
        <v>611</v>
      </c>
      <c r="B136191" s="14" t="s">
        <v>1</v>
      </c>
      <c r="C136191" s="14" t="s">
        <v>596</v>
      </c>
      <c r="D136191" s="14" t="s">
        <v>60</v>
      </c>
      <c r="E136191" s="15">
        <v>45422</v>
      </c>
      <c r="F136191" s="14" t="s">
        <v>61</v>
      </c>
      <c r="G136191" s="16">
        <v>0</v>
      </c>
    </row>
    <row r="136192" spans="1:7" x14ac:dyDescent="0.3">
      <c r="A136192" s="13" t="s">
        <v>611</v>
      </c>
      <c r="B136192" s="14" t="s">
        <v>1</v>
      </c>
      <c r="C136192" s="14" t="s">
        <v>596</v>
      </c>
      <c r="D136192" s="14" t="s">
        <v>60</v>
      </c>
      <c r="E136192" s="15">
        <v>45423</v>
      </c>
      <c r="F136192" s="14" t="s">
        <v>61</v>
      </c>
      <c r="G136192" s="16">
        <v>0</v>
      </c>
    </row>
    <row r="136193" spans="1:7" x14ac:dyDescent="0.3">
      <c r="A136193" s="13" t="s">
        <v>611</v>
      </c>
      <c r="B136193" s="14" t="s">
        <v>1</v>
      </c>
      <c r="C136193" s="14" t="s">
        <v>596</v>
      </c>
      <c r="D136193" s="14" t="s">
        <v>60</v>
      </c>
      <c r="E136193" s="15">
        <v>45424</v>
      </c>
      <c r="F136193" s="14" t="s">
        <v>61</v>
      </c>
      <c r="G136193" s="16">
        <v>0</v>
      </c>
    </row>
    <row r="136194" spans="1:7" x14ac:dyDescent="0.3">
      <c r="A136194" s="13" t="s">
        <v>611</v>
      </c>
      <c r="B136194" s="14" t="s">
        <v>1</v>
      </c>
      <c r="C136194" s="14" t="s">
        <v>596</v>
      </c>
      <c r="D136194" s="14" t="s">
        <v>60</v>
      </c>
      <c r="E136194" s="15">
        <v>45425</v>
      </c>
      <c r="F136194" s="14" t="s">
        <v>61</v>
      </c>
      <c r="G136194" s="16">
        <v>0</v>
      </c>
    </row>
    <row r="136195" spans="1:7" x14ac:dyDescent="0.3">
      <c r="A136195" s="13" t="s">
        <v>611</v>
      </c>
      <c r="B136195" s="14" t="s">
        <v>1</v>
      </c>
      <c r="C136195" s="14" t="s">
        <v>596</v>
      </c>
      <c r="D136195" s="14" t="s">
        <v>60</v>
      </c>
      <c r="E136195" s="15">
        <v>45426</v>
      </c>
      <c r="F136195" s="14" t="s">
        <v>61</v>
      </c>
      <c r="G136195" s="16">
        <v>0</v>
      </c>
    </row>
    <row r="136196" spans="1:7" x14ac:dyDescent="0.3">
      <c r="A136196" s="13" t="s">
        <v>611</v>
      </c>
      <c r="B136196" s="14" t="s">
        <v>1</v>
      </c>
      <c r="C136196" s="14" t="s">
        <v>596</v>
      </c>
      <c r="D136196" s="14" t="s">
        <v>60</v>
      </c>
      <c r="E136196" s="15">
        <v>45427</v>
      </c>
      <c r="F136196" s="14" t="s">
        <v>61</v>
      </c>
      <c r="G136196" s="16">
        <v>0</v>
      </c>
    </row>
    <row r="136197" spans="1:7" x14ac:dyDescent="0.3">
      <c r="A136197" s="13" t="s">
        <v>611</v>
      </c>
      <c r="B136197" s="14" t="s">
        <v>1</v>
      </c>
      <c r="C136197" s="14" t="s">
        <v>596</v>
      </c>
      <c r="D136197" s="14" t="s">
        <v>60</v>
      </c>
      <c r="E136197" s="15">
        <v>45428</v>
      </c>
      <c r="F136197" s="14" t="s">
        <v>61</v>
      </c>
      <c r="G136197" s="16">
        <v>0</v>
      </c>
    </row>
    <row r="136198" spans="1:7" x14ac:dyDescent="0.3">
      <c r="A136198" s="13" t="s">
        <v>611</v>
      </c>
      <c r="B136198" s="14" t="s">
        <v>1</v>
      </c>
      <c r="C136198" s="14" t="s">
        <v>596</v>
      </c>
      <c r="D136198" s="14" t="s">
        <v>60</v>
      </c>
      <c r="E136198" s="15">
        <v>45429</v>
      </c>
      <c r="F136198" s="14" t="s">
        <v>61</v>
      </c>
      <c r="G136198" s="16">
        <v>0</v>
      </c>
    </row>
    <row r="136199" spans="1:7" x14ac:dyDescent="0.3">
      <c r="A136199" s="13" t="s">
        <v>611</v>
      </c>
      <c r="B136199" s="14" t="s">
        <v>1</v>
      </c>
      <c r="C136199" s="14" t="s">
        <v>596</v>
      </c>
      <c r="D136199" s="14" t="s">
        <v>60</v>
      </c>
      <c r="E136199" s="15">
        <v>45430</v>
      </c>
      <c r="F136199" s="14" t="s">
        <v>61</v>
      </c>
      <c r="G136199" s="16">
        <v>0</v>
      </c>
    </row>
    <row r="136200" spans="1:7" x14ac:dyDescent="0.3">
      <c r="A136200" s="13" t="s">
        <v>611</v>
      </c>
      <c r="B136200" s="14" t="s">
        <v>1</v>
      </c>
      <c r="C136200" s="14" t="s">
        <v>596</v>
      </c>
      <c r="D136200" s="14" t="s">
        <v>60</v>
      </c>
      <c r="E136200" s="15">
        <v>45431</v>
      </c>
      <c r="F136200" s="14" t="s">
        <v>61</v>
      </c>
      <c r="G136200" s="16">
        <v>0</v>
      </c>
    </row>
    <row r="136201" spans="1:7" x14ac:dyDescent="0.3">
      <c r="A136201" s="13" t="s">
        <v>611</v>
      </c>
      <c r="B136201" s="14" t="s">
        <v>1</v>
      </c>
      <c r="C136201" s="14" t="s">
        <v>596</v>
      </c>
      <c r="D136201" s="14" t="s">
        <v>60</v>
      </c>
      <c r="E136201" s="15">
        <v>45432</v>
      </c>
      <c r="F136201" s="14" t="s">
        <v>61</v>
      </c>
      <c r="G136201" s="16">
        <v>0</v>
      </c>
    </row>
    <row r="136202" spans="1:7" x14ac:dyDescent="0.3">
      <c r="A136202" s="13" t="s">
        <v>611</v>
      </c>
      <c r="B136202" s="14" t="s">
        <v>1</v>
      </c>
      <c r="C136202" s="14" t="s">
        <v>596</v>
      </c>
      <c r="D136202" s="14" t="s">
        <v>60</v>
      </c>
      <c r="E136202" s="15">
        <v>45433</v>
      </c>
      <c r="F136202" s="14" t="s">
        <v>61</v>
      </c>
      <c r="G136202" s="16">
        <v>0</v>
      </c>
    </row>
    <row r="136203" spans="1:7" x14ac:dyDescent="0.3">
      <c r="A136203" s="13" t="s">
        <v>611</v>
      </c>
      <c r="B136203" s="14" t="s">
        <v>1</v>
      </c>
      <c r="C136203" s="14" t="s">
        <v>596</v>
      </c>
      <c r="D136203" s="14" t="s">
        <v>60</v>
      </c>
      <c r="E136203" s="15">
        <v>45434</v>
      </c>
      <c r="F136203" s="14" t="s">
        <v>61</v>
      </c>
      <c r="G136203" s="16">
        <v>0</v>
      </c>
    </row>
    <row r="136204" spans="1:7" x14ac:dyDescent="0.3">
      <c r="A136204" s="13" t="s">
        <v>611</v>
      </c>
      <c r="B136204" s="14" t="s">
        <v>1</v>
      </c>
      <c r="C136204" s="14" t="s">
        <v>596</v>
      </c>
      <c r="D136204" s="14" t="s">
        <v>60</v>
      </c>
      <c r="E136204" s="15">
        <v>45435</v>
      </c>
      <c r="F136204" s="14" t="s">
        <v>61</v>
      </c>
      <c r="G136204" s="16">
        <v>0</v>
      </c>
    </row>
    <row r="136205" spans="1:7" x14ac:dyDescent="0.3">
      <c r="A136205" s="13" t="s">
        <v>611</v>
      </c>
      <c r="B136205" s="14" t="s">
        <v>1</v>
      </c>
      <c r="C136205" s="14" t="s">
        <v>596</v>
      </c>
      <c r="D136205" s="14" t="s">
        <v>60</v>
      </c>
      <c r="E136205" s="15">
        <v>45436</v>
      </c>
      <c r="F136205" s="14" t="s">
        <v>61</v>
      </c>
      <c r="G136205" s="16">
        <v>0</v>
      </c>
    </row>
    <row r="136206" spans="1:7" x14ac:dyDescent="0.3">
      <c r="A136206" s="13" t="s">
        <v>611</v>
      </c>
      <c r="B136206" s="14" t="s">
        <v>1</v>
      </c>
      <c r="C136206" s="14" t="s">
        <v>596</v>
      </c>
      <c r="D136206" s="14" t="s">
        <v>60</v>
      </c>
      <c r="E136206" s="15">
        <v>45437</v>
      </c>
      <c r="F136206" s="14" t="s">
        <v>61</v>
      </c>
      <c r="G136206" s="16">
        <v>0</v>
      </c>
    </row>
    <row r="136207" spans="1:7" x14ac:dyDescent="0.3">
      <c r="A136207" s="13" t="s">
        <v>611</v>
      </c>
      <c r="B136207" s="14" t="s">
        <v>1</v>
      </c>
      <c r="C136207" s="14" t="s">
        <v>596</v>
      </c>
      <c r="D136207" s="14" t="s">
        <v>60</v>
      </c>
      <c r="E136207" s="15">
        <v>45438</v>
      </c>
      <c r="F136207" s="14" t="s">
        <v>61</v>
      </c>
      <c r="G136207" s="16">
        <v>0</v>
      </c>
    </row>
    <row r="136208" spans="1:7" x14ac:dyDescent="0.3">
      <c r="A136208" s="13" t="s">
        <v>611</v>
      </c>
      <c r="B136208" s="14" t="s">
        <v>1</v>
      </c>
      <c r="C136208" s="14" t="s">
        <v>596</v>
      </c>
      <c r="D136208" s="14" t="s">
        <v>60</v>
      </c>
      <c r="E136208" s="15">
        <v>45439</v>
      </c>
      <c r="F136208" s="14" t="s">
        <v>61</v>
      </c>
      <c r="G136208" s="16">
        <v>0</v>
      </c>
    </row>
    <row r="136209" spans="1:7" x14ac:dyDescent="0.3">
      <c r="A136209" s="13" t="s">
        <v>611</v>
      </c>
      <c r="B136209" s="14" t="s">
        <v>1</v>
      </c>
      <c r="C136209" s="14" t="s">
        <v>596</v>
      </c>
      <c r="D136209" s="14" t="s">
        <v>60</v>
      </c>
      <c r="E136209" s="15">
        <v>45440</v>
      </c>
      <c r="F136209" s="14" t="s">
        <v>61</v>
      </c>
      <c r="G136209" s="16">
        <v>0</v>
      </c>
    </row>
    <row r="136210" spans="1:7" x14ac:dyDescent="0.3">
      <c r="A136210" s="13" t="s">
        <v>611</v>
      </c>
      <c r="B136210" s="14" t="s">
        <v>1</v>
      </c>
      <c r="C136210" s="14" t="s">
        <v>596</v>
      </c>
      <c r="D136210" s="14" t="s">
        <v>60</v>
      </c>
      <c r="E136210" s="15">
        <v>45441</v>
      </c>
      <c r="F136210" s="14" t="s">
        <v>61</v>
      </c>
      <c r="G136210" s="16">
        <v>0</v>
      </c>
    </row>
    <row r="136211" spans="1:7" x14ac:dyDescent="0.3">
      <c r="A136211" s="13" t="s">
        <v>611</v>
      </c>
      <c r="B136211" s="14" t="s">
        <v>1</v>
      </c>
      <c r="C136211" s="14" t="s">
        <v>596</v>
      </c>
      <c r="D136211" s="14" t="s">
        <v>60</v>
      </c>
      <c r="E136211" s="15">
        <v>45442</v>
      </c>
      <c r="F136211" s="14" t="s">
        <v>61</v>
      </c>
      <c r="G136211" s="16">
        <v>0</v>
      </c>
    </row>
    <row r="136212" spans="1:7" x14ac:dyDescent="0.3">
      <c r="A136212" s="13" t="s">
        <v>611</v>
      </c>
      <c r="B136212" s="14" t="s">
        <v>1</v>
      </c>
      <c r="C136212" s="14" t="s">
        <v>596</v>
      </c>
      <c r="D136212" s="14" t="s">
        <v>60</v>
      </c>
      <c r="E136212" s="15">
        <v>45443</v>
      </c>
      <c r="F136212" s="14" t="s">
        <v>61</v>
      </c>
      <c r="G136212" s="16">
        <v>0</v>
      </c>
    </row>
    <row r="136213" spans="1:7" x14ac:dyDescent="0.3">
      <c r="A136213" s="13" t="s">
        <v>611</v>
      </c>
      <c r="B136213" s="14" t="s">
        <v>1</v>
      </c>
      <c r="C136213" s="14" t="s">
        <v>596</v>
      </c>
      <c r="D136213" s="14" t="s">
        <v>60</v>
      </c>
      <c r="E136213" s="15">
        <v>45444</v>
      </c>
      <c r="F136213" s="14" t="s">
        <v>61</v>
      </c>
      <c r="G136213" s="16">
        <v>0</v>
      </c>
    </row>
    <row r="136214" spans="1:7" x14ac:dyDescent="0.3">
      <c r="A136214" s="13" t="s">
        <v>611</v>
      </c>
      <c r="B136214" s="14" t="s">
        <v>1</v>
      </c>
      <c r="C136214" s="14" t="s">
        <v>596</v>
      </c>
      <c r="D136214" s="14" t="s">
        <v>60</v>
      </c>
      <c r="E136214" s="15">
        <v>45445</v>
      </c>
      <c r="F136214" s="14" t="s">
        <v>61</v>
      </c>
      <c r="G136214" s="16">
        <v>0</v>
      </c>
    </row>
    <row r="136215" spans="1:7" x14ac:dyDescent="0.3">
      <c r="A136215" s="13" t="s">
        <v>611</v>
      </c>
      <c r="B136215" s="14" t="s">
        <v>1</v>
      </c>
      <c r="C136215" s="14" t="s">
        <v>596</v>
      </c>
      <c r="D136215" s="14" t="s">
        <v>60</v>
      </c>
      <c r="E136215" s="15">
        <v>45446</v>
      </c>
      <c r="F136215" s="14" t="s">
        <v>61</v>
      </c>
      <c r="G136215" s="16">
        <v>0</v>
      </c>
    </row>
    <row r="136216" spans="1:7" x14ac:dyDescent="0.3">
      <c r="A136216" s="13" t="s">
        <v>611</v>
      </c>
      <c r="B136216" s="14" t="s">
        <v>1</v>
      </c>
      <c r="C136216" s="14" t="s">
        <v>596</v>
      </c>
      <c r="D136216" s="14" t="s">
        <v>60</v>
      </c>
      <c r="E136216" s="15">
        <v>45447</v>
      </c>
      <c r="F136216" s="14" t="s">
        <v>61</v>
      </c>
      <c r="G136216" s="16">
        <v>0</v>
      </c>
    </row>
    <row r="136217" spans="1:7" x14ac:dyDescent="0.3">
      <c r="A136217" s="13" t="s">
        <v>611</v>
      </c>
      <c r="B136217" s="14" t="s">
        <v>1</v>
      </c>
      <c r="C136217" s="14" t="s">
        <v>596</v>
      </c>
      <c r="D136217" s="14" t="s">
        <v>60</v>
      </c>
      <c r="E136217" s="15">
        <v>45448</v>
      </c>
      <c r="F136217" s="14" t="s">
        <v>61</v>
      </c>
      <c r="G136217" s="16">
        <v>0</v>
      </c>
    </row>
    <row r="136218" spans="1:7" x14ac:dyDescent="0.3">
      <c r="A136218" s="13" t="s">
        <v>611</v>
      </c>
      <c r="B136218" s="14" t="s">
        <v>1</v>
      </c>
      <c r="C136218" s="14" t="s">
        <v>596</v>
      </c>
      <c r="D136218" s="14" t="s">
        <v>60</v>
      </c>
      <c r="E136218" s="15">
        <v>45449</v>
      </c>
      <c r="F136218" s="14" t="s">
        <v>61</v>
      </c>
      <c r="G136218" s="16">
        <v>0</v>
      </c>
    </row>
    <row r="136219" spans="1:7" x14ac:dyDescent="0.3">
      <c r="A136219" s="13" t="s">
        <v>611</v>
      </c>
      <c r="B136219" s="14" t="s">
        <v>1</v>
      </c>
      <c r="C136219" s="14" t="s">
        <v>596</v>
      </c>
      <c r="D136219" s="14" t="s">
        <v>60</v>
      </c>
      <c r="E136219" s="15">
        <v>45450</v>
      </c>
      <c r="F136219" s="14" t="s">
        <v>61</v>
      </c>
      <c r="G136219" s="16">
        <v>0</v>
      </c>
    </row>
    <row r="136220" spans="1:7" x14ac:dyDescent="0.3">
      <c r="A136220" s="13" t="s">
        <v>611</v>
      </c>
      <c r="B136220" s="14" t="s">
        <v>1</v>
      </c>
      <c r="C136220" s="14" t="s">
        <v>596</v>
      </c>
      <c r="D136220" s="14" t="s">
        <v>60</v>
      </c>
      <c r="E136220" s="15">
        <v>45451</v>
      </c>
      <c r="F136220" s="14" t="s">
        <v>61</v>
      </c>
      <c r="G136220" s="16">
        <v>0</v>
      </c>
    </row>
    <row r="136221" spans="1:7" x14ac:dyDescent="0.3">
      <c r="A136221" s="13" t="s">
        <v>611</v>
      </c>
      <c r="B136221" s="14" t="s">
        <v>1</v>
      </c>
      <c r="C136221" s="14" t="s">
        <v>596</v>
      </c>
      <c r="D136221" s="14" t="s">
        <v>60</v>
      </c>
      <c r="E136221" s="15">
        <v>45452</v>
      </c>
      <c r="F136221" s="14" t="s">
        <v>61</v>
      </c>
      <c r="G136221" s="16">
        <v>0</v>
      </c>
    </row>
    <row r="136222" spans="1:7" x14ac:dyDescent="0.3">
      <c r="A136222" s="13" t="s">
        <v>611</v>
      </c>
      <c r="B136222" s="14" t="s">
        <v>1</v>
      </c>
      <c r="C136222" s="14" t="s">
        <v>596</v>
      </c>
      <c r="D136222" s="14" t="s">
        <v>60</v>
      </c>
      <c r="E136222" s="15">
        <v>45453</v>
      </c>
      <c r="F136222" s="14" t="s">
        <v>61</v>
      </c>
      <c r="G136222" s="16">
        <v>0</v>
      </c>
    </row>
    <row r="136223" spans="1:7" x14ac:dyDescent="0.3">
      <c r="A136223" s="13" t="s">
        <v>611</v>
      </c>
      <c r="B136223" s="14" t="s">
        <v>1</v>
      </c>
      <c r="C136223" s="14" t="s">
        <v>596</v>
      </c>
      <c r="D136223" s="14" t="s">
        <v>60</v>
      </c>
      <c r="E136223" s="15">
        <v>45454</v>
      </c>
      <c r="F136223" s="14" t="s">
        <v>61</v>
      </c>
      <c r="G136223" s="16">
        <v>0</v>
      </c>
    </row>
    <row r="136224" spans="1:7" x14ac:dyDescent="0.3">
      <c r="A136224" s="13" t="s">
        <v>611</v>
      </c>
      <c r="B136224" s="14" t="s">
        <v>1</v>
      </c>
      <c r="C136224" s="14" t="s">
        <v>596</v>
      </c>
      <c r="D136224" s="14" t="s">
        <v>60</v>
      </c>
      <c r="E136224" s="15">
        <v>45455</v>
      </c>
      <c r="F136224" s="14" t="s">
        <v>61</v>
      </c>
      <c r="G136224" s="16">
        <v>0</v>
      </c>
    </row>
    <row r="136225" spans="1:7" x14ac:dyDescent="0.3">
      <c r="A136225" s="13" t="s">
        <v>611</v>
      </c>
      <c r="B136225" s="14" t="s">
        <v>1</v>
      </c>
      <c r="C136225" s="14" t="s">
        <v>596</v>
      </c>
      <c r="D136225" s="14" t="s">
        <v>60</v>
      </c>
      <c r="E136225" s="15">
        <v>45456</v>
      </c>
      <c r="F136225" s="14" t="s">
        <v>61</v>
      </c>
      <c r="G136225" s="16">
        <v>0</v>
      </c>
    </row>
    <row r="136226" spans="1:7" x14ac:dyDescent="0.3">
      <c r="A136226" s="13" t="s">
        <v>611</v>
      </c>
      <c r="B136226" s="14" t="s">
        <v>1</v>
      </c>
      <c r="C136226" s="14" t="s">
        <v>596</v>
      </c>
      <c r="D136226" s="14" t="s">
        <v>60</v>
      </c>
      <c r="E136226" s="15">
        <v>45457</v>
      </c>
      <c r="F136226" s="14" t="s">
        <v>61</v>
      </c>
      <c r="G136226" s="16">
        <v>0</v>
      </c>
    </row>
    <row r="136227" spans="1:7" x14ac:dyDescent="0.3">
      <c r="A136227" s="13" t="s">
        <v>611</v>
      </c>
      <c r="B136227" s="14" t="s">
        <v>1</v>
      </c>
      <c r="C136227" s="14" t="s">
        <v>596</v>
      </c>
      <c r="D136227" s="14" t="s">
        <v>60</v>
      </c>
      <c r="E136227" s="15">
        <v>45458</v>
      </c>
      <c r="F136227" s="14" t="s">
        <v>61</v>
      </c>
      <c r="G136227" s="16">
        <v>0</v>
      </c>
    </row>
    <row r="136228" spans="1:7" x14ac:dyDescent="0.3">
      <c r="A136228" s="13" t="s">
        <v>611</v>
      </c>
      <c r="B136228" s="14" t="s">
        <v>1</v>
      </c>
      <c r="C136228" s="14" t="s">
        <v>596</v>
      </c>
      <c r="D136228" s="14" t="s">
        <v>60</v>
      </c>
      <c r="E136228" s="15">
        <v>45459</v>
      </c>
      <c r="F136228" s="14" t="s">
        <v>61</v>
      </c>
      <c r="G136228" s="16">
        <v>0</v>
      </c>
    </row>
    <row r="136229" spans="1:7" x14ac:dyDescent="0.3">
      <c r="A136229" s="13" t="s">
        <v>611</v>
      </c>
      <c r="B136229" s="14" t="s">
        <v>1</v>
      </c>
      <c r="C136229" s="14" t="s">
        <v>596</v>
      </c>
      <c r="D136229" s="14" t="s">
        <v>60</v>
      </c>
      <c r="E136229" s="15">
        <v>45460</v>
      </c>
      <c r="F136229" s="14" t="s">
        <v>61</v>
      </c>
      <c r="G136229" s="16">
        <v>0</v>
      </c>
    </row>
    <row r="136230" spans="1:7" x14ac:dyDescent="0.3">
      <c r="A136230" s="13" t="s">
        <v>611</v>
      </c>
      <c r="B136230" s="14" t="s">
        <v>1</v>
      </c>
      <c r="C136230" s="14" t="s">
        <v>596</v>
      </c>
      <c r="D136230" s="14" t="s">
        <v>60</v>
      </c>
      <c r="E136230" s="15">
        <v>45461</v>
      </c>
      <c r="F136230" s="14" t="s">
        <v>61</v>
      </c>
      <c r="G136230" s="16">
        <v>0</v>
      </c>
    </row>
    <row r="136231" spans="1:7" x14ac:dyDescent="0.3">
      <c r="A136231" s="13" t="s">
        <v>611</v>
      </c>
      <c r="B136231" s="14" t="s">
        <v>1</v>
      </c>
      <c r="C136231" s="14" t="s">
        <v>596</v>
      </c>
      <c r="D136231" s="14" t="s">
        <v>60</v>
      </c>
      <c r="E136231" s="15">
        <v>45462</v>
      </c>
      <c r="F136231" s="14" t="s">
        <v>61</v>
      </c>
      <c r="G136231" s="16">
        <v>0</v>
      </c>
    </row>
    <row r="136232" spans="1:7" x14ac:dyDescent="0.3">
      <c r="A136232" s="13" t="s">
        <v>611</v>
      </c>
      <c r="B136232" s="14" t="s">
        <v>1</v>
      </c>
      <c r="C136232" s="14" t="s">
        <v>596</v>
      </c>
      <c r="D136232" s="14" t="s">
        <v>60</v>
      </c>
      <c r="E136232" s="15">
        <v>45463</v>
      </c>
      <c r="F136232" s="14" t="s">
        <v>61</v>
      </c>
      <c r="G136232" s="16">
        <v>0</v>
      </c>
    </row>
    <row r="136233" spans="1:7" x14ac:dyDescent="0.3">
      <c r="A136233" s="13" t="s">
        <v>611</v>
      </c>
      <c r="B136233" s="14" t="s">
        <v>1</v>
      </c>
      <c r="C136233" s="14" t="s">
        <v>596</v>
      </c>
      <c r="D136233" s="14" t="s">
        <v>60</v>
      </c>
      <c r="E136233" s="15">
        <v>45464</v>
      </c>
      <c r="F136233" s="14" t="s">
        <v>61</v>
      </c>
      <c r="G136233" s="16">
        <v>0</v>
      </c>
    </row>
    <row r="136234" spans="1:7" x14ac:dyDescent="0.3">
      <c r="A136234" s="13" t="s">
        <v>611</v>
      </c>
      <c r="B136234" s="14" t="s">
        <v>1</v>
      </c>
      <c r="C136234" s="14" t="s">
        <v>596</v>
      </c>
      <c r="D136234" s="14" t="s">
        <v>60</v>
      </c>
      <c r="E136234" s="15">
        <v>45465</v>
      </c>
      <c r="F136234" s="14" t="s">
        <v>61</v>
      </c>
      <c r="G136234" s="16">
        <v>0</v>
      </c>
    </row>
    <row r="136235" spans="1:7" x14ac:dyDescent="0.3">
      <c r="A136235" s="13" t="s">
        <v>611</v>
      </c>
      <c r="B136235" s="14" t="s">
        <v>1</v>
      </c>
      <c r="C136235" s="14" t="s">
        <v>596</v>
      </c>
      <c r="D136235" s="14" t="s">
        <v>60</v>
      </c>
      <c r="E136235" s="15">
        <v>45466</v>
      </c>
      <c r="F136235" s="14" t="s">
        <v>61</v>
      </c>
      <c r="G136235" s="16">
        <v>0</v>
      </c>
    </row>
    <row r="136236" spans="1:7" x14ac:dyDescent="0.3">
      <c r="A136236" s="13" t="s">
        <v>611</v>
      </c>
      <c r="B136236" s="14" t="s">
        <v>1</v>
      </c>
      <c r="C136236" s="14" t="s">
        <v>596</v>
      </c>
      <c r="D136236" s="14" t="s">
        <v>60</v>
      </c>
      <c r="E136236" s="15">
        <v>45467</v>
      </c>
      <c r="F136236" s="14" t="s">
        <v>61</v>
      </c>
      <c r="G136236" s="16">
        <v>0</v>
      </c>
    </row>
    <row r="136237" spans="1:7" x14ac:dyDescent="0.3">
      <c r="A136237" s="13" t="s">
        <v>611</v>
      </c>
      <c r="B136237" s="14" t="s">
        <v>1</v>
      </c>
      <c r="C136237" s="14" t="s">
        <v>596</v>
      </c>
      <c r="D136237" s="14" t="s">
        <v>60</v>
      </c>
      <c r="E136237" s="15">
        <v>45468</v>
      </c>
      <c r="F136237" s="14" t="s">
        <v>61</v>
      </c>
      <c r="G136237" s="16">
        <v>0</v>
      </c>
    </row>
    <row r="136238" spans="1:7" x14ac:dyDescent="0.3">
      <c r="A136238" s="13" t="s">
        <v>611</v>
      </c>
      <c r="B136238" s="14" t="s">
        <v>1</v>
      </c>
      <c r="C136238" s="14" t="s">
        <v>596</v>
      </c>
      <c r="D136238" s="14" t="s">
        <v>60</v>
      </c>
      <c r="E136238" s="15">
        <v>45469</v>
      </c>
      <c r="F136238" s="14" t="s">
        <v>61</v>
      </c>
      <c r="G136238" s="16">
        <v>0</v>
      </c>
    </row>
    <row r="136239" spans="1:7" x14ac:dyDescent="0.3">
      <c r="A136239" s="13" t="s">
        <v>611</v>
      </c>
      <c r="B136239" s="14" t="s">
        <v>1</v>
      </c>
      <c r="C136239" s="14" t="s">
        <v>596</v>
      </c>
      <c r="D136239" s="14" t="s">
        <v>60</v>
      </c>
      <c r="E136239" s="15">
        <v>45470</v>
      </c>
      <c r="F136239" s="14" t="s">
        <v>61</v>
      </c>
      <c r="G136239" s="16">
        <v>0</v>
      </c>
    </row>
    <row r="136240" spans="1:7" x14ac:dyDescent="0.3">
      <c r="A136240" s="13" t="s">
        <v>611</v>
      </c>
      <c r="B136240" s="14" t="s">
        <v>1</v>
      </c>
      <c r="C136240" s="14" t="s">
        <v>596</v>
      </c>
      <c r="D136240" s="14" t="s">
        <v>60</v>
      </c>
      <c r="E136240" s="15">
        <v>45471</v>
      </c>
      <c r="F136240" s="14" t="s">
        <v>61</v>
      </c>
      <c r="G136240" s="16">
        <v>0</v>
      </c>
    </row>
    <row r="136241" spans="1:7" x14ac:dyDescent="0.3">
      <c r="A136241" s="13" t="s">
        <v>611</v>
      </c>
      <c r="B136241" s="14" t="s">
        <v>1</v>
      </c>
      <c r="C136241" s="14" t="s">
        <v>596</v>
      </c>
      <c r="D136241" s="14" t="s">
        <v>60</v>
      </c>
      <c r="E136241" s="15">
        <v>45472</v>
      </c>
      <c r="F136241" s="14" t="s">
        <v>61</v>
      </c>
      <c r="G136241" s="16">
        <v>0</v>
      </c>
    </row>
    <row r="136242" spans="1:7" x14ac:dyDescent="0.3">
      <c r="A136242" s="13" t="s">
        <v>611</v>
      </c>
      <c r="B136242" s="14" t="s">
        <v>1</v>
      </c>
      <c r="C136242" s="14" t="s">
        <v>596</v>
      </c>
      <c r="D136242" s="14" t="s">
        <v>60</v>
      </c>
      <c r="E136242" s="15">
        <v>45473</v>
      </c>
      <c r="F136242" s="14" t="s">
        <v>61</v>
      </c>
      <c r="G136242" s="16">
        <v>0</v>
      </c>
    </row>
    <row r="136243" spans="1:7" x14ac:dyDescent="0.3">
      <c r="A136243" s="13" t="s">
        <v>611</v>
      </c>
      <c r="B136243" s="14" t="s">
        <v>1</v>
      </c>
      <c r="C136243" s="14" t="s">
        <v>596</v>
      </c>
      <c r="D136243" s="14" t="s">
        <v>60</v>
      </c>
      <c r="E136243" s="15">
        <v>45474</v>
      </c>
      <c r="F136243" s="14" t="s">
        <v>61</v>
      </c>
      <c r="G136243" s="16">
        <v>0</v>
      </c>
    </row>
    <row r="136244" spans="1:7" x14ac:dyDescent="0.3">
      <c r="A136244" s="13" t="s">
        <v>611</v>
      </c>
      <c r="B136244" s="14" t="s">
        <v>1</v>
      </c>
      <c r="C136244" s="14" t="s">
        <v>596</v>
      </c>
      <c r="D136244" s="14" t="s">
        <v>60</v>
      </c>
      <c r="E136244" s="15">
        <v>45475</v>
      </c>
      <c r="F136244" s="14" t="s">
        <v>61</v>
      </c>
      <c r="G136244" s="16">
        <v>0</v>
      </c>
    </row>
    <row r="136245" spans="1:7" x14ac:dyDescent="0.3">
      <c r="A136245" s="13" t="s">
        <v>611</v>
      </c>
      <c r="B136245" s="14" t="s">
        <v>1</v>
      </c>
      <c r="C136245" s="14" t="s">
        <v>596</v>
      </c>
      <c r="D136245" s="14" t="s">
        <v>60</v>
      </c>
      <c r="E136245" s="15">
        <v>45476</v>
      </c>
      <c r="F136245" s="14" t="s">
        <v>61</v>
      </c>
      <c r="G136245" s="16">
        <v>0</v>
      </c>
    </row>
    <row r="136246" spans="1:7" x14ac:dyDescent="0.3">
      <c r="A136246" s="13" t="s">
        <v>611</v>
      </c>
      <c r="B136246" s="14" t="s">
        <v>1</v>
      </c>
      <c r="C136246" s="14" t="s">
        <v>596</v>
      </c>
      <c r="D136246" s="14" t="s">
        <v>60</v>
      </c>
      <c r="E136246" s="15">
        <v>45477</v>
      </c>
      <c r="F136246" s="14" t="s">
        <v>61</v>
      </c>
      <c r="G136246" s="16">
        <v>0</v>
      </c>
    </row>
    <row r="136247" spans="1:7" x14ac:dyDescent="0.3">
      <c r="A136247" s="13" t="s">
        <v>611</v>
      </c>
      <c r="B136247" s="14" t="s">
        <v>1</v>
      </c>
      <c r="C136247" s="14" t="s">
        <v>596</v>
      </c>
      <c r="D136247" s="14" t="s">
        <v>60</v>
      </c>
      <c r="E136247" s="15">
        <v>45478</v>
      </c>
      <c r="F136247" s="14" t="s">
        <v>61</v>
      </c>
      <c r="G136247" s="16">
        <v>0</v>
      </c>
    </row>
    <row r="136248" spans="1:7" x14ac:dyDescent="0.3">
      <c r="A136248" s="13" t="s">
        <v>611</v>
      </c>
      <c r="B136248" s="14" t="s">
        <v>1</v>
      </c>
      <c r="C136248" s="14" t="s">
        <v>596</v>
      </c>
      <c r="D136248" s="14" t="s">
        <v>60</v>
      </c>
      <c r="E136248" s="15">
        <v>45479</v>
      </c>
      <c r="F136248" s="14" t="s">
        <v>61</v>
      </c>
      <c r="G136248" s="16">
        <v>0</v>
      </c>
    </row>
    <row r="136249" spans="1:7" x14ac:dyDescent="0.3">
      <c r="A136249" s="13" t="s">
        <v>611</v>
      </c>
      <c r="B136249" s="14" t="s">
        <v>1</v>
      </c>
      <c r="C136249" s="14" t="s">
        <v>596</v>
      </c>
      <c r="D136249" s="14" t="s">
        <v>60</v>
      </c>
      <c r="E136249" s="15">
        <v>45480</v>
      </c>
      <c r="F136249" s="14" t="s">
        <v>61</v>
      </c>
      <c r="G136249" s="16">
        <v>0</v>
      </c>
    </row>
    <row r="136250" spans="1:7" x14ac:dyDescent="0.3">
      <c r="A136250" s="13" t="s">
        <v>611</v>
      </c>
      <c r="B136250" s="14" t="s">
        <v>1</v>
      </c>
      <c r="C136250" s="14" t="s">
        <v>596</v>
      </c>
      <c r="D136250" s="14" t="s">
        <v>60</v>
      </c>
      <c r="E136250" s="15">
        <v>45481</v>
      </c>
      <c r="F136250" s="14" t="s">
        <v>61</v>
      </c>
      <c r="G136250" s="16">
        <v>0</v>
      </c>
    </row>
    <row r="136251" spans="1:7" x14ac:dyDescent="0.3">
      <c r="A136251" s="13" t="s">
        <v>611</v>
      </c>
      <c r="B136251" s="14" t="s">
        <v>1</v>
      </c>
      <c r="C136251" s="14" t="s">
        <v>596</v>
      </c>
      <c r="D136251" s="14" t="s">
        <v>60</v>
      </c>
      <c r="E136251" s="15">
        <v>45482</v>
      </c>
      <c r="F136251" s="14" t="s">
        <v>61</v>
      </c>
      <c r="G136251" s="16">
        <v>0</v>
      </c>
    </row>
    <row r="136252" spans="1:7" x14ac:dyDescent="0.3">
      <c r="A136252" s="13" t="s">
        <v>611</v>
      </c>
      <c r="B136252" s="14" t="s">
        <v>1</v>
      </c>
      <c r="C136252" s="14" t="s">
        <v>596</v>
      </c>
      <c r="D136252" s="14" t="s">
        <v>60</v>
      </c>
      <c r="E136252" s="15">
        <v>45483</v>
      </c>
      <c r="F136252" s="14" t="s">
        <v>61</v>
      </c>
      <c r="G136252" s="16">
        <v>0</v>
      </c>
    </row>
    <row r="136253" spans="1:7" x14ac:dyDescent="0.3">
      <c r="A136253" s="13" t="s">
        <v>611</v>
      </c>
      <c r="B136253" s="14" t="s">
        <v>1</v>
      </c>
      <c r="C136253" s="14" t="s">
        <v>596</v>
      </c>
      <c r="D136253" s="14" t="s">
        <v>60</v>
      </c>
      <c r="E136253" s="15">
        <v>45484</v>
      </c>
      <c r="F136253" s="14" t="s">
        <v>61</v>
      </c>
      <c r="G136253" s="16">
        <v>0</v>
      </c>
    </row>
    <row r="136254" spans="1:7" x14ac:dyDescent="0.3">
      <c r="A136254" s="13" t="s">
        <v>611</v>
      </c>
      <c r="B136254" s="14" t="s">
        <v>1</v>
      </c>
      <c r="C136254" s="14" t="s">
        <v>596</v>
      </c>
      <c r="D136254" s="14" t="s">
        <v>60</v>
      </c>
      <c r="E136254" s="15">
        <v>45485</v>
      </c>
      <c r="F136254" s="14" t="s">
        <v>61</v>
      </c>
      <c r="G136254" s="16">
        <v>0</v>
      </c>
    </row>
    <row r="136255" spans="1:7" x14ac:dyDescent="0.3">
      <c r="A136255" s="13" t="s">
        <v>611</v>
      </c>
      <c r="B136255" s="14" t="s">
        <v>1</v>
      </c>
      <c r="C136255" s="14" t="s">
        <v>596</v>
      </c>
      <c r="D136255" s="14" t="s">
        <v>60</v>
      </c>
      <c r="E136255" s="15">
        <v>45486</v>
      </c>
      <c r="F136255" s="14" t="s">
        <v>61</v>
      </c>
      <c r="G136255" s="16">
        <v>0</v>
      </c>
    </row>
    <row r="136256" spans="1:7" x14ac:dyDescent="0.3">
      <c r="A136256" s="13" t="s">
        <v>611</v>
      </c>
      <c r="B136256" s="14" t="s">
        <v>1</v>
      </c>
      <c r="C136256" s="14" t="s">
        <v>596</v>
      </c>
      <c r="D136256" s="14" t="s">
        <v>60</v>
      </c>
      <c r="E136256" s="15">
        <v>45487</v>
      </c>
      <c r="F136256" s="14" t="s">
        <v>61</v>
      </c>
      <c r="G136256" s="16">
        <v>0</v>
      </c>
    </row>
    <row r="136257" spans="1:7" x14ac:dyDescent="0.3">
      <c r="A136257" s="13" t="s">
        <v>611</v>
      </c>
      <c r="B136257" s="14" t="s">
        <v>1</v>
      </c>
      <c r="C136257" s="14" t="s">
        <v>596</v>
      </c>
      <c r="D136257" s="14" t="s">
        <v>60</v>
      </c>
      <c r="E136257" s="15">
        <v>45488</v>
      </c>
      <c r="F136257" s="14" t="s">
        <v>61</v>
      </c>
      <c r="G136257" s="16">
        <v>0</v>
      </c>
    </row>
    <row r="136258" spans="1:7" x14ac:dyDescent="0.3">
      <c r="A136258" s="13" t="s">
        <v>611</v>
      </c>
      <c r="B136258" s="14" t="s">
        <v>1</v>
      </c>
      <c r="C136258" s="14" t="s">
        <v>596</v>
      </c>
      <c r="D136258" s="14" t="s">
        <v>60</v>
      </c>
      <c r="E136258" s="15">
        <v>45489</v>
      </c>
      <c r="F136258" s="14" t="s">
        <v>61</v>
      </c>
      <c r="G136258" s="16">
        <v>0</v>
      </c>
    </row>
    <row r="136259" spans="1:7" x14ac:dyDescent="0.3">
      <c r="A136259" s="13" t="s">
        <v>611</v>
      </c>
      <c r="B136259" s="14" t="s">
        <v>1</v>
      </c>
      <c r="C136259" s="14" t="s">
        <v>596</v>
      </c>
      <c r="D136259" s="14" t="s">
        <v>60</v>
      </c>
      <c r="E136259" s="15">
        <v>45490</v>
      </c>
      <c r="F136259" s="14" t="s">
        <v>61</v>
      </c>
      <c r="G136259" s="16">
        <v>0</v>
      </c>
    </row>
    <row r="136260" spans="1:7" x14ac:dyDescent="0.3">
      <c r="A136260" s="13" t="s">
        <v>611</v>
      </c>
      <c r="B136260" s="14" t="s">
        <v>1</v>
      </c>
      <c r="C136260" s="14" t="s">
        <v>596</v>
      </c>
      <c r="D136260" s="14" t="s">
        <v>60</v>
      </c>
      <c r="E136260" s="15">
        <v>45491</v>
      </c>
      <c r="F136260" s="14" t="s">
        <v>61</v>
      </c>
      <c r="G136260" s="16">
        <v>0</v>
      </c>
    </row>
    <row r="136261" spans="1:7" x14ac:dyDescent="0.3">
      <c r="A136261" s="13" t="s">
        <v>611</v>
      </c>
      <c r="B136261" s="14" t="s">
        <v>1</v>
      </c>
      <c r="C136261" s="14" t="s">
        <v>596</v>
      </c>
      <c r="D136261" s="14" t="s">
        <v>60</v>
      </c>
      <c r="E136261" s="15">
        <v>45492</v>
      </c>
      <c r="F136261" s="14" t="s">
        <v>61</v>
      </c>
      <c r="G136261" s="16">
        <v>0</v>
      </c>
    </row>
    <row r="136262" spans="1:7" x14ac:dyDescent="0.3">
      <c r="A136262" s="13" t="s">
        <v>611</v>
      </c>
      <c r="B136262" s="14" t="s">
        <v>1</v>
      </c>
      <c r="C136262" s="14" t="s">
        <v>596</v>
      </c>
      <c r="D136262" s="14" t="s">
        <v>60</v>
      </c>
      <c r="E136262" s="15">
        <v>45493</v>
      </c>
      <c r="F136262" s="14" t="s">
        <v>61</v>
      </c>
      <c r="G136262" s="16">
        <v>0</v>
      </c>
    </row>
    <row r="136263" spans="1:7" x14ac:dyDescent="0.3">
      <c r="A136263" s="13" t="s">
        <v>611</v>
      </c>
      <c r="B136263" s="14" t="s">
        <v>1</v>
      </c>
      <c r="C136263" s="14" t="s">
        <v>596</v>
      </c>
      <c r="D136263" s="14" t="s">
        <v>60</v>
      </c>
      <c r="E136263" s="15">
        <v>45494</v>
      </c>
      <c r="F136263" s="14" t="s">
        <v>61</v>
      </c>
      <c r="G136263" s="16">
        <v>0</v>
      </c>
    </row>
    <row r="136264" spans="1:7" x14ac:dyDescent="0.3">
      <c r="A136264" s="13" t="s">
        <v>611</v>
      </c>
      <c r="B136264" s="14" t="s">
        <v>1</v>
      </c>
      <c r="C136264" s="14" t="s">
        <v>596</v>
      </c>
      <c r="D136264" s="14" t="s">
        <v>60</v>
      </c>
      <c r="E136264" s="15">
        <v>45495</v>
      </c>
      <c r="F136264" s="14" t="s">
        <v>61</v>
      </c>
      <c r="G136264" s="16">
        <v>0</v>
      </c>
    </row>
    <row r="136265" spans="1:7" x14ac:dyDescent="0.3">
      <c r="A136265" s="13" t="s">
        <v>611</v>
      </c>
      <c r="B136265" s="14" t="s">
        <v>1</v>
      </c>
      <c r="C136265" s="14" t="s">
        <v>596</v>
      </c>
      <c r="D136265" s="14" t="s">
        <v>60</v>
      </c>
      <c r="E136265" s="15">
        <v>45496</v>
      </c>
      <c r="F136265" s="14" t="s">
        <v>61</v>
      </c>
      <c r="G136265" s="16">
        <v>0</v>
      </c>
    </row>
    <row r="136266" spans="1:7" x14ac:dyDescent="0.3">
      <c r="A136266" s="13" t="s">
        <v>611</v>
      </c>
      <c r="B136266" s="14" t="s">
        <v>1</v>
      </c>
      <c r="C136266" s="14" t="s">
        <v>596</v>
      </c>
      <c r="D136266" s="14" t="s">
        <v>60</v>
      </c>
      <c r="E136266" s="15">
        <v>45497</v>
      </c>
      <c r="F136266" s="14" t="s">
        <v>61</v>
      </c>
      <c r="G136266" s="16">
        <v>0</v>
      </c>
    </row>
    <row r="136267" spans="1:7" x14ac:dyDescent="0.3">
      <c r="A136267" s="13" t="s">
        <v>611</v>
      </c>
      <c r="B136267" s="14" t="s">
        <v>1</v>
      </c>
      <c r="C136267" s="14" t="s">
        <v>596</v>
      </c>
      <c r="D136267" s="14" t="s">
        <v>60</v>
      </c>
      <c r="E136267" s="15">
        <v>45498</v>
      </c>
      <c r="F136267" s="14" t="s">
        <v>61</v>
      </c>
      <c r="G136267" s="16">
        <v>0</v>
      </c>
    </row>
    <row r="136268" spans="1:7" x14ac:dyDescent="0.3">
      <c r="A136268" s="13" t="s">
        <v>611</v>
      </c>
      <c r="B136268" s="14" t="s">
        <v>1</v>
      </c>
      <c r="C136268" s="14" t="s">
        <v>596</v>
      </c>
      <c r="D136268" s="14" t="s">
        <v>60</v>
      </c>
      <c r="E136268" s="15">
        <v>45499</v>
      </c>
      <c r="F136268" s="14" t="s">
        <v>61</v>
      </c>
      <c r="G136268" s="16">
        <v>0</v>
      </c>
    </row>
    <row r="136269" spans="1:7" x14ac:dyDescent="0.3">
      <c r="A136269" s="13" t="s">
        <v>611</v>
      </c>
      <c r="B136269" s="14" t="s">
        <v>1</v>
      </c>
      <c r="C136269" s="14" t="s">
        <v>596</v>
      </c>
      <c r="D136269" s="14" t="s">
        <v>60</v>
      </c>
      <c r="E136269" s="15">
        <v>45500</v>
      </c>
      <c r="F136269" s="14" t="s">
        <v>61</v>
      </c>
      <c r="G136269" s="16">
        <v>0</v>
      </c>
    </row>
    <row r="136270" spans="1:7" x14ac:dyDescent="0.3">
      <c r="A136270" s="13" t="s">
        <v>611</v>
      </c>
      <c r="B136270" s="14" t="s">
        <v>1</v>
      </c>
      <c r="C136270" s="14" t="s">
        <v>596</v>
      </c>
      <c r="D136270" s="14" t="s">
        <v>60</v>
      </c>
      <c r="E136270" s="15">
        <v>45501</v>
      </c>
      <c r="F136270" s="14" t="s">
        <v>61</v>
      </c>
      <c r="G136270" s="16">
        <v>0</v>
      </c>
    </row>
    <row r="136271" spans="1:7" x14ac:dyDescent="0.3">
      <c r="A136271" s="13" t="s">
        <v>611</v>
      </c>
      <c r="B136271" s="14" t="s">
        <v>1</v>
      </c>
      <c r="C136271" s="14" t="s">
        <v>596</v>
      </c>
      <c r="D136271" s="14" t="s">
        <v>60</v>
      </c>
      <c r="E136271" s="15">
        <v>45502</v>
      </c>
      <c r="F136271" s="14" t="s">
        <v>61</v>
      </c>
      <c r="G136271" s="16">
        <v>0</v>
      </c>
    </row>
    <row r="136272" spans="1:7" x14ac:dyDescent="0.3">
      <c r="A136272" s="13" t="s">
        <v>611</v>
      </c>
      <c r="B136272" s="14" t="s">
        <v>1</v>
      </c>
      <c r="C136272" s="14" t="s">
        <v>596</v>
      </c>
      <c r="D136272" s="14" t="s">
        <v>60</v>
      </c>
      <c r="E136272" s="15">
        <v>45503</v>
      </c>
      <c r="F136272" s="14" t="s">
        <v>61</v>
      </c>
      <c r="G136272" s="16">
        <v>0</v>
      </c>
    </row>
    <row r="136273" spans="1:7" x14ac:dyDescent="0.3">
      <c r="A136273" s="13" t="s">
        <v>611</v>
      </c>
      <c r="B136273" s="14" t="s">
        <v>1</v>
      </c>
      <c r="C136273" s="14" t="s">
        <v>596</v>
      </c>
      <c r="D136273" s="14" t="s">
        <v>60</v>
      </c>
      <c r="E136273" s="15">
        <v>45504</v>
      </c>
      <c r="F136273" s="14" t="s">
        <v>61</v>
      </c>
      <c r="G136273" s="16">
        <v>0</v>
      </c>
    </row>
    <row r="136274" spans="1:7" x14ac:dyDescent="0.3">
      <c r="A136274" s="13" t="s">
        <v>611</v>
      </c>
      <c r="B136274" s="14" t="s">
        <v>1</v>
      </c>
      <c r="C136274" s="14" t="s">
        <v>596</v>
      </c>
      <c r="D136274" s="14" t="s">
        <v>60</v>
      </c>
      <c r="E136274" s="15">
        <v>45505</v>
      </c>
      <c r="F136274" s="14" t="s">
        <v>61</v>
      </c>
      <c r="G136274" s="16">
        <v>0</v>
      </c>
    </row>
    <row r="136275" spans="1:7" x14ac:dyDescent="0.3">
      <c r="A136275" s="13" t="s">
        <v>611</v>
      </c>
      <c r="B136275" s="14" t="s">
        <v>1</v>
      </c>
      <c r="C136275" s="14" t="s">
        <v>596</v>
      </c>
      <c r="D136275" s="14" t="s">
        <v>60</v>
      </c>
      <c r="E136275" s="15">
        <v>45506</v>
      </c>
      <c r="F136275" s="14" t="s">
        <v>61</v>
      </c>
      <c r="G136275" s="16">
        <v>0</v>
      </c>
    </row>
    <row r="136276" spans="1:7" x14ac:dyDescent="0.3">
      <c r="A136276" s="13" t="s">
        <v>611</v>
      </c>
      <c r="B136276" s="14" t="s">
        <v>1</v>
      </c>
      <c r="C136276" s="14" t="s">
        <v>596</v>
      </c>
      <c r="D136276" s="14" t="s">
        <v>60</v>
      </c>
      <c r="E136276" s="15">
        <v>45507</v>
      </c>
      <c r="F136276" s="14" t="s">
        <v>61</v>
      </c>
      <c r="G136276" s="16">
        <v>0</v>
      </c>
    </row>
    <row r="136277" spans="1:7" x14ac:dyDescent="0.3">
      <c r="A136277" s="13" t="s">
        <v>611</v>
      </c>
      <c r="B136277" s="14" t="s">
        <v>1</v>
      </c>
      <c r="C136277" s="14" t="s">
        <v>596</v>
      </c>
      <c r="D136277" s="14" t="s">
        <v>60</v>
      </c>
      <c r="E136277" s="15">
        <v>45508</v>
      </c>
      <c r="F136277" s="14" t="s">
        <v>61</v>
      </c>
      <c r="G136277" s="16">
        <v>0</v>
      </c>
    </row>
    <row r="136278" spans="1:7" x14ac:dyDescent="0.3">
      <c r="A136278" s="13" t="s">
        <v>611</v>
      </c>
      <c r="B136278" s="14" t="s">
        <v>1</v>
      </c>
      <c r="C136278" s="14" t="s">
        <v>596</v>
      </c>
      <c r="D136278" s="14" t="s">
        <v>60</v>
      </c>
      <c r="E136278" s="15">
        <v>45509</v>
      </c>
      <c r="F136278" s="14" t="s">
        <v>61</v>
      </c>
      <c r="G136278" s="16">
        <v>0</v>
      </c>
    </row>
    <row r="136279" spans="1:7" x14ac:dyDescent="0.3">
      <c r="A136279" s="13" t="s">
        <v>611</v>
      </c>
      <c r="B136279" s="14" t="s">
        <v>1</v>
      </c>
      <c r="C136279" s="14" t="s">
        <v>596</v>
      </c>
      <c r="D136279" s="14" t="s">
        <v>60</v>
      </c>
      <c r="E136279" s="15">
        <v>45510</v>
      </c>
      <c r="F136279" s="14" t="s">
        <v>61</v>
      </c>
      <c r="G136279" s="16">
        <v>0</v>
      </c>
    </row>
    <row r="136280" spans="1:7" x14ac:dyDescent="0.3">
      <c r="A136280" s="13" t="s">
        <v>611</v>
      </c>
      <c r="B136280" s="14" t="s">
        <v>1</v>
      </c>
      <c r="C136280" s="14" t="s">
        <v>596</v>
      </c>
      <c r="D136280" s="14" t="s">
        <v>60</v>
      </c>
      <c r="E136280" s="15">
        <v>45511</v>
      </c>
      <c r="F136280" s="14" t="s">
        <v>61</v>
      </c>
      <c r="G136280" s="16">
        <v>0</v>
      </c>
    </row>
    <row r="136281" spans="1:7" x14ac:dyDescent="0.3">
      <c r="A136281" s="13" t="s">
        <v>611</v>
      </c>
      <c r="B136281" s="14" t="s">
        <v>1</v>
      </c>
      <c r="C136281" s="14" t="s">
        <v>596</v>
      </c>
      <c r="D136281" s="14" t="s">
        <v>60</v>
      </c>
      <c r="E136281" s="15">
        <v>45512</v>
      </c>
      <c r="F136281" s="14" t="s">
        <v>61</v>
      </c>
      <c r="G136281" s="16">
        <v>0</v>
      </c>
    </row>
    <row r="136282" spans="1:7" x14ac:dyDescent="0.3">
      <c r="A136282" s="13" t="s">
        <v>611</v>
      </c>
      <c r="B136282" s="14" t="s">
        <v>1</v>
      </c>
      <c r="C136282" s="14" t="s">
        <v>596</v>
      </c>
      <c r="D136282" s="14" t="s">
        <v>60</v>
      </c>
      <c r="E136282" s="15">
        <v>45513</v>
      </c>
      <c r="F136282" s="14" t="s">
        <v>61</v>
      </c>
      <c r="G136282" s="16">
        <v>0</v>
      </c>
    </row>
    <row r="136283" spans="1:7" x14ac:dyDescent="0.3">
      <c r="A136283" s="13" t="s">
        <v>611</v>
      </c>
      <c r="B136283" s="14" t="s">
        <v>1</v>
      </c>
      <c r="C136283" s="14" t="s">
        <v>596</v>
      </c>
      <c r="D136283" s="14" t="s">
        <v>60</v>
      </c>
      <c r="E136283" s="15">
        <v>45514</v>
      </c>
      <c r="F136283" s="14" t="s">
        <v>61</v>
      </c>
      <c r="G136283" s="16">
        <v>0</v>
      </c>
    </row>
    <row r="136284" spans="1:7" x14ac:dyDescent="0.3">
      <c r="A136284" s="13" t="s">
        <v>611</v>
      </c>
      <c r="B136284" s="14" t="s">
        <v>1</v>
      </c>
      <c r="C136284" s="14" t="s">
        <v>596</v>
      </c>
      <c r="D136284" s="14" t="s">
        <v>60</v>
      </c>
      <c r="E136284" s="15">
        <v>45515</v>
      </c>
      <c r="F136284" s="14" t="s">
        <v>61</v>
      </c>
      <c r="G136284" s="16">
        <v>0</v>
      </c>
    </row>
    <row r="136285" spans="1:7" x14ac:dyDescent="0.3">
      <c r="A136285" s="13" t="s">
        <v>611</v>
      </c>
      <c r="B136285" s="14" t="s">
        <v>1</v>
      </c>
      <c r="C136285" s="14" t="s">
        <v>596</v>
      </c>
      <c r="D136285" s="14" t="s">
        <v>60</v>
      </c>
      <c r="E136285" s="15">
        <v>45516</v>
      </c>
      <c r="F136285" s="14" t="s">
        <v>61</v>
      </c>
      <c r="G136285" s="16">
        <v>0</v>
      </c>
    </row>
    <row r="136286" spans="1:7" x14ac:dyDescent="0.3">
      <c r="A136286" s="13" t="s">
        <v>611</v>
      </c>
      <c r="B136286" s="14" t="s">
        <v>1</v>
      </c>
      <c r="C136286" s="14" t="s">
        <v>596</v>
      </c>
      <c r="D136286" s="14" t="s">
        <v>60</v>
      </c>
      <c r="E136286" s="15">
        <v>45517</v>
      </c>
      <c r="F136286" s="14" t="s">
        <v>61</v>
      </c>
      <c r="G136286" s="16">
        <v>0</v>
      </c>
    </row>
    <row r="136287" spans="1:7" x14ac:dyDescent="0.3">
      <c r="A136287" s="13" t="s">
        <v>611</v>
      </c>
      <c r="B136287" s="14" t="s">
        <v>1</v>
      </c>
      <c r="C136287" s="14" t="s">
        <v>596</v>
      </c>
      <c r="D136287" s="14" t="s">
        <v>60</v>
      </c>
      <c r="E136287" s="15">
        <v>45518</v>
      </c>
      <c r="F136287" s="14" t="s">
        <v>61</v>
      </c>
      <c r="G136287" s="16">
        <v>0</v>
      </c>
    </row>
    <row r="136288" spans="1:7" x14ac:dyDescent="0.3">
      <c r="A136288" s="13" t="s">
        <v>611</v>
      </c>
      <c r="B136288" s="14" t="s">
        <v>1</v>
      </c>
      <c r="C136288" s="14" t="s">
        <v>596</v>
      </c>
      <c r="D136288" s="14" t="s">
        <v>60</v>
      </c>
      <c r="E136288" s="15">
        <v>45519</v>
      </c>
      <c r="F136288" s="14" t="s">
        <v>61</v>
      </c>
      <c r="G136288" s="16">
        <v>0</v>
      </c>
    </row>
    <row r="136289" spans="1:7" x14ac:dyDescent="0.3">
      <c r="A136289" s="13" t="s">
        <v>611</v>
      </c>
      <c r="B136289" s="14" t="s">
        <v>1</v>
      </c>
      <c r="C136289" s="14" t="s">
        <v>596</v>
      </c>
      <c r="D136289" s="14" t="s">
        <v>60</v>
      </c>
      <c r="E136289" s="15">
        <v>45520</v>
      </c>
      <c r="F136289" s="14" t="s">
        <v>61</v>
      </c>
      <c r="G136289" s="16">
        <v>0</v>
      </c>
    </row>
    <row r="136290" spans="1:7" x14ac:dyDescent="0.3">
      <c r="A136290" s="13" t="s">
        <v>611</v>
      </c>
      <c r="B136290" s="14" t="s">
        <v>1</v>
      </c>
      <c r="C136290" s="14" t="s">
        <v>596</v>
      </c>
      <c r="D136290" s="14" t="s">
        <v>60</v>
      </c>
      <c r="E136290" s="15">
        <v>45521</v>
      </c>
      <c r="F136290" s="14" t="s">
        <v>61</v>
      </c>
      <c r="G136290" s="16">
        <v>0</v>
      </c>
    </row>
    <row r="136291" spans="1:7" x14ac:dyDescent="0.3">
      <c r="A136291" s="13" t="s">
        <v>611</v>
      </c>
      <c r="B136291" s="14" t="s">
        <v>1</v>
      </c>
      <c r="C136291" s="14" t="s">
        <v>596</v>
      </c>
      <c r="D136291" s="14" t="s">
        <v>60</v>
      </c>
      <c r="E136291" s="15">
        <v>45522</v>
      </c>
      <c r="F136291" s="14" t="s">
        <v>61</v>
      </c>
      <c r="G136291" s="16">
        <v>0</v>
      </c>
    </row>
    <row r="136292" spans="1:7" x14ac:dyDescent="0.3">
      <c r="A136292" s="13" t="s">
        <v>611</v>
      </c>
      <c r="B136292" s="14" t="s">
        <v>1</v>
      </c>
      <c r="C136292" s="14" t="s">
        <v>596</v>
      </c>
      <c r="D136292" s="14" t="s">
        <v>60</v>
      </c>
      <c r="E136292" s="15">
        <v>45523</v>
      </c>
      <c r="F136292" s="14" t="s">
        <v>61</v>
      </c>
      <c r="G136292" s="16">
        <v>0</v>
      </c>
    </row>
    <row r="136293" spans="1:7" x14ac:dyDescent="0.3">
      <c r="A136293" s="13" t="s">
        <v>611</v>
      </c>
      <c r="B136293" s="14" t="s">
        <v>1</v>
      </c>
      <c r="C136293" s="14" t="s">
        <v>596</v>
      </c>
      <c r="D136293" s="14" t="s">
        <v>60</v>
      </c>
      <c r="E136293" s="15">
        <v>45524</v>
      </c>
      <c r="F136293" s="14" t="s">
        <v>61</v>
      </c>
      <c r="G136293" s="16">
        <v>0</v>
      </c>
    </row>
    <row r="136294" spans="1:7" x14ac:dyDescent="0.3">
      <c r="A136294" s="13" t="s">
        <v>611</v>
      </c>
      <c r="B136294" s="14" t="s">
        <v>1</v>
      </c>
      <c r="C136294" s="14" t="s">
        <v>596</v>
      </c>
      <c r="D136294" s="14" t="s">
        <v>60</v>
      </c>
      <c r="E136294" s="15">
        <v>45525</v>
      </c>
      <c r="F136294" s="14" t="s">
        <v>61</v>
      </c>
      <c r="G136294" s="16">
        <v>0</v>
      </c>
    </row>
    <row r="136295" spans="1:7" x14ac:dyDescent="0.3">
      <c r="A136295" s="13" t="s">
        <v>611</v>
      </c>
      <c r="B136295" s="14" t="s">
        <v>1</v>
      </c>
      <c r="C136295" s="14" t="s">
        <v>596</v>
      </c>
      <c r="D136295" s="14" t="s">
        <v>60</v>
      </c>
      <c r="E136295" s="15">
        <v>45526</v>
      </c>
      <c r="F136295" s="14" t="s">
        <v>61</v>
      </c>
      <c r="G136295" s="16">
        <v>0</v>
      </c>
    </row>
    <row r="136296" spans="1:7" x14ac:dyDescent="0.3">
      <c r="A136296" s="13" t="s">
        <v>611</v>
      </c>
      <c r="B136296" s="14" t="s">
        <v>1</v>
      </c>
      <c r="C136296" s="14" t="s">
        <v>596</v>
      </c>
      <c r="D136296" s="14" t="s">
        <v>60</v>
      </c>
      <c r="E136296" s="15">
        <v>45527</v>
      </c>
      <c r="F136296" s="14" t="s">
        <v>61</v>
      </c>
      <c r="G136296" s="16">
        <v>0</v>
      </c>
    </row>
    <row r="136297" spans="1:7" x14ac:dyDescent="0.3">
      <c r="A136297" s="13" t="s">
        <v>611</v>
      </c>
      <c r="B136297" s="14" t="s">
        <v>1</v>
      </c>
      <c r="C136297" s="14" t="s">
        <v>596</v>
      </c>
      <c r="D136297" s="14" t="s">
        <v>60</v>
      </c>
      <c r="E136297" s="15">
        <v>45528</v>
      </c>
      <c r="F136297" s="14" t="s">
        <v>61</v>
      </c>
      <c r="G136297" s="16">
        <v>0</v>
      </c>
    </row>
    <row r="136298" spans="1:7" x14ac:dyDescent="0.3">
      <c r="A136298" s="13" t="s">
        <v>611</v>
      </c>
      <c r="B136298" s="14" t="s">
        <v>1</v>
      </c>
      <c r="C136298" s="14" t="s">
        <v>596</v>
      </c>
      <c r="D136298" s="14" t="s">
        <v>60</v>
      </c>
      <c r="E136298" s="15">
        <v>45529</v>
      </c>
      <c r="F136298" s="14" t="s">
        <v>61</v>
      </c>
      <c r="G136298" s="16">
        <v>0</v>
      </c>
    </row>
    <row r="136299" spans="1:7" x14ac:dyDescent="0.3">
      <c r="A136299" s="13" t="s">
        <v>611</v>
      </c>
      <c r="B136299" s="14" t="s">
        <v>1</v>
      </c>
      <c r="C136299" s="14" t="s">
        <v>596</v>
      </c>
      <c r="D136299" s="14" t="s">
        <v>60</v>
      </c>
      <c r="E136299" s="15">
        <v>45530</v>
      </c>
      <c r="F136299" s="14" t="s">
        <v>61</v>
      </c>
      <c r="G136299" s="16">
        <v>0</v>
      </c>
    </row>
    <row r="136300" spans="1:7" x14ac:dyDescent="0.3">
      <c r="A136300" s="13" t="s">
        <v>611</v>
      </c>
      <c r="B136300" s="14" t="s">
        <v>1</v>
      </c>
      <c r="C136300" s="14" t="s">
        <v>596</v>
      </c>
      <c r="D136300" s="14" t="s">
        <v>60</v>
      </c>
      <c r="E136300" s="15">
        <v>45531</v>
      </c>
      <c r="F136300" s="14" t="s">
        <v>61</v>
      </c>
      <c r="G136300" s="16">
        <v>0</v>
      </c>
    </row>
    <row r="136301" spans="1:7" x14ac:dyDescent="0.3">
      <c r="A136301" s="13" t="s">
        <v>611</v>
      </c>
      <c r="B136301" s="14" t="s">
        <v>1</v>
      </c>
      <c r="C136301" s="14" t="s">
        <v>596</v>
      </c>
      <c r="D136301" s="14" t="s">
        <v>60</v>
      </c>
      <c r="E136301" s="15">
        <v>45532</v>
      </c>
      <c r="F136301" s="14" t="s">
        <v>61</v>
      </c>
      <c r="G136301" s="16">
        <v>0</v>
      </c>
    </row>
    <row r="136302" spans="1:7" x14ac:dyDescent="0.3">
      <c r="A136302" s="13" t="s">
        <v>611</v>
      </c>
      <c r="B136302" s="14" t="s">
        <v>1</v>
      </c>
      <c r="C136302" s="14" t="s">
        <v>596</v>
      </c>
      <c r="D136302" s="14" t="s">
        <v>60</v>
      </c>
      <c r="E136302" s="15">
        <v>45533</v>
      </c>
      <c r="F136302" s="14" t="s">
        <v>61</v>
      </c>
      <c r="G136302" s="16">
        <v>0</v>
      </c>
    </row>
    <row r="136303" spans="1:7" x14ac:dyDescent="0.3">
      <c r="A136303" s="13" t="s">
        <v>611</v>
      </c>
      <c r="B136303" s="14" t="s">
        <v>1</v>
      </c>
      <c r="C136303" s="14" t="s">
        <v>596</v>
      </c>
      <c r="D136303" s="14" t="s">
        <v>60</v>
      </c>
      <c r="E136303" s="15">
        <v>45534</v>
      </c>
      <c r="F136303" s="14" t="s">
        <v>61</v>
      </c>
      <c r="G136303" s="16">
        <v>0</v>
      </c>
    </row>
    <row r="136304" spans="1:7" x14ac:dyDescent="0.3">
      <c r="A136304" s="13" t="s">
        <v>611</v>
      </c>
      <c r="B136304" s="14" t="s">
        <v>1</v>
      </c>
      <c r="C136304" s="14" t="s">
        <v>596</v>
      </c>
      <c r="D136304" s="14" t="s">
        <v>60</v>
      </c>
      <c r="E136304" s="15">
        <v>45535</v>
      </c>
      <c r="F136304" s="14" t="s">
        <v>61</v>
      </c>
      <c r="G136304" s="16">
        <v>0</v>
      </c>
    </row>
    <row r="136305" spans="1:7" x14ac:dyDescent="0.3">
      <c r="A136305" s="13" t="s">
        <v>611</v>
      </c>
      <c r="B136305" s="14" t="s">
        <v>1</v>
      </c>
      <c r="C136305" s="14" t="s">
        <v>596</v>
      </c>
      <c r="D136305" s="14" t="s">
        <v>60</v>
      </c>
      <c r="E136305" s="15">
        <v>45536</v>
      </c>
      <c r="F136305" s="14" t="s">
        <v>61</v>
      </c>
      <c r="G136305" s="16">
        <v>0</v>
      </c>
    </row>
    <row r="136306" spans="1:7" x14ac:dyDescent="0.3">
      <c r="A136306" s="13" t="s">
        <v>611</v>
      </c>
      <c r="B136306" s="14" t="s">
        <v>1</v>
      </c>
      <c r="C136306" s="14" t="s">
        <v>596</v>
      </c>
      <c r="D136306" s="14" t="s">
        <v>60</v>
      </c>
      <c r="E136306" s="15">
        <v>45537</v>
      </c>
      <c r="F136306" s="14" t="s">
        <v>61</v>
      </c>
      <c r="G136306" s="16">
        <v>0</v>
      </c>
    </row>
    <row r="136307" spans="1:7" x14ac:dyDescent="0.3">
      <c r="A136307" s="13" t="s">
        <v>611</v>
      </c>
      <c r="B136307" s="14" t="s">
        <v>1</v>
      </c>
      <c r="C136307" s="14" t="s">
        <v>596</v>
      </c>
      <c r="D136307" s="14" t="s">
        <v>60</v>
      </c>
      <c r="E136307" s="15">
        <v>45538</v>
      </c>
      <c r="F136307" s="14" t="s">
        <v>61</v>
      </c>
      <c r="G136307" s="16">
        <v>0</v>
      </c>
    </row>
    <row r="136308" spans="1:7" x14ac:dyDescent="0.3">
      <c r="A136308" s="13" t="s">
        <v>611</v>
      </c>
      <c r="B136308" s="14" t="s">
        <v>1</v>
      </c>
      <c r="C136308" s="14" t="s">
        <v>596</v>
      </c>
      <c r="D136308" s="14" t="s">
        <v>60</v>
      </c>
      <c r="E136308" s="15">
        <v>45539</v>
      </c>
      <c r="F136308" s="14" t="s">
        <v>61</v>
      </c>
      <c r="G136308" s="16">
        <v>0</v>
      </c>
    </row>
    <row r="136309" spans="1:7" x14ac:dyDescent="0.3">
      <c r="A136309" s="13" t="s">
        <v>611</v>
      </c>
      <c r="B136309" s="14" t="s">
        <v>1</v>
      </c>
      <c r="C136309" s="14" t="s">
        <v>596</v>
      </c>
      <c r="D136309" s="14" t="s">
        <v>60</v>
      </c>
      <c r="E136309" s="15">
        <v>45540</v>
      </c>
      <c r="F136309" s="14" t="s">
        <v>61</v>
      </c>
      <c r="G136309" s="16">
        <v>0</v>
      </c>
    </row>
    <row r="136310" spans="1:7" x14ac:dyDescent="0.3">
      <c r="A136310" s="13" t="s">
        <v>611</v>
      </c>
      <c r="B136310" s="14" t="s">
        <v>1</v>
      </c>
      <c r="C136310" s="14" t="s">
        <v>596</v>
      </c>
      <c r="D136310" s="14" t="s">
        <v>60</v>
      </c>
      <c r="E136310" s="15">
        <v>45541</v>
      </c>
      <c r="F136310" s="14" t="s">
        <v>61</v>
      </c>
      <c r="G136310" s="16">
        <v>0</v>
      </c>
    </row>
    <row r="136311" spans="1:7" x14ac:dyDescent="0.3">
      <c r="A136311" s="13" t="s">
        <v>611</v>
      </c>
      <c r="B136311" s="14" t="s">
        <v>1</v>
      </c>
      <c r="C136311" s="14" t="s">
        <v>596</v>
      </c>
      <c r="D136311" s="14" t="s">
        <v>60</v>
      </c>
      <c r="E136311" s="15">
        <v>45542</v>
      </c>
      <c r="F136311" s="14" t="s">
        <v>61</v>
      </c>
      <c r="G136311" s="16">
        <v>0</v>
      </c>
    </row>
    <row r="136312" spans="1:7" x14ac:dyDescent="0.3">
      <c r="A136312" s="13" t="s">
        <v>611</v>
      </c>
      <c r="B136312" s="14" t="s">
        <v>1</v>
      </c>
      <c r="C136312" s="14" t="s">
        <v>596</v>
      </c>
      <c r="D136312" s="14" t="s">
        <v>60</v>
      </c>
      <c r="E136312" s="15">
        <v>45543</v>
      </c>
      <c r="F136312" s="14" t="s">
        <v>61</v>
      </c>
      <c r="G136312" s="16">
        <v>0</v>
      </c>
    </row>
    <row r="136313" spans="1:7" x14ac:dyDescent="0.3">
      <c r="A136313" s="13" t="s">
        <v>611</v>
      </c>
      <c r="B136313" s="14" t="s">
        <v>1</v>
      </c>
      <c r="C136313" s="14" t="s">
        <v>596</v>
      </c>
      <c r="D136313" s="14" t="s">
        <v>60</v>
      </c>
      <c r="E136313" s="15">
        <v>45544</v>
      </c>
      <c r="F136313" s="14" t="s">
        <v>61</v>
      </c>
      <c r="G136313" s="16">
        <v>0</v>
      </c>
    </row>
    <row r="136314" spans="1:7" x14ac:dyDescent="0.3">
      <c r="A136314" s="13" t="s">
        <v>611</v>
      </c>
      <c r="B136314" s="14" t="s">
        <v>1</v>
      </c>
      <c r="C136314" s="14" t="s">
        <v>596</v>
      </c>
      <c r="D136314" s="14" t="s">
        <v>60</v>
      </c>
      <c r="E136314" s="15">
        <v>45545</v>
      </c>
      <c r="F136314" s="14" t="s">
        <v>61</v>
      </c>
      <c r="G136314" s="16">
        <v>0</v>
      </c>
    </row>
    <row r="136315" spans="1:7" x14ac:dyDescent="0.3">
      <c r="A136315" s="13" t="s">
        <v>611</v>
      </c>
      <c r="B136315" s="14" t="s">
        <v>1</v>
      </c>
      <c r="C136315" s="14" t="s">
        <v>596</v>
      </c>
      <c r="D136315" s="14" t="s">
        <v>60</v>
      </c>
      <c r="E136315" s="15">
        <v>45546</v>
      </c>
      <c r="F136315" s="14" t="s">
        <v>61</v>
      </c>
      <c r="G136315" s="16">
        <v>0</v>
      </c>
    </row>
    <row r="136316" spans="1:7" x14ac:dyDescent="0.3">
      <c r="A136316" s="13" t="s">
        <v>611</v>
      </c>
      <c r="B136316" s="14" t="s">
        <v>1</v>
      </c>
      <c r="C136316" s="14" t="s">
        <v>596</v>
      </c>
      <c r="D136316" s="14" t="s">
        <v>60</v>
      </c>
      <c r="E136316" s="15">
        <v>45547</v>
      </c>
      <c r="F136316" s="14" t="s">
        <v>61</v>
      </c>
      <c r="G136316" s="16">
        <v>0</v>
      </c>
    </row>
    <row r="136317" spans="1:7" x14ac:dyDescent="0.3">
      <c r="A136317" s="13" t="s">
        <v>611</v>
      </c>
      <c r="B136317" s="14" t="s">
        <v>1</v>
      </c>
      <c r="C136317" s="14" t="s">
        <v>596</v>
      </c>
      <c r="D136317" s="14" t="s">
        <v>60</v>
      </c>
      <c r="E136317" s="15">
        <v>45548</v>
      </c>
      <c r="F136317" s="14" t="s">
        <v>61</v>
      </c>
      <c r="G136317" s="16">
        <v>0</v>
      </c>
    </row>
    <row r="136318" spans="1:7" x14ac:dyDescent="0.3">
      <c r="A136318" s="13" t="s">
        <v>611</v>
      </c>
      <c r="B136318" s="14" t="s">
        <v>1</v>
      </c>
      <c r="C136318" s="14" t="s">
        <v>596</v>
      </c>
      <c r="D136318" s="14" t="s">
        <v>60</v>
      </c>
      <c r="E136318" s="15">
        <v>45549</v>
      </c>
      <c r="F136318" s="14" t="s">
        <v>61</v>
      </c>
      <c r="G136318" s="16">
        <v>0</v>
      </c>
    </row>
    <row r="136319" spans="1:7" x14ac:dyDescent="0.3">
      <c r="A136319" s="13" t="s">
        <v>611</v>
      </c>
      <c r="B136319" s="14" t="s">
        <v>1</v>
      </c>
      <c r="C136319" s="14" t="s">
        <v>596</v>
      </c>
      <c r="D136319" s="14" t="s">
        <v>60</v>
      </c>
      <c r="E136319" s="15">
        <v>45550</v>
      </c>
      <c r="F136319" s="14" t="s">
        <v>61</v>
      </c>
      <c r="G136319" s="16">
        <v>0</v>
      </c>
    </row>
    <row r="136320" spans="1:7" x14ac:dyDescent="0.3">
      <c r="A136320" s="13" t="s">
        <v>611</v>
      </c>
      <c r="B136320" s="14" t="s">
        <v>1</v>
      </c>
      <c r="C136320" s="14" t="s">
        <v>596</v>
      </c>
      <c r="D136320" s="14" t="s">
        <v>60</v>
      </c>
      <c r="E136320" s="15">
        <v>45551</v>
      </c>
      <c r="F136320" s="14" t="s">
        <v>61</v>
      </c>
      <c r="G136320" s="16">
        <v>0</v>
      </c>
    </row>
    <row r="136321" spans="1:7" x14ac:dyDescent="0.3">
      <c r="A136321" s="13" t="s">
        <v>611</v>
      </c>
      <c r="B136321" s="14" t="s">
        <v>1</v>
      </c>
      <c r="C136321" s="14" t="s">
        <v>596</v>
      </c>
      <c r="D136321" s="14" t="s">
        <v>60</v>
      </c>
      <c r="E136321" s="15">
        <v>45552</v>
      </c>
      <c r="F136321" s="14" t="s">
        <v>61</v>
      </c>
      <c r="G136321" s="16">
        <v>0</v>
      </c>
    </row>
    <row r="136322" spans="1:7" x14ac:dyDescent="0.3">
      <c r="A136322" s="13" t="s">
        <v>611</v>
      </c>
      <c r="B136322" s="14" t="s">
        <v>1</v>
      </c>
      <c r="C136322" s="14" t="s">
        <v>596</v>
      </c>
      <c r="D136322" s="14" t="s">
        <v>60</v>
      </c>
      <c r="E136322" s="15">
        <v>45553</v>
      </c>
      <c r="F136322" s="14" t="s">
        <v>61</v>
      </c>
      <c r="G136322" s="16">
        <v>0</v>
      </c>
    </row>
    <row r="136323" spans="1:7" x14ac:dyDescent="0.3">
      <c r="A136323" s="13" t="s">
        <v>611</v>
      </c>
      <c r="B136323" s="14" t="s">
        <v>1</v>
      </c>
      <c r="C136323" s="14" t="s">
        <v>596</v>
      </c>
      <c r="D136323" s="14" t="s">
        <v>60</v>
      </c>
      <c r="E136323" s="15">
        <v>45554</v>
      </c>
      <c r="F136323" s="14" t="s">
        <v>61</v>
      </c>
      <c r="G136323" s="16">
        <v>0</v>
      </c>
    </row>
    <row r="136324" spans="1:7" x14ac:dyDescent="0.3">
      <c r="A136324" s="13" t="s">
        <v>611</v>
      </c>
      <c r="B136324" s="14" t="s">
        <v>1</v>
      </c>
      <c r="C136324" s="14" t="s">
        <v>596</v>
      </c>
      <c r="D136324" s="14" t="s">
        <v>60</v>
      </c>
      <c r="E136324" s="15">
        <v>45555</v>
      </c>
      <c r="F136324" s="14" t="s">
        <v>61</v>
      </c>
      <c r="G136324" s="16">
        <v>0</v>
      </c>
    </row>
    <row r="136325" spans="1:7" x14ac:dyDescent="0.3">
      <c r="A136325" s="13" t="s">
        <v>611</v>
      </c>
      <c r="B136325" s="14" t="s">
        <v>1</v>
      </c>
      <c r="C136325" s="14" t="s">
        <v>596</v>
      </c>
      <c r="D136325" s="14" t="s">
        <v>60</v>
      </c>
      <c r="E136325" s="15">
        <v>45556</v>
      </c>
      <c r="F136325" s="14" t="s">
        <v>61</v>
      </c>
      <c r="G136325" s="16">
        <v>0</v>
      </c>
    </row>
    <row r="136326" spans="1:7" x14ac:dyDescent="0.3">
      <c r="A136326" s="13" t="s">
        <v>611</v>
      </c>
      <c r="B136326" s="14" t="s">
        <v>1</v>
      </c>
      <c r="C136326" s="14" t="s">
        <v>596</v>
      </c>
      <c r="D136326" s="14" t="s">
        <v>60</v>
      </c>
      <c r="E136326" s="15">
        <v>45557</v>
      </c>
      <c r="F136326" s="14" t="s">
        <v>61</v>
      </c>
      <c r="G136326" s="16">
        <v>0</v>
      </c>
    </row>
    <row r="136327" spans="1:7" x14ac:dyDescent="0.3">
      <c r="A136327" s="13" t="s">
        <v>611</v>
      </c>
      <c r="B136327" s="14" t="s">
        <v>1</v>
      </c>
      <c r="C136327" s="14" t="s">
        <v>596</v>
      </c>
      <c r="D136327" s="14" t="s">
        <v>60</v>
      </c>
      <c r="E136327" s="15">
        <v>45558</v>
      </c>
      <c r="F136327" s="14" t="s">
        <v>61</v>
      </c>
      <c r="G136327" s="16">
        <v>0</v>
      </c>
    </row>
    <row r="136328" spans="1:7" x14ac:dyDescent="0.3">
      <c r="A136328" s="13" t="s">
        <v>611</v>
      </c>
      <c r="B136328" s="14" t="s">
        <v>1</v>
      </c>
      <c r="C136328" s="14" t="s">
        <v>596</v>
      </c>
      <c r="D136328" s="14" t="s">
        <v>60</v>
      </c>
      <c r="E136328" s="15">
        <v>45559</v>
      </c>
      <c r="F136328" s="14" t="s">
        <v>61</v>
      </c>
      <c r="G136328" s="16">
        <v>0</v>
      </c>
    </row>
    <row r="136329" spans="1:7" x14ac:dyDescent="0.3">
      <c r="A136329" s="13" t="s">
        <v>611</v>
      </c>
      <c r="B136329" s="14" t="s">
        <v>1</v>
      </c>
      <c r="C136329" s="14" t="s">
        <v>596</v>
      </c>
      <c r="D136329" s="14" t="s">
        <v>60</v>
      </c>
      <c r="E136329" s="15">
        <v>45560</v>
      </c>
      <c r="F136329" s="14" t="s">
        <v>61</v>
      </c>
      <c r="G136329" s="16">
        <v>0</v>
      </c>
    </row>
    <row r="136330" spans="1:7" x14ac:dyDescent="0.3">
      <c r="A136330" s="13" t="s">
        <v>611</v>
      </c>
      <c r="B136330" s="14" t="s">
        <v>1</v>
      </c>
      <c r="C136330" s="14" t="s">
        <v>596</v>
      </c>
      <c r="D136330" s="14" t="s">
        <v>60</v>
      </c>
      <c r="E136330" s="15">
        <v>45561</v>
      </c>
      <c r="F136330" s="14" t="s">
        <v>61</v>
      </c>
      <c r="G136330" s="16">
        <v>0</v>
      </c>
    </row>
    <row r="136331" spans="1:7" x14ac:dyDescent="0.3">
      <c r="A136331" s="13" t="s">
        <v>611</v>
      </c>
      <c r="B136331" s="14" t="s">
        <v>1</v>
      </c>
      <c r="C136331" s="14" t="s">
        <v>596</v>
      </c>
      <c r="D136331" s="14" t="s">
        <v>60</v>
      </c>
      <c r="E136331" s="15">
        <v>45562</v>
      </c>
      <c r="F136331" s="14" t="s">
        <v>61</v>
      </c>
      <c r="G136331" s="16">
        <v>0</v>
      </c>
    </row>
    <row r="136332" spans="1:7" x14ac:dyDescent="0.3">
      <c r="A136332" s="13" t="s">
        <v>611</v>
      </c>
      <c r="B136332" s="14" t="s">
        <v>1</v>
      </c>
      <c r="C136332" s="14" t="s">
        <v>596</v>
      </c>
      <c r="D136332" s="14" t="s">
        <v>60</v>
      </c>
      <c r="E136332" s="15">
        <v>45563</v>
      </c>
      <c r="F136332" s="14" t="s">
        <v>61</v>
      </c>
      <c r="G136332" s="16">
        <v>0</v>
      </c>
    </row>
    <row r="136333" spans="1:7" x14ac:dyDescent="0.3">
      <c r="A136333" s="13" t="s">
        <v>611</v>
      </c>
      <c r="B136333" s="14" t="s">
        <v>1</v>
      </c>
      <c r="C136333" s="14" t="s">
        <v>596</v>
      </c>
      <c r="D136333" s="14" t="s">
        <v>60</v>
      </c>
      <c r="E136333" s="15">
        <v>45564</v>
      </c>
      <c r="F136333" s="14" t="s">
        <v>61</v>
      </c>
      <c r="G136333" s="16">
        <v>0</v>
      </c>
    </row>
    <row r="136334" spans="1:7" x14ac:dyDescent="0.3">
      <c r="A136334" s="13" t="s">
        <v>611</v>
      </c>
      <c r="B136334" s="14" t="s">
        <v>1</v>
      </c>
      <c r="C136334" s="14" t="s">
        <v>596</v>
      </c>
      <c r="D136334" s="14" t="s">
        <v>60</v>
      </c>
      <c r="E136334" s="15">
        <v>45565</v>
      </c>
      <c r="F136334" s="14" t="s">
        <v>61</v>
      </c>
      <c r="G136334" s="16">
        <v>0</v>
      </c>
    </row>
    <row r="136335" spans="1:7" x14ac:dyDescent="0.3">
      <c r="A136335" s="13" t="s">
        <v>611</v>
      </c>
      <c r="B136335" s="14" t="s">
        <v>1</v>
      </c>
      <c r="C136335" s="14" t="s">
        <v>596</v>
      </c>
      <c r="D136335" s="14" t="s">
        <v>60</v>
      </c>
      <c r="E136335" s="15">
        <v>45566</v>
      </c>
      <c r="F136335" s="14" t="s">
        <v>61</v>
      </c>
      <c r="G136335" s="16">
        <v>0</v>
      </c>
    </row>
    <row r="136336" spans="1:7" x14ac:dyDescent="0.3">
      <c r="A136336" s="13" t="s">
        <v>611</v>
      </c>
      <c r="B136336" s="14" t="s">
        <v>1</v>
      </c>
      <c r="C136336" s="14" t="s">
        <v>596</v>
      </c>
      <c r="D136336" s="14" t="s">
        <v>60</v>
      </c>
      <c r="E136336" s="15">
        <v>45567</v>
      </c>
      <c r="F136336" s="14" t="s">
        <v>61</v>
      </c>
      <c r="G136336" s="16">
        <v>0</v>
      </c>
    </row>
    <row r="136337" spans="1:7" x14ac:dyDescent="0.3">
      <c r="A136337" s="13" t="s">
        <v>611</v>
      </c>
      <c r="B136337" s="14" t="s">
        <v>1</v>
      </c>
      <c r="C136337" s="14" t="s">
        <v>596</v>
      </c>
      <c r="D136337" s="14" t="s">
        <v>60</v>
      </c>
      <c r="E136337" s="15">
        <v>45568</v>
      </c>
      <c r="F136337" s="14" t="s">
        <v>61</v>
      </c>
      <c r="G136337" s="16">
        <v>0</v>
      </c>
    </row>
    <row r="136338" spans="1:7" x14ac:dyDescent="0.3">
      <c r="A136338" s="13" t="s">
        <v>611</v>
      </c>
      <c r="B136338" s="14" t="s">
        <v>1</v>
      </c>
      <c r="C136338" s="14" t="s">
        <v>596</v>
      </c>
      <c r="D136338" s="14" t="s">
        <v>60</v>
      </c>
      <c r="E136338" s="15">
        <v>45569</v>
      </c>
      <c r="F136338" s="14" t="s">
        <v>61</v>
      </c>
      <c r="G136338" s="16">
        <v>0</v>
      </c>
    </row>
    <row r="136339" spans="1:7" x14ac:dyDescent="0.3">
      <c r="A136339" s="13" t="s">
        <v>611</v>
      </c>
      <c r="B136339" s="14" t="s">
        <v>1</v>
      </c>
      <c r="C136339" s="14" t="s">
        <v>596</v>
      </c>
      <c r="D136339" s="14" t="s">
        <v>60</v>
      </c>
      <c r="E136339" s="15">
        <v>45570</v>
      </c>
      <c r="F136339" s="14" t="s">
        <v>61</v>
      </c>
      <c r="G136339" s="16">
        <v>0</v>
      </c>
    </row>
    <row r="136340" spans="1:7" x14ac:dyDescent="0.3">
      <c r="A136340" s="13" t="s">
        <v>611</v>
      </c>
      <c r="B136340" s="14" t="s">
        <v>1</v>
      </c>
      <c r="C136340" s="14" t="s">
        <v>596</v>
      </c>
      <c r="D136340" s="14" t="s">
        <v>60</v>
      </c>
      <c r="E136340" s="15">
        <v>45571</v>
      </c>
      <c r="F136340" s="14" t="s">
        <v>61</v>
      </c>
      <c r="G136340" s="16">
        <v>0</v>
      </c>
    </row>
    <row r="136341" spans="1:7" x14ac:dyDescent="0.3">
      <c r="A136341" s="13" t="s">
        <v>611</v>
      </c>
      <c r="B136341" s="14" t="s">
        <v>1</v>
      </c>
      <c r="C136341" s="14" t="s">
        <v>596</v>
      </c>
      <c r="D136341" s="14" t="s">
        <v>60</v>
      </c>
      <c r="E136341" s="15">
        <v>45572</v>
      </c>
      <c r="F136341" s="14" t="s">
        <v>61</v>
      </c>
      <c r="G136341" s="16">
        <v>0</v>
      </c>
    </row>
    <row r="136342" spans="1:7" x14ac:dyDescent="0.3">
      <c r="A136342" s="13" t="s">
        <v>611</v>
      </c>
      <c r="B136342" s="14" t="s">
        <v>1</v>
      </c>
      <c r="C136342" s="14" t="s">
        <v>596</v>
      </c>
      <c r="D136342" s="14" t="s">
        <v>60</v>
      </c>
      <c r="E136342" s="15">
        <v>45573</v>
      </c>
      <c r="F136342" s="14" t="s">
        <v>61</v>
      </c>
      <c r="G136342" s="16">
        <v>0</v>
      </c>
    </row>
    <row r="136343" spans="1:7" x14ac:dyDescent="0.3">
      <c r="A136343" s="13" t="s">
        <v>611</v>
      </c>
      <c r="B136343" s="14" t="s">
        <v>1</v>
      </c>
      <c r="C136343" s="14" t="s">
        <v>596</v>
      </c>
      <c r="D136343" s="14" t="s">
        <v>60</v>
      </c>
      <c r="E136343" s="15">
        <v>45574</v>
      </c>
      <c r="F136343" s="14" t="s">
        <v>61</v>
      </c>
      <c r="G136343" s="16">
        <v>0</v>
      </c>
    </row>
    <row r="136344" spans="1:7" x14ac:dyDescent="0.3">
      <c r="A136344" s="13" t="s">
        <v>611</v>
      </c>
      <c r="B136344" s="14" t="s">
        <v>1</v>
      </c>
      <c r="C136344" s="14" t="s">
        <v>596</v>
      </c>
      <c r="D136344" s="14" t="s">
        <v>60</v>
      </c>
      <c r="E136344" s="15">
        <v>45575</v>
      </c>
      <c r="F136344" s="14" t="s">
        <v>61</v>
      </c>
      <c r="G136344" s="16">
        <v>0</v>
      </c>
    </row>
    <row r="136345" spans="1:7" x14ac:dyDescent="0.3">
      <c r="A136345" s="13" t="s">
        <v>611</v>
      </c>
      <c r="B136345" s="14" t="s">
        <v>1</v>
      </c>
      <c r="C136345" s="14" t="s">
        <v>596</v>
      </c>
      <c r="D136345" s="14" t="s">
        <v>60</v>
      </c>
      <c r="E136345" s="15">
        <v>45576</v>
      </c>
      <c r="F136345" s="14" t="s">
        <v>61</v>
      </c>
      <c r="G136345" s="16">
        <v>0</v>
      </c>
    </row>
    <row r="136346" spans="1:7" x14ac:dyDescent="0.3">
      <c r="A136346" s="13" t="s">
        <v>611</v>
      </c>
      <c r="B136346" s="14" t="s">
        <v>1</v>
      </c>
      <c r="C136346" s="14" t="s">
        <v>596</v>
      </c>
      <c r="D136346" s="14" t="s">
        <v>60</v>
      </c>
      <c r="E136346" s="15">
        <v>45577</v>
      </c>
      <c r="F136346" s="14" t="s">
        <v>61</v>
      </c>
      <c r="G136346" s="16">
        <v>0</v>
      </c>
    </row>
    <row r="136347" spans="1:7" x14ac:dyDescent="0.3">
      <c r="A136347" s="13" t="s">
        <v>611</v>
      </c>
      <c r="B136347" s="14" t="s">
        <v>1</v>
      </c>
      <c r="C136347" s="14" t="s">
        <v>596</v>
      </c>
      <c r="D136347" s="14" t="s">
        <v>60</v>
      </c>
      <c r="E136347" s="15">
        <v>45578</v>
      </c>
      <c r="F136347" s="14" t="s">
        <v>61</v>
      </c>
      <c r="G136347" s="16">
        <v>0</v>
      </c>
    </row>
    <row r="136348" spans="1:7" x14ac:dyDescent="0.3">
      <c r="A136348" s="13" t="s">
        <v>611</v>
      </c>
      <c r="B136348" s="14" t="s">
        <v>1</v>
      </c>
      <c r="C136348" s="14" t="s">
        <v>596</v>
      </c>
      <c r="D136348" s="14" t="s">
        <v>60</v>
      </c>
      <c r="E136348" s="15">
        <v>45579</v>
      </c>
      <c r="F136348" s="14" t="s">
        <v>61</v>
      </c>
      <c r="G136348" s="16">
        <v>0</v>
      </c>
    </row>
    <row r="136349" spans="1:7" x14ac:dyDescent="0.3">
      <c r="A136349" s="13" t="s">
        <v>611</v>
      </c>
      <c r="B136349" s="14" t="s">
        <v>1</v>
      </c>
      <c r="C136349" s="14" t="s">
        <v>596</v>
      </c>
      <c r="D136349" s="14" t="s">
        <v>60</v>
      </c>
      <c r="E136349" s="15">
        <v>45580</v>
      </c>
      <c r="F136349" s="14" t="s">
        <v>61</v>
      </c>
      <c r="G136349" s="16">
        <v>0</v>
      </c>
    </row>
    <row r="136350" spans="1:7" x14ac:dyDescent="0.3">
      <c r="A136350" s="13" t="s">
        <v>611</v>
      </c>
      <c r="B136350" s="14" t="s">
        <v>1</v>
      </c>
      <c r="C136350" s="14" t="s">
        <v>596</v>
      </c>
      <c r="D136350" s="14" t="s">
        <v>60</v>
      </c>
      <c r="E136350" s="15">
        <v>45581</v>
      </c>
      <c r="F136350" s="14" t="s">
        <v>61</v>
      </c>
      <c r="G136350" s="16">
        <v>0</v>
      </c>
    </row>
    <row r="136351" spans="1:7" x14ac:dyDescent="0.3">
      <c r="A136351" s="13" t="s">
        <v>611</v>
      </c>
      <c r="B136351" s="14" t="s">
        <v>1</v>
      </c>
      <c r="C136351" s="14" t="s">
        <v>596</v>
      </c>
      <c r="D136351" s="14" t="s">
        <v>60</v>
      </c>
      <c r="E136351" s="15">
        <v>45582</v>
      </c>
      <c r="F136351" s="14" t="s">
        <v>61</v>
      </c>
      <c r="G136351" s="16">
        <v>0</v>
      </c>
    </row>
    <row r="136352" spans="1:7" x14ac:dyDescent="0.3">
      <c r="A136352" s="13" t="s">
        <v>611</v>
      </c>
      <c r="B136352" s="14" t="s">
        <v>1</v>
      </c>
      <c r="C136352" s="14" t="s">
        <v>596</v>
      </c>
      <c r="D136352" s="14" t="s">
        <v>60</v>
      </c>
      <c r="E136352" s="15">
        <v>45583</v>
      </c>
      <c r="F136352" s="14" t="s">
        <v>61</v>
      </c>
      <c r="G136352" s="16">
        <v>0</v>
      </c>
    </row>
    <row r="136353" spans="1:7" x14ac:dyDescent="0.3">
      <c r="A136353" s="13" t="s">
        <v>611</v>
      </c>
      <c r="B136353" s="14" t="s">
        <v>1</v>
      </c>
      <c r="C136353" s="14" t="s">
        <v>596</v>
      </c>
      <c r="D136353" s="14" t="s">
        <v>60</v>
      </c>
      <c r="E136353" s="15">
        <v>45584</v>
      </c>
      <c r="F136353" s="14" t="s">
        <v>61</v>
      </c>
      <c r="G136353" s="16">
        <v>0</v>
      </c>
    </row>
    <row r="136354" spans="1:7" x14ac:dyDescent="0.3">
      <c r="A136354" s="13" t="s">
        <v>611</v>
      </c>
      <c r="B136354" s="14" t="s">
        <v>1</v>
      </c>
      <c r="C136354" s="14" t="s">
        <v>596</v>
      </c>
      <c r="D136354" s="14" t="s">
        <v>60</v>
      </c>
      <c r="E136354" s="15">
        <v>45585</v>
      </c>
      <c r="F136354" s="14" t="s">
        <v>61</v>
      </c>
      <c r="G136354" s="16">
        <v>0</v>
      </c>
    </row>
    <row r="136355" spans="1:7" x14ac:dyDescent="0.3">
      <c r="A136355" s="13" t="s">
        <v>611</v>
      </c>
      <c r="B136355" s="14" t="s">
        <v>1</v>
      </c>
      <c r="C136355" s="14" t="s">
        <v>596</v>
      </c>
      <c r="D136355" s="14" t="s">
        <v>60</v>
      </c>
      <c r="E136355" s="15">
        <v>45586</v>
      </c>
      <c r="F136355" s="14" t="s">
        <v>61</v>
      </c>
      <c r="G136355" s="16">
        <v>0</v>
      </c>
    </row>
    <row r="136356" spans="1:7" x14ac:dyDescent="0.3">
      <c r="A136356" s="13" t="s">
        <v>611</v>
      </c>
      <c r="B136356" s="14" t="s">
        <v>1</v>
      </c>
      <c r="C136356" s="14" t="s">
        <v>596</v>
      </c>
      <c r="D136356" s="14" t="s">
        <v>60</v>
      </c>
      <c r="E136356" s="15">
        <v>45587</v>
      </c>
      <c r="F136356" s="14" t="s">
        <v>61</v>
      </c>
      <c r="G136356" s="16">
        <v>0</v>
      </c>
    </row>
    <row r="136357" spans="1:7" x14ac:dyDescent="0.3">
      <c r="A136357" s="13" t="s">
        <v>611</v>
      </c>
      <c r="B136357" s="14" t="s">
        <v>1</v>
      </c>
      <c r="C136357" s="14" t="s">
        <v>596</v>
      </c>
      <c r="D136357" s="14" t="s">
        <v>60</v>
      </c>
      <c r="E136357" s="15">
        <v>45588</v>
      </c>
      <c r="F136357" s="14" t="s">
        <v>61</v>
      </c>
      <c r="G136357" s="16">
        <v>0</v>
      </c>
    </row>
    <row r="136358" spans="1:7" x14ac:dyDescent="0.3">
      <c r="A136358" s="13" t="s">
        <v>611</v>
      </c>
      <c r="B136358" s="14" t="s">
        <v>1</v>
      </c>
      <c r="C136358" s="14" t="s">
        <v>596</v>
      </c>
      <c r="D136358" s="14" t="s">
        <v>60</v>
      </c>
      <c r="E136358" s="15">
        <v>45589</v>
      </c>
      <c r="F136358" s="14" t="s">
        <v>61</v>
      </c>
      <c r="G136358" s="16">
        <v>0</v>
      </c>
    </row>
    <row r="136359" spans="1:7" x14ac:dyDescent="0.3">
      <c r="A136359" s="13" t="s">
        <v>611</v>
      </c>
      <c r="B136359" s="14" t="s">
        <v>1</v>
      </c>
      <c r="C136359" s="14" t="s">
        <v>596</v>
      </c>
      <c r="D136359" s="14" t="s">
        <v>60</v>
      </c>
      <c r="E136359" s="15">
        <v>45590</v>
      </c>
      <c r="F136359" s="14" t="s">
        <v>61</v>
      </c>
      <c r="G136359" s="16">
        <v>0</v>
      </c>
    </row>
    <row r="136360" spans="1:7" x14ac:dyDescent="0.3">
      <c r="A136360" s="13" t="s">
        <v>611</v>
      </c>
      <c r="B136360" s="14" t="s">
        <v>1</v>
      </c>
      <c r="C136360" s="14" t="s">
        <v>596</v>
      </c>
      <c r="D136360" s="14" t="s">
        <v>60</v>
      </c>
      <c r="E136360" s="15">
        <v>45591</v>
      </c>
      <c r="F136360" s="14" t="s">
        <v>61</v>
      </c>
      <c r="G136360" s="16">
        <v>0</v>
      </c>
    </row>
    <row r="136361" spans="1:7" x14ac:dyDescent="0.3">
      <c r="A136361" s="13" t="s">
        <v>611</v>
      </c>
      <c r="B136361" s="14" t="s">
        <v>1</v>
      </c>
      <c r="C136361" s="14" t="s">
        <v>596</v>
      </c>
      <c r="D136361" s="14" t="s">
        <v>60</v>
      </c>
      <c r="E136361" s="15">
        <v>45592</v>
      </c>
      <c r="F136361" s="14" t="s">
        <v>61</v>
      </c>
      <c r="G136361" s="16">
        <v>0</v>
      </c>
    </row>
    <row r="136362" spans="1:7" x14ac:dyDescent="0.3">
      <c r="A136362" s="13" t="s">
        <v>611</v>
      </c>
      <c r="B136362" s="14" t="s">
        <v>1</v>
      </c>
      <c r="C136362" s="14" t="s">
        <v>596</v>
      </c>
      <c r="D136362" s="14" t="s">
        <v>60</v>
      </c>
      <c r="E136362" s="15">
        <v>45593</v>
      </c>
      <c r="F136362" s="14" t="s">
        <v>61</v>
      </c>
      <c r="G136362" s="16">
        <v>0</v>
      </c>
    </row>
    <row r="136363" spans="1:7" x14ac:dyDescent="0.3">
      <c r="A136363" s="13" t="s">
        <v>611</v>
      </c>
      <c r="B136363" s="14" t="s">
        <v>1</v>
      </c>
      <c r="C136363" s="14" t="s">
        <v>596</v>
      </c>
      <c r="D136363" s="14" t="s">
        <v>60</v>
      </c>
      <c r="E136363" s="15">
        <v>45594</v>
      </c>
      <c r="F136363" s="14" t="s">
        <v>61</v>
      </c>
      <c r="G136363" s="16">
        <v>0</v>
      </c>
    </row>
    <row r="136364" spans="1:7" x14ac:dyDescent="0.3">
      <c r="A136364" s="13" t="s">
        <v>611</v>
      </c>
      <c r="B136364" s="14" t="s">
        <v>1</v>
      </c>
      <c r="C136364" s="14" t="s">
        <v>596</v>
      </c>
      <c r="D136364" s="14" t="s">
        <v>60</v>
      </c>
      <c r="E136364" s="15">
        <v>45595</v>
      </c>
      <c r="F136364" s="14" t="s">
        <v>61</v>
      </c>
      <c r="G136364" s="16">
        <v>0</v>
      </c>
    </row>
    <row r="136365" spans="1:7" x14ac:dyDescent="0.3">
      <c r="A136365" s="13" t="s">
        <v>611</v>
      </c>
      <c r="B136365" s="14" t="s">
        <v>1</v>
      </c>
      <c r="C136365" s="14" t="s">
        <v>596</v>
      </c>
      <c r="D136365" s="14" t="s">
        <v>60</v>
      </c>
      <c r="E136365" s="15">
        <v>45596</v>
      </c>
      <c r="F136365" s="14" t="s">
        <v>61</v>
      </c>
      <c r="G136365" s="16">
        <v>0</v>
      </c>
    </row>
    <row r="136366" spans="1:7" x14ac:dyDescent="0.3">
      <c r="A136366" s="13" t="s">
        <v>611</v>
      </c>
      <c r="B136366" s="14" t="s">
        <v>1</v>
      </c>
      <c r="C136366" s="14" t="s">
        <v>596</v>
      </c>
      <c r="D136366" s="14" t="s">
        <v>60</v>
      </c>
      <c r="E136366" s="15">
        <v>45597</v>
      </c>
      <c r="F136366" s="14" t="s">
        <v>61</v>
      </c>
      <c r="G136366" s="16">
        <v>0</v>
      </c>
    </row>
    <row r="136367" spans="1:7" x14ac:dyDescent="0.3">
      <c r="A136367" s="13" t="s">
        <v>611</v>
      </c>
      <c r="B136367" s="14" t="s">
        <v>1</v>
      </c>
      <c r="C136367" s="14" t="s">
        <v>596</v>
      </c>
      <c r="D136367" s="14" t="s">
        <v>60</v>
      </c>
      <c r="E136367" s="15">
        <v>45598</v>
      </c>
      <c r="F136367" s="14" t="s">
        <v>61</v>
      </c>
      <c r="G136367" s="16">
        <v>0</v>
      </c>
    </row>
    <row r="136368" spans="1:7" x14ac:dyDescent="0.3">
      <c r="A136368" s="13" t="s">
        <v>611</v>
      </c>
      <c r="B136368" s="14" t="s">
        <v>1</v>
      </c>
      <c r="C136368" s="14" t="s">
        <v>596</v>
      </c>
      <c r="D136368" s="14" t="s">
        <v>60</v>
      </c>
      <c r="E136368" s="15">
        <v>45599</v>
      </c>
      <c r="F136368" s="14" t="s">
        <v>61</v>
      </c>
      <c r="G136368" s="16">
        <v>0</v>
      </c>
    </row>
    <row r="136369" spans="1:7" x14ac:dyDescent="0.3">
      <c r="A136369" s="13" t="s">
        <v>611</v>
      </c>
      <c r="B136369" s="14" t="s">
        <v>1</v>
      </c>
      <c r="C136369" s="14" t="s">
        <v>596</v>
      </c>
      <c r="D136369" s="14" t="s">
        <v>60</v>
      </c>
      <c r="E136369" s="15">
        <v>45600</v>
      </c>
      <c r="F136369" s="14" t="s">
        <v>61</v>
      </c>
      <c r="G136369" s="16">
        <v>0</v>
      </c>
    </row>
    <row r="136370" spans="1:7" x14ac:dyDescent="0.3">
      <c r="A136370" s="13" t="s">
        <v>611</v>
      </c>
      <c r="B136370" s="14" t="s">
        <v>1</v>
      </c>
      <c r="C136370" s="14" t="s">
        <v>596</v>
      </c>
      <c r="D136370" s="14" t="s">
        <v>60</v>
      </c>
      <c r="E136370" s="15">
        <v>45601</v>
      </c>
      <c r="F136370" s="14" t="s">
        <v>61</v>
      </c>
      <c r="G136370" s="16">
        <v>0</v>
      </c>
    </row>
    <row r="136371" spans="1:7" x14ac:dyDescent="0.3">
      <c r="A136371" s="13" t="s">
        <v>611</v>
      </c>
      <c r="B136371" s="14" t="s">
        <v>1</v>
      </c>
      <c r="C136371" s="14" t="s">
        <v>596</v>
      </c>
      <c r="D136371" s="14" t="s">
        <v>60</v>
      </c>
      <c r="E136371" s="15">
        <v>45602</v>
      </c>
      <c r="F136371" s="14" t="s">
        <v>61</v>
      </c>
      <c r="G136371" s="16">
        <v>0</v>
      </c>
    </row>
    <row r="136372" spans="1:7" x14ac:dyDescent="0.3">
      <c r="A136372" s="13" t="s">
        <v>611</v>
      </c>
      <c r="B136372" s="14" t="s">
        <v>1</v>
      </c>
      <c r="C136372" s="14" t="s">
        <v>596</v>
      </c>
      <c r="D136372" s="14" t="s">
        <v>60</v>
      </c>
      <c r="E136372" s="15">
        <v>45603</v>
      </c>
      <c r="F136372" s="14" t="s">
        <v>61</v>
      </c>
      <c r="G136372" s="16">
        <v>0</v>
      </c>
    </row>
    <row r="136373" spans="1:7" x14ac:dyDescent="0.3">
      <c r="A136373" s="13" t="s">
        <v>611</v>
      </c>
      <c r="B136373" s="14" t="s">
        <v>1</v>
      </c>
      <c r="C136373" s="14" t="s">
        <v>596</v>
      </c>
      <c r="D136373" s="14" t="s">
        <v>60</v>
      </c>
      <c r="E136373" s="15">
        <v>45604</v>
      </c>
      <c r="F136373" s="14" t="s">
        <v>61</v>
      </c>
      <c r="G136373" s="16">
        <v>0</v>
      </c>
    </row>
    <row r="136374" spans="1:7" x14ac:dyDescent="0.3">
      <c r="A136374" s="13" t="s">
        <v>611</v>
      </c>
      <c r="B136374" s="14" t="s">
        <v>1</v>
      </c>
      <c r="C136374" s="14" t="s">
        <v>596</v>
      </c>
      <c r="D136374" s="14" t="s">
        <v>60</v>
      </c>
      <c r="E136374" s="15">
        <v>45605</v>
      </c>
      <c r="F136374" s="14" t="s">
        <v>61</v>
      </c>
      <c r="G136374" s="16">
        <v>0</v>
      </c>
    </row>
    <row r="136375" spans="1:7" x14ac:dyDescent="0.3">
      <c r="A136375" s="13" t="s">
        <v>611</v>
      </c>
      <c r="B136375" s="14" t="s">
        <v>1</v>
      </c>
      <c r="C136375" s="14" t="s">
        <v>596</v>
      </c>
      <c r="D136375" s="14" t="s">
        <v>60</v>
      </c>
      <c r="E136375" s="15">
        <v>45606</v>
      </c>
      <c r="F136375" s="14" t="s">
        <v>61</v>
      </c>
      <c r="G136375" s="16">
        <v>0</v>
      </c>
    </row>
    <row r="136376" spans="1:7" x14ac:dyDescent="0.3">
      <c r="A136376" s="13" t="s">
        <v>611</v>
      </c>
      <c r="B136376" s="14" t="s">
        <v>1</v>
      </c>
      <c r="C136376" s="14" t="s">
        <v>596</v>
      </c>
      <c r="D136376" s="14" t="s">
        <v>60</v>
      </c>
      <c r="E136376" s="15">
        <v>45607</v>
      </c>
      <c r="F136376" s="14" t="s">
        <v>61</v>
      </c>
      <c r="G136376" s="16">
        <v>0</v>
      </c>
    </row>
    <row r="136377" spans="1:7" x14ac:dyDescent="0.3">
      <c r="A136377" s="13" t="s">
        <v>611</v>
      </c>
      <c r="B136377" s="14" t="s">
        <v>1</v>
      </c>
      <c r="C136377" s="14" t="s">
        <v>596</v>
      </c>
      <c r="D136377" s="14" t="s">
        <v>60</v>
      </c>
      <c r="E136377" s="15">
        <v>45608</v>
      </c>
      <c r="F136377" s="14" t="s">
        <v>61</v>
      </c>
      <c r="G136377" s="16">
        <v>0</v>
      </c>
    </row>
    <row r="136378" spans="1:7" x14ac:dyDescent="0.3">
      <c r="A136378" s="13" t="s">
        <v>611</v>
      </c>
      <c r="B136378" s="14" t="s">
        <v>1</v>
      </c>
      <c r="C136378" s="14" t="s">
        <v>596</v>
      </c>
      <c r="D136378" s="14" t="s">
        <v>60</v>
      </c>
      <c r="E136378" s="15">
        <v>45609</v>
      </c>
      <c r="F136378" s="14" t="s">
        <v>61</v>
      </c>
      <c r="G136378" s="16">
        <v>0</v>
      </c>
    </row>
    <row r="136379" spans="1:7" x14ac:dyDescent="0.3">
      <c r="A136379" s="13" t="s">
        <v>611</v>
      </c>
      <c r="B136379" s="14" t="s">
        <v>1</v>
      </c>
      <c r="C136379" s="14" t="s">
        <v>596</v>
      </c>
      <c r="D136379" s="14" t="s">
        <v>60</v>
      </c>
      <c r="E136379" s="15">
        <v>45610</v>
      </c>
      <c r="F136379" s="14" t="s">
        <v>61</v>
      </c>
      <c r="G136379" s="16">
        <v>0</v>
      </c>
    </row>
    <row r="136380" spans="1:7" x14ac:dyDescent="0.3">
      <c r="A136380" s="13" t="s">
        <v>611</v>
      </c>
      <c r="B136380" s="14" t="s">
        <v>1</v>
      </c>
      <c r="C136380" s="14" t="s">
        <v>596</v>
      </c>
      <c r="D136380" s="14" t="s">
        <v>60</v>
      </c>
      <c r="E136380" s="15">
        <v>45611</v>
      </c>
      <c r="F136380" s="14" t="s">
        <v>61</v>
      </c>
      <c r="G136380" s="16">
        <v>0</v>
      </c>
    </row>
    <row r="136381" spans="1:7" x14ac:dyDescent="0.3">
      <c r="A136381" s="13" t="s">
        <v>611</v>
      </c>
      <c r="B136381" s="14" t="s">
        <v>1</v>
      </c>
      <c r="C136381" s="14" t="s">
        <v>596</v>
      </c>
      <c r="D136381" s="14" t="s">
        <v>60</v>
      </c>
      <c r="E136381" s="15">
        <v>45612</v>
      </c>
      <c r="F136381" s="14" t="s">
        <v>61</v>
      </c>
      <c r="G136381" s="16">
        <v>0</v>
      </c>
    </row>
    <row r="136382" spans="1:7" x14ac:dyDescent="0.3">
      <c r="A136382" s="13" t="s">
        <v>611</v>
      </c>
      <c r="B136382" s="14" t="s">
        <v>1</v>
      </c>
      <c r="C136382" s="14" t="s">
        <v>596</v>
      </c>
      <c r="D136382" s="14" t="s">
        <v>60</v>
      </c>
      <c r="E136382" s="15">
        <v>45613</v>
      </c>
      <c r="F136382" s="14" t="s">
        <v>61</v>
      </c>
      <c r="G136382" s="16">
        <v>0</v>
      </c>
    </row>
    <row r="136383" spans="1:7" x14ac:dyDescent="0.3">
      <c r="A136383" s="13" t="s">
        <v>611</v>
      </c>
      <c r="B136383" s="14" t="s">
        <v>1</v>
      </c>
      <c r="C136383" s="14" t="s">
        <v>596</v>
      </c>
      <c r="D136383" s="14" t="s">
        <v>60</v>
      </c>
      <c r="E136383" s="15">
        <v>45614</v>
      </c>
      <c r="F136383" s="14" t="s">
        <v>61</v>
      </c>
      <c r="G136383" s="16">
        <v>0</v>
      </c>
    </row>
    <row r="136384" spans="1:7" x14ac:dyDescent="0.3">
      <c r="A136384" s="13" t="s">
        <v>611</v>
      </c>
      <c r="B136384" s="14" t="s">
        <v>1</v>
      </c>
      <c r="C136384" s="14" t="s">
        <v>596</v>
      </c>
      <c r="D136384" s="14" t="s">
        <v>60</v>
      </c>
      <c r="E136384" s="15">
        <v>45615</v>
      </c>
      <c r="F136384" s="14" t="s">
        <v>61</v>
      </c>
      <c r="G136384" s="16">
        <v>0</v>
      </c>
    </row>
    <row r="136385" spans="1:7" x14ac:dyDescent="0.3">
      <c r="A136385" s="13" t="s">
        <v>611</v>
      </c>
      <c r="B136385" s="14" t="s">
        <v>1</v>
      </c>
      <c r="C136385" s="14" t="s">
        <v>596</v>
      </c>
      <c r="D136385" s="14" t="s">
        <v>60</v>
      </c>
      <c r="E136385" s="15">
        <v>45616</v>
      </c>
      <c r="F136385" s="14" t="s">
        <v>61</v>
      </c>
      <c r="G136385" s="16">
        <v>0</v>
      </c>
    </row>
    <row r="136386" spans="1:7" x14ac:dyDescent="0.3">
      <c r="A136386" s="13" t="s">
        <v>611</v>
      </c>
      <c r="B136386" s="14" t="s">
        <v>1</v>
      </c>
      <c r="C136386" s="14" t="s">
        <v>596</v>
      </c>
      <c r="D136386" s="14" t="s">
        <v>60</v>
      </c>
      <c r="E136386" s="15">
        <v>45617</v>
      </c>
      <c r="F136386" s="14" t="s">
        <v>61</v>
      </c>
      <c r="G136386" s="16">
        <v>0</v>
      </c>
    </row>
    <row r="136387" spans="1:7" x14ac:dyDescent="0.3">
      <c r="A136387" s="13" t="s">
        <v>611</v>
      </c>
      <c r="B136387" s="14" t="s">
        <v>1</v>
      </c>
      <c r="C136387" s="14" t="s">
        <v>596</v>
      </c>
      <c r="D136387" s="14" t="s">
        <v>60</v>
      </c>
      <c r="E136387" s="15">
        <v>45618</v>
      </c>
      <c r="F136387" s="14" t="s">
        <v>61</v>
      </c>
      <c r="G136387" s="16">
        <v>0</v>
      </c>
    </row>
    <row r="136388" spans="1:7" x14ac:dyDescent="0.3">
      <c r="A136388" s="13" t="s">
        <v>611</v>
      </c>
      <c r="B136388" s="14" t="s">
        <v>1</v>
      </c>
      <c r="C136388" s="14" t="s">
        <v>596</v>
      </c>
      <c r="D136388" s="14" t="s">
        <v>60</v>
      </c>
      <c r="E136388" s="15">
        <v>45619</v>
      </c>
      <c r="F136388" s="14" t="s">
        <v>61</v>
      </c>
      <c r="G136388" s="16">
        <v>0</v>
      </c>
    </row>
    <row r="136389" spans="1:7" x14ac:dyDescent="0.3">
      <c r="A136389" s="13" t="s">
        <v>611</v>
      </c>
      <c r="B136389" s="14" t="s">
        <v>1</v>
      </c>
      <c r="C136389" s="14" t="s">
        <v>596</v>
      </c>
      <c r="D136389" s="14" t="s">
        <v>60</v>
      </c>
      <c r="E136389" s="15">
        <v>45620</v>
      </c>
      <c r="F136389" s="14" t="s">
        <v>61</v>
      </c>
      <c r="G136389" s="16">
        <v>0</v>
      </c>
    </row>
    <row r="136390" spans="1:7" x14ac:dyDescent="0.3">
      <c r="A136390" s="13" t="s">
        <v>611</v>
      </c>
      <c r="B136390" s="14" t="s">
        <v>1</v>
      </c>
      <c r="C136390" s="14" t="s">
        <v>596</v>
      </c>
      <c r="D136390" s="14" t="s">
        <v>60</v>
      </c>
      <c r="E136390" s="15">
        <v>45621</v>
      </c>
      <c r="F136390" s="14" t="s">
        <v>61</v>
      </c>
      <c r="G136390" s="16">
        <v>0</v>
      </c>
    </row>
    <row r="136391" spans="1:7" x14ac:dyDescent="0.3">
      <c r="A136391" s="13" t="s">
        <v>611</v>
      </c>
      <c r="B136391" s="14" t="s">
        <v>1</v>
      </c>
      <c r="C136391" s="14" t="s">
        <v>596</v>
      </c>
      <c r="D136391" s="14" t="s">
        <v>60</v>
      </c>
      <c r="E136391" s="15">
        <v>45622</v>
      </c>
      <c r="F136391" s="14" t="s">
        <v>61</v>
      </c>
      <c r="G136391" s="16">
        <v>0</v>
      </c>
    </row>
    <row r="136392" spans="1:7" x14ac:dyDescent="0.3">
      <c r="A136392" s="13" t="s">
        <v>611</v>
      </c>
      <c r="B136392" s="14" t="s">
        <v>1</v>
      </c>
      <c r="C136392" s="14" t="s">
        <v>596</v>
      </c>
      <c r="D136392" s="14" t="s">
        <v>60</v>
      </c>
      <c r="E136392" s="15">
        <v>45623</v>
      </c>
      <c r="F136392" s="14" t="s">
        <v>61</v>
      </c>
      <c r="G136392" s="16">
        <v>0</v>
      </c>
    </row>
    <row r="136393" spans="1:7" x14ac:dyDescent="0.3">
      <c r="A136393" s="13" t="s">
        <v>611</v>
      </c>
      <c r="B136393" s="14" t="s">
        <v>1</v>
      </c>
      <c r="C136393" s="14" t="s">
        <v>596</v>
      </c>
      <c r="D136393" s="14" t="s">
        <v>60</v>
      </c>
      <c r="E136393" s="15">
        <v>45624</v>
      </c>
      <c r="F136393" s="14" t="s">
        <v>61</v>
      </c>
      <c r="G136393" s="16">
        <v>0</v>
      </c>
    </row>
    <row r="136394" spans="1:7" x14ac:dyDescent="0.3">
      <c r="A136394" s="13" t="s">
        <v>611</v>
      </c>
      <c r="B136394" s="14" t="s">
        <v>1</v>
      </c>
      <c r="C136394" s="14" t="s">
        <v>596</v>
      </c>
      <c r="D136394" s="14" t="s">
        <v>60</v>
      </c>
      <c r="E136394" s="15">
        <v>45625</v>
      </c>
      <c r="F136394" s="14" t="s">
        <v>61</v>
      </c>
      <c r="G136394" s="16">
        <v>0</v>
      </c>
    </row>
    <row r="136395" spans="1:7" x14ac:dyDescent="0.3">
      <c r="A136395" s="13" t="s">
        <v>611</v>
      </c>
      <c r="B136395" s="14" t="s">
        <v>1</v>
      </c>
      <c r="C136395" s="14" t="s">
        <v>596</v>
      </c>
      <c r="D136395" s="14" t="s">
        <v>60</v>
      </c>
      <c r="E136395" s="15">
        <v>45626</v>
      </c>
      <c r="F136395" s="14" t="s">
        <v>61</v>
      </c>
      <c r="G136395" s="16">
        <v>0</v>
      </c>
    </row>
    <row r="136396" spans="1:7" x14ac:dyDescent="0.3">
      <c r="A136396" s="13" t="s">
        <v>611</v>
      </c>
      <c r="B136396" s="14" t="s">
        <v>1</v>
      </c>
      <c r="C136396" s="14" t="s">
        <v>596</v>
      </c>
      <c r="D136396" s="14" t="s">
        <v>60</v>
      </c>
      <c r="E136396" s="15">
        <v>45627</v>
      </c>
      <c r="F136396" s="14" t="s">
        <v>61</v>
      </c>
      <c r="G136396" s="16">
        <v>0</v>
      </c>
    </row>
    <row r="136397" spans="1:7" x14ac:dyDescent="0.3">
      <c r="A136397" s="13" t="s">
        <v>611</v>
      </c>
      <c r="B136397" s="14" t="s">
        <v>1</v>
      </c>
      <c r="C136397" s="14" t="s">
        <v>596</v>
      </c>
      <c r="D136397" s="14" t="s">
        <v>60</v>
      </c>
      <c r="E136397" s="15">
        <v>45628</v>
      </c>
      <c r="F136397" s="14" t="s">
        <v>61</v>
      </c>
      <c r="G136397" s="16">
        <v>0</v>
      </c>
    </row>
    <row r="136398" spans="1:7" x14ac:dyDescent="0.3">
      <c r="A136398" s="13" t="s">
        <v>611</v>
      </c>
      <c r="B136398" s="14" t="s">
        <v>1</v>
      </c>
      <c r="C136398" s="14" t="s">
        <v>596</v>
      </c>
      <c r="D136398" s="14" t="s">
        <v>60</v>
      </c>
      <c r="E136398" s="15">
        <v>45629</v>
      </c>
      <c r="F136398" s="14" t="s">
        <v>61</v>
      </c>
      <c r="G136398" s="16">
        <v>0</v>
      </c>
    </row>
    <row r="136399" spans="1:7" x14ac:dyDescent="0.3">
      <c r="A136399" s="13" t="s">
        <v>611</v>
      </c>
      <c r="B136399" s="14" t="s">
        <v>1</v>
      </c>
      <c r="C136399" s="14" t="s">
        <v>596</v>
      </c>
      <c r="D136399" s="14" t="s">
        <v>60</v>
      </c>
      <c r="E136399" s="15">
        <v>45630</v>
      </c>
      <c r="F136399" s="14" t="s">
        <v>61</v>
      </c>
      <c r="G136399" s="16">
        <v>0</v>
      </c>
    </row>
    <row r="136400" spans="1:7" x14ac:dyDescent="0.3">
      <c r="A136400" s="13" t="s">
        <v>611</v>
      </c>
      <c r="B136400" s="14" t="s">
        <v>1</v>
      </c>
      <c r="C136400" s="14" t="s">
        <v>596</v>
      </c>
      <c r="D136400" s="14" t="s">
        <v>60</v>
      </c>
      <c r="E136400" s="15">
        <v>45631</v>
      </c>
      <c r="F136400" s="14" t="s">
        <v>61</v>
      </c>
      <c r="G136400" s="16">
        <v>0</v>
      </c>
    </row>
    <row r="136401" spans="1:7" x14ac:dyDescent="0.3">
      <c r="A136401" s="13" t="s">
        <v>611</v>
      </c>
      <c r="B136401" s="14" t="s">
        <v>1</v>
      </c>
      <c r="C136401" s="14" t="s">
        <v>596</v>
      </c>
      <c r="D136401" s="14" t="s">
        <v>60</v>
      </c>
      <c r="E136401" s="15">
        <v>45632</v>
      </c>
      <c r="F136401" s="14" t="s">
        <v>61</v>
      </c>
      <c r="G136401" s="16">
        <v>0</v>
      </c>
    </row>
    <row r="136402" spans="1:7" x14ac:dyDescent="0.3">
      <c r="A136402" s="13" t="s">
        <v>611</v>
      </c>
      <c r="B136402" s="14" t="s">
        <v>1</v>
      </c>
      <c r="C136402" s="14" t="s">
        <v>596</v>
      </c>
      <c r="D136402" s="14" t="s">
        <v>60</v>
      </c>
      <c r="E136402" s="15">
        <v>45633</v>
      </c>
      <c r="F136402" s="14" t="s">
        <v>61</v>
      </c>
      <c r="G136402" s="16">
        <v>0</v>
      </c>
    </row>
    <row r="136403" spans="1:7" x14ac:dyDescent="0.3">
      <c r="A136403" s="13" t="s">
        <v>611</v>
      </c>
      <c r="B136403" s="14" t="s">
        <v>1</v>
      </c>
      <c r="C136403" s="14" t="s">
        <v>596</v>
      </c>
      <c r="D136403" s="14" t="s">
        <v>60</v>
      </c>
      <c r="E136403" s="15">
        <v>45634</v>
      </c>
      <c r="F136403" s="14" t="s">
        <v>61</v>
      </c>
      <c r="G136403" s="16">
        <v>0</v>
      </c>
    </row>
    <row r="136404" spans="1:7" x14ac:dyDescent="0.3">
      <c r="A136404" s="13" t="s">
        <v>611</v>
      </c>
      <c r="B136404" s="14" t="s">
        <v>1</v>
      </c>
      <c r="C136404" s="14" t="s">
        <v>596</v>
      </c>
      <c r="D136404" s="14" t="s">
        <v>60</v>
      </c>
      <c r="E136404" s="15">
        <v>45635</v>
      </c>
      <c r="F136404" s="14" t="s">
        <v>61</v>
      </c>
      <c r="G136404" s="16">
        <v>0</v>
      </c>
    </row>
    <row r="136405" spans="1:7" x14ac:dyDescent="0.3">
      <c r="A136405" s="13" t="s">
        <v>611</v>
      </c>
      <c r="B136405" s="14" t="s">
        <v>1</v>
      </c>
      <c r="C136405" s="14" t="s">
        <v>596</v>
      </c>
      <c r="D136405" s="14" t="s">
        <v>60</v>
      </c>
      <c r="E136405" s="15">
        <v>45636</v>
      </c>
      <c r="F136405" s="14" t="s">
        <v>61</v>
      </c>
      <c r="G136405" s="16">
        <v>0</v>
      </c>
    </row>
    <row r="136406" spans="1:7" x14ac:dyDescent="0.3">
      <c r="A136406" s="13" t="s">
        <v>611</v>
      </c>
      <c r="B136406" s="14" t="s">
        <v>1</v>
      </c>
      <c r="C136406" s="14" t="s">
        <v>596</v>
      </c>
      <c r="D136406" s="14" t="s">
        <v>60</v>
      </c>
      <c r="E136406" s="15">
        <v>45637</v>
      </c>
      <c r="F136406" s="14" t="s">
        <v>61</v>
      </c>
      <c r="G136406" s="16">
        <v>0</v>
      </c>
    </row>
    <row r="136407" spans="1:7" x14ac:dyDescent="0.3">
      <c r="A136407" s="13" t="s">
        <v>611</v>
      </c>
      <c r="B136407" s="14" t="s">
        <v>1</v>
      </c>
      <c r="C136407" s="14" t="s">
        <v>596</v>
      </c>
      <c r="D136407" s="14" t="s">
        <v>60</v>
      </c>
      <c r="E136407" s="15">
        <v>45638</v>
      </c>
      <c r="F136407" s="14" t="s">
        <v>61</v>
      </c>
      <c r="G136407" s="16">
        <v>0</v>
      </c>
    </row>
    <row r="136408" spans="1:7" x14ac:dyDescent="0.3">
      <c r="A136408" s="13" t="s">
        <v>611</v>
      </c>
      <c r="B136408" s="14" t="s">
        <v>1</v>
      </c>
      <c r="C136408" s="14" t="s">
        <v>596</v>
      </c>
      <c r="D136408" s="14" t="s">
        <v>60</v>
      </c>
      <c r="E136408" s="15">
        <v>45639</v>
      </c>
      <c r="F136408" s="14" t="s">
        <v>61</v>
      </c>
      <c r="G136408" s="16">
        <v>0</v>
      </c>
    </row>
    <row r="136409" spans="1:7" x14ac:dyDescent="0.3">
      <c r="A136409" s="13" t="s">
        <v>611</v>
      </c>
      <c r="B136409" s="14" t="s">
        <v>1</v>
      </c>
      <c r="C136409" s="14" t="s">
        <v>596</v>
      </c>
      <c r="D136409" s="14" t="s">
        <v>60</v>
      </c>
      <c r="E136409" s="15">
        <v>45640</v>
      </c>
      <c r="F136409" s="14" t="s">
        <v>61</v>
      </c>
      <c r="G136409" s="16">
        <v>0</v>
      </c>
    </row>
    <row r="136410" spans="1:7" x14ac:dyDescent="0.3">
      <c r="A136410" s="13" t="s">
        <v>611</v>
      </c>
      <c r="B136410" s="14" t="s">
        <v>1</v>
      </c>
      <c r="C136410" s="14" t="s">
        <v>596</v>
      </c>
      <c r="D136410" s="14" t="s">
        <v>60</v>
      </c>
      <c r="E136410" s="15">
        <v>45641</v>
      </c>
      <c r="F136410" s="14" t="s">
        <v>61</v>
      </c>
      <c r="G136410" s="16">
        <v>0</v>
      </c>
    </row>
    <row r="136411" spans="1:7" x14ac:dyDescent="0.3">
      <c r="A136411" s="13" t="s">
        <v>611</v>
      </c>
      <c r="B136411" s="14" t="s">
        <v>1</v>
      </c>
      <c r="C136411" s="14" t="s">
        <v>596</v>
      </c>
      <c r="D136411" s="14" t="s">
        <v>60</v>
      </c>
      <c r="E136411" s="15">
        <v>45642</v>
      </c>
      <c r="F136411" s="14" t="s">
        <v>61</v>
      </c>
      <c r="G136411" s="16">
        <v>0</v>
      </c>
    </row>
    <row r="136412" spans="1:7" x14ac:dyDescent="0.3">
      <c r="A136412" s="13" t="s">
        <v>611</v>
      </c>
      <c r="B136412" s="14" t="s">
        <v>1</v>
      </c>
      <c r="C136412" s="14" t="s">
        <v>596</v>
      </c>
      <c r="D136412" s="14" t="s">
        <v>60</v>
      </c>
      <c r="E136412" s="15">
        <v>45643</v>
      </c>
      <c r="F136412" s="14" t="s">
        <v>61</v>
      </c>
      <c r="G136412" s="16">
        <v>0</v>
      </c>
    </row>
    <row r="136413" spans="1:7" x14ac:dyDescent="0.3">
      <c r="A136413" s="13" t="s">
        <v>611</v>
      </c>
      <c r="B136413" s="14" t="s">
        <v>1</v>
      </c>
      <c r="C136413" s="14" t="s">
        <v>596</v>
      </c>
      <c r="D136413" s="14" t="s">
        <v>60</v>
      </c>
      <c r="E136413" s="15">
        <v>45644</v>
      </c>
      <c r="F136413" s="14" t="s">
        <v>61</v>
      </c>
      <c r="G136413" s="16">
        <v>0</v>
      </c>
    </row>
    <row r="136414" spans="1:7" x14ac:dyDescent="0.3">
      <c r="A136414" s="13" t="s">
        <v>611</v>
      </c>
      <c r="B136414" s="14" t="s">
        <v>1</v>
      </c>
      <c r="C136414" s="14" t="s">
        <v>596</v>
      </c>
      <c r="D136414" s="14" t="s">
        <v>60</v>
      </c>
      <c r="E136414" s="15">
        <v>45645</v>
      </c>
      <c r="F136414" s="14" t="s">
        <v>61</v>
      </c>
      <c r="G136414" s="16">
        <v>0</v>
      </c>
    </row>
    <row r="136415" spans="1:7" x14ac:dyDescent="0.3">
      <c r="A136415" s="13" t="s">
        <v>611</v>
      </c>
      <c r="B136415" s="14" t="s">
        <v>1</v>
      </c>
      <c r="C136415" s="14" t="s">
        <v>596</v>
      </c>
      <c r="D136415" s="14" t="s">
        <v>60</v>
      </c>
      <c r="E136415" s="15">
        <v>45646</v>
      </c>
      <c r="F136415" s="14" t="s">
        <v>61</v>
      </c>
      <c r="G136415" s="16">
        <v>0</v>
      </c>
    </row>
    <row r="136416" spans="1:7" x14ac:dyDescent="0.3">
      <c r="A136416" s="13" t="s">
        <v>611</v>
      </c>
      <c r="B136416" s="14" t="s">
        <v>1</v>
      </c>
      <c r="C136416" s="14" t="s">
        <v>596</v>
      </c>
      <c r="D136416" s="14" t="s">
        <v>60</v>
      </c>
      <c r="E136416" s="15">
        <v>45647</v>
      </c>
      <c r="F136416" s="14" t="s">
        <v>61</v>
      </c>
      <c r="G136416" s="16">
        <v>0</v>
      </c>
    </row>
    <row r="136417" spans="1:7" x14ac:dyDescent="0.3">
      <c r="A136417" s="13" t="s">
        <v>611</v>
      </c>
      <c r="B136417" s="14" t="s">
        <v>1</v>
      </c>
      <c r="C136417" s="14" t="s">
        <v>596</v>
      </c>
      <c r="D136417" s="14" t="s">
        <v>60</v>
      </c>
      <c r="E136417" s="15">
        <v>45648</v>
      </c>
      <c r="F136417" s="14" t="s">
        <v>61</v>
      </c>
      <c r="G136417" s="16">
        <v>0</v>
      </c>
    </row>
    <row r="136418" spans="1:7" x14ac:dyDescent="0.3">
      <c r="A136418" s="13" t="s">
        <v>611</v>
      </c>
      <c r="B136418" s="14" t="s">
        <v>1</v>
      </c>
      <c r="C136418" s="14" t="s">
        <v>596</v>
      </c>
      <c r="D136418" s="14" t="s">
        <v>60</v>
      </c>
      <c r="E136418" s="15">
        <v>45649</v>
      </c>
      <c r="F136418" s="14" t="s">
        <v>61</v>
      </c>
      <c r="G136418" s="16">
        <v>0</v>
      </c>
    </row>
    <row r="136419" spans="1:7" x14ac:dyDescent="0.3">
      <c r="A136419" s="13" t="s">
        <v>611</v>
      </c>
      <c r="B136419" s="14" t="s">
        <v>1</v>
      </c>
      <c r="C136419" s="14" t="s">
        <v>596</v>
      </c>
      <c r="D136419" s="14" t="s">
        <v>60</v>
      </c>
      <c r="E136419" s="15">
        <v>45650</v>
      </c>
      <c r="F136419" s="14" t="s">
        <v>61</v>
      </c>
      <c r="G136419" s="16">
        <v>0</v>
      </c>
    </row>
    <row r="136420" spans="1:7" x14ac:dyDescent="0.3">
      <c r="A136420" s="13" t="s">
        <v>611</v>
      </c>
      <c r="B136420" s="14" t="s">
        <v>1</v>
      </c>
      <c r="C136420" s="14" t="s">
        <v>596</v>
      </c>
      <c r="D136420" s="14" t="s">
        <v>60</v>
      </c>
      <c r="E136420" s="15">
        <v>45651</v>
      </c>
      <c r="F136420" s="14" t="s">
        <v>61</v>
      </c>
      <c r="G136420" s="16">
        <v>0</v>
      </c>
    </row>
    <row r="136421" spans="1:7" x14ac:dyDescent="0.3">
      <c r="A136421" s="13" t="s">
        <v>611</v>
      </c>
      <c r="B136421" s="14" t="s">
        <v>1</v>
      </c>
      <c r="C136421" s="14" t="s">
        <v>596</v>
      </c>
      <c r="D136421" s="14" t="s">
        <v>60</v>
      </c>
      <c r="E136421" s="15">
        <v>45652</v>
      </c>
      <c r="F136421" s="14" t="s">
        <v>61</v>
      </c>
      <c r="G136421" s="16">
        <v>0</v>
      </c>
    </row>
    <row r="136422" spans="1:7" x14ac:dyDescent="0.3">
      <c r="A136422" s="13" t="s">
        <v>611</v>
      </c>
      <c r="B136422" s="14" t="s">
        <v>1</v>
      </c>
      <c r="C136422" s="14" t="s">
        <v>596</v>
      </c>
      <c r="D136422" s="14" t="s">
        <v>60</v>
      </c>
      <c r="E136422" s="15">
        <v>45653</v>
      </c>
      <c r="F136422" s="14" t="s">
        <v>61</v>
      </c>
      <c r="G136422" s="16">
        <v>0</v>
      </c>
    </row>
    <row r="136423" spans="1:7" x14ac:dyDescent="0.3">
      <c r="A136423" s="13" t="s">
        <v>611</v>
      </c>
      <c r="B136423" s="14" t="s">
        <v>1</v>
      </c>
      <c r="C136423" s="14" t="s">
        <v>596</v>
      </c>
      <c r="D136423" s="14" t="s">
        <v>60</v>
      </c>
      <c r="E136423" s="15">
        <v>45654</v>
      </c>
      <c r="F136423" s="14" t="s">
        <v>61</v>
      </c>
      <c r="G136423" s="16">
        <v>0</v>
      </c>
    </row>
    <row r="136424" spans="1:7" x14ac:dyDescent="0.3">
      <c r="A136424" s="13" t="s">
        <v>611</v>
      </c>
      <c r="B136424" s="14" t="s">
        <v>1</v>
      </c>
      <c r="C136424" s="14" t="s">
        <v>596</v>
      </c>
      <c r="D136424" s="14" t="s">
        <v>60</v>
      </c>
      <c r="E136424" s="15">
        <v>45655</v>
      </c>
      <c r="F136424" s="14" t="s">
        <v>61</v>
      </c>
      <c r="G136424" s="16">
        <v>0</v>
      </c>
    </row>
    <row r="136425" spans="1:7" x14ac:dyDescent="0.3">
      <c r="A136425" s="13" t="s">
        <v>611</v>
      </c>
      <c r="B136425" s="14" t="s">
        <v>1</v>
      </c>
      <c r="C136425" s="14" t="s">
        <v>596</v>
      </c>
      <c r="D136425" s="14" t="s">
        <v>60</v>
      </c>
      <c r="E136425" s="15">
        <v>45656</v>
      </c>
      <c r="F136425" s="14" t="s">
        <v>61</v>
      </c>
      <c r="G136425" s="16">
        <v>0</v>
      </c>
    </row>
    <row r="136426" spans="1:7" x14ac:dyDescent="0.3">
      <c r="A136426" s="13" t="s">
        <v>611</v>
      </c>
      <c r="B136426" s="14" t="s">
        <v>1</v>
      </c>
      <c r="C136426" s="14" t="s">
        <v>596</v>
      </c>
      <c r="D136426" s="14" t="s">
        <v>60</v>
      </c>
      <c r="E136426" s="15">
        <v>45657</v>
      </c>
      <c r="F136426" s="14" t="s">
        <v>61</v>
      </c>
      <c r="G136426" s="16">
        <v>0</v>
      </c>
    </row>
    <row r="136427" spans="1:7" x14ac:dyDescent="0.3">
      <c r="A136427" s="13" t="s">
        <v>611</v>
      </c>
      <c r="B136427" s="14" t="s">
        <v>1</v>
      </c>
      <c r="C136427" s="14" t="s">
        <v>596</v>
      </c>
      <c r="D136427" s="14" t="s">
        <v>60</v>
      </c>
      <c r="E136427" s="15">
        <v>45658</v>
      </c>
      <c r="F136427" s="14" t="s">
        <v>61</v>
      </c>
      <c r="G136427" s="16">
        <v>0</v>
      </c>
    </row>
    <row r="136428" spans="1:7" x14ac:dyDescent="0.3">
      <c r="A136428" s="13" t="s">
        <v>611</v>
      </c>
      <c r="B136428" s="14" t="s">
        <v>1</v>
      </c>
      <c r="C136428" s="14" t="s">
        <v>596</v>
      </c>
      <c r="D136428" s="14" t="s">
        <v>60</v>
      </c>
      <c r="E136428" s="15">
        <v>45659</v>
      </c>
      <c r="F136428" s="14" t="s">
        <v>61</v>
      </c>
      <c r="G136428" s="16">
        <v>0</v>
      </c>
    </row>
    <row r="136429" spans="1:7" x14ac:dyDescent="0.3">
      <c r="A136429" s="13" t="s">
        <v>611</v>
      </c>
      <c r="B136429" s="14" t="s">
        <v>1</v>
      </c>
      <c r="C136429" s="14" t="s">
        <v>596</v>
      </c>
      <c r="D136429" s="14" t="s">
        <v>60</v>
      </c>
      <c r="E136429" s="15">
        <v>45660</v>
      </c>
      <c r="F136429" s="14" t="s">
        <v>61</v>
      </c>
      <c r="G136429" s="16">
        <v>0</v>
      </c>
    </row>
    <row r="136430" spans="1:7" x14ac:dyDescent="0.3">
      <c r="A136430" s="13" t="s">
        <v>611</v>
      </c>
      <c r="B136430" s="14" t="s">
        <v>1</v>
      </c>
      <c r="C136430" s="14" t="s">
        <v>596</v>
      </c>
      <c r="D136430" s="14" t="s">
        <v>60</v>
      </c>
      <c r="E136430" s="15">
        <v>45661</v>
      </c>
      <c r="F136430" s="14" t="s">
        <v>61</v>
      </c>
      <c r="G136430" s="16">
        <v>0</v>
      </c>
    </row>
    <row r="136431" spans="1:7" x14ac:dyDescent="0.3">
      <c r="A136431" s="13" t="s">
        <v>611</v>
      </c>
      <c r="B136431" s="14" t="s">
        <v>1</v>
      </c>
      <c r="C136431" s="14" t="s">
        <v>596</v>
      </c>
      <c r="D136431" s="14" t="s">
        <v>60</v>
      </c>
      <c r="E136431" s="15">
        <v>45662</v>
      </c>
      <c r="F136431" s="14" t="s">
        <v>61</v>
      </c>
      <c r="G136431" s="16">
        <v>0</v>
      </c>
    </row>
    <row r="136432" spans="1:7" x14ac:dyDescent="0.3">
      <c r="A136432" s="13" t="s">
        <v>611</v>
      </c>
      <c r="B136432" s="14" t="s">
        <v>1</v>
      </c>
      <c r="C136432" s="14" t="s">
        <v>596</v>
      </c>
      <c r="D136432" s="14" t="s">
        <v>60</v>
      </c>
      <c r="E136432" s="15">
        <v>45663</v>
      </c>
      <c r="F136432" s="14" t="s">
        <v>61</v>
      </c>
      <c r="G136432" s="16">
        <v>0</v>
      </c>
    </row>
    <row r="136433" spans="1:7" x14ac:dyDescent="0.3">
      <c r="A136433" s="13" t="s">
        <v>611</v>
      </c>
      <c r="B136433" s="14" t="s">
        <v>1</v>
      </c>
      <c r="C136433" s="14" t="s">
        <v>596</v>
      </c>
      <c r="D136433" s="14" t="s">
        <v>60</v>
      </c>
      <c r="E136433" s="15">
        <v>45664</v>
      </c>
      <c r="F136433" s="14" t="s">
        <v>61</v>
      </c>
      <c r="G136433" s="16">
        <v>0</v>
      </c>
    </row>
    <row r="136434" spans="1:7" x14ac:dyDescent="0.3">
      <c r="A136434" s="13" t="s">
        <v>611</v>
      </c>
      <c r="B136434" s="14" t="s">
        <v>1</v>
      </c>
      <c r="C136434" s="14" t="s">
        <v>596</v>
      </c>
      <c r="D136434" s="14" t="s">
        <v>60</v>
      </c>
      <c r="E136434" s="15">
        <v>45665</v>
      </c>
      <c r="F136434" s="14" t="s">
        <v>61</v>
      </c>
      <c r="G136434" s="16">
        <v>0</v>
      </c>
    </row>
    <row r="136435" spans="1:7" x14ac:dyDescent="0.3">
      <c r="A136435" s="13" t="s">
        <v>611</v>
      </c>
      <c r="B136435" s="14" t="s">
        <v>1</v>
      </c>
      <c r="C136435" s="14" t="s">
        <v>596</v>
      </c>
      <c r="D136435" s="14" t="s">
        <v>60</v>
      </c>
      <c r="E136435" s="15">
        <v>45666</v>
      </c>
      <c r="F136435" s="14" t="s">
        <v>61</v>
      </c>
      <c r="G136435" s="16">
        <v>0</v>
      </c>
    </row>
    <row r="136436" spans="1:7" x14ac:dyDescent="0.3">
      <c r="A136436" s="13" t="s">
        <v>611</v>
      </c>
      <c r="B136436" s="14" t="s">
        <v>1</v>
      </c>
      <c r="C136436" s="14" t="s">
        <v>596</v>
      </c>
      <c r="D136436" s="14" t="s">
        <v>60</v>
      </c>
      <c r="E136436" s="15">
        <v>45667</v>
      </c>
      <c r="F136436" s="14" t="s">
        <v>61</v>
      </c>
      <c r="G136436" s="16">
        <v>0</v>
      </c>
    </row>
    <row r="136437" spans="1:7" x14ac:dyDescent="0.3">
      <c r="A136437" s="13" t="s">
        <v>611</v>
      </c>
      <c r="B136437" s="14" t="s">
        <v>1</v>
      </c>
      <c r="C136437" s="14" t="s">
        <v>596</v>
      </c>
      <c r="D136437" s="14" t="s">
        <v>60</v>
      </c>
      <c r="E136437" s="15">
        <v>45668</v>
      </c>
      <c r="F136437" s="14" t="s">
        <v>61</v>
      </c>
      <c r="G136437" s="16">
        <v>0</v>
      </c>
    </row>
    <row r="136438" spans="1:7" x14ac:dyDescent="0.3">
      <c r="A136438" s="13" t="s">
        <v>611</v>
      </c>
      <c r="B136438" s="14" t="s">
        <v>1</v>
      </c>
      <c r="C136438" s="14" t="s">
        <v>596</v>
      </c>
      <c r="D136438" s="14" t="s">
        <v>60</v>
      </c>
      <c r="E136438" s="15">
        <v>45669</v>
      </c>
      <c r="F136438" s="14" t="s">
        <v>61</v>
      </c>
      <c r="G136438" s="16">
        <v>0</v>
      </c>
    </row>
    <row r="136439" spans="1:7" x14ac:dyDescent="0.3">
      <c r="A136439" s="13" t="s">
        <v>611</v>
      </c>
      <c r="B136439" s="14" t="s">
        <v>1</v>
      </c>
      <c r="C136439" s="14" t="s">
        <v>596</v>
      </c>
      <c r="D136439" s="14" t="s">
        <v>60</v>
      </c>
      <c r="E136439" s="15">
        <v>45670</v>
      </c>
      <c r="F136439" s="14" t="s">
        <v>61</v>
      </c>
      <c r="G136439" s="16">
        <v>0</v>
      </c>
    </row>
    <row r="136440" spans="1:7" x14ac:dyDescent="0.3">
      <c r="A136440" s="13" t="s">
        <v>611</v>
      </c>
      <c r="B136440" s="14" t="s">
        <v>1</v>
      </c>
      <c r="C136440" s="14" t="s">
        <v>596</v>
      </c>
      <c r="D136440" s="14" t="s">
        <v>60</v>
      </c>
      <c r="E136440" s="15">
        <v>45671</v>
      </c>
      <c r="F136440" s="14" t="s">
        <v>61</v>
      </c>
      <c r="G136440" s="16">
        <v>0</v>
      </c>
    </row>
    <row r="136441" spans="1:7" x14ac:dyDescent="0.3">
      <c r="A136441" s="13" t="s">
        <v>611</v>
      </c>
      <c r="B136441" s="14" t="s">
        <v>1</v>
      </c>
      <c r="C136441" s="14" t="s">
        <v>596</v>
      </c>
      <c r="D136441" s="14" t="s">
        <v>60</v>
      </c>
      <c r="E136441" s="15">
        <v>45672</v>
      </c>
      <c r="F136441" s="14" t="s">
        <v>61</v>
      </c>
      <c r="G136441" s="16">
        <v>0</v>
      </c>
    </row>
    <row r="136442" spans="1:7" x14ac:dyDescent="0.3">
      <c r="A136442" s="13" t="s">
        <v>611</v>
      </c>
      <c r="B136442" s="14" t="s">
        <v>1</v>
      </c>
      <c r="C136442" s="14" t="s">
        <v>596</v>
      </c>
      <c r="D136442" s="14" t="s">
        <v>60</v>
      </c>
      <c r="E136442" s="15">
        <v>45673</v>
      </c>
      <c r="F136442" s="14" t="s">
        <v>61</v>
      </c>
      <c r="G136442" s="16">
        <v>0</v>
      </c>
    </row>
    <row r="136443" spans="1:7" x14ac:dyDescent="0.3">
      <c r="A136443" s="13" t="s">
        <v>611</v>
      </c>
      <c r="B136443" s="14" t="s">
        <v>1</v>
      </c>
      <c r="C136443" s="14" t="s">
        <v>596</v>
      </c>
      <c r="D136443" s="14" t="s">
        <v>60</v>
      </c>
      <c r="E136443" s="15">
        <v>45674</v>
      </c>
      <c r="F136443" s="14" t="s">
        <v>61</v>
      </c>
      <c r="G136443" s="16">
        <v>0</v>
      </c>
    </row>
    <row r="136444" spans="1:7" x14ac:dyDescent="0.3">
      <c r="A136444" s="13" t="s">
        <v>611</v>
      </c>
      <c r="B136444" s="14" t="s">
        <v>1</v>
      </c>
      <c r="C136444" s="14" t="s">
        <v>596</v>
      </c>
      <c r="D136444" s="14" t="s">
        <v>60</v>
      </c>
      <c r="E136444" s="15">
        <v>45675</v>
      </c>
      <c r="F136444" s="14" t="s">
        <v>61</v>
      </c>
      <c r="G136444" s="16">
        <v>0</v>
      </c>
    </row>
    <row r="136445" spans="1:7" x14ac:dyDescent="0.3">
      <c r="A136445" s="13" t="s">
        <v>611</v>
      </c>
      <c r="B136445" s="14" t="s">
        <v>1</v>
      </c>
      <c r="C136445" s="14" t="s">
        <v>596</v>
      </c>
      <c r="D136445" s="14" t="s">
        <v>60</v>
      </c>
      <c r="E136445" s="15">
        <v>45676</v>
      </c>
      <c r="F136445" s="14" t="s">
        <v>61</v>
      </c>
      <c r="G136445" s="16">
        <v>0</v>
      </c>
    </row>
    <row r="136446" spans="1:7" x14ac:dyDescent="0.3">
      <c r="A136446" s="13" t="s">
        <v>611</v>
      </c>
      <c r="B136446" s="14" t="s">
        <v>1</v>
      </c>
      <c r="C136446" s="14" t="s">
        <v>596</v>
      </c>
      <c r="D136446" s="14" t="s">
        <v>60</v>
      </c>
      <c r="E136446" s="15">
        <v>45677</v>
      </c>
      <c r="F136446" s="14" t="s">
        <v>61</v>
      </c>
      <c r="G136446" s="16">
        <v>0</v>
      </c>
    </row>
    <row r="136447" spans="1:7" x14ac:dyDescent="0.3">
      <c r="A136447" s="13" t="s">
        <v>611</v>
      </c>
      <c r="B136447" s="14" t="s">
        <v>1</v>
      </c>
      <c r="C136447" s="14" t="s">
        <v>596</v>
      </c>
      <c r="D136447" s="14" t="s">
        <v>60</v>
      </c>
      <c r="E136447" s="15">
        <v>45678</v>
      </c>
      <c r="F136447" s="14" t="s">
        <v>61</v>
      </c>
      <c r="G136447" s="16">
        <v>0</v>
      </c>
    </row>
    <row r="136448" spans="1:7" x14ac:dyDescent="0.3">
      <c r="A136448" s="13" t="s">
        <v>611</v>
      </c>
      <c r="B136448" s="14" t="s">
        <v>1</v>
      </c>
      <c r="C136448" s="14" t="s">
        <v>596</v>
      </c>
      <c r="D136448" s="14" t="s">
        <v>60</v>
      </c>
      <c r="E136448" s="15">
        <v>45679</v>
      </c>
      <c r="F136448" s="14" t="s">
        <v>61</v>
      </c>
      <c r="G136448" s="16">
        <v>0</v>
      </c>
    </row>
    <row r="136449" spans="1:7" x14ac:dyDescent="0.3">
      <c r="A136449" s="13" t="s">
        <v>611</v>
      </c>
      <c r="B136449" s="14" t="s">
        <v>1</v>
      </c>
      <c r="C136449" s="14" t="s">
        <v>596</v>
      </c>
      <c r="D136449" s="14" t="s">
        <v>60</v>
      </c>
      <c r="E136449" s="15">
        <v>45680</v>
      </c>
      <c r="F136449" s="14" t="s">
        <v>61</v>
      </c>
      <c r="G136449" s="16">
        <v>0</v>
      </c>
    </row>
    <row r="136450" spans="1:7" x14ac:dyDescent="0.3">
      <c r="A136450" s="13" t="s">
        <v>611</v>
      </c>
      <c r="B136450" s="14" t="s">
        <v>1</v>
      </c>
      <c r="C136450" s="14" t="s">
        <v>596</v>
      </c>
      <c r="D136450" s="14" t="s">
        <v>60</v>
      </c>
      <c r="E136450" s="15">
        <v>45681</v>
      </c>
      <c r="F136450" s="14" t="s">
        <v>61</v>
      </c>
      <c r="G136450" s="16">
        <v>0</v>
      </c>
    </row>
    <row r="136451" spans="1:7" x14ac:dyDescent="0.3">
      <c r="A136451" s="13" t="s">
        <v>611</v>
      </c>
      <c r="B136451" s="14" t="s">
        <v>1</v>
      </c>
      <c r="C136451" s="14" t="s">
        <v>596</v>
      </c>
      <c r="D136451" s="14" t="s">
        <v>60</v>
      </c>
      <c r="E136451" s="15">
        <v>45682</v>
      </c>
      <c r="F136451" s="14" t="s">
        <v>61</v>
      </c>
      <c r="G136451" s="16">
        <v>0</v>
      </c>
    </row>
    <row r="136452" spans="1:7" x14ac:dyDescent="0.3">
      <c r="A136452" s="13" t="s">
        <v>611</v>
      </c>
      <c r="B136452" s="14" t="s">
        <v>1</v>
      </c>
      <c r="C136452" s="14" t="s">
        <v>596</v>
      </c>
      <c r="D136452" s="14" t="s">
        <v>60</v>
      </c>
      <c r="E136452" s="15">
        <v>45683</v>
      </c>
      <c r="F136452" s="14" t="s">
        <v>61</v>
      </c>
      <c r="G136452" s="16">
        <v>0</v>
      </c>
    </row>
    <row r="136453" spans="1:7" x14ac:dyDescent="0.3">
      <c r="A136453" s="13" t="s">
        <v>611</v>
      </c>
      <c r="B136453" s="14" t="s">
        <v>1</v>
      </c>
      <c r="C136453" s="14" t="s">
        <v>596</v>
      </c>
      <c r="D136453" s="14" t="s">
        <v>60</v>
      </c>
      <c r="E136453" s="15">
        <v>45684</v>
      </c>
      <c r="F136453" s="14" t="s">
        <v>61</v>
      </c>
      <c r="G136453" s="16">
        <v>0</v>
      </c>
    </row>
    <row r="136454" spans="1:7" x14ac:dyDescent="0.3">
      <c r="A136454" s="13" t="s">
        <v>611</v>
      </c>
      <c r="B136454" s="14" t="s">
        <v>1</v>
      </c>
      <c r="C136454" s="14" t="s">
        <v>596</v>
      </c>
      <c r="D136454" s="14" t="s">
        <v>60</v>
      </c>
      <c r="E136454" s="15">
        <v>45685</v>
      </c>
      <c r="F136454" s="14" t="s">
        <v>61</v>
      </c>
      <c r="G136454" s="16">
        <v>0</v>
      </c>
    </row>
    <row r="136455" spans="1:7" x14ac:dyDescent="0.3">
      <c r="A136455" s="13" t="s">
        <v>611</v>
      </c>
      <c r="B136455" s="14" t="s">
        <v>1</v>
      </c>
      <c r="C136455" s="14" t="s">
        <v>596</v>
      </c>
      <c r="D136455" s="14" t="s">
        <v>60</v>
      </c>
      <c r="E136455" s="15">
        <v>45686</v>
      </c>
      <c r="F136455" s="14" t="s">
        <v>61</v>
      </c>
      <c r="G136455" s="16">
        <v>0</v>
      </c>
    </row>
    <row r="136456" spans="1:7" x14ac:dyDescent="0.3">
      <c r="A136456" s="13" t="s">
        <v>611</v>
      </c>
      <c r="B136456" s="14" t="s">
        <v>1</v>
      </c>
      <c r="C136456" s="14" t="s">
        <v>596</v>
      </c>
      <c r="D136456" s="14" t="s">
        <v>60</v>
      </c>
      <c r="E136456" s="15">
        <v>45687</v>
      </c>
      <c r="F136456" s="14" t="s">
        <v>61</v>
      </c>
      <c r="G136456" s="16">
        <v>0</v>
      </c>
    </row>
    <row r="136457" spans="1:7" x14ac:dyDescent="0.3">
      <c r="A136457" s="13" t="s">
        <v>611</v>
      </c>
      <c r="B136457" s="14" t="s">
        <v>1</v>
      </c>
      <c r="C136457" s="14" t="s">
        <v>596</v>
      </c>
      <c r="D136457" s="14" t="s">
        <v>60</v>
      </c>
      <c r="E136457" s="15">
        <v>45688</v>
      </c>
      <c r="F136457" s="14" t="s">
        <v>61</v>
      </c>
      <c r="G136457" s="16">
        <v>0</v>
      </c>
    </row>
    <row r="136458" spans="1:7" x14ac:dyDescent="0.3">
      <c r="A136458" s="13" t="s">
        <v>611</v>
      </c>
      <c r="B136458" s="14" t="s">
        <v>1</v>
      </c>
      <c r="C136458" s="14" t="s">
        <v>596</v>
      </c>
      <c r="D136458" s="14" t="s">
        <v>60</v>
      </c>
      <c r="E136458" s="15">
        <v>45689</v>
      </c>
      <c r="F136458" s="14" t="s">
        <v>61</v>
      </c>
      <c r="G136458" s="16">
        <v>0</v>
      </c>
    </row>
    <row r="136459" spans="1:7" x14ac:dyDescent="0.3">
      <c r="A136459" s="13" t="s">
        <v>611</v>
      </c>
      <c r="B136459" s="14" t="s">
        <v>1</v>
      </c>
      <c r="C136459" s="14" t="s">
        <v>596</v>
      </c>
      <c r="D136459" s="14" t="s">
        <v>60</v>
      </c>
      <c r="E136459" s="15">
        <v>45690</v>
      </c>
      <c r="F136459" s="14" t="s">
        <v>61</v>
      </c>
      <c r="G136459" s="16">
        <v>0</v>
      </c>
    </row>
    <row r="136460" spans="1:7" x14ac:dyDescent="0.3">
      <c r="A136460" s="13" t="s">
        <v>611</v>
      </c>
      <c r="B136460" s="14" t="s">
        <v>1</v>
      </c>
      <c r="C136460" s="14" t="s">
        <v>596</v>
      </c>
      <c r="D136460" s="14" t="s">
        <v>60</v>
      </c>
      <c r="E136460" s="15">
        <v>45691</v>
      </c>
      <c r="F136460" s="14" t="s">
        <v>61</v>
      </c>
      <c r="G136460" s="16">
        <v>0</v>
      </c>
    </row>
    <row r="136461" spans="1:7" x14ac:dyDescent="0.3">
      <c r="A136461" s="13" t="s">
        <v>611</v>
      </c>
      <c r="B136461" s="14" t="s">
        <v>1</v>
      </c>
      <c r="C136461" s="14" t="s">
        <v>596</v>
      </c>
      <c r="D136461" s="14" t="s">
        <v>60</v>
      </c>
      <c r="E136461" s="15">
        <v>45692</v>
      </c>
      <c r="F136461" s="14" t="s">
        <v>61</v>
      </c>
      <c r="G136461" s="16">
        <v>0</v>
      </c>
    </row>
    <row r="136462" spans="1:7" x14ac:dyDescent="0.3">
      <c r="A136462" s="13" t="s">
        <v>611</v>
      </c>
      <c r="B136462" s="14" t="s">
        <v>1</v>
      </c>
      <c r="C136462" s="14" t="s">
        <v>596</v>
      </c>
      <c r="D136462" s="14" t="s">
        <v>60</v>
      </c>
      <c r="E136462" s="15">
        <v>45693</v>
      </c>
      <c r="F136462" s="14" t="s">
        <v>61</v>
      </c>
      <c r="G136462" s="16">
        <v>0</v>
      </c>
    </row>
    <row r="136463" spans="1:7" x14ac:dyDescent="0.3">
      <c r="A136463" s="13" t="s">
        <v>611</v>
      </c>
      <c r="B136463" s="14" t="s">
        <v>1</v>
      </c>
      <c r="C136463" s="14" t="s">
        <v>596</v>
      </c>
      <c r="D136463" s="14" t="s">
        <v>60</v>
      </c>
      <c r="E136463" s="15">
        <v>45694</v>
      </c>
      <c r="F136463" s="14" t="s">
        <v>61</v>
      </c>
      <c r="G136463" s="16">
        <v>0</v>
      </c>
    </row>
    <row r="136464" spans="1:7" x14ac:dyDescent="0.3">
      <c r="A136464" s="13" t="s">
        <v>611</v>
      </c>
      <c r="B136464" s="14" t="s">
        <v>1</v>
      </c>
      <c r="C136464" s="14" t="s">
        <v>596</v>
      </c>
      <c r="D136464" s="14" t="s">
        <v>60</v>
      </c>
      <c r="E136464" s="15">
        <v>45695</v>
      </c>
      <c r="F136464" s="14" t="s">
        <v>61</v>
      </c>
      <c r="G136464" s="16">
        <v>0</v>
      </c>
    </row>
    <row r="136465" spans="1:7" x14ac:dyDescent="0.3">
      <c r="A136465" s="13" t="s">
        <v>611</v>
      </c>
      <c r="B136465" s="14" t="s">
        <v>1</v>
      </c>
      <c r="C136465" s="14" t="s">
        <v>596</v>
      </c>
      <c r="D136465" s="14" t="s">
        <v>60</v>
      </c>
      <c r="E136465" s="15">
        <v>45696</v>
      </c>
      <c r="F136465" s="14" t="s">
        <v>61</v>
      </c>
      <c r="G136465" s="16">
        <v>0</v>
      </c>
    </row>
    <row r="136466" spans="1:7" x14ac:dyDescent="0.3">
      <c r="A136466" s="13" t="s">
        <v>611</v>
      </c>
      <c r="B136466" s="14" t="s">
        <v>1</v>
      </c>
      <c r="C136466" s="14" t="s">
        <v>596</v>
      </c>
      <c r="D136466" s="14" t="s">
        <v>60</v>
      </c>
      <c r="E136466" s="15">
        <v>45697</v>
      </c>
      <c r="F136466" s="14" t="s">
        <v>61</v>
      </c>
      <c r="G136466" s="16">
        <v>0</v>
      </c>
    </row>
    <row r="136467" spans="1:7" x14ac:dyDescent="0.3">
      <c r="A136467" s="13" t="s">
        <v>611</v>
      </c>
      <c r="B136467" s="14" t="s">
        <v>1</v>
      </c>
      <c r="C136467" s="14" t="s">
        <v>596</v>
      </c>
      <c r="D136467" s="14" t="s">
        <v>60</v>
      </c>
      <c r="E136467" s="15">
        <v>45698</v>
      </c>
      <c r="F136467" s="14" t="s">
        <v>61</v>
      </c>
      <c r="G136467" s="16">
        <v>0</v>
      </c>
    </row>
    <row r="136468" spans="1:7" x14ac:dyDescent="0.3">
      <c r="A136468" s="13" t="s">
        <v>611</v>
      </c>
      <c r="B136468" s="14" t="s">
        <v>1</v>
      </c>
      <c r="C136468" s="14" t="s">
        <v>596</v>
      </c>
      <c r="D136468" s="14" t="s">
        <v>60</v>
      </c>
      <c r="E136468" s="15">
        <v>45699</v>
      </c>
      <c r="F136468" s="14" t="s">
        <v>61</v>
      </c>
      <c r="G136468" s="16">
        <v>0</v>
      </c>
    </row>
    <row r="136469" spans="1:7" x14ac:dyDescent="0.3">
      <c r="A136469" s="13" t="s">
        <v>611</v>
      </c>
      <c r="B136469" s="14" t="s">
        <v>1</v>
      </c>
      <c r="C136469" s="14" t="s">
        <v>596</v>
      </c>
      <c r="D136469" s="14" t="s">
        <v>60</v>
      </c>
      <c r="E136469" s="15">
        <v>45700</v>
      </c>
      <c r="F136469" s="14" t="s">
        <v>61</v>
      </c>
      <c r="G136469" s="16">
        <v>0</v>
      </c>
    </row>
    <row r="136470" spans="1:7" x14ac:dyDescent="0.3">
      <c r="A136470" s="13" t="s">
        <v>611</v>
      </c>
      <c r="B136470" s="14" t="s">
        <v>1</v>
      </c>
      <c r="C136470" s="14" t="s">
        <v>596</v>
      </c>
      <c r="D136470" s="14" t="s">
        <v>60</v>
      </c>
      <c r="E136470" s="15">
        <v>45701</v>
      </c>
      <c r="F136470" s="14" t="s">
        <v>61</v>
      </c>
      <c r="G136470" s="16">
        <v>0</v>
      </c>
    </row>
    <row r="136471" spans="1:7" x14ac:dyDescent="0.3">
      <c r="A136471" s="13" t="s">
        <v>611</v>
      </c>
      <c r="B136471" s="14" t="s">
        <v>1</v>
      </c>
      <c r="C136471" s="14" t="s">
        <v>596</v>
      </c>
      <c r="D136471" s="14" t="s">
        <v>60</v>
      </c>
      <c r="E136471" s="15">
        <v>45702</v>
      </c>
      <c r="F136471" s="14" t="s">
        <v>61</v>
      </c>
      <c r="G136471" s="16">
        <v>0</v>
      </c>
    </row>
    <row r="136472" spans="1:7" x14ac:dyDescent="0.3">
      <c r="A136472" s="13" t="s">
        <v>611</v>
      </c>
      <c r="B136472" s="14" t="s">
        <v>1</v>
      </c>
      <c r="C136472" s="14" t="s">
        <v>596</v>
      </c>
      <c r="D136472" s="14" t="s">
        <v>60</v>
      </c>
      <c r="E136472" s="15">
        <v>45703</v>
      </c>
      <c r="F136472" s="14" t="s">
        <v>61</v>
      </c>
      <c r="G136472" s="16">
        <v>0</v>
      </c>
    </row>
    <row r="136473" spans="1:7" x14ac:dyDescent="0.3">
      <c r="A136473" s="13" t="s">
        <v>611</v>
      </c>
      <c r="B136473" s="14" t="s">
        <v>1</v>
      </c>
      <c r="C136473" s="14" t="s">
        <v>596</v>
      </c>
      <c r="D136473" s="14" t="s">
        <v>60</v>
      </c>
      <c r="E136473" s="15">
        <v>45704</v>
      </c>
      <c r="F136473" s="14" t="s">
        <v>61</v>
      </c>
      <c r="G136473" s="16">
        <v>0</v>
      </c>
    </row>
    <row r="136474" spans="1:7" x14ac:dyDescent="0.3">
      <c r="A136474" s="13" t="s">
        <v>611</v>
      </c>
      <c r="B136474" s="14" t="s">
        <v>1</v>
      </c>
      <c r="C136474" s="14" t="s">
        <v>596</v>
      </c>
      <c r="D136474" s="14" t="s">
        <v>60</v>
      </c>
      <c r="E136474" s="15">
        <v>45705</v>
      </c>
      <c r="F136474" s="14" t="s">
        <v>61</v>
      </c>
      <c r="G136474" s="16">
        <v>0</v>
      </c>
    </row>
    <row r="136475" spans="1:7" x14ac:dyDescent="0.3">
      <c r="A136475" s="13" t="s">
        <v>611</v>
      </c>
      <c r="B136475" s="14" t="s">
        <v>1</v>
      </c>
      <c r="C136475" s="14" t="s">
        <v>596</v>
      </c>
      <c r="D136475" s="14" t="s">
        <v>60</v>
      </c>
      <c r="E136475" s="15">
        <v>45706</v>
      </c>
      <c r="F136475" s="14" t="s">
        <v>61</v>
      </c>
      <c r="G136475" s="16">
        <v>0</v>
      </c>
    </row>
    <row r="136476" spans="1:7" x14ac:dyDescent="0.3">
      <c r="A136476" s="13" t="s">
        <v>611</v>
      </c>
      <c r="B136476" s="14" t="s">
        <v>1</v>
      </c>
      <c r="C136476" s="14" t="s">
        <v>596</v>
      </c>
      <c r="D136476" s="14" t="s">
        <v>60</v>
      </c>
      <c r="E136476" s="15">
        <v>45707</v>
      </c>
      <c r="F136476" s="14" t="s">
        <v>61</v>
      </c>
      <c r="G136476" s="16">
        <v>0</v>
      </c>
    </row>
    <row r="136477" spans="1:7" x14ac:dyDescent="0.3">
      <c r="A136477" s="13" t="s">
        <v>611</v>
      </c>
      <c r="B136477" s="14" t="s">
        <v>1</v>
      </c>
      <c r="C136477" s="14" t="s">
        <v>596</v>
      </c>
      <c r="D136477" s="14" t="s">
        <v>60</v>
      </c>
      <c r="E136477" s="15">
        <v>45708</v>
      </c>
      <c r="F136477" s="14" t="s">
        <v>61</v>
      </c>
      <c r="G136477" s="16">
        <v>0</v>
      </c>
    </row>
    <row r="136478" spans="1:7" x14ac:dyDescent="0.3">
      <c r="A136478" s="13" t="s">
        <v>611</v>
      </c>
      <c r="B136478" s="14" t="s">
        <v>1</v>
      </c>
      <c r="C136478" s="14" t="s">
        <v>596</v>
      </c>
      <c r="D136478" s="14" t="s">
        <v>60</v>
      </c>
      <c r="E136478" s="15">
        <v>45709</v>
      </c>
      <c r="F136478" s="14" t="s">
        <v>61</v>
      </c>
      <c r="G136478" s="16">
        <v>0</v>
      </c>
    </row>
    <row r="136479" spans="1:7" x14ac:dyDescent="0.3">
      <c r="A136479" s="13" t="s">
        <v>611</v>
      </c>
      <c r="B136479" s="14" t="s">
        <v>1</v>
      </c>
      <c r="C136479" s="14" t="s">
        <v>596</v>
      </c>
      <c r="D136479" s="14" t="s">
        <v>60</v>
      </c>
      <c r="E136479" s="15">
        <v>45710</v>
      </c>
      <c r="F136479" s="14" t="s">
        <v>61</v>
      </c>
      <c r="G136479" s="16">
        <v>0</v>
      </c>
    </row>
    <row r="136480" spans="1:7" x14ac:dyDescent="0.3">
      <c r="A136480" s="13" t="s">
        <v>611</v>
      </c>
      <c r="B136480" s="14" t="s">
        <v>1</v>
      </c>
      <c r="C136480" s="14" t="s">
        <v>596</v>
      </c>
      <c r="D136480" s="14" t="s">
        <v>60</v>
      </c>
      <c r="E136480" s="15">
        <v>45711</v>
      </c>
      <c r="F136480" s="14" t="s">
        <v>61</v>
      </c>
      <c r="G136480" s="16">
        <v>0</v>
      </c>
    </row>
    <row r="136481" spans="1:7" x14ac:dyDescent="0.3">
      <c r="A136481" s="13" t="s">
        <v>611</v>
      </c>
      <c r="B136481" s="14" t="s">
        <v>1</v>
      </c>
      <c r="C136481" s="14" t="s">
        <v>596</v>
      </c>
      <c r="D136481" s="14" t="s">
        <v>60</v>
      </c>
      <c r="E136481" s="15">
        <v>45712</v>
      </c>
      <c r="F136481" s="14" t="s">
        <v>61</v>
      </c>
      <c r="G136481" s="16">
        <v>0</v>
      </c>
    </row>
    <row r="136482" spans="1:7" x14ac:dyDescent="0.3">
      <c r="A136482" s="13" t="s">
        <v>611</v>
      </c>
      <c r="B136482" s="14" t="s">
        <v>1</v>
      </c>
      <c r="C136482" s="14" t="s">
        <v>596</v>
      </c>
      <c r="D136482" s="14" t="s">
        <v>60</v>
      </c>
      <c r="E136482" s="15">
        <v>45713</v>
      </c>
      <c r="F136482" s="14" t="s">
        <v>61</v>
      </c>
      <c r="G136482" s="16">
        <v>0</v>
      </c>
    </row>
    <row r="136483" spans="1:7" x14ac:dyDescent="0.3">
      <c r="A136483" s="13" t="s">
        <v>611</v>
      </c>
      <c r="B136483" s="14" t="s">
        <v>1</v>
      </c>
      <c r="C136483" s="14" t="s">
        <v>596</v>
      </c>
      <c r="D136483" s="14" t="s">
        <v>60</v>
      </c>
      <c r="E136483" s="15">
        <v>45714</v>
      </c>
      <c r="F136483" s="14" t="s">
        <v>61</v>
      </c>
      <c r="G136483" s="16">
        <v>0</v>
      </c>
    </row>
    <row r="136484" spans="1:7" x14ac:dyDescent="0.3">
      <c r="A136484" s="13" t="s">
        <v>611</v>
      </c>
      <c r="B136484" s="14" t="s">
        <v>1</v>
      </c>
      <c r="C136484" s="14" t="s">
        <v>596</v>
      </c>
      <c r="D136484" s="14" t="s">
        <v>60</v>
      </c>
      <c r="E136484" s="15">
        <v>45715</v>
      </c>
      <c r="F136484" s="14" t="s">
        <v>61</v>
      </c>
      <c r="G136484" s="16">
        <v>0</v>
      </c>
    </row>
    <row r="136485" spans="1:7" x14ac:dyDescent="0.3">
      <c r="A136485" s="13" t="s">
        <v>611</v>
      </c>
      <c r="B136485" s="14" t="s">
        <v>1</v>
      </c>
      <c r="C136485" s="14" t="s">
        <v>596</v>
      </c>
      <c r="D136485" s="14" t="s">
        <v>60</v>
      </c>
      <c r="E136485" s="15">
        <v>45716</v>
      </c>
      <c r="F136485" s="14" t="s">
        <v>61</v>
      </c>
      <c r="G136485" s="16">
        <v>0</v>
      </c>
    </row>
    <row r="136486" spans="1:7" x14ac:dyDescent="0.3">
      <c r="A136486" s="13" t="s">
        <v>611</v>
      </c>
      <c r="B136486" s="14" t="s">
        <v>1</v>
      </c>
      <c r="C136486" s="14" t="s">
        <v>596</v>
      </c>
      <c r="D136486" s="14" t="s">
        <v>60</v>
      </c>
      <c r="E136486" s="15">
        <v>45717</v>
      </c>
      <c r="F136486" s="14" t="s">
        <v>61</v>
      </c>
      <c r="G136486" s="16">
        <v>0</v>
      </c>
    </row>
    <row r="136487" spans="1:7" x14ac:dyDescent="0.3">
      <c r="A136487" s="13" t="s">
        <v>611</v>
      </c>
      <c r="B136487" s="14" t="s">
        <v>1</v>
      </c>
      <c r="C136487" s="14" t="s">
        <v>596</v>
      </c>
      <c r="D136487" s="14" t="s">
        <v>60</v>
      </c>
      <c r="E136487" s="15">
        <v>45718</v>
      </c>
      <c r="F136487" s="14" t="s">
        <v>61</v>
      </c>
      <c r="G136487" s="16">
        <v>0</v>
      </c>
    </row>
    <row r="136488" spans="1:7" x14ac:dyDescent="0.3">
      <c r="A136488" s="13" t="s">
        <v>611</v>
      </c>
      <c r="B136488" s="14" t="s">
        <v>1</v>
      </c>
      <c r="C136488" s="14" t="s">
        <v>596</v>
      </c>
      <c r="D136488" s="14" t="s">
        <v>60</v>
      </c>
      <c r="E136488" s="15">
        <v>45719</v>
      </c>
      <c r="F136488" s="14" t="s">
        <v>61</v>
      </c>
      <c r="G136488" s="16">
        <v>0</v>
      </c>
    </row>
    <row r="136489" spans="1:7" x14ac:dyDescent="0.3">
      <c r="A136489" s="13" t="s">
        <v>611</v>
      </c>
      <c r="B136489" s="14" t="s">
        <v>1</v>
      </c>
      <c r="C136489" s="14" t="s">
        <v>596</v>
      </c>
      <c r="D136489" s="14" t="s">
        <v>60</v>
      </c>
      <c r="E136489" s="15">
        <v>45720</v>
      </c>
      <c r="F136489" s="14" t="s">
        <v>61</v>
      </c>
      <c r="G136489" s="16">
        <v>0</v>
      </c>
    </row>
    <row r="136490" spans="1:7" x14ac:dyDescent="0.3">
      <c r="A136490" s="13" t="s">
        <v>611</v>
      </c>
      <c r="B136490" s="14" t="s">
        <v>1</v>
      </c>
      <c r="C136490" s="14" t="s">
        <v>596</v>
      </c>
      <c r="D136490" s="14" t="s">
        <v>60</v>
      </c>
      <c r="E136490" s="15">
        <v>45721</v>
      </c>
      <c r="F136490" s="14" t="s">
        <v>61</v>
      </c>
      <c r="G136490" s="16">
        <v>0</v>
      </c>
    </row>
    <row r="136491" spans="1:7" x14ac:dyDescent="0.3">
      <c r="A136491" s="13" t="s">
        <v>611</v>
      </c>
      <c r="B136491" s="14" t="s">
        <v>1</v>
      </c>
      <c r="C136491" s="14" t="s">
        <v>596</v>
      </c>
      <c r="D136491" s="14" t="s">
        <v>60</v>
      </c>
      <c r="E136491" s="15">
        <v>45722</v>
      </c>
      <c r="F136491" s="14" t="s">
        <v>61</v>
      </c>
      <c r="G136491" s="16">
        <v>0</v>
      </c>
    </row>
    <row r="136492" spans="1:7" x14ac:dyDescent="0.3">
      <c r="A136492" s="13" t="s">
        <v>611</v>
      </c>
      <c r="B136492" s="14" t="s">
        <v>1</v>
      </c>
      <c r="C136492" s="14" t="s">
        <v>596</v>
      </c>
      <c r="D136492" s="14" t="s">
        <v>60</v>
      </c>
      <c r="E136492" s="15">
        <v>45723</v>
      </c>
      <c r="F136492" s="14" t="s">
        <v>61</v>
      </c>
      <c r="G136492" s="16">
        <v>0</v>
      </c>
    </row>
    <row r="136493" spans="1:7" x14ac:dyDescent="0.3">
      <c r="A136493" s="13" t="s">
        <v>611</v>
      </c>
      <c r="B136493" s="14" t="s">
        <v>1</v>
      </c>
      <c r="C136493" s="14" t="s">
        <v>596</v>
      </c>
      <c r="D136493" s="14" t="s">
        <v>60</v>
      </c>
      <c r="E136493" s="15">
        <v>45724</v>
      </c>
      <c r="F136493" s="14" t="s">
        <v>61</v>
      </c>
      <c r="G136493" s="16">
        <v>0</v>
      </c>
    </row>
    <row r="136494" spans="1:7" x14ac:dyDescent="0.3">
      <c r="A136494" s="13" t="s">
        <v>611</v>
      </c>
      <c r="B136494" s="14" t="s">
        <v>1</v>
      </c>
      <c r="C136494" s="14" t="s">
        <v>596</v>
      </c>
      <c r="D136494" s="14" t="s">
        <v>60</v>
      </c>
      <c r="E136494" s="15">
        <v>45725</v>
      </c>
      <c r="F136494" s="14" t="s">
        <v>61</v>
      </c>
      <c r="G136494" s="16">
        <v>0</v>
      </c>
    </row>
    <row r="136495" spans="1:7" x14ac:dyDescent="0.3">
      <c r="A136495" s="13" t="s">
        <v>611</v>
      </c>
      <c r="B136495" s="14" t="s">
        <v>1</v>
      </c>
      <c r="C136495" s="14" t="s">
        <v>596</v>
      </c>
      <c r="D136495" s="14" t="s">
        <v>60</v>
      </c>
      <c r="E136495" s="15">
        <v>45726</v>
      </c>
      <c r="F136495" s="14" t="s">
        <v>61</v>
      </c>
      <c r="G136495" s="16">
        <v>0</v>
      </c>
    </row>
    <row r="136496" spans="1:7" x14ac:dyDescent="0.3">
      <c r="A136496" s="13" t="s">
        <v>611</v>
      </c>
      <c r="B136496" s="14" t="s">
        <v>1</v>
      </c>
      <c r="C136496" s="14" t="s">
        <v>596</v>
      </c>
      <c r="D136496" s="14" t="s">
        <v>60</v>
      </c>
      <c r="E136496" s="15">
        <v>45727</v>
      </c>
      <c r="F136496" s="14" t="s">
        <v>61</v>
      </c>
      <c r="G136496" s="16">
        <v>0</v>
      </c>
    </row>
    <row r="136497" spans="1:7" x14ac:dyDescent="0.3">
      <c r="A136497" s="13" t="s">
        <v>611</v>
      </c>
      <c r="B136497" s="14" t="s">
        <v>1</v>
      </c>
      <c r="C136497" s="14" t="s">
        <v>596</v>
      </c>
      <c r="D136497" s="14" t="s">
        <v>60</v>
      </c>
      <c r="E136497" s="15">
        <v>45728</v>
      </c>
      <c r="F136497" s="14" t="s">
        <v>61</v>
      </c>
      <c r="G136497" s="16">
        <v>0</v>
      </c>
    </row>
    <row r="136498" spans="1:7" x14ac:dyDescent="0.3">
      <c r="A136498" s="13" t="s">
        <v>611</v>
      </c>
      <c r="B136498" s="14" t="s">
        <v>1</v>
      </c>
      <c r="C136498" s="14" t="s">
        <v>596</v>
      </c>
      <c r="D136498" s="14" t="s">
        <v>60</v>
      </c>
      <c r="E136498" s="15">
        <v>45729</v>
      </c>
      <c r="F136498" s="14" t="s">
        <v>61</v>
      </c>
      <c r="G136498" s="16">
        <v>0</v>
      </c>
    </row>
    <row r="136499" spans="1:7" x14ac:dyDescent="0.3">
      <c r="A136499" s="13" t="s">
        <v>611</v>
      </c>
      <c r="B136499" s="14" t="s">
        <v>1</v>
      </c>
      <c r="C136499" s="14" t="s">
        <v>596</v>
      </c>
      <c r="D136499" s="14" t="s">
        <v>60</v>
      </c>
      <c r="E136499" s="15">
        <v>45730</v>
      </c>
      <c r="F136499" s="14" t="s">
        <v>61</v>
      </c>
      <c r="G136499" s="16">
        <v>0</v>
      </c>
    </row>
    <row r="136500" spans="1:7" x14ac:dyDescent="0.3">
      <c r="A136500" s="13" t="s">
        <v>611</v>
      </c>
      <c r="B136500" s="14" t="s">
        <v>1</v>
      </c>
      <c r="C136500" s="14" t="s">
        <v>596</v>
      </c>
      <c r="D136500" s="14" t="s">
        <v>60</v>
      </c>
      <c r="E136500" s="15">
        <v>45731</v>
      </c>
      <c r="F136500" s="14" t="s">
        <v>61</v>
      </c>
      <c r="G136500" s="16">
        <v>0</v>
      </c>
    </row>
    <row r="136501" spans="1:7" x14ac:dyDescent="0.3">
      <c r="A136501" s="13" t="s">
        <v>611</v>
      </c>
      <c r="B136501" s="14" t="s">
        <v>1</v>
      </c>
      <c r="C136501" s="14" t="s">
        <v>596</v>
      </c>
      <c r="D136501" s="14" t="s">
        <v>60</v>
      </c>
      <c r="E136501" s="15">
        <v>45732</v>
      </c>
      <c r="F136501" s="14" t="s">
        <v>61</v>
      </c>
      <c r="G136501" s="16">
        <v>0</v>
      </c>
    </row>
    <row r="136502" spans="1:7" x14ac:dyDescent="0.3">
      <c r="A136502" s="13" t="s">
        <v>611</v>
      </c>
      <c r="B136502" s="14" t="s">
        <v>1</v>
      </c>
      <c r="C136502" s="14" t="s">
        <v>596</v>
      </c>
      <c r="D136502" s="14" t="s">
        <v>60</v>
      </c>
      <c r="E136502" s="15">
        <v>45733</v>
      </c>
      <c r="F136502" s="14" t="s">
        <v>61</v>
      </c>
      <c r="G136502" s="16">
        <v>0</v>
      </c>
    </row>
    <row r="136503" spans="1:7" x14ac:dyDescent="0.3">
      <c r="A136503" s="13" t="s">
        <v>611</v>
      </c>
      <c r="B136503" s="14" t="s">
        <v>1</v>
      </c>
      <c r="C136503" s="14" t="s">
        <v>596</v>
      </c>
      <c r="D136503" s="14" t="s">
        <v>60</v>
      </c>
      <c r="E136503" s="15">
        <v>45734</v>
      </c>
      <c r="F136503" s="14" t="s">
        <v>61</v>
      </c>
      <c r="G136503" s="16">
        <v>0</v>
      </c>
    </row>
    <row r="136504" spans="1:7" x14ac:dyDescent="0.3">
      <c r="A136504" s="13" t="s">
        <v>611</v>
      </c>
      <c r="B136504" s="14" t="s">
        <v>1</v>
      </c>
      <c r="C136504" s="14" t="s">
        <v>596</v>
      </c>
      <c r="D136504" s="14" t="s">
        <v>60</v>
      </c>
      <c r="E136504" s="15">
        <v>45735</v>
      </c>
      <c r="F136504" s="14" t="s">
        <v>61</v>
      </c>
      <c r="G136504" s="16">
        <v>0</v>
      </c>
    </row>
    <row r="136505" spans="1:7" x14ac:dyDescent="0.3">
      <c r="A136505" s="13" t="s">
        <v>611</v>
      </c>
      <c r="B136505" s="14" t="s">
        <v>1</v>
      </c>
      <c r="C136505" s="14" t="s">
        <v>596</v>
      </c>
      <c r="D136505" s="14" t="s">
        <v>60</v>
      </c>
      <c r="E136505" s="15">
        <v>45736</v>
      </c>
      <c r="F136505" s="14" t="s">
        <v>61</v>
      </c>
      <c r="G136505" s="16">
        <v>0</v>
      </c>
    </row>
    <row r="136506" spans="1:7" x14ac:dyDescent="0.3">
      <c r="A136506" s="13" t="s">
        <v>611</v>
      </c>
      <c r="B136506" s="14" t="s">
        <v>1</v>
      </c>
      <c r="C136506" s="14" t="s">
        <v>596</v>
      </c>
      <c r="D136506" s="14" t="s">
        <v>60</v>
      </c>
      <c r="E136506" s="15">
        <v>45737</v>
      </c>
      <c r="F136506" s="14" t="s">
        <v>61</v>
      </c>
      <c r="G136506" s="16">
        <v>0</v>
      </c>
    </row>
    <row r="136507" spans="1:7" x14ac:dyDescent="0.3">
      <c r="A136507" s="13" t="s">
        <v>611</v>
      </c>
      <c r="B136507" s="14" t="s">
        <v>1</v>
      </c>
      <c r="C136507" s="14" t="s">
        <v>596</v>
      </c>
      <c r="D136507" s="14" t="s">
        <v>60</v>
      </c>
      <c r="E136507" s="15">
        <v>45738</v>
      </c>
      <c r="F136507" s="14" t="s">
        <v>61</v>
      </c>
      <c r="G136507" s="16">
        <v>0</v>
      </c>
    </row>
    <row r="136508" spans="1:7" x14ac:dyDescent="0.3">
      <c r="A136508" s="13" t="s">
        <v>611</v>
      </c>
      <c r="B136508" s="14" t="s">
        <v>1</v>
      </c>
      <c r="C136508" s="14" t="s">
        <v>596</v>
      </c>
      <c r="D136508" s="14" t="s">
        <v>60</v>
      </c>
      <c r="E136508" s="15">
        <v>45739</v>
      </c>
      <c r="F136508" s="14" t="s">
        <v>61</v>
      </c>
      <c r="G136508" s="16">
        <v>0</v>
      </c>
    </row>
    <row r="136509" spans="1:7" x14ac:dyDescent="0.3">
      <c r="A136509" s="13" t="s">
        <v>611</v>
      </c>
      <c r="B136509" s="14" t="s">
        <v>1</v>
      </c>
      <c r="C136509" s="14" t="s">
        <v>596</v>
      </c>
      <c r="D136509" s="14" t="s">
        <v>60</v>
      </c>
      <c r="E136509" s="15">
        <v>45740</v>
      </c>
      <c r="F136509" s="14" t="s">
        <v>61</v>
      </c>
      <c r="G136509" s="16">
        <v>0</v>
      </c>
    </row>
    <row r="136510" spans="1:7" x14ac:dyDescent="0.3">
      <c r="A136510" s="13" t="s">
        <v>611</v>
      </c>
      <c r="B136510" s="14" t="s">
        <v>1</v>
      </c>
      <c r="C136510" s="14" t="s">
        <v>596</v>
      </c>
      <c r="D136510" s="14" t="s">
        <v>60</v>
      </c>
      <c r="E136510" s="15">
        <v>45741</v>
      </c>
      <c r="F136510" s="14" t="s">
        <v>61</v>
      </c>
      <c r="G136510" s="16">
        <v>0</v>
      </c>
    </row>
    <row r="136511" spans="1:7" x14ac:dyDescent="0.3">
      <c r="A136511" s="13" t="s">
        <v>611</v>
      </c>
      <c r="B136511" s="14" t="s">
        <v>1</v>
      </c>
      <c r="C136511" s="14" t="s">
        <v>596</v>
      </c>
      <c r="D136511" s="14" t="s">
        <v>60</v>
      </c>
      <c r="E136511" s="15">
        <v>45742</v>
      </c>
      <c r="F136511" s="14" t="s">
        <v>61</v>
      </c>
      <c r="G136511" s="16">
        <v>0</v>
      </c>
    </row>
    <row r="136512" spans="1:7" x14ac:dyDescent="0.3">
      <c r="A136512" s="13" t="s">
        <v>611</v>
      </c>
      <c r="B136512" s="14" t="s">
        <v>1</v>
      </c>
      <c r="C136512" s="14" t="s">
        <v>596</v>
      </c>
      <c r="D136512" s="14" t="s">
        <v>60</v>
      </c>
      <c r="E136512" s="15">
        <v>45743</v>
      </c>
      <c r="F136512" s="14" t="s">
        <v>61</v>
      </c>
      <c r="G136512" s="16">
        <v>0</v>
      </c>
    </row>
    <row r="136513" spans="1:7" x14ac:dyDescent="0.3">
      <c r="A136513" s="13" t="s">
        <v>611</v>
      </c>
      <c r="B136513" s="14" t="s">
        <v>1</v>
      </c>
      <c r="C136513" s="14" t="s">
        <v>596</v>
      </c>
      <c r="D136513" s="14" t="s">
        <v>60</v>
      </c>
      <c r="E136513" s="15">
        <v>45744</v>
      </c>
      <c r="F136513" s="14" t="s">
        <v>61</v>
      </c>
      <c r="G136513" s="16">
        <v>0</v>
      </c>
    </row>
    <row r="136514" spans="1:7" x14ac:dyDescent="0.3">
      <c r="A136514" s="13" t="s">
        <v>611</v>
      </c>
      <c r="B136514" s="14" t="s">
        <v>1</v>
      </c>
      <c r="C136514" s="14" t="s">
        <v>596</v>
      </c>
      <c r="D136514" s="14" t="s">
        <v>60</v>
      </c>
      <c r="E136514" s="15">
        <v>45745</v>
      </c>
      <c r="F136514" s="14" t="s">
        <v>61</v>
      </c>
      <c r="G136514" s="16">
        <v>0</v>
      </c>
    </row>
    <row r="136515" spans="1:7" x14ac:dyDescent="0.3">
      <c r="A136515" s="13" t="s">
        <v>611</v>
      </c>
      <c r="B136515" s="14" t="s">
        <v>1</v>
      </c>
      <c r="C136515" s="14" t="s">
        <v>596</v>
      </c>
      <c r="D136515" s="14" t="s">
        <v>60</v>
      </c>
      <c r="E136515" s="15">
        <v>45746</v>
      </c>
      <c r="F136515" s="14" t="s">
        <v>61</v>
      </c>
      <c r="G136515" s="16">
        <v>0</v>
      </c>
    </row>
    <row r="136516" spans="1:7" x14ac:dyDescent="0.3">
      <c r="A136516" s="13" t="s">
        <v>611</v>
      </c>
      <c r="B136516" s="14" t="s">
        <v>1</v>
      </c>
      <c r="C136516" s="14" t="s">
        <v>596</v>
      </c>
      <c r="D136516" s="14" t="s">
        <v>60</v>
      </c>
      <c r="E136516" s="15">
        <v>45747</v>
      </c>
      <c r="F136516" s="14" t="s">
        <v>61</v>
      </c>
      <c r="G136516" s="16">
        <v>0</v>
      </c>
    </row>
    <row r="136517" spans="1:7" x14ac:dyDescent="0.3">
      <c r="A136517" s="13" t="s">
        <v>612</v>
      </c>
      <c r="B136517" s="14" t="s">
        <v>1</v>
      </c>
      <c r="C136517" s="14" t="s">
        <v>596</v>
      </c>
      <c r="D136517" s="14" t="s">
        <v>155</v>
      </c>
      <c r="E136517" s="15">
        <v>45383</v>
      </c>
      <c r="F136517" s="14" t="s">
        <v>25</v>
      </c>
      <c r="G136517" s="16">
        <v>0</v>
      </c>
    </row>
    <row r="136518" spans="1:7" x14ac:dyDescent="0.3">
      <c r="A136518" s="13" t="s">
        <v>612</v>
      </c>
      <c r="B136518" s="14" t="s">
        <v>1</v>
      </c>
      <c r="C136518" s="14" t="s">
        <v>596</v>
      </c>
      <c r="D136518" s="14" t="s">
        <v>155</v>
      </c>
      <c r="E136518" s="15">
        <v>45384</v>
      </c>
      <c r="F136518" s="14" t="s">
        <v>25</v>
      </c>
      <c r="G136518" s="16">
        <v>0</v>
      </c>
    </row>
    <row r="136519" spans="1:7" x14ac:dyDescent="0.3">
      <c r="A136519" s="13" t="s">
        <v>612</v>
      </c>
      <c r="B136519" s="14" t="s">
        <v>1</v>
      </c>
      <c r="C136519" s="14" t="s">
        <v>596</v>
      </c>
      <c r="D136519" s="14" t="s">
        <v>155</v>
      </c>
      <c r="E136519" s="15">
        <v>45385</v>
      </c>
      <c r="F136519" s="14" t="s">
        <v>25</v>
      </c>
      <c r="G136519" s="16">
        <v>0</v>
      </c>
    </row>
    <row r="136520" spans="1:7" x14ac:dyDescent="0.3">
      <c r="A136520" s="13" t="s">
        <v>612</v>
      </c>
      <c r="B136520" s="14" t="s">
        <v>1</v>
      </c>
      <c r="C136520" s="14" t="s">
        <v>596</v>
      </c>
      <c r="D136520" s="14" t="s">
        <v>155</v>
      </c>
      <c r="E136520" s="15">
        <v>45386</v>
      </c>
      <c r="F136520" s="14" t="s">
        <v>25</v>
      </c>
      <c r="G136520" s="16">
        <v>0</v>
      </c>
    </row>
    <row r="136521" spans="1:7" x14ac:dyDescent="0.3">
      <c r="A136521" s="13" t="s">
        <v>612</v>
      </c>
      <c r="B136521" s="14" t="s">
        <v>1</v>
      </c>
      <c r="C136521" s="14" t="s">
        <v>596</v>
      </c>
      <c r="D136521" s="14" t="s">
        <v>155</v>
      </c>
      <c r="E136521" s="15">
        <v>45387</v>
      </c>
      <c r="F136521" s="14" t="s">
        <v>25</v>
      </c>
      <c r="G136521" s="16">
        <v>0</v>
      </c>
    </row>
    <row r="136522" spans="1:7" x14ac:dyDescent="0.3">
      <c r="A136522" s="13" t="s">
        <v>612</v>
      </c>
      <c r="B136522" s="14" t="s">
        <v>1</v>
      </c>
      <c r="C136522" s="14" t="s">
        <v>596</v>
      </c>
      <c r="D136522" s="14" t="s">
        <v>155</v>
      </c>
      <c r="E136522" s="15">
        <v>45388</v>
      </c>
      <c r="F136522" s="14" t="s">
        <v>25</v>
      </c>
      <c r="G136522" s="16">
        <v>0</v>
      </c>
    </row>
    <row r="136523" spans="1:7" x14ac:dyDescent="0.3">
      <c r="A136523" s="13" t="s">
        <v>612</v>
      </c>
      <c r="B136523" s="14" t="s">
        <v>1</v>
      </c>
      <c r="C136523" s="14" t="s">
        <v>596</v>
      </c>
      <c r="D136523" s="14" t="s">
        <v>155</v>
      </c>
      <c r="E136523" s="15">
        <v>45389</v>
      </c>
      <c r="F136523" s="14" t="s">
        <v>25</v>
      </c>
      <c r="G136523" s="16">
        <v>0</v>
      </c>
    </row>
    <row r="136524" spans="1:7" x14ac:dyDescent="0.3">
      <c r="A136524" s="13" t="s">
        <v>612</v>
      </c>
      <c r="B136524" s="14" t="s">
        <v>1</v>
      </c>
      <c r="C136524" s="14" t="s">
        <v>596</v>
      </c>
      <c r="D136524" s="14" t="s">
        <v>155</v>
      </c>
      <c r="E136524" s="15">
        <v>45390</v>
      </c>
      <c r="F136524" s="14" t="s">
        <v>25</v>
      </c>
      <c r="G136524" s="16">
        <v>0</v>
      </c>
    </row>
    <row r="136525" spans="1:7" x14ac:dyDescent="0.3">
      <c r="A136525" s="13" t="s">
        <v>612</v>
      </c>
      <c r="B136525" s="14" t="s">
        <v>1</v>
      </c>
      <c r="C136525" s="14" t="s">
        <v>596</v>
      </c>
      <c r="D136525" s="14" t="s">
        <v>155</v>
      </c>
      <c r="E136525" s="15">
        <v>45391</v>
      </c>
      <c r="F136525" s="14" t="s">
        <v>25</v>
      </c>
      <c r="G136525" s="16">
        <v>0</v>
      </c>
    </row>
    <row r="136526" spans="1:7" x14ac:dyDescent="0.3">
      <c r="A136526" s="13" t="s">
        <v>612</v>
      </c>
      <c r="B136526" s="14" t="s">
        <v>1</v>
      </c>
      <c r="C136526" s="14" t="s">
        <v>596</v>
      </c>
      <c r="D136526" s="14" t="s">
        <v>155</v>
      </c>
      <c r="E136526" s="15">
        <v>45392</v>
      </c>
      <c r="F136526" s="14" t="s">
        <v>25</v>
      </c>
      <c r="G136526" s="16">
        <v>0</v>
      </c>
    </row>
    <row r="136527" spans="1:7" x14ac:dyDescent="0.3">
      <c r="A136527" s="13" t="s">
        <v>612</v>
      </c>
      <c r="B136527" s="14" t="s">
        <v>1</v>
      </c>
      <c r="C136527" s="14" t="s">
        <v>596</v>
      </c>
      <c r="D136527" s="14" t="s">
        <v>155</v>
      </c>
      <c r="E136527" s="15">
        <v>45393</v>
      </c>
      <c r="F136527" s="14" t="s">
        <v>25</v>
      </c>
      <c r="G136527" s="16">
        <v>0</v>
      </c>
    </row>
    <row r="136528" spans="1:7" x14ac:dyDescent="0.3">
      <c r="A136528" s="13" t="s">
        <v>612</v>
      </c>
      <c r="B136528" s="14" t="s">
        <v>1</v>
      </c>
      <c r="C136528" s="14" t="s">
        <v>596</v>
      </c>
      <c r="D136528" s="14" t="s">
        <v>155</v>
      </c>
      <c r="E136528" s="15">
        <v>45394</v>
      </c>
      <c r="F136528" s="14" t="s">
        <v>25</v>
      </c>
      <c r="G136528" s="16">
        <v>0</v>
      </c>
    </row>
    <row r="136529" spans="1:7" x14ac:dyDescent="0.3">
      <c r="A136529" s="13" t="s">
        <v>612</v>
      </c>
      <c r="B136529" s="14" t="s">
        <v>1</v>
      </c>
      <c r="C136529" s="14" t="s">
        <v>596</v>
      </c>
      <c r="D136529" s="14" t="s">
        <v>155</v>
      </c>
      <c r="E136529" s="15">
        <v>45395</v>
      </c>
      <c r="F136529" s="14" t="s">
        <v>25</v>
      </c>
      <c r="G136529" s="16">
        <v>0</v>
      </c>
    </row>
    <row r="136530" spans="1:7" x14ac:dyDescent="0.3">
      <c r="A136530" s="13" t="s">
        <v>612</v>
      </c>
      <c r="B136530" s="14" t="s">
        <v>1</v>
      </c>
      <c r="C136530" s="14" t="s">
        <v>596</v>
      </c>
      <c r="D136530" s="14" t="s">
        <v>155</v>
      </c>
      <c r="E136530" s="15">
        <v>45396</v>
      </c>
      <c r="F136530" s="14" t="s">
        <v>25</v>
      </c>
      <c r="G136530" s="16">
        <v>0</v>
      </c>
    </row>
    <row r="136531" spans="1:7" x14ac:dyDescent="0.3">
      <c r="A136531" s="13" t="s">
        <v>612</v>
      </c>
      <c r="B136531" s="14" t="s">
        <v>1</v>
      </c>
      <c r="C136531" s="14" t="s">
        <v>596</v>
      </c>
      <c r="D136531" s="14" t="s">
        <v>155</v>
      </c>
      <c r="E136531" s="15">
        <v>45397</v>
      </c>
      <c r="F136531" s="14" t="s">
        <v>25</v>
      </c>
      <c r="G136531" s="16">
        <v>0</v>
      </c>
    </row>
    <row r="136532" spans="1:7" x14ac:dyDescent="0.3">
      <c r="A136532" s="13" t="s">
        <v>612</v>
      </c>
      <c r="B136532" s="14" t="s">
        <v>1</v>
      </c>
      <c r="C136532" s="14" t="s">
        <v>596</v>
      </c>
      <c r="D136532" s="14" t="s">
        <v>155</v>
      </c>
      <c r="E136532" s="15">
        <v>45398</v>
      </c>
      <c r="F136532" s="14" t="s">
        <v>25</v>
      </c>
      <c r="G136532" s="16">
        <v>0</v>
      </c>
    </row>
    <row r="136533" spans="1:7" x14ac:dyDescent="0.3">
      <c r="A136533" s="13" t="s">
        <v>612</v>
      </c>
      <c r="B136533" s="14" t="s">
        <v>1</v>
      </c>
      <c r="C136533" s="14" t="s">
        <v>596</v>
      </c>
      <c r="D136533" s="14" t="s">
        <v>155</v>
      </c>
      <c r="E136533" s="15">
        <v>45399</v>
      </c>
      <c r="F136533" s="14" t="s">
        <v>25</v>
      </c>
      <c r="G136533" s="16">
        <v>0</v>
      </c>
    </row>
    <row r="136534" spans="1:7" x14ac:dyDescent="0.3">
      <c r="A136534" s="13" t="s">
        <v>612</v>
      </c>
      <c r="B136534" s="14" t="s">
        <v>1</v>
      </c>
      <c r="C136534" s="14" t="s">
        <v>596</v>
      </c>
      <c r="D136534" s="14" t="s">
        <v>155</v>
      </c>
      <c r="E136534" s="15">
        <v>45400</v>
      </c>
      <c r="F136534" s="14" t="s">
        <v>25</v>
      </c>
      <c r="G136534" s="16">
        <v>0</v>
      </c>
    </row>
    <row r="136535" spans="1:7" x14ac:dyDescent="0.3">
      <c r="A136535" s="13" t="s">
        <v>612</v>
      </c>
      <c r="B136535" s="14" t="s">
        <v>1</v>
      </c>
      <c r="C136535" s="14" t="s">
        <v>596</v>
      </c>
      <c r="D136535" s="14" t="s">
        <v>155</v>
      </c>
      <c r="E136535" s="15">
        <v>45401</v>
      </c>
      <c r="F136535" s="14" t="s">
        <v>25</v>
      </c>
      <c r="G136535" s="16">
        <v>0</v>
      </c>
    </row>
    <row r="136536" spans="1:7" x14ac:dyDescent="0.3">
      <c r="A136536" s="13" t="s">
        <v>612</v>
      </c>
      <c r="B136536" s="14" t="s">
        <v>1</v>
      </c>
      <c r="C136536" s="14" t="s">
        <v>596</v>
      </c>
      <c r="D136536" s="14" t="s">
        <v>155</v>
      </c>
      <c r="E136536" s="15">
        <v>45402</v>
      </c>
      <c r="F136536" s="14" t="s">
        <v>25</v>
      </c>
      <c r="G136536" s="16">
        <v>0</v>
      </c>
    </row>
    <row r="136537" spans="1:7" x14ac:dyDescent="0.3">
      <c r="A136537" s="13" t="s">
        <v>612</v>
      </c>
      <c r="B136537" s="14" t="s">
        <v>1</v>
      </c>
      <c r="C136537" s="14" t="s">
        <v>596</v>
      </c>
      <c r="D136537" s="14" t="s">
        <v>155</v>
      </c>
      <c r="E136537" s="15">
        <v>45403</v>
      </c>
      <c r="F136537" s="14" t="s">
        <v>25</v>
      </c>
      <c r="G136537" s="16">
        <v>0</v>
      </c>
    </row>
    <row r="136538" spans="1:7" x14ac:dyDescent="0.3">
      <c r="A136538" s="13" t="s">
        <v>612</v>
      </c>
      <c r="B136538" s="14" t="s">
        <v>1</v>
      </c>
      <c r="C136538" s="14" t="s">
        <v>596</v>
      </c>
      <c r="D136538" s="14" t="s">
        <v>155</v>
      </c>
      <c r="E136538" s="15">
        <v>45404</v>
      </c>
      <c r="F136538" s="14" t="s">
        <v>25</v>
      </c>
      <c r="G136538" s="16">
        <v>0</v>
      </c>
    </row>
    <row r="136539" spans="1:7" x14ac:dyDescent="0.3">
      <c r="A136539" s="13" t="s">
        <v>612</v>
      </c>
      <c r="B136539" s="14" t="s">
        <v>1</v>
      </c>
      <c r="C136539" s="14" t="s">
        <v>596</v>
      </c>
      <c r="D136539" s="14" t="s">
        <v>155</v>
      </c>
      <c r="E136539" s="15">
        <v>45405</v>
      </c>
      <c r="F136539" s="14" t="s">
        <v>25</v>
      </c>
      <c r="G136539" s="16">
        <v>0</v>
      </c>
    </row>
    <row r="136540" spans="1:7" x14ac:dyDescent="0.3">
      <c r="A136540" s="13" t="s">
        <v>612</v>
      </c>
      <c r="B136540" s="14" t="s">
        <v>1</v>
      </c>
      <c r="C136540" s="14" t="s">
        <v>596</v>
      </c>
      <c r="D136540" s="14" t="s">
        <v>155</v>
      </c>
      <c r="E136540" s="15">
        <v>45406</v>
      </c>
      <c r="F136540" s="14" t="s">
        <v>25</v>
      </c>
      <c r="G136540" s="16">
        <v>0</v>
      </c>
    </row>
    <row r="136541" spans="1:7" x14ac:dyDescent="0.3">
      <c r="A136541" s="13" t="s">
        <v>612</v>
      </c>
      <c r="B136541" s="14" t="s">
        <v>1</v>
      </c>
      <c r="C136541" s="14" t="s">
        <v>596</v>
      </c>
      <c r="D136541" s="14" t="s">
        <v>155</v>
      </c>
      <c r="E136541" s="15">
        <v>45407</v>
      </c>
      <c r="F136541" s="14" t="s">
        <v>25</v>
      </c>
      <c r="G136541" s="16">
        <v>0</v>
      </c>
    </row>
    <row r="136542" spans="1:7" x14ac:dyDescent="0.3">
      <c r="A136542" s="13" t="s">
        <v>612</v>
      </c>
      <c r="B136542" s="14" t="s">
        <v>1</v>
      </c>
      <c r="C136542" s="14" t="s">
        <v>596</v>
      </c>
      <c r="D136542" s="14" t="s">
        <v>155</v>
      </c>
      <c r="E136542" s="15">
        <v>45408</v>
      </c>
      <c r="F136542" s="14" t="s">
        <v>25</v>
      </c>
      <c r="G136542" s="16">
        <v>0</v>
      </c>
    </row>
    <row r="136543" spans="1:7" x14ac:dyDescent="0.3">
      <c r="A136543" s="13" t="s">
        <v>612</v>
      </c>
      <c r="B136543" s="14" t="s">
        <v>1</v>
      </c>
      <c r="C136543" s="14" t="s">
        <v>596</v>
      </c>
      <c r="D136543" s="14" t="s">
        <v>155</v>
      </c>
      <c r="E136543" s="15">
        <v>45409</v>
      </c>
      <c r="F136543" s="14" t="s">
        <v>25</v>
      </c>
      <c r="G136543" s="16">
        <v>0</v>
      </c>
    </row>
    <row r="136544" spans="1:7" x14ac:dyDescent="0.3">
      <c r="A136544" s="13" t="s">
        <v>612</v>
      </c>
      <c r="B136544" s="14" t="s">
        <v>1</v>
      </c>
      <c r="C136544" s="14" t="s">
        <v>596</v>
      </c>
      <c r="D136544" s="14" t="s">
        <v>155</v>
      </c>
      <c r="E136544" s="15">
        <v>45410</v>
      </c>
      <c r="F136544" s="14" t="s">
        <v>25</v>
      </c>
      <c r="G136544" s="16">
        <v>0</v>
      </c>
    </row>
    <row r="136545" spans="1:7" x14ac:dyDescent="0.3">
      <c r="A136545" s="13" t="s">
        <v>612</v>
      </c>
      <c r="B136545" s="14" t="s">
        <v>1</v>
      </c>
      <c r="C136545" s="14" t="s">
        <v>596</v>
      </c>
      <c r="D136545" s="14" t="s">
        <v>155</v>
      </c>
      <c r="E136545" s="15">
        <v>45411</v>
      </c>
      <c r="F136545" s="14" t="s">
        <v>25</v>
      </c>
      <c r="G136545" s="16">
        <v>0</v>
      </c>
    </row>
    <row r="136546" spans="1:7" x14ac:dyDescent="0.3">
      <c r="A136546" s="13" t="s">
        <v>612</v>
      </c>
      <c r="B136546" s="14" t="s">
        <v>1</v>
      </c>
      <c r="C136546" s="14" t="s">
        <v>596</v>
      </c>
      <c r="D136546" s="14" t="s">
        <v>155</v>
      </c>
      <c r="E136546" s="15">
        <v>45412</v>
      </c>
      <c r="F136546" s="14" t="s">
        <v>25</v>
      </c>
      <c r="G136546" s="16">
        <v>0</v>
      </c>
    </row>
    <row r="136547" spans="1:7" x14ac:dyDescent="0.3">
      <c r="A136547" s="13" t="s">
        <v>612</v>
      </c>
      <c r="B136547" s="14" t="s">
        <v>1</v>
      </c>
      <c r="C136547" s="14" t="s">
        <v>596</v>
      </c>
      <c r="D136547" s="14" t="s">
        <v>155</v>
      </c>
      <c r="E136547" s="15">
        <v>45413</v>
      </c>
      <c r="F136547" s="14" t="s">
        <v>25</v>
      </c>
      <c r="G136547" s="16">
        <v>0</v>
      </c>
    </row>
    <row r="136548" spans="1:7" x14ac:dyDescent="0.3">
      <c r="A136548" s="13" t="s">
        <v>612</v>
      </c>
      <c r="B136548" s="14" t="s">
        <v>1</v>
      </c>
      <c r="C136548" s="14" t="s">
        <v>596</v>
      </c>
      <c r="D136548" s="14" t="s">
        <v>155</v>
      </c>
      <c r="E136548" s="15">
        <v>45414</v>
      </c>
      <c r="F136548" s="14" t="s">
        <v>25</v>
      </c>
      <c r="G136548" s="16">
        <v>0</v>
      </c>
    </row>
    <row r="136549" spans="1:7" x14ac:dyDescent="0.3">
      <c r="A136549" s="13" t="s">
        <v>612</v>
      </c>
      <c r="B136549" s="14" t="s">
        <v>1</v>
      </c>
      <c r="C136549" s="14" t="s">
        <v>596</v>
      </c>
      <c r="D136549" s="14" t="s">
        <v>155</v>
      </c>
      <c r="E136549" s="15">
        <v>45415</v>
      </c>
      <c r="F136549" s="14" t="s">
        <v>25</v>
      </c>
      <c r="G136549" s="16">
        <v>0</v>
      </c>
    </row>
    <row r="136550" spans="1:7" x14ac:dyDescent="0.3">
      <c r="A136550" s="13" t="s">
        <v>612</v>
      </c>
      <c r="B136550" s="14" t="s">
        <v>1</v>
      </c>
      <c r="C136550" s="14" t="s">
        <v>596</v>
      </c>
      <c r="D136550" s="14" t="s">
        <v>155</v>
      </c>
      <c r="E136550" s="15">
        <v>45416</v>
      </c>
      <c r="F136550" s="14" t="s">
        <v>25</v>
      </c>
      <c r="G136550" s="16">
        <v>0</v>
      </c>
    </row>
    <row r="136551" spans="1:7" x14ac:dyDescent="0.3">
      <c r="A136551" s="13" t="s">
        <v>612</v>
      </c>
      <c r="B136551" s="14" t="s">
        <v>1</v>
      </c>
      <c r="C136551" s="14" t="s">
        <v>596</v>
      </c>
      <c r="D136551" s="14" t="s">
        <v>155</v>
      </c>
      <c r="E136551" s="15">
        <v>45417</v>
      </c>
      <c r="F136551" s="14" t="s">
        <v>25</v>
      </c>
      <c r="G136551" s="16">
        <v>0</v>
      </c>
    </row>
    <row r="136552" spans="1:7" x14ac:dyDescent="0.3">
      <c r="A136552" s="13" t="s">
        <v>612</v>
      </c>
      <c r="B136552" s="14" t="s">
        <v>1</v>
      </c>
      <c r="C136552" s="14" t="s">
        <v>596</v>
      </c>
      <c r="D136552" s="14" t="s">
        <v>155</v>
      </c>
      <c r="E136552" s="15">
        <v>45418</v>
      </c>
      <c r="F136552" s="14" t="s">
        <v>25</v>
      </c>
      <c r="G136552" s="16">
        <v>0</v>
      </c>
    </row>
    <row r="136553" spans="1:7" x14ac:dyDescent="0.3">
      <c r="A136553" s="13" t="s">
        <v>612</v>
      </c>
      <c r="B136553" s="14" t="s">
        <v>1</v>
      </c>
      <c r="C136553" s="14" t="s">
        <v>596</v>
      </c>
      <c r="D136553" s="14" t="s">
        <v>155</v>
      </c>
      <c r="E136553" s="15">
        <v>45419</v>
      </c>
      <c r="F136553" s="14" t="s">
        <v>25</v>
      </c>
      <c r="G136553" s="16">
        <v>0</v>
      </c>
    </row>
    <row r="136554" spans="1:7" x14ac:dyDescent="0.3">
      <c r="A136554" s="13" t="s">
        <v>612</v>
      </c>
      <c r="B136554" s="14" t="s">
        <v>1</v>
      </c>
      <c r="C136554" s="14" t="s">
        <v>596</v>
      </c>
      <c r="D136554" s="14" t="s">
        <v>155</v>
      </c>
      <c r="E136554" s="15">
        <v>45420</v>
      </c>
      <c r="F136554" s="14" t="s">
        <v>25</v>
      </c>
      <c r="G136554" s="16">
        <v>0</v>
      </c>
    </row>
    <row r="136555" spans="1:7" x14ac:dyDescent="0.3">
      <c r="A136555" s="13" t="s">
        <v>612</v>
      </c>
      <c r="B136555" s="14" t="s">
        <v>1</v>
      </c>
      <c r="C136555" s="14" t="s">
        <v>596</v>
      </c>
      <c r="D136555" s="14" t="s">
        <v>155</v>
      </c>
      <c r="E136555" s="15">
        <v>45421</v>
      </c>
      <c r="F136555" s="14" t="s">
        <v>25</v>
      </c>
      <c r="G136555" s="16">
        <v>0</v>
      </c>
    </row>
    <row r="136556" spans="1:7" x14ac:dyDescent="0.3">
      <c r="A136556" s="13" t="s">
        <v>612</v>
      </c>
      <c r="B136556" s="14" t="s">
        <v>1</v>
      </c>
      <c r="C136556" s="14" t="s">
        <v>596</v>
      </c>
      <c r="D136556" s="14" t="s">
        <v>155</v>
      </c>
      <c r="E136556" s="15">
        <v>45422</v>
      </c>
      <c r="F136556" s="14" t="s">
        <v>25</v>
      </c>
      <c r="G136556" s="16">
        <v>0</v>
      </c>
    </row>
    <row r="136557" spans="1:7" x14ac:dyDescent="0.3">
      <c r="A136557" s="13" t="s">
        <v>612</v>
      </c>
      <c r="B136557" s="14" t="s">
        <v>1</v>
      </c>
      <c r="C136557" s="14" t="s">
        <v>596</v>
      </c>
      <c r="D136557" s="14" t="s">
        <v>155</v>
      </c>
      <c r="E136557" s="15">
        <v>45423</v>
      </c>
      <c r="F136557" s="14" t="s">
        <v>25</v>
      </c>
      <c r="G136557" s="16">
        <v>0</v>
      </c>
    </row>
    <row r="136558" spans="1:7" x14ac:dyDescent="0.3">
      <c r="A136558" s="13" t="s">
        <v>612</v>
      </c>
      <c r="B136558" s="14" t="s">
        <v>1</v>
      </c>
      <c r="C136558" s="14" t="s">
        <v>596</v>
      </c>
      <c r="D136558" s="14" t="s">
        <v>155</v>
      </c>
      <c r="E136558" s="15">
        <v>45424</v>
      </c>
      <c r="F136558" s="14" t="s">
        <v>25</v>
      </c>
      <c r="G136558" s="16">
        <v>0</v>
      </c>
    </row>
    <row r="136559" spans="1:7" x14ac:dyDescent="0.3">
      <c r="A136559" s="13" t="s">
        <v>612</v>
      </c>
      <c r="B136559" s="14" t="s">
        <v>1</v>
      </c>
      <c r="C136559" s="14" t="s">
        <v>596</v>
      </c>
      <c r="D136559" s="14" t="s">
        <v>155</v>
      </c>
      <c r="E136559" s="15">
        <v>45425</v>
      </c>
      <c r="F136559" s="14" t="s">
        <v>25</v>
      </c>
      <c r="G136559" s="16">
        <v>0</v>
      </c>
    </row>
    <row r="136560" spans="1:7" x14ac:dyDescent="0.3">
      <c r="A136560" s="13" t="s">
        <v>612</v>
      </c>
      <c r="B136560" s="14" t="s">
        <v>1</v>
      </c>
      <c r="C136560" s="14" t="s">
        <v>596</v>
      </c>
      <c r="D136560" s="14" t="s">
        <v>155</v>
      </c>
      <c r="E136560" s="15">
        <v>45426</v>
      </c>
      <c r="F136560" s="14" t="s">
        <v>25</v>
      </c>
      <c r="G136560" s="16">
        <v>0</v>
      </c>
    </row>
    <row r="136561" spans="1:7" x14ac:dyDescent="0.3">
      <c r="A136561" s="13" t="s">
        <v>612</v>
      </c>
      <c r="B136561" s="14" t="s">
        <v>1</v>
      </c>
      <c r="C136561" s="14" t="s">
        <v>596</v>
      </c>
      <c r="D136561" s="14" t="s">
        <v>155</v>
      </c>
      <c r="E136561" s="15">
        <v>45427</v>
      </c>
      <c r="F136561" s="14" t="s">
        <v>25</v>
      </c>
      <c r="G136561" s="16">
        <v>0</v>
      </c>
    </row>
    <row r="136562" spans="1:7" x14ac:dyDescent="0.3">
      <c r="A136562" s="13" t="s">
        <v>612</v>
      </c>
      <c r="B136562" s="14" t="s">
        <v>1</v>
      </c>
      <c r="C136562" s="14" t="s">
        <v>596</v>
      </c>
      <c r="D136562" s="14" t="s">
        <v>155</v>
      </c>
      <c r="E136562" s="15">
        <v>45428</v>
      </c>
      <c r="F136562" s="14" t="s">
        <v>25</v>
      </c>
      <c r="G136562" s="16">
        <v>0</v>
      </c>
    </row>
    <row r="136563" spans="1:7" x14ac:dyDescent="0.3">
      <c r="A136563" s="13" t="s">
        <v>612</v>
      </c>
      <c r="B136563" s="14" t="s">
        <v>1</v>
      </c>
      <c r="C136563" s="14" t="s">
        <v>596</v>
      </c>
      <c r="D136563" s="14" t="s">
        <v>155</v>
      </c>
      <c r="E136563" s="15">
        <v>45429</v>
      </c>
      <c r="F136563" s="14" t="s">
        <v>25</v>
      </c>
      <c r="G136563" s="16">
        <v>0</v>
      </c>
    </row>
    <row r="136564" spans="1:7" x14ac:dyDescent="0.3">
      <c r="A136564" s="13" t="s">
        <v>612</v>
      </c>
      <c r="B136564" s="14" t="s">
        <v>1</v>
      </c>
      <c r="C136564" s="14" t="s">
        <v>596</v>
      </c>
      <c r="D136564" s="14" t="s">
        <v>155</v>
      </c>
      <c r="E136564" s="15">
        <v>45430</v>
      </c>
      <c r="F136564" s="14" t="s">
        <v>25</v>
      </c>
      <c r="G136564" s="16">
        <v>0</v>
      </c>
    </row>
    <row r="136565" spans="1:7" x14ac:dyDescent="0.3">
      <c r="A136565" s="13" t="s">
        <v>612</v>
      </c>
      <c r="B136565" s="14" t="s">
        <v>1</v>
      </c>
      <c r="C136565" s="14" t="s">
        <v>596</v>
      </c>
      <c r="D136565" s="14" t="s">
        <v>155</v>
      </c>
      <c r="E136565" s="15">
        <v>45431</v>
      </c>
      <c r="F136565" s="14" t="s">
        <v>25</v>
      </c>
      <c r="G136565" s="16">
        <v>0</v>
      </c>
    </row>
    <row r="136566" spans="1:7" x14ac:dyDescent="0.3">
      <c r="A136566" s="13" t="s">
        <v>612</v>
      </c>
      <c r="B136566" s="14" t="s">
        <v>1</v>
      </c>
      <c r="C136566" s="14" t="s">
        <v>596</v>
      </c>
      <c r="D136566" s="14" t="s">
        <v>155</v>
      </c>
      <c r="E136566" s="15">
        <v>45432</v>
      </c>
      <c r="F136566" s="14" t="s">
        <v>25</v>
      </c>
      <c r="G136566" s="16">
        <v>0</v>
      </c>
    </row>
    <row r="136567" spans="1:7" x14ac:dyDescent="0.3">
      <c r="A136567" s="13" t="s">
        <v>612</v>
      </c>
      <c r="B136567" s="14" t="s">
        <v>1</v>
      </c>
      <c r="C136567" s="14" t="s">
        <v>596</v>
      </c>
      <c r="D136567" s="14" t="s">
        <v>155</v>
      </c>
      <c r="E136567" s="15">
        <v>45433</v>
      </c>
      <c r="F136567" s="14" t="s">
        <v>25</v>
      </c>
      <c r="G136567" s="16">
        <v>0</v>
      </c>
    </row>
    <row r="136568" spans="1:7" x14ac:dyDescent="0.3">
      <c r="A136568" s="13" t="s">
        <v>612</v>
      </c>
      <c r="B136568" s="14" t="s">
        <v>1</v>
      </c>
      <c r="C136568" s="14" t="s">
        <v>596</v>
      </c>
      <c r="D136568" s="14" t="s">
        <v>155</v>
      </c>
      <c r="E136568" s="15">
        <v>45434</v>
      </c>
      <c r="F136568" s="14" t="s">
        <v>25</v>
      </c>
      <c r="G136568" s="16">
        <v>0</v>
      </c>
    </row>
    <row r="136569" spans="1:7" x14ac:dyDescent="0.3">
      <c r="A136569" s="13" t="s">
        <v>612</v>
      </c>
      <c r="B136569" s="14" t="s">
        <v>1</v>
      </c>
      <c r="C136569" s="14" t="s">
        <v>596</v>
      </c>
      <c r="D136569" s="14" t="s">
        <v>155</v>
      </c>
      <c r="E136569" s="15">
        <v>45435</v>
      </c>
      <c r="F136569" s="14" t="s">
        <v>25</v>
      </c>
      <c r="G136569" s="16">
        <v>0</v>
      </c>
    </row>
    <row r="136570" spans="1:7" x14ac:dyDescent="0.3">
      <c r="A136570" s="13" t="s">
        <v>612</v>
      </c>
      <c r="B136570" s="14" t="s">
        <v>1</v>
      </c>
      <c r="C136570" s="14" t="s">
        <v>596</v>
      </c>
      <c r="D136570" s="14" t="s">
        <v>155</v>
      </c>
      <c r="E136570" s="15">
        <v>45436</v>
      </c>
      <c r="F136570" s="14" t="s">
        <v>25</v>
      </c>
      <c r="G136570" s="16">
        <v>0</v>
      </c>
    </row>
    <row r="136571" spans="1:7" x14ac:dyDescent="0.3">
      <c r="A136571" s="13" t="s">
        <v>612</v>
      </c>
      <c r="B136571" s="14" t="s">
        <v>1</v>
      </c>
      <c r="C136571" s="14" t="s">
        <v>596</v>
      </c>
      <c r="D136571" s="14" t="s">
        <v>155</v>
      </c>
      <c r="E136571" s="15">
        <v>45437</v>
      </c>
      <c r="F136571" s="14" t="s">
        <v>25</v>
      </c>
      <c r="G136571" s="16">
        <v>0</v>
      </c>
    </row>
    <row r="136572" spans="1:7" x14ac:dyDescent="0.3">
      <c r="A136572" s="13" t="s">
        <v>612</v>
      </c>
      <c r="B136572" s="14" t="s">
        <v>1</v>
      </c>
      <c r="C136572" s="14" t="s">
        <v>596</v>
      </c>
      <c r="D136572" s="14" t="s">
        <v>155</v>
      </c>
      <c r="E136572" s="15">
        <v>45438</v>
      </c>
      <c r="F136572" s="14" t="s">
        <v>25</v>
      </c>
      <c r="G136572" s="16">
        <v>0</v>
      </c>
    </row>
    <row r="136573" spans="1:7" x14ac:dyDescent="0.3">
      <c r="A136573" s="13" t="s">
        <v>612</v>
      </c>
      <c r="B136573" s="14" t="s">
        <v>1</v>
      </c>
      <c r="C136573" s="14" t="s">
        <v>596</v>
      </c>
      <c r="D136573" s="14" t="s">
        <v>155</v>
      </c>
      <c r="E136573" s="15">
        <v>45439</v>
      </c>
      <c r="F136573" s="14" t="s">
        <v>25</v>
      </c>
      <c r="G136573" s="16">
        <v>0</v>
      </c>
    </row>
    <row r="136574" spans="1:7" x14ac:dyDescent="0.3">
      <c r="A136574" s="13" t="s">
        <v>612</v>
      </c>
      <c r="B136574" s="14" t="s">
        <v>1</v>
      </c>
      <c r="C136574" s="14" t="s">
        <v>596</v>
      </c>
      <c r="D136574" s="14" t="s">
        <v>155</v>
      </c>
      <c r="E136574" s="15">
        <v>45440</v>
      </c>
      <c r="F136574" s="14" t="s">
        <v>25</v>
      </c>
      <c r="G136574" s="16">
        <v>0</v>
      </c>
    </row>
    <row r="136575" spans="1:7" x14ac:dyDescent="0.3">
      <c r="A136575" s="13" t="s">
        <v>612</v>
      </c>
      <c r="B136575" s="14" t="s">
        <v>1</v>
      </c>
      <c r="C136575" s="14" t="s">
        <v>596</v>
      </c>
      <c r="D136575" s="14" t="s">
        <v>155</v>
      </c>
      <c r="E136575" s="15">
        <v>45441</v>
      </c>
      <c r="F136575" s="14" t="s">
        <v>25</v>
      </c>
      <c r="G136575" s="16">
        <v>0</v>
      </c>
    </row>
    <row r="136576" spans="1:7" x14ac:dyDescent="0.3">
      <c r="A136576" s="13" t="s">
        <v>612</v>
      </c>
      <c r="B136576" s="14" t="s">
        <v>1</v>
      </c>
      <c r="C136576" s="14" t="s">
        <v>596</v>
      </c>
      <c r="D136576" s="14" t="s">
        <v>155</v>
      </c>
      <c r="E136576" s="15">
        <v>45442</v>
      </c>
      <c r="F136576" s="14" t="s">
        <v>25</v>
      </c>
      <c r="G136576" s="16">
        <v>0</v>
      </c>
    </row>
    <row r="136577" spans="1:7" x14ac:dyDescent="0.3">
      <c r="A136577" s="13" t="s">
        <v>612</v>
      </c>
      <c r="B136577" s="14" t="s">
        <v>1</v>
      </c>
      <c r="C136577" s="14" t="s">
        <v>596</v>
      </c>
      <c r="D136577" s="14" t="s">
        <v>155</v>
      </c>
      <c r="E136577" s="15">
        <v>45443</v>
      </c>
      <c r="F136577" s="14" t="s">
        <v>25</v>
      </c>
      <c r="G136577" s="16">
        <v>0</v>
      </c>
    </row>
    <row r="136578" spans="1:7" x14ac:dyDescent="0.3">
      <c r="A136578" s="13" t="s">
        <v>612</v>
      </c>
      <c r="B136578" s="14" t="s">
        <v>1</v>
      </c>
      <c r="C136578" s="14" t="s">
        <v>596</v>
      </c>
      <c r="D136578" s="14" t="s">
        <v>155</v>
      </c>
      <c r="E136578" s="15">
        <v>45444</v>
      </c>
      <c r="F136578" s="14" t="s">
        <v>25</v>
      </c>
      <c r="G136578" s="16">
        <v>0</v>
      </c>
    </row>
    <row r="136579" spans="1:7" x14ac:dyDescent="0.3">
      <c r="A136579" s="13" t="s">
        <v>612</v>
      </c>
      <c r="B136579" s="14" t="s">
        <v>1</v>
      </c>
      <c r="C136579" s="14" t="s">
        <v>596</v>
      </c>
      <c r="D136579" s="14" t="s">
        <v>155</v>
      </c>
      <c r="E136579" s="15">
        <v>45445</v>
      </c>
      <c r="F136579" s="14" t="s">
        <v>25</v>
      </c>
      <c r="G136579" s="16">
        <v>0</v>
      </c>
    </row>
    <row r="136580" spans="1:7" x14ac:dyDescent="0.3">
      <c r="A136580" s="13" t="s">
        <v>612</v>
      </c>
      <c r="B136580" s="14" t="s">
        <v>1</v>
      </c>
      <c r="C136580" s="14" t="s">
        <v>596</v>
      </c>
      <c r="D136580" s="14" t="s">
        <v>155</v>
      </c>
      <c r="E136580" s="15">
        <v>45446</v>
      </c>
      <c r="F136580" s="14" t="s">
        <v>25</v>
      </c>
      <c r="G136580" s="16">
        <v>0</v>
      </c>
    </row>
    <row r="136581" spans="1:7" x14ac:dyDescent="0.3">
      <c r="A136581" s="13" t="s">
        <v>612</v>
      </c>
      <c r="B136581" s="14" t="s">
        <v>1</v>
      </c>
      <c r="C136581" s="14" t="s">
        <v>596</v>
      </c>
      <c r="D136581" s="14" t="s">
        <v>155</v>
      </c>
      <c r="E136581" s="15">
        <v>45447</v>
      </c>
      <c r="F136581" s="14" t="s">
        <v>25</v>
      </c>
      <c r="G136581" s="16">
        <v>0</v>
      </c>
    </row>
    <row r="136582" spans="1:7" x14ac:dyDescent="0.3">
      <c r="A136582" s="13" t="s">
        <v>612</v>
      </c>
      <c r="B136582" s="14" t="s">
        <v>1</v>
      </c>
      <c r="C136582" s="14" t="s">
        <v>596</v>
      </c>
      <c r="D136582" s="14" t="s">
        <v>155</v>
      </c>
      <c r="E136582" s="15">
        <v>45448</v>
      </c>
      <c r="F136582" s="14" t="s">
        <v>25</v>
      </c>
      <c r="G136582" s="16">
        <v>0</v>
      </c>
    </row>
    <row r="136583" spans="1:7" x14ac:dyDescent="0.3">
      <c r="A136583" s="13" t="s">
        <v>612</v>
      </c>
      <c r="B136583" s="14" t="s">
        <v>1</v>
      </c>
      <c r="C136583" s="14" t="s">
        <v>596</v>
      </c>
      <c r="D136583" s="14" t="s">
        <v>155</v>
      </c>
      <c r="E136583" s="15">
        <v>45449</v>
      </c>
      <c r="F136583" s="14" t="s">
        <v>25</v>
      </c>
      <c r="G136583" s="16">
        <v>0</v>
      </c>
    </row>
    <row r="136584" spans="1:7" x14ac:dyDescent="0.3">
      <c r="A136584" s="13" t="s">
        <v>612</v>
      </c>
      <c r="B136584" s="14" t="s">
        <v>1</v>
      </c>
      <c r="C136584" s="14" t="s">
        <v>596</v>
      </c>
      <c r="D136584" s="14" t="s">
        <v>155</v>
      </c>
      <c r="E136584" s="15">
        <v>45450</v>
      </c>
      <c r="F136584" s="14" t="s">
        <v>25</v>
      </c>
      <c r="G136584" s="16">
        <v>0</v>
      </c>
    </row>
    <row r="136585" spans="1:7" x14ac:dyDescent="0.3">
      <c r="A136585" s="13" t="s">
        <v>612</v>
      </c>
      <c r="B136585" s="14" t="s">
        <v>1</v>
      </c>
      <c r="C136585" s="14" t="s">
        <v>596</v>
      </c>
      <c r="D136585" s="14" t="s">
        <v>155</v>
      </c>
      <c r="E136585" s="15">
        <v>45451</v>
      </c>
      <c r="F136585" s="14" t="s">
        <v>25</v>
      </c>
      <c r="G136585" s="16">
        <v>0</v>
      </c>
    </row>
    <row r="136586" spans="1:7" x14ac:dyDescent="0.3">
      <c r="A136586" s="13" t="s">
        <v>612</v>
      </c>
      <c r="B136586" s="14" t="s">
        <v>1</v>
      </c>
      <c r="C136586" s="14" t="s">
        <v>596</v>
      </c>
      <c r="D136586" s="14" t="s">
        <v>155</v>
      </c>
      <c r="E136586" s="15">
        <v>45452</v>
      </c>
      <c r="F136586" s="14" t="s">
        <v>25</v>
      </c>
      <c r="G136586" s="16">
        <v>0</v>
      </c>
    </row>
    <row r="136587" spans="1:7" x14ac:dyDescent="0.3">
      <c r="A136587" s="13" t="s">
        <v>612</v>
      </c>
      <c r="B136587" s="14" t="s">
        <v>1</v>
      </c>
      <c r="C136587" s="14" t="s">
        <v>596</v>
      </c>
      <c r="D136587" s="14" t="s">
        <v>155</v>
      </c>
      <c r="E136587" s="15">
        <v>45453</v>
      </c>
      <c r="F136587" s="14" t="s">
        <v>25</v>
      </c>
      <c r="G136587" s="16">
        <v>0</v>
      </c>
    </row>
    <row r="136588" spans="1:7" x14ac:dyDescent="0.3">
      <c r="A136588" s="13" t="s">
        <v>612</v>
      </c>
      <c r="B136588" s="14" t="s">
        <v>1</v>
      </c>
      <c r="C136588" s="14" t="s">
        <v>596</v>
      </c>
      <c r="D136588" s="14" t="s">
        <v>155</v>
      </c>
      <c r="E136588" s="15">
        <v>45454</v>
      </c>
      <c r="F136588" s="14" t="s">
        <v>25</v>
      </c>
      <c r="G136588" s="16">
        <v>0</v>
      </c>
    </row>
    <row r="136589" spans="1:7" x14ac:dyDescent="0.3">
      <c r="A136589" s="13" t="s">
        <v>612</v>
      </c>
      <c r="B136589" s="14" t="s">
        <v>1</v>
      </c>
      <c r="C136589" s="14" t="s">
        <v>596</v>
      </c>
      <c r="D136589" s="14" t="s">
        <v>155</v>
      </c>
      <c r="E136589" s="15">
        <v>45455</v>
      </c>
      <c r="F136589" s="14" t="s">
        <v>25</v>
      </c>
      <c r="G136589" s="16">
        <v>0</v>
      </c>
    </row>
    <row r="136590" spans="1:7" x14ac:dyDescent="0.3">
      <c r="A136590" s="13" t="s">
        <v>612</v>
      </c>
      <c r="B136590" s="14" t="s">
        <v>1</v>
      </c>
      <c r="C136590" s="14" t="s">
        <v>596</v>
      </c>
      <c r="D136590" s="14" t="s">
        <v>155</v>
      </c>
      <c r="E136590" s="15">
        <v>45456</v>
      </c>
      <c r="F136590" s="14" t="s">
        <v>25</v>
      </c>
      <c r="G136590" s="16">
        <v>0</v>
      </c>
    </row>
    <row r="136591" spans="1:7" x14ac:dyDescent="0.3">
      <c r="A136591" s="13" t="s">
        <v>612</v>
      </c>
      <c r="B136591" s="14" t="s">
        <v>1</v>
      </c>
      <c r="C136591" s="14" t="s">
        <v>596</v>
      </c>
      <c r="D136591" s="14" t="s">
        <v>155</v>
      </c>
      <c r="E136591" s="15">
        <v>45457</v>
      </c>
      <c r="F136591" s="14" t="s">
        <v>25</v>
      </c>
      <c r="G136591" s="16">
        <v>0</v>
      </c>
    </row>
    <row r="136592" spans="1:7" x14ac:dyDescent="0.3">
      <c r="A136592" s="13" t="s">
        <v>612</v>
      </c>
      <c r="B136592" s="14" t="s">
        <v>1</v>
      </c>
      <c r="C136592" s="14" t="s">
        <v>596</v>
      </c>
      <c r="D136592" s="14" t="s">
        <v>155</v>
      </c>
      <c r="E136592" s="15">
        <v>45458</v>
      </c>
      <c r="F136592" s="14" t="s">
        <v>25</v>
      </c>
      <c r="G136592" s="16">
        <v>0</v>
      </c>
    </row>
    <row r="136593" spans="1:7" x14ac:dyDescent="0.3">
      <c r="A136593" s="13" t="s">
        <v>612</v>
      </c>
      <c r="B136593" s="14" t="s">
        <v>1</v>
      </c>
      <c r="C136593" s="14" t="s">
        <v>596</v>
      </c>
      <c r="D136593" s="14" t="s">
        <v>155</v>
      </c>
      <c r="E136593" s="15">
        <v>45459</v>
      </c>
      <c r="F136593" s="14" t="s">
        <v>25</v>
      </c>
      <c r="G136593" s="16">
        <v>0</v>
      </c>
    </row>
    <row r="136594" spans="1:7" x14ac:dyDescent="0.3">
      <c r="A136594" s="13" t="s">
        <v>612</v>
      </c>
      <c r="B136594" s="14" t="s">
        <v>1</v>
      </c>
      <c r="C136594" s="14" t="s">
        <v>596</v>
      </c>
      <c r="D136594" s="14" t="s">
        <v>155</v>
      </c>
      <c r="E136594" s="15">
        <v>45460</v>
      </c>
      <c r="F136594" s="14" t="s">
        <v>25</v>
      </c>
      <c r="G136594" s="16">
        <v>0</v>
      </c>
    </row>
    <row r="136595" spans="1:7" x14ac:dyDescent="0.3">
      <c r="A136595" s="13" t="s">
        <v>612</v>
      </c>
      <c r="B136595" s="14" t="s">
        <v>1</v>
      </c>
      <c r="C136595" s="14" t="s">
        <v>596</v>
      </c>
      <c r="D136595" s="14" t="s">
        <v>155</v>
      </c>
      <c r="E136595" s="15">
        <v>45461</v>
      </c>
      <c r="F136595" s="14" t="s">
        <v>25</v>
      </c>
      <c r="G136595" s="16">
        <v>0</v>
      </c>
    </row>
    <row r="136596" spans="1:7" x14ac:dyDescent="0.3">
      <c r="A136596" s="13" t="s">
        <v>612</v>
      </c>
      <c r="B136596" s="14" t="s">
        <v>1</v>
      </c>
      <c r="C136596" s="14" t="s">
        <v>596</v>
      </c>
      <c r="D136596" s="14" t="s">
        <v>155</v>
      </c>
      <c r="E136596" s="15">
        <v>45462</v>
      </c>
      <c r="F136596" s="14" t="s">
        <v>25</v>
      </c>
      <c r="G136596" s="16">
        <v>0</v>
      </c>
    </row>
    <row r="136597" spans="1:7" x14ac:dyDescent="0.3">
      <c r="A136597" s="13" t="s">
        <v>612</v>
      </c>
      <c r="B136597" s="14" t="s">
        <v>1</v>
      </c>
      <c r="C136597" s="14" t="s">
        <v>596</v>
      </c>
      <c r="D136597" s="14" t="s">
        <v>155</v>
      </c>
      <c r="E136597" s="15">
        <v>45463</v>
      </c>
      <c r="F136597" s="14" t="s">
        <v>25</v>
      </c>
      <c r="G136597" s="16">
        <v>0</v>
      </c>
    </row>
    <row r="136598" spans="1:7" x14ac:dyDescent="0.3">
      <c r="A136598" s="13" t="s">
        <v>612</v>
      </c>
      <c r="B136598" s="14" t="s">
        <v>1</v>
      </c>
      <c r="C136598" s="14" t="s">
        <v>596</v>
      </c>
      <c r="D136598" s="14" t="s">
        <v>155</v>
      </c>
      <c r="E136598" s="15">
        <v>45464</v>
      </c>
      <c r="F136598" s="14" t="s">
        <v>25</v>
      </c>
      <c r="G136598" s="16">
        <v>0</v>
      </c>
    </row>
    <row r="136599" spans="1:7" x14ac:dyDescent="0.3">
      <c r="A136599" s="13" t="s">
        <v>612</v>
      </c>
      <c r="B136599" s="14" t="s">
        <v>1</v>
      </c>
      <c r="C136599" s="14" t="s">
        <v>596</v>
      </c>
      <c r="D136599" s="14" t="s">
        <v>155</v>
      </c>
      <c r="E136599" s="15">
        <v>45465</v>
      </c>
      <c r="F136599" s="14" t="s">
        <v>25</v>
      </c>
      <c r="G136599" s="16">
        <v>0</v>
      </c>
    </row>
    <row r="136600" spans="1:7" x14ac:dyDescent="0.3">
      <c r="A136600" s="13" t="s">
        <v>612</v>
      </c>
      <c r="B136600" s="14" t="s">
        <v>1</v>
      </c>
      <c r="C136600" s="14" t="s">
        <v>596</v>
      </c>
      <c r="D136600" s="14" t="s">
        <v>155</v>
      </c>
      <c r="E136600" s="15">
        <v>45466</v>
      </c>
      <c r="F136600" s="14" t="s">
        <v>25</v>
      </c>
      <c r="G136600" s="16">
        <v>0</v>
      </c>
    </row>
    <row r="136601" spans="1:7" x14ac:dyDescent="0.3">
      <c r="A136601" s="13" t="s">
        <v>612</v>
      </c>
      <c r="B136601" s="14" t="s">
        <v>1</v>
      </c>
      <c r="C136601" s="14" t="s">
        <v>596</v>
      </c>
      <c r="D136601" s="14" t="s">
        <v>155</v>
      </c>
      <c r="E136601" s="15">
        <v>45467</v>
      </c>
      <c r="F136601" s="14" t="s">
        <v>25</v>
      </c>
      <c r="G136601" s="16">
        <v>0</v>
      </c>
    </row>
    <row r="136602" spans="1:7" x14ac:dyDescent="0.3">
      <c r="A136602" s="13" t="s">
        <v>612</v>
      </c>
      <c r="B136602" s="14" t="s">
        <v>1</v>
      </c>
      <c r="C136602" s="14" t="s">
        <v>596</v>
      </c>
      <c r="D136602" s="14" t="s">
        <v>155</v>
      </c>
      <c r="E136602" s="15">
        <v>45468</v>
      </c>
      <c r="F136602" s="14" t="s">
        <v>25</v>
      </c>
      <c r="G136602" s="16">
        <v>0</v>
      </c>
    </row>
    <row r="136603" spans="1:7" x14ac:dyDescent="0.3">
      <c r="A136603" s="13" t="s">
        <v>612</v>
      </c>
      <c r="B136603" s="14" t="s">
        <v>1</v>
      </c>
      <c r="C136603" s="14" t="s">
        <v>596</v>
      </c>
      <c r="D136603" s="14" t="s">
        <v>155</v>
      </c>
      <c r="E136603" s="15">
        <v>45469</v>
      </c>
      <c r="F136603" s="14" t="s">
        <v>25</v>
      </c>
      <c r="G136603" s="16">
        <v>0</v>
      </c>
    </row>
    <row r="136604" spans="1:7" x14ac:dyDescent="0.3">
      <c r="A136604" s="13" t="s">
        <v>612</v>
      </c>
      <c r="B136604" s="14" t="s">
        <v>1</v>
      </c>
      <c r="C136604" s="14" t="s">
        <v>596</v>
      </c>
      <c r="D136604" s="14" t="s">
        <v>155</v>
      </c>
      <c r="E136604" s="15">
        <v>45470</v>
      </c>
      <c r="F136604" s="14" t="s">
        <v>25</v>
      </c>
      <c r="G136604" s="16">
        <v>0</v>
      </c>
    </row>
    <row r="136605" spans="1:7" x14ac:dyDescent="0.3">
      <c r="A136605" s="13" t="s">
        <v>612</v>
      </c>
      <c r="B136605" s="14" t="s">
        <v>1</v>
      </c>
      <c r="C136605" s="14" t="s">
        <v>596</v>
      </c>
      <c r="D136605" s="14" t="s">
        <v>155</v>
      </c>
      <c r="E136605" s="15">
        <v>45471</v>
      </c>
      <c r="F136605" s="14" t="s">
        <v>25</v>
      </c>
      <c r="G136605" s="16">
        <v>0</v>
      </c>
    </row>
    <row r="136606" spans="1:7" x14ac:dyDescent="0.3">
      <c r="A136606" s="13" t="s">
        <v>612</v>
      </c>
      <c r="B136606" s="14" t="s">
        <v>1</v>
      </c>
      <c r="C136606" s="14" t="s">
        <v>596</v>
      </c>
      <c r="D136606" s="14" t="s">
        <v>155</v>
      </c>
      <c r="E136606" s="15">
        <v>45472</v>
      </c>
      <c r="F136606" s="14" t="s">
        <v>25</v>
      </c>
      <c r="G136606" s="16">
        <v>0</v>
      </c>
    </row>
    <row r="136607" spans="1:7" x14ac:dyDescent="0.3">
      <c r="A136607" s="13" t="s">
        <v>612</v>
      </c>
      <c r="B136607" s="14" t="s">
        <v>1</v>
      </c>
      <c r="C136607" s="14" t="s">
        <v>596</v>
      </c>
      <c r="D136607" s="14" t="s">
        <v>155</v>
      </c>
      <c r="E136607" s="15">
        <v>45473</v>
      </c>
      <c r="F136607" s="14" t="s">
        <v>25</v>
      </c>
      <c r="G136607" s="16">
        <v>0</v>
      </c>
    </row>
    <row r="136608" spans="1:7" x14ac:dyDescent="0.3">
      <c r="A136608" s="13" t="s">
        <v>612</v>
      </c>
      <c r="B136608" s="14" t="s">
        <v>1</v>
      </c>
      <c r="C136608" s="14" t="s">
        <v>596</v>
      </c>
      <c r="D136608" s="14" t="s">
        <v>155</v>
      </c>
      <c r="E136608" s="15">
        <v>45474</v>
      </c>
      <c r="F136608" s="14" t="s">
        <v>25</v>
      </c>
      <c r="G136608" s="16">
        <v>0</v>
      </c>
    </row>
    <row r="136609" spans="1:7" x14ac:dyDescent="0.3">
      <c r="A136609" s="13" t="s">
        <v>612</v>
      </c>
      <c r="B136609" s="14" t="s">
        <v>1</v>
      </c>
      <c r="C136609" s="14" t="s">
        <v>596</v>
      </c>
      <c r="D136609" s="14" t="s">
        <v>155</v>
      </c>
      <c r="E136609" s="15">
        <v>45475</v>
      </c>
      <c r="F136609" s="14" t="s">
        <v>25</v>
      </c>
      <c r="G136609" s="16">
        <v>0</v>
      </c>
    </row>
    <row r="136610" spans="1:7" x14ac:dyDescent="0.3">
      <c r="A136610" s="13" t="s">
        <v>612</v>
      </c>
      <c r="B136610" s="14" t="s">
        <v>1</v>
      </c>
      <c r="C136610" s="14" t="s">
        <v>596</v>
      </c>
      <c r="D136610" s="14" t="s">
        <v>155</v>
      </c>
      <c r="E136610" s="15">
        <v>45476</v>
      </c>
      <c r="F136610" s="14" t="s">
        <v>25</v>
      </c>
      <c r="G136610" s="16">
        <v>0</v>
      </c>
    </row>
    <row r="136611" spans="1:7" x14ac:dyDescent="0.3">
      <c r="A136611" s="13" t="s">
        <v>612</v>
      </c>
      <c r="B136611" s="14" t="s">
        <v>1</v>
      </c>
      <c r="C136611" s="14" t="s">
        <v>596</v>
      </c>
      <c r="D136611" s="14" t="s">
        <v>155</v>
      </c>
      <c r="E136611" s="15">
        <v>45477</v>
      </c>
      <c r="F136611" s="14" t="s">
        <v>25</v>
      </c>
      <c r="G136611" s="16">
        <v>0</v>
      </c>
    </row>
    <row r="136612" spans="1:7" x14ac:dyDescent="0.3">
      <c r="A136612" s="13" t="s">
        <v>612</v>
      </c>
      <c r="B136612" s="14" t="s">
        <v>1</v>
      </c>
      <c r="C136612" s="14" t="s">
        <v>596</v>
      </c>
      <c r="D136612" s="14" t="s">
        <v>155</v>
      </c>
      <c r="E136612" s="15">
        <v>45478</v>
      </c>
      <c r="F136612" s="14" t="s">
        <v>25</v>
      </c>
      <c r="G136612" s="16">
        <v>0</v>
      </c>
    </row>
    <row r="136613" spans="1:7" x14ac:dyDescent="0.3">
      <c r="A136613" s="13" t="s">
        <v>612</v>
      </c>
      <c r="B136613" s="14" t="s">
        <v>1</v>
      </c>
      <c r="C136613" s="14" t="s">
        <v>596</v>
      </c>
      <c r="D136613" s="14" t="s">
        <v>155</v>
      </c>
      <c r="E136613" s="15">
        <v>45479</v>
      </c>
      <c r="F136613" s="14" t="s">
        <v>25</v>
      </c>
      <c r="G136613" s="16">
        <v>0</v>
      </c>
    </row>
    <row r="136614" spans="1:7" x14ac:dyDescent="0.3">
      <c r="A136614" s="13" t="s">
        <v>612</v>
      </c>
      <c r="B136614" s="14" t="s">
        <v>1</v>
      </c>
      <c r="C136614" s="14" t="s">
        <v>596</v>
      </c>
      <c r="D136614" s="14" t="s">
        <v>155</v>
      </c>
      <c r="E136614" s="15">
        <v>45480</v>
      </c>
      <c r="F136614" s="14" t="s">
        <v>25</v>
      </c>
      <c r="G136614" s="16">
        <v>0</v>
      </c>
    </row>
    <row r="136615" spans="1:7" x14ac:dyDescent="0.3">
      <c r="A136615" s="13" t="s">
        <v>612</v>
      </c>
      <c r="B136615" s="14" t="s">
        <v>1</v>
      </c>
      <c r="C136615" s="14" t="s">
        <v>596</v>
      </c>
      <c r="D136615" s="14" t="s">
        <v>155</v>
      </c>
      <c r="E136615" s="15">
        <v>45481</v>
      </c>
      <c r="F136615" s="14" t="s">
        <v>25</v>
      </c>
      <c r="G136615" s="16">
        <v>0</v>
      </c>
    </row>
    <row r="136616" spans="1:7" x14ac:dyDescent="0.3">
      <c r="A136616" s="13" t="s">
        <v>612</v>
      </c>
      <c r="B136616" s="14" t="s">
        <v>1</v>
      </c>
      <c r="C136616" s="14" t="s">
        <v>596</v>
      </c>
      <c r="D136616" s="14" t="s">
        <v>155</v>
      </c>
      <c r="E136616" s="15">
        <v>45482</v>
      </c>
      <c r="F136616" s="14" t="s">
        <v>25</v>
      </c>
      <c r="G136616" s="16">
        <v>0</v>
      </c>
    </row>
    <row r="136617" spans="1:7" x14ac:dyDescent="0.3">
      <c r="A136617" s="13" t="s">
        <v>612</v>
      </c>
      <c r="B136617" s="14" t="s">
        <v>1</v>
      </c>
      <c r="C136617" s="14" t="s">
        <v>596</v>
      </c>
      <c r="D136617" s="14" t="s">
        <v>155</v>
      </c>
      <c r="E136617" s="15">
        <v>45483</v>
      </c>
      <c r="F136617" s="14" t="s">
        <v>25</v>
      </c>
      <c r="G136617" s="16">
        <v>0</v>
      </c>
    </row>
    <row r="136618" spans="1:7" x14ac:dyDescent="0.3">
      <c r="A136618" s="13" t="s">
        <v>612</v>
      </c>
      <c r="B136618" s="14" t="s">
        <v>1</v>
      </c>
      <c r="C136618" s="14" t="s">
        <v>596</v>
      </c>
      <c r="D136618" s="14" t="s">
        <v>155</v>
      </c>
      <c r="E136618" s="15">
        <v>45484</v>
      </c>
      <c r="F136618" s="14" t="s">
        <v>25</v>
      </c>
      <c r="G136618" s="16">
        <v>0</v>
      </c>
    </row>
    <row r="136619" spans="1:7" x14ac:dyDescent="0.3">
      <c r="A136619" s="13" t="s">
        <v>612</v>
      </c>
      <c r="B136619" s="14" t="s">
        <v>1</v>
      </c>
      <c r="C136619" s="14" t="s">
        <v>596</v>
      </c>
      <c r="D136619" s="14" t="s">
        <v>155</v>
      </c>
      <c r="E136619" s="15">
        <v>45485</v>
      </c>
      <c r="F136619" s="14" t="s">
        <v>25</v>
      </c>
      <c r="G136619" s="16">
        <v>0</v>
      </c>
    </row>
    <row r="136620" spans="1:7" x14ac:dyDescent="0.3">
      <c r="A136620" s="13" t="s">
        <v>612</v>
      </c>
      <c r="B136620" s="14" t="s">
        <v>1</v>
      </c>
      <c r="C136620" s="14" t="s">
        <v>596</v>
      </c>
      <c r="D136620" s="14" t="s">
        <v>155</v>
      </c>
      <c r="E136620" s="15">
        <v>45486</v>
      </c>
      <c r="F136620" s="14" t="s">
        <v>25</v>
      </c>
      <c r="G136620" s="16">
        <v>0</v>
      </c>
    </row>
    <row r="136621" spans="1:7" x14ac:dyDescent="0.3">
      <c r="A136621" s="13" t="s">
        <v>612</v>
      </c>
      <c r="B136621" s="14" t="s">
        <v>1</v>
      </c>
      <c r="C136621" s="14" t="s">
        <v>596</v>
      </c>
      <c r="D136621" s="14" t="s">
        <v>155</v>
      </c>
      <c r="E136621" s="15">
        <v>45487</v>
      </c>
      <c r="F136621" s="14" t="s">
        <v>25</v>
      </c>
      <c r="G136621" s="16">
        <v>0</v>
      </c>
    </row>
    <row r="136622" spans="1:7" x14ac:dyDescent="0.3">
      <c r="A136622" s="13" t="s">
        <v>612</v>
      </c>
      <c r="B136622" s="14" t="s">
        <v>1</v>
      </c>
      <c r="C136622" s="14" t="s">
        <v>596</v>
      </c>
      <c r="D136622" s="14" t="s">
        <v>155</v>
      </c>
      <c r="E136622" s="15">
        <v>45488</v>
      </c>
      <c r="F136622" s="14" t="s">
        <v>25</v>
      </c>
      <c r="G136622" s="16">
        <v>0</v>
      </c>
    </row>
    <row r="136623" spans="1:7" x14ac:dyDescent="0.3">
      <c r="A136623" s="13" t="s">
        <v>612</v>
      </c>
      <c r="B136623" s="14" t="s">
        <v>1</v>
      </c>
      <c r="C136623" s="14" t="s">
        <v>596</v>
      </c>
      <c r="D136623" s="14" t="s">
        <v>155</v>
      </c>
      <c r="E136623" s="15">
        <v>45489</v>
      </c>
      <c r="F136623" s="14" t="s">
        <v>25</v>
      </c>
      <c r="G136623" s="16">
        <v>0</v>
      </c>
    </row>
    <row r="136624" spans="1:7" x14ac:dyDescent="0.3">
      <c r="A136624" s="13" t="s">
        <v>612</v>
      </c>
      <c r="B136624" s="14" t="s">
        <v>1</v>
      </c>
      <c r="C136624" s="14" t="s">
        <v>596</v>
      </c>
      <c r="D136624" s="14" t="s">
        <v>155</v>
      </c>
      <c r="E136624" s="15">
        <v>45490</v>
      </c>
      <c r="F136624" s="14" t="s">
        <v>25</v>
      </c>
      <c r="G136624" s="16">
        <v>0</v>
      </c>
    </row>
    <row r="136625" spans="1:7" x14ac:dyDescent="0.3">
      <c r="A136625" s="13" t="s">
        <v>612</v>
      </c>
      <c r="B136625" s="14" t="s">
        <v>1</v>
      </c>
      <c r="C136625" s="14" t="s">
        <v>596</v>
      </c>
      <c r="D136625" s="14" t="s">
        <v>155</v>
      </c>
      <c r="E136625" s="15">
        <v>45491</v>
      </c>
      <c r="F136625" s="14" t="s">
        <v>25</v>
      </c>
      <c r="G136625" s="16">
        <v>0</v>
      </c>
    </row>
    <row r="136626" spans="1:7" x14ac:dyDescent="0.3">
      <c r="A136626" s="13" t="s">
        <v>612</v>
      </c>
      <c r="B136626" s="14" t="s">
        <v>1</v>
      </c>
      <c r="C136626" s="14" t="s">
        <v>596</v>
      </c>
      <c r="D136626" s="14" t="s">
        <v>155</v>
      </c>
      <c r="E136626" s="15">
        <v>45492</v>
      </c>
      <c r="F136626" s="14" t="s">
        <v>25</v>
      </c>
      <c r="G136626" s="16">
        <v>0</v>
      </c>
    </row>
    <row r="136627" spans="1:7" x14ac:dyDescent="0.3">
      <c r="A136627" s="13" t="s">
        <v>612</v>
      </c>
      <c r="B136627" s="14" t="s">
        <v>1</v>
      </c>
      <c r="C136627" s="14" t="s">
        <v>596</v>
      </c>
      <c r="D136627" s="14" t="s">
        <v>155</v>
      </c>
      <c r="E136627" s="15">
        <v>45493</v>
      </c>
      <c r="F136627" s="14" t="s">
        <v>25</v>
      </c>
      <c r="G136627" s="16">
        <v>0</v>
      </c>
    </row>
    <row r="136628" spans="1:7" x14ac:dyDescent="0.3">
      <c r="A136628" s="13" t="s">
        <v>612</v>
      </c>
      <c r="B136628" s="14" t="s">
        <v>1</v>
      </c>
      <c r="C136628" s="14" t="s">
        <v>596</v>
      </c>
      <c r="D136628" s="14" t="s">
        <v>155</v>
      </c>
      <c r="E136628" s="15">
        <v>45494</v>
      </c>
      <c r="F136628" s="14" t="s">
        <v>25</v>
      </c>
      <c r="G136628" s="16">
        <v>0</v>
      </c>
    </row>
    <row r="136629" spans="1:7" x14ac:dyDescent="0.3">
      <c r="A136629" s="13" t="s">
        <v>612</v>
      </c>
      <c r="B136629" s="14" t="s">
        <v>1</v>
      </c>
      <c r="C136629" s="14" t="s">
        <v>596</v>
      </c>
      <c r="D136629" s="14" t="s">
        <v>155</v>
      </c>
      <c r="E136629" s="15">
        <v>45495</v>
      </c>
      <c r="F136629" s="14" t="s">
        <v>25</v>
      </c>
      <c r="G136629" s="16">
        <v>0</v>
      </c>
    </row>
    <row r="136630" spans="1:7" x14ac:dyDescent="0.3">
      <c r="A136630" s="13" t="s">
        <v>612</v>
      </c>
      <c r="B136630" s="14" t="s">
        <v>1</v>
      </c>
      <c r="C136630" s="14" t="s">
        <v>596</v>
      </c>
      <c r="D136630" s="14" t="s">
        <v>155</v>
      </c>
      <c r="E136630" s="15">
        <v>45496</v>
      </c>
      <c r="F136630" s="14" t="s">
        <v>25</v>
      </c>
      <c r="G136630" s="16">
        <v>0</v>
      </c>
    </row>
    <row r="136631" spans="1:7" x14ac:dyDescent="0.3">
      <c r="A136631" s="13" t="s">
        <v>612</v>
      </c>
      <c r="B136631" s="14" t="s">
        <v>1</v>
      </c>
      <c r="C136631" s="14" t="s">
        <v>596</v>
      </c>
      <c r="D136631" s="14" t="s">
        <v>155</v>
      </c>
      <c r="E136631" s="15">
        <v>45497</v>
      </c>
      <c r="F136631" s="14" t="s">
        <v>25</v>
      </c>
      <c r="G136631" s="16">
        <v>0</v>
      </c>
    </row>
    <row r="136632" spans="1:7" x14ac:dyDescent="0.3">
      <c r="A136632" s="13" t="s">
        <v>612</v>
      </c>
      <c r="B136632" s="14" t="s">
        <v>1</v>
      </c>
      <c r="C136632" s="14" t="s">
        <v>596</v>
      </c>
      <c r="D136632" s="14" t="s">
        <v>155</v>
      </c>
      <c r="E136632" s="15">
        <v>45498</v>
      </c>
      <c r="F136632" s="14" t="s">
        <v>25</v>
      </c>
      <c r="G136632" s="16">
        <v>0</v>
      </c>
    </row>
    <row r="136633" spans="1:7" x14ac:dyDescent="0.3">
      <c r="A136633" s="13" t="s">
        <v>612</v>
      </c>
      <c r="B136633" s="14" t="s">
        <v>1</v>
      </c>
      <c r="C136633" s="14" t="s">
        <v>596</v>
      </c>
      <c r="D136633" s="14" t="s">
        <v>155</v>
      </c>
      <c r="E136633" s="15">
        <v>45499</v>
      </c>
      <c r="F136633" s="14" t="s">
        <v>25</v>
      </c>
      <c r="G136633" s="16">
        <v>0</v>
      </c>
    </row>
    <row r="136634" spans="1:7" x14ac:dyDescent="0.3">
      <c r="A136634" s="13" t="s">
        <v>612</v>
      </c>
      <c r="B136634" s="14" t="s">
        <v>1</v>
      </c>
      <c r="C136634" s="14" t="s">
        <v>596</v>
      </c>
      <c r="D136634" s="14" t="s">
        <v>155</v>
      </c>
      <c r="E136634" s="15">
        <v>45500</v>
      </c>
      <c r="F136634" s="14" t="s">
        <v>25</v>
      </c>
      <c r="G136634" s="16">
        <v>0</v>
      </c>
    </row>
    <row r="136635" spans="1:7" x14ac:dyDescent="0.3">
      <c r="A136635" s="13" t="s">
        <v>612</v>
      </c>
      <c r="B136635" s="14" t="s">
        <v>1</v>
      </c>
      <c r="C136635" s="14" t="s">
        <v>596</v>
      </c>
      <c r="D136635" s="14" t="s">
        <v>155</v>
      </c>
      <c r="E136635" s="15">
        <v>45501</v>
      </c>
      <c r="F136635" s="14" t="s">
        <v>25</v>
      </c>
      <c r="G136635" s="16">
        <v>0</v>
      </c>
    </row>
    <row r="136636" spans="1:7" x14ac:dyDescent="0.3">
      <c r="A136636" s="13" t="s">
        <v>612</v>
      </c>
      <c r="B136636" s="14" t="s">
        <v>1</v>
      </c>
      <c r="C136636" s="14" t="s">
        <v>596</v>
      </c>
      <c r="D136636" s="14" t="s">
        <v>155</v>
      </c>
      <c r="E136636" s="15">
        <v>45502</v>
      </c>
      <c r="F136636" s="14" t="s">
        <v>25</v>
      </c>
      <c r="G136636" s="16">
        <v>0</v>
      </c>
    </row>
    <row r="136637" spans="1:7" x14ac:dyDescent="0.3">
      <c r="A136637" s="13" t="s">
        <v>612</v>
      </c>
      <c r="B136637" s="14" t="s">
        <v>1</v>
      </c>
      <c r="C136637" s="14" t="s">
        <v>596</v>
      </c>
      <c r="D136637" s="14" t="s">
        <v>155</v>
      </c>
      <c r="E136637" s="15">
        <v>45503</v>
      </c>
      <c r="F136637" s="14" t="s">
        <v>25</v>
      </c>
      <c r="G136637" s="16">
        <v>0</v>
      </c>
    </row>
    <row r="136638" spans="1:7" x14ac:dyDescent="0.3">
      <c r="A136638" s="13" t="s">
        <v>612</v>
      </c>
      <c r="B136638" s="14" t="s">
        <v>1</v>
      </c>
      <c r="C136638" s="14" t="s">
        <v>596</v>
      </c>
      <c r="D136638" s="14" t="s">
        <v>155</v>
      </c>
      <c r="E136638" s="15">
        <v>45504</v>
      </c>
      <c r="F136638" s="14" t="s">
        <v>25</v>
      </c>
      <c r="G136638" s="16">
        <v>0</v>
      </c>
    </row>
    <row r="136639" spans="1:7" x14ac:dyDescent="0.3">
      <c r="A136639" s="13" t="s">
        <v>612</v>
      </c>
      <c r="B136639" s="14" t="s">
        <v>1</v>
      </c>
      <c r="C136639" s="14" t="s">
        <v>596</v>
      </c>
      <c r="D136639" s="14" t="s">
        <v>155</v>
      </c>
      <c r="E136639" s="15">
        <v>45505</v>
      </c>
      <c r="F136639" s="14" t="s">
        <v>25</v>
      </c>
      <c r="G136639" s="16">
        <v>0</v>
      </c>
    </row>
    <row r="136640" spans="1:7" x14ac:dyDescent="0.3">
      <c r="A136640" s="13" t="s">
        <v>612</v>
      </c>
      <c r="B136640" s="14" t="s">
        <v>1</v>
      </c>
      <c r="C136640" s="14" t="s">
        <v>596</v>
      </c>
      <c r="D136640" s="14" t="s">
        <v>155</v>
      </c>
      <c r="E136640" s="15">
        <v>45506</v>
      </c>
      <c r="F136640" s="14" t="s">
        <v>25</v>
      </c>
      <c r="G136640" s="16">
        <v>0</v>
      </c>
    </row>
    <row r="136641" spans="1:7" x14ac:dyDescent="0.3">
      <c r="A136641" s="13" t="s">
        <v>612</v>
      </c>
      <c r="B136641" s="14" t="s">
        <v>1</v>
      </c>
      <c r="C136641" s="14" t="s">
        <v>596</v>
      </c>
      <c r="D136641" s="14" t="s">
        <v>155</v>
      </c>
      <c r="E136641" s="15">
        <v>45507</v>
      </c>
      <c r="F136641" s="14" t="s">
        <v>25</v>
      </c>
      <c r="G136641" s="16">
        <v>0</v>
      </c>
    </row>
    <row r="136642" spans="1:7" x14ac:dyDescent="0.3">
      <c r="A136642" s="13" t="s">
        <v>612</v>
      </c>
      <c r="B136642" s="14" t="s">
        <v>1</v>
      </c>
      <c r="C136642" s="14" t="s">
        <v>596</v>
      </c>
      <c r="D136642" s="14" t="s">
        <v>155</v>
      </c>
      <c r="E136642" s="15">
        <v>45508</v>
      </c>
      <c r="F136642" s="14" t="s">
        <v>25</v>
      </c>
      <c r="G136642" s="16">
        <v>0</v>
      </c>
    </row>
    <row r="136643" spans="1:7" x14ac:dyDescent="0.3">
      <c r="A136643" s="13" t="s">
        <v>612</v>
      </c>
      <c r="B136643" s="14" t="s">
        <v>1</v>
      </c>
      <c r="C136643" s="14" t="s">
        <v>596</v>
      </c>
      <c r="D136643" s="14" t="s">
        <v>155</v>
      </c>
      <c r="E136643" s="15">
        <v>45509</v>
      </c>
      <c r="F136643" s="14" t="s">
        <v>25</v>
      </c>
      <c r="G136643" s="16">
        <v>0</v>
      </c>
    </row>
    <row r="136644" spans="1:7" x14ac:dyDescent="0.3">
      <c r="A136644" s="13" t="s">
        <v>612</v>
      </c>
      <c r="B136644" s="14" t="s">
        <v>1</v>
      </c>
      <c r="C136644" s="14" t="s">
        <v>596</v>
      </c>
      <c r="D136644" s="14" t="s">
        <v>155</v>
      </c>
      <c r="E136644" s="15">
        <v>45510</v>
      </c>
      <c r="F136644" s="14" t="s">
        <v>25</v>
      </c>
      <c r="G136644" s="16">
        <v>0</v>
      </c>
    </row>
    <row r="136645" spans="1:7" x14ac:dyDescent="0.3">
      <c r="A136645" s="13" t="s">
        <v>612</v>
      </c>
      <c r="B136645" s="14" t="s">
        <v>1</v>
      </c>
      <c r="C136645" s="14" t="s">
        <v>596</v>
      </c>
      <c r="D136645" s="14" t="s">
        <v>155</v>
      </c>
      <c r="E136645" s="15">
        <v>45511</v>
      </c>
      <c r="F136645" s="14" t="s">
        <v>25</v>
      </c>
      <c r="G136645" s="16">
        <v>0</v>
      </c>
    </row>
    <row r="136646" spans="1:7" x14ac:dyDescent="0.3">
      <c r="A136646" s="13" t="s">
        <v>612</v>
      </c>
      <c r="B136646" s="14" t="s">
        <v>1</v>
      </c>
      <c r="C136646" s="14" t="s">
        <v>596</v>
      </c>
      <c r="D136646" s="14" t="s">
        <v>155</v>
      </c>
      <c r="E136646" s="15">
        <v>45512</v>
      </c>
      <c r="F136646" s="14" t="s">
        <v>25</v>
      </c>
      <c r="G136646" s="16">
        <v>0</v>
      </c>
    </row>
    <row r="136647" spans="1:7" x14ac:dyDescent="0.3">
      <c r="A136647" s="13" t="s">
        <v>612</v>
      </c>
      <c r="B136647" s="14" t="s">
        <v>1</v>
      </c>
      <c r="C136647" s="14" t="s">
        <v>596</v>
      </c>
      <c r="D136647" s="14" t="s">
        <v>155</v>
      </c>
      <c r="E136647" s="15">
        <v>45513</v>
      </c>
      <c r="F136647" s="14" t="s">
        <v>25</v>
      </c>
      <c r="G136647" s="16">
        <v>0</v>
      </c>
    </row>
    <row r="136648" spans="1:7" x14ac:dyDescent="0.3">
      <c r="A136648" s="13" t="s">
        <v>612</v>
      </c>
      <c r="B136648" s="14" t="s">
        <v>1</v>
      </c>
      <c r="C136648" s="14" t="s">
        <v>596</v>
      </c>
      <c r="D136648" s="14" t="s">
        <v>155</v>
      </c>
      <c r="E136648" s="15">
        <v>45514</v>
      </c>
      <c r="F136648" s="14" t="s">
        <v>25</v>
      </c>
      <c r="G136648" s="16">
        <v>0</v>
      </c>
    </row>
    <row r="136649" spans="1:7" x14ac:dyDescent="0.3">
      <c r="A136649" s="13" t="s">
        <v>612</v>
      </c>
      <c r="B136649" s="14" t="s">
        <v>1</v>
      </c>
      <c r="C136649" s="14" t="s">
        <v>596</v>
      </c>
      <c r="D136649" s="14" t="s">
        <v>155</v>
      </c>
      <c r="E136649" s="15">
        <v>45515</v>
      </c>
      <c r="F136649" s="14" t="s">
        <v>25</v>
      </c>
      <c r="G136649" s="16">
        <v>0</v>
      </c>
    </row>
    <row r="136650" spans="1:7" x14ac:dyDescent="0.3">
      <c r="A136650" s="13" t="s">
        <v>612</v>
      </c>
      <c r="B136650" s="14" t="s">
        <v>1</v>
      </c>
      <c r="C136650" s="14" t="s">
        <v>596</v>
      </c>
      <c r="D136650" s="14" t="s">
        <v>155</v>
      </c>
      <c r="E136650" s="15">
        <v>45516</v>
      </c>
      <c r="F136650" s="14" t="s">
        <v>25</v>
      </c>
      <c r="G136650" s="16">
        <v>0</v>
      </c>
    </row>
    <row r="136651" spans="1:7" x14ac:dyDescent="0.3">
      <c r="A136651" s="13" t="s">
        <v>612</v>
      </c>
      <c r="B136651" s="14" t="s">
        <v>1</v>
      </c>
      <c r="C136651" s="14" t="s">
        <v>596</v>
      </c>
      <c r="D136651" s="14" t="s">
        <v>155</v>
      </c>
      <c r="E136651" s="15">
        <v>45517</v>
      </c>
      <c r="F136651" s="14" t="s">
        <v>25</v>
      </c>
      <c r="G136651" s="16">
        <v>0</v>
      </c>
    </row>
    <row r="136652" spans="1:7" x14ac:dyDescent="0.3">
      <c r="A136652" s="13" t="s">
        <v>612</v>
      </c>
      <c r="B136652" s="14" t="s">
        <v>1</v>
      </c>
      <c r="C136652" s="14" t="s">
        <v>596</v>
      </c>
      <c r="D136652" s="14" t="s">
        <v>155</v>
      </c>
      <c r="E136652" s="15">
        <v>45518</v>
      </c>
      <c r="F136652" s="14" t="s">
        <v>25</v>
      </c>
      <c r="G136652" s="16">
        <v>0</v>
      </c>
    </row>
    <row r="136653" spans="1:7" x14ac:dyDescent="0.3">
      <c r="A136653" s="13" t="s">
        <v>612</v>
      </c>
      <c r="B136653" s="14" t="s">
        <v>1</v>
      </c>
      <c r="C136653" s="14" t="s">
        <v>596</v>
      </c>
      <c r="D136653" s="14" t="s">
        <v>155</v>
      </c>
      <c r="E136653" s="15">
        <v>45519</v>
      </c>
      <c r="F136653" s="14" t="s">
        <v>25</v>
      </c>
      <c r="G136653" s="16">
        <v>0</v>
      </c>
    </row>
    <row r="136654" spans="1:7" x14ac:dyDescent="0.3">
      <c r="A136654" s="13" t="s">
        <v>612</v>
      </c>
      <c r="B136654" s="14" t="s">
        <v>1</v>
      </c>
      <c r="C136654" s="14" t="s">
        <v>596</v>
      </c>
      <c r="D136654" s="14" t="s">
        <v>155</v>
      </c>
      <c r="E136654" s="15">
        <v>45520</v>
      </c>
      <c r="F136654" s="14" t="s">
        <v>25</v>
      </c>
      <c r="G136654" s="16">
        <v>0</v>
      </c>
    </row>
    <row r="136655" spans="1:7" x14ac:dyDescent="0.3">
      <c r="A136655" s="13" t="s">
        <v>612</v>
      </c>
      <c r="B136655" s="14" t="s">
        <v>1</v>
      </c>
      <c r="C136655" s="14" t="s">
        <v>596</v>
      </c>
      <c r="D136655" s="14" t="s">
        <v>155</v>
      </c>
      <c r="E136655" s="15">
        <v>45521</v>
      </c>
      <c r="F136655" s="14" t="s">
        <v>25</v>
      </c>
      <c r="G136655" s="16">
        <v>0</v>
      </c>
    </row>
    <row r="136656" spans="1:7" x14ac:dyDescent="0.3">
      <c r="A136656" s="13" t="s">
        <v>612</v>
      </c>
      <c r="B136656" s="14" t="s">
        <v>1</v>
      </c>
      <c r="C136656" s="14" t="s">
        <v>596</v>
      </c>
      <c r="D136656" s="14" t="s">
        <v>155</v>
      </c>
      <c r="E136656" s="15">
        <v>45522</v>
      </c>
      <c r="F136656" s="14" t="s">
        <v>25</v>
      </c>
      <c r="G136656" s="16">
        <v>0</v>
      </c>
    </row>
    <row r="136657" spans="1:7" x14ac:dyDescent="0.3">
      <c r="A136657" s="13" t="s">
        <v>612</v>
      </c>
      <c r="B136657" s="14" t="s">
        <v>1</v>
      </c>
      <c r="C136657" s="14" t="s">
        <v>596</v>
      </c>
      <c r="D136657" s="14" t="s">
        <v>155</v>
      </c>
      <c r="E136657" s="15">
        <v>45523</v>
      </c>
      <c r="F136657" s="14" t="s">
        <v>25</v>
      </c>
      <c r="G136657" s="16">
        <v>0</v>
      </c>
    </row>
    <row r="136658" spans="1:7" x14ac:dyDescent="0.3">
      <c r="A136658" s="13" t="s">
        <v>612</v>
      </c>
      <c r="B136658" s="14" t="s">
        <v>1</v>
      </c>
      <c r="C136658" s="14" t="s">
        <v>596</v>
      </c>
      <c r="D136658" s="14" t="s">
        <v>155</v>
      </c>
      <c r="E136658" s="15">
        <v>45524</v>
      </c>
      <c r="F136658" s="14" t="s">
        <v>25</v>
      </c>
      <c r="G136658" s="16">
        <v>0</v>
      </c>
    </row>
    <row r="136659" spans="1:7" x14ac:dyDescent="0.3">
      <c r="A136659" s="13" t="s">
        <v>612</v>
      </c>
      <c r="B136659" s="14" t="s">
        <v>1</v>
      </c>
      <c r="C136659" s="14" t="s">
        <v>596</v>
      </c>
      <c r="D136659" s="14" t="s">
        <v>155</v>
      </c>
      <c r="E136659" s="15">
        <v>45525</v>
      </c>
      <c r="F136659" s="14" t="s">
        <v>25</v>
      </c>
      <c r="G136659" s="16">
        <v>0</v>
      </c>
    </row>
    <row r="136660" spans="1:7" x14ac:dyDescent="0.3">
      <c r="A136660" s="13" t="s">
        <v>612</v>
      </c>
      <c r="B136660" s="14" t="s">
        <v>1</v>
      </c>
      <c r="C136660" s="14" t="s">
        <v>596</v>
      </c>
      <c r="D136660" s="14" t="s">
        <v>155</v>
      </c>
      <c r="E136660" s="15">
        <v>45526</v>
      </c>
      <c r="F136660" s="14" t="s">
        <v>25</v>
      </c>
      <c r="G136660" s="16">
        <v>0</v>
      </c>
    </row>
    <row r="136661" spans="1:7" x14ac:dyDescent="0.3">
      <c r="A136661" s="13" t="s">
        <v>612</v>
      </c>
      <c r="B136661" s="14" t="s">
        <v>1</v>
      </c>
      <c r="C136661" s="14" t="s">
        <v>596</v>
      </c>
      <c r="D136661" s="14" t="s">
        <v>155</v>
      </c>
      <c r="E136661" s="15">
        <v>45527</v>
      </c>
      <c r="F136661" s="14" t="s">
        <v>25</v>
      </c>
      <c r="G136661" s="16">
        <v>0</v>
      </c>
    </row>
    <row r="136662" spans="1:7" x14ac:dyDescent="0.3">
      <c r="A136662" s="13" t="s">
        <v>612</v>
      </c>
      <c r="B136662" s="14" t="s">
        <v>1</v>
      </c>
      <c r="C136662" s="14" t="s">
        <v>596</v>
      </c>
      <c r="D136662" s="14" t="s">
        <v>155</v>
      </c>
      <c r="E136662" s="15">
        <v>45528</v>
      </c>
      <c r="F136662" s="14" t="s">
        <v>25</v>
      </c>
      <c r="G136662" s="16">
        <v>0</v>
      </c>
    </row>
    <row r="136663" spans="1:7" x14ac:dyDescent="0.3">
      <c r="A136663" s="13" t="s">
        <v>612</v>
      </c>
      <c r="B136663" s="14" t="s">
        <v>1</v>
      </c>
      <c r="C136663" s="14" t="s">
        <v>596</v>
      </c>
      <c r="D136663" s="14" t="s">
        <v>155</v>
      </c>
      <c r="E136663" s="15">
        <v>45529</v>
      </c>
      <c r="F136663" s="14" t="s">
        <v>25</v>
      </c>
      <c r="G136663" s="16">
        <v>0</v>
      </c>
    </row>
    <row r="136664" spans="1:7" x14ac:dyDescent="0.3">
      <c r="A136664" s="13" t="s">
        <v>612</v>
      </c>
      <c r="B136664" s="14" t="s">
        <v>1</v>
      </c>
      <c r="C136664" s="14" t="s">
        <v>596</v>
      </c>
      <c r="D136664" s="14" t="s">
        <v>155</v>
      </c>
      <c r="E136664" s="15">
        <v>45530</v>
      </c>
      <c r="F136664" s="14" t="s">
        <v>25</v>
      </c>
      <c r="G136664" s="16">
        <v>0</v>
      </c>
    </row>
    <row r="136665" spans="1:7" x14ac:dyDescent="0.3">
      <c r="A136665" s="13" t="s">
        <v>612</v>
      </c>
      <c r="B136665" s="14" t="s">
        <v>1</v>
      </c>
      <c r="C136665" s="14" t="s">
        <v>596</v>
      </c>
      <c r="D136665" s="14" t="s">
        <v>155</v>
      </c>
      <c r="E136665" s="15">
        <v>45531</v>
      </c>
      <c r="F136665" s="14" t="s">
        <v>25</v>
      </c>
      <c r="G136665" s="16">
        <v>0</v>
      </c>
    </row>
    <row r="136666" spans="1:7" x14ac:dyDescent="0.3">
      <c r="A136666" s="13" t="s">
        <v>612</v>
      </c>
      <c r="B136666" s="14" t="s">
        <v>1</v>
      </c>
      <c r="C136666" s="14" t="s">
        <v>596</v>
      </c>
      <c r="D136666" s="14" t="s">
        <v>155</v>
      </c>
      <c r="E136666" s="15">
        <v>45532</v>
      </c>
      <c r="F136666" s="14" t="s">
        <v>25</v>
      </c>
      <c r="G136666" s="16">
        <v>0</v>
      </c>
    </row>
    <row r="136667" spans="1:7" x14ac:dyDescent="0.3">
      <c r="A136667" s="13" t="s">
        <v>612</v>
      </c>
      <c r="B136667" s="14" t="s">
        <v>1</v>
      </c>
      <c r="C136667" s="14" t="s">
        <v>596</v>
      </c>
      <c r="D136667" s="14" t="s">
        <v>155</v>
      </c>
      <c r="E136667" s="15">
        <v>45533</v>
      </c>
      <c r="F136667" s="14" t="s">
        <v>25</v>
      </c>
      <c r="G136667" s="16">
        <v>0</v>
      </c>
    </row>
    <row r="136668" spans="1:7" x14ac:dyDescent="0.3">
      <c r="A136668" s="13" t="s">
        <v>612</v>
      </c>
      <c r="B136668" s="14" t="s">
        <v>1</v>
      </c>
      <c r="C136668" s="14" t="s">
        <v>596</v>
      </c>
      <c r="D136668" s="14" t="s">
        <v>155</v>
      </c>
      <c r="E136668" s="15">
        <v>45534</v>
      </c>
      <c r="F136668" s="14" t="s">
        <v>25</v>
      </c>
      <c r="G136668" s="16">
        <v>0</v>
      </c>
    </row>
    <row r="136669" spans="1:7" x14ac:dyDescent="0.3">
      <c r="A136669" s="13" t="s">
        <v>612</v>
      </c>
      <c r="B136669" s="14" t="s">
        <v>1</v>
      </c>
      <c r="C136669" s="14" t="s">
        <v>596</v>
      </c>
      <c r="D136669" s="14" t="s">
        <v>155</v>
      </c>
      <c r="E136669" s="15">
        <v>45535</v>
      </c>
      <c r="F136669" s="14" t="s">
        <v>25</v>
      </c>
      <c r="G136669" s="16">
        <v>0</v>
      </c>
    </row>
    <row r="136670" spans="1:7" x14ac:dyDescent="0.3">
      <c r="A136670" s="13" t="s">
        <v>612</v>
      </c>
      <c r="B136670" s="14" t="s">
        <v>1</v>
      </c>
      <c r="C136670" s="14" t="s">
        <v>596</v>
      </c>
      <c r="D136670" s="14" t="s">
        <v>155</v>
      </c>
      <c r="E136670" s="15">
        <v>45536</v>
      </c>
      <c r="F136670" s="14" t="s">
        <v>25</v>
      </c>
      <c r="G136670" s="16">
        <v>0</v>
      </c>
    </row>
    <row r="136671" spans="1:7" x14ac:dyDescent="0.3">
      <c r="A136671" s="13" t="s">
        <v>612</v>
      </c>
      <c r="B136671" s="14" t="s">
        <v>1</v>
      </c>
      <c r="C136671" s="14" t="s">
        <v>596</v>
      </c>
      <c r="D136671" s="14" t="s">
        <v>155</v>
      </c>
      <c r="E136671" s="15">
        <v>45537</v>
      </c>
      <c r="F136671" s="14" t="s">
        <v>25</v>
      </c>
      <c r="G136671" s="16">
        <v>0</v>
      </c>
    </row>
    <row r="136672" spans="1:7" x14ac:dyDescent="0.3">
      <c r="A136672" s="13" t="s">
        <v>612</v>
      </c>
      <c r="B136672" s="14" t="s">
        <v>1</v>
      </c>
      <c r="C136672" s="14" t="s">
        <v>596</v>
      </c>
      <c r="D136672" s="14" t="s">
        <v>155</v>
      </c>
      <c r="E136672" s="15">
        <v>45538</v>
      </c>
      <c r="F136672" s="14" t="s">
        <v>25</v>
      </c>
      <c r="G136672" s="16">
        <v>0</v>
      </c>
    </row>
    <row r="136673" spans="1:7" x14ac:dyDescent="0.3">
      <c r="A136673" s="13" t="s">
        <v>612</v>
      </c>
      <c r="B136673" s="14" t="s">
        <v>1</v>
      </c>
      <c r="C136673" s="14" t="s">
        <v>596</v>
      </c>
      <c r="D136673" s="14" t="s">
        <v>155</v>
      </c>
      <c r="E136673" s="15">
        <v>45539</v>
      </c>
      <c r="F136673" s="14" t="s">
        <v>25</v>
      </c>
      <c r="G136673" s="16">
        <v>0</v>
      </c>
    </row>
    <row r="136674" spans="1:7" x14ac:dyDescent="0.3">
      <c r="A136674" s="13" t="s">
        <v>612</v>
      </c>
      <c r="B136674" s="14" t="s">
        <v>1</v>
      </c>
      <c r="C136674" s="14" t="s">
        <v>596</v>
      </c>
      <c r="D136674" s="14" t="s">
        <v>155</v>
      </c>
      <c r="E136674" s="15">
        <v>45540</v>
      </c>
      <c r="F136674" s="14" t="s">
        <v>25</v>
      </c>
      <c r="G136674" s="16">
        <v>0</v>
      </c>
    </row>
    <row r="136675" spans="1:7" x14ac:dyDescent="0.3">
      <c r="A136675" s="13" t="s">
        <v>612</v>
      </c>
      <c r="B136675" s="14" t="s">
        <v>1</v>
      </c>
      <c r="C136675" s="14" t="s">
        <v>596</v>
      </c>
      <c r="D136675" s="14" t="s">
        <v>155</v>
      </c>
      <c r="E136675" s="15">
        <v>45541</v>
      </c>
      <c r="F136675" s="14" t="s">
        <v>25</v>
      </c>
      <c r="G136675" s="16">
        <v>0</v>
      </c>
    </row>
    <row r="136676" spans="1:7" x14ac:dyDescent="0.3">
      <c r="A136676" s="13" t="s">
        <v>612</v>
      </c>
      <c r="B136676" s="14" t="s">
        <v>1</v>
      </c>
      <c r="C136676" s="14" t="s">
        <v>596</v>
      </c>
      <c r="D136676" s="14" t="s">
        <v>155</v>
      </c>
      <c r="E136676" s="15">
        <v>45542</v>
      </c>
      <c r="F136676" s="14" t="s">
        <v>25</v>
      </c>
      <c r="G136676" s="16">
        <v>0</v>
      </c>
    </row>
    <row r="136677" spans="1:7" x14ac:dyDescent="0.3">
      <c r="A136677" s="13" t="s">
        <v>612</v>
      </c>
      <c r="B136677" s="14" t="s">
        <v>1</v>
      </c>
      <c r="C136677" s="14" t="s">
        <v>596</v>
      </c>
      <c r="D136677" s="14" t="s">
        <v>155</v>
      </c>
      <c r="E136677" s="15">
        <v>45543</v>
      </c>
      <c r="F136677" s="14" t="s">
        <v>25</v>
      </c>
      <c r="G136677" s="16">
        <v>0</v>
      </c>
    </row>
    <row r="136678" spans="1:7" x14ac:dyDescent="0.3">
      <c r="A136678" s="13" t="s">
        <v>612</v>
      </c>
      <c r="B136678" s="14" t="s">
        <v>1</v>
      </c>
      <c r="C136678" s="14" t="s">
        <v>596</v>
      </c>
      <c r="D136678" s="14" t="s">
        <v>155</v>
      </c>
      <c r="E136678" s="15">
        <v>45544</v>
      </c>
      <c r="F136678" s="14" t="s">
        <v>25</v>
      </c>
      <c r="G136678" s="16">
        <v>0</v>
      </c>
    </row>
    <row r="136679" spans="1:7" x14ac:dyDescent="0.3">
      <c r="A136679" s="13" t="s">
        <v>612</v>
      </c>
      <c r="B136679" s="14" t="s">
        <v>1</v>
      </c>
      <c r="C136679" s="14" t="s">
        <v>596</v>
      </c>
      <c r="D136679" s="14" t="s">
        <v>155</v>
      </c>
      <c r="E136679" s="15">
        <v>45545</v>
      </c>
      <c r="F136679" s="14" t="s">
        <v>25</v>
      </c>
      <c r="G136679" s="16">
        <v>0</v>
      </c>
    </row>
    <row r="136680" spans="1:7" x14ac:dyDescent="0.3">
      <c r="A136680" s="13" t="s">
        <v>612</v>
      </c>
      <c r="B136680" s="14" t="s">
        <v>1</v>
      </c>
      <c r="C136680" s="14" t="s">
        <v>596</v>
      </c>
      <c r="D136680" s="14" t="s">
        <v>155</v>
      </c>
      <c r="E136680" s="15">
        <v>45546</v>
      </c>
      <c r="F136680" s="14" t="s">
        <v>25</v>
      </c>
      <c r="G136680" s="16">
        <v>0</v>
      </c>
    </row>
    <row r="136681" spans="1:7" x14ac:dyDescent="0.3">
      <c r="A136681" s="13" t="s">
        <v>612</v>
      </c>
      <c r="B136681" s="14" t="s">
        <v>1</v>
      </c>
      <c r="C136681" s="14" t="s">
        <v>596</v>
      </c>
      <c r="D136681" s="14" t="s">
        <v>155</v>
      </c>
      <c r="E136681" s="15">
        <v>45547</v>
      </c>
      <c r="F136681" s="14" t="s">
        <v>25</v>
      </c>
      <c r="G136681" s="16">
        <v>0</v>
      </c>
    </row>
    <row r="136682" spans="1:7" x14ac:dyDescent="0.3">
      <c r="A136682" s="13" t="s">
        <v>612</v>
      </c>
      <c r="B136682" s="14" t="s">
        <v>1</v>
      </c>
      <c r="C136682" s="14" t="s">
        <v>596</v>
      </c>
      <c r="D136682" s="14" t="s">
        <v>155</v>
      </c>
      <c r="E136682" s="15">
        <v>45548</v>
      </c>
      <c r="F136682" s="14" t="s">
        <v>25</v>
      </c>
      <c r="G136682" s="16">
        <v>0</v>
      </c>
    </row>
    <row r="136683" spans="1:7" x14ac:dyDescent="0.3">
      <c r="A136683" s="13" t="s">
        <v>612</v>
      </c>
      <c r="B136683" s="14" t="s">
        <v>1</v>
      </c>
      <c r="C136683" s="14" t="s">
        <v>596</v>
      </c>
      <c r="D136683" s="14" t="s">
        <v>155</v>
      </c>
      <c r="E136683" s="15">
        <v>45549</v>
      </c>
      <c r="F136683" s="14" t="s">
        <v>25</v>
      </c>
      <c r="G136683" s="16">
        <v>0</v>
      </c>
    </row>
    <row r="136684" spans="1:7" x14ac:dyDescent="0.3">
      <c r="A136684" s="13" t="s">
        <v>612</v>
      </c>
      <c r="B136684" s="14" t="s">
        <v>1</v>
      </c>
      <c r="C136684" s="14" t="s">
        <v>596</v>
      </c>
      <c r="D136684" s="14" t="s">
        <v>155</v>
      </c>
      <c r="E136684" s="15">
        <v>45550</v>
      </c>
      <c r="F136684" s="14" t="s">
        <v>25</v>
      </c>
      <c r="G136684" s="16">
        <v>0</v>
      </c>
    </row>
    <row r="136685" spans="1:7" x14ac:dyDescent="0.3">
      <c r="A136685" s="13" t="s">
        <v>612</v>
      </c>
      <c r="B136685" s="14" t="s">
        <v>1</v>
      </c>
      <c r="C136685" s="14" t="s">
        <v>596</v>
      </c>
      <c r="D136685" s="14" t="s">
        <v>155</v>
      </c>
      <c r="E136685" s="15">
        <v>45551</v>
      </c>
      <c r="F136685" s="14" t="s">
        <v>25</v>
      </c>
      <c r="G136685" s="16">
        <v>0</v>
      </c>
    </row>
    <row r="136686" spans="1:7" x14ac:dyDescent="0.3">
      <c r="A136686" s="13" t="s">
        <v>612</v>
      </c>
      <c r="B136686" s="14" t="s">
        <v>1</v>
      </c>
      <c r="C136686" s="14" t="s">
        <v>596</v>
      </c>
      <c r="D136686" s="14" t="s">
        <v>155</v>
      </c>
      <c r="E136686" s="15">
        <v>45552</v>
      </c>
      <c r="F136686" s="14" t="s">
        <v>25</v>
      </c>
      <c r="G136686" s="16">
        <v>0</v>
      </c>
    </row>
    <row r="136687" spans="1:7" x14ac:dyDescent="0.3">
      <c r="A136687" s="13" t="s">
        <v>612</v>
      </c>
      <c r="B136687" s="14" t="s">
        <v>1</v>
      </c>
      <c r="C136687" s="14" t="s">
        <v>596</v>
      </c>
      <c r="D136687" s="14" t="s">
        <v>155</v>
      </c>
      <c r="E136687" s="15">
        <v>45553</v>
      </c>
      <c r="F136687" s="14" t="s">
        <v>25</v>
      </c>
      <c r="G136687" s="16">
        <v>0</v>
      </c>
    </row>
    <row r="136688" spans="1:7" x14ac:dyDescent="0.3">
      <c r="A136688" s="13" t="s">
        <v>612</v>
      </c>
      <c r="B136688" s="14" t="s">
        <v>1</v>
      </c>
      <c r="C136688" s="14" t="s">
        <v>596</v>
      </c>
      <c r="D136688" s="14" t="s">
        <v>155</v>
      </c>
      <c r="E136688" s="15">
        <v>45554</v>
      </c>
      <c r="F136688" s="14" t="s">
        <v>25</v>
      </c>
      <c r="G136688" s="16">
        <v>0</v>
      </c>
    </row>
    <row r="136689" spans="1:7" x14ac:dyDescent="0.3">
      <c r="A136689" s="13" t="s">
        <v>612</v>
      </c>
      <c r="B136689" s="14" t="s">
        <v>1</v>
      </c>
      <c r="C136689" s="14" t="s">
        <v>596</v>
      </c>
      <c r="D136689" s="14" t="s">
        <v>155</v>
      </c>
      <c r="E136689" s="15">
        <v>45555</v>
      </c>
      <c r="F136689" s="14" t="s">
        <v>25</v>
      </c>
      <c r="G136689" s="16">
        <v>0</v>
      </c>
    </row>
    <row r="136690" spans="1:7" x14ac:dyDescent="0.3">
      <c r="A136690" s="13" t="s">
        <v>612</v>
      </c>
      <c r="B136690" s="14" t="s">
        <v>1</v>
      </c>
      <c r="C136690" s="14" t="s">
        <v>596</v>
      </c>
      <c r="D136690" s="14" t="s">
        <v>155</v>
      </c>
      <c r="E136690" s="15">
        <v>45556</v>
      </c>
      <c r="F136690" s="14" t="s">
        <v>25</v>
      </c>
      <c r="G136690" s="16">
        <v>0</v>
      </c>
    </row>
    <row r="136691" spans="1:7" x14ac:dyDescent="0.3">
      <c r="A136691" s="13" t="s">
        <v>612</v>
      </c>
      <c r="B136691" s="14" t="s">
        <v>1</v>
      </c>
      <c r="C136691" s="14" t="s">
        <v>596</v>
      </c>
      <c r="D136691" s="14" t="s">
        <v>155</v>
      </c>
      <c r="E136691" s="15">
        <v>45557</v>
      </c>
      <c r="F136691" s="14" t="s">
        <v>25</v>
      </c>
      <c r="G136691" s="16">
        <v>0</v>
      </c>
    </row>
    <row r="136692" spans="1:7" x14ac:dyDescent="0.3">
      <c r="A136692" s="13" t="s">
        <v>612</v>
      </c>
      <c r="B136692" s="14" t="s">
        <v>1</v>
      </c>
      <c r="C136692" s="14" t="s">
        <v>596</v>
      </c>
      <c r="D136692" s="14" t="s">
        <v>155</v>
      </c>
      <c r="E136692" s="15">
        <v>45558</v>
      </c>
      <c r="F136692" s="14" t="s">
        <v>25</v>
      </c>
      <c r="G136692" s="16">
        <v>0</v>
      </c>
    </row>
    <row r="136693" spans="1:7" x14ac:dyDescent="0.3">
      <c r="A136693" s="13" t="s">
        <v>612</v>
      </c>
      <c r="B136693" s="14" t="s">
        <v>1</v>
      </c>
      <c r="C136693" s="14" t="s">
        <v>596</v>
      </c>
      <c r="D136693" s="14" t="s">
        <v>155</v>
      </c>
      <c r="E136693" s="15">
        <v>45559</v>
      </c>
      <c r="F136693" s="14" t="s">
        <v>25</v>
      </c>
      <c r="G136693" s="16">
        <v>0</v>
      </c>
    </row>
    <row r="136694" spans="1:7" x14ac:dyDescent="0.3">
      <c r="A136694" s="13" t="s">
        <v>612</v>
      </c>
      <c r="B136694" s="14" t="s">
        <v>1</v>
      </c>
      <c r="C136694" s="14" t="s">
        <v>596</v>
      </c>
      <c r="D136694" s="14" t="s">
        <v>155</v>
      </c>
      <c r="E136694" s="15">
        <v>45560</v>
      </c>
      <c r="F136694" s="14" t="s">
        <v>25</v>
      </c>
      <c r="G136694" s="16">
        <v>0</v>
      </c>
    </row>
    <row r="136695" spans="1:7" x14ac:dyDescent="0.3">
      <c r="A136695" s="13" t="s">
        <v>612</v>
      </c>
      <c r="B136695" s="14" t="s">
        <v>1</v>
      </c>
      <c r="C136695" s="14" t="s">
        <v>596</v>
      </c>
      <c r="D136695" s="14" t="s">
        <v>155</v>
      </c>
      <c r="E136695" s="15">
        <v>45561</v>
      </c>
      <c r="F136695" s="14" t="s">
        <v>25</v>
      </c>
      <c r="G136695" s="16">
        <v>0</v>
      </c>
    </row>
    <row r="136696" spans="1:7" x14ac:dyDescent="0.3">
      <c r="A136696" s="13" t="s">
        <v>612</v>
      </c>
      <c r="B136696" s="14" t="s">
        <v>1</v>
      </c>
      <c r="C136696" s="14" t="s">
        <v>596</v>
      </c>
      <c r="D136696" s="14" t="s">
        <v>155</v>
      </c>
      <c r="E136696" s="15">
        <v>45562</v>
      </c>
      <c r="F136696" s="14" t="s">
        <v>25</v>
      </c>
      <c r="G136696" s="16">
        <v>0</v>
      </c>
    </row>
    <row r="136697" spans="1:7" x14ac:dyDescent="0.3">
      <c r="A136697" s="13" t="s">
        <v>612</v>
      </c>
      <c r="B136697" s="14" t="s">
        <v>1</v>
      </c>
      <c r="C136697" s="14" t="s">
        <v>596</v>
      </c>
      <c r="D136697" s="14" t="s">
        <v>155</v>
      </c>
      <c r="E136697" s="15">
        <v>45563</v>
      </c>
      <c r="F136697" s="14" t="s">
        <v>25</v>
      </c>
      <c r="G136697" s="16">
        <v>0</v>
      </c>
    </row>
    <row r="136698" spans="1:7" x14ac:dyDescent="0.3">
      <c r="A136698" s="13" t="s">
        <v>612</v>
      </c>
      <c r="B136698" s="14" t="s">
        <v>1</v>
      </c>
      <c r="C136698" s="14" t="s">
        <v>596</v>
      </c>
      <c r="D136698" s="14" t="s">
        <v>155</v>
      </c>
      <c r="E136698" s="15">
        <v>45564</v>
      </c>
      <c r="F136698" s="14" t="s">
        <v>25</v>
      </c>
      <c r="G136698" s="16">
        <v>0</v>
      </c>
    </row>
    <row r="136699" spans="1:7" x14ac:dyDescent="0.3">
      <c r="A136699" s="13" t="s">
        <v>612</v>
      </c>
      <c r="B136699" s="14" t="s">
        <v>1</v>
      </c>
      <c r="C136699" s="14" t="s">
        <v>596</v>
      </c>
      <c r="D136699" s="14" t="s">
        <v>155</v>
      </c>
      <c r="E136699" s="15">
        <v>45565</v>
      </c>
      <c r="F136699" s="14" t="s">
        <v>25</v>
      </c>
      <c r="G136699" s="16">
        <v>0</v>
      </c>
    </row>
    <row r="136700" spans="1:7" x14ac:dyDescent="0.3">
      <c r="A136700" s="13" t="s">
        <v>612</v>
      </c>
      <c r="B136700" s="14" t="s">
        <v>1</v>
      </c>
      <c r="C136700" s="14" t="s">
        <v>596</v>
      </c>
      <c r="D136700" s="14" t="s">
        <v>155</v>
      </c>
      <c r="E136700" s="15">
        <v>45566</v>
      </c>
      <c r="F136700" s="14" t="s">
        <v>25</v>
      </c>
      <c r="G136700" s="16">
        <v>0</v>
      </c>
    </row>
    <row r="136701" spans="1:7" x14ac:dyDescent="0.3">
      <c r="A136701" s="13" t="s">
        <v>612</v>
      </c>
      <c r="B136701" s="14" t="s">
        <v>1</v>
      </c>
      <c r="C136701" s="14" t="s">
        <v>596</v>
      </c>
      <c r="D136701" s="14" t="s">
        <v>155</v>
      </c>
      <c r="E136701" s="15">
        <v>45567</v>
      </c>
      <c r="F136701" s="14" t="s">
        <v>25</v>
      </c>
      <c r="G136701" s="16">
        <v>0</v>
      </c>
    </row>
    <row r="136702" spans="1:7" x14ac:dyDescent="0.3">
      <c r="A136702" s="13" t="s">
        <v>612</v>
      </c>
      <c r="B136702" s="14" t="s">
        <v>1</v>
      </c>
      <c r="C136702" s="14" t="s">
        <v>596</v>
      </c>
      <c r="D136702" s="14" t="s">
        <v>155</v>
      </c>
      <c r="E136702" s="15">
        <v>45568</v>
      </c>
      <c r="F136702" s="14" t="s">
        <v>25</v>
      </c>
      <c r="G136702" s="16">
        <v>0</v>
      </c>
    </row>
    <row r="136703" spans="1:7" x14ac:dyDescent="0.3">
      <c r="A136703" s="13" t="s">
        <v>612</v>
      </c>
      <c r="B136703" s="14" t="s">
        <v>1</v>
      </c>
      <c r="C136703" s="14" t="s">
        <v>596</v>
      </c>
      <c r="D136703" s="14" t="s">
        <v>155</v>
      </c>
      <c r="E136703" s="15">
        <v>45569</v>
      </c>
      <c r="F136703" s="14" t="s">
        <v>25</v>
      </c>
      <c r="G136703" s="16">
        <v>0</v>
      </c>
    </row>
    <row r="136704" spans="1:7" x14ac:dyDescent="0.3">
      <c r="A136704" s="13" t="s">
        <v>612</v>
      </c>
      <c r="B136704" s="14" t="s">
        <v>1</v>
      </c>
      <c r="C136704" s="14" t="s">
        <v>596</v>
      </c>
      <c r="D136704" s="14" t="s">
        <v>155</v>
      </c>
      <c r="E136704" s="15">
        <v>45570</v>
      </c>
      <c r="F136704" s="14" t="s">
        <v>25</v>
      </c>
      <c r="G136704" s="16">
        <v>0</v>
      </c>
    </row>
    <row r="136705" spans="1:7" x14ac:dyDescent="0.3">
      <c r="A136705" s="13" t="s">
        <v>612</v>
      </c>
      <c r="B136705" s="14" t="s">
        <v>1</v>
      </c>
      <c r="C136705" s="14" t="s">
        <v>596</v>
      </c>
      <c r="D136705" s="14" t="s">
        <v>155</v>
      </c>
      <c r="E136705" s="15">
        <v>45571</v>
      </c>
      <c r="F136705" s="14" t="s">
        <v>25</v>
      </c>
      <c r="G136705" s="16">
        <v>0</v>
      </c>
    </row>
    <row r="136706" spans="1:7" x14ac:dyDescent="0.3">
      <c r="A136706" s="13" t="s">
        <v>612</v>
      </c>
      <c r="B136706" s="14" t="s">
        <v>1</v>
      </c>
      <c r="C136706" s="14" t="s">
        <v>596</v>
      </c>
      <c r="D136706" s="14" t="s">
        <v>155</v>
      </c>
      <c r="E136706" s="15">
        <v>45572</v>
      </c>
      <c r="F136706" s="14" t="s">
        <v>25</v>
      </c>
      <c r="G136706" s="16">
        <v>0</v>
      </c>
    </row>
    <row r="136707" spans="1:7" x14ac:dyDescent="0.3">
      <c r="A136707" s="13" t="s">
        <v>612</v>
      </c>
      <c r="B136707" s="14" t="s">
        <v>1</v>
      </c>
      <c r="C136707" s="14" t="s">
        <v>596</v>
      </c>
      <c r="D136707" s="14" t="s">
        <v>155</v>
      </c>
      <c r="E136707" s="15">
        <v>45573</v>
      </c>
      <c r="F136707" s="14" t="s">
        <v>25</v>
      </c>
      <c r="G136707" s="16">
        <v>0</v>
      </c>
    </row>
    <row r="136708" spans="1:7" x14ac:dyDescent="0.3">
      <c r="A136708" s="13" t="s">
        <v>612</v>
      </c>
      <c r="B136708" s="14" t="s">
        <v>1</v>
      </c>
      <c r="C136708" s="14" t="s">
        <v>596</v>
      </c>
      <c r="D136708" s="14" t="s">
        <v>155</v>
      </c>
      <c r="E136708" s="15">
        <v>45574</v>
      </c>
      <c r="F136708" s="14" t="s">
        <v>25</v>
      </c>
      <c r="G136708" s="16">
        <v>0</v>
      </c>
    </row>
    <row r="136709" spans="1:7" x14ac:dyDescent="0.3">
      <c r="A136709" s="13" t="s">
        <v>612</v>
      </c>
      <c r="B136709" s="14" t="s">
        <v>1</v>
      </c>
      <c r="C136709" s="14" t="s">
        <v>596</v>
      </c>
      <c r="D136709" s="14" t="s">
        <v>155</v>
      </c>
      <c r="E136709" s="15">
        <v>45575</v>
      </c>
      <c r="F136709" s="14" t="s">
        <v>25</v>
      </c>
      <c r="G136709" s="16">
        <v>0</v>
      </c>
    </row>
    <row r="136710" spans="1:7" x14ac:dyDescent="0.3">
      <c r="A136710" s="13" t="s">
        <v>612</v>
      </c>
      <c r="B136710" s="14" t="s">
        <v>1</v>
      </c>
      <c r="C136710" s="14" t="s">
        <v>596</v>
      </c>
      <c r="D136710" s="14" t="s">
        <v>155</v>
      </c>
      <c r="E136710" s="15">
        <v>45576</v>
      </c>
      <c r="F136710" s="14" t="s">
        <v>25</v>
      </c>
      <c r="G136710" s="16">
        <v>0</v>
      </c>
    </row>
    <row r="136711" spans="1:7" x14ac:dyDescent="0.3">
      <c r="A136711" s="13" t="s">
        <v>612</v>
      </c>
      <c r="B136711" s="14" t="s">
        <v>1</v>
      </c>
      <c r="C136711" s="14" t="s">
        <v>596</v>
      </c>
      <c r="D136711" s="14" t="s">
        <v>155</v>
      </c>
      <c r="E136711" s="15">
        <v>45577</v>
      </c>
      <c r="F136711" s="14" t="s">
        <v>25</v>
      </c>
      <c r="G136711" s="16">
        <v>0</v>
      </c>
    </row>
    <row r="136712" spans="1:7" x14ac:dyDescent="0.3">
      <c r="A136712" s="13" t="s">
        <v>612</v>
      </c>
      <c r="B136712" s="14" t="s">
        <v>1</v>
      </c>
      <c r="C136712" s="14" t="s">
        <v>596</v>
      </c>
      <c r="D136712" s="14" t="s">
        <v>155</v>
      </c>
      <c r="E136712" s="15">
        <v>45578</v>
      </c>
      <c r="F136712" s="14" t="s">
        <v>25</v>
      </c>
      <c r="G136712" s="16">
        <v>0</v>
      </c>
    </row>
    <row r="136713" spans="1:7" x14ac:dyDescent="0.3">
      <c r="A136713" s="13" t="s">
        <v>612</v>
      </c>
      <c r="B136713" s="14" t="s">
        <v>1</v>
      </c>
      <c r="C136713" s="14" t="s">
        <v>596</v>
      </c>
      <c r="D136713" s="14" t="s">
        <v>155</v>
      </c>
      <c r="E136713" s="15">
        <v>45579</v>
      </c>
      <c r="F136713" s="14" t="s">
        <v>25</v>
      </c>
      <c r="G136713" s="16">
        <v>0</v>
      </c>
    </row>
    <row r="136714" spans="1:7" x14ac:dyDescent="0.3">
      <c r="A136714" s="13" t="s">
        <v>612</v>
      </c>
      <c r="B136714" s="14" t="s">
        <v>1</v>
      </c>
      <c r="C136714" s="14" t="s">
        <v>596</v>
      </c>
      <c r="D136714" s="14" t="s">
        <v>155</v>
      </c>
      <c r="E136714" s="15">
        <v>45580</v>
      </c>
      <c r="F136714" s="14" t="s">
        <v>25</v>
      </c>
      <c r="G136714" s="16">
        <v>0</v>
      </c>
    </row>
    <row r="136715" spans="1:7" x14ac:dyDescent="0.3">
      <c r="A136715" s="13" t="s">
        <v>612</v>
      </c>
      <c r="B136715" s="14" t="s">
        <v>1</v>
      </c>
      <c r="C136715" s="14" t="s">
        <v>596</v>
      </c>
      <c r="D136715" s="14" t="s">
        <v>155</v>
      </c>
      <c r="E136715" s="15">
        <v>45581</v>
      </c>
      <c r="F136715" s="14" t="s">
        <v>25</v>
      </c>
      <c r="G136715" s="16">
        <v>0</v>
      </c>
    </row>
    <row r="136716" spans="1:7" x14ac:dyDescent="0.3">
      <c r="A136716" s="13" t="s">
        <v>612</v>
      </c>
      <c r="B136716" s="14" t="s">
        <v>1</v>
      </c>
      <c r="C136716" s="14" t="s">
        <v>596</v>
      </c>
      <c r="D136716" s="14" t="s">
        <v>155</v>
      </c>
      <c r="E136716" s="15">
        <v>45582</v>
      </c>
      <c r="F136716" s="14" t="s">
        <v>25</v>
      </c>
      <c r="G136716" s="16">
        <v>0</v>
      </c>
    </row>
    <row r="136717" spans="1:7" x14ac:dyDescent="0.3">
      <c r="A136717" s="13" t="s">
        <v>612</v>
      </c>
      <c r="B136717" s="14" t="s">
        <v>1</v>
      </c>
      <c r="C136717" s="14" t="s">
        <v>596</v>
      </c>
      <c r="D136717" s="14" t="s">
        <v>155</v>
      </c>
      <c r="E136717" s="15">
        <v>45583</v>
      </c>
      <c r="F136717" s="14" t="s">
        <v>25</v>
      </c>
      <c r="G136717" s="16">
        <v>0</v>
      </c>
    </row>
    <row r="136718" spans="1:7" x14ac:dyDescent="0.3">
      <c r="A136718" s="13" t="s">
        <v>612</v>
      </c>
      <c r="B136718" s="14" t="s">
        <v>1</v>
      </c>
      <c r="C136718" s="14" t="s">
        <v>596</v>
      </c>
      <c r="D136718" s="14" t="s">
        <v>155</v>
      </c>
      <c r="E136718" s="15">
        <v>45584</v>
      </c>
      <c r="F136718" s="14" t="s">
        <v>25</v>
      </c>
      <c r="G136718" s="16">
        <v>0</v>
      </c>
    </row>
    <row r="136719" spans="1:7" x14ac:dyDescent="0.3">
      <c r="A136719" s="13" t="s">
        <v>612</v>
      </c>
      <c r="B136719" s="14" t="s">
        <v>1</v>
      </c>
      <c r="C136719" s="14" t="s">
        <v>596</v>
      </c>
      <c r="D136719" s="14" t="s">
        <v>155</v>
      </c>
      <c r="E136719" s="15">
        <v>45585</v>
      </c>
      <c r="F136719" s="14" t="s">
        <v>25</v>
      </c>
      <c r="G136719" s="16">
        <v>0</v>
      </c>
    </row>
    <row r="136720" spans="1:7" x14ac:dyDescent="0.3">
      <c r="A136720" s="13" t="s">
        <v>612</v>
      </c>
      <c r="B136720" s="14" t="s">
        <v>1</v>
      </c>
      <c r="C136720" s="14" t="s">
        <v>596</v>
      </c>
      <c r="D136720" s="14" t="s">
        <v>155</v>
      </c>
      <c r="E136720" s="15">
        <v>45586</v>
      </c>
      <c r="F136720" s="14" t="s">
        <v>25</v>
      </c>
      <c r="G136720" s="16">
        <v>0</v>
      </c>
    </row>
    <row r="136721" spans="1:7" x14ac:dyDescent="0.3">
      <c r="A136721" s="13" t="s">
        <v>612</v>
      </c>
      <c r="B136721" s="14" t="s">
        <v>1</v>
      </c>
      <c r="C136721" s="14" t="s">
        <v>596</v>
      </c>
      <c r="D136721" s="14" t="s">
        <v>155</v>
      </c>
      <c r="E136721" s="15">
        <v>45587</v>
      </c>
      <c r="F136721" s="14" t="s">
        <v>25</v>
      </c>
      <c r="G136721" s="16">
        <v>0</v>
      </c>
    </row>
    <row r="136722" spans="1:7" x14ac:dyDescent="0.3">
      <c r="A136722" s="13" t="s">
        <v>612</v>
      </c>
      <c r="B136722" s="14" t="s">
        <v>1</v>
      </c>
      <c r="C136722" s="14" t="s">
        <v>596</v>
      </c>
      <c r="D136722" s="14" t="s">
        <v>155</v>
      </c>
      <c r="E136722" s="15">
        <v>45588</v>
      </c>
      <c r="F136722" s="14" t="s">
        <v>25</v>
      </c>
      <c r="G136722" s="16">
        <v>0</v>
      </c>
    </row>
    <row r="136723" spans="1:7" x14ac:dyDescent="0.3">
      <c r="A136723" s="13" t="s">
        <v>612</v>
      </c>
      <c r="B136723" s="14" t="s">
        <v>1</v>
      </c>
      <c r="C136723" s="14" t="s">
        <v>596</v>
      </c>
      <c r="D136723" s="14" t="s">
        <v>155</v>
      </c>
      <c r="E136723" s="15">
        <v>45589</v>
      </c>
      <c r="F136723" s="14" t="s">
        <v>25</v>
      </c>
      <c r="G136723" s="16">
        <v>0</v>
      </c>
    </row>
    <row r="136724" spans="1:7" x14ac:dyDescent="0.3">
      <c r="A136724" s="13" t="s">
        <v>612</v>
      </c>
      <c r="B136724" s="14" t="s">
        <v>1</v>
      </c>
      <c r="C136724" s="14" t="s">
        <v>596</v>
      </c>
      <c r="D136724" s="14" t="s">
        <v>155</v>
      </c>
      <c r="E136724" s="15">
        <v>45590</v>
      </c>
      <c r="F136724" s="14" t="s">
        <v>25</v>
      </c>
      <c r="G136724" s="16">
        <v>0</v>
      </c>
    </row>
    <row r="136725" spans="1:7" x14ac:dyDescent="0.3">
      <c r="A136725" s="13" t="s">
        <v>612</v>
      </c>
      <c r="B136725" s="14" t="s">
        <v>1</v>
      </c>
      <c r="C136725" s="14" t="s">
        <v>596</v>
      </c>
      <c r="D136725" s="14" t="s">
        <v>155</v>
      </c>
      <c r="E136725" s="15">
        <v>45591</v>
      </c>
      <c r="F136725" s="14" t="s">
        <v>25</v>
      </c>
      <c r="G136725" s="16">
        <v>0</v>
      </c>
    </row>
    <row r="136726" spans="1:7" x14ac:dyDescent="0.3">
      <c r="A136726" s="13" t="s">
        <v>612</v>
      </c>
      <c r="B136726" s="14" t="s">
        <v>1</v>
      </c>
      <c r="C136726" s="14" t="s">
        <v>596</v>
      </c>
      <c r="D136726" s="14" t="s">
        <v>155</v>
      </c>
      <c r="E136726" s="15">
        <v>45592</v>
      </c>
      <c r="F136726" s="14" t="s">
        <v>25</v>
      </c>
      <c r="G136726" s="16">
        <v>0</v>
      </c>
    </row>
    <row r="136727" spans="1:7" x14ac:dyDescent="0.3">
      <c r="A136727" s="13" t="s">
        <v>612</v>
      </c>
      <c r="B136727" s="14" t="s">
        <v>1</v>
      </c>
      <c r="C136727" s="14" t="s">
        <v>596</v>
      </c>
      <c r="D136727" s="14" t="s">
        <v>155</v>
      </c>
      <c r="E136727" s="15">
        <v>45593</v>
      </c>
      <c r="F136727" s="14" t="s">
        <v>25</v>
      </c>
      <c r="G136727" s="16">
        <v>0</v>
      </c>
    </row>
    <row r="136728" spans="1:7" x14ac:dyDescent="0.3">
      <c r="A136728" s="13" t="s">
        <v>612</v>
      </c>
      <c r="B136728" s="14" t="s">
        <v>1</v>
      </c>
      <c r="C136728" s="14" t="s">
        <v>596</v>
      </c>
      <c r="D136728" s="14" t="s">
        <v>155</v>
      </c>
      <c r="E136728" s="15">
        <v>45594</v>
      </c>
      <c r="F136728" s="14" t="s">
        <v>25</v>
      </c>
      <c r="G136728" s="16">
        <v>0</v>
      </c>
    </row>
    <row r="136729" spans="1:7" x14ac:dyDescent="0.3">
      <c r="A136729" s="13" t="s">
        <v>612</v>
      </c>
      <c r="B136729" s="14" t="s">
        <v>1</v>
      </c>
      <c r="C136729" s="14" t="s">
        <v>596</v>
      </c>
      <c r="D136729" s="14" t="s">
        <v>155</v>
      </c>
      <c r="E136729" s="15">
        <v>45595</v>
      </c>
      <c r="F136729" s="14" t="s">
        <v>25</v>
      </c>
      <c r="G136729" s="16">
        <v>0</v>
      </c>
    </row>
    <row r="136730" spans="1:7" x14ac:dyDescent="0.3">
      <c r="A136730" s="13" t="s">
        <v>612</v>
      </c>
      <c r="B136730" s="14" t="s">
        <v>1</v>
      </c>
      <c r="C136730" s="14" t="s">
        <v>596</v>
      </c>
      <c r="D136730" s="14" t="s">
        <v>155</v>
      </c>
      <c r="E136730" s="15">
        <v>45596</v>
      </c>
      <c r="F136730" s="14" t="s">
        <v>25</v>
      </c>
      <c r="G136730" s="16">
        <v>0</v>
      </c>
    </row>
    <row r="136731" spans="1:7" x14ac:dyDescent="0.3">
      <c r="A136731" s="13" t="s">
        <v>612</v>
      </c>
      <c r="B136731" s="14" t="s">
        <v>1</v>
      </c>
      <c r="C136731" s="14" t="s">
        <v>596</v>
      </c>
      <c r="D136731" s="14" t="s">
        <v>155</v>
      </c>
      <c r="E136731" s="15">
        <v>45597</v>
      </c>
      <c r="F136731" s="14" t="s">
        <v>25</v>
      </c>
      <c r="G136731" s="16">
        <v>0</v>
      </c>
    </row>
    <row r="136732" spans="1:7" x14ac:dyDescent="0.3">
      <c r="A136732" s="13" t="s">
        <v>612</v>
      </c>
      <c r="B136732" s="14" t="s">
        <v>1</v>
      </c>
      <c r="C136732" s="14" t="s">
        <v>596</v>
      </c>
      <c r="D136732" s="14" t="s">
        <v>155</v>
      </c>
      <c r="E136732" s="15">
        <v>45598</v>
      </c>
      <c r="F136732" s="14" t="s">
        <v>25</v>
      </c>
      <c r="G136732" s="16">
        <v>0</v>
      </c>
    </row>
    <row r="136733" spans="1:7" x14ac:dyDescent="0.3">
      <c r="A136733" s="13" t="s">
        <v>612</v>
      </c>
      <c r="B136733" s="14" t="s">
        <v>1</v>
      </c>
      <c r="C136733" s="14" t="s">
        <v>596</v>
      </c>
      <c r="D136733" s="14" t="s">
        <v>155</v>
      </c>
      <c r="E136733" s="15">
        <v>45599</v>
      </c>
      <c r="F136733" s="14" t="s">
        <v>25</v>
      </c>
      <c r="G136733" s="16">
        <v>0</v>
      </c>
    </row>
    <row r="136734" spans="1:7" x14ac:dyDescent="0.3">
      <c r="A136734" s="13" t="s">
        <v>612</v>
      </c>
      <c r="B136734" s="14" t="s">
        <v>1</v>
      </c>
      <c r="C136734" s="14" t="s">
        <v>596</v>
      </c>
      <c r="D136734" s="14" t="s">
        <v>155</v>
      </c>
      <c r="E136734" s="15">
        <v>45600</v>
      </c>
      <c r="F136734" s="14" t="s">
        <v>25</v>
      </c>
      <c r="G136734" s="16">
        <v>0</v>
      </c>
    </row>
    <row r="136735" spans="1:7" x14ac:dyDescent="0.3">
      <c r="A136735" s="13" t="s">
        <v>612</v>
      </c>
      <c r="B136735" s="14" t="s">
        <v>1</v>
      </c>
      <c r="C136735" s="14" t="s">
        <v>596</v>
      </c>
      <c r="D136735" s="14" t="s">
        <v>155</v>
      </c>
      <c r="E136735" s="15">
        <v>45601</v>
      </c>
      <c r="F136735" s="14" t="s">
        <v>25</v>
      </c>
      <c r="G136735" s="16">
        <v>0</v>
      </c>
    </row>
    <row r="136736" spans="1:7" x14ac:dyDescent="0.3">
      <c r="A136736" s="13" t="s">
        <v>612</v>
      </c>
      <c r="B136736" s="14" t="s">
        <v>1</v>
      </c>
      <c r="C136736" s="14" t="s">
        <v>596</v>
      </c>
      <c r="D136736" s="14" t="s">
        <v>155</v>
      </c>
      <c r="E136736" s="15">
        <v>45602</v>
      </c>
      <c r="F136736" s="14" t="s">
        <v>25</v>
      </c>
      <c r="G136736" s="16">
        <v>0</v>
      </c>
    </row>
    <row r="136737" spans="1:7" x14ac:dyDescent="0.3">
      <c r="A136737" s="13" t="s">
        <v>612</v>
      </c>
      <c r="B136737" s="14" t="s">
        <v>1</v>
      </c>
      <c r="C136737" s="14" t="s">
        <v>596</v>
      </c>
      <c r="D136737" s="14" t="s">
        <v>155</v>
      </c>
      <c r="E136737" s="15">
        <v>45603</v>
      </c>
      <c r="F136737" s="14" t="s">
        <v>25</v>
      </c>
      <c r="G136737" s="16">
        <v>0</v>
      </c>
    </row>
    <row r="136738" spans="1:7" x14ac:dyDescent="0.3">
      <c r="A136738" s="13" t="s">
        <v>612</v>
      </c>
      <c r="B136738" s="14" t="s">
        <v>1</v>
      </c>
      <c r="C136738" s="14" t="s">
        <v>596</v>
      </c>
      <c r="D136738" s="14" t="s">
        <v>155</v>
      </c>
      <c r="E136738" s="15">
        <v>45604</v>
      </c>
      <c r="F136738" s="14" t="s">
        <v>25</v>
      </c>
      <c r="G136738" s="16">
        <v>0</v>
      </c>
    </row>
    <row r="136739" spans="1:7" x14ac:dyDescent="0.3">
      <c r="A136739" s="13" t="s">
        <v>612</v>
      </c>
      <c r="B136739" s="14" t="s">
        <v>1</v>
      </c>
      <c r="C136739" s="14" t="s">
        <v>596</v>
      </c>
      <c r="D136739" s="14" t="s">
        <v>155</v>
      </c>
      <c r="E136739" s="15">
        <v>45605</v>
      </c>
      <c r="F136739" s="14" t="s">
        <v>25</v>
      </c>
      <c r="G136739" s="16">
        <v>0</v>
      </c>
    </row>
    <row r="136740" spans="1:7" x14ac:dyDescent="0.3">
      <c r="A136740" s="13" t="s">
        <v>612</v>
      </c>
      <c r="B136740" s="14" t="s">
        <v>1</v>
      </c>
      <c r="C136740" s="14" t="s">
        <v>596</v>
      </c>
      <c r="D136740" s="14" t="s">
        <v>155</v>
      </c>
      <c r="E136740" s="15">
        <v>45606</v>
      </c>
      <c r="F136740" s="14" t="s">
        <v>25</v>
      </c>
      <c r="G136740" s="16">
        <v>0</v>
      </c>
    </row>
    <row r="136741" spans="1:7" x14ac:dyDescent="0.3">
      <c r="A136741" s="13" t="s">
        <v>612</v>
      </c>
      <c r="B136741" s="14" t="s">
        <v>1</v>
      </c>
      <c r="C136741" s="14" t="s">
        <v>596</v>
      </c>
      <c r="D136741" s="14" t="s">
        <v>155</v>
      </c>
      <c r="E136741" s="15">
        <v>45607</v>
      </c>
      <c r="F136741" s="14" t="s">
        <v>25</v>
      </c>
      <c r="G136741" s="16">
        <v>0</v>
      </c>
    </row>
    <row r="136742" spans="1:7" x14ac:dyDescent="0.3">
      <c r="A136742" s="13" t="s">
        <v>612</v>
      </c>
      <c r="B136742" s="14" t="s">
        <v>1</v>
      </c>
      <c r="C136742" s="14" t="s">
        <v>596</v>
      </c>
      <c r="D136742" s="14" t="s">
        <v>155</v>
      </c>
      <c r="E136742" s="15">
        <v>45608</v>
      </c>
      <c r="F136742" s="14" t="s">
        <v>25</v>
      </c>
      <c r="G136742" s="16">
        <v>0</v>
      </c>
    </row>
    <row r="136743" spans="1:7" x14ac:dyDescent="0.3">
      <c r="A136743" s="13" t="s">
        <v>612</v>
      </c>
      <c r="B136743" s="14" t="s">
        <v>1</v>
      </c>
      <c r="C136743" s="14" t="s">
        <v>596</v>
      </c>
      <c r="D136743" s="14" t="s">
        <v>155</v>
      </c>
      <c r="E136743" s="15">
        <v>45609</v>
      </c>
      <c r="F136743" s="14" t="s">
        <v>25</v>
      </c>
      <c r="G136743" s="16">
        <v>0</v>
      </c>
    </row>
    <row r="136744" spans="1:7" x14ac:dyDescent="0.3">
      <c r="A136744" s="13" t="s">
        <v>612</v>
      </c>
      <c r="B136744" s="14" t="s">
        <v>1</v>
      </c>
      <c r="C136744" s="14" t="s">
        <v>596</v>
      </c>
      <c r="D136744" s="14" t="s">
        <v>155</v>
      </c>
      <c r="E136744" s="15">
        <v>45610</v>
      </c>
      <c r="F136744" s="14" t="s">
        <v>25</v>
      </c>
      <c r="G136744" s="16">
        <v>0</v>
      </c>
    </row>
    <row r="136745" spans="1:7" x14ac:dyDescent="0.3">
      <c r="A136745" s="13" t="s">
        <v>612</v>
      </c>
      <c r="B136745" s="14" t="s">
        <v>1</v>
      </c>
      <c r="C136745" s="14" t="s">
        <v>596</v>
      </c>
      <c r="D136745" s="14" t="s">
        <v>155</v>
      </c>
      <c r="E136745" s="15">
        <v>45611</v>
      </c>
      <c r="F136745" s="14" t="s">
        <v>25</v>
      </c>
      <c r="G136745" s="16">
        <v>0</v>
      </c>
    </row>
    <row r="136746" spans="1:7" x14ac:dyDescent="0.3">
      <c r="A136746" s="13" t="s">
        <v>612</v>
      </c>
      <c r="B136746" s="14" t="s">
        <v>1</v>
      </c>
      <c r="C136746" s="14" t="s">
        <v>596</v>
      </c>
      <c r="D136746" s="14" t="s">
        <v>155</v>
      </c>
      <c r="E136746" s="15">
        <v>45612</v>
      </c>
      <c r="F136746" s="14" t="s">
        <v>25</v>
      </c>
      <c r="G136746" s="16">
        <v>0</v>
      </c>
    </row>
    <row r="136747" spans="1:7" x14ac:dyDescent="0.3">
      <c r="A136747" s="13" t="s">
        <v>612</v>
      </c>
      <c r="B136747" s="14" t="s">
        <v>1</v>
      </c>
      <c r="C136747" s="14" t="s">
        <v>596</v>
      </c>
      <c r="D136747" s="14" t="s">
        <v>155</v>
      </c>
      <c r="E136747" s="15">
        <v>45613</v>
      </c>
      <c r="F136747" s="14" t="s">
        <v>25</v>
      </c>
      <c r="G136747" s="16">
        <v>0</v>
      </c>
    </row>
    <row r="136748" spans="1:7" x14ac:dyDescent="0.3">
      <c r="A136748" s="13" t="s">
        <v>612</v>
      </c>
      <c r="B136748" s="14" t="s">
        <v>1</v>
      </c>
      <c r="C136748" s="14" t="s">
        <v>596</v>
      </c>
      <c r="D136748" s="14" t="s">
        <v>155</v>
      </c>
      <c r="E136748" s="15">
        <v>45614</v>
      </c>
      <c r="F136748" s="14" t="s">
        <v>25</v>
      </c>
      <c r="G136748" s="16">
        <v>0</v>
      </c>
    </row>
    <row r="136749" spans="1:7" x14ac:dyDescent="0.3">
      <c r="A136749" s="13" t="s">
        <v>612</v>
      </c>
      <c r="B136749" s="14" t="s">
        <v>1</v>
      </c>
      <c r="C136749" s="14" t="s">
        <v>596</v>
      </c>
      <c r="D136749" s="14" t="s">
        <v>155</v>
      </c>
      <c r="E136749" s="15">
        <v>45615</v>
      </c>
      <c r="F136749" s="14" t="s">
        <v>25</v>
      </c>
      <c r="G136749" s="16">
        <v>0</v>
      </c>
    </row>
    <row r="136750" spans="1:7" x14ac:dyDescent="0.3">
      <c r="A136750" s="13" t="s">
        <v>612</v>
      </c>
      <c r="B136750" s="14" t="s">
        <v>1</v>
      </c>
      <c r="C136750" s="14" t="s">
        <v>596</v>
      </c>
      <c r="D136750" s="14" t="s">
        <v>155</v>
      </c>
      <c r="E136750" s="15">
        <v>45616</v>
      </c>
      <c r="F136750" s="14" t="s">
        <v>25</v>
      </c>
      <c r="G136750" s="16">
        <v>0</v>
      </c>
    </row>
    <row r="136751" spans="1:7" x14ac:dyDescent="0.3">
      <c r="A136751" s="13" t="s">
        <v>612</v>
      </c>
      <c r="B136751" s="14" t="s">
        <v>1</v>
      </c>
      <c r="C136751" s="14" t="s">
        <v>596</v>
      </c>
      <c r="D136751" s="14" t="s">
        <v>155</v>
      </c>
      <c r="E136751" s="15">
        <v>45617</v>
      </c>
      <c r="F136751" s="14" t="s">
        <v>25</v>
      </c>
      <c r="G136751" s="16">
        <v>0</v>
      </c>
    </row>
    <row r="136752" spans="1:7" x14ac:dyDescent="0.3">
      <c r="A136752" s="13" t="s">
        <v>612</v>
      </c>
      <c r="B136752" s="14" t="s">
        <v>1</v>
      </c>
      <c r="C136752" s="14" t="s">
        <v>596</v>
      </c>
      <c r="D136752" s="14" t="s">
        <v>155</v>
      </c>
      <c r="E136752" s="15">
        <v>45618</v>
      </c>
      <c r="F136752" s="14" t="s">
        <v>25</v>
      </c>
      <c r="G136752" s="16">
        <v>0</v>
      </c>
    </row>
    <row r="136753" spans="1:7" x14ac:dyDescent="0.3">
      <c r="A136753" s="13" t="s">
        <v>612</v>
      </c>
      <c r="B136753" s="14" t="s">
        <v>1</v>
      </c>
      <c r="C136753" s="14" t="s">
        <v>596</v>
      </c>
      <c r="D136753" s="14" t="s">
        <v>155</v>
      </c>
      <c r="E136753" s="15">
        <v>45619</v>
      </c>
      <c r="F136753" s="14" t="s">
        <v>25</v>
      </c>
      <c r="G136753" s="16">
        <v>0</v>
      </c>
    </row>
    <row r="136754" spans="1:7" x14ac:dyDescent="0.3">
      <c r="A136754" s="13" t="s">
        <v>612</v>
      </c>
      <c r="B136754" s="14" t="s">
        <v>1</v>
      </c>
      <c r="C136754" s="14" t="s">
        <v>596</v>
      </c>
      <c r="D136754" s="14" t="s">
        <v>155</v>
      </c>
      <c r="E136754" s="15">
        <v>45620</v>
      </c>
      <c r="F136754" s="14" t="s">
        <v>25</v>
      </c>
      <c r="G136754" s="16">
        <v>0</v>
      </c>
    </row>
    <row r="136755" spans="1:7" x14ac:dyDescent="0.3">
      <c r="A136755" s="13" t="s">
        <v>612</v>
      </c>
      <c r="B136755" s="14" t="s">
        <v>1</v>
      </c>
      <c r="C136755" s="14" t="s">
        <v>596</v>
      </c>
      <c r="D136755" s="14" t="s">
        <v>155</v>
      </c>
      <c r="E136755" s="15">
        <v>45621</v>
      </c>
      <c r="F136755" s="14" t="s">
        <v>25</v>
      </c>
      <c r="G136755" s="16">
        <v>0</v>
      </c>
    </row>
    <row r="136756" spans="1:7" x14ac:dyDescent="0.3">
      <c r="A136756" s="13" t="s">
        <v>612</v>
      </c>
      <c r="B136756" s="14" t="s">
        <v>1</v>
      </c>
      <c r="C136756" s="14" t="s">
        <v>596</v>
      </c>
      <c r="D136756" s="14" t="s">
        <v>155</v>
      </c>
      <c r="E136756" s="15">
        <v>45622</v>
      </c>
      <c r="F136756" s="14" t="s">
        <v>25</v>
      </c>
      <c r="G136756" s="16">
        <v>0</v>
      </c>
    </row>
    <row r="136757" spans="1:7" x14ac:dyDescent="0.3">
      <c r="A136757" s="13" t="s">
        <v>612</v>
      </c>
      <c r="B136757" s="14" t="s">
        <v>1</v>
      </c>
      <c r="C136757" s="14" t="s">
        <v>596</v>
      </c>
      <c r="D136757" s="14" t="s">
        <v>155</v>
      </c>
      <c r="E136757" s="15">
        <v>45623</v>
      </c>
      <c r="F136757" s="14" t="s">
        <v>25</v>
      </c>
      <c r="G136757" s="16">
        <v>0</v>
      </c>
    </row>
    <row r="136758" spans="1:7" x14ac:dyDescent="0.3">
      <c r="A136758" s="13" t="s">
        <v>612</v>
      </c>
      <c r="B136758" s="14" t="s">
        <v>1</v>
      </c>
      <c r="C136758" s="14" t="s">
        <v>596</v>
      </c>
      <c r="D136758" s="14" t="s">
        <v>155</v>
      </c>
      <c r="E136758" s="15">
        <v>45624</v>
      </c>
      <c r="F136758" s="14" t="s">
        <v>25</v>
      </c>
      <c r="G136758" s="16">
        <v>0</v>
      </c>
    </row>
    <row r="136759" spans="1:7" x14ac:dyDescent="0.3">
      <c r="A136759" s="13" t="s">
        <v>612</v>
      </c>
      <c r="B136759" s="14" t="s">
        <v>1</v>
      </c>
      <c r="C136759" s="14" t="s">
        <v>596</v>
      </c>
      <c r="D136759" s="14" t="s">
        <v>155</v>
      </c>
      <c r="E136759" s="15">
        <v>45625</v>
      </c>
      <c r="F136759" s="14" t="s">
        <v>25</v>
      </c>
      <c r="G136759" s="16">
        <v>0</v>
      </c>
    </row>
    <row r="136760" spans="1:7" x14ac:dyDescent="0.3">
      <c r="A136760" s="13" t="s">
        <v>612</v>
      </c>
      <c r="B136760" s="14" t="s">
        <v>1</v>
      </c>
      <c r="C136760" s="14" t="s">
        <v>596</v>
      </c>
      <c r="D136760" s="14" t="s">
        <v>155</v>
      </c>
      <c r="E136760" s="15">
        <v>45626</v>
      </c>
      <c r="F136760" s="14" t="s">
        <v>25</v>
      </c>
      <c r="G136760" s="16">
        <v>0</v>
      </c>
    </row>
    <row r="136761" spans="1:7" x14ac:dyDescent="0.3">
      <c r="A136761" s="13" t="s">
        <v>612</v>
      </c>
      <c r="B136761" s="14" t="s">
        <v>1</v>
      </c>
      <c r="C136761" s="14" t="s">
        <v>596</v>
      </c>
      <c r="D136761" s="14" t="s">
        <v>155</v>
      </c>
      <c r="E136761" s="15">
        <v>45627</v>
      </c>
      <c r="F136761" s="14" t="s">
        <v>25</v>
      </c>
      <c r="G136761" s="16">
        <v>0</v>
      </c>
    </row>
    <row r="136762" spans="1:7" x14ac:dyDescent="0.3">
      <c r="A136762" s="13" t="s">
        <v>612</v>
      </c>
      <c r="B136762" s="14" t="s">
        <v>1</v>
      </c>
      <c r="C136762" s="14" t="s">
        <v>596</v>
      </c>
      <c r="D136762" s="14" t="s">
        <v>155</v>
      </c>
      <c r="E136762" s="15">
        <v>45628</v>
      </c>
      <c r="F136762" s="14" t="s">
        <v>25</v>
      </c>
      <c r="G136762" s="16">
        <v>0</v>
      </c>
    </row>
    <row r="136763" spans="1:7" x14ac:dyDescent="0.3">
      <c r="A136763" s="13" t="s">
        <v>612</v>
      </c>
      <c r="B136763" s="14" t="s">
        <v>1</v>
      </c>
      <c r="C136763" s="14" t="s">
        <v>596</v>
      </c>
      <c r="D136763" s="14" t="s">
        <v>155</v>
      </c>
      <c r="E136763" s="15">
        <v>45629</v>
      </c>
      <c r="F136763" s="14" t="s">
        <v>25</v>
      </c>
      <c r="G136763" s="16">
        <v>0</v>
      </c>
    </row>
    <row r="136764" spans="1:7" x14ac:dyDescent="0.3">
      <c r="A136764" s="13" t="s">
        <v>612</v>
      </c>
      <c r="B136764" s="14" t="s">
        <v>1</v>
      </c>
      <c r="C136764" s="14" t="s">
        <v>596</v>
      </c>
      <c r="D136764" s="14" t="s">
        <v>155</v>
      </c>
      <c r="E136764" s="15">
        <v>45630</v>
      </c>
      <c r="F136764" s="14" t="s">
        <v>25</v>
      </c>
      <c r="G136764" s="16">
        <v>0</v>
      </c>
    </row>
    <row r="136765" spans="1:7" x14ac:dyDescent="0.3">
      <c r="A136765" s="13" t="s">
        <v>612</v>
      </c>
      <c r="B136765" s="14" t="s">
        <v>1</v>
      </c>
      <c r="C136765" s="14" t="s">
        <v>596</v>
      </c>
      <c r="D136765" s="14" t="s">
        <v>155</v>
      </c>
      <c r="E136765" s="15">
        <v>45631</v>
      </c>
      <c r="F136765" s="14" t="s">
        <v>25</v>
      </c>
      <c r="G136765" s="16">
        <v>0</v>
      </c>
    </row>
    <row r="136766" spans="1:7" x14ac:dyDescent="0.3">
      <c r="A136766" s="13" t="s">
        <v>612</v>
      </c>
      <c r="B136766" s="14" t="s">
        <v>1</v>
      </c>
      <c r="C136766" s="14" t="s">
        <v>596</v>
      </c>
      <c r="D136766" s="14" t="s">
        <v>155</v>
      </c>
      <c r="E136766" s="15">
        <v>45632</v>
      </c>
      <c r="F136766" s="14" t="s">
        <v>25</v>
      </c>
      <c r="G136766" s="16">
        <v>0</v>
      </c>
    </row>
    <row r="136767" spans="1:7" x14ac:dyDescent="0.3">
      <c r="A136767" s="13" t="s">
        <v>612</v>
      </c>
      <c r="B136767" s="14" t="s">
        <v>1</v>
      </c>
      <c r="C136767" s="14" t="s">
        <v>596</v>
      </c>
      <c r="D136767" s="14" t="s">
        <v>155</v>
      </c>
      <c r="E136767" s="15">
        <v>45633</v>
      </c>
      <c r="F136767" s="14" t="s">
        <v>25</v>
      </c>
      <c r="G136767" s="16">
        <v>0</v>
      </c>
    </row>
    <row r="136768" spans="1:7" x14ac:dyDescent="0.3">
      <c r="A136768" s="13" t="s">
        <v>612</v>
      </c>
      <c r="B136768" s="14" t="s">
        <v>1</v>
      </c>
      <c r="C136768" s="14" t="s">
        <v>596</v>
      </c>
      <c r="D136768" s="14" t="s">
        <v>155</v>
      </c>
      <c r="E136768" s="15">
        <v>45634</v>
      </c>
      <c r="F136768" s="14" t="s">
        <v>25</v>
      </c>
      <c r="G136768" s="16">
        <v>0</v>
      </c>
    </row>
    <row r="136769" spans="1:7" x14ac:dyDescent="0.3">
      <c r="A136769" s="13" t="s">
        <v>612</v>
      </c>
      <c r="B136769" s="14" t="s">
        <v>1</v>
      </c>
      <c r="C136769" s="14" t="s">
        <v>596</v>
      </c>
      <c r="D136769" s="14" t="s">
        <v>155</v>
      </c>
      <c r="E136769" s="15">
        <v>45635</v>
      </c>
      <c r="F136769" s="14" t="s">
        <v>25</v>
      </c>
      <c r="G136769" s="16">
        <v>0</v>
      </c>
    </row>
    <row r="136770" spans="1:7" x14ac:dyDescent="0.3">
      <c r="A136770" s="13" t="s">
        <v>612</v>
      </c>
      <c r="B136770" s="14" t="s">
        <v>1</v>
      </c>
      <c r="C136770" s="14" t="s">
        <v>596</v>
      </c>
      <c r="D136770" s="14" t="s">
        <v>155</v>
      </c>
      <c r="E136770" s="15">
        <v>45636</v>
      </c>
      <c r="F136770" s="14" t="s">
        <v>25</v>
      </c>
      <c r="G136770" s="16">
        <v>0</v>
      </c>
    </row>
    <row r="136771" spans="1:7" x14ac:dyDescent="0.3">
      <c r="A136771" s="13" t="s">
        <v>612</v>
      </c>
      <c r="B136771" s="14" t="s">
        <v>1</v>
      </c>
      <c r="C136771" s="14" t="s">
        <v>596</v>
      </c>
      <c r="D136771" s="14" t="s">
        <v>155</v>
      </c>
      <c r="E136771" s="15">
        <v>45637</v>
      </c>
      <c r="F136771" s="14" t="s">
        <v>25</v>
      </c>
      <c r="G136771" s="16">
        <v>0</v>
      </c>
    </row>
    <row r="136772" spans="1:7" x14ac:dyDescent="0.3">
      <c r="A136772" s="13" t="s">
        <v>612</v>
      </c>
      <c r="B136772" s="14" t="s">
        <v>1</v>
      </c>
      <c r="C136772" s="14" t="s">
        <v>596</v>
      </c>
      <c r="D136772" s="14" t="s">
        <v>155</v>
      </c>
      <c r="E136772" s="15">
        <v>45638</v>
      </c>
      <c r="F136772" s="14" t="s">
        <v>25</v>
      </c>
      <c r="G136772" s="16">
        <v>0</v>
      </c>
    </row>
    <row r="136773" spans="1:7" x14ac:dyDescent="0.3">
      <c r="A136773" s="13" t="s">
        <v>612</v>
      </c>
      <c r="B136773" s="14" t="s">
        <v>1</v>
      </c>
      <c r="C136773" s="14" t="s">
        <v>596</v>
      </c>
      <c r="D136773" s="14" t="s">
        <v>155</v>
      </c>
      <c r="E136773" s="15">
        <v>45639</v>
      </c>
      <c r="F136773" s="14" t="s">
        <v>25</v>
      </c>
      <c r="G136773" s="16">
        <v>0</v>
      </c>
    </row>
    <row r="136774" spans="1:7" x14ac:dyDescent="0.3">
      <c r="A136774" s="13" t="s">
        <v>612</v>
      </c>
      <c r="B136774" s="14" t="s">
        <v>1</v>
      </c>
      <c r="C136774" s="14" t="s">
        <v>596</v>
      </c>
      <c r="D136774" s="14" t="s">
        <v>155</v>
      </c>
      <c r="E136774" s="15">
        <v>45640</v>
      </c>
      <c r="F136774" s="14" t="s">
        <v>25</v>
      </c>
      <c r="G136774" s="16">
        <v>0</v>
      </c>
    </row>
    <row r="136775" spans="1:7" x14ac:dyDescent="0.3">
      <c r="A136775" s="13" t="s">
        <v>612</v>
      </c>
      <c r="B136775" s="14" t="s">
        <v>1</v>
      </c>
      <c r="C136775" s="14" t="s">
        <v>596</v>
      </c>
      <c r="D136775" s="14" t="s">
        <v>155</v>
      </c>
      <c r="E136775" s="15">
        <v>45641</v>
      </c>
      <c r="F136775" s="14" t="s">
        <v>25</v>
      </c>
      <c r="G136775" s="16">
        <v>0</v>
      </c>
    </row>
    <row r="136776" spans="1:7" x14ac:dyDescent="0.3">
      <c r="A136776" s="13" t="s">
        <v>612</v>
      </c>
      <c r="B136776" s="14" t="s">
        <v>1</v>
      </c>
      <c r="C136776" s="14" t="s">
        <v>596</v>
      </c>
      <c r="D136776" s="14" t="s">
        <v>155</v>
      </c>
      <c r="E136776" s="15">
        <v>45642</v>
      </c>
      <c r="F136776" s="14" t="s">
        <v>25</v>
      </c>
      <c r="G136776" s="16">
        <v>0</v>
      </c>
    </row>
    <row r="136777" spans="1:7" x14ac:dyDescent="0.3">
      <c r="A136777" s="13" t="s">
        <v>612</v>
      </c>
      <c r="B136777" s="14" t="s">
        <v>1</v>
      </c>
      <c r="C136777" s="14" t="s">
        <v>596</v>
      </c>
      <c r="D136777" s="14" t="s">
        <v>155</v>
      </c>
      <c r="E136777" s="15">
        <v>45643</v>
      </c>
      <c r="F136777" s="14" t="s">
        <v>25</v>
      </c>
      <c r="G136777" s="16">
        <v>0</v>
      </c>
    </row>
    <row r="136778" spans="1:7" x14ac:dyDescent="0.3">
      <c r="A136778" s="13" t="s">
        <v>612</v>
      </c>
      <c r="B136778" s="14" t="s">
        <v>1</v>
      </c>
      <c r="C136778" s="14" t="s">
        <v>596</v>
      </c>
      <c r="D136778" s="14" t="s">
        <v>155</v>
      </c>
      <c r="E136778" s="15">
        <v>45644</v>
      </c>
      <c r="F136778" s="14" t="s">
        <v>25</v>
      </c>
      <c r="G136778" s="16">
        <v>0</v>
      </c>
    </row>
    <row r="136779" spans="1:7" x14ac:dyDescent="0.3">
      <c r="A136779" s="13" t="s">
        <v>612</v>
      </c>
      <c r="B136779" s="14" t="s">
        <v>1</v>
      </c>
      <c r="C136779" s="14" t="s">
        <v>596</v>
      </c>
      <c r="D136779" s="14" t="s">
        <v>155</v>
      </c>
      <c r="E136779" s="15">
        <v>45645</v>
      </c>
      <c r="F136779" s="14" t="s">
        <v>25</v>
      </c>
      <c r="G136779" s="16">
        <v>0</v>
      </c>
    </row>
    <row r="136780" spans="1:7" x14ac:dyDescent="0.3">
      <c r="A136780" s="13" t="s">
        <v>612</v>
      </c>
      <c r="B136780" s="14" t="s">
        <v>1</v>
      </c>
      <c r="C136780" s="14" t="s">
        <v>596</v>
      </c>
      <c r="D136780" s="14" t="s">
        <v>155</v>
      </c>
      <c r="E136780" s="15">
        <v>45646</v>
      </c>
      <c r="F136780" s="14" t="s">
        <v>25</v>
      </c>
      <c r="G136780" s="16">
        <v>0</v>
      </c>
    </row>
    <row r="136781" spans="1:7" x14ac:dyDescent="0.3">
      <c r="A136781" s="13" t="s">
        <v>612</v>
      </c>
      <c r="B136781" s="14" t="s">
        <v>1</v>
      </c>
      <c r="C136781" s="14" t="s">
        <v>596</v>
      </c>
      <c r="D136781" s="14" t="s">
        <v>155</v>
      </c>
      <c r="E136781" s="15">
        <v>45647</v>
      </c>
      <c r="F136781" s="14" t="s">
        <v>25</v>
      </c>
      <c r="G136781" s="16">
        <v>0</v>
      </c>
    </row>
    <row r="136782" spans="1:7" x14ac:dyDescent="0.3">
      <c r="A136782" s="13" t="s">
        <v>612</v>
      </c>
      <c r="B136782" s="14" t="s">
        <v>1</v>
      </c>
      <c r="C136782" s="14" t="s">
        <v>596</v>
      </c>
      <c r="D136782" s="14" t="s">
        <v>155</v>
      </c>
      <c r="E136782" s="15">
        <v>45648</v>
      </c>
      <c r="F136782" s="14" t="s">
        <v>25</v>
      </c>
      <c r="G136782" s="16">
        <v>0</v>
      </c>
    </row>
    <row r="136783" spans="1:7" x14ac:dyDescent="0.3">
      <c r="A136783" s="13" t="s">
        <v>612</v>
      </c>
      <c r="B136783" s="14" t="s">
        <v>1</v>
      </c>
      <c r="C136783" s="14" t="s">
        <v>596</v>
      </c>
      <c r="D136783" s="14" t="s">
        <v>155</v>
      </c>
      <c r="E136783" s="15">
        <v>45649</v>
      </c>
      <c r="F136783" s="14" t="s">
        <v>25</v>
      </c>
      <c r="G136783" s="16">
        <v>0</v>
      </c>
    </row>
    <row r="136784" spans="1:7" x14ac:dyDescent="0.3">
      <c r="A136784" s="13" t="s">
        <v>612</v>
      </c>
      <c r="B136784" s="14" t="s">
        <v>1</v>
      </c>
      <c r="C136784" s="14" t="s">
        <v>596</v>
      </c>
      <c r="D136784" s="14" t="s">
        <v>155</v>
      </c>
      <c r="E136784" s="15">
        <v>45650</v>
      </c>
      <c r="F136784" s="14" t="s">
        <v>25</v>
      </c>
      <c r="G136784" s="16">
        <v>0</v>
      </c>
    </row>
    <row r="136785" spans="1:7" x14ac:dyDescent="0.3">
      <c r="A136785" s="13" t="s">
        <v>612</v>
      </c>
      <c r="B136785" s="14" t="s">
        <v>1</v>
      </c>
      <c r="C136785" s="14" t="s">
        <v>596</v>
      </c>
      <c r="D136785" s="14" t="s">
        <v>155</v>
      </c>
      <c r="E136785" s="15">
        <v>45651</v>
      </c>
      <c r="F136785" s="14" t="s">
        <v>25</v>
      </c>
      <c r="G136785" s="16">
        <v>0</v>
      </c>
    </row>
    <row r="136786" spans="1:7" x14ac:dyDescent="0.3">
      <c r="A136786" s="13" t="s">
        <v>612</v>
      </c>
      <c r="B136786" s="14" t="s">
        <v>1</v>
      </c>
      <c r="C136786" s="14" t="s">
        <v>596</v>
      </c>
      <c r="D136786" s="14" t="s">
        <v>155</v>
      </c>
      <c r="E136786" s="15">
        <v>45652</v>
      </c>
      <c r="F136786" s="14" t="s">
        <v>25</v>
      </c>
      <c r="G136786" s="16">
        <v>0</v>
      </c>
    </row>
    <row r="136787" spans="1:7" x14ac:dyDescent="0.3">
      <c r="A136787" s="13" t="s">
        <v>612</v>
      </c>
      <c r="B136787" s="14" t="s">
        <v>1</v>
      </c>
      <c r="C136787" s="14" t="s">
        <v>596</v>
      </c>
      <c r="D136787" s="14" t="s">
        <v>155</v>
      </c>
      <c r="E136787" s="15">
        <v>45653</v>
      </c>
      <c r="F136787" s="14" t="s">
        <v>25</v>
      </c>
      <c r="G136787" s="16">
        <v>0</v>
      </c>
    </row>
    <row r="136788" spans="1:7" x14ac:dyDescent="0.3">
      <c r="A136788" s="13" t="s">
        <v>612</v>
      </c>
      <c r="B136788" s="14" t="s">
        <v>1</v>
      </c>
      <c r="C136788" s="14" t="s">
        <v>596</v>
      </c>
      <c r="D136788" s="14" t="s">
        <v>155</v>
      </c>
      <c r="E136788" s="15">
        <v>45654</v>
      </c>
      <c r="F136788" s="14" t="s">
        <v>25</v>
      </c>
      <c r="G136788" s="16">
        <v>0</v>
      </c>
    </row>
    <row r="136789" spans="1:7" x14ac:dyDescent="0.3">
      <c r="A136789" s="13" t="s">
        <v>612</v>
      </c>
      <c r="B136789" s="14" t="s">
        <v>1</v>
      </c>
      <c r="C136789" s="14" t="s">
        <v>596</v>
      </c>
      <c r="D136789" s="14" t="s">
        <v>155</v>
      </c>
      <c r="E136789" s="15">
        <v>45655</v>
      </c>
      <c r="F136789" s="14" t="s">
        <v>25</v>
      </c>
      <c r="G136789" s="16">
        <v>0</v>
      </c>
    </row>
    <row r="136790" spans="1:7" x14ac:dyDescent="0.3">
      <c r="A136790" s="13" t="s">
        <v>612</v>
      </c>
      <c r="B136790" s="14" t="s">
        <v>1</v>
      </c>
      <c r="C136790" s="14" t="s">
        <v>596</v>
      </c>
      <c r="D136790" s="14" t="s">
        <v>155</v>
      </c>
      <c r="E136790" s="15">
        <v>45656</v>
      </c>
      <c r="F136790" s="14" t="s">
        <v>25</v>
      </c>
      <c r="G136790" s="16">
        <v>0</v>
      </c>
    </row>
    <row r="136791" spans="1:7" x14ac:dyDescent="0.3">
      <c r="A136791" s="13" t="s">
        <v>612</v>
      </c>
      <c r="B136791" s="14" t="s">
        <v>1</v>
      </c>
      <c r="C136791" s="14" t="s">
        <v>596</v>
      </c>
      <c r="D136791" s="14" t="s">
        <v>155</v>
      </c>
      <c r="E136791" s="15">
        <v>45657</v>
      </c>
      <c r="F136791" s="14" t="s">
        <v>25</v>
      </c>
      <c r="G136791" s="16">
        <v>0</v>
      </c>
    </row>
    <row r="136792" spans="1:7" x14ac:dyDescent="0.3">
      <c r="A136792" s="13" t="s">
        <v>612</v>
      </c>
      <c r="B136792" s="14" t="s">
        <v>1</v>
      </c>
      <c r="C136792" s="14" t="s">
        <v>596</v>
      </c>
      <c r="D136792" s="14" t="s">
        <v>155</v>
      </c>
      <c r="E136792" s="15">
        <v>45658</v>
      </c>
      <c r="F136792" s="14" t="s">
        <v>25</v>
      </c>
      <c r="G136792" s="16">
        <v>0</v>
      </c>
    </row>
    <row r="136793" spans="1:7" x14ac:dyDescent="0.3">
      <c r="A136793" s="13" t="s">
        <v>612</v>
      </c>
      <c r="B136793" s="14" t="s">
        <v>1</v>
      </c>
      <c r="C136793" s="14" t="s">
        <v>596</v>
      </c>
      <c r="D136793" s="14" t="s">
        <v>155</v>
      </c>
      <c r="E136793" s="15">
        <v>45659</v>
      </c>
      <c r="F136793" s="14" t="s">
        <v>25</v>
      </c>
      <c r="G136793" s="16">
        <v>0</v>
      </c>
    </row>
    <row r="136794" spans="1:7" x14ac:dyDescent="0.3">
      <c r="A136794" s="13" t="s">
        <v>612</v>
      </c>
      <c r="B136794" s="14" t="s">
        <v>1</v>
      </c>
      <c r="C136794" s="14" t="s">
        <v>596</v>
      </c>
      <c r="D136794" s="14" t="s">
        <v>155</v>
      </c>
      <c r="E136794" s="15">
        <v>45660</v>
      </c>
      <c r="F136794" s="14" t="s">
        <v>25</v>
      </c>
      <c r="G136794" s="16">
        <v>0</v>
      </c>
    </row>
    <row r="136795" spans="1:7" x14ac:dyDescent="0.3">
      <c r="A136795" s="13" t="s">
        <v>612</v>
      </c>
      <c r="B136795" s="14" t="s">
        <v>1</v>
      </c>
      <c r="C136795" s="14" t="s">
        <v>596</v>
      </c>
      <c r="D136795" s="14" t="s">
        <v>155</v>
      </c>
      <c r="E136795" s="15">
        <v>45661</v>
      </c>
      <c r="F136795" s="14" t="s">
        <v>25</v>
      </c>
      <c r="G136795" s="16">
        <v>0</v>
      </c>
    </row>
    <row r="136796" spans="1:7" x14ac:dyDescent="0.3">
      <c r="A136796" s="13" t="s">
        <v>612</v>
      </c>
      <c r="B136796" s="14" t="s">
        <v>1</v>
      </c>
      <c r="C136796" s="14" t="s">
        <v>596</v>
      </c>
      <c r="D136796" s="14" t="s">
        <v>155</v>
      </c>
      <c r="E136796" s="15">
        <v>45662</v>
      </c>
      <c r="F136796" s="14" t="s">
        <v>25</v>
      </c>
      <c r="G136796" s="16">
        <v>0</v>
      </c>
    </row>
    <row r="136797" spans="1:7" x14ac:dyDescent="0.3">
      <c r="A136797" s="13" t="s">
        <v>612</v>
      </c>
      <c r="B136797" s="14" t="s">
        <v>1</v>
      </c>
      <c r="C136797" s="14" t="s">
        <v>596</v>
      </c>
      <c r="D136797" s="14" t="s">
        <v>155</v>
      </c>
      <c r="E136797" s="15">
        <v>45663</v>
      </c>
      <c r="F136797" s="14" t="s">
        <v>25</v>
      </c>
      <c r="G136797" s="16">
        <v>0</v>
      </c>
    </row>
    <row r="136798" spans="1:7" x14ac:dyDescent="0.3">
      <c r="A136798" s="13" t="s">
        <v>612</v>
      </c>
      <c r="B136798" s="14" t="s">
        <v>1</v>
      </c>
      <c r="C136798" s="14" t="s">
        <v>596</v>
      </c>
      <c r="D136798" s="14" t="s">
        <v>155</v>
      </c>
      <c r="E136798" s="15">
        <v>45664</v>
      </c>
      <c r="F136798" s="14" t="s">
        <v>25</v>
      </c>
      <c r="G136798" s="16">
        <v>0</v>
      </c>
    </row>
    <row r="136799" spans="1:7" x14ac:dyDescent="0.3">
      <c r="A136799" s="13" t="s">
        <v>612</v>
      </c>
      <c r="B136799" s="14" t="s">
        <v>1</v>
      </c>
      <c r="C136799" s="14" t="s">
        <v>596</v>
      </c>
      <c r="D136799" s="14" t="s">
        <v>155</v>
      </c>
      <c r="E136799" s="15">
        <v>45665</v>
      </c>
      <c r="F136799" s="14" t="s">
        <v>25</v>
      </c>
      <c r="G136799" s="16">
        <v>0</v>
      </c>
    </row>
    <row r="136800" spans="1:7" x14ac:dyDescent="0.3">
      <c r="A136800" s="13" t="s">
        <v>612</v>
      </c>
      <c r="B136800" s="14" t="s">
        <v>1</v>
      </c>
      <c r="C136800" s="14" t="s">
        <v>596</v>
      </c>
      <c r="D136800" s="14" t="s">
        <v>155</v>
      </c>
      <c r="E136800" s="15">
        <v>45666</v>
      </c>
      <c r="F136800" s="14" t="s">
        <v>25</v>
      </c>
      <c r="G136800" s="16">
        <v>0</v>
      </c>
    </row>
    <row r="136801" spans="1:7" x14ac:dyDescent="0.3">
      <c r="A136801" s="13" t="s">
        <v>612</v>
      </c>
      <c r="B136801" s="14" t="s">
        <v>1</v>
      </c>
      <c r="C136801" s="14" t="s">
        <v>596</v>
      </c>
      <c r="D136801" s="14" t="s">
        <v>155</v>
      </c>
      <c r="E136801" s="15">
        <v>45667</v>
      </c>
      <c r="F136801" s="14" t="s">
        <v>25</v>
      </c>
      <c r="G136801" s="16">
        <v>0</v>
      </c>
    </row>
    <row r="136802" spans="1:7" x14ac:dyDescent="0.3">
      <c r="A136802" s="13" t="s">
        <v>612</v>
      </c>
      <c r="B136802" s="14" t="s">
        <v>1</v>
      </c>
      <c r="C136802" s="14" t="s">
        <v>596</v>
      </c>
      <c r="D136802" s="14" t="s">
        <v>155</v>
      </c>
      <c r="E136802" s="15">
        <v>45668</v>
      </c>
      <c r="F136802" s="14" t="s">
        <v>25</v>
      </c>
      <c r="G136802" s="16">
        <v>0</v>
      </c>
    </row>
    <row r="136803" spans="1:7" x14ac:dyDescent="0.3">
      <c r="A136803" s="13" t="s">
        <v>612</v>
      </c>
      <c r="B136803" s="14" t="s">
        <v>1</v>
      </c>
      <c r="C136803" s="14" t="s">
        <v>596</v>
      </c>
      <c r="D136803" s="14" t="s">
        <v>155</v>
      </c>
      <c r="E136803" s="15">
        <v>45669</v>
      </c>
      <c r="F136803" s="14" t="s">
        <v>25</v>
      </c>
      <c r="G136803" s="16">
        <v>0</v>
      </c>
    </row>
    <row r="136804" spans="1:7" x14ac:dyDescent="0.3">
      <c r="A136804" s="13" t="s">
        <v>612</v>
      </c>
      <c r="B136804" s="14" t="s">
        <v>1</v>
      </c>
      <c r="C136804" s="14" t="s">
        <v>596</v>
      </c>
      <c r="D136804" s="14" t="s">
        <v>155</v>
      </c>
      <c r="E136804" s="15">
        <v>45670</v>
      </c>
      <c r="F136804" s="14" t="s">
        <v>25</v>
      </c>
      <c r="G136804" s="16">
        <v>0</v>
      </c>
    </row>
    <row r="136805" spans="1:7" x14ac:dyDescent="0.3">
      <c r="A136805" s="13" t="s">
        <v>612</v>
      </c>
      <c r="B136805" s="14" t="s">
        <v>1</v>
      </c>
      <c r="C136805" s="14" t="s">
        <v>596</v>
      </c>
      <c r="D136805" s="14" t="s">
        <v>155</v>
      </c>
      <c r="E136805" s="15">
        <v>45671</v>
      </c>
      <c r="F136805" s="14" t="s">
        <v>25</v>
      </c>
      <c r="G136805" s="16">
        <v>0</v>
      </c>
    </row>
    <row r="136806" spans="1:7" x14ac:dyDescent="0.3">
      <c r="A136806" s="13" t="s">
        <v>612</v>
      </c>
      <c r="B136806" s="14" t="s">
        <v>1</v>
      </c>
      <c r="C136806" s="14" t="s">
        <v>596</v>
      </c>
      <c r="D136806" s="14" t="s">
        <v>155</v>
      </c>
      <c r="E136806" s="15">
        <v>45672</v>
      </c>
      <c r="F136806" s="14" t="s">
        <v>25</v>
      </c>
      <c r="G136806" s="16">
        <v>0</v>
      </c>
    </row>
    <row r="136807" spans="1:7" x14ac:dyDescent="0.3">
      <c r="A136807" s="13" t="s">
        <v>612</v>
      </c>
      <c r="B136807" s="14" t="s">
        <v>1</v>
      </c>
      <c r="C136807" s="14" t="s">
        <v>596</v>
      </c>
      <c r="D136807" s="14" t="s">
        <v>155</v>
      </c>
      <c r="E136807" s="15">
        <v>45673</v>
      </c>
      <c r="F136807" s="14" t="s">
        <v>25</v>
      </c>
      <c r="G136807" s="16">
        <v>0</v>
      </c>
    </row>
    <row r="136808" spans="1:7" x14ac:dyDescent="0.3">
      <c r="A136808" s="13" t="s">
        <v>612</v>
      </c>
      <c r="B136808" s="14" t="s">
        <v>1</v>
      </c>
      <c r="C136808" s="14" t="s">
        <v>596</v>
      </c>
      <c r="D136808" s="14" t="s">
        <v>155</v>
      </c>
      <c r="E136808" s="15">
        <v>45674</v>
      </c>
      <c r="F136808" s="14" t="s">
        <v>25</v>
      </c>
      <c r="G136808" s="16">
        <v>0</v>
      </c>
    </row>
    <row r="136809" spans="1:7" x14ac:dyDescent="0.3">
      <c r="A136809" s="13" t="s">
        <v>612</v>
      </c>
      <c r="B136809" s="14" t="s">
        <v>1</v>
      </c>
      <c r="C136809" s="14" t="s">
        <v>596</v>
      </c>
      <c r="D136809" s="14" t="s">
        <v>155</v>
      </c>
      <c r="E136809" s="15">
        <v>45675</v>
      </c>
      <c r="F136809" s="14" t="s">
        <v>25</v>
      </c>
      <c r="G136809" s="16">
        <v>0</v>
      </c>
    </row>
    <row r="136810" spans="1:7" x14ac:dyDescent="0.3">
      <c r="A136810" s="13" t="s">
        <v>612</v>
      </c>
      <c r="B136810" s="14" t="s">
        <v>1</v>
      </c>
      <c r="C136810" s="14" t="s">
        <v>596</v>
      </c>
      <c r="D136810" s="14" t="s">
        <v>155</v>
      </c>
      <c r="E136810" s="15">
        <v>45676</v>
      </c>
      <c r="F136810" s="14" t="s">
        <v>25</v>
      </c>
      <c r="G136810" s="16">
        <v>0</v>
      </c>
    </row>
    <row r="136811" spans="1:7" x14ac:dyDescent="0.3">
      <c r="A136811" s="13" t="s">
        <v>612</v>
      </c>
      <c r="B136811" s="14" t="s">
        <v>1</v>
      </c>
      <c r="C136811" s="14" t="s">
        <v>596</v>
      </c>
      <c r="D136811" s="14" t="s">
        <v>155</v>
      </c>
      <c r="E136811" s="15">
        <v>45677</v>
      </c>
      <c r="F136811" s="14" t="s">
        <v>25</v>
      </c>
      <c r="G136811" s="16">
        <v>0</v>
      </c>
    </row>
    <row r="136812" spans="1:7" x14ac:dyDescent="0.3">
      <c r="A136812" s="13" t="s">
        <v>612</v>
      </c>
      <c r="B136812" s="14" t="s">
        <v>1</v>
      </c>
      <c r="C136812" s="14" t="s">
        <v>596</v>
      </c>
      <c r="D136812" s="14" t="s">
        <v>155</v>
      </c>
      <c r="E136812" s="15">
        <v>45678</v>
      </c>
      <c r="F136812" s="14" t="s">
        <v>25</v>
      </c>
      <c r="G136812" s="16">
        <v>0</v>
      </c>
    </row>
    <row r="136813" spans="1:7" x14ac:dyDescent="0.3">
      <c r="A136813" s="13" t="s">
        <v>612</v>
      </c>
      <c r="B136813" s="14" t="s">
        <v>1</v>
      </c>
      <c r="C136813" s="14" t="s">
        <v>596</v>
      </c>
      <c r="D136813" s="14" t="s">
        <v>155</v>
      </c>
      <c r="E136813" s="15">
        <v>45679</v>
      </c>
      <c r="F136813" s="14" t="s">
        <v>25</v>
      </c>
      <c r="G136813" s="16">
        <v>0</v>
      </c>
    </row>
    <row r="136814" spans="1:7" x14ac:dyDescent="0.3">
      <c r="A136814" s="13" t="s">
        <v>612</v>
      </c>
      <c r="B136814" s="14" t="s">
        <v>1</v>
      </c>
      <c r="C136814" s="14" t="s">
        <v>596</v>
      </c>
      <c r="D136814" s="14" t="s">
        <v>155</v>
      </c>
      <c r="E136814" s="15">
        <v>45680</v>
      </c>
      <c r="F136814" s="14" t="s">
        <v>25</v>
      </c>
      <c r="G136814" s="16">
        <v>0</v>
      </c>
    </row>
    <row r="136815" spans="1:7" x14ac:dyDescent="0.3">
      <c r="A136815" s="13" t="s">
        <v>612</v>
      </c>
      <c r="B136815" s="14" t="s">
        <v>1</v>
      </c>
      <c r="C136815" s="14" t="s">
        <v>596</v>
      </c>
      <c r="D136815" s="14" t="s">
        <v>155</v>
      </c>
      <c r="E136815" s="15">
        <v>45681</v>
      </c>
      <c r="F136815" s="14" t="s">
        <v>25</v>
      </c>
      <c r="G136815" s="16">
        <v>0</v>
      </c>
    </row>
    <row r="136816" spans="1:7" x14ac:dyDescent="0.3">
      <c r="A136816" s="13" t="s">
        <v>612</v>
      </c>
      <c r="B136816" s="14" t="s">
        <v>1</v>
      </c>
      <c r="C136816" s="14" t="s">
        <v>596</v>
      </c>
      <c r="D136816" s="14" t="s">
        <v>155</v>
      </c>
      <c r="E136816" s="15">
        <v>45682</v>
      </c>
      <c r="F136816" s="14" t="s">
        <v>25</v>
      </c>
      <c r="G136816" s="16">
        <v>0</v>
      </c>
    </row>
    <row r="136817" spans="1:7" x14ac:dyDescent="0.3">
      <c r="A136817" s="13" t="s">
        <v>612</v>
      </c>
      <c r="B136817" s="14" t="s">
        <v>1</v>
      </c>
      <c r="C136817" s="14" t="s">
        <v>596</v>
      </c>
      <c r="D136817" s="14" t="s">
        <v>155</v>
      </c>
      <c r="E136817" s="15">
        <v>45683</v>
      </c>
      <c r="F136817" s="14" t="s">
        <v>25</v>
      </c>
      <c r="G136817" s="16">
        <v>0</v>
      </c>
    </row>
    <row r="136818" spans="1:7" x14ac:dyDescent="0.3">
      <c r="A136818" s="13" t="s">
        <v>612</v>
      </c>
      <c r="B136818" s="14" t="s">
        <v>1</v>
      </c>
      <c r="C136818" s="14" t="s">
        <v>596</v>
      </c>
      <c r="D136818" s="14" t="s">
        <v>155</v>
      </c>
      <c r="E136818" s="15">
        <v>45684</v>
      </c>
      <c r="F136818" s="14" t="s">
        <v>25</v>
      </c>
      <c r="G136818" s="16">
        <v>0</v>
      </c>
    </row>
    <row r="136819" spans="1:7" x14ac:dyDescent="0.3">
      <c r="A136819" s="13" t="s">
        <v>612</v>
      </c>
      <c r="B136819" s="14" t="s">
        <v>1</v>
      </c>
      <c r="C136819" s="14" t="s">
        <v>596</v>
      </c>
      <c r="D136819" s="14" t="s">
        <v>155</v>
      </c>
      <c r="E136819" s="15">
        <v>45685</v>
      </c>
      <c r="F136819" s="14" t="s">
        <v>25</v>
      </c>
      <c r="G136819" s="16">
        <v>0</v>
      </c>
    </row>
    <row r="136820" spans="1:7" x14ac:dyDescent="0.3">
      <c r="A136820" s="13" t="s">
        <v>612</v>
      </c>
      <c r="B136820" s="14" t="s">
        <v>1</v>
      </c>
      <c r="C136820" s="14" t="s">
        <v>596</v>
      </c>
      <c r="D136820" s="14" t="s">
        <v>155</v>
      </c>
      <c r="E136820" s="15">
        <v>45686</v>
      </c>
      <c r="F136820" s="14" t="s">
        <v>25</v>
      </c>
      <c r="G136820" s="16">
        <v>0</v>
      </c>
    </row>
    <row r="136821" spans="1:7" x14ac:dyDescent="0.3">
      <c r="A136821" s="13" t="s">
        <v>612</v>
      </c>
      <c r="B136821" s="14" t="s">
        <v>1</v>
      </c>
      <c r="C136821" s="14" t="s">
        <v>596</v>
      </c>
      <c r="D136821" s="14" t="s">
        <v>155</v>
      </c>
      <c r="E136821" s="15">
        <v>45687</v>
      </c>
      <c r="F136821" s="14" t="s">
        <v>25</v>
      </c>
      <c r="G136821" s="16">
        <v>0</v>
      </c>
    </row>
    <row r="136822" spans="1:7" x14ac:dyDescent="0.3">
      <c r="A136822" s="13" t="s">
        <v>612</v>
      </c>
      <c r="B136822" s="14" t="s">
        <v>1</v>
      </c>
      <c r="C136822" s="14" t="s">
        <v>596</v>
      </c>
      <c r="D136822" s="14" t="s">
        <v>155</v>
      </c>
      <c r="E136822" s="15">
        <v>45688</v>
      </c>
      <c r="F136822" s="14" t="s">
        <v>25</v>
      </c>
      <c r="G136822" s="16">
        <v>0</v>
      </c>
    </row>
    <row r="136823" spans="1:7" x14ac:dyDescent="0.3">
      <c r="A136823" s="13" t="s">
        <v>612</v>
      </c>
      <c r="B136823" s="14" t="s">
        <v>1</v>
      </c>
      <c r="C136823" s="14" t="s">
        <v>596</v>
      </c>
      <c r="D136823" s="14" t="s">
        <v>155</v>
      </c>
      <c r="E136823" s="15">
        <v>45689</v>
      </c>
      <c r="F136823" s="14" t="s">
        <v>25</v>
      </c>
      <c r="G136823" s="16">
        <v>0</v>
      </c>
    </row>
    <row r="136824" spans="1:7" x14ac:dyDescent="0.3">
      <c r="A136824" s="13" t="s">
        <v>612</v>
      </c>
      <c r="B136824" s="14" t="s">
        <v>1</v>
      </c>
      <c r="C136824" s="14" t="s">
        <v>596</v>
      </c>
      <c r="D136824" s="14" t="s">
        <v>155</v>
      </c>
      <c r="E136824" s="15">
        <v>45690</v>
      </c>
      <c r="F136824" s="14" t="s">
        <v>25</v>
      </c>
      <c r="G136824" s="16">
        <v>0</v>
      </c>
    </row>
    <row r="136825" spans="1:7" x14ac:dyDescent="0.3">
      <c r="A136825" s="13" t="s">
        <v>612</v>
      </c>
      <c r="B136825" s="14" t="s">
        <v>1</v>
      </c>
      <c r="C136825" s="14" t="s">
        <v>596</v>
      </c>
      <c r="D136825" s="14" t="s">
        <v>155</v>
      </c>
      <c r="E136825" s="15">
        <v>45691</v>
      </c>
      <c r="F136825" s="14" t="s">
        <v>25</v>
      </c>
      <c r="G136825" s="16">
        <v>0</v>
      </c>
    </row>
    <row r="136826" spans="1:7" x14ac:dyDescent="0.3">
      <c r="A136826" s="13" t="s">
        <v>612</v>
      </c>
      <c r="B136826" s="14" t="s">
        <v>1</v>
      </c>
      <c r="C136826" s="14" t="s">
        <v>596</v>
      </c>
      <c r="D136826" s="14" t="s">
        <v>155</v>
      </c>
      <c r="E136826" s="15">
        <v>45692</v>
      </c>
      <c r="F136826" s="14" t="s">
        <v>25</v>
      </c>
      <c r="G136826" s="16">
        <v>0</v>
      </c>
    </row>
    <row r="136827" spans="1:7" x14ac:dyDescent="0.3">
      <c r="A136827" s="13" t="s">
        <v>612</v>
      </c>
      <c r="B136827" s="14" t="s">
        <v>1</v>
      </c>
      <c r="C136827" s="14" t="s">
        <v>596</v>
      </c>
      <c r="D136827" s="14" t="s">
        <v>155</v>
      </c>
      <c r="E136827" s="15">
        <v>45693</v>
      </c>
      <c r="F136827" s="14" t="s">
        <v>25</v>
      </c>
      <c r="G136827" s="16">
        <v>0</v>
      </c>
    </row>
    <row r="136828" spans="1:7" x14ac:dyDescent="0.3">
      <c r="A136828" s="13" t="s">
        <v>612</v>
      </c>
      <c r="B136828" s="14" t="s">
        <v>1</v>
      </c>
      <c r="C136828" s="14" t="s">
        <v>596</v>
      </c>
      <c r="D136828" s="14" t="s">
        <v>155</v>
      </c>
      <c r="E136828" s="15">
        <v>45694</v>
      </c>
      <c r="F136828" s="14" t="s">
        <v>25</v>
      </c>
      <c r="G136828" s="16">
        <v>0</v>
      </c>
    </row>
    <row r="136829" spans="1:7" x14ac:dyDescent="0.3">
      <c r="A136829" s="13" t="s">
        <v>612</v>
      </c>
      <c r="B136829" s="14" t="s">
        <v>1</v>
      </c>
      <c r="C136829" s="14" t="s">
        <v>596</v>
      </c>
      <c r="D136829" s="14" t="s">
        <v>155</v>
      </c>
      <c r="E136829" s="15">
        <v>45695</v>
      </c>
      <c r="F136829" s="14" t="s">
        <v>25</v>
      </c>
      <c r="G136829" s="16">
        <v>0</v>
      </c>
    </row>
    <row r="136830" spans="1:7" x14ac:dyDescent="0.3">
      <c r="A136830" s="13" t="s">
        <v>612</v>
      </c>
      <c r="B136830" s="14" t="s">
        <v>1</v>
      </c>
      <c r="C136830" s="14" t="s">
        <v>596</v>
      </c>
      <c r="D136830" s="14" t="s">
        <v>155</v>
      </c>
      <c r="E136830" s="15">
        <v>45696</v>
      </c>
      <c r="F136830" s="14" t="s">
        <v>25</v>
      </c>
      <c r="G136830" s="16">
        <v>0</v>
      </c>
    </row>
    <row r="136831" spans="1:7" x14ac:dyDescent="0.3">
      <c r="A136831" s="13" t="s">
        <v>612</v>
      </c>
      <c r="B136831" s="14" t="s">
        <v>1</v>
      </c>
      <c r="C136831" s="14" t="s">
        <v>596</v>
      </c>
      <c r="D136831" s="14" t="s">
        <v>155</v>
      </c>
      <c r="E136831" s="15">
        <v>45697</v>
      </c>
      <c r="F136831" s="14" t="s">
        <v>25</v>
      </c>
      <c r="G136831" s="16">
        <v>0</v>
      </c>
    </row>
    <row r="136832" spans="1:7" x14ac:dyDescent="0.3">
      <c r="A136832" s="13" t="s">
        <v>612</v>
      </c>
      <c r="B136832" s="14" t="s">
        <v>1</v>
      </c>
      <c r="C136832" s="14" t="s">
        <v>596</v>
      </c>
      <c r="D136832" s="14" t="s">
        <v>155</v>
      </c>
      <c r="E136832" s="15">
        <v>45698</v>
      </c>
      <c r="F136832" s="14" t="s">
        <v>25</v>
      </c>
      <c r="G136832" s="16">
        <v>0</v>
      </c>
    </row>
    <row r="136833" spans="1:7" x14ac:dyDescent="0.3">
      <c r="A136833" s="13" t="s">
        <v>612</v>
      </c>
      <c r="B136833" s="14" t="s">
        <v>1</v>
      </c>
      <c r="C136833" s="14" t="s">
        <v>596</v>
      </c>
      <c r="D136833" s="14" t="s">
        <v>155</v>
      </c>
      <c r="E136833" s="15">
        <v>45699</v>
      </c>
      <c r="F136833" s="14" t="s">
        <v>25</v>
      </c>
      <c r="G136833" s="16">
        <v>0</v>
      </c>
    </row>
    <row r="136834" spans="1:7" x14ac:dyDescent="0.3">
      <c r="A136834" s="13" t="s">
        <v>612</v>
      </c>
      <c r="B136834" s="14" t="s">
        <v>1</v>
      </c>
      <c r="C136834" s="14" t="s">
        <v>596</v>
      </c>
      <c r="D136834" s="14" t="s">
        <v>155</v>
      </c>
      <c r="E136834" s="15">
        <v>45700</v>
      </c>
      <c r="F136834" s="14" t="s">
        <v>25</v>
      </c>
      <c r="G136834" s="16">
        <v>0</v>
      </c>
    </row>
    <row r="136835" spans="1:7" x14ac:dyDescent="0.3">
      <c r="A136835" s="13" t="s">
        <v>612</v>
      </c>
      <c r="B136835" s="14" t="s">
        <v>1</v>
      </c>
      <c r="C136835" s="14" t="s">
        <v>596</v>
      </c>
      <c r="D136835" s="14" t="s">
        <v>155</v>
      </c>
      <c r="E136835" s="15">
        <v>45701</v>
      </c>
      <c r="F136835" s="14" t="s">
        <v>25</v>
      </c>
      <c r="G136835" s="16">
        <v>0</v>
      </c>
    </row>
    <row r="136836" spans="1:7" x14ac:dyDescent="0.3">
      <c r="A136836" s="13" t="s">
        <v>612</v>
      </c>
      <c r="B136836" s="14" t="s">
        <v>1</v>
      </c>
      <c r="C136836" s="14" t="s">
        <v>596</v>
      </c>
      <c r="D136836" s="14" t="s">
        <v>155</v>
      </c>
      <c r="E136836" s="15">
        <v>45702</v>
      </c>
      <c r="F136836" s="14" t="s">
        <v>25</v>
      </c>
      <c r="G136836" s="16">
        <v>0</v>
      </c>
    </row>
    <row r="136837" spans="1:7" x14ac:dyDescent="0.3">
      <c r="A136837" s="13" t="s">
        <v>612</v>
      </c>
      <c r="B136837" s="14" t="s">
        <v>1</v>
      </c>
      <c r="C136837" s="14" t="s">
        <v>596</v>
      </c>
      <c r="D136837" s="14" t="s">
        <v>155</v>
      </c>
      <c r="E136837" s="15">
        <v>45703</v>
      </c>
      <c r="F136837" s="14" t="s">
        <v>25</v>
      </c>
      <c r="G136837" s="16">
        <v>0</v>
      </c>
    </row>
    <row r="136838" spans="1:7" x14ac:dyDescent="0.3">
      <c r="A136838" s="13" t="s">
        <v>612</v>
      </c>
      <c r="B136838" s="14" t="s">
        <v>1</v>
      </c>
      <c r="C136838" s="14" t="s">
        <v>596</v>
      </c>
      <c r="D136838" s="14" t="s">
        <v>155</v>
      </c>
      <c r="E136838" s="15">
        <v>45704</v>
      </c>
      <c r="F136838" s="14" t="s">
        <v>25</v>
      </c>
      <c r="G136838" s="16">
        <v>0</v>
      </c>
    </row>
    <row r="136839" spans="1:7" x14ac:dyDescent="0.3">
      <c r="A136839" s="13" t="s">
        <v>612</v>
      </c>
      <c r="B136839" s="14" t="s">
        <v>1</v>
      </c>
      <c r="C136839" s="14" t="s">
        <v>596</v>
      </c>
      <c r="D136839" s="14" t="s">
        <v>155</v>
      </c>
      <c r="E136839" s="15">
        <v>45705</v>
      </c>
      <c r="F136839" s="14" t="s">
        <v>25</v>
      </c>
      <c r="G136839" s="16">
        <v>0</v>
      </c>
    </row>
    <row r="136840" spans="1:7" x14ac:dyDescent="0.3">
      <c r="A136840" s="13" t="s">
        <v>612</v>
      </c>
      <c r="B136840" s="14" t="s">
        <v>1</v>
      </c>
      <c r="C136840" s="14" t="s">
        <v>596</v>
      </c>
      <c r="D136840" s="14" t="s">
        <v>155</v>
      </c>
      <c r="E136840" s="15">
        <v>45706</v>
      </c>
      <c r="F136840" s="14" t="s">
        <v>25</v>
      </c>
      <c r="G136840" s="16">
        <v>0</v>
      </c>
    </row>
    <row r="136841" spans="1:7" x14ac:dyDescent="0.3">
      <c r="A136841" s="13" t="s">
        <v>612</v>
      </c>
      <c r="B136841" s="14" t="s">
        <v>1</v>
      </c>
      <c r="C136841" s="14" t="s">
        <v>596</v>
      </c>
      <c r="D136841" s="14" t="s">
        <v>155</v>
      </c>
      <c r="E136841" s="15">
        <v>45707</v>
      </c>
      <c r="F136841" s="14" t="s">
        <v>25</v>
      </c>
      <c r="G136841" s="16">
        <v>0</v>
      </c>
    </row>
    <row r="136842" spans="1:7" x14ac:dyDescent="0.3">
      <c r="A136842" s="13" t="s">
        <v>612</v>
      </c>
      <c r="B136842" s="14" t="s">
        <v>1</v>
      </c>
      <c r="C136842" s="14" t="s">
        <v>596</v>
      </c>
      <c r="D136842" s="14" t="s">
        <v>155</v>
      </c>
      <c r="E136842" s="15">
        <v>45708</v>
      </c>
      <c r="F136842" s="14" t="s">
        <v>25</v>
      </c>
      <c r="G136842" s="16">
        <v>0</v>
      </c>
    </row>
    <row r="136843" spans="1:7" x14ac:dyDescent="0.3">
      <c r="A136843" s="13" t="s">
        <v>612</v>
      </c>
      <c r="B136843" s="14" t="s">
        <v>1</v>
      </c>
      <c r="C136843" s="14" t="s">
        <v>596</v>
      </c>
      <c r="D136843" s="14" t="s">
        <v>155</v>
      </c>
      <c r="E136843" s="15">
        <v>45709</v>
      </c>
      <c r="F136843" s="14" t="s">
        <v>25</v>
      </c>
      <c r="G136843" s="16">
        <v>0</v>
      </c>
    </row>
    <row r="136844" spans="1:7" x14ac:dyDescent="0.3">
      <c r="A136844" s="13" t="s">
        <v>612</v>
      </c>
      <c r="B136844" s="14" t="s">
        <v>1</v>
      </c>
      <c r="C136844" s="14" t="s">
        <v>596</v>
      </c>
      <c r="D136844" s="14" t="s">
        <v>155</v>
      </c>
      <c r="E136844" s="15">
        <v>45710</v>
      </c>
      <c r="F136844" s="14" t="s">
        <v>25</v>
      </c>
      <c r="G136844" s="16">
        <v>0</v>
      </c>
    </row>
    <row r="136845" spans="1:7" x14ac:dyDescent="0.3">
      <c r="A136845" s="13" t="s">
        <v>612</v>
      </c>
      <c r="B136845" s="14" t="s">
        <v>1</v>
      </c>
      <c r="C136845" s="14" t="s">
        <v>596</v>
      </c>
      <c r="D136845" s="14" t="s">
        <v>155</v>
      </c>
      <c r="E136845" s="15">
        <v>45711</v>
      </c>
      <c r="F136845" s="14" t="s">
        <v>25</v>
      </c>
      <c r="G136845" s="16">
        <v>0</v>
      </c>
    </row>
    <row r="136846" spans="1:7" x14ac:dyDescent="0.3">
      <c r="A136846" s="13" t="s">
        <v>612</v>
      </c>
      <c r="B136846" s="14" t="s">
        <v>1</v>
      </c>
      <c r="C136846" s="14" t="s">
        <v>596</v>
      </c>
      <c r="D136846" s="14" t="s">
        <v>155</v>
      </c>
      <c r="E136846" s="15">
        <v>45712</v>
      </c>
      <c r="F136846" s="14" t="s">
        <v>25</v>
      </c>
      <c r="G136846" s="16">
        <v>0</v>
      </c>
    </row>
    <row r="136847" spans="1:7" x14ac:dyDescent="0.3">
      <c r="A136847" s="13" t="s">
        <v>612</v>
      </c>
      <c r="B136847" s="14" t="s">
        <v>1</v>
      </c>
      <c r="C136847" s="14" t="s">
        <v>596</v>
      </c>
      <c r="D136847" s="14" t="s">
        <v>155</v>
      </c>
      <c r="E136847" s="15">
        <v>45713</v>
      </c>
      <c r="F136847" s="14" t="s">
        <v>25</v>
      </c>
      <c r="G136847" s="16">
        <v>0</v>
      </c>
    </row>
    <row r="136848" spans="1:7" x14ac:dyDescent="0.3">
      <c r="A136848" s="13" t="s">
        <v>612</v>
      </c>
      <c r="B136848" s="14" t="s">
        <v>1</v>
      </c>
      <c r="C136848" s="14" t="s">
        <v>596</v>
      </c>
      <c r="D136848" s="14" t="s">
        <v>155</v>
      </c>
      <c r="E136848" s="15">
        <v>45714</v>
      </c>
      <c r="F136848" s="14" t="s">
        <v>25</v>
      </c>
      <c r="G136848" s="16">
        <v>0</v>
      </c>
    </row>
    <row r="136849" spans="1:7" x14ac:dyDescent="0.3">
      <c r="A136849" s="13" t="s">
        <v>612</v>
      </c>
      <c r="B136849" s="14" t="s">
        <v>1</v>
      </c>
      <c r="C136849" s="14" t="s">
        <v>596</v>
      </c>
      <c r="D136849" s="14" t="s">
        <v>155</v>
      </c>
      <c r="E136849" s="15">
        <v>45715</v>
      </c>
      <c r="F136849" s="14" t="s">
        <v>25</v>
      </c>
      <c r="G136849" s="16">
        <v>0</v>
      </c>
    </row>
    <row r="136850" spans="1:7" x14ac:dyDescent="0.3">
      <c r="A136850" s="13" t="s">
        <v>612</v>
      </c>
      <c r="B136850" s="14" t="s">
        <v>1</v>
      </c>
      <c r="C136850" s="14" t="s">
        <v>596</v>
      </c>
      <c r="D136850" s="14" t="s">
        <v>155</v>
      </c>
      <c r="E136850" s="15">
        <v>45716</v>
      </c>
      <c r="F136850" s="14" t="s">
        <v>25</v>
      </c>
      <c r="G136850" s="16">
        <v>0</v>
      </c>
    </row>
    <row r="136851" spans="1:7" x14ac:dyDescent="0.3">
      <c r="A136851" s="13" t="s">
        <v>612</v>
      </c>
      <c r="B136851" s="14" t="s">
        <v>1</v>
      </c>
      <c r="C136851" s="14" t="s">
        <v>596</v>
      </c>
      <c r="D136851" s="14" t="s">
        <v>155</v>
      </c>
      <c r="E136851" s="15">
        <v>45717</v>
      </c>
      <c r="F136851" s="14" t="s">
        <v>25</v>
      </c>
      <c r="G136851" s="16">
        <v>0</v>
      </c>
    </row>
    <row r="136852" spans="1:7" x14ac:dyDescent="0.3">
      <c r="A136852" s="13" t="s">
        <v>612</v>
      </c>
      <c r="B136852" s="14" t="s">
        <v>1</v>
      </c>
      <c r="C136852" s="14" t="s">
        <v>596</v>
      </c>
      <c r="D136852" s="14" t="s">
        <v>155</v>
      </c>
      <c r="E136852" s="15">
        <v>45718</v>
      </c>
      <c r="F136852" s="14" t="s">
        <v>25</v>
      </c>
      <c r="G136852" s="16">
        <v>0</v>
      </c>
    </row>
    <row r="136853" spans="1:7" x14ac:dyDescent="0.3">
      <c r="A136853" s="13" t="s">
        <v>612</v>
      </c>
      <c r="B136853" s="14" t="s">
        <v>1</v>
      </c>
      <c r="C136853" s="14" t="s">
        <v>596</v>
      </c>
      <c r="D136853" s="14" t="s">
        <v>155</v>
      </c>
      <c r="E136853" s="15">
        <v>45719</v>
      </c>
      <c r="F136853" s="14" t="s">
        <v>25</v>
      </c>
      <c r="G136853" s="16">
        <v>0</v>
      </c>
    </row>
    <row r="136854" spans="1:7" x14ac:dyDescent="0.3">
      <c r="A136854" s="13" t="s">
        <v>612</v>
      </c>
      <c r="B136854" s="14" t="s">
        <v>1</v>
      </c>
      <c r="C136854" s="14" t="s">
        <v>596</v>
      </c>
      <c r="D136854" s="14" t="s">
        <v>155</v>
      </c>
      <c r="E136854" s="15">
        <v>45720</v>
      </c>
      <c r="F136854" s="14" t="s">
        <v>25</v>
      </c>
      <c r="G136854" s="16">
        <v>0</v>
      </c>
    </row>
    <row r="136855" spans="1:7" x14ac:dyDescent="0.3">
      <c r="A136855" s="13" t="s">
        <v>612</v>
      </c>
      <c r="B136855" s="14" t="s">
        <v>1</v>
      </c>
      <c r="C136855" s="14" t="s">
        <v>596</v>
      </c>
      <c r="D136855" s="14" t="s">
        <v>155</v>
      </c>
      <c r="E136855" s="15">
        <v>45721</v>
      </c>
      <c r="F136855" s="14" t="s">
        <v>25</v>
      </c>
      <c r="G136855" s="16">
        <v>0</v>
      </c>
    </row>
    <row r="136856" spans="1:7" x14ac:dyDescent="0.3">
      <c r="A136856" s="13" t="s">
        <v>612</v>
      </c>
      <c r="B136856" s="14" t="s">
        <v>1</v>
      </c>
      <c r="C136856" s="14" t="s">
        <v>596</v>
      </c>
      <c r="D136856" s="14" t="s">
        <v>155</v>
      </c>
      <c r="E136856" s="15">
        <v>45722</v>
      </c>
      <c r="F136856" s="14" t="s">
        <v>25</v>
      </c>
      <c r="G136856" s="16">
        <v>0</v>
      </c>
    </row>
    <row r="136857" spans="1:7" x14ac:dyDescent="0.3">
      <c r="A136857" s="13" t="s">
        <v>612</v>
      </c>
      <c r="B136857" s="14" t="s">
        <v>1</v>
      </c>
      <c r="C136857" s="14" t="s">
        <v>596</v>
      </c>
      <c r="D136857" s="14" t="s">
        <v>155</v>
      </c>
      <c r="E136857" s="15">
        <v>45723</v>
      </c>
      <c r="F136857" s="14" t="s">
        <v>25</v>
      </c>
      <c r="G136857" s="16">
        <v>0</v>
      </c>
    </row>
    <row r="136858" spans="1:7" x14ac:dyDescent="0.3">
      <c r="A136858" s="13" t="s">
        <v>612</v>
      </c>
      <c r="B136858" s="14" t="s">
        <v>1</v>
      </c>
      <c r="C136858" s="14" t="s">
        <v>596</v>
      </c>
      <c r="D136858" s="14" t="s">
        <v>155</v>
      </c>
      <c r="E136858" s="15">
        <v>45724</v>
      </c>
      <c r="F136858" s="14" t="s">
        <v>25</v>
      </c>
      <c r="G136858" s="16">
        <v>0</v>
      </c>
    </row>
    <row r="136859" spans="1:7" x14ac:dyDescent="0.3">
      <c r="A136859" s="13" t="s">
        <v>612</v>
      </c>
      <c r="B136859" s="14" t="s">
        <v>1</v>
      </c>
      <c r="C136859" s="14" t="s">
        <v>596</v>
      </c>
      <c r="D136859" s="14" t="s">
        <v>155</v>
      </c>
      <c r="E136859" s="15">
        <v>45725</v>
      </c>
      <c r="F136859" s="14" t="s">
        <v>25</v>
      </c>
      <c r="G136859" s="16">
        <v>0</v>
      </c>
    </row>
    <row r="136860" spans="1:7" x14ac:dyDescent="0.3">
      <c r="A136860" s="13" t="s">
        <v>612</v>
      </c>
      <c r="B136860" s="14" t="s">
        <v>1</v>
      </c>
      <c r="C136860" s="14" t="s">
        <v>596</v>
      </c>
      <c r="D136860" s="14" t="s">
        <v>155</v>
      </c>
      <c r="E136860" s="15">
        <v>45726</v>
      </c>
      <c r="F136860" s="14" t="s">
        <v>25</v>
      </c>
      <c r="G136860" s="16">
        <v>0</v>
      </c>
    </row>
    <row r="136861" spans="1:7" x14ac:dyDescent="0.3">
      <c r="A136861" s="13" t="s">
        <v>612</v>
      </c>
      <c r="B136861" s="14" t="s">
        <v>1</v>
      </c>
      <c r="C136861" s="14" t="s">
        <v>596</v>
      </c>
      <c r="D136861" s="14" t="s">
        <v>155</v>
      </c>
      <c r="E136861" s="15">
        <v>45727</v>
      </c>
      <c r="F136861" s="14" t="s">
        <v>25</v>
      </c>
      <c r="G136861" s="16">
        <v>0</v>
      </c>
    </row>
    <row r="136862" spans="1:7" x14ac:dyDescent="0.3">
      <c r="A136862" s="13" t="s">
        <v>612</v>
      </c>
      <c r="B136862" s="14" t="s">
        <v>1</v>
      </c>
      <c r="C136862" s="14" t="s">
        <v>596</v>
      </c>
      <c r="D136862" s="14" t="s">
        <v>155</v>
      </c>
      <c r="E136862" s="15">
        <v>45728</v>
      </c>
      <c r="F136862" s="14" t="s">
        <v>25</v>
      </c>
      <c r="G136862" s="16">
        <v>0</v>
      </c>
    </row>
    <row r="136863" spans="1:7" x14ac:dyDescent="0.3">
      <c r="A136863" s="13" t="s">
        <v>612</v>
      </c>
      <c r="B136863" s="14" t="s">
        <v>1</v>
      </c>
      <c r="C136863" s="14" t="s">
        <v>596</v>
      </c>
      <c r="D136863" s="14" t="s">
        <v>155</v>
      </c>
      <c r="E136863" s="15">
        <v>45729</v>
      </c>
      <c r="F136863" s="14" t="s">
        <v>25</v>
      </c>
      <c r="G136863" s="16">
        <v>0</v>
      </c>
    </row>
    <row r="136864" spans="1:7" x14ac:dyDescent="0.3">
      <c r="A136864" s="13" t="s">
        <v>612</v>
      </c>
      <c r="B136864" s="14" t="s">
        <v>1</v>
      </c>
      <c r="C136864" s="14" t="s">
        <v>596</v>
      </c>
      <c r="D136864" s="14" t="s">
        <v>155</v>
      </c>
      <c r="E136864" s="15">
        <v>45730</v>
      </c>
      <c r="F136864" s="14" t="s">
        <v>25</v>
      </c>
      <c r="G136864" s="16">
        <v>0</v>
      </c>
    </row>
    <row r="136865" spans="1:7" x14ac:dyDescent="0.3">
      <c r="A136865" s="13" t="s">
        <v>612</v>
      </c>
      <c r="B136865" s="14" t="s">
        <v>1</v>
      </c>
      <c r="C136865" s="14" t="s">
        <v>596</v>
      </c>
      <c r="D136865" s="14" t="s">
        <v>155</v>
      </c>
      <c r="E136865" s="15">
        <v>45731</v>
      </c>
      <c r="F136865" s="14" t="s">
        <v>25</v>
      </c>
      <c r="G136865" s="16">
        <v>0</v>
      </c>
    </row>
    <row r="136866" spans="1:7" x14ac:dyDescent="0.3">
      <c r="A136866" s="13" t="s">
        <v>612</v>
      </c>
      <c r="B136866" s="14" t="s">
        <v>1</v>
      </c>
      <c r="C136866" s="14" t="s">
        <v>596</v>
      </c>
      <c r="D136866" s="14" t="s">
        <v>155</v>
      </c>
      <c r="E136866" s="15">
        <v>45732</v>
      </c>
      <c r="F136866" s="14" t="s">
        <v>25</v>
      </c>
      <c r="G136866" s="16">
        <v>0</v>
      </c>
    </row>
    <row r="136867" spans="1:7" x14ac:dyDescent="0.3">
      <c r="A136867" s="13" t="s">
        <v>612</v>
      </c>
      <c r="B136867" s="14" t="s">
        <v>1</v>
      </c>
      <c r="C136867" s="14" t="s">
        <v>596</v>
      </c>
      <c r="D136867" s="14" t="s">
        <v>155</v>
      </c>
      <c r="E136867" s="15">
        <v>45733</v>
      </c>
      <c r="F136867" s="14" t="s">
        <v>25</v>
      </c>
      <c r="G136867" s="16">
        <v>0</v>
      </c>
    </row>
    <row r="136868" spans="1:7" x14ac:dyDescent="0.3">
      <c r="A136868" s="13" t="s">
        <v>612</v>
      </c>
      <c r="B136868" s="14" t="s">
        <v>1</v>
      </c>
      <c r="C136868" s="14" t="s">
        <v>596</v>
      </c>
      <c r="D136868" s="14" t="s">
        <v>155</v>
      </c>
      <c r="E136868" s="15">
        <v>45734</v>
      </c>
      <c r="F136868" s="14" t="s">
        <v>25</v>
      </c>
      <c r="G136868" s="16">
        <v>0</v>
      </c>
    </row>
    <row r="136869" spans="1:7" x14ac:dyDescent="0.3">
      <c r="A136869" s="13" t="s">
        <v>612</v>
      </c>
      <c r="B136869" s="14" t="s">
        <v>1</v>
      </c>
      <c r="C136869" s="14" t="s">
        <v>596</v>
      </c>
      <c r="D136869" s="14" t="s">
        <v>155</v>
      </c>
      <c r="E136869" s="15">
        <v>45735</v>
      </c>
      <c r="F136869" s="14" t="s">
        <v>25</v>
      </c>
      <c r="G136869" s="16">
        <v>0</v>
      </c>
    </row>
    <row r="136870" spans="1:7" x14ac:dyDescent="0.3">
      <c r="A136870" s="13" t="s">
        <v>612</v>
      </c>
      <c r="B136870" s="14" t="s">
        <v>1</v>
      </c>
      <c r="C136870" s="14" t="s">
        <v>596</v>
      </c>
      <c r="D136870" s="14" t="s">
        <v>155</v>
      </c>
      <c r="E136870" s="15">
        <v>45736</v>
      </c>
      <c r="F136870" s="14" t="s">
        <v>25</v>
      </c>
      <c r="G136870" s="16">
        <v>0</v>
      </c>
    </row>
    <row r="136871" spans="1:7" x14ac:dyDescent="0.3">
      <c r="A136871" s="13" t="s">
        <v>612</v>
      </c>
      <c r="B136871" s="14" t="s">
        <v>1</v>
      </c>
      <c r="C136871" s="14" t="s">
        <v>596</v>
      </c>
      <c r="D136871" s="14" t="s">
        <v>155</v>
      </c>
      <c r="E136871" s="15">
        <v>45737</v>
      </c>
      <c r="F136871" s="14" t="s">
        <v>25</v>
      </c>
      <c r="G136871" s="16">
        <v>0</v>
      </c>
    </row>
    <row r="136872" spans="1:7" x14ac:dyDescent="0.3">
      <c r="A136872" s="13" t="s">
        <v>612</v>
      </c>
      <c r="B136872" s="14" t="s">
        <v>1</v>
      </c>
      <c r="C136872" s="14" t="s">
        <v>596</v>
      </c>
      <c r="D136872" s="14" t="s">
        <v>155</v>
      </c>
      <c r="E136872" s="15">
        <v>45738</v>
      </c>
      <c r="F136872" s="14" t="s">
        <v>25</v>
      </c>
      <c r="G136872" s="16">
        <v>0</v>
      </c>
    </row>
    <row r="136873" spans="1:7" x14ac:dyDescent="0.3">
      <c r="A136873" s="13" t="s">
        <v>612</v>
      </c>
      <c r="B136873" s="14" t="s">
        <v>1</v>
      </c>
      <c r="C136873" s="14" t="s">
        <v>596</v>
      </c>
      <c r="D136873" s="14" t="s">
        <v>155</v>
      </c>
      <c r="E136873" s="15">
        <v>45739</v>
      </c>
      <c r="F136873" s="14" t="s">
        <v>25</v>
      </c>
      <c r="G136873" s="16">
        <v>0</v>
      </c>
    </row>
    <row r="136874" spans="1:7" x14ac:dyDescent="0.3">
      <c r="A136874" s="13" t="s">
        <v>612</v>
      </c>
      <c r="B136874" s="14" t="s">
        <v>1</v>
      </c>
      <c r="C136874" s="14" t="s">
        <v>596</v>
      </c>
      <c r="D136874" s="14" t="s">
        <v>155</v>
      </c>
      <c r="E136874" s="15">
        <v>45740</v>
      </c>
      <c r="F136874" s="14" t="s">
        <v>25</v>
      </c>
      <c r="G136874" s="16">
        <v>0</v>
      </c>
    </row>
    <row r="136875" spans="1:7" x14ac:dyDescent="0.3">
      <c r="A136875" s="13" t="s">
        <v>612</v>
      </c>
      <c r="B136875" s="14" t="s">
        <v>1</v>
      </c>
      <c r="C136875" s="14" t="s">
        <v>596</v>
      </c>
      <c r="D136875" s="14" t="s">
        <v>155</v>
      </c>
      <c r="E136875" s="15">
        <v>45741</v>
      </c>
      <c r="F136875" s="14" t="s">
        <v>25</v>
      </c>
      <c r="G136875" s="16">
        <v>0</v>
      </c>
    </row>
    <row r="136876" spans="1:7" x14ac:dyDescent="0.3">
      <c r="A136876" s="13" t="s">
        <v>612</v>
      </c>
      <c r="B136876" s="14" t="s">
        <v>1</v>
      </c>
      <c r="C136876" s="14" t="s">
        <v>596</v>
      </c>
      <c r="D136876" s="14" t="s">
        <v>155</v>
      </c>
      <c r="E136876" s="15">
        <v>45742</v>
      </c>
      <c r="F136876" s="14" t="s">
        <v>25</v>
      </c>
      <c r="G136876" s="16">
        <v>0</v>
      </c>
    </row>
    <row r="136877" spans="1:7" x14ac:dyDescent="0.3">
      <c r="A136877" s="13" t="s">
        <v>612</v>
      </c>
      <c r="B136877" s="14" t="s">
        <v>1</v>
      </c>
      <c r="C136877" s="14" t="s">
        <v>596</v>
      </c>
      <c r="D136877" s="14" t="s">
        <v>155</v>
      </c>
      <c r="E136877" s="15">
        <v>45743</v>
      </c>
      <c r="F136877" s="14" t="s">
        <v>25</v>
      </c>
      <c r="G136877" s="16">
        <v>0</v>
      </c>
    </row>
    <row r="136878" spans="1:7" x14ac:dyDescent="0.3">
      <c r="A136878" s="13" t="s">
        <v>612</v>
      </c>
      <c r="B136878" s="14" t="s">
        <v>1</v>
      </c>
      <c r="C136878" s="14" t="s">
        <v>596</v>
      </c>
      <c r="D136878" s="14" t="s">
        <v>155</v>
      </c>
      <c r="E136878" s="15">
        <v>45744</v>
      </c>
      <c r="F136878" s="14" t="s">
        <v>25</v>
      </c>
      <c r="G136878" s="16">
        <v>0</v>
      </c>
    </row>
    <row r="136879" spans="1:7" x14ac:dyDescent="0.3">
      <c r="A136879" s="13" t="s">
        <v>612</v>
      </c>
      <c r="B136879" s="14" t="s">
        <v>1</v>
      </c>
      <c r="C136879" s="14" t="s">
        <v>596</v>
      </c>
      <c r="D136879" s="14" t="s">
        <v>155</v>
      </c>
      <c r="E136879" s="15">
        <v>45745</v>
      </c>
      <c r="F136879" s="14" t="s">
        <v>25</v>
      </c>
      <c r="G136879" s="16">
        <v>0</v>
      </c>
    </row>
    <row r="136880" spans="1:7" x14ac:dyDescent="0.3">
      <c r="A136880" s="13" t="s">
        <v>612</v>
      </c>
      <c r="B136880" s="14" t="s">
        <v>1</v>
      </c>
      <c r="C136880" s="14" t="s">
        <v>596</v>
      </c>
      <c r="D136880" s="14" t="s">
        <v>155</v>
      </c>
      <c r="E136880" s="15">
        <v>45746</v>
      </c>
      <c r="F136880" s="14" t="s">
        <v>25</v>
      </c>
      <c r="G136880" s="16">
        <v>0</v>
      </c>
    </row>
    <row r="136881" spans="1:7" x14ac:dyDescent="0.3">
      <c r="A136881" s="13" t="s">
        <v>612</v>
      </c>
      <c r="B136881" s="14" t="s">
        <v>1</v>
      </c>
      <c r="C136881" s="14" t="s">
        <v>596</v>
      </c>
      <c r="D136881" s="14" t="s">
        <v>155</v>
      </c>
      <c r="E136881" s="15">
        <v>45747</v>
      </c>
      <c r="F136881" s="14" t="s">
        <v>25</v>
      </c>
      <c r="G136881" s="16">
        <v>0</v>
      </c>
    </row>
    <row r="136882" spans="1:7" x14ac:dyDescent="0.3">
      <c r="A136882" s="13" t="s">
        <v>613</v>
      </c>
      <c r="B136882" s="14" t="s">
        <v>1</v>
      </c>
      <c r="C136882" s="14" t="s">
        <v>596</v>
      </c>
      <c r="D136882" s="14" t="s">
        <v>213</v>
      </c>
      <c r="E136882" s="15">
        <v>45383</v>
      </c>
      <c r="F136882" s="14" t="s">
        <v>25</v>
      </c>
      <c r="G136882" s="16">
        <v>0</v>
      </c>
    </row>
    <row r="136883" spans="1:7" x14ac:dyDescent="0.3">
      <c r="A136883" s="13" t="s">
        <v>613</v>
      </c>
      <c r="B136883" s="14" t="s">
        <v>1</v>
      </c>
      <c r="C136883" s="14" t="s">
        <v>596</v>
      </c>
      <c r="D136883" s="14" t="s">
        <v>213</v>
      </c>
      <c r="E136883" s="15">
        <v>45384</v>
      </c>
      <c r="F136883" s="14" t="s">
        <v>25</v>
      </c>
      <c r="G136883" s="16">
        <v>0</v>
      </c>
    </row>
    <row r="136884" spans="1:7" x14ac:dyDescent="0.3">
      <c r="A136884" s="13" t="s">
        <v>613</v>
      </c>
      <c r="B136884" s="14" t="s">
        <v>1</v>
      </c>
      <c r="C136884" s="14" t="s">
        <v>596</v>
      </c>
      <c r="D136884" s="14" t="s">
        <v>213</v>
      </c>
      <c r="E136884" s="15">
        <v>45385</v>
      </c>
      <c r="F136884" s="14" t="s">
        <v>25</v>
      </c>
      <c r="G136884" s="16">
        <v>0</v>
      </c>
    </row>
    <row r="136885" spans="1:7" x14ac:dyDescent="0.3">
      <c r="A136885" s="13" t="s">
        <v>613</v>
      </c>
      <c r="B136885" s="14" t="s">
        <v>1</v>
      </c>
      <c r="C136885" s="14" t="s">
        <v>596</v>
      </c>
      <c r="D136885" s="14" t="s">
        <v>213</v>
      </c>
      <c r="E136885" s="15">
        <v>45386</v>
      </c>
      <c r="F136885" s="14" t="s">
        <v>25</v>
      </c>
      <c r="G136885" s="16">
        <v>0</v>
      </c>
    </row>
    <row r="136886" spans="1:7" x14ac:dyDescent="0.3">
      <c r="A136886" s="13" t="s">
        <v>613</v>
      </c>
      <c r="B136886" s="14" t="s">
        <v>1</v>
      </c>
      <c r="C136886" s="14" t="s">
        <v>596</v>
      </c>
      <c r="D136886" s="14" t="s">
        <v>213</v>
      </c>
      <c r="E136886" s="15">
        <v>45387</v>
      </c>
      <c r="F136886" s="14" t="s">
        <v>25</v>
      </c>
      <c r="G136886" s="16">
        <v>0</v>
      </c>
    </row>
    <row r="136887" spans="1:7" x14ac:dyDescent="0.3">
      <c r="A136887" s="13" t="s">
        <v>613</v>
      </c>
      <c r="B136887" s="14" t="s">
        <v>1</v>
      </c>
      <c r="C136887" s="14" t="s">
        <v>596</v>
      </c>
      <c r="D136887" s="14" t="s">
        <v>213</v>
      </c>
      <c r="E136887" s="15">
        <v>45388</v>
      </c>
      <c r="F136887" s="14" t="s">
        <v>25</v>
      </c>
      <c r="G136887" s="16">
        <v>0</v>
      </c>
    </row>
    <row r="136888" spans="1:7" x14ac:dyDescent="0.3">
      <c r="A136888" s="13" t="s">
        <v>613</v>
      </c>
      <c r="B136888" s="14" t="s">
        <v>1</v>
      </c>
      <c r="C136888" s="14" t="s">
        <v>596</v>
      </c>
      <c r="D136888" s="14" t="s">
        <v>213</v>
      </c>
      <c r="E136888" s="15">
        <v>45389</v>
      </c>
      <c r="F136888" s="14" t="s">
        <v>25</v>
      </c>
      <c r="G136888" s="16">
        <v>0</v>
      </c>
    </row>
    <row r="136889" spans="1:7" x14ac:dyDescent="0.3">
      <c r="A136889" s="13" t="s">
        <v>613</v>
      </c>
      <c r="B136889" s="14" t="s">
        <v>1</v>
      </c>
      <c r="C136889" s="14" t="s">
        <v>596</v>
      </c>
      <c r="D136889" s="14" t="s">
        <v>213</v>
      </c>
      <c r="E136889" s="15">
        <v>45390</v>
      </c>
      <c r="F136889" s="14" t="s">
        <v>25</v>
      </c>
      <c r="G136889" s="16">
        <v>0</v>
      </c>
    </row>
    <row r="136890" spans="1:7" x14ac:dyDescent="0.3">
      <c r="A136890" s="13" t="s">
        <v>613</v>
      </c>
      <c r="B136890" s="14" t="s">
        <v>1</v>
      </c>
      <c r="C136890" s="14" t="s">
        <v>596</v>
      </c>
      <c r="D136890" s="14" t="s">
        <v>213</v>
      </c>
      <c r="E136890" s="15">
        <v>45391</v>
      </c>
      <c r="F136890" s="14" t="s">
        <v>25</v>
      </c>
      <c r="G136890" s="16">
        <v>0</v>
      </c>
    </row>
    <row r="136891" spans="1:7" x14ac:dyDescent="0.3">
      <c r="A136891" s="13" t="s">
        <v>613</v>
      </c>
      <c r="B136891" s="14" t="s">
        <v>1</v>
      </c>
      <c r="C136891" s="14" t="s">
        <v>596</v>
      </c>
      <c r="D136891" s="14" t="s">
        <v>213</v>
      </c>
      <c r="E136891" s="15">
        <v>45392</v>
      </c>
      <c r="F136891" s="14" t="s">
        <v>25</v>
      </c>
      <c r="G136891" s="16">
        <v>0</v>
      </c>
    </row>
    <row r="136892" spans="1:7" x14ac:dyDescent="0.3">
      <c r="A136892" s="13" t="s">
        <v>613</v>
      </c>
      <c r="B136892" s="14" t="s">
        <v>1</v>
      </c>
      <c r="C136892" s="14" t="s">
        <v>596</v>
      </c>
      <c r="D136892" s="14" t="s">
        <v>213</v>
      </c>
      <c r="E136892" s="15">
        <v>45393</v>
      </c>
      <c r="F136892" s="14" t="s">
        <v>25</v>
      </c>
      <c r="G136892" s="16">
        <v>0</v>
      </c>
    </row>
    <row r="136893" spans="1:7" x14ac:dyDescent="0.3">
      <c r="A136893" s="13" t="s">
        <v>613</v>
      </c>
      <c r="B136893" s="14" t="s">
        <v>1</v>
      </c>
      <c r="C136893" s="14" t="s">
        <v>596</v>
      </c>
      <c r="D136893" s="14" t="s">
        <v>213</v>
      </c>
      <c r="E136893" s="15">
        <v>45394</v>
      </c>
      <c r="F136893" s="14" t="s">
        <v>25</v>
      </c>
      <c r="G136893" s="16">
        <v>0</v>
      </c>
    </row>
    <row r="136894" spans="1:7" x14ac:dyDescent="0.3">
      <c r="A136894" s="13" t="s">
        <v>613</v>
      </c>
      <c r="B136894" s="14" t="s">
        <v>1</v>
      </c>
      <c r="C136894" s="14" t="s">
        <v>596</v>
      </c>
      <c r="D136894" s="14" t="s">
        <v>213</v>
      </c>
      <c r="E136894" s="15">
        <v>45395</v>
      </c>
      <c r="F136894" s="14" t="s">
        <v>25</v>
      </c>
      <c r="G136894" s="16">
        <v>0</v>
      </c>
    </row>
    <row r="136895" spans="1:7" x14ac:dyDescent="0.3">
      <c r="A136895" s="13" t="s">
        <v>613</v>
      </c>
      <c r="B136895" s="14" t="s">
        <v>1</v>
      </c>
      <c r="C136895" s="14" t="s">
        <v>596</v>
      </c>
      <c r="D136895" s="14" t="s">
        <v>213</v>
      </c>
      <c r="E136895" s="15">
        <v>45396</v>
      </c>
      <c r="F136895" s="14" t="s">
        <v>25</v>
      </c>
      <c r="G136895" s="16">
        <v>0</v>
      </c>
    </row>
    <row r="136896" spans="1:7" x14ac:dyDescent="0.3">
      <c r="A136896" s="13" t="s">
        <v>613</v>
      </c>
      <c r="B136896" s="14" t="s">
        <v>1</v>
      </c>
      <c r="C136896" s="14" t="s">
        <v>596</v>
      </c>
      <c r="D136896" s="14" t="s">
        <v>213</v>
      </c>
      <c r="E136896" s="15">
        <v>45397</v>
      </c>
      <c r="F136896" s="14" t="s">
        <v>25</v>
      </c>
      <c r="G136896" s="16">
        <v>0</v>
      </c>
    </row>
    <row r="136897" spans="1:7" x14ac:dyDescent="0.3">
      <c r="A136897" s="13" t="s">
        <v>613</v>
      </c>
      <c r="B136897" s="14" t="s">
        <v>1</v>
      </c>
      <c r="C136897" s="14" t="s">
        <v>596</v>
      </c>
      <c r="D136897" s="14" t="s">
        <v>213</v>
      </c>
      <c r="E136897" s="15">
        <v>45398</v>
      </c>
      <c r="F136897" s="14" t="s">
        <v>25</v>
      </c>
      <c r="G136897" s="16">
        <v>0</v>
      </c>
    </row>
    <row r="136898" spans="1:7" x14ac:dyDescent="0.3">
      <c r="A136898" s="13" t="s">
        <v>613</v>
      </c>
      <c r="B136898" s="14" t="s">
        <v>1</v>
      </c>
      <c r="C136898" s="14" t="s">
        <v>596</v>
      </c>
      <c r="D136898" s="14" t="s">
        <v>213</v>
      </c>
      <c r="E136898" s="15">
        <v>45399</v>
      </c>
      <c r="F136898" s="14" t="s">
        <v>25</v>
      </c>
      <c r="G136898" s="16">
        <v>0</v>
      </c>
    </row>
    <row r="136899" spans="1:7" x14ac:dyDescent="0.3">
      <c r="A136899" s="13" t="s">
        <v>613</v>
      </c>
      <c r="B136899" s="14" t="s">
        <v>1</v>
      </c>
      <c r="C136899" s="14" t="s">
        <v>596</v>
      </c>
      <c r="D136899" s="14" t="s">
        <v>213</v>
      </c>
      <c r="E136899" s="15">
        <v>45400</v>
      </c>
      <c r="F136899" s="14" t="s">
        <v>25</v>
      </c>
      <c r="G136899" s="16">
        <v>0</v>
      </c>
    </row>
    <row r="136900" spans="1:7" x14ac:dyDescent="0.3">
      <c r="A136900" s="13" t="s">
        <v>613</v>
      </c>
      <c r="B136900" s="14" t="s">
        <v>1</v>
      </c>
      <c r="C136900" s="14" t="s">
        <v>596</v>
      </c>
      <c r="D136900" s="14" t="s">
        <v>213</v>
      </c>
      <c r="E136900" s="15">
        <v>45401</v>
      </c>
      <c r="F136900" s="14" t="s">
        <v>25</v>
      </c>
      <c r="G136900" s="16">
        <v>0</v>
      </c>
    </row>
    <row r="136901" spans="1:7" x14ac:dyDescent="0.3">
      <c r="A136901" s="13" t="s">
        <v>613</v>
      </c>
      <c r="B136901" s="14" t="s">
        <v>1</v>
      </c>
      <c r="C136901" s="14" t="s">
        <v>596</v>
      </c>
      <c r="D136901" s="14" t="s">
        <v>213</v>
      </c>
      <c r="E136901" s="15">
        <v>45402</v>
      </c>
      <c r="F136901" s="14" t="s">
        <v>25</v>
      </c>
      <c r="G136901" s="16">
        <v>0</v>
      </c>
    </row>
    <row r="136902" spans="1:7" x14ac:dyDescent="0.3">
      <c r="A136902" s="13" t="s">
        <v>613</v>
      </c>
      <c r="B136902" s="14" t="s">
        <v>1</v>
      </c>
      <c r="C136902" s="14" t="s">
        <v>596</v>
      </c>
      <c r="D136902" s="14" t="s">
        <v>213</v>
      </c>
      <c r="E136902" s="15">
        <v>45403</v>
      </c>
      <c r="F136902" s="14" t="s">
        <v>25</v>
      </c>
      <c r="G136902" s="16">
        <v>0</v>
      </c>
    </row>
    <row r="136903" spans="1:7" x14ac:dyDescent="0.3">
      <c r="A136903" s="13" t="s">
        <v>613</v>
      </c>
      <c r="B136903" s="14" t="s">
        <v>1</v>
      </c>
      <c r="C136903" s="14" t="s">
        <v>596</v>
      </c>
      <c r="D136903" s="14" t="s">
        <v>213</v>
      </c>
      <c r="E136903" s="15">
        <v>45404</v>
      </c>
      <c r="F136903" s="14" t="s">
        <v>25</v>
      </c>
      <c r="G136903" s="16">
        <v>0</v>
      </c>
    </row>
    <row r="136904" spans="1:7" x14ac:dyDescent="0.3">
      <c r="A136904" s="13" t="s">
        <v>613</v>
      </c>
      <c r="B136904" s="14" t="s">
        <v>1</v>
      </c>
      <c r="C136904" s="14" t="s">
        <v>596</v>
      </c>
      <c r="D136904" s="14" t="s">
        <v>213</v>
      </c>
      <c r="E136904" s="15">
        <v>45405</v>
      </c>
      <c r="F136904" s="14" t="s">
        <v>25</v>
      </c>
      <c r="G136904" s="16">
        <v>0</v>
      </c>
    </row>
    <row r="136905" spans="1:7" x14ac:dyDescent="0.3">
      <c r="A136905" s="13" t="s">
        <v>613</v>
      </c>
      <c r="B136905" s="14" t="s">
        <v>1</v>
      </c>
      <c r="C136905" s="14" t="s">
        <v>596</v>
      </c>
      <c r="D136905" s="14" t="s">
        <v>213</v>
      </c>
      <c r="E136905" s="15">
        <v>45406</v>
      </c>
      <c r="F136905" s="14" t="s">
        <v>25</v>
      </c>
      <c r="G136905" s="16">
        <v>0</v>
      </c>
    </row>
    <row r="136906" spans="1:7" x14ac:dyDescent="0.3">
      <c r="A136906" s="13" t="s">
        <v>613</v>
      </c>
      <c r="B136906" s="14" t="s">
        <v>1</v>
      </c>
      <c r="C136906" s="14" t="s">
        <v>596</v>
      </c>
      <c r="D136906" s="14" t="s">
        <v>213</v>
      </c>
      <c r="E136906" s="15">
        <v>45407</v>
      </c>
      <c r="F136906" s="14" t="s">
        <v>25</v>
      </c>
      <c r="G136906" s="16">
        <v>0</v>
      </c>
    </row>
    <row r="136907" spans="1:7" x14ac:dyDescent="0.3">
      <c r="A136907" s="13" t="s">
        <v>613</v>
      </c>
      <c r="B136907" s="14" t="s">
        <v>1</v>
      </c>
      <c r="C136907" s="14" t="s">
        <v>596</v>
      </c>
      <c r="D136907" s="14" t="s">
        <v>213</v>
      </c>
      <c r="E136907" s="15">
        <v>45408</v>
      </c>
      <c r="F136907" s="14" t="s">
        <v>25</v>
      </c>
      <c r="G136907" s="16">
        <v>0</v>
      </c>
    </row>
    <row r="136908" spans="1:7" x14ac:dyDescent="0.3">
      <c r="A136908" s="13" t="s">
        <v>613</v>
      </c>
      <c r="B136908" s="14" t="s">
        <v>1</v>
      </c>
      <c r="C136908" s="14" t="s">
        <v>596</v>
      </c>
      <c r="D136908" s="14" t="s">
        <v>213</v>
      </c>
      <c r="E136908" s="15">
        <v>45409</v>
      </c>
      <c r="F136908" s="14" t="s">
        <v>25</v>
      </c>
      <c r="G136908" s="16">
        <v>0</v>
      </c>
    </row>
    <row r="136909" spans="1:7" x14ac:dyDescent="0.3">
      <c r="A136909" s="13" t="s">
        <v>613</v>
      </c>
      <c r="B136909" s="14" t="s">
        <v>1</v>
      </c>
      <c r="C136909" s="14" t="s">
        <v>596</v>
      </c>
      <c r="D136909" s="14" t="s">
        <v>213</v>
      </c>
      <c r="E136909" s="15">
        <v>45410</v>
      </c>
      <c r="F136909" s="14" t="s">
        <v>25</v>
      </c>
      <c r="G136909" s="16">
        <v>0</v>
      </c>
    </row>
    <row r="136910" spans="1:7" x14ac:dyDescent="0.3">
      <c r="A136910" s="13" t="s">
        <v>613</v>
      </c>
      <c r="B136910" s="14" t="s">
        <v>1</v>
      </c>
      <c r="C136910" s="14" t="s">
        <v>596</v>
      </c>
      <c r="D136910" s="14" t="s">
        <v>213</v>
      </c>
      <c r="E136910" s="15">
        <v>45411</v>
      </c>
      <c r="F136910" s="14" t="s">
        <v>25</v>
      </c>
      <c r="G136910" s="16">
        <v>0</v>
      </c>
    </row>
    <row r="136911" spans="1:7" x14ac:dyDescent="0.3">
      <c r="A136911" s="13" t="s">
        <v>613</v>
      </c>
      <c r="B136911" s="14" t="s">
        <v>1</v>
      </c>
      <c r="C136911" s="14" t="s">
        <v>596</v>
      </c>
      <c r="D136911" s="14" t="s">
        <v>213</v>
      </c>
      <c r="E136911" s="15">
        <v>45412</v>
      </c>
      <c r="F136911" s="14" t="s">
        <v>25</v>
      </c>
      <c r="G136911" s="16">
        <v>0</v>
      </c>
    </row>
    <row r="136912" spans="1:7" x14ac:dyDescent="0.3">
      <c r="A136912" s="13" t="s">
        <v>613</v>
      </c>
      <c r="B136912" s="14" t="s">
        <v>1</v>
      </c>
      <c r="C136912" s="14" t="s">
        <v>596</v>
      </c>
      <c r="D136912" s="14" t="s">
        <v>213</v>
      </c>
      <c r="E136912" s="15">
        <v>45413</v>
      </c>
      <c r="F136912" s="14" t="s">
        <v>25</v>
      </c>
      <c r="G136912" s="16">
        <v>0</v>
      </c>
    </row>
    <row r="136913" spans="1:7" x14ac:dyDescent="0.3">
      <c r="A136913" s="13" t="s">
        <v>613</v>
      </c>
      <c r="B136913" s="14" t="s">
        <v>1</v>
      </c>
      <c r="C136913" s="14" t="s">
        <v>596</v>
      </c>
      <c r="D136913" s="14" t="s">
        <v>213</v>
      </c>
      <c r="E136913" s="15">
        <v>45414</v>
      </c>
      <c r="F136913" s="14" t="s">
        <v>25</v>
      </c>
      <c r="G136913" s="16">
        <v>0</v>
      </c>
    </row>
    <row r="136914" spans="1:7" x14ac:dyDescent="0.3">
      <c r="A136914" s="13" t="s">
        <v>613</v>
      </c>
      <c r="B136914" s="14" t="s">
        <v>1</v>
      </c>
      <c r="C136914" s="14" t="s">
        <v>596</v>
      </c>
      <c r="D136914" s="14" t="s">
        <v>213</v>
      </c>
      <c r="E136914" s="15">
        <v>45415</v>
      </c>
      <c r="F136914" s="14" t="s">
        <v>25</v>
      </c>
      <c r="G136914" s="16">
        <v>0</v>
      </c>
    </row>
    <row r="136915" spans="1:7" x14ac:dyDescent="0.3">
      <c r="A136915" s="13" t="s">
        <v>613</v>
      </c>
      <c r="B136915" s="14" t="s">
        <v>1</v>
      </c>
      <c r="C136915" s="14" t="s">
        <v>596</v>
      </c>
      <c r="D136915" s="14" t="s">
        <v>213</v>
      </c>
      <c r="E136915" s="15">
        <v>45416</v>
      </c>
      <c r="F136915" s="14" t="s">
        <v>25</v>
      </c>
      <c r="G136915" s="16">
        <v>0</v>
      </c>
    </row>
    <row r="136916" spans="1:7" x14ac:dyDescent="0.3">
      <c r="A136916" s="13" t="s">
        <v>613</v>
      </c>
      <c r="B136916" s="14" t="s">
        <v>1</v>
      </c>
      <c r="C136916" s="14" t="s">
        <v>596</v>
      </c>
      <c r="D136916" s="14" t="s">
        <v>213</v>
      </c>
      <c r="E136916" s="15">
        <v>45417</v>
      </c>
      <c r="F136916" s="14" t="s">
        <v>25</v>
      </c>
      <c r="G136916" s="16">
        <v>0</v>
      </c>
    </row>
    <row r="136917" spans="1:7" x14ac:dyDescent="0.3">
      <c r="A136917" s="13" t="s">
        <v>613</v>
      </c>
      <c r="B136917" s="14" t="s">
        <v>1</v>
      </c>
      <c r="C136917" s="14" t="s">
        <v>596</v>
      </c>
      <c r="D136917" s="14" t="s">
        <v>213</v>
      </c>
      <c r="E136917" s="15">
        <v>45418</v>
      </c>
      <c r="F136917" s="14" t="s">
        <v>25</v>
      </c>
      <c r="G136917" s="16">
        <v>0</v>
      </c>
    </row>
    <row r="136918" spans="1:7" x14ac:dyDescent="0.3">
      <c r="A136918" s="13" t="s">
        <v>613</v>
      </c>
      <c r="B136918" s="14" t="s">
        <v>1</v>
      </c>
      <c r="C136918" s="14" t="s">
        <v>596</v>
      </c>
      <c r="D136918" s="14" t="s">
        <v>213</v>
      </c>
      <c r="E136918" s="15">
        <v>45419</v>
      </c>
      <c r="F136918" s="14" t="s">
        <v>25</v>
      </c>
      <c r="G136918" s="16">
        <v>0</v>
      </c>
    </row>
    <row r="136919" spans="1:7" x14ac:dyDescent="0.3">
      <c r="A136919" s="13" t="s">
        <v>613</v>
      </c>
      <c r="B136919" s="14" t="s">
        <v>1</v>
      </c>
      <c r="C136919" s="14" t="s">
        <v>596</v>
      </c>
      <c r="D136919" s="14" t="s">
        <v>213</v>
      </c>
      <c r="E136919" s="15">
        <v>45420</v>
      </c>
      <c r="F136919" s="14" t="s">
        <v>25</v>
      </c>
      <c r="G136919" s="16">
        <v>0</v>
      </c>
    </row>
    <row r="136920" spans="1:7" x14ac:dyDescent="0.3">
      <c r="A136920" s="13" t="s">
        <v>613</v>
      </c>
      <c r="B136920" s="14" t="s">
        <v>1</v>
      </c>
      <c r="C136920" s="14" t="s">
        <v>596</v>
      </c>
      <c r="D136920" s="14" t="s">
        <v>213</v>
      </c>
      <c r="E136920" s="15">
        <v>45421</v>
      </c>
      <c r="F136920" s="14" t="s">
        <v>25</v>
      </c>
      <c r="G136920" s="16">
        <v>0</v>
      </c>
    </row>
    <row r="136921" spans="1:7" x14ac:dyDescent="0.3">
      <c r="A136921" s="13" t="s">
        <v>613</v>
      </c>
      <c r="B136921" s="14" t="s">
        <v>1</v>
      </c>
      <c r="C136921" s="14" t="s">
        <v>596</v>
      </c>
      <c r="D136921" s="14" t="s">
        <v>213</v>
      </c>
      <c r="E136921" s="15">
        <v>45422</v>
      </c>
      <c r="F136921" s="14" t="s">
        <v>25</v>
      </c>
      <c r="G136921" s="16">
        <v>0</v>
      </c>
    </row>
    <row r="136922" spans="1:7" x14ac:dyDescent="0.3">
      <c r="A136922" s="13" t="s">
        <v>613</v>
      </c>
      <c r="B136922" s="14" t="s">
        <v>1</v>
      </c>
      <c r="C136922" s="14" t="s">
        <v>596</v>
      </c>
      <c r="D136922" s="14" t="s">
        <v>213</v>
      </c>
      <c r="E136922" s="15">
        <v>45423</v>
      </c>
      <c r="F136922" s="14" t="s">
        <v>25</v>
      </c>
      <c r="G136922" s="16">
        <v>0</v>
      </c>
    </row>
    <row r="136923" spans="1:7" x14ac:dyDescent="0.3">
      <c r="A136923" s="13" t="s">
        <v>613</v>
      </c>
      <c r="B136923" s="14" t="s">
        <v>1</v>
      </c>
      <c r="C136923" s="14" t="s">
        <v>596</v>
      </c>
      <c r="D136923" s="14" t="s">
        <v>213</v>
      </c>
      <c r="E136923" s="15">
        <v>45424</v>
      </c>
      <c r="F136923" s="14" t="s">
        <v>25</v>
      </c>
      <c r="G136923" s="16">
        <v>0</v>
      </c>
    </row>
    <row r="136924" spans="1:7" x14ac:dyDescent="0.3">
      <c r="A136924" s="13" t="s">
        <v>613</v>
      </c>
      <c r="B136924" s="14" t="s">
        <v>1</v>
      </c>
      <c r="C136924" s="14" t="s">
        <v>596</v>
      </c>
      <c r="D136924" s="14" t="s">
        <v>213</v>
      </c>
      <c r="E136924" s="15">
        <v>45425</v>
      </c>
      <c r="F136924" s="14" t="s">
        <v>25</v>
      </c>
      <c r="G136924" s="16">
        <v>0</v>
      </c>
    </row>
    <row r="136925" spans="1:7" x14ac:dyDescent="0.3">
      <c r="A136925" s="13" t="s">
        <v>613</v>
      </c>
      <c r="B136925" s="14" t="s">
        <v>1</v>
      </c>
      <c r="C136925" s="14" t="s">
        <v>596</v>
      </c>
      <c r="D136925" s="14" t="s">
        <v>213</v>
      </c>
      <c r="E136925" s="15">
        <v>45426</v>
      </c>
      <c r="F136925" s="14" t="s">
        <v>25</v>
      </c>
      <c r="G136925" s="16">
        <v>0</v>
      </c>
    </row>
    <row r="136926" spans="1:7" x14ac:dyDescent="0.3">
      <c r="A136926" s="13" t="s">
        <v>613</v>
      </c>
      <c r="B136926" s="14" t="s">
        <v>1</v>
      </c>
      <c r="C136926" s="14" t="s">
        <v>596</v>
      </c>
      <c r="D136926" s="14" t="s">
        <v>213</v>
      </c>
      <c r="E136926" s="15">
        <v>45427</v>
      </c>
      <c r="F136926" s="14" t="s">
        <v>25</v>
      </c>
      <c r="G136926" s="16">
        <v>0</v>
      </c>
    </row>
    <row r="136927" spans="1:7" x14ac:dyDescent="0.3">
      <c r="A136927" s="13" t="s">
        <v>613</v>
      </c>
      <c r="B136927" s="14" t="s">
        <v>1</v>
      </c>
      <c r="C136927" s="14" t="s">
        <v>596</v>
      </c>
      <c r="D136927" s="14" t="s">
        <v>213</v>
      </c>
      <c r="E136927" s="15">
        <v>45428</v>
      </c>
      <c r="F136927" s="14" t="s">
        <v>25</v>
      </c>
      <c r="G136927" s="16">
        <v>0</v>
      </c>
    </row>
    <row r="136928" spans="1:7" x14ac:dyDescent="0.3">
      <c r="A136928" s="13" t="s">
        <v>613</v>
      </c>
      <c r="B136928" s="14" t="s">
        <v>1</v>
      </c>
      <c r="C136928" s="14" t="s">
        <v>596</v>
      </c>
      <c r="D136928" s="14" t="s">
        <v>213</v>
      </c>
      <c r="E136928" s="15">
        <v>45429</v>
      </c>
      <c r="F136928" s="14" t="s">
        <v>25</v>
      </c>
      <c r="G136928" s="16">
        <v>0</v>
      </c>
    </row>
    <row r="136929" spans="1:7" x14ac:dyDescent="0.3">
      <c r="A136929" s="13" t="s">
        <v>613</v>
      </c>
      <c r="B136929" s="14" t="s">
        <v>1</v>
      </c>
      <c r="C136929" s="14" t="s">
        <v>596</v>
      </c>
      <c r="D136929" s="14" t="s">
        <v>213</v>
      </c>
      <c r="E136929" s="15">
        <v>45430</v>
      </c>
      <c r="F136929" s="14" t="s">
        <v>25</v>
      </c>
      <c r="G136929" s="16">
        <v>0</v>
      </c>
    </row>
    <row r="136930" spans="1:7" x14ac:dyDescent="0.3">
      <c r="A136930" s="13" t="s">
        <v>613</v>
      </c>
      <c r="B136930" s="14" t="s">
        <v>1</v>
      </c>
      <c r="C136930" s="14" t="s">
        <v>596</v>
      </c>
      <c r="D136930" s="14" t="s">
        <v>213</v>
      </c>
      <c r="E136930" s="15">
        <v>45431</v>
      </c>
      <c r="F136930" s="14" t="s">
        <v>25</v>
      </c>
      <c r="G136930" s="16">
        <v>0</v>
      </c>
    </row>
    <row r="136931" spans="1:7" x14ac:dyDescent="0.3">
      <c r="A136931" s="13" t="s">
        <v>613</v>
      </c>
      <c r="B136931" s="14" t="s">
        <v>1</v>
      </c>
      <c r="C136931" s="14" t="s">
        <v>596</v>
      </c>
      <c r="D136931" s="14" t="s">
        <v>213</v>
      </c>
      <c r="E136931" s="15">
        <v>45432</v>
      </c>
      <c r="F136931" s="14" t="s">
        <v>25</v>
      </c>
      <c r="G136931" s="16">
        <v>0</v>
      </c>
    </row>
    <row r="136932" spans="1:7" x14ac:dyDescent="0.3">
      <c r="A136932" s="13" t="s">
        <v>613</v>
      </c>
      <c r="B136932" s="14" t="s">
        <v>1</v>
      </c>
      <c r="C136932" s="14" t="s">
        <v>596</v>
      </c>
      <c r="D136932" s="14" t="s">
        <v>213</v>
      </c>
      <c r="E136932" s="15">
        <v>45433</v>
      </c>
      <c r="F136932" s="14" t="s">
        <v>25</v>
      </c>
      <c r="G136932" s="16">
        <v>0</v>
      </c>
    </row>
    <row r="136933" spans="1:7" x14ac:dyDescent="0.3">
      <c r="A136933" s="13" t="s">
        <v>613</v>
      </c>
      <c r="B136933" s="14" t="s">
        <v>1</v>
      </c>
      <c r="C136933" s="14" t="s">
        <v>596</v>
      </c>
      <c r="D136933" s="14" t="s">
        <v>213</v>
      </c>
      <c r="E136933" s="15">
        <v>45434</v>
      </c>
      <c r="F136933" s="14" t="s">
        <v>25</v>
      </c>
      <c r="G136933" s="16">
        <v>0</v>
      </c>
    </row>
    <row r="136934" spans="1:7" x14ac:dyDescent="0.3">
      <c r="A136934" s="13" t="s">
        <v>613</v>
      </c>
      <c r="B136934" s="14" t="s">
        <v>1</v>
      </c>
      <c r="C136934" s="14" t="s">
        <v>596</v>
      </c>
      <c r="D136934" s="14" t="s">
        <v>213</v>
      </c>
      <c r="E136934" s="15">
        <v>45435</v>
      </c>
      <c r="F136934" s="14" t="s">
        <v>25</v>
      </c>
      <c r="G136934" s="16">
        <v>0</v>
      </c>
    </row>
    <row r="136935" spans="1:7" x14ac:dyDescent="0.3">
      <c r="A136935" s="13" t="s">
        <v>613</v>
      </c>
      <c r="B136935" s="14" t="s">
        <v>1</v>
      </c>
      <c r="C136935" s="14" t="s">
        <v>596</v>
      </c>
      <c r="D136935" s="14" t="s">
        <v>213</v>
      </c>
      <c r="E136935" s="15">
        <v>45436</v>
      </c>
      <c r="F136935" s="14" t="s">
        <v>25</v>
      </c>
      <c r="G136935" s="16">
        <v>0</v>
      </c>
    </row>
    <row r="136936" spans="1:7" x14ac:dyDescent="0.3">
      <c r="A136936" s="13" t="s">
        <v>613</v>
      </c>
      <c r="B136936" s="14" t="s">
        <v>1</v>
      </c>
      <c r="C136936" s="14" t="s">
        <v>596</v>
      </c>
      <c r="D136936" s="14" t="s">
        <v>213</v>
      </c>
      <c r="E136936" s="15">
        <v>45437</v>
      </c>
      <c r="F136936" s="14" t="s">
        <v>25</v>
      </c>
      <c r="G136936" s="16">
        <v>0</v>
      </c>
    </row>
    <row r="136937" spans="1:7" x14ac:dyDescent="0.3">
      <c r="A136937" s="13" t="s">
        <v>613</v>
      </c>
      <c r="B136937" s="14" t="s">
        <v>1</v>
      </c>
      <c r="C136937" s="14" t="s">
        <v>596</v>
      </c>
      <c r="D136937" s="14" t="s">
        <v>213</v>
      </c>
      <c r="E136937" s="15">
        <v>45438</v>
      </c>
      <c r="F136937" s="14" t="s">
        <v>25</v>
      </c>
      <c r="G136937" s="16">
        <v>0</v>
      </c>
    </row>
    <row r="136938" spans="1:7" x14ac:dyDescent="0.3">
      <c r="A136938" s="13" t="s">
        <v>613</v>
      </c>
      <c r="B136938" s="14" t="s">
        <v>1</v>
      </c>
      <c r="C136938" s="14" t="s">
        <v>596</v>
      </c>
      <c r="D136938" s="14" t="s">
        <v>213</v>
      </c>
      <c r="E136938" s="15">
        <v>45439</v>
      </c>
      <c r="F136938" s="14" t="s">
        <v>25</v>
      </c>
      <c r="G136938" s="16">
        <v>0</v>
      </c>
    </row>
    <row r="136939" spans="1:7" x14ac:dyDescent="0.3">
      <c r="A136939" s="13" t="s">
        <v>613</v>
      </c>
      <c r="B136939" s="14" t="s">
        <v>1</v>
      </c>
      <c r="C136939" s="14" t="s">
        <v>596</v>
      </c>
      <c r="D136939" s="14" t="s">
        <v>213</v>
      </c>
      <c r="E136939" s="15">
        <v>45440</v>
      </c>
      <c r="F136939" s="14" t="s">
        <v>25</v>
      </c>
      <c r="G136939" s="16">
        <v>0</v>
      </c>
    </row>
    <row r="136940" spans="1:7" x14ac:dyDescent="0.3">
      <c r="A136940" s="13" t="s">
        <v>613</v>
      </c>
      <c r="B136940" s="14" t="s">
        <v>1</v>
      </c>
      <c r="C136940" s="14" t="s">
        <v>596</v>
      </c>
      <c r="D136940" s="14" t="s">
        <v>213</v>
      </c>
      <c r="E136940" s="15">
        <v>45441</v>
      </c>
      <c r="F136940" s="14" t="s">
        <v>25</v>
      </c>
      <c r="G136940" s="16">
        <v>0</v>
      </c>
    </row>
    <row r="136941" spans="1:7" x14ac:dyDescent="0.3">
      <c r="A136941" s="13" t="s">
        <v>613</v>
      </c>
      <c r="B136941" s="14" t="s">
        <v>1</v>
      </c>
      <c r="C136941" s="14" t="s">
        <v>596</v>
      </c>
      <c r="D136941" s="14" t="s">
        <v>213</v>
      </c>
      <c r="E136941" s="15">
        <v>45442</v>
      </c>
      <c r="F136941" s="14" t="s">
        <v>25</v>
      </c>
      <c r="G136941" s="16">
        <v>0</v>
      </c>
    </row>
    <row r="136942" spans="1:7" x14ac:dyDescent="0.3">
      <c r="A136942" s="13" t="s">
        <v>613</v>
      </c>
      <c r="B136942" s="14" t="s">
        <v>1</v>
      </c>
      <c r="C136942" s="14" t="s">
        <v>596</v>
      </c>
      <c r="D136942" s="14" t="s">
        <v>213</v>
      </c>
      <c r="E136942" s="15">
        <v>45443</v>
      </c>
      <c r="F136942" s="14" t="s">
        <v>25</v>
      </c>
      <c r="G136942" s="16">
        <v>0</v>
      </c>
    </row>
    <row r="136943" spans="1:7" x14ac:dyDescent="0.3">
      <c r="A136943" s="13" t="s">
        <v>613</v>
      </c>
      <c r="B136943" s="14" t="s">
        <v>1</v>
      </c>
      <c r="C136943" s="14" t="s">
        <v>596</v>
      </c>
      <c r="D136943" s="14" t="s">
        <v>213</v>
      </c>
      <c r="E136943" s="15">
        <v>45444</v>
      </c>
      <c r="F136943" s="14" t="s">
        <v>25</v>
      </c>
      <c r="G136943" s="16">
        <v>0</v>
      </c>
    </row>
    <row r="136944" spans="1:7" x14ac:dyDescent="0.3">
      <c r="A136944" s="13" t="s">
        <v>613</v>
      </c>
      <c r="B136944" s="14" t="s">
        <v>1</v>
      </c>
      <c r="C136944" s="14" t="s">
        <v>596</v>
      </c>
      <c r="D136944" s="14" t="s">
        <v>213</v>
      </c>
      <c r="E136944" s="15">
        <v>45445</v>
      </c>
      <c r="F136944" s="14" t="s">
        <v>25</v>
      </c>
      <c r="G136944" s="16">
        <v>0</v>
      </c>
    </row>
    <row r="136945" spans="1:7" x14ac:dyDescent="0.3">
      <c r="A136945" s="13" t="s">
        <v>613</v>
      </c>
      <c r="B136945" s="14" t="s">
        <v>1</v>
      </c>
      <c r="C136945" s="14" t="s">
        <v>596</v>
      </c>
      <c r="D136945" s="14" t="s">
        <v>213</v>
      </c>
      <c r="E136945" s="15">
        <v>45446</v>
      </c>
      <c r="F136945" s="14" t="s">
        <v>25</v>
      </c>
      <c r="G136945" s="16">
        <v>0</v>
      </c>
    </row>
    <row r="136946" spans="1:7" x14ac:dyDescent="0.3">
      <c r="A136946" s="13" t="s">
        <v>613</v>
      </c>
      <c r="B136946" s="14" t="s">
        <v>1</v>
      </c>
      <c r="C136946" s="14" t="s">
        <v>596</v>
      </c>
      <c r="D136946" s="14" t="s">
        <v>213</v>
      </c>
      <c r="E136946" s="15">
        <v>45447</v>
      </c>
      <c r="F136946" s="14" t="s">
        <v>25</v>
      </c>
      <c r="G136946" s="16">
        <v>0</v>
      </c>
    </row>
    <row r="136947" spans="1:7" x14ac:dyDescent="0.3">
      <c r="A136947" s="13" t="s">
        <v>613</v>
      </c>
      <c r="B136947" s="14" t="s">
        <v>1</v>
      </c>
      <c r="C136947" s="14" t="s">
        <v>596</v>
      </c>
      <c r="D136947" s="14" t="s">
        <v>213</v>
      </c>
      <c r="E136947" s="15">
        <v>45448</v>
      </c>
      <c r="F136947" s="14" t="s">
        <v>25</v>
      </c>
      <c r="G136947" s="16">
        <v>0</v>
      </c>
    </row>
    <row r="136948" spans="1:7" x14ac:dyDescent="0.3">
      <c r="A136948" s="13" t="s">
        <v>613</v>
      </c>
      <c r="B136948" s="14" t="s">
        <v>1</v>
      </c>
      <c r="C136948" s="14" t="s">
        <v>596</v>
      </c>
      <c r="D136948" s="14" t="s">
        <v>213</v>
      </c>
      <c r="E136948" s="15">
        <v>45449</v>
      </c>
      <c r="F136948" s="14" t="s">
        <v>25</v>
      </c>
      <c r="G136948" s="16">
        <v>0</v>
      </c>
    </row>
    <row r="136949" spans="1:7" x14ac:dyDescent="0.3">
      <c r="A136949" s="13" t="s">
        <v>613</v>
      </c>
      <c r="B136949" s="14" t="s">
        <v>1</v>
      </c>
      <c r="C136949" s="14" t="s">
        <v>596</v>
      </c>
      <c r="D136949" s="14" t="s">
        <v>213</v>
      </c>
      <c r="E136949" s="15">
        <v>45450</v>
      </c>
      <c r="F136949" s="14" t="s">
        <v>25</v>
      </c>
      <c r="G136949" s="16">
        <v>0</v>
      </c>
    </row>
    <row r="136950" spans="1:7" x14ac:dyDescent="0.3">
      <c r="A136950" s="13" t="s">
        <v>613</v>
      </c>
      <c r="B136950" s="14" t="s">
        <v>1</v>
      </c>
      <c r="C136950" s="14" t="s">
        <v>596</v>
      </c>
      <c r="D136950" s="14" t="s">
        <v>213</v>
      </c>
      <c r="E136950" s="15">
        <v>45451</v>
      </c>
      <c r="F136950" s="14" t="s">
        <v>25</v>
      </c>
      <c r="G136950" s="16">
        <v>0</v>
      </c>
    </row>
    <row r="136951" spans="1:7" x14ac:dyDescent="0.3">
      <c r="A136951" s="13" t="s">
        <v>613</v>
      </c>
      <c r="B136951" s="14" t="s">
        <v>1</v>
      </c>
      <c r="C136951" s="14" t="s">
        <v>596</v>
      </c>
      <c r="D136951" s="14" t="s">
        <v>213</v>
      </c>
      <c r="E136951" s="15">
        <v>45452</v>
      </c>
      <c r="F136951" s="14" t="s">
        <v>25</v>
      </c>
      <c r="G136951" s="16">
        <v>0</v>
      </c>
    </row>
    <row r="136952" spans="1:7" x14ac:dyDescent="0.3">
      <c r="A136952" s="13" t="s">
        <v>613</v>
      </c>
      <c r="B136952" s="14" t="s">
        <v>1</v>
      </c>
      <c r="C136952" s="14" t="s">
        <v>596</v>
      </c>
      <c r="D136952" s="14" t="s">
        <v>213</v>
      </c>
      <c r="E136952" s="15">
        <v>45453</v>
      </c>
      <c r="F136952" s="14" t="s">
        <v>25</v>
      </c>
      <c r="G136952" s="16">
        <v>0</v>
      </c>
    </row>
    <row r="136953" spans="1:7" x14ac:dyDescent="0.3">
      <c r="A136953" s="13" t="s">
        <v>613</v>
      </c>
      <c r="B136953" s="14" t="s">
        <v>1</v>
      </c>
      <c r="C136953" s="14" t="s">
        <v>596</v>
      </c>
      <c r="D136953" s="14" t="s">
        <v>213</v>
      </c>
      <c r="E136953" s="15">
        <v>45454</v>
      </c>
      <c r="F136953" s="14" t="s">
        <v>25</v>
      </c>
      <c r="G136953" s="16">
        <v>0</v>
      </c>
    </row>
    <row r="136954" spans="1:7" x14ac:dyDescent="0.3">
      <c r="A136954" s="13" t="s">
        <v>613</v>
      </c>
      <c r="B136954" s="14" t="s">
        <v>1</v>
      </c>
      <c r="C136954" s="14" t="s">
        <v>596</v>
      </c>
      <c r="D136954" s="14" t="s">
        <v>213</v>
      </c>
      <c r="E136954" s="15">
        <v>45455</v>
      </c>
      <c r="F136954" s="14" t="s">
        <v>25</v>
      </c>
      <c r="G136954" s="16">
        <v>0</v>
      </c>
    </row>
    <row r="136955" spans="1:7" x14ac:dyDescent="0.3">
      <c r="A136955" s="13" t="s">
        <v>613</v>
      </c>
      <c r="B136955" s="14" t="s">
        <v>1</v>
      </c>
      <c r="C136955" s="14" t="s">
        <v>596</v>
      </c>
      <c r="D136955" s="14" t="s">
        <v>213</v>
      </c>
      <c r="E136955" s="15">
        <v>45456</v>
      </c>
      <c r="F136955" s="14" t="s">
        <v>25</v>
      </c>
      <c r="G136955" s="16">
        <v>0</v>
      </c>
    </row>
    <row r="136956" spans="1:7" x14ac:dyDescent="0.3">
      <c r="A136956" s="13" t="s">
        <v>613</v>
      </c>
      <c r="B136956" s="14" t="s">
        <v>1</v>
      </c>
      <c r="C136956" s="14" t="s">
        <v>596</v>
      </c>
      <c r="D136956" s="14" t="s">
        <v>213</v>
      </c>
      <c r="E136956" s="15">
        <v>45457</v>
      </c>
      <c r="F136956" s="14" t="s">
        <v>25</v>
      </c>
      <c r="G136956" s="16">
        <v>0</v>
      </c>
    </row>
    <row r="136957" spans="1:7" x14ac:dyDescent="0.3">
      <c r="A136957" s="13" t="s">
        <v>613</v>
      </c>
      <c r="B136957" s="14" t="s">
        <v>1</v>
      </c>
      <c r="C136957" s="14" t="s">
        <v>596</v>
      </c>
      <c r="D136957" s="14" t="s">
        <v>213</v>
      </c>
      <c r="E136957" s="15">
        <v>45458</v>
      </c>
      <c r="F136957" s="14" t="s">
        <v>25</v>
      </c>
      <c r="G136957" s="16">
        <v>0</v>
      </c>
    </row>
    <row r="136958" spans="1:7" x14ac:dyDescent="0.3">
      <c r="A136958" s="13" t="s">
        <v>613</v>
      </c>
      <c r="B136958" s="14" t="s">
        <v>1</v>
      </c>
      <c r="C136958" s="14" t="s">
        <v>596</v>
      </c>
      <c r="D136958" s="14" t="s">
        <v>213</v>
      </c>
      <c r="E136958" s="15">
        <v>45459</v>
      </c>
      <c r="F136958" s="14" t="s">
        <v>25</v>
      </c>
      <c r="G136958" s="16">
        <v>0</v>
      </c>
    </row>
    <row r="136959" spans="1:7" x14ac:dyDescent="0.3">
      <c r="A136959" s="13" t="s">
        <v>613</v>
      </c>
      <c r="B136959" s="14" t="s">
        <v>1</v>
      </c>
      <c r="C136959" s="14" t="s">
        <v>596</v>
      </c>
      <c r="D136959" s="14" t="s">
        <v>213</v>
      </c>
      <c r="E136959" s="15">
        <v>45460</v>
      </c>
      <c r="F136959" s="14" t="s">
        <v>25</v>
      </c>
      <c r="G136959" s="16">
        <v>0</v>
      </c>
    </row>
    <row r="136960" spans="1:7" x14ac:dyDescent="0.3">
      <c r="A136960" s="13" t="s">
        <v>613</v>
      </c>
      <c r="B136960" s="14" t="s">
        <v>1</v>
      </c>
      <c r="C136960" s="14" t="s">
        <v>596</v>
      </c>
      <c r="D136960" s="14" t="s">
        <v>213</v>
      </c>
      <c r="E136960" s="15">
        <v>45461</v>
      </c>
      <c r="F136960" s="14" t="s">
        <v>25</v>
      </c>
      <c r="G136960" s="16">
        <v>0</v>
      </c>
    </row>
    <row r="136961" spans="1:7" x14ac:dyDescent="0.3">
      <c r="A136961" s="13" t="s">
        <v>613</v>
      </c>
      <c r="B136961" s="14" t="s">
        <v>1</v>
      </c>
      <c r="C136961" s="14" t="s">
        <v>596</v>
      </c>
      <c r="D136961" s="14" t="s">
        <v>213</v>
      </c>
      <c r="E136961" s="15">
        <v>45462</v>
      </c>
      <c r="F136961" s="14" t="s">
        <v>25</v>
      </c>
      <c r="G136961" s="16">
        <v>0</v>
      </c>
    </row>
    <row r="136962" spans="1:7" x14ac:dyDescent="0.3">
      <c r="A136962" s="13" t="s">
        <v>613</v>
      </c>
      <c r="B136962" s="14" t="s">
        <v>1</v>
      </c>
      <c r="C136962" s="14" t="s">
        <v>596</v>
      </c>
      <c r="D136962" s="14" t="s">
        <v>213</v>
      </c>
      <c r="E136962" s="15">
        <v>45463</v>
      </c>
      <c r="F136962" s="14" t="s">
        <v>25</v>
      </c>
      <c r="G136962" s="16">
        <v>0</v>
      </c>
    </row>
    <row r="136963" spans="1:7" x14ac:dyDescent="0.3">
      <c r="A136963" s="13" t="s">
        <v>613</v>
      </c>
      <c r="B136963" s="14" t="s">
        <v>1</v>
      </c>
      <c r="C136963" s="14" t="s">
        <v>596</v>
      </c>
      <c r="D136963" s="14" t="s">
        <v>213</v>
      </c>
      <c r="E136963" s="15">
        <v>45464</v>
      </c>
      <c r="F136963" s="14" t="s">
        <v>25</v>
      </c>
      <c r="G136963" s="16">
        <v>0</v>
      </c>
    </row>
    <row r="136964" spans="1:7" x14ac:dyDescent="0.3">
      <c r="A136964" s="13" t="s">
        <v>613</v>
      </c>
      <c r="B136964" s="14" t="s">
        <v>1</v>
      </c>
      <c r="C136964" s="14" t="s">
        <v>596</v>
      </c>
      <c r="D136964" s="14" t="s">
        <v>213</v>
      </c>
      <c r="E136964" s="15">
        <v>45465</v>
      </c>
      <c r="F136964" s="14" t="s">
        <v>25</v>
      </c>
      <c r="G136964" s="16">
        <v>0</v>
      </c>
    </row>
    <row r="136965" spans="1:7" x14ac:dyDescent="0.3">
      <c r="A136965" s="13" t="s">
        <v>613</v>
      </c>
      <c r="B136965" s="14" t="s">
        <v>1</v>
      </c>
      <c r="C136965" s="14" t="s">
        <v>596</v>
      </c>
      <c r="D136965" s="14" t="s">
        <v>213</v>
      </c>
      <c r="E136965" s="15">
        <v>45466</v>
      </c>
      <c r="F136965" s="14" t="s">
        <v>25</v>
      </c>
      <c r="G136965" s="16">
        <v>0</v>
      </c>
    </row>
    <row r="136966" spans="1:7" x14ac:dyDescent="0.3">
      <c r="A136966" s="13" t="s">
        <v>613</v>
      </c>
      <c r="B136966" s="14" t="s">
        <v>1</v>
      </c>
      <c r="C136966" s="14" t="s">
        <v>596</v>
      </c>
      <c r="D136966" s="14" t="s">
        <v>213</v>
      </c>
      <c r="E136966" s="15">
        <v>45467</v>
      </c>
      <c r="F136966" s="14" t="s">
        <v>25</v>
      </c>
      <c r="G136966" s="16">
        <v>0</v>
      </c>
    </row>
    <row r="136967" spans="1:7" x14ac:dyDescent="0.3">
      <c r="A136967" s="13" t="s">
        <v>613</v>
      </c>
      <c r="B136967" s="14" t="s">
        <v>1</v>
      </c>
      <c r="C136967" s="14" t="s">
        <v>596</v>
      </c>
      <c r="D136967" s="14" t="s">
        <v>213</v>
      </c>
      <c r="E136967" s="15">
        <v>45468</v>
      </c>
      <c r="F136967" s="14" t="s">
        <v>25</v>
      </c>
      <c r="G136967" s="16">
        <v>0</v>
      </c>
    </row>
    <row r="136968" spans="1:7" x14ac:dyDescent="0.3">
      <c r="A136968" s="13" t="s">
        <v>613</v>
      </c>
      <c r="B136968" s="14" t="s">
        <v>1</v>
      </c>
      <c r="C136968" s="14" t="s">
        <v>596</v>
      </c>
      <c r="D136968" s="14" t="s">
        <v>213</v>
      </c>
      <c r="E136968" s="15">
        <v>45469</v>
      </c>
      <c r="F136968" s="14" t="s">
        <v>25</v>
      </c>
      <c r="G136968" s="16">
        <v>0</v>
      </c>
    </row>
    <row r="136969" spans="1:7" x14ac:dyDescent="0.3">
      <c r="A136969" s="13" t="s">
        <v>613</v>
      </c>
      <c r="B136969" s="14" t="s">
        <v>1</v>
      </c>
      <c r="C136969" s="14" t="s">
        <v>596</v>
      </c>
      <c r="D136969" s="14" t="s">
        <v>213</v>
      </c>
      <c r="E136969" s="15">
        <v>45470</v>
      </c>
      <c r="F136969" s="14" t="s">
        <v>25</v>
      </c>
      <c r="G136969" s="16">
        <v>0</v>
      </c>
    </row>
    <row r="136970" spans="1:7" x14ac:dyDescent="0.3">
      <c r="A136970" s="13" t="s">
        <v>613</v>
      </c>
      <c r="B136970" s="14" t="s">
        <v>1</v>
      </c>
      <c r="C136970" s="14" t="s">
        <v>596</v>
      </c>
      <c r="D136970" s="14" t="s">
        <v>213</v>
      </c>
      <c r="E136970" s="15">
        <v>45471</v>
      </c>
      <c r="F136970" s="14" t="s">
        <v>25</v>
      </c>
      <c r="G136970" s="16">
        <v>0</v>
      </c>
    </row>
    <row r="136971" spans="1:7" x14ac:dyDescent="0.3">
      <c r="A136971" s="13" t="s">
        <v>613</v>
      </c>
      <c r="B136971" s="14" t="s">
        <v>1</v>
      </c>
      <c r="C136971" s="14" t="s">
        <v>596</v>
      </c>
      <c r="D136971" s="14" t="s">
        <v>213</v>
      </c>
      <c r="E136971" s="15">
        <v>45472</v>
      </c>
      <c r="F136971" s="14" t="s">
        <v>25</v>
      </c>
      <c r="G136971" s="16">
        <v>0</v>
      </c>
    </row>
    <row r="136972" spans="1:7" x14ac:dyDescent="0.3">
      <c r="A136972" s="13" t="s">
        <v>613</v>
      </c>
      <c r="B136972" s="14" t="s">
        <v>1</v>
      </c>
      <c r="C136972" s="14" t="s">
        <v>596</v>
      </c>
      <c r="D136972" s="14" t="s">
        <v>213</v>
      </c>
      <c r="E136972" s="15">
        <v>45473</v>
      </c>
      <c r="F136972" s="14" t="s">
        <v>25</v>
      </c>
      <c r="G136972" s="16">
        <v>0</v>
      </c>
    </row>
    <row r="136973" spans="1:7" x14ac:dyDescent="0.3">
      <c r="A136973" s="13" t="s">
        <v>613</v>
      </c>
      <c r="B136973" s="14" t="s">
        <v>1</v>
      </c>
      <c r="C136973" s="14" t="s">
        <v>596</v>
      </c>
      <c r="D136973" s="14" t="s">
        <v>213</v>
      </c>
      <c r="E136973" s="15">
        <v>45474</v>
      </c>
      <c r="F136973" s="14" t="s">
        <v>25</v>
      </c>
      <c r="G136973" s="16">
        <v>0</v>
      </c>
    </row>
    <row r="136974" spans="1:7" x14ac:dyDescent="0.3">
      <c r="A136974" s="13" t="s">
        <v>613</v>
      </c>
      <c r="B136974" s="14" t="s">
        <v>1</v>
      </c>
      <c r="C136974" s="14" t="s">
        <v>596</v>
      </c>
      <c r="D136974" s="14" t="s">
        <v>213</v>
      </c>
      <c r="E136974" s="15">
        <v>45475</v>
      </c>
      <c r="F136974" s="14" t="s">
        <v>25</v>
      </c>
      <c r="G136974" s="16">
        <v>0</v>
      </c>
    </row>
    <row r="136975" spans="1:7" x14ac:dyDescent="0.3">
      <c r="A136975" s="13" t="s">
        <v>613</v>
      </c>
      <c r="B136975" s="14" t="s">
        <v>1</v>
      </c>
      <c r="C136975" s="14" t="s">
        <v>596</v>
      </c>
      <c r="D136975" s="14" t="s">
        <v>213</v>
      </c>
      <c r="E136975" s="15">
        <v>45476</v>
      </c>
      <c r="F136975" s="14" t="s">
        <v>25</v>
      </c>
      <c r="G136975" s="16">
        <v>0</v>
      </c>
    </row>
    <row r="136976" spans="1:7" x14ac:dyDescent="0.3">
      <c r="A136976" s="13" t="s">
        <v>613</v>
      </c>
      <c r="B136976" s="14" t="s">
        <v>1</v>
      </c>
      <c r="C136976" s="14" t="s">
        <v>596</v>
      </c>
      <c r="D136976" s="14" t="s">
        <v>213</v>
      </c>
      <c r="E136976" s="15">
        <v>45477</v>
      </c>
      <c r="F136976" s="14" t="s">
        <v>25</v>
      </c>
      <c r="G136976" s="16">
        <v>0</v>
      </c>
    </row>
    <row r="136977" spans="1:7" x14ac:dyDescent="0.3">
      <c r="A136977" s="13" t="s">
        <v>613</v>
      </c>
      <c r="B136977" s="14" t="s">
        <v>1</v>
      </c>
      <c r="C136977" s="14" t="s">
        <v>596</v>
      </c>
      <c r="D136977" s="14" t="s">
        <v>213</v>
      </c>
      <c r="E136977" s="15">
        <v>45478</v>
      </c>
      <c r="F136977" s="14" t="s">
        <v>25</v>
      </c>
      <c r="G136977" s="16">
        <v>0</v>
      </c>
    </row>
    <row r="136978" spans="1:7" x14ac:dyDescent="0.3">
      <c r="A136978" s="13" t="s">
        <v>613</v>
      </c>
      <c r="B136978" s="14" t="s">
        <v>1</v>
      </c>
      <c r="C136978" s="14" t="s">
        <v>596</v>
      </c>
      <c r="D136978" s="14" t="s">
        <v>213</v>
      </c>
      <c r="E136978" s="15">
        <v>45479</v>
      </c>
      <c r="F136978" s="14" t="s">
        <v>25</v>
      </c>
      <c r="G136978" s="16">
        <v>0</v>
      </c>
    </row>
    <row r="136979" spans="1:7" x14ac:dyDescent="0.3">
      <c r="A136979" s="13" t="s">
        <v>613</v>
      </c>
      <c r="B136979" s="14" t="s">
        <v>1</v>
      </c>
      <c r="C136979" s="14" t="s">
        <v>596</v>
      </c>
      <c r="D136979" s="14" t="s">
        <v>213</v>
      </c>
      <c r="E136979" s="15">
        <v>45480</v>
      </c>
      <c r="F136979" s="14" t="s">
        <v>25</v>
      </c>
      <c r="G136979" s="16">
        <v>0</v>
      </c>
    </row>
    <row r="136980" spans="1:7" x14ac:dyDescent="0.3">
      <c r="A136980" s="13" t="s">
        <v>613</v>
      </c>
      <c r="B136980" s="14" t="s">
        <v>1</v>
      </c>
      <c r="C136980" s="14" t="s">
        <v>596</v>
      </c>
      <c r="D136980" s="14" t="s">
        <v>213</v>
      </c>
      <c r="E136980" s="15">
        <v>45481</v>
      </c>
      <c r="F136980" s="14" t="s">
        <v>25</v>
      </c>
      <c r="G136980" s="16">
        <v>0</v>
      </c>
    </row>
    <row r="136981" spans="1:7" x14ac:dyDescent="0.3">
      <c r="A136981" s="13" t="s">
        <v>613</v>
      </c>
      <c r="B136981" s="14" t="s">
        <v>1</v>
      </c>
      <c r="C136981" s="14" t="s">
        <v>596</v>
      </c>
      <c r="D136981" s="14" t="s">
        <v>213</v>
      </c>
      <c r="E136981" s="15">
        <v>45482</v>
      </c>
      <c r="F136981" s="14" t="s">
        <v>25</v>
      </c>
      <c r="G136981" s="16">
        <v>0</v>
      </c>
    </row>
    <row r="136982" spans="1:7" x14ac:dyDescent="0.3">
      <c r="A136982" s="13" t="s">
        <v>613</v>
      </c>
      <c r="B136982" s="14" t="s">
        <v>1</v>
      </c>
      <c r="C136982" s="14" t="s">
        <v>596</v>
      </c>
      <c r="D136982" s="14" t="s">
        <v>213</v>
      </c>
      <c r="E136982" s="15">
        <v>45483</v>
      </c>
      <c r="F136982" s="14" t="s">
        <v>25</v>
      </c>
      <c r="G136982" s="16">
        <v>0</v>
      </c>
    </row>
    <row r="136983" spans="1:7" x14ac:dyDescent="0.3">
      <c r="A136983" s="13" t="s">
        <v>613</v>
      </c>
      <c r="B136983" s="14" t="s">
        <v>1</v>
      </c>
      <c r="C136983" s="14" t="s">
        <v>596</v>
      </c>
      <c r="D136983" s="14" t="s">
        <v>213</v>
      </c>
      <c r="E136983" s="15">
        <v>45484</v>
      </c>
      <c r="F136983" s="14" t="s">
        <v>25</v>
      </c>
      <c r="G136983" s="16">
        <v>0</v>
      </c>
    </row>
    <row r="136984" spans="1:7" x14ac:dyDescent="0.3">
      <c r="A136984" s="13" t="s">
        <v>613</v>
      </c>
      <c r="B136984" s="14" t="s">
        <v>1</v>
      </c>
      <c r="C136984" s="14" t="s">
        <v>596</v>
      </c>
      <c r="D136984" s="14" t="s">
        <v>213</v>
      </c>
      <c r="E136984" s="15">
        <v>45485</v>
      </c>
      <c r="F136984" s="14" t="s">
        <v>25</v>
      </c>
      <c r="G136984" s="16">
        <v>0</v>
      </c>
    </row>
    <row r="136985" spans="1:7" x14ac:dyDescent="0.3">
      <c r="A136985" s="13" t="s">
        <v>613</v>
      </c>
      <c r="B136985" s="14" t="s">
        <v>1</v>
      </c>
      <c r="C136985" s="14" t="s">
        <v>596</v>
      </c>
      <c r="D136985" s="14" t="s">
        <v>213</v>
      </c>
      <c r="E136985" s="15">
        <v>45486</v>
      </c>
      <c r="F136985" s="14" t="s">
        <v>25</v>
      </c>
      <c r="G136985" s="16">
        <v>0</v>
      </c>
    </row>
    <row r="136986" spans="1:7" x14ac:dyDescent="0.3">
      <c r="A136986" s="13" t="s">
        <v>613</v>
      </c>
      <c r="B136986" s="14" t="s">
        <v>1</v>
      </c>
      <c r="C136986" s="14" t="s">
        <v>596</v>
      </c>
      <c r="D136986" s="14" t="s">
        <v>213</v>
      </c>
      <c r="E136986" s="15">
        <v>45487</v>
      </c>
      <c r="F136986" s="14" t="s">
        <v>25</v>
      </c>
      <c r="G136986" s="16">
        <v>0</v>
      </c>
    </row>
    <row r="136987" spans="1:7" x14ac:dyDescent="0.3">
      <c r="A136987" s="13" t="s">
        <v>613</v>
      </c>
      <c r="B136987" s="14" t="s">
        <v>1</v>
      </c>
      <c r="C136987" s="14" t="s">
        <v>596</v>
      </c>
      <c r="D136987" s="14" t="s">
        <v>213</v>
      </c>
      <c r="E136987" s="15">
        <v>45488</v>
      </c>
      <c r="F136987" s="14" t="s">
        <v>25</v>
      </c>
      <c r="G136987" s="16">
        <v>0</v>
      </c>
    </row>
    <row r="136988" spans="1:7" x14ac:dyDescent="0.3">
      <c r="A136988" s="13" t="s">
        <v>613</v>
      </c>
      <c r="B136988" s="14" t="s">
        <v>1</v>
      </c>
      <c r="C136988" s="14" t="s">
        <v>596</v>
      </c>
      <c r="D136988" s="14" t="s">
        <v>213</v>
      </c>
      <c r="E136988" s="15">
        <v>45489</v>
      </c>
      <c r="F136988" s="14" t="s">
        <v>25</v>
      </c>
      <c r="G136988" s="16">
        <v>0</v>
      </c>
    </row>
    <row r="136989" spans="1:7" x14ac:dyDescent="0.3">
      <c r="A136989" s="13" t="s">
        <v>613</v>
      </c>
      <c r="B136989" s="14" t="s">
        <v>1</v>
      </c>
      <c r="C136989" s="14" t="s">
        <v>596</v>
      </c>
      <c r="D136989" s="14" t="s">
        <v>213</v>
      </c>
      <c r="E136989" s="15">
        <v>45490</v>
      </c>
      <c r="F136989" s="14" t="s">
        <v>25</v>
      </c>
      <c r="G136989" s="16">
        <v>0</v>
      </c>
    </row>
    <row r="136990" spans="1:7" x14ac:dyDescent="0.3">
      <c r="A136990" s="13" t="s">
        <v>613</v>
      </c>
      <c r="B136990" s="14" t="s">
        <v>1</v>
      </c>
      <c r="C136990" s="14" t="s">
        <v>596</v>
      </c>
      <c r="D136990" s="14" t="s">
        <v>213</v>
      </c>
      <c r="E136990" s="15">
        <v>45491</v>
      </c>
      <c r="F136990" s="14" t="s">
        <v>25</v>
      </c>
      <c r="G136990" s="16">
        <v>0</v>
      </c>
    </row>
    <row r="136991" spans="1:7" x14ac:dyDescent="0.3">
      <c r="A136991" s="13" t="s">
        <v>613</v>
      </c>
      <c r="B136991" s="14" t="s">
        <v>1</v>
      </c>
      <c r="C136991" s="14" t="s">
        <v>596</v>
      </c>
      <c r="D136991" s="14" t="s">
        <v>213</v>
      </c>
      <c r="E136991" s="15">
        <v>45492</v>
      </c>
      <c r="F136991" s="14" t="s">
        <v>25</v>
      </c>
      <c r="G136991" s="16">
        <v>0</v>
      </c>
    </row>
    <row r="136992" spans="1:7" x14ac:dyDescent="0.3">
      <c r="A136992" s="13" t="s">
        <v>613</v>
      </c>
      <c r="B136992" s="14" t="s">
        <v>1</v>
      </c>
      <c r="C136992" s="14" t="s">
        <v>596</v>
      </c>
      <c r="D136992" s="14" t="s">
        <v>213</v>
      </c>
      <c r="E136992" s="15">
        <v>45493</v>
      </c>
      <c r="F136992" s="14" t="s">
        <v>25</v>
      </c>
      <c r="G136992" s="16">
        <v>0</v>
      </c>
    </row>
    <row r="136993" spans="1:7" x14ac:dyDescent="0.3">
      <c r="A136993" s="13" t="s">
        <v>613</v>
      </c>
      <c r="B136993" s="14" t="s">
        <v>1</v>
      </c>
      <c r="C136993" s="14" t="s">
        <v>596</v>
      </c>
      <c r="D136993" s="14" t="s">
        <v>213</v>
      </c>
      <c r="E136993" s="15">
        <v>45494</v>
      </c>
      <c r="F136993" s="14" t="s">
        <v>25</v>
      </c>
      <c r="G136993" s="16">
        <v>0</v>
      </c>
    </row>
    <row r="136994" spans="1:7" x14ac:dyDescent="0.3">
      <c r="A136994" s="13" t="s">
        <v>613</v>
      </c>
      <c r="B136994" s="14" t="s">
        <v>1</v>
      </c>
      <c r="C136994" s="14" t="s">
        <v>596</v>
      </c>
      <c r="D136994" s="14" t="s">
        <v>213</v>
      </c>
      <c r="E136994" s="15">
        <v>45495</v>
      </c>
      <c r="F136994" s="14" t="s">
        <v>25</v>
      </c>
      <c r="G136994" s="16">
        <v>0</v>
      </c>
    </row>
    <row r="136995" spans="1:7" x14ac:dyDescent="0.3">
      <c r="A136995" s="13" t="s">
        <v>613</v>
      </c>
      <c r="B136995" s="14" t="s">
        <v>1</v>
      </c>
      <c r="C136995" s="14" t="s">
        <v>596</v>
      </c>
      <c r="D136995" s="14" t="s">
        <v>213</v>
      </c>
      <c r="E136995" s="15">
        <v>45496</v>
      </c>
      <c r="F136995" s="14" t="s">
        <v>25</v>
      </c>
      <c r="G136995" s="16">
        <v>0</v>
      </c>
    </row>
    <row r="136996" spans="1:7" x14ac:dyDescent="0.3">
      <c r="A136996" s="13" t="s">
        <v>613</v>
      </c>
      <c r="B136996" s="14" t="s">
        <v>1</v>
      </c>
      <c r="C136996" s="14" t="s">
        <v>596</v>
      </c>
      <c r="D136996" s="14" t="s">
        <v>213</v>
      </c>
      <c r="E136996" s="15">
        <v>45497</v>
      </c>
      <c r="F136996" s="14" t="s">
        <v>25</v>
      </c>
      <c r="G136996" s="16">
        <v>0</v>
      </c>
    </row>
    <row r="136997" spans="1:7" x14ac:dyDescent="0.3">
      <c r="A136997" s="13" t="s">
        <v>613</v>
      </c>
      <c r="B136997" s="14" t="s">
        <v>1</v>
      </c>
      <c r="C136997" s="14" t="s">
        <v>596</v>
      </c>
      <c r="D136997" s="14" t="s">
        <v>213</v>
      </c>
      <c r="E136997" s="15">
        <v>45498</v>
      </c>
      <c r="F136997" s="14" t="s">
        <v>25</v>
      </c>
      <c r="G136997" s="16">
        <v>0</v>
      </c>
    </row>
    <row r="136998" spans="1:7" x14ac:dyDescent="0.3">
      <c r="A136998" s="13" t="s">
        <v>613</v>
      </c>
      <c r="B136998" s="14" t="s">
        <v>1</v>
      </c>
      <c r="C136998" s="14" t="s">
        <v>596</v>
      </c>
      <c r="D136998" s="14" t="s">
        <v>213</v>
      </c>
      <c r="E136998" s="15">
        <v>45499</v>
      </c>
      <c r="F136998" s="14" t="s">
        <v>25</v>
      </c>
      <c r="G136998" s="16">
        <v>0</v>
      </c>
    </row>
    <row r="136999" spans="1:7" x14ac:dyDescent="0.3">
      <c r="A136999" s="13" t="s">
        <v>613</v>
      </c>
      <c r="B136999" s="14" t="s">
        <v>1</v>
      </c>
      <c r="C136999" s="14" t="s">
        <v>596</v>
      </c>
      <c r="D136999" s="14" t="s">
        <v>213</v>
      </c>
      <c r="E136999" s="15">
        <v>45500</v>
      </c>
      <c r="F136999" s="14" t="s">
        <v>25</v>
      </c>
      <c r="G136999" s="16">
        <v>0</v>
      </c>
    </row>
    <row r="137000" spans="1:7" x14ac:dyDescent="0.3">
      <c r="A137000" s="13" t="s">
        <v>613</v>
      </c>
      <c r="B137000" s="14" t="s">
        <v>1</v>
      </c>
      <c r="C137000" s="14" t="s">
        <v>596</v>
      </c>
      <c r="D137000" s="14" t="s">
        <v>213</v>
      </c>
      <c r="E137000" s="15">
        <v>45501</v>
      </c>
      <c r="F137000" s="14" t="s">
        <v>25</v>
      </c>
      <c r="G137000" s="16">
        <v>0</v>
      </c>
    </row>
    <row r="137001" spans="1:7" x14ac:dyDescent="0.3">
      <c r="A137001" s="13" t="s">
        <v>613</v>
      </c>
      <c r="B137001" s="14" t="s">
        <v>1</v>
      </c>
      <c r="C137001" s="14" t="s">
        <v>596</v>
      </c>
      <c r="D137001" s="14" t="s">
        <v>213</v>
      </c>
      <c r="E137001" s="15">
        <v>45502</v>
      </c>
      <c r="F137001" s="14" t="s">
        <v>25</v>
      </c>
      <c r="G137001" s="16">
        <v>0</v>
      </c>
    </row>
    <row r="137002" spans="1:7" x14ac:dyDescent="0.3">
      <c r="A137002" s="13" t="s">
        <v>613</v>
      </c>
      <c r="B137002" s="14" t="s">
        <v>1</v>
      </c>
      <c r="C137002" s="14" t="s">
        <v>596</v>
      </c>
      <c r="D137002" s="14" t="s">
        <v>213</v>
      </c>
      <c r="E137002" s="15">
        <v>45503</v>
      </c>
      <c r="F137002" s="14" t="s">
        <v>25</v>
      </c>
      <c r="G137002" s="16">
        <v>0</v>
      </c>
    </row>
    <row r="137003" spans="1:7" x14ac:dyDescent="0.3">
      <c r="A137003" s="13" t="s">
        <v>613</v>
      </c>
      <c r="B137003" s="14" t="s">
        <v>1</v>
      </c>
      <c r="C137003" s="14" t="s">
        <v>596</v>
      </c>
      <c r="D137003" s="14" t="s">
        <v>213</v>
      </c>
      <c r="E137003" s="15">
        <v>45504</v>
      </c>
      <c r="F137003" s="14" t="s">
        <v>25</v>
      </c>
      <c r="G137003" s="16">
        <v>0</v>
      </c>
    </row>
    <row r="137004" spans="1:7" x14ac:dyDescent="0.3">
      <c r="A137004" s="13" t="s">
        <v>613</v>
      </c>
      <c r="B137004" s="14" t="s">
        <v>1</v>
      </c>
      <c r="C137004" s="14" t="s">
        <v>596</v>
      </c>
      <c r="D137004" s="14" t="s">
        <v>213</v>
      </c>
      <c r="E137004" s="15">
        <v>45505</v>
      </c>
      <c r="F137004" s="14" t="s">
        <v>25</v>
      </c>
      <c r="G137004" s="16">
        <v>0</v>
      </c>
    </row>
    <row r="137005" spans="1:7" x14ac:dyDescent="0.3">
      <c r="A137005" s="13" t="s">
        <v>613</v>
      </c>
      <c r="B137005" s="14" t="s">
        <v>1</v>
      </c>
      <c r="C137005" s="14" t="s">
        <v>596</v>
      </c>
      <c r="D137005" s="14" t="s">
        <v>213</v>
      </c>
      <c r="E137005" s="15">
        <v>45506</v>
      </c>
      <c r="F137005" s="14" t="s">
        <v>25</v>
      </c>
      <c r="G137005" s="16">
        <v>0</v>
      </c>
    </row>
    <row r="137006" spans="1:7" x14ac:dyDescent="0.3">
      <c r="A137006" s="13" t="s">
        <v>613</v>
      </c>
      <c r="B137006" s="14" t="s">
        <v>1</v>
      </c>
      <c r="C137006" s="14" t="s">
        <v>596</v>
      </c>
      <c r="D137006" s="14" t="s">
        <v>213</v>
      </c>
      <c r="E137006" s="15">
        <v>45507</v>
      </c>
      <c r="F137006" s="14" t="s">
        <v>25</v>
      </c>
      <c r="G137006" s="16">
        <v>0</v>
      </c>
    </row>
    <row r="137007" spans="1:7" x14ac:dyDescent="0.3">
      <c r="A137007" s="13" t="s">
        <v>613</v>
      </c>
      <c r="B137007" s="14" t="s">
        <v>1</v>
      </c>
      <c r="C137007" s="14" t="s">
        <v>596</v>
      </c>
      <c r="D137007" s="14" t="s">
        <v>213</v>
      </c>
      <c r="E137007" s="15">
        <v>45508</v>
      </c>
      <c r="F137007" s="14" t="s">
        <v>25</v>
      </c>
      <c r="G137007" s="16">
        <v>0</v>
      </c>
    </row>
    <row r="137008" spans="1:7" x14ac:dyDescent="0.3">
      <c r="A137008" s="13" t="s">
        <v>613</v>
      </c>
      <c r="B137008" s="14" t="s">
        <v>1</v>
      </c>
      <c r="C137008" s="14" t="s">
        <v>596</v>
      </c>
      <c r="D137008" s="14" t="s">
        <v>213</v>
      </c>
      <c r="E137008" s="15">
        <v>45509</v>
      </c>
      <c r="F137008" s="14" t="s">
        <v>25</v>
      </c>
      <c r="G137008" s="16">
        <v>0</v>
      </c>
    </row>
    <row r="137009" spans="1:7" x14ac:dyDescent="0.3">
      <c r="A137009" s="13" t="s">
        <v>613</v>
      </c>
      <c r="B137009" s="14" t="s">
        <v>1</v>
      </c>
      <c r="C137009" s="14" t="s">
        <v>596</v>
      </c>
      <c r="D137009" s="14" t="s">
        <v>213</v>
      </c>
      <c r="E137009" s="15">
        <v>45510</v>
      </c>
      <c r="F137009" s="14" t="s">
        <v>25</v>
      </c>
      <c r="G137009" s="16">
        <v>0</v>
      </c>
    </row>
    <row r="137010" spans="1:7" x14ac:dyDescent="0.3">
      <c r="A137010" s="13" t="s">
        <v>613</v>
      </c>
      <c r="B137010" s="14" t="s">
        <v>1</v>
      </c>
      <c r="C137010" s="14" t="s">
        <v>596</v>
      </c>
      <c r="D137010" s="14" t="s">
        <v>213</v>
      </c>
      <c r="E137010" s="15">
        <v>45511</v>
      </c>
      <c r="F137010" s="14" t="s">
        <v>25</v>
      </c>
      <c r="G137010" s="16">
        <v>0</v>
      </c>
    </row>
    <row r="137011" spans="1:7" x14ac:dyDescent="0.3">
      <c r="A137011" s="13" t="s">
        <v>613</v>
      </c>
      <c r="B137011" s="14" t="s">
        <v>1</v>
      </c>
      <c r="C137011" s="14" t="s">
        <v>596</v>
      </c>
      <c r="D137011" s="14" t="s">
        <v>213</v>
      </c>
      <c r="E137011" s="15">
        <v>45512</v>
      </c>
      <c r="F137011" s="14" t="s">
        <v>25</v>
      </c>
      <c r="G137011" s="16">
        <v>0</v>
      </c>
    </row>
    <row r="137012" spans="1:7" x14ac:dyDescent="0.3">
      <c r="A137012" s="13" t="s">
        <v>613</v>
      </c>
      <c r="B137012" s="14" t="s">
        <v>1</v>
      </c>
      <c r="C137012" s="14" t="s">
        <v>596</v>
      </c>
      <c r="D137012" s="14" t="s">
        <v>213</v>
      </c>
      <c r="E137012" s="15">
        <v>45513</v>
      </c>
      <c r="F137012" s="14" t="s">
        <v>25</v>
      </c>
      <c r="G137012" s="16">
        <v>0</v>
      </c>
    </row>
    <row r="137013" spans="1:7" x14ac:dyDescent="0.3">
      <c r="A137013" s="13" t="s">
        <v>613</v>
      </c>
      <c r="B137013" s="14" t="s">
        <v>1</v>
      </c>
      <c r="C137013" s="14" t="s">
        <v>596</v>
      </c>
      <c r="D137013" s="14" t="s">
        <v>213</v>
      </c>
      <c r="E137013" s="15">
        <v>45514</v>
      </c>
      <c r="F137013" s="14" t="s">
        <v>25</v>
      </c>
      <c r="G137013" s="16">
        <v>0</v>
      </c>
    </row>
    <row r="137014" spans="1:7" x14ac:dyDescent="0.3">
      <c r="A137014" s="13" t="s">
        <v>613</v>
      </c>
      <c r="B137014" s="14" t="s">
        <v>1</v>
      </c>
      <c r="C137014" s="14" t="s">
        <v>596</v>
      </c>
      <c r="D137014" s="14" t="s">
        <v>213</v>
      </c>
      <c r="E137014" s="15">
        <v>45515</v>
      </c>
      <c r="F137014" s="14" t="s">
        <v>25</v>
      </c>
      <c r="G137014" s="16">
        <v>0</v>
      </c>
    </row>
    <row r="137015" spans="1:7" x14ac:dyDescent="0.3">
      <c r="A137015" s="13" t="s">
        <v>613</v>
      </c>
      <c r="B137015" s="14" t="s">
        <v>1</v>
      </c>
      <c r="C137015" s="14" t="s">
        <v>596</v>
      </c>
      <c r="D137015" s="14" t="s">
        <v>213</v>
      </c>
      <c r="E137015" s="15">
        <v>45516</v>
      </c>
      <c r="F137015" s="14" t="s">
        <v>25</v>
      </c>
      <c r="G137015" s="16">
        <v>0</v>
      </c>
    </row>
    <row r="137016" spans="1:7" x14ac:dyDescent="0.3">
      <c r="A137016" s="13" t="s">
        <v>613</v>
      </c>
      <c r="B137016" s="14" t="s">
        <v>1</v>
      </c>
      <c r="C137016" s="14" t="s">
        <v>596</v>
      </c>
      <c r="D137016" s="14" t="s">
        <v>213</v>
      </c>
      <c r="E137016" s="15">
        <v>45517</v>
      </c>
      <c r="F137016" s="14" t="s">
        <v>25</v>
      </c>
      <c r="G137016" s="16">
        <v>0</v>
      </c>
    </row>
    <row r="137017" spans="1:7" x14ac:dyDescent="0.3">
      <c r="A137017" s="13" t="s">
        <v>613</v>
      </c>
      <c r="B137017" s="14" t="s">
        <v>1</v>
      </c>
      <c r="C137017" s="14" t="s">
        <v>596</v>
      </c>
      <c r="D137017" s="14" t="s">
        <v>213</v>
      </c>
      <c r="E137017" s="15">
        <v>45518</v>
      </c>
      <c r="F137017" s="14" t="s">
        <v>25</v>
      </c>
      <c r="G137017" s="16">
        <v>0</v>
      </c>
    </row>
    <row r="137018" spans="1:7" x14ac:dyDescent="0.3">
      <c r="A137018" s="13" t="s">
        <v>613</v>
      </c>
      <c r="B137018" s="14" t="s">
        <v>1</v>
      </c>
      <c r="C137018" s="14" t="s">
        <v>596</v>
      </c>
      <c r="D137018" s="14" t="s">
        <v>213</v>
      </c>
      <c r="E137018" s="15">
        <v>45519</v>
      </c>
      <c r="F137018" s="14" t="s">
        <v>25</v>
      </c>
      <c r="G137018" s="16">
        <v>0</v>
      </c>
    </row>
    <row r="137019" spans="1:7" x14ac:dyDescent="0.3">
      <c r="A137019" s="13" t="s">
        <v>613</v>
      </c>
      <c r="B137019" s="14" t="s">
        <v>1</v>
      </c>
      <c r="C137019" s="14" t="s">
        <v>596</v>
      </c>
      <c r="D137019" s="14" t="s">
        <v>213</v>
      </c>
      <c r="E137019" s="15">
        <v>45520</v>
      </c>
      <c r="F137019" s="14" t="s">
        <v>25</v>
      </c>
      <c r="G137019" s="16">
        <v>0</v>
      </c>
    </row>
    <row r="137020" spans="1:7" x14ac:dyDescent="0.3">
      <c r="A137020" s="13" t="s">
        <v>613</v>
      </c>
      <c r="B137020" s="14" t="s">
        <v>1</v>
      </c>
      <c r="C137020" s="14" t="s">
        <v>596</v>
      </c>
      <c r="D137020" s="14" t="s">
        <v>213</v>
      </c>
      <c r="E137020" s="15">
        <v>45521</v>
      </c>
      <c r="F137020" s="14" t="s">
        <v>25</v>
      </c>
      <c r="G137020" s="16">
        <v>0</v>
      </c>
    </row>
    <row r="137021" spans="1:7" x14ac:dyDescent="0.3">
      <c r="A137021" s="13" t="s">
        <v>613</v>
      </c>
      <c r="B137021" s="14" t="s">
        <v>1</v>
      </c>
      <c r="C137021" s="14" t="s">
        <v>596</v>
      </c>
      <c r="D137021" s="14" t="s">
        <v>213</v>
      </c>
      <c r="E137021" s="15">
        <v>45522</v>
      </c>
      <c r="F137021" s="14" t="s">
        <v>25</v>
      </c>
      <c r="G137021" s="16">
        <v>0</v>
      </c>
    </row>
    <row r="137022" spans="1:7" x14ac:dyDescent="0.3">
      <c r="A137022" s="13" t="s">
        <v>613</v>
      </c>
      <c r="B137022" s="14" t="s">
        <v>1</v>
      </c>
      <c r="C137022" s="14" t="s">
        <v>596</v>
      </c>
      <c r="D137022" s="14" t="s">
        <v>213</v>
      </c>
      <c r="E137022" s="15">
        <v>45523</v>
      </c>
      <c r="F137022" s="14" t="s">
        <v>25</v>
      </c>
      <c r="G137022" s="16">
        <v>0</v>
      </c>
    </row>
    <row r="137023" spans="1:7" x14ac:dyDescent="0.3">
      <c r="A137023" s="13" t="s">
        <v>613</v>
      </c>
      <c r="B137023" s="14" t="s">
        <v>1</v>
      </c>
      <c r="C137023" s="14" t="s">
        <v>596</v>
      </c>
      <c r="D137023" s="14" t="s">
        <v>213</v>
      </c>
      <c r="E137023" s="15">
        <v>45524</v>
      </c>
      <c r="F137023" s="14" t="s">
        <v>25</v>
      </c>
      <c r="G137023" s="16">
        <v>0</v>
      </c>
    </row>
    <row r="137024" spans="1:7" x14ac:dyDescent="0.3">
      <c r="A137024" s="13" t="s">
        <v>613</v>
      </c>
      <c r="B137024" s="14" t="s">
        <v>1</v>
      </c>
      <c r="C137024" s="14" t="s">
        <v>596</v>
      </c>
      <c r="D137024" s="14" t="s">
        <v>213</v>
      </c>
      <c r="E137024" s="15">
        <v>45525</v>
      </c>
      <c r="F137024" s="14" t="s">
        <v>25</v>
      </c>
      <c r="G137024" s="16">
        <v>0</v>
      </c>
    </row>
    <row r="137025" spans="1:7" x14ac:dyDescent="0.3">
      <c r="A137025" s="13" t="s">
        <v>613</v>
      </c>
      <c r="B137025" s="14" t="s">
        <v>1</v>
      </c>
      <c r="C137025" s="14" t="s">
        <v>596</v>
      </c>
      <c r="D137025" s="14" t="s">
        <v>213</v>
      </c>
      <c r="E137025" s="15">
        <v>45526</v>
      </c>
      <c r="F137025" s="14" t="s">
        <v>25</v>
      </c>
      <c r="G137025" s="16">
        <v>0</v>
      </c>
    </row>
    <row r="137026" spans="1:7" x14ac:dyDescent="0.3">
      <c r="A137026" s="13" t="s">
        <v>613</v>
      </c>
      <c r="B137026" s="14" t="s">
        <v>1</v>
      </c>
      <c r="C137026" s="14" t="s">
        <v>596</v>
      </c>
      <c r="D137026" s="14" t="s">
        <v>213</v>
      </c>
      <c r="E137026" s="15">
        <v>45527</v>
      </c>
      <c r="F137026" s="14" t="s">
        <v>25</v>
      </c>
      <c r="G137026" s="16">
        <v>0</v>
      </c>
    </row>
    <row r="137027" spans="1:7" x14ac:dyDescent="0.3">
      <c r="A137027" s="13" t="s">
        <v>613</v>
      </c>
      <c r="B137027" s="14" t="s">
        <v>1</v>
      </c>
      <c r="C137027" s="14" t="s">
        <v>596</v>
      </c>
      <c r="D137027" s="14" t="s">
        <v>213</v>
      </c>
      <c r="E137027" s="15">
        <v>45528</v>
      </c>
      <c r="F137027" s="14" t="s">
        <v>25</v>
      </c>
      <c r="G137027" s="16">
        <v>0</v>
      </c>
    </row>
    <row r="137028" spans="1:7" x14ac:dyDescent="0.3">
      <c r="A137028" s="13" t="s">
        <v>613</v>
      </c>
      <c r="B137028" s="14" t="s">
        <v>1</v>
      </c>
      <c r="C137028" s="14" t="s">
        <v>596</v>
      </c>
      <c r="D137028" s="14" t="s">
        <v>213</v>
      </c>
      <c r="E137028" s="15">
        <v>45529</v>
      </c>
      <c r="F137028" s="14" t="s">
        <v>25</v>
      </c>
      <c r="G137028" s="16">
        <v>0</v>
      </c>
    </row>
    <row r="137029" spans="1:7" x14ac:dyDescent="0.3">
      <c r="A137029" s="13" t="s">
        <v>613</v>
      </c>
      <c r="B137029" s="14" t="s">
        <v>1</v>
      </c>
      <c r="C137029" s="14" t="s">
        <v>596</v>
      </c>
      <c r="D137029" s="14" t="s">
        <v>213</v>
      </c>
      <c r="E137029" s="15">
        <v>45530</v>
      </c>
      <c r="F137029" s="14" t="s">
        <v>25</v>
      </c>
      <c r="G137029" s="16">
        <v>0</v>
      </c>
    </row>
    <row r="137030" spans="1:7" x14ac:dyDescent="0.3">
      <c r="A137030" s="13" t="s">
        <v>613</v>
      </c>
      <c r="B137030" s="14" t="s">
        <v>1</v>
      </c>
      <c r="C137030" s="14" t="s">
        <v>596</v>
      </c>
      <c r="D137030" s="14" t="s">
        <v>213</v>
      </c>
      <c r="E137030" s="15">
        <v>45531</v>
      </c>
      <c r="F137030" s="14" t="s">
        <v>25</v>
      </c>
      <c r="G137030" s="16">
        <v>0</v>
      </c>
    </row>
    <row r="137031" spans="1:7" x14ac:dyDescent="0.3">
      <c r="A137031" s="13" t="s">
        <v>613</v>
      </c>
      <c r="B137031" s="14" t="s">
        <v>1</v>
      </c>
      <c r="C137031" s="14" t="s">
        <v>596</v>
      </c>
      <c r="D137031" s="14" t="s">
        <v>213</v>
      </c>
      <c r="E137031" s="15">
        <v>45532</v>
      </c>
      <c r="F137031" s="14" t="s">
        <v>25</v>
      </c>
      <c r="G137031" s="16">
        <v>0</v>
      </c>
    </row>
    <row r="137032" spans="1:7" x14ac:dyDescent="0.3">
      <c r="A137032" s="13" t="s">
        <v>613</v>
      </c>
      <c r="B137032" s="14" t="s">
        <v>1</v>
      </c>
      <c r="C137032" s="14" t="s">
        <v>596</v>
      </c>
      <c r="D137032" s="14" t="s">
        <v>213</v>
      </c>
      <c r="E137032" s="15">
        <v>45533</v>
      </c>
      <c r="F137032" s="14" t="s">
        <v>25</v>
      </c>
      <c r="G137032" s="16">
        <v>0</v>
      </c>
    </row>
    <row r="137033" spans="1:7" x14ac:dyDescent="0.3">
      <c r="A137033" s="13" t="s">
        <v>613</v>
      </c>
      <c r="B137033" s="14" t="s">
        <v>1</v>
      </c>
      <c r="C137033" s="14" t="s">
        <v>596</v>
      </c>
      <c r="D137033" s="14" t="s">
        <v>213</v>
      </c>
      <c r="E137033" s="15">
        <v>45534</v>
      </c>
      <c r="F137033" s="14" t="s">
        <v>25</v>
      </c>
      <c r="G137033" s="16">
        <v>0</v>
      </c>
    </row>
    <row r="137034" spans="1:7" x14ac:dyDescent="0.3">
      <c r="A137034" s="13" t="s">
        <v>613</v>
      </c>
      <c r="B137034" s="14" t="s">
        <v>1</v>
      </c>
      <c r="C137034" s="14" t="s">
        <v>596</v>
      </c>
      <c r="D137034" s="14" t="s">
        <v>213</v>
      </c>
      <c r="E137034" s="15">
        <v>45535</v>
      </c>
      <c r="F137034" s="14" t="s">
        <v>25</v>
      </c>
      <c r="G137034" s="16">
        <v>0</v>
      </c>
    </row>
    <row r="137035" spans="1:7" x14ac:dyDescent="0.3">
      <c r="A137035" s="13" t="s">
        <v>613</v>
      </c>
      <c r="B137035" s="14" t="s">
        <v>1</v>
      </c>
      <c r="C137035" s="14" t="s">
        <v>596</v>
      </c>
      <c r="D137035" s="14" t="s">
        <v>213</v>
      </c>
      <c r="E137035" s="15">
        <v>45536</v>
      </c>
      <c r="F137035" s="14" t="s">
        <v>25</v>
      </c>
      <c r="G137035" s="16">
        <v>0</v>
      </c>
    </row>
    <row r="137036" spans="1:7" x14ac:dyDescent="0.3">
      <c r="A137036" s="13" t="s">
        <v>613</v>
      </c>
      <c r="B137036" s="14" t="s">
        <v>1</v>
      </c>
      <c r="C137036" s="14" t="s">
        <v>596</v>
      </c>
      <c r="D137036" s="14" t="s">
        <v>213</v>
      </c>
      <c r="E137036" s="15">
        <v>45537</v>
      </c>
      <c r="F137036" s="14" t="s">
        <v>25</v>
      </c>
      <c r="G137036" s="16">
        <v>0</v>
      </c>
    </row>
    <row r="137037" spans="1:7" x14ac:dyDescent="0.3">
      <c r="A137037" s="13" t="s">
        <v>613</v>
      </c>
      <c r="B137037" s="14" t="s">
        <v>1</v>
      </c>
      <c r="C137037" s="14" t="s">
        <v>596</v>
      </c>
      <c r="D137037" s="14" t="s">
        <v>213</v>
      </c>
      <c r="E137037" s="15">
        <v>45538</v>
      </c>
      <c r="F137037" s="14" t="s">
        <v>25</v>
      </c>
      <c r="G137037" s="16">
        <v>0</v>
      </c>
    </row>
    <row r="137038" spans="1:7" x14ac:dyDescent="0.3">
      <c r="A137038" s="13" t="s">
        <v>613</v>
      </c>
      <c r="B137038" s="14" t="s">
        <v>1</v>
      </c>
      <c r="C137038" s="14" t="s">
        <v>596</v>
      </c>
      <c r="D137038" s="14" t="s">
        <v>213</v>
      </c>
      <c r="E137038" s="15">
        <v>45539</v>
      </c>
      <c r="F137038" s="14" t="s">
        <v>25</v>
      </c>
      <c r="G137038" s="16">
        <v>0</v>
      </c>
    </row>
    <row r="137039" spans="1:7" x14ac:dyDescent="0.3">
      <c r="A137039" s="13" t="s">
        <v>613</v>
      </c>
      <c r="B137039" s="14" t="s">
        <v>1</v>
      </c>
      <c r="C137039" s="14" t="s">
        <v>596</v>
      </c>
      <c r="D137039" s="14" t="s">
        <v>213</v>
      </c>
      <c r="E137039" s="15">
        <v>45540</v>
      </c>
      <c r="F137039" s="14" t="s">
        <v>25</v>
      </c>
      <c r="G137039" s="16">
        <v>0</v>
      </c>
    </row>
    <row r="137040" spans="1:7" x14ac:dyDescent="0.3">
      <c r="A137040" s="13" t="s">
        <v>613</v>
      </c>
      <c r="B137040" s="14" t="s">
        <v>1</v>
      </c>
      <c r="C137040" s="14" t="s">
        <v>596</v>
      </c>
      <c r="D137040" s="14" t="s">
        <v>213</v>
      </c>
      <c r="E137040" s="15">
        <v>45541</v>
      </c>
      <c r="F137040" s="14" t="s">
        <v>25</v>
      </c>
      <c r="G137040" s="16">
        <v>0</v>
      </c>
    </row>
    <row r="137041" spans="1:7" x14ac:dyDescent="0.3">
      <c r="A137041" s="13" t="s">
        <v>613</v>
      </c>
      <c r="B137041" s="14" t="s">
        <v>1</v>
      </c>
      <c r="C137041" s="14" t="s">
        <v>596</v>
      </c>
      <c r="D137041" s="14" t="s">
        <v>213</v>
      </c>
      <c r="E137041" s="15">
        <v>45542</v>
      </c>
      <c r="F137041" s="14" t="s">
        <v>25</v>
      </c>
      <c r="G137041" s="16">
        <v>0</v>
      </c>
    </row>
    <row r="137042" spans="1:7" x14ac:dyDescent="0.3">
      <c r="A137042" s="13" t="s">
        <v>613</v>
      </c>
      <c r="B137042" s="14" t="s">
        <v>1</v>
      </c>
      <c r="C137042" s="14" t="s">
        <v>596</v>
      </c>
      <c r="D137042" s="14" t="s">
        <v>213</v>
      </c>
      <c r="E137042" s="15">
        <v>45543</v>
      </c>
      <c r="F137042" s="14" t="s">
        <v>25</v>
      </c>
      <c r="G137042" s="16">
        <v>0</v>
      </c>
    </row>
    <row r="137043" spans="1:7" x14ac:dyDescent="0.3">
      <c r="A137043" s="13" t="s">
        <v>613</v>
      </c>
      <c r="B137043" s="14" t="s">
        <v>1</v>
      </c>
      <c r="C137043" s="14" t="s">
        <v>596</v>
      </c>
      <c r="D137043" s="14" t="s">
        <v>213</v>
      </c>
      <c r="E137043" s="15">
        <v>45544</v>
      </c>
      <c r="F137043" s="14" t="s">
        <v>25</v>
      </c>
      <c r="G137043" s="16">
        <v>0</v>
      </c>
    </row>
    <row r="137044" spans="1:7" x14ac:dyDescent="0.3">
      <c r="A137044" s="13" t="s">
        <v>613</v>
      </c>
      <c r="B137044" s="14" t="s">
        <v>1</v>
      </c>
      <c r="C137044" s="14" t="s">
        <v>596</v>
      </c>
      <c r="D137044" s="14" t="s">
        <v>213</v>
      </c>
      <c r="E137044" s="15">
        <v>45545</v>
      </c>
      <c r="F137044" s="14" t="s">
        <v>25</v>
      </c>
      <c r="G137044" s="16">
        <v>0</v>
      </c>
    </row>
    <row r="137045" spans="1:7" x14ac:dyDescent="0.3">
      <c r="A137045" s="13" t="s">
        <v>613</v>
      </c>
      <c r="B137045" s="14" t="s">
        <v>1</v>
      </c>
      <c r="C137045" s="14" t="s">
        <v>596</v>
      </c>
      <c r="D137045" s="14" t="s">
        <v>213</v>
      </c>
      <c r="E137045" s="15">
        <v>45546</v>
      </c>
      <c r="F137045" s="14" t="s">
        <v>25</v>
      </c>
      <c r="G137045" s="16">
        <v>0</v>
      </c>
    </row>
    <row r="137046" spans="1:7" x14ac:dyDescent="0.3">
      <c r="A137046" s="13" t="s">
        <v>613</v>
      </c>
      <c r="B137046" s="14" t="s">
        <v>1</v>
      </c>
      <c r="C137046" s="14" t="s">
        <v>596</v>
      </c>
      <c r="D137046" s="14" t="s">
        <v>213</v>
      </c>
      <c r="E137046" s="15">
        <v>45547</v>
      </c>
      <c r="F137046" s="14" t="s">
        <v>25</v>
      </c>
      <c r="G137046" s="16">
        <v>0</v>
      </c>
    </row>
    <row r="137047" spans="1:7" x14ac:dyDescent="0.3">
      <c r="A137047" s="13" t="s">
        <v>613</v>
      </c>
      <c r="B137047" s="14" t="s">
        <v>1</v>
      </c>
      <c r="C137047" s="14" t="s">
        <v>596</v>
      </c>
      <c r="D137047" s="14" t="s">
        <v>213</v>
      </c>
      <c r="E137047" s="15">
        <v>45548</v>
      </c>
      <c r="F137047" s="14" t="s">
        <v>25</v>
      </c>
      <c r="G137047" s="16">
        <v>0</v>
      </c>
    </row>
    <row r="137048" spans="1:7" x14ac:dyDescent="0.3">
      <c r="A137048" s="13" t="s">
        <v>613</v>
      </c>
      <c r="B137048" s="14" t="s">
        <v>1</v>
      </c>
      <c r="C137048" s="14" t="s">
        <v>596</v>
      </c>
      <c r="D137048" s="14" t="s">
        <v>213</v>
      </c>
      <c r="E137048" s="15">
        <v>45549</v>
      </c>
      <c r="F137048" s="14" t="s">
        <v>25</v>
      </c>
      <c r="G137048" s="16">
        <v>0</v>
      </c>
    </row>
    <row r="137049" spans="1:7" x14ac:dyDescent="0.3">
      <c r="A137049" s="13" t="s">
        <v>613</v>
      </c>
      <c r="B137049" s="14" t="s">
        <v>1</v>
      </c>
      <c r="C137049" s="14" t="s">
        <v>596</v>
      </c>
      <c r="D137049" s="14" t="s">
        <v>213</v>
      </c>
      <c r="E137049" s="15">
        <v>45550</v>
      </c>
      <c r="F137049" s="14" t="s">
        <v>25</v>
      </c>
      <c r="G137049" s="16">
        <v>0</v>
      </c>
    </row>
    <row r="137050" spans="1:7" x14ac:dyDescent="0.3">
      <c r="A137050" s="13" t="s">
        <v>613</v>
      </c>
      <c r="B137050" s="14" t="s">
        <v>1</v>
      </c>
      <c r="C137050" s="14" t="s">
        <v>596</v>
      </c>
      <c r="D137050" s="14" t="s">
        <v>213</v>
      </c>
      <c r="E137050" s="15">
        <v>45551</v>
      </c>
      <c r="F137050" s="14" t="s">
        <v>25</v>
      </c>
      <c r="G137050" s="16">
        <v>0</v>
      </c>
    </row>
    <row r="137051" spans="1:7" x14ac:dyDescent="0.3">
      <c r="A137051" s="13" t="s">
        <v>613</v>
      </c>
      <c r="B137051" s="14" t="s">
        <v>1</v>
      </c>
      <c r="C137051" s="14" t="s">
        <v>596</v>
      </c>
      <c r="D137051" s="14" t="s">
        <v>213</v>
      </c>
      <c r="E137051" s="15">
        <v>45552</v>
      </c>
      <c r="F137051" s="14" t="s">
        <v>25</v>
      </c>
      <c r="G137051" s="16">
        <v>0</v>
      </c>
    </row>
    <row r="137052" spans="1:7" x14ac:dyDescent="0.3">
      <c r="A137052" s="13" t="s">
        <v>613</v>
      </c>
      <c r="B137052" s="14" t="s">
        <v>1</v>
      </c>
      <c r="C137052" s="14" t="s">
        <v>596</v>
      </c>
      <c r="D137052" s="14" t="s">
        <v>213</v>
      </c>
      <c r="E137052" s="15">
        <v>45553</v>
      </c>
      <c r="F137052" s="14" t="s">
        <v>25</v>
      </c>
      <c r="G137052" s="16">
        <v>0</v>
      </c>
    </row>
    <row r="137053" spans="1:7" x14ac:dyDescent="0.3">
      <c r="A137053" s="13" t="s">
        <v>613</v>
      </c>
      <c r="B137053" s="14" t="s">
        <v>1</v>
      </c>
      <c r="C137053" s="14" t="s">
        <v>596</v>
      </c>
      <c r="D137053" s="14" t="s">
        <v>213</v>
      </c>
      <c r="E137053" s="15">
        <v>45554</v>
      </c>
      <c r="F137053" s="14" t="s">
        <v>25</v>
      </c>
      <c r="G137053" s="16">
        <v>0</v>
      </c>
    </row>
    <row r="137054" spans="1:7" x14ac:dyDescent="0.3">
      <c r="A137054" s="13" t="s">
        <v>613</v>
      </c>
      <c r="B137054" s="14" t="s">
        <v>1</v>
      </c>
      <c r="C137054" s="14" t="s">
        <v>596</v>
      </c>
      <c r="D137054" s="14" t="s">
        <v>213</v>
      </c>
      <c r="E137054" s="15">
        <v>45555</v>
      </c>
      <c r="F137054" s="14" t="s">
        <v>25</v>
      </c>
      <c r="G137054" s="16">
        <v>0</v>
      </c>
    </row>
    <row r="137055" spans="1:7" x14ac:dyDescent="0.3">
      <c r="A137055" s="13" t="s">
        <v>613</v>
      </c>
      <c r="B137055" s="14" t="s">
        <v>1</v>
      </c>
      <c r="C137055" s="14" t="s">
        <v>596</v>
      </c>
      <c r="D137055" s="14" t="s">
        <v>213</v>
      </c>
      <c r="E137055" s="15">
        <v>45556</v>
      </c>
      <c r="F137055" s="14" t="s">
        <v>25</v>
      </c>
      <c r="G137055" s="16">
        <v>0</v>
      </c>
    </row>
    <row r="137056" spans="1:7" x14ac:dyDescent="0.3">
      <c r="A137056" s="13" t="s">
        <v>613</v>
      </c>
      <c r="B137056" s="14" t="s">
        <v>1</v>
      </c>
      <c r="C137056" s="14" t="s">
        <v>596</v>
      </c>
      <c r="D137056" s="14" t="s">
        <v>213</v>
      </c>
      <c r="E137056" s="15">
        <v>45557</v>
      </c>
      <c r="F137056" s="14" t="s">
        <v>25</v>
      </c>
      <c r="G137056" s="16">
        <v>0</v>
      </c>
    </row>
    <row r="137057" spans="1:7" x14ac:dyDescent="0.3">
      <c r="A137057" s="13" t="s">
        <v>613</v>
      </c>
      <c r="B137057" s="14" t="s">
        <v>1</v>
      </c>
      <c r="C137057" s="14" t="s">
        <v>596</v>
      </c>
      <c r="D137057" s="14" t="s">
        <v>213</v>
      </c>
      <c r="E137057" s="15">
        <v>45558</v>
      </c>
      <c r="F137057" s="14" t="s">
        <v>25</v>
      </c>
      <c r="G137057" s="16">
        <v>0</v>
      </c>
    </row>
    <row r="137058" spans="1:7" x14ac:dyDescent="0.3">
      <c r="A137058" s="13" t="s">
        <v>613</v>
      </c>
      <c r="B137058" s="14" t="s">
        <v>1</v>
      </c>
      <c r="C137058" s="14" t="s">
        <v>596</v>
      </c>
      <c r="D137058" s="14" t="s">
        <v>213</v>
      </c>
      <c r="E137058" s="15">
        <v>45559</v>
      </c>
      <c r="F137058" s="14" t="s">
        <v>25</v>
      </c>
      <c r="G137058" s="16">
        <v>0</v>
      </c>
    </row>
    <row r="137059" spans="1:7" x14ac:dyDescent="0.3">
      <c r="A137059" s="13" t="s">
        <v>613</v>
      </c>
      <c r="B137059" s="14" t="s">
        <v>1</v>
      </c>
      <c r="C137059" s="14" t="s">
        <v>596</v>
      </c>
      <c r="D137059" s="14" t="s">
        <v>213</v>
      </c>
      <c r="E137059" s="15">
        <v>45560</v>
      </c>
      <c r="F137059" s="14" t="s">
        <v>25</v>
      </c>
      <c r="G137059" s="16">
        <v>0</v>
      </c>
    </row>
    <row r="137060" spans="1:7" x14ac:dyDescent="0.3">
      <c r="A137060" s="13" t="s">
        <v>613</v>
      </c>
      <c r="B137060" s="14" t="s">
        <v>1</v>
      </c>
      <c r="C137060" s="14" t="s">
        <v>596</v>
      </c>
      <c r="D137060" s="14" t="s">
        <v>213</v>
      </c>
      <c r="E137060" s="15">
        <v>45561</v>
      </c>
      <c r="F137060" s="14" t="s">
        <v>25</v>
      </c>
      <c r="G137060" s="16">
        <v>0</v>
      </c>
    </row>
    <row r="137061" spans="1:7" x14ac:dyDescent="0.3">
      <c r="A137061" s="13" t="s">
        <v>613</v>
      </c>
      <c r="B137061" s="14" t="s">
        <v>1</v>
      </c>
      <c r="C137061" s="14" t="s">
        <v>596</v>
      </c>
      <c r="D137061" s="14" t="s">
        <v>213</v>
      </c>
      <c r="E137061" s="15">
        <v>45562</v>
      </c>
      <c r="F137061" s="14" t="s">
        <v>25</v>
      </c>
      <c r="G137061" s="16">
        <v>0</v>
      </c>
    </row>
    <row r="137062" spans="1:7" x14ac:dyDescent="0.3">
      <c r="A137062" s="13" t="s">
        <v>613</v>
      </c>
      <c r="B137062" s="14" t="s">
        <v>1</v>
      </c>
      <c r="C137062" s="14" t="s">
        <v>596</v>
      </c>
      <c r="D137062" s="14" t="s">
        <v>213</v>
      </c>
      <c r="E137062" s="15">
        <v>45563</v>
      </c>
      <c r="F137062" s="14" t="s">
        <v>25</v>
      </c>
      <c r="G137062" s="16">
        <v>0</v>
      </c>
    </row>
    <row r="137063" spans="1:7" x14ac:dyDescent="0.3">
      <c r="A137063" s="13" t="s">
        <v>613</v>
      </c>
      <c r="B137063" s="14" t="s">
        <v>1</v>
      </c>
      <c r="C137063" s="14" t="s">
        <v>596</v>
      </c>
      <c r="D137063" s="14" t="s">
        <v>213</v>
      </c>
      <c r="E137063" s="15">
        <v>45564</v>
      </c>
      <c r="F137063" s="14" t="s">
        <v>25</v>
      </c>
      <c r="G137063" s="16">
        <v>0</v>
      </c>
    </row>
    <row r="137064" spans="1:7" x14ac:dyDescent="0.3">
      <c r="A137064" s="13" t="s">
        <v>613</v>
      </c>
      <c r="B137064" s="14" t="s">
        <v>1</v>
      </c>
      <c r="C137064" s="14" t="s">
        <v>596</v>
      </c>
      <c r="D137064" s="14" t="s">
        <v>213</v>
      </c>
      <c r="E137064" s="15">
        <v>45565</v>
      </c>
      <c r="F137064" s="14" t="s">
        <v>25</v>
      </c>
      <c r="G137064" s="16">
        <v>0</v>
      </c>
    </row>
    <row r="137065" spans="1:7" x14ac:dyDescent="0.3">
      <c r="A137065" s="13" t="s">
        <v>613</v>
      </c>
      <c r="B137065" s="14" t="s">
        <v>1</v>
      </c>
      <c r="C137065" s="14" t="s">
        <v>596</v>
      </c>
      <c r="D137065" s="14" t="s">
        <v>213</v>
      </c>
      <c r="E137065" s="15">
        <v>45566</v>
      </c>
      <c r="F137065" s="14" t="s">
        <v>25</v>
      </c>
      <c r="G137065" s="16">
        <v>0</v>
      </c>
    </row>
    <row r="137066" spans="1:7" x14ac:dyDescent="0.3">
      <c r="A137066" s="13" t="s">
        <v>613</v>
      </c>
      <c r="B137066" s="14" t="s">
        <v>1</v>
      </c>
      <c r="C137066" s="14" t="s">
        <v>596</v>
      </c>
      <c r="D137066" s="14" t="s">
        <v>213</v>
      </c>
      <c r="E137066" s="15">
        <v>45567</v>
      </c>
      <c r="F137066" s="14" t="s">
        <v>25</v>
      </c>
      <c r="G137066" s="16">
        <v>0</v>
      </c>
    </row>
    <row r="137067" spans="1:7" x14ac:dyDescent="0.3">
      <c r="A137067" s="13" t="s">
        <v>613</v>
      </c>
      <c r="B137067" s="14" t="s">
        <v>1</v>
      </c>
      <c r="C137067" s="14" t="s">
        <v>596</v>
      </c>
      <c r="D137067" s="14" t="s">
        <v>213</v>
      </c>
      <c r="E137067" s="15">
        <v>45568</v>
      </c>
      <c r="F137067" s="14" t="s">
        <v>25</v>
      </c>
      <c r="G137067" s="16">
        <v>0</v>
      </c>
    </row>
    <row r="137068" spans="1:7" x14ac:dyDescent="0.3">
      <c r="A137068" s="13" t="s">
        <v>613</v>
      </c>
      <c r="B137068" s="14" t="s">
        <v>1</v>
      </c>
      <c r="C137068" s="14" t="s">
        <v>596</v>
      </c>
      <c r="D137068" s="14" t="s">
        <v>213</v>
      </c>
      <c r="E137068" s="15">
        <v>45569</v>
      </c>
      <c r="F137068" s="14" t="s">
        <v>25</v>
      </c>
      <c r="G137068" s="16">
        <v>0</v>
      </c>
    </row>
    <row r="137069" spans="1:7" x14ac:dyDescent="0.3">
      <c r="A137069" s="13" t="s">
        <v>613</v>
      </c>
      <c r="B137069" s="14" t="s">
        <v>1</v>
      </c>
      <c r="C137069" s="14" t="s">
        <v>596</v>
      </c>
      <c r="D137069" s="14" t="s">
        <v>213</v>
      </c>
      <c r="E137069" s="15">
        <v>45570</v>
      </c>
      <c r="F137069" s="14" t="s">
        <v>25</v>
      </c>
      <c r="G137069" s="16">
        <v>0</v>
      </c>
    </row>
    <row r="137070" spans="1:7" x14ac:dyDescent="0.3">
      <c r="A137070" s="13" t="s">
        <v>613</v>
      </c>
      <c r="B137070" s="14" t="s">
        <v>1</v>
      </c>
      <c r="C137070" s="14" t="s">
        <v>596</v>
      </c>
      <c r="D137070" s="14" t="s">
        <v>213</v>
      </c>
      <c r="E137070" s="15">
        <v>45571</v>
      </c>
      <c r="F137070" s="14" t="s">
        <v>25</v>
      </c>
      <c r="G137070" s="16">
        <v>0</v>
      </c>
    </row>
    <row r="137071" spans="1:7" x14ac:dyDescent="0.3">
      <c r="A137071" s="13" t="s">
        <v>613</v>
      </c>
      <c r="B137071" s="14" t="s">
        <v>1</v>
      </c>
      <c r="C137071" s="14" t="s">
        <v>596</v>
      </c>
      <c r="D137071" s="14" t="s">
        <v>213</v>
      </c>
      <c r="E137071" s="15">
        <v>45572</v>
      </c>
      <c r="F137071" s="14" t="s">
        <v>25</v>
      </c>
      <c r="G137071" s="16">
        <v>0</v>
      </c>
    </row>
    <row r="137072" spans="1:7" x14ac:dyDescent="0.3">
      <c r="A137072" s="13" t="s">
        <v>613</v>
      </c>
      <c r="B137072" s="14" t="s">
        <v>1</v>
      </c>
      <c r="C137072" s="14" t="s">
        <v>596</v>
      </c>
      <c r="D137072" s="14" t="s">
        <v>213</v>
      </c>
      <c r="E137072" s="15">
        <v>45573</v>
      </c>
      <c r="F137072" s="14" t="s">
        <v>25</v>
      </c>
      <c r="G137072" s="16">
        <v>0</v>
      </c>
    </row>
    <row r="137073" spans="1:7" x14ac:dyDescent="0.3">
      <c r="A137073" s="13" t="s">
        <v>613</v>
      </c>
      <c r="B137073" s="14" t="s">
        <v>1</v>
      </c>
      <c r="C137073" s="14" t="s">
        <v>596</v>
      </c>
      <c r="D137073" s="14" t="s">
        <v>213</v>
      </c>
      <c r="E137073" s="15">
        <v>45574</v>
      </c>
      <c r="F137073" s="14" t="s">
        <v>25</v>
      </c>
      <c r="G137073" s="16">
        <v>0</v>
      </c>
    </row>
    <row r="137074" spans="1:7" x14ac:dyDescent="0.3">
      <c r="A137074" s="13" t="s">
        <v>613</v>
      </c>
      <c r="B137074" s="14" t="s">
        <v>1</v>
      </c>
      <c r="C137074" s="14" t="s">
        <v>596</v>
      </c>
      <c r="D137074" s="14" t="s">
        <v>213</v>
      </c>
      <c r="E137074" s="15">
        <v>45575</v>
      </c>
      <c r="F137074" s="14" t="s">
        <v>25</v>
      </c>
      <c r="G137074" s="16">
        <v>0</v>
      </c>
    </row>
    <row r="137075" spans="1:7" x14ac:dyDescent="0.3">
      <c r="A137075" s="13" t="s">
        <v>613</v>
      </c>
      <c r="B137075" s="14" t="s">
        <v>1</v>
      </c>
      <c r="C137075" s="14" t="s">
        <v>596</v>
      </c>
      <c r="D137075" s="14" t="s">
        <v>213</v>
      </c>
      <c r="E137075" s="15">
        <v>45576</v>
      </c>
      <c r="F137075" s="14" t="s">
        <v>25</v>
      </c>
      <c r="G137075" s="16">
        <v>0</v>
      </c>
    </row>
    <row r="137076" spans="1:7" x14ac:dyDescent="0.3">
      <c r="A137076" s="13" t="s">
        <v>613</v>
      </c>
      <c r="B137076" s="14" t="s">
        <v>1</v>
      </c>
      <c r="C137076" s="14" t="s">
        <v>596</v>
      </c>
      <c r="D137076" s="14" t="s">
        <v>213</v>
      </c>
      <c r="E137076" s="15">
        <v>45577</v>
      </c>
      <c r="F137076" s="14" t="s">
        <v>25</v>
      </c>
      <c r="G137076" s="16">
        <v>0</v>
      </c>
    </row>
    <row r="137077" spans="1:7" x14ac:dyDescent="0.3">
      <c r="A137077" s="13" t="s">
        <v>613</v>
      </c>
      <c r="B137077" s="14" t="s">
        <v>1</v>
      </c>
      <c r="C137077" s="14" t="s">
        <v>596</v>
      </c>
      <c r="D137077" s="14" t="s">
        <v>213</v>
      </c>
      <c r="E137077" s="15">
        <v>45578</v>
      </c>
      <c r="F137077" s="14" t="s">
        <v>25</v>
      </c>
      <c r="G137077" s="16">
        <v>0</v>
      </c>
    </row>
    <row r="137078" spans="1:7" x14ac:dyDescent="0.3">
      <c r="A137078" s="13" t="s">
        <v>613</v>
      </c>
      <c r="B137078" s="14" t="s">
        <v>1</v>
      </c>
      <c r="C137078" s="14" t="s">
        <v>596</v>
      </c>
      <c r="D137078" s="14" t="s">
        <v>213</v>
      </c>
      <c r="E137078" s="15">
        <v>45579</v>
      </c>
      <c r="F137078" s="14" t="s">
        <v>25</v>
      </c>
      <c r="G137078" s="16">
        <v>0</v>
      </c>
    </row>
    <row r="137079" spans="1:7" x14ac:dyDescent="0.3">
      <c r="A137079" s="13" t="s">
        <v>613</v>
      </c>
      <c r="B137079" s="14" t="s">
        <v>1</v>
      </c>
      <c r="C137079" s="14" t="s">
        <v>596</v>
      </c>
      <c r="D137079" s="14" t="s">
        <v>213</v>
      </c>
      <c r="E137079" s="15">
        <v>45580</v>
      </c>
      <c r="F137079" s="14" t="s">
        <v>25</v>
      </c>
      <c r="G137079" s="16">
        <v>0</v>
      </c>
    </row>
    <row r="137080" spans="1:7" x14ac:dyDescent="0.3">
      <c r="A137080" s="13" t="s">
        <v>613</v>
      </c>
      <c r="B137080" s="14" t="s">
        <v>1</v>
      </c>
      <c r="C137080" s="14" t="s">
        <v>596</v>
      </c>
      <c r="D137080" s="14" t="s">
        <v>213</v>
      </c>
      <c r="E137080" s="15">
        <v>45581</v>
      </c>
      <c r="F137080" s="14" t="s">
        <v>25</v>
      </c>
      <c r="G137080" s="16">
        <v>0</v>
      </c>
    </row>
    <row r="137081" spans="1:7" x14ac:dyDescent="0.3">
      <c r="A137081" s="13" t="s">
        <v>613</v>
      </c>
      <c r="B137081" s="14" t="s">
        <v>1</v>
      </c>
      <c r="C137081" s="14" t="s">
        <v>596</v>
      </c>
      <c r="D137081" s="14" t="s">
        <v>213</v>
      </c>
      <c r="E137081" s="15">
        <v>45582</v>
      </c>
      <c r="F137081" s="14" t="s">
        <v>25</v>
      </c>
      <c r="G137081" s="16">
        <v>0</v>
      </c>
    </row>
    <row r="137082" spans="1:7" x14ac:dyDescent="0.3">
      <c r="A137082" s="13" t="s">
        <v>613</v>
      </c>
      <c r="B137082" s="14" t="s">
        <v>1</v>
      </c>
      <c r="C137082" s="14" t="s">
        <v>596</v>
      </c>
      <c r="D137082" s="14" t="s">
        <v>213</v>
      </c>
      <c r="E137082" s="15">
        <v>45583</v>
      </c>
      <c r="F137082" s="14" t="s">
        <v>25</v>
      </c>
      <c r="G137082" s="16">
        <v>0</v>
      </c>
    </row>
    <row r="137083" spans="1:7" x14ac:dyDescent="0.3">
      <c r="A137083" s="13" t="s">
        <v>613</v>
      </c>
      <c r="B137083" s="14" t="s">
        <v>1</v>
      </c>
      <c r="C137083" s="14" t="s">
        <v>596</v>
      </c>
      <c r="D137083" s="14" t="s">
        <v>213</v>
      </c>
      <c r="E137083" s="15">
        <v>45584</v>
      </c>
      <c r="F137083" s="14" t="s">
        <v>25</v>
      </c>
      <c r="G137083" s="16">
        <v>0</v>
      </c>
    </row>
    <row r="137084" spans="1:7" x14ac:dyDescent="0.3">
      <c r="A137084" s="13" t="s">
        <v>613</v>
      </c>
      <c r="B137084" s="14" t="s">
        <v>1</v>
      </c>
      <c r="C137084" s="14" t="s">
        <v>596</v>
      </c>
      <c r="D137084" s="14" t="s">
        <v>213</v>
      </c>
      <c r="E137084" s="15">
        <v>45585</v>
      </c>
      <c r="F137084" s="14" t="s">
        <v>25</v>
      </c>
      <c r="G137084" s="16">
        <v>0</v>
      </c>
    </row>
    <row r="137085" spans="1:7" x14ac:dyDescent="0.3">
      <c r="A137085" s="13" t="s">
        <v>613</v>
      </c>
      <c r="B137085" s="14" t="s">
        <v>1</v>
      </c>
      <c r="C137085" s="14" t="s">
        <v>596</v>
      </c>
      <c r="D137085" s="14" t="s">
        <v>213</v>
      </c>
      <c r="E137085" s="15">
        <v>45586</v>
      </c>
      <c r="F137085" s="14" t="s">
        <v>25</v>
      </c>
      <c r="G137085" s="16">
        <v>0</v>
      </c>
    </row>
    <row r="137086" spans="1:7" x14ac:dyDescent="0.3">
      <c r="A137086" s="13" t="s">
        <v>613</v>
      </c>
      <c r="B137086" s="14" t="s">
        <v>1</v>
      </c>
      <c r="C137086" s="14" t="s">
        <v>596</v>
      </c>
      <c r="D137086" s="14" t="s">
        <v>213</v>
      </c>
      <c r="E137086" s="15">
        <v>45587</v>
      </c>
      <c r="F137086" s="14" t="s">
        <v>25</v>
      </c>
      <c r="G137086" s="16">
        <v>0</v>
      </c>
    </row>
    <row r="137087" spans="1:7" x14ac:dyDescent="0.3">
      <c r="A137087" s="13" t="s">
        <v>613</v>
      </c>
      <c r="B137087" s="14" t="s">
        <v>1</v>
      </c>
      <c r="C137087" s="14" t="s">
        <v>596</v>
      </c>
      <c r="D137087" s="14" t="s">
        <v>213</v>
      </c>
      <c r="E137087" s="15">
        <v>45588</v>
      </c>
      <c r="F137087" s="14" t="s">
        <v>25</v>
      </c>
      <c r="G137087" s="16">
        <v>0</v>
      </c>
    </row>
    <row r="137088" spans="1:7" x14ac:dyDescent="0.3">
      <c r="A137088" s="13" t="s">
        <v>613</v>
      </c>
      <c r="B137088" s="14" t="s">
        <v>1</v>
      </c>
      <c r="C137088" s="14" t="s">
        <v>596</v>
      </c>
      <c r="D137088" s="14" t="s">
        <v>213</v>
      </c>
      <c r="E137088" s="15">
        <v>45589</v>
      </c>
      <c r="F137088" s="14" t="s">
        <v>25</v>
      </c>
      <c r="G137088" s="16">
        <v>0</v>
      </c>
    </row>
    <row r="137089" spans="1:7" x14ac:dyDescent="0.3">
      <c r="A137089" s="13" t="s">
        <v>613</v>
      </c>
      <c r="B137089" s="14" t="s">
        <v>1</v>
      </c>
      <c r="C137089" s="14" t="s">
        <v>596</v>
      </c>
      <c r="D137089" s="14" t="s">
        <v>213</v>
      </c>
      <c r="E137089" s="15">
        <v>45590</v>
      </c>
      <c r="F137089" s="14" t="s">
        <v>25</v>
      </c>
      <c r="G137089" s="16">
        <v>0</v>
      </c>
    </row>
    <row r="137090" spans="1:7" x14ac:dyDescent="0.3">
      <c r="A137090" s="13" t="s">
        <v>613</v>
      </c>
      <c r="B137090" s="14" t="s">
        <v>1</v>
      </c>
      <c r="C137090" s="14" t="s">
        <v>596</v>
      </c>
      <c r="D137090" s="14" t="s">
        <v>213</v>
      </c>
      <c r="E137090" s="15">
        <v>45591</v>
      </c>
      <c r="F137090" s="14" t="s">
        <v>25</v>
      </c>
      <c r="G137090" s="16">
        <v>0</v>
      </c>
    </row>
    <row r="137091" spans="1:7" x14ac:dyDescent="0.3">
      <c r="A137091" s="13" t="s">
        <v>613</v>
      </c>
      <c r="B137091" s="14" t="s">
        <v>1</v>
      </c>
      <c r="C137091" s="14" t="s">
        <v>596</v>
      </c>
      <c r="D137091" s="14" t="s">
        <v>213</v>
      </c>
      <c r="E137091" s="15">
        <v>45592</v>
      </c>
      <c r="F137091" s="14" t="s">
        <v>25</v>
      </c>
      <c r="G137091" s="16">
        <v>0</v>
      </c>
    </row>
    <row r="137092" spans="1:7" x14ac:dyDescent="0.3">
      <c r="A137092" s="13" t="s">
        <v>613</v>
      </c>
      <c r="B137092" s="14" t="s">
        <v>1</v>
      </c>
      <c r="C137092" s="14" t="s">
        <v>596</v>
      </c>
      <c r="D137092" s="14" t="s">
        <v>213</v>
      </c>
      <c r="E137092" s="15">
        <v>45593</v>
      </c>
      <c r="F137092" s="14" t="s">
        <v>25</v>
      </c>
      <c r="G137092" s="16">
        <v>0</v>
      </c>
    </row>
    <row r="137093" spans="1:7" x14ac:dyDescent="0.3">
      <c r="A137093" s="13" t="s">
        <v>613</v>
      </c>
      <c r="B137093" s="14" t="s">
        <v>1</v>
      </c>
      <c r="C137093" s="14" t="s">
        <v>596</v>
      </c>
      <c r="D137093" s="14" t="s">
        <v>213</v>
      </c>
      <c r="E137093" s="15">
        <v>45594</v>
      </c>
      <c r="F137093" s="14" t="s">
        <v>25</v>
      </c>
      <c r="G137093" s="16">
        <v>0</v>
      </c>
    </row>
    <row r="137094" spans="1:7" x14ac:dyDescent="0.3">
      <c r="A137094" s="13" t="s">
        <v>613</v>
      </c>
      <c r="B137094" s="14" t="s">
        <v>1</v>
      </c>
      <c r="C137094" s="14" t="s">
        <v>596</v>
      </c>
      <c r="D137094" s="14" t="s">
        <v>213</v>
      </c>
      <c r="E137094" s="15">
        <v>45595</v>
      </c>
      <c r="F137094" s="14" t="s">
        <v>25</v>
      </c>
      <c r="G137094" s="16">
        <v>0</v>
      </c>
    </row>
    <row r="137095" spans="1:7" x14ac:dyDescent="0.3">
      <c r="A137095" s="13" t="s">
        <v>613</v>
      </c>
      <c r="B137095" s="14" t="s">
        <v>1</v>
      </c>
      <c r="C137095" s="14" t="s">
        <v>596</v>
      </c>
      <c r="D137095" s="14" t="s">
        <v>213</v>
      </c>
      <c r="E137095" s="15">
        <v>45596</v>
      </c>
      <c r="F137095" s="14" t="s">
        <v>25</v>
      </c>
      <c r="G137095" s="16">
        <v>0</v>
      </c>
    </row>
    <row r="137096" spans="1:7" x14ac:dyDescent="0.3">
      <c r="A137096" s="13" t="s">
        <v>613</v>
      </c>
      <c r="B137096" s="14" t="s">
        <v>1</v>
      </c>
      <c r="C137096" s="14" t="s">
        <v>596</v>
      </c>
      <c r="D137096" s="14" t="s">
        <v>213</v>
      </c>
      <c r="E137096" s="15">
        <v>45597</v>
      </c>
      <c r="F137096" s="14" t="s">
        <v>25</v>
      </c>
      <c r="G137096" s="16">
        <v>0</v>
      </c>
    </row>
    <row r="137097" spans="1:7" x14ac:dyDescent="0.3">
      <c r="A137097" s="13" t="s">
        <v>613</v>
      </c>
      <c r="B137097" s="14" t="s">
        <v>1</v>
      </c>
      <c r="C137097" s="14" t="s">
        <v>596</v>
      </c>
      <c r="D137097" s="14" t="s">
        <v>213</v>
      </c>
      <c r="E137097" s="15">
        <v>45598</v>
      </c>
      <c r="F137097" s="14" t="s">
        <v>25</v>
      </c>
      <c r="G137097" s="16">
        <v>0</v>
      </c>
    </row>
    <row r="137098" spans="1:7" x14ac:dyDescent="0.3">
      <c r="A137098" s="13" t="s">
        <v>613</v>
      </c>
      <c r="B137098" s="14" t="s">
        <v>1</v>
      </c>
      <c r="C137098" s="14" t="s">
        <v>596</v>
      </c>
      <c r="D137098" s="14" t="s">
        <v>213</v>
      </c>
      <c r="E137098" s="15">
        <v>45599</v>
      </c>
      <c r="F137098" s="14" t="s">
        <v>25</v>
      </c>
      <c r="G137098" s="16">
        <v>0</v>
      </c>
    </row>
    <row r="137099" spans="1:7" x14ac:dyDescent="0.3">
      <c r="A137099" s="13" t="s">
        <v>613</v>
      </c>
      <c r="B137099" s="14" t="s">
        <v>1</v>
      </c>
      <c r="C137099" s="14" t="s">
        <v>596</v>
      </c>
      <c r="D137099" s="14" t="s">
        <v>213</v>
      </c>
      <c r="E137099" s="15">
        <v>45600</v>
      </c>
      <c r="F137099" s="14" t="s">
        <v>25</v>
      </c>
      <c r="G137099" s="16">
        <v>0</v>
      </c>
    </row>
    <row r="137100" spans="1:7" x14ac:dyDescent="0.3">
      <c r="A137100" s="13" t="s">
        <v>613</v>
      </c>
      <c r="B137100" s="14" t="s">
        <v>1</v>
      </c>
      <c r="C137100" s="14" t="s">
        <v>596</v>
      </c>
      <c r="D137100" s="14" t="s">
        <v>213</v>
      </c>
      <c r="E137100" s="15">
        <v>45601</v>
      </c>
      <c r="F137100" s="14" t="s">
        <v>25</v>
      </c>
      <c r="G137100" s="16">
        <v>0</v>
      </c>
    </row>
    <row r="137101" spans="1:7" x14ac:dyDescent="0.3">
      <c r="A137101" s="13" t="s">
        <v>613</v>
      </c>
      <c r="B137101" s="14" t="s">
        <v>1</v>
      </c>
      <c r="C137101" s="14" t="s">
        <v>596</v>
      </c>
      <c r="D137101" s="14" t="s">
        <v>213</v>
      </c>
      <c r="E137101" s="15">
        <v>45602</v>
      </c>
      <c r="F137101" s="14" t="s">
        <v>25</v>
      </c>
      <c r="G137101" s="16">
        <v>0</v>
      </c>
    </row>
    <row r="137102" spans="1:7" x14ac:dyDescent="0.3">
      <c r="A137102" s="13" t="s">
        <v>613</v>
      </c>
      <c r="B137102" s="14" t="s">
        <v>1</v>
      </c>
      <c r="C137102" s="14" t="s">
        <v>596</v>
      </c>
      <c r="D137102" s="14" t="s">
        <v>213</v>
      </c>
      <c r="E137102" s="15">
        <v>45603</v>
      </c>
      <c r="F137102" s="14" t="s">
        <v>25</v>
      </c>
      <c r="G137102" s="16">
        <v>0</v>
      </c>
    </row>
    <row r="137103" spans="1:7" x14ac:dyDescent="0.3">
      <c r="A137103" s="13" t="s">
        <v>613</v>
      </c>
      <c r="B137103" s="14" t="s">
        <v>1</v>
      </c>
      <c r="C137103" s="14" t="s">
        <v>596</v>
      </c>
      <c r="D137103" s="14" t="s">
        <v>213</v>
      </c>
      <c r="E137103" s="15">
        <v>45604</v>
      </c>
      <c r="F137103" s="14" t="s">
        <v>25</v>
      </c>
      <c r="G137103" s="16">
        <v>0</v>
      </c>
    </row>
    <row r="137104" spans="1:7" x14ac:dyDescent="0.3">
      <c r="A137104" s="13" t="s">
        <v>613</v>
      </c>
      <c r="B137104" s="14" t="s">
        <v>1</v>
      </c>
      <c r="C137104" s="14" t="s">
        <v>596</v>
      </c>
      <c r="D137104" s="14" t="s">
        <v>213</v>
      </c>
      <c r="E137104" s="15">
        <v>45605</v>
      </c>
      <c r="F137104" s="14" t="s">
        <v>25</v>
      </c>
      <c r="G137104" s="16">
        <v>0</v>
      </c>
    </row>
    <row r="137105" spans="1:7" x14ac:dyDescent="0.3">
      <c r="A137105" s="13" t="s">
        <v>613</v>
      </c>
      <c r="B137105" s="14" t="s">
        <v>1</v>
      </c>
      <c r="C137105" s="14" t="s">
        <v>596</v>
      </c>
      <c r="D137105" s="14" t="s">
        <v>213</v>
      </c>
      <c r="E137105" s="15">
        <v>45606</v>
      </c>
      <c r="F137105" s="14" t="s">
        <v>25</v>
      </c>
      <c r="G137105" s="16">
        <v>0</v>
      </c>
    </row>
    <row r="137106" spans="1:7" x14ac:dyDescent="0.3">
      <c r="A137106" s="13" t="s">
        <v>613</v>
      </c>
      <c r="B137106" s="14" t="s">
        <v>1</v>
      </c>
      <c r="C137106" s="14" t="s">
        <v>596</v>
      </c>
      <c r="D137106" s="14" t="s">
        <v>213</v>
      </c>
      <c r="E137106" s="15">
        <v>45607</v>
      </c>
      <c r="F137106" s="14" t="s">
        <v>25</v>
      </c>
      <c r="G137106" s="16">
        <v>0</v>
      </c>
    </row>
    <row r="137107" spans="1:7" x14ac:dyDescent="0.3">
      <c r="A137107" s="13" t="s">
        <v>613</v>
      </c>
      <c r="B137107" s="14" t="s">
        <v>1</v>
      </c>
      <c r="C137107" s="14" t="s">
        <v>596</v>
      </c>
      <c r="D137107" s="14" t="s">
        <v>213</v>
      </c>
      <c r="E137107" s="15">
        <v>45608</v>
      </c>
      <c r="F137107" s="14" t="s">
        <v>25</v>
      </c>
      <c r="G137107" s="16">
        <v>0</v>
      </c>
    </row>
    <row r="137108" spans="1:7" x14ac:dyDescent="0.3">
      <c r="A137108" s="13" t="s">
        <v>613</v>
      </c>
      <c r="B137108" s="14" t="s">
        <v>1</v>
      </c>
      <c r="C137108" s="14" t="s">
        <v>596</v>
      </c>
      <c r="D137108" s="14" t="s">
        <v>213</v>
      </c>
      <c r="E137108" s="15">
        <v>45609</v>
      </c>
      <c r="F137108" s="14" t="s">
        <v>25</v>
      </c>
      <c r="G137108" s="16">
        <v>0</v>
      </c>
    </row>
    <row r="137109" spans="1:7" x14ac:dyDescent="0.3">
      <c r="A137109" s="13" t="s">
        <v>613</v>
      </c>
      <c r="B137109" s="14" t="s">
        <v>1</v>
      </c>
      <c r="C137109" s="14" t="s">
        <v>596</v>
      </c>
      <c r="D137109" s="14" t="s">
        <v>213</v>
      </c>
      <c r="E137109" s="15">
        <v>45610</v>
      </c>
      <c r="F137109" s="14" t="s">
        <v>25</v>
      </c>
      <c r="G137109" s="16">
        <v>0</v>
      </c>
    </row>
    <row r="137110" spans="1:7" x14ac:dyDescent="0.3">
      <c r="A137110" s="13" t="s">
        <v>613</v>
      </c>
      <c r="B137110" s="14" t="s">
        <v>1</v>
      </c>
      <c r="C137110" s="14" t="s">
        <v>596</v>
      </c>
      <c r="D137110" s="14" t="s">
        <v>213</v>
      </c>
      <c r="E137110" s="15">
        <v>45611</v>
      </c>
      <c r="F137110" s="14" t="s">
        <v>25</v>
      </c>
      <c r="G137110" s="16">
        <v>0</v>
      </c>
    </row>
    <row r="137111" spans="1:7" x14ac:dyDescent="0.3">
      <c r="A137111" s="13" t="s">
        <v>613</v>
      </c>
      <c r="B137111" s="14" t="s">
        <v>1</v>
      </c>
      <c r="C137111" s="14" t="s">
        <v>596</v>
      </c>
      <c r="D137111" s="14" t="s">
        <v>213</v>
      </c>
      <c r="E137111" s="15">
        <v>45612</v>
      </c>
      <c r="F137111" s="14" t="s">
        <v>25</v>
      </c>
      <c r="G137111" s="16">
        <v>0</v>
      </c>
    </row>
    <row r="137112" spans="1:7" x14ac:dyDescent="0.3">
      <c r="A137112" s="13" t="s">
        <v>613</v>
      </c>
      <c r="B137112" s="14" t="s">
        <v>1</v>
      </c>
      <c r="C137112" s="14" t="s">
        <v>596</v>
      </c>
      <c r="D137112" s="14" t="s">
        <v>213</v>
      </c>
      <c r="E137112" s="15">
        <v>45613</v>
      </c>
      <c r="F137112" s="14" t="s">
        <v>25</v>
      </c>
      <c r="G137112" s="16">
        <v>0</v>
      </c>
    </row>
    <row r="137113" spans="1:7" x14ac:dyDescent="0.3">
      <c r="A137113" s="13" t="s">
        <v>613</v>
      </c>
      <c r="B137113" s="14" t="s">
        <v>1</v>
      </c>
      <c r="C137113" s="14" t="s">
        <v>596</v>
      </c>
      <c r="D137113" s="14" t="s">
        <v>213</v>
      </c>
      <c r="E137113" s="15">
        <v>45614</v>
      </c>
      <c r="F137113" s="14" t="s">
        <v>25</v>
      </c>
      <c r="G137113" s="16">
        <v>0</v>
      </c>
    </row>
    <row r="137114" spans="1:7" x14ac:dyDescent="0.3">
      <c r="A137114" s="13" t="s">
        <v>613</v>
      </c>
      <c r="B137114" s="14" t="s">
        <v>1</v>
      </c>
      <c r="C137114" s="14" t="s">
        <v>596</v>
      </c>
      <c r="D137114" s="14" t="s">
        <v>213</v>
      </c>
      <c r="E137114" s="15">
        <v>45615</v>
      </c>
      <c r="F137114" s="14" t="s">
        <v>25</v>
      </c>
      <c r="G137114" s="16">
        <v>0</v>
      </c>
    </row>
    <row r="137115" spans="1:7" x14ac:dyDescent="0.3">
      <c r="A137115" s="13" t="s">
        <v>613</v>
      </c>
      <c r="B137115" s="14" t="s">
        <v>1</v>
      </c>
      <c r="C137115" s="14" t="s">
        <v>596</v>
      </c>
      <c r="D137115" s="14" t="s">
        <v>213</v>
      </c>
      <c r="E137115" s="15">
        <v>45616</v>
      </c>
      <c r="F137115" s="14" t="s">
        <v>25</v>
      </c>
      <c r="G137115" s="16">
        <v>0</v>
      </c>
    </row>
    <row r="137116" spans="1:7" x14ac:dyDescent="0.3">
      <c r="A137116" s="13" t="s">
        <v>613</v>
      </c>
      <c r="B137116" s="14" t="s">
        <v>1</v>
      </c>
      <c r="C137116" s="14" t="s">
        <v>596</v>
      </c>
      <c r="D137116" s="14" t="s">
        <v>213</v>
      </c>
      <c r="E137116" s="15">
        <v>45617</v>
      </c>
      <c r="F137116" s="14" t="s">
        <v>25</v>
      </c>
      <c r="G137116" s="16">
        <v>0</v>
      </c>
    </row>
    <row r="137117" spans="1:7" x14ac:dyDescent="0.3">
      <c r="A137117" s="13" t="s">
        <v>613</v>
      </c>
      <c r="B137117" s="14" t="s">
        <v>1</v>
      </c>
      <c r="C137117" s="14" t="s">
        <v>596</v>
      </c>
      <c r="D137117" s="14" t="s">
        <v>213</v>
      </c>
      <c r="E137117" s="15">
        <v>45618</v>
      </c>
      <c r="F137117" s="14" t="s">
        <v>25</v>
      </c>
      <c r="G137117" s="16">
        <v>0</v>
      </c>
    </row>
    <row r="137118" spans="1:7" x14ac:dyDescent="0.3">
      <c r="A137118" s="13" t="s">
        <v>613</v>
      </c>
      <c r="B137118" s="14" t="s">
        <v>1</v>
      </c>
      <c r="C137118" s="14" t="s">
        <v>596</v>
      </c>
      <c r="D137118" s="14" t="s">
        <v>213</v>
      </c>
      <c r="E137118" s="15">
        <v>45619</v>
      </c>
      <c r="F137118" s="14" t="s">
        <v>25</v>
      </c>
      <c r="G137118" s="16">
        <v>0</v>
      </c>
    </row>
    <row r="137119" spans="1:7" x14ac:dyDescent="0.3">
      <c r="A137119" s="13" t="s">
        <v>613</v>
      </c>
      <c r="B137119" s="14" t="s">
        <v>1</v>
      </c>
      <c r="C137119" s="14" t="s">
        <v>596</v>
      </c>
      <c r="D137119" s="14" t="s">
        <v>213</v>
      </c>
      <c r="E137119" s="15">
        <v>45620</v>
      </c>
      <c r="F137119" s="14" t="s">
        <v>25</v>
      </c>
      <c r="G137119" s="16">
        <v>0</v>
      </c>
    </row>
    <row r="137120" spans="1:7" x14ac:dyDescent="0.3">
      <c r="A137120" s="13" t="s">
        <v>613</v>
      </c>
      <c r="B137120" s="14" t="s">
        <v>1</v>
      </c>
      <c r="C137120" s="14" t="s">
        <v>596</v>
      </c>
      <c r="D137120" s="14" t="s">
        <v>213</v>
      </c>
      <c r="E137120" s="15">
        <v>45621</v>
      </c>
      <c r="F137120" s="14" t="s">
        <v>25</v>
      </c>
      <c r="G137120" s="16">
        <v>0</v>
      </c>
    </row>
    <row r="137121" spans="1:7" x14ac:dyDescent="0.3">
      <c r="A137121" s="13" t="s">
        <v>613</v>
      </c>
      <c r="B137121" s="14" t="s">
        <v>1</v>
      </c>
      <c r="C137121" s="14" t="s">
        <v>596</v>
      </c>
      <c r="D137121" s="14" t="s">
        <v>213</v>
      </c>
      <c r="E137121" s="15">
        <v>45622</v>
      </c>
      <c r="F137121" s="14" t="s">
        <v>25</v>
      </c>
      <c r="G137121" s="16">
        <v>0</v>
      </c>
    </row>
    <row r="137122" spans="1:7" x14ac:dyDescent="0.3">
      <c r="A137122" s="13" t="s">
        <v>613</v>
      </c>
      <c r="B137122" s="14" t="s">
        <v>1</v>
      </c>
      <c r="C137122" s="14" t="s">
        <v>596</v>
      </c>
      <c r="D137122" s="14" t="s">
        <v>213</v>
      </c>
      <c r="E137122" s="15">
        <v>45623</v>
      </c>
      <c r="F137122" s="14" t="s">
        <v>25</v>
      </c>
      <c r="G137122" s="16">
        <v>0</v>
      </c>
    </row>
    <row r="137123" spans="1:7" x14ac:dyDescent="0.3">
      <c r="A137123" s="13" t="s">
        <v>613</v>
      </c>
      <c r="B137123" s="14" t="s">
        <v>1</v>
      </c>
      <c r="C137123" s="14" t="s">
        <v>596</v>
      </c>
      <c r="D137123" s="14" t="s">
        <v>213</v>
      </c>
      <c r="E137123" s="15">
        <v>45624</v>
      </c>
      <c r="F137123" s="14" t="s">
        <v>25</v>
      </c>
      <c r="G137123" s="16">
        <v>0</v>
      </c>
    </row>
    <row r="137124" spans="1:7" x14ac:dyDescent="0.3">
      <c r="A137124" s="13" t="s">
        <v>613</v>
      </c>
      <c r="B137124" s="14" t="s">
        <v>1</v>
      </c>
      <c r="C137124" s="14" t="s">
        <v>596</v>
      </c>
      <c r="D137124" s="14" t="s">
        <v>213</v>
      </c>
      <c r="E137124" s="15">
        <v>45625</v>
      </c>
      <c r="F137124" s="14" t="s">
        <v>25</v>
      </c>
      <c r="G137124" s="16">
        <v>0</v>
      </c>
    </row>
    <row r="137125" spans="1:7" x14ac:dyDescent="0.3">
      <c r="A137125" s="13" t="s">
        <v>613</v>
      </c>
      <c r="B137125" s="14" t="s">
        <v>1</v>
      </c>
      <c r="C137125" s="14" t="s">
        <v>596</v>
      </c>
      <c r="D137125" s="14" t="s">
        <v>213</v>
      </c>
      <c r="E137125" s="15">
        <v>45626</v>
      </c>
      <c r="F137125" s="14" t="s">
        <v>25</v>
      </c>
      <c r="G137125" s="16">
        <v>0</v>
      </c>
    </row>
    <row r="137126" spans="1:7" x14ac:dyDescent="0.3">
      <c r="A137126" s="13" t="s">
        <v>613</v>
      </c>
      <c r="B137126" s="14" t="s">
        <v>1</v>
      </c>
      <c r="C137126" s="14" t="s">
        <v>596</v>
      </c>
      <c r="D137126" s="14" t="s">
        <v>213</v>
      </c>
      <c r="E137126" s="15">
        <v>45627</v>
      </c>
      <c r="F137126" s="14" t="s">
        <v>25</v>
      </c>
      <c r="G137126" s="16">
        <v>0</v>
      </c>
    </row>
    <row r="137127" spans="1:7" x14ac:dyDescent="0.3">
      <c r="A137127" s="13" t="s">
        <v>613</v>
      </c>
      <c r="B137127" s="14" t="s">
        <v>1</v>
      </c>
      <c r="C137127" s="14" t="s">
        <v>596</v>
      </c>
      <c r="D137127" s="14" t="s">
        <v>213</v>
      </c>
      <c r="E137127" s="15">
        <v>45628</v>
      </c>
      <c r="F137127" s="14" t="s">
        <v>25</v>
      </c>
      <c r="G137127" s="16">
        <v>0</v>
      </c>
    </row>
    <row r="137128" spans="1:7" x14ac:dyDescent="0.3">
      <c r="A137128" s="13" t="s">
        <v>613</v>
      </c>
      <c r="B137128" s="14" t="s">
        <v>1</v>
      </c>
      <c r="C137128" s="14" t="s">
        <v>596</v>
      </c>
      <c r="D137128" s="14" t="s">
        <v>213</v>
      </c>
      <c r="E137128" s="15">
        <v>45629</v>
      </c>
      <c r="F137128" s="14" t="s">
        <v>25</v>
      </c>
      <c r="G137128" s="16">
        <v>0</v>
      </c>
    </row>
    <row r="137129" spans="1:7" x14ac:dyDescent="0.3">
      <c r="A137129" s="13" t="s">
        <v>613</v>
      </c>
      <c r="B137129" s="14" t="s">
        <v>1</v>
      </c>
      <c r="C137129" s="14" t="s">
        <v>596</v>
      </c>
      <c r="D137129" s="14" t="s">
        <v>213</v>
      </c>
      <c r="E137129" s="15">
        <v>45630</v>
      </c>
      <c r="F137129" s="14" t="s">
        <v>25</v>
      </c>
      <c r="G137129" s="16">
        <v>0</v>
      </c>
    </row>
    <row r="137130" spans="1:7" x14ac:dyDescent="0.3">
      <c r="A137130" s="13" t="s">
        <v>613</v>
      </c>
      <c r="B137130" s="14" t="s">
        <v>1</v>
      </c>
      <c r="C137130" s="14" t="s">
        <v>596</v>
      </c>
      <c r="D137130" s="14" t="s">
        <v>213</v>
      </c>
      <c r="E137130" s="15">
        <v>45631</v>
      </c>
      <c r="F137130" s="14" t="s">
        <v>25</v>
      </c>
      <c r="G137130" s="16">
        <v>0</v>
      </c>
    </row>
    <row r="137131" spans="1:7" x14ac:dyDescent="0.3">
      <c r="A137131" s="13" t="s">
        <v>613</v>
      </c>
      <c r="B137131" s="14" t="s">
        <v>1</v>
      </c>
      <c r="C137131" s="14" t="s">
        <v>596</v>
      </c>
      <c r="D137131" s="14" t="s">
        <v>213</v>
      </c>
      <c r="E137131" s="15">
        <v>45632</v>
      </c>
      <c r="F137131" s="14" t="s">
        <v>25</v>
      </c>
      <c r="G137131" s="16">
        <v>0</v>
      </c>
    </row>
    <row r="137132" spans="1:7" x14ac:dyDescent="0.3">
      <c r="A137132" s="13" t="s">
        <v>613</v>
      </c>
      <c r="B137132" s="14" t="s">
        <v>1</v>
      </c>
      <c r="C137132" s="14" t="s">
        <v>596</v>
      </c>
      <c r="D137132" s="14" t="s">
        <v>213</v>
      </c>
      <c r="E137132" s="15">
        <v>45633</v>
      </c>
      <c r="F137132" s="14" t="s">
        <v>25</v>
      </c>
      <c r="G137132" s="16">
        <v>0</v>
      </c>
    </row>
    <row r="137133" spans="1:7" x14ac:dyDescent="0.3">
      <c r="A137133" s="13" t="s">
        <v>613</v>
      </c>
      <c r="B137133" s="14" t="s">
        <v>1</v>
      </c>
      <c r="C137133" s="14" t="s">
        <v>596</v>
      </c>
      <c r="D137133" s="14" t="s">
        <v>213</v>
      </c>
      <c r="E137133" s="15">
        <v>45634</v>
      </c>
      <c r="F137133" s="14" t="s">
        <v>25</v>
      </c>
      <c r="G137133" s="16">
        <v>0</v>
      </c>
    </row>
    <row r="137134" spans="1:7" x14ac:dyDescent="0.3">
      <c r="A137134" s="13" t="s">
        <v>613</v>
      </c>
      <c r="B137134" s="14" t="s">
        <v>1</v>
      </c>
      <c r="C137134" s="14" t="s">
        <v>596</v>
      </c>
      <c r="D137134" s="14" t="s">
        <v>213</v>
      </c>
      <c r="E137134" s="15">
        <v>45635</v>
      </c>
      <c r="F137134" s="14" t="s">
        <v>25</v>
      </c>
      <c r="G137134" s="16">
        <v>0</v>
      </c>
    </row>
    <row r="137135" spans="1:7" x14ac:dyDescent="0.3">
      <c r="A137135" s="13" t="s">
        <v>613</v>
      </c>
      <c r="B137135" s="14" t="s">
        <v>1</v>
      </c>
      <c r="C137135" s="14" t="s">
        <v>596</v>
      </c>
      <c r="D137135" s="14" t="s">
        <v>213</v>
      </c>
      <c r="E137135" s="15">
        <v>45636</v>
      </c>
      <c r="F137135" s="14" t="s">
        <v>25</v>
      </c>
      <c r="G137135" s="16">
        <v>0</v>
      </c>
    </row>
    <row r="137136" spans="1:7" x14ac:dyDescent="0.3">
      <c r="A137136" s="13" t="s">
        <v>613</v>
      </c>
      <c r="B137136" s="14" t="s">
        <v>1</v>
      </c>
      <c r="C137136" s="14" t="s">
        <v>596</v>
      </c>
      <c r="D137136" s="14" t="s">
        <v>213</v>
      </c>
      <c r="E137136" s="15">
        <v>45637</v>
      </c>
      <c r="F137136" s="14" t="s">
        <v>25</v>
      </c>
      <c r="G137136" s="16">
        <v>0</v>
      </c>
    </row>
    <row r="137137" spans="1:7" x14ac:dyDescent="0.3">
      <c r="A137137" s="13" t="s">
        <v>613</v>
      </c>
      <c r="B137137" s="14" t="s">
        <v>1</v>
      </c>
      <c r="C137137" s="14" t="s">
        <v>596</v>
      </c>
      <c r="D137137" s="14" t="s">
        <v>213</v>
      </c>
      <c r="E137137" s="15">
        <v>45638</v>
      </c>
      <c r="F137137" s="14" t="s">
        <v>25</v>
      </c>
      <c r="G137137" s="16">
        <v>0</v>
      </c>
    </row>
    <row r="137138" spans="1:7" x14ac:dyDescent="0.3">
      <c r="A137138" s="13" t="s">
        <v>613</v>
      </c>
      <c r="B137138" s="14" t="s">
        <v>1</v>
      </c>
      <c r="C137138" s="14" t="s">
        <v>596</v>
      </c>
      <c r="D137138" s="14" t="s">
        <v>213</v>
      </c>
      <c r="E137138" s="15">
        <v>45639</v>
      </c>
      <c r="F137138" s="14" t="s">
        <v>25</v>
      </c>
      <c r="G137138" s="16">
        <v>0</v>
      </c>
    </row>
    <row r="137139" spans="1:7" x14ac:dyDescent="0.3">
      <c r="A137139" s="13" t="s">
        <v>613</v>
      </c>
      <c r="B137139" s="14" t="s">
        <v>1</v>
      </c>
      <c r="C137139" s="14" t="s">
        <v>596</v>
      </c>
      <c r="D137139" s="14" t="s">
        <v>213</v>
      </c>
      <c r="E137139" s="15">
        <v>45640</v>
      </c>
      <c r="F137139" s="14" t="s">
        <v>25</v>
      </c>
      <c r="G137139" s="16">
        <v>0</v>
      </c>
    </row>
    <row r="137140" spans="1:7" x14ac:dyDescent="0.3">
      <c r="A137140" s="13" t="s">
        <v>613</v>
      </c>
      <c r="B137140" s="14" t="s">
        <v>1</v>
      </c>
      <c r="C137140" s="14" t="s">
        <v>596</v>
      </c>
      <c r="D137140" s="14" t="s">
        <v>213</v>
      </c>
      <c r="E137140" s="15">
        <v>45641</v>
      </c>
      <c r="F137140" s="14" t="s">
        <v>25</v>
      </c>
      <c r="G137140" s="16">
        <v>0</v>
      </c>
    </row>
    <row r="137141" spans="1:7" x14ac:dyDescent="0.3">
      <c r="A137141" s="13" t="s">
        <v>613</v>
      </c>
      <c r="B137141" s="14" t="s">
        <v>1</v>
      </c>
      <c r="C137141" s="14" t="s">
        <v>596</v>
      </c>
      <c r="D137141" s="14" t="s">
        <v>213</v>
      </c>
      <c r="E137141" s="15">
        <v>45642</v>
      </c>
      <c r="F137141" s="14" t="s">
        <v>25</v>
      </c>
      <c r="G137141" s="16">
        <v>0</v>
      </c>
    </row>
    <row r="137142" spans="1:7" x14ac:dyDescent="0.3">
      <c r="A137142" s="13" t="s">
        <v>613</v>
      </c>
      <c r="B137142" s="14" t="s">
        <v>1</v>
      </c>
      <c r="C137142" s="14" t="s">
        <v>596</v>
      </c>
      <c r="D137142" s="14" t="s">
        <v>213</v>
      </c>
      <c r="E137142" s="15">
        <v>45643</v>
      </c>
      <c r="F137142" s="14" t="s">
        <v>25</v>
      </c>
      <c r="G137142" s="16">
        <v>0</v>
      </c>
    </row>
    <row r="137143" spans="1:7" x14ac:dyDescent="0.3">
      <c r="A137143" s="13" t="s">
        <v>613</v>
      </c>
      <c r="B137143" s="14" t="s">
        <v>1</v>
      </c>
      <c r="C137143" s="14" t="s">
        <v>596</v>
      </c>
      <c r="D137143" s="14" t="s">
        <v>213</v>
      </c>
      <c r="E137143" s="15">
        <v>45644</v>
      </c>
      <c r="F137143" s="14" t="s">
        <v>25</v>
      </c>
      <c r="G137143" s="16">
        <v>0</v>
      </c>
    </row>
    <row r="137144" spans="1:7" x14ac:dyDescent="0.3">
      <c r="A137144" s="13" t="s">
        <v>613</v>
      </c>
      <c r="B137144" s="14" t="s">
        <v>1</v>
      </c>
      <c r="C137144" s="14" t="s">
        <v>596</v>
      </c>
      <c r="D137144" s="14" t="s">
        <v>213</v>
      </c>
      <c r="E137144" s="15">
        <v>45645</v>
      </c>
      <c r="F137144" s="14" t="s">
        <v>25</v>
      </c>
      <c r="G137144" s="16">
        <v>0</v>
      </c>
    </row>
    <row r="137145" spans="1:7" x14ac:dyDescent="0.3">
      <c r="A137145" s="13" t="s">
        <v>613</v>
      </c>
      <c r="B137145" s="14" t="s">
        <v>1</v>
      </c>
      <c r="C137145" s="14" t="s">
        <v>596</v>
      </c>
      <c r="D137145" s="14" t="s">
        <v>213</v>
      </c>
      <c r="E137145" s="15">
        <v>45646</v>
      </c>
      <c r="F137145" s="14" t="s">
        <v>25</v>
      </c>
      <c r="G137145" s="16">
        <v>0</v>
      </c>
    </row>
    <row r="137146" spans="1:7" x14ac:dyDescent="0.3">
      <c r="A137146" s="13" t="s">
        <v>613</v>
      </c>
      <c r="B137146" s="14" t="s">
        <v>1</v>
      </c>
      <c r="C137146" s="14" t="s">
        <v>596</v>
      </c>
      <c r="D137146" s="14" t="s">
        <v>213</v>
      </c>
      <c r="E137146" s="15">
        <v>45647</v>
      </c>
      <c r="F137146" s="14" t="s">
        <v>25</v>
      </c>
      <c r="G137146" s="16">
        <v>0</v>
      </c>
    </row>
    <row r="137147" spans="1:7" x14ac:dyDescent="0.3">
      <c r="A137147" s="13" t="s">
        <v>613</v>
      </c>
      <c r="B137147" s="14" t="s">
        <v>1</v>
      </c>
      <c r="C137147" s="14" t="s">
        <v>596</v>
      </c>
      <c r="D137147" s="14" t="s">
        <v>213</v>
      </c>
      <c r="E137147" s="15">
        <v>45648</v>
      </c>
      <c r="F137147" s="14" t="s">
        <v>25</v>
      </c>
      <c r="G137147" s="16">
        <v>0</v>
      </c>
    </row>
    <row r="137148" spans="1:7" x14ac:dyDescent="0.3">
      <c r="A137148" s="13" t="s">
        <v>613</v>
      </c>
      <c r="B137148" s="14" t="s">
        <v>1</v>
      </c>
      <c r="C137148" s="14" t="s">
        <v>596</v>
      </c>
      <c r="D137148" s="14" t="s">
        <v>213</v>
      </c>
      <c r="E137148" s="15">
        <v>45649</v>
      </c>
      <c r="F137148" s="14" t="s">
        <v>25</v>
      </c>
      <c r="G137148" s="16">
        <v>0</v>
      </c>
    </row>
    <row r="137149" spans="1:7" x14ac:dyDescent="0.3">
      <c r="A137149" s="13" t="s">
        <v>613</v>
      </c>
      <c r="B137149" s="14" t="s">
        <v>1</v>
      </c>
      <c r="C137149" s="14" t="s">
        <v>596</v>
      </c>
      <c r="D137149" s="14" t="s">
        <v>213</v>
      </c>
      <c r="E137149" s="15">
        <v>45650</v>
      </c>
      <c r="F137149" s="14" t="s">
        <v>25</v>
      </c>
      <c r="G137149" s="16">
        <v>0</v>
      </c>
    </row>
    <row r="137150" spans="1:7" x14ac:dyDescent="0.3">
      <c r="A137150" s="13" t="s">
        <v>613</v>
      </c>
      <c r="B137150" s="14" t="s">
        <v>1</v>
      </c>
      <c r="C137150" s="14" t="s">
        <v>596</v>
      </c>
      <c r="D137150" s="14" t="s">
        <v>213</v>
      </c>
      <c r="E137150" s="15">
        <v>45651</v>
      </c>
      <c r="F137150" s="14" t="s">
        <v>25</v>
      </c>
      <c r="G137150" s="16">
        <v>0</v>
      </c>
    </row>
    <row r="137151" spans="1:7" x14ac:dyDescent="0.3">
      <c r="A137151" s="13" t="s">
        <v>613</v>
      </c>
      <c r="B137151" s="14" t="s">
        <v>1</v>
      </c>
      <c r="C137151" s="14" t="s">
        <v>596</v>
      </c>
      <c r="D137151" s="14" t="s">
        <v>213</v>
      </c>
      <c r="E137151" s="15">
        <v>45652</v>
      </c>
      <c r="F137151" s="14" t="s">
        <v>25</v>
      </c>
      <c r="G137151" s="16">
        <v>0</v>
      </c>
    </row>
    <row r="137152" spans="1:7" x14ac:dyDescent="0.3">
      <c r="A137152" s="13" t="s">
        <v>613</v>
      </c>
      <c r="B137152" s="14" t="s">
        <v>1</v>
      </c>
      <c r="C137152" s="14" t="s">
        <v>596</v>
      </c>
      <c r="D137152" s="14" t="s">
        <v>213</v>
      </c>
      <c r="E137152" s="15">
        <v>45653</v>
      </c>
      <c r="F137152" s="14" t="s">
        <v>25</v>
      </c>
      <c r="G137152" s="16">
        <v>0</v>
      </c>
    </row>
    <row r="137153" spans="1:7" x14ac:dyDescent="0.3">
      <c r="A137153" s="13" t="s">
        <v>613</v>
      </c>
      <c r="B137153" s="14" t="s">
        <v>1</v>
      </c>
      <c r="C137153" s="14" t="s">
        <v>596</v>
      </c>
      <c r="D137153" s="14" t="s">
        <v>213</v>
      </c>
      <c r="E137153" s="15">
        <v>45654</v>
      </c>
      <c r="F137153" s="14" t="s">
        <v>25</v>
      </c>
      <c r="G137153" s="16">
        <v>0</v>
      </c>
    </row>
    <row r="137154" spans="1:7" x14ac:dyDescent="0.3">
      <c r="A137154" s="13" t="s">
        <v>613</v>
      </c>
      <c r="B137154" s="14" t="s">
        <v>1</v>
      </c>
      <c r="C137154" s="14" t="s">
        <v>596</v>
      </c>
      <c r="D137154" s="14" t="s">
        <v>213</v>
      </c>
      <c r="E137154" s="15">
        <v>45655</v>
      </c>
      <c r="F137154" s="14" t="s">
        <v>25</v>
      </c>
      <c r="G137154" s="16">
        <v>0</v>
      </c>
    </row>
    <row r="137155" spans="1:7" x14ac:dyDescent="0.3">
      <c r="A137155" s="13" t="s">
        <v>613</v>
      </c>
      <c r="B137155" s="14" t="s">
        <v>1</v>
      </c>
      <c r="C137155" s="14" t="s">
        <v>596</v>
      </c>
      <c r="D137155" s="14" t="s">
        <v>213</v>
      </c>
      <c r="E137155" s="15">
        <v>45656</v>
      </c>
      <c r="F137155" s="14" t="s">
        <v>25</v>
      </c>
      <c r="G137155" s="16">
        <v>0</v>
      </c>
    </row>
    <row r="137156" spans="1:7" x14ac:dyDescent="0.3">
      <c r="A137156" s="13" t="s">
        <v>613</v>
      </c>
      <c r="B137156" s="14" t="s">
        <v>1</v>
      </c>
      <c r="C137156" s="14" t="s">
        <v>596</v>
      </c>
      <c r="D137156" s="14" t="s">
        <v>213</v>
      </c>
      <c r="E137156" s="15">
        <v>45657</v>
      </c>
      <c r="F137156" s="14" t="s">
        <v>25</v>
      </c>
      <c r="G137156" s="16">
        <v>0</v>
      </c>
    </row>
    <row r="137157" spans="1:7" x14ac:dyDescent="0.3">
      <c r="A137157" s="13" t="s">
        <v>613</v>
      </c>
      <c r="B137157" s="14" t="s">
        <v>1</v>
      </c>
      <c r="C137157" s="14" t="s">
        <v>596</v>
      </c>
      <c r="D137157" s="14" t="s">
        <v>213</v>
      </c>
      <c r="E137157" s="15">
        <v>45658</v>
      </c>
      <c r="F137157" s="14" t="s">
        <v>25</v>
      </c>
      <c r="G137157" s="16">
        <v>0</v>
      </c>
    </row>
    <row r="137158" spans="1:7" x14ac:dyDescent="0.3">
      <c r="A137158" s="13" t="s">
        <v>613</v>
      </c>
      <c r="B137158" s="14" t="s">
        <v>1</v>
      </c>
      <c r="C137158" s="14" t="s">
        <v>596</v>
      </c>
      <c r="D137158" s="14" t="s">
        <v>213</v>
      </c>
      <c r="E137158" s="15">
        <v>45659</v>
      </c>
      <c r="F137158" s="14" t="s">
        <v>25</v>
      </c>
      <c r="G137158" s="16">
        <v>0</v>
      </c>
    </row>
    <row r="137159" spans="1:7" x14ac:dyDescent="0.3">
      <c r="A137159" s="13" t="s">
        <v>613</v>
      </c>
      <c r="B137159" s="14" t="s">
        <v>1</v>
      </c>
      <c r="C137159" s="14" t="s">
        <v>596</v>
      </c>
      <c r="D137159" s="14" t="s">
        <v>213</v>
      </c>
      <c r="E137159" s="15">
        <v>45660</v>
      </c>
      <c r="F137159" s="14" t="s">
        <v>25</v>
      </c>
      <c r="G137159" s="16">
        <v>0</v>
      </c>
    </row>
    <row r="137160" spans="1:7" x14ac:dyDescent="0.3">
      <c r="A137160" s="13" t="s">
        <v>613</v>
      </c>
      <c r="B137160" s="14" t="s">
        <v>1</v>
      </c>
      <c r="C137160" s="14" t="s">
        <v>596</v>
      </c>
      <c r="D137160" s="14" t="s">
        <v>213</v>
      </c>
      <c r="E137160" s="15">
        <v>45661</v>
      </c>
      <c r="F137160" s="14" t="s">
        <v>25</v>
      </c>
      <c r="G137160" s="16">
        <v>0</v>
      </c>
    </row>
    <row r="137161" spans="1:7" x14ac:dyDescent="0.3">
      <c r="A137161" s="13" t="s">
        <v>613</v>
      </c>
      <c r="B137161" s="14" t="s">
        <v>1</v>
      </c>
      <c r="C137161" s="14" t="s">
        <v>596</v>
      </c>
      <c r="D137161" s="14" t="s">
        <v>213</v>
      </c>
      <c r="E137161" s="15">
        <v>45662</v>
      </c>
      <c r="F137161" s="14" t="s">
        <v>25</v>
      </c>
      <c r="G137161" s="16">
        <v>0</v>
      </c>
    </row>
    <row r="137162" spans="1:7" x14ac:dyDescent="0.3">
      <c r="A137162" s="13" t="s">
        <v>613</v>
      </c>
      <c r="B137162" s="14" t="s">
        <v>1</v>
      </c>
      <c r="C137162" s="14" t="s">
        <v>596</v>
      </c>
      <c r="D137162" s="14" t="s">
        <v>213</v>
      </c>
      <c r="E137162" s="15">
        <v>45663</v>
      </c>
      <c r="F137162" s="14" t="s">
        <v>25</v>
      </c>
      <c r="G137162" s="16">
        <v>0</v>
      </c>
    </row>
    <row r="137163" spans="1:7" x14ac:dyDescent="0.3">
      <c r="A137163" s="13" t="s">
        <v>613</v>
      </c>
      <c r="B137163" s="14" t="s">
        <v>1</v>
      </c>
      <c r="C137163" s="14" t="s">
        <v>596</v>
      </c>
      <c r="D137163" s="14" t="s">
        <v>213</v>
      </c>
      <c r="E137163" s="15">
        <v>45664</v>
      </c>
      <c r="F137163" s="14" t="s">
        <v>25</v>
      </c>
      <c r="G137163" s="16">
        <v>0</v>
      </c>
    </row>
    <row r="137164" spans="1:7" x14ac:dyDescent="0.3">
      <c r="A137164" s="13" t="s">
        <v>613</v>
      </c>
      <c r="B137164" s="14" t="s">
        <v>1</v>
      </c>
      <c r="C137164" s="14" t="s">
        <v>596</v>
      </c>
      <c r="D137164" s="14" t="s">
        <v>213</v>
      </c>
      <c r="E137164" s="15">
        <v>45665</v>
      </c>
      <c r="F137164" s="14" t="s">
        <v>25</v>
      </c>
      <c r="G137164" s="16">
        <v>0</v>
      </c>
    </row>
    <row r="137165" spans="1:7" x14ac:dyDescent="0.3">
      <c r="A137165" s="13" t="s">
        <v>613</v>
      </c>
      <c r="B137165" s="14" t="s">
        <v>1</v>
      </c>
      <c r="C137165" s="14" t="s">
        <v>596</v>
      </c>
      <c r="D137165" s="14" t="s">
        <v>213</v>
      </c>
      <c r="E137165" s="15">
        <v>45666</v>
      </c>
      <c r="F137165" s="14" t="s">
        <v>25</v>
      </c>
      <c r="G137165" s="16">
        <v>0</v>
      </c>
    </row>
    <row r="137166" spans="1:7" x14ac:dyDescent="0.3">
      <c r="A137166" s="13" t="s">
        <v>613</v>
      </c>
      <c r="B137166" s="14" t="s">
        <v>1</v>
      </c>
      <c r="C137166" s="14" t="s">
        <v>596</v>
      </c>
      <c r="D137166" s="14" t="s">
        <v>213</v>
      </c>
      <c r="E137166" s="15">
        <v>45667</v>
      </c>
      <c r="F137166" s="14" t="s">
        <v>25</v>
      </c>
      <c r="G137166" s="16">
        <v>0</v>
      </c>
    </row>
    <row r="137167" spans="1:7" x14ac:dyDescent="0.3">
      <c r="A137167" s="13" t="s">
        <v>613</v>
      </c>
      <c r="B137167" s="14" t="s">
        <v>1</v>
      </c>
      <c r="C137167" s="14" t="s">
        <v>596</v>
      </c>
      <c r="D137167" s="14" t="s">
        <v>213</v>
      </c>
      <c r="E137167" s="15">
        <v>45668</v>
      </c>
      <c r="F137167" s="14" t="s">
        <v>25</v>
      </c>
      <c r="G137167" s="16">
        <v>0</v>
      </c>
    </row>
    <row r="137168" spans="1:7" x14ac:dyDescent="0.3">
      <c r="A137168" s="13" t="s">
        <v>613</v>
      </c>
      <c r="B137168" s="14" t="s">
        <v>1</v>
      </c>
      <c r="C137168" s="14" t="s">
        <v>596</v>
      </c>
      <c r="D137168" s="14" t="s">
        <v>213</v>
      </c>
      <c r="E137168" s="15">
        <v>45669</v>
      </c>
      <c r="F137168" s="14" t="s">
        <v>25</v>
      </c>
      <c r="G137168" s="16">
        <v>0</v>
      </c>
    </row>
    <row r="137169" spans="1:7" x14ac:dyDescent="0.3">
      <c r="A137169" s="13" t="s">
        <v>613</v>
      </c>
      <c r="B137169" s="14" t="s">
        <v>1</v>
      </c>
      <c r="C137169" s="14" t="s">
        <v>596</v>
      </c>
      <c r="D137169" s="14" t="s">
        <v>213</v>
      </c>
      <c r="E137169" s="15">
        <v>45670</v>
      </c>
      <c r="F137169" s="14" t="s">
        <v>25</v>
      </c>
      <c r="G137169" s="16">
        <v>0</v>
      </c>
    </row>
    <row r="137170" spans="1:7" x14ac:dyDescent="0.3">
      <c r="A137170" s="13" t="s">
        <v>613</v>
      </c>
      <c r="B137170" s="14" t="s">
        <v>1</v>
      </c>
      <c r="C137170" s="14" t="s">
        <v>596</v>
      </c>
      <c r="D137170" s="14" t="s">
        <v>213</v>
      </c>
      <c r="E137170" s="15">
        <v>45671</v>
      </c>
      <c r="F137170" s="14" t="s">
        <v>25</v>
      </c>
      <c r="G137170" s="16">
        <v>0</v>
      </c>
    </row>
    <row r="137171" spans="1:7" x14ac:dyDescent="0.3">
      <c r="A137171" s="13" t="s">
        <v>613</v>
      </c>
      <c r="B137171" s="14" t="s">
        <v>1</v>
      </c>
      <c r="C137171" s="14" t="s">
        <v>596</v>
      </c>
      <c r="D137171" s="14" t="s">
        <v>213</v>
      </c>
      <c r="E137171" s="15">
        <v>45672</v>
      </c>
      <c r="F137171" s="14" t="s">
        <v>25</v>
      </c>
      <c r="G137171" s="16">
        <v>0</v>
      </c>
    </row>
    <row r="137172" spans="1:7" x14ac:dyDescent="0.3">
      <c r="A137172" s="13" t="s">
        <v>613</v>
      </c>
      <c r="B137172" s="14" t="s">
        <v>1</v>
      </c>
      <c r="C137172" s="14" t="s">
        <v>596</v>
      </c>
      <c r="D137172" s="14" t="s">
        <v>213</v>
      </c>
      <c r="E137172" s="15">
        <v>45673</v>
      </c>
      <c r="F137172" s="14" t="s">
        <v>25</v>
      </c>
      <c r="G137172" s="16">
        <v>0</v>
      </c>
    </row>
    <row r="137173" spans="1:7" x14ac:dyDescent="0.3">
      <c r="A137173" s="13" t="s">
        <v>613</v>
      </c>
      <c r="B137173" s="14" t="s">
        <v>1</v>
      </c>
      <c r="C137173" s="14" t="s">
        <v>596</v>
      </c>
      <c r="D137173" s="14" t="s">
        <v>213</v>
      </c>
      <c r="E137173" s="15">
        <v>45674</v>
      </c>
      <c r="F137173" s="14" t="s">
        <v>25</v>
      </c>
      <c r="G137173" s="16">
        <v>0</v>
      </c>
    </row>
    <row r="137174" spans="1:7" x14ac:dyDescent="0.3">
      <c r="A137174" s="13" t="s">
        <v>613</v>
      </c>
      <c r="B137174" s="14" t="s">
        <v>1</v>
      </c>
      <c r="C137174" s="14" t="s">
        <v>596</v>
      </c>
      <c r="D137174" s="14" t="s">
        <v>213</v>
      </c>
      <c r="E137174" s="15">
        <v>45675</v>
      </c>
      <c r="F137174" s="14" t="s">
        <v>25</v>
      </c>
      <c r="G137174" s="16">
        <v>0</v>
      </c>
    </row>
    <row r="137175" spans="1:7" x14ac:dyDescent="0.3">
      <c r="A137175" s="13" t="s">
        <v>613</v>
      </c>
      <c r="B137175" s="14" t="s">
        <v>1</v>
      </c>
      <c r="C137175" s="14" t="s">
        <v>596</v>
      </c>
      <c r="D137175" s="14" t="s">
        <v>213</v>
      </c>
      <c r="E137175" s="15">
        <v>45676</v>
      </c>
      <c r="F137175" s="14" t="s">
        <v>25</v>
      </c>
      <c r="G137175" s="16">
        <v>0</v>
      </c>
    </row>
    <row r="137176" spans="1:7" x14ac:dyDescent="0.3">
      <c r="A137176" s="13" t="s">
        <v>613</v>
      </c>
      <c r="B137176" s="14" t="s">
        <v>1</v>
      </c>
      <c r="C137176" s="14" t="s">
        <v>596</v>
      </c>
      <c r="D137176" s="14" t="s">
        <v>213</v>
      </c>
      <c r="E137176" s="15">
        <v>45677</v>
      </c>
      <c r="F137176" s="14" t="s">
        <v>25</v>
      </c>
      <c r="G137176" s="16">
        <v>0</v>
      </c>
    </row>
    <row r="137177" spans="1:7" x14ac:dyDescent="0.3">
      <c r="A137177" s="13" t="s">
        <v>613</v>
      </c>
      <c r="B137177" s="14" t="s">
        <v>1</v>
      </c>
      <c r="C137177" s="14" t="s">
        <v>596</v>
      </c>
      <c r="D137177" s="14" t="s">
        <v>213</v>
      </c>
      <c r="E137177" s="15">
        <v>45678</v>
      </c>
      <c r="F137177" s="14" t="s">
        <v>25</v>
      </c>
      <c r="G137177" s="16">
        <v>0</v>
      </c>
    </row>
    <row r="137178" spans="1:7" x14ac:dyDescent="0.3">
      <c r="A137178" s="13" t="s">
        <v>613</v>
      </c>
      <c r="B137178" s="14" t="s">
        <v>1</v>
      </c>
      <c r="C137178" s="14" t="s">
        <v>596</v>
      </c>
      <c r="D137178" s="14" t="s">
        <v>213</v>
      </c>
      <c r="E137178" s="15">
        <v>45679</v>
      </c>
      <c r="F137178" s="14" t="s">
        <v>25</v>
      </c>
      <c r="G137178" s="16">
        <v>0</v>
      </c>
    </row>
    <row r="137179" spans="1:7" x14ac:dyDescent="0.3">
      <c r="A137179" s="13" t="s">
        <v>613</v>
      </c>
      <c r="B137179" s="14" t="s">
        <v>1</v>
      </c>
      <c r="C137179" s="14" t="s">
        <v>596</v>
      </c>
      <c r="D137179" s="14" t="s">
        <v>213</v>
      </c>
      <c r="E137179" s="15">
        <v>45680</v>
      </c>
      <c r="F137179" s="14" t="s">
        <v>25</v>
      </c>
      <c r="G137179" s="16">
        <v>0</v>
      </c>
    </row>
    <row r="137180" spans="1:7" x14ac:dyDescent="0.3">
      <c r="A137180" s="13" t="s">
        <v>613</v>
      </c>
      <c r="B137180" s="14" t="s">
        <v>1</v>
      </c>
      <c r="C137180" s="14" t="s">
        <v>596</v>
      </c>
      <c r="D137180" s="14" t="s">
        <v>213</v>
      </c>
      <c r="E137180" s="15">
        <v>45681</v>
      </c>
      <c r="F137180" s="14" t="s">
        <v>25</v>
      </c>
      <c r="G137180" s="16">
        <v>0</v>
      </c>
    </row>
    <row r="137181" spans="1:7" x14ac:dyDescent="0.3">
      <c r="A137181" s="13" t="s">
        <v>613</v>
      </c>
      <c r="B137181" s="14" t="s">
        <v>1</v>
      </c>
      <c r="C137181" s="14" t="s">
        <v>596</v>
      </c>
      <c r="D137181" s="14" t="s">
        <v>213</v>
      </c>
      <c r="E137181" s="15">
        <v>45682</v>
      </c>
      <c r="F137181" s="14" t="s">
        <v>25</v>
      </c>
      <c r="G137181" s="16">
        <v>0</v>
      </c>
    </row>
    <row r="137182" spans="1:7" x14ac:dyDescent="0.3">
      <c r="A137182" s="13" t="s">
        <v>613</v>
      </c>
      <c r="B137182" s="14" t="s">
        <v>1</v>
      </c>
      <c r="C137182" s="14" t="s">
        <v>596</v>
      </c>
      <c r="D137182" s="14" t="s">
        <v>213</v>
      </c>
      <c r="E137182" s="15">
        <v>45683</v>
      </c>
      <c r="F137182" s="14" t="s">
        <v>25</v>
      </c>
      <c r="G137182" s="16">
        <v>0</v>
      </c>
    </row>
    <row r="137183" spans="1:7" x14ac:dyDescent="0.3">
      <c r="A137183" s="13" t="s">
        <v>613</v>
      </c>
      <c r="B137183" s="14" t="s">
        <v>1</v>
      </c>
      <c r="C137183" s="14" t="s">
        <v>596</v>
      </c>
      <c r="D137183" s="14" t="s">
        <v>213</v>
      </c>
      <c r="E137183" s="15">
        <v>45684</v>
      </c>
      <c r="F137183" s="14" t="s">
        <v>25</v>
      </c>
      <c r="G137183" s="16">
        <v>0</v>
      </c>
    </row>
    <row r="137184" spans="1:7" x14ac:dyDescent="0.3">
      <c r="A137184" s="13" t="s">
        <v>613</v>
      </c>
      <c r="B137184" s="14" t="s">
        <v>1</v>
      </c>
      <c r="C137184" s="14" t="s">
        <v>596</v>
      </c>
      <c r="D137184" s="14" t="s">
        <v>213</v>
      </c>
      <c r="E137184" s="15">
        <v>45685</v>
      </c>
      <c r="F137184" s="14" t="s">
        <v>25</v>
      </c>
      <c r="G137184" s="16">
        <v>0</v>
      </c>
    </row>
    <row r="137185" spans="1:7" x14ac:dyDescent="0.3">
      <c r="A137185" s="13" t="s">
        <v>613</v>
      </c>
      <c r="B137185" s="14" t="s">
        <v>1</v>
      </c>
      <c r="C137185" s="14" t="s">
        <v>596</v>
      </c>
      <c r="D137185" s="14" t="s">
        <v>213</v>
      </c>
      <c r="E137185" s="15">
        <v>45686</v>
      </c>
      <c r="F137185" s="14" t="s">
        <v>25</v>
      </c>
      <c r="G137185" s="16">
        <v>0</v>
      </c>
    </row>
    <row r="137186" spans="1:7" x14ac:dyDescent="0.3">
      <c r="A137186" s="13" t="s">
        <v>613</v>
      </c>
      <c r="B137186" s="14" t="s">
        <v>1</v>
      </c>
      <c r="C137186" s="14" t="s">
        <v>596</v>
      </c>
      <c r="D137186" s="14" t="s">
        <v>213</v>
      </c>
      <c r="E137186" s="15">
        <v>45687</v>
      </c>
      <c r="F137186" s="14" t="s">
        <v>25</v>
      </c>
      <c r="G137186" s="16">
        <v>0</v>
      </c>
    </row>
    <row r="137187" spans="1:7" x14ac:dyDescent="0.3">
      <c r="A137187" s="13" t="s">
        <v>613</v>
      </c>
      <c r="B137187" s="14" t="s">
        <v>1</v>
      </c>
      <c r="C137187" s="14" t="s">
        <v>596</v>
      </c>
      <c r="D137187" s="14" t="s">
        <v>213</v>
      </c>
      <c r="E137187" s="15">
        <v>45688</v>
      </c>
      <c r="F137187" s="14" t="s">
        <v>25</v>
      </c>
      <c r="G137187" s="16">
        <v>0</v>
      </c>
    </row>
    <row r="137188" spans="1:7" x14ac:dyDescent="0.3">
      <c r="A137188" s="13" t="s">
        <v>613</v>
      </c>
      <c r="B137188" s="14" t="s">
        <v>1</v>
      </c>
      <c r="C137188" s="14" t="s">
        <v>596</v>
      </c>
      <c r="D137188" s="14" t="s">
        <v>213</v>
      </c>
      <c r="E137188" s="15">
        <v>45689</v>
      </c>
      <c r="F137188" s="14" t="s">
        <v>25</v>
      </c>
      <c r="G137188" s="16">
        <v>0</v>
      </c>
    </row>
    <row r="137189" spans="1:7" x14ac:dyDescent="0.3">
      <c r="A137189" s="13" t="s">
        <v>613</v>
      </c>
      <c r="B137189" s="14" t="s">
        <v>1</v>
      </c>
      <c r="C137189" s="14" t="s">
        <v>596</v>
      </c>
      <c r="D137189" s="14" t="s">
        <v>213</v>
      </c>
      <c r="E137189" s="15">
        <v>45690</v>
      </c>
      <c r="F137189" s="14" t="s">
        <v>25</v>
      </c>
      <c r="G137189" s="16">
        <v>0</v>
      </c>
    </row>
    <row r="137190" spans="1:7" x14ac:dyDescent="0.3">
      <c r="A137190" s="13" t="s">
        <v>613</v>
      </c>
      <c r="B137190" s="14" t="s">
        <v>1</v>
      </c>
      <c r="C137190" s="14" t="s">
        <v>596</v>
      </c>
      <c r="D137190" s="14" t="s">
        <v>213</v>
      </c>
      <c r="E137190" s="15">
        <v>45691</v>
      </c>
      <c r="F137190" s="14" t="s">
        <v>25</v>
      </c>
      <c r="G137190" s="16">
        <v>0</v>
      </c>
    </row>
    <row r="137191" spans="1:7" x14ac:dyDescent="0.3">
      <c r="A137191" s="13" t="s">
        <v>613</v>
      </c>
      <c r="B137191" s="14" t="s">
        <v>1</v>
      </c>
      <c r="C137191" s="14" t="s">
        <v>596</v>
      </c>
      <c r="D137191" s="14" t="s">
        <v>213</v>
      </c>
      <c r="E137191" s="15">
        <v>45692</v>
      </c>
      <c r="F137191" s="14" t="s">
        <v>25</v>
      </c>
      <c r="G137191" s="16">
        <v>0</v>
      </c>
    </row>
    <row r="137192" spans="1:7" x14ac:dyDescent="0.3">
      <c r="A137192" s="13" t="s">
        <v>613</v>
      </c>
      <c r="B137192" s="14" t="s">
        <v>1</v>
      </c>
      <c r="C137192" s="14" t="s">
        <v>596</v>
      </c>
      <c r="D137192" s="14" t="s">
        <v>213</v>
      </c>
      <c r="E137192" s="15">
        <v>45693</v>
      </c>
      <c r="F137192" s="14" t="s">
        <v>25</v>
      </c>
      <c r="G137192" s="16">
        <v>0</v>
      </c>
    </row>
    <row r="137193" spans="1:7" x14ac:dyDescent="0.3">
      <c r="A137193" s="13" t="s">
        <v>613</v>
      </c>
      <c r="B137193" s="14" t="s">
        <v>1</v>
      </c>
      <c r="C137193" s="14" t="s">
        <v>596</v>
      </c>
      <c r="D137193" s="14" t="s">
        <v>213</v>
      </c>
      <c r="E137193" s="15">
        <v>45694</v>
      </c>
      <c r="F137193" s="14" t="s">
        <v>25</v>
      </c>
      <c r="G137193" s="16">
        <v>0</v>
      </c>
    </row>
    <row r="137194" spans="1:7" x14ac:dyDescent="0.3">
      <c r="A137194" s="13" t="s">
        <v>613</v>
      </c>
      <c r="B137194" s="14" t="s">
        <v>1</v>
      </c>
      <c r="C137194" s="14" t="s">
        <v>596</v>
      </c>
      <c r="D137194" s="14" t="s">
        <v>213</v>
      </c>
      <c r="E137194" s="15">
        <v>45695</v>
      </c>
      <c r="F137194" s="14" t="s">
        <v>25</v>
      </c>
      <c r="G137194" s="16">
        <v>0</v>
      </c>
    </row>
    <row r="137195" spans="1:7" x14ac:dyDescent="0.3">
      <c r="A137195" s="13" t="s">
        <v>613</v>
      </c>
      <c r="B137195" s="14" t="s">
        <v>1</v>
      </c>
      <c r="C137195" s="14" t="s">
        <v>596</v>
      </c>
      <c r="D137195" s="14" t="s">
        <v>213</v>
      </c>
      <c r="E137195" s="15">
        <v>45696</v>
      </c>
      <c r="F137195" s="14" t="s">
        <v>25</v>
      </c>
      <c r="G137195" s="16">
        <v>0</v>
      </c>
    </row>
    <row r="137196" spans="1:7" x14ac:dyDescent="0.3">
      <c r="A137196" s="13" t="s">
        <v>613</v>
      </c>
      <c r="B137196" s="14" t="s">
        <v>1</v>
      </c>
      <c r="C137196" s="14" t="s">
        <v>596</v>
      </c>
      <c r="D137196" s="14" t="s">
        <v>213</v>
      </c>
      <c r="E137196" s="15">
        <v>45697</v>
      </c>
      <c r="F137196" s="14" t="s">
        <v>25</v>
      </c>
      <c r="G137196" s="16">
        <v>0</v>
      </c>
    </row>
    <row r="137197" spans="1:7" x14ac:dyDescent="0.3">
      <c r="A137197" s="13" t="s">
        <v>613</v>
      </c>
      <c r="B137197" s="14" t="s">
        <v>1</v>
      </c>
      <c r="C137197" s="14" t="s">
        <v>596</v>
      </c>
      <c r="D137197" s="14" t="s">
        <v>213</v>
      </c>
      <c r="E137197" s="15">
        <v>45698</v>
      </c>
      <c r="F137197" s="14" t="s">
        <v>25</v>
      </c>
      <c r="G137197" s="16">
        <v>0</v>
      </c>
    </row>
    <row r="137198" spans="1:7" x14ac:dyDescent="0.3">
      <c r="A137198" s="13" t="s">
        <v>613</v>
      </c>
      <c r="B137198" s="14" t="s">
        <v>1</v>
      </c>
      <c r="C137198" s="14" t="s">
        <v>596</v>
      </c>
      <c r="D137198" s="14" t="s">
        <v>213</v>
      </c>
      <c r="E137198" s="15">
        <v>45699</v>
      </c>
      <c r="F137198" s="14" t="s">
        <v>25</v>
      </c>
      <c r="G137198" s="16">
        <v>0</v>
      </c>
    </row>
    <row r="137199" spans="1:7" x14ac:dyDescent="0.3">
      <c r="A137199" s="13" t="s">
        <v>613</v>
      </c>
      <c r="B137199" s="14" t="s">
        <v>1</v>
      </c>
      <c r="C137199" s="14" t="s">
        <v>596</v>
      </c>
      <c r="D137199" s="14" t="s">
        <v>213</v>
      </c>
      <c r="E137199" s="15">
        <v>45700</v>
      </c>
      <c r="F137199" s="14" t="s">
        <v>25</v>
      </c>
      <c r="G137199" s="16">
        <v>0</v>
      </c>
    </row>
    <row r="137200" spans="1:7" x14ac:dyDescent="0.3">
      <c r="A137200" s="13" t="s">
        <v>613</v>
      </c>
      <c r="B137200" s="14" t="s">
        <v>1</v>
      </c>
      <c r="C137200" s="14" t="s">
        <v>596</v>
      </c>
      <c r="D137200" s="14" t="s">
        <v>213</v>
      </c>
      <c r="E137200" s="15">
        <v>45701</v>
      </c>
      <c r="F137200" s="14" t="s">
        <v>25</v>
      </c>
      <c r="G137200" s="16">
        <v>0</v>
      </c>
    </row>
    <row r="137201" spans="1:7" x14ac:dyDescent="0.3">
      <c r="A137201" s="13" t="s">
        <v>613</v>
      </c>
      <c r="B137201" s="14" t="s">
        <v>1</v>
      </c>
      <c r="C137201" s="14" t="s">
        <v>596</v>
      </c>
      <c r="D137201" s="14" t="s">
        <v>213</v>
      </c>
      <c r="E137201" s="15">
        <v>45702</v>
      </c>
      <c r="F137201" s="14" t="s">
        <v>25</v>
      </c>
      <c r="G137201" s="16">
        <v>0</v>
      </c>
    </row>
    <row r="137202" spans="1:7" x14ac:dyDescent="0.3">
      <c r="A137202" s="13" t="s">
        <v>613</v>
      </c>
      <c r="B137202" s="14" t="s">
        <v>1</v>
      </c>
      <c r="C137202" s="14" t="s">
        <v>596</v>
      </c>
      <c r="D137202" s="14" t="s">
        <v>213</v>
      </c>
      <c r="E137202" s="15">
        <v>45703</v>
      </c>
      <c r="F137202" s="14" t="s">
        <v>25</v>
      </c>
      <c r="G137202" s="16">
        <v>0</v>
      </c>
    </row>
    <row r="137203" spans="1:7" x14ac:dyDescent="0.3">
      <c r="A137203" s="13" t="s">
        <v>613</v>
      </c>
      <c r="B137203" s="14" t="s">
        <v>1</v>
      </c>
      <c r="C137203" s="14" t="s">
        <v>596</v>
      </c>
      <c r="D137203" s="14" t="s">
        <v>213</v>
      </c>
      <c r="E137203" s="15">
        <v>45704</v>
      </c>
      <c r="F137203" s="14" t="s">
        <v>25</v>
      </c>
      <c r="G137203" s="16">
        <v>0</v>
      </c>
    </row>
    <row r="137204" spans="1:7" x14ac:dyDescent="0.3">
      <c r="A137204" s="13" t="s">
        <v>613</v>
      </c>
      <c r="B137204" s="14" t="s">
        <v>1</v>
      </c>
      <c r="C137204" s="14" t="s">
        <v>596</v>
      </c>
      <c r="D137204" s="14" t="s">
        <v>213</v>
      </c>
      <c r="E137204" s="15">
        <v>45705</v>
      </c>
      <c r="F137204" s="14" t="s">
        <v>25</v>
      </c>
      <c r="G137204" s="16">
        <v>0</v>
      </c>
    </row>
    <row r="137205" spans="1:7" x14ac:dyDescent="0.3">
      <c r="A137205" s="13" t="s">
        <v>613</v>
      </c>
      <c r="B137205" s="14" t="s">
        <v>1</v>
      </c>
      <c r="C137205" s="14" t="s">
        <v>596</v>
      </c>
      <c r="D137205" s="14" t="s">
        <v>213</v>
      </c>
      <c r="E137205" s="15">
        <v>45706</v>
      </c>
      <c r="F137205" s="14" t="s">
        <v>25</v>
      </c>
      <c r="G137205" s="16">
        <v>0</v>
      </c>
    </row>
    <row r="137206" spans="1:7" x14ac:dyDescent="0.3">
      <c r="A137206" s="13" t="s">
        <v>613</v>
      </c>
      <c r="B137206" s="14" t="s">
        <v>1</v>
      </c>
      <c r="C137206" s="14" t="s">
        <v>596</v>
      </c>
      <c r="D137206" s="14" t="s">
        <v>213</v>
      </c>
      <c r="E137206" s="15">
        <v>45707</v>
      </c>
      <c r="F137206" s="14" t="s">
        <v>25</v>
      </c>
      <c r="G137206" s="16">
        <v>0</v>
      </c>
    </row>
    <row r="137207" spans="1:7" x14ac:dyDescent="0.3">
      <c r="A137207" s="13" t="s">
        <v>613</v>
      </c>
      <c r="B137207" s="14" t="s">
        <v>1</v>
      </c>
      <c r="C137207" s="14" t="s">
        <v>596</v>
      </c>
      <c r="D137207" s="14" t="s">
        <v>213</v>
      </c>
      <c r="E137207" s="15">
        <v>45708</v>
      </c>
      <c r="F137207" s="14" t="s">
        <v>25</v>
      </c>
      <c r="G137207" s="16">
        <v>0</v>
      </c>
    </row>
    <row r="137208" spans="1:7" x14ac:dyDescent="0.3">
      <c r="A137208" s="13" t="s">
        <v>613</v>
      </c>
      <c r="B137208" s="14" t="s">
        <v>1</v>
      </c>
      <c r="C137208" s="14" t="s">
        <v>596</v>
      </c>
      <c r="D137208" s="14" t="s">
        <v>213</v>
      </c>
      <c r="E137208" s="15">
        <v>45709</v>
      </c>
      <c r="F137208" s="14" t="s">
        <v>25</v>
      </c>
      <c r="G137208" s="16">
        <v>0</v>
      </c>
    </row>
    <row r="137209" spans="1:7" x14ac:dyDescent="0.3">
      <c r="A137209" s="13" t="s">
        <v>613</v>
      </c>
      <c r="B137209" s="14" t="s">
        <v>1</v>
      </c>
      <c r="C137209" s="14" t="s">
        <v>596</v>
      </c>
      <c r="D137209" s="14" t="s">
        <v>213</v>
      </c>
      <c r="E137209" s="15">
        <v>45710</v>
      </c>
      <c r="F137209" s="14" t="s">
        <v>25</v>
      </c>
      <c r="G137209" s="16">
        <v>0</v>
      </c>
    </row>
    <row r="137210" spans="1:7" x14ac:dyDescent="0.3">
      <c r="A137210" s="13" t="s">
        <v>613</v>
      </c>
      <c r="B137210" s="14" t="s">
        <v>1</v>
      </c>
      <c r="C137210" s="14" t="s">
        <v>596</v>
      </c>
      <c r="D137210" s="14" t="s">
        <v>213</v>
      </c>
      <c r="E137210" s="15">
        <v>45711</v>
      </c>
      <c r="F137210" s="14" t="s">
        <v>25</v>
      </c>
      <c r="G137210" s="16">
        <v>0</v>
      </c>
    </row>
    <row r="137211" spans="1:7" x14ac:dyDescent="0.3">
      <c r="A137211" s="13" t="s">
        <v>613</v>
      </c>
      <c r="B137211" s="14" t="s">
        <v>1</v>
      </c>
      <c r="C137211" s="14" t="s">
        <v>596</v>
      </c>
      <c r="D137211" s="14" t="s">
        <v>213</v>
      </c>
      <c r="E137211" s="15">
        <v>45712</v>
      </c>
      <c r="F137211" s="14" t="s">
        <v>25</v>
      </c>
      <c r="G137211" s="16">
        <v>0</v>
      </c>
    </row>
    <row r="137212" spans="1:7" x14ac:dyDescent="0.3">
      <c r="A137212" s="13" t="s">
        <v>613</v>
      </c>
      <c r="B137212" s="14" t="s">
        <v>1</v>
      </c>
      <c r="C137212" s="14" t="s">
        <v>596</v>
      </c>
      <c r="D137212" s="14" t="s">
        <v>213</v>
      </c>
      <c r="E137212" s="15">
        <v>45713</v>
      </c>
      <c r="F137212" s="14" t="s">
        <v>25</v>
      </c>
      <c r="G137212" s="16">
        <v>0</v>
      </c>
    </row>
    <row r="137213" spans="1:7" x14ac:dyDescent="0.3">
      <c r="A137213" s="13" t="s">
        <v>613</v>
      </c>
      <c r="B137213" s="14" t="s">
        <v>1</v>
      </c>
      <c r="C137213" s="14" t="s">
        <v>596</v>
      </c>
      <c r="D137213" s="14" t="s">
        <v>213</v>
      </c>
      <c r="E137213" s="15">
        <v>45714</v>
      </c>
      <c r="F137213" s="14" t="s">
        <v>25</v>
      </c>
      <c r="G137213" s="16">
        <v>0</v>
      </c>
    </row>
    <row r="137214" spans="1:7" x14ac:dyDescent="0.3">
      <c r="A137214" s="13" t="s">
        <v>613</v>
      </c>
      <c r="B137214" s="14" t="s">
        <v>1</v>
      </c>
      <c r="C137214" s="14" t="s">
        <v>596</v>
      </c>
      <c r="D137214" s="14" t="s">
        <v>213</v>
      </c>
      <c r="E137214" s="15">
        <v>45715</v>
      </c>
      <c r="F137214" s="14" t="s">
        <v>25</v>
      </c>
      <c r="G137214" s="16">
        <v>0</v>
      </c>
    </row>
    <row r="137215" spans="1:7" x14ac:dyDescent="0.3">
      <c r="A137215" s="13" t="s">
        <v>613</v>
      </c>
      <c r="B137215" s="14" t="s">
        <v>1</v>
      </c>
      <c r="C137215" s="14" t="s">
        <v>596</v>
      </c>
      <c r="D137215" s="14" t="s">
        <v>213</v>
      </c>
      <c r="E137215" s="15">
        <v>45716</v>
      </c>
      <c r="F137215" s="14" t="s">
        <v>25</v>
      </c>
      <c r="G137215" s="16">
        <v>0</v>
      </c>
    </row>
    <row r="137216" spans="1:7" x14ac:dyDescent="0.3">
      <c r="A137216" s="13" t="s">
        <v>613</v>
      </c>
      <c r="B137216" s="14" t="s">
        <v>1</v>
      </c>
      <c r="C137216" s="14" t="s">
        <v>596</v>
      </c>
      <c r="D137216" s="14" t="s">
        <v>213</v>
      </c>
      <c r="E137216" s="15">
        <v>45717</v>
      </c>
      <c r="F137216" s="14" t="s">
        <v>25</v>
      </c>
      <c r="G137216" s="16">
        <v>0</v>
      </c>
    </row>
    <row r="137217" spans="1:7" x14ac:dyDescent="0.3">
      <c r="A137217" s="13" t="s">
        <v>613</v>
      </c>
      <c r="B137217" s="14" t="s">
        <v>1</v>
      </c>
      <c r="C137217" s="14" t="s">
        <v>596</v>
      </c>
      <c r="D137217" s="14" t="s">
        <v>213</v>
      </c>
      <c r="E137217" s="15">
        <v>45718</v>
      </c>
      <c r="F137217" s="14" t="s">
        <v>25</v>
      </c>
      <c r="G137217" s="16">
        <v>0</v>
      </c>
    </row>
    <row r="137218" spans="1:7" x14ac:dyDescent="0.3">
      <c r="A137218" s="13" t="s">
        <v>613</v>
      </c>
      <c r="B137218" s="14" t="s">
        <v>1</v>
      </c>
      <c r="C137218" s="14" t="s">
        <v>596</v>
      </c>
      <c r="D137218" s="14" t="s">
        <v>213</v>
      </c>
      <c r="E137218" s="15">
        <v>45719</v>
      </c>
      <c r="F137218" s="14" t="s">
        <v>25</v>
      </c>
      <c r="G137218" s="16">
        <v>0</v>
      </c>
    </row>
    <row r="137219" spans="1:7" x14ac:dyDescent="0.3">
      <c r="A137219" s="13" t="s">
        <v>613</v>
      </c>
      <c r="B137219" s="14" t="s">
        <v>1</v>
      </c>
      <c r="C137219" s="14" t="s">
        <v>596</v>
      </c>
      <c r="D137219" s="14" t="s">
        <v>213</v>
      </c>
      <c r="E137219" s="15">
        <v>45720</v>
      </c>
      <c r="F137219" s="14" t="s">
        <v>25</v>
      </c>
      <c r="G137219" s="16">
        <v>0</v>
      </c>
    </row>
    <row r="137220" spans="1:7" x14ac:dyDescent="0.3">
      <c r="A137220" s="13" t="s">
        <v>613</v>
      </c>
      <c r="B137220" s="14" t="s">
        <v>1</v>
      </c>
      <c r="C137220" s="14" t="s">
        <v>596</v>
      </c>
      <c r="D137220" s="14" t="s">
        <v>213</v>
      </c>
      <c r="E137220" s="15">
        <v>45721</v>
      </c>
      <c r="F137220" s="14" t="s">
        <v>25</v>
      </c>
      <c r="G137220" s="16">
        <v>0</v>
      </c>
    </row>
    <row r="137221" spans="1:7" x14ac:dyDescent="0.3">
      <c r="A137221" s="13" t="s">
        <v>613</v>
      </c>
      <c r="B137221" s="14" t="s">
        <v>1</v>
      </c>
      <c r="C137221" s="14" t="s">
        <v>596</v>
      </c>
      <c r="D137221" s="14" t="s">
        <v>213</v>
      </c>
      <c r="E137221" s="15">
        <v>45722</v>
      </c>
      <c r="F137221" s="14" t="s">
        <v>25</v>
      </c>
      <c r="G137221" s="16">
        <v>0</v>
      </c>
    </row>
    <row r="137222" spans="1:7" x14ac:dyDescent="0.3">
      <c r="A137222" s="13" t="s">
        <v>613</v>
      </c>
      <c r="B137222" s="14" t="s">
        <v>1</v>
      </c>
      <c r="C137222" s="14" t="s">
        <v>596</v>
      </c>
      <c r="D137222" s="14" t="s">
        <v>213</v>
      </c>
      <c r="E137222" s="15">
        <v>45723</v>
      </c>
      <c r="F137222" s="14" t="s">
        <v>25</v>
      </c>
      <c r="G137222" s="16">
        <v>0</v>
      </c>
    </row>
    <row r="137223" spans="1:7" x14ac:dyDescent="0.3">
      <c r="A137223" s="13" t="s">
        <v>613</v>
      </c>
      <c r="B137223" s="14" t="s">
        <v>1</v>
      </c>
      <c r="C137223" s="14" t="s">
        <v>596</v>
      </c>
      <c r="D137223" s="14" t="s">
        <v>213</v>
      </c>
      <c r="E137223" s="15">
        <v>45724</v>
      </c>
      <c r="F137223" s="14" t="s">
        <v>25</v>
      </c>
      <c r="G137223" s="16">
        <v>0</v>
      </c>
    </row>
    <row r="137224" spans="1:7" x14ac:dyDescent="0.3">
      <c r="A137224" s="13" t="s">
        <v>613</v>
      </c>
      <c r="B137224" s="14" t="s">
        <v>1</v>
      </c>
      <c r="C137224" s="14" t="s">
        <v>596</v>
      </c>
      <c r="D137224" s="14" t="s">
        <v>213</v>
      </c>
      <c r="E137224" s="15">
        <v>45725</v>
      </c>
      <c r="F137224" s="14" t="s">
        <v>25</v>
      </c>
      <c r="G137224" s="16">
        <v>0</v>
      </c>
    </row>
    <row r="137225" spans="1:7" x14ac:dyDescent="0.3">
      <c r="A137225" s="13" t="s">
        <v>613</v>
      </c>
      <c r="B137225" s="14" t="s">
        <v>1</v>
      </c>
      <c r="C137225" s="14" t="s">
        <v>596</v>
      </c>
      <c r="D137225" s="14" t="s">
        <v>213</v>
      </c>
      <c r="E137225" s="15">
        <v>45726</v>
      </c>
      <c r="F137225" s="14" t="s">
        <v>25</v>
      </c>
      <c r="G137225" s="16">
        <v>0</v>
      </c>
    </row>
    <row r="137226" spans="1:7" x14ac:dyDescent="0.3">
      <c r="A137226" s="13" t="s">
        <v>613</v>
      </c>
      <c r="B137226" s="14" t="s">
        <v>1</v>
      </c>
      <c r="C137226" s="14" t="s">
        <v>596</v>
      </c>
      <c r="D137226" s="14" t="s">
        <v>213</v>
      </c>
      <c r="E137226" s="15">
        <v>45727</v>
      </c>
      <c r="F137226" s="14" t="s">
        <v>25</v>
      </c>
      <c r="G137226" s="16">
        <v>0</v>
      </c>
    </row>
    <row r="137227" spans="1:7" x14ac:dyDescent="0.3">
      <c r="A137227" s="13" t="s">
        <v>613</v>
      </c>
      <c r="B137227" s="14" t="s">
        <v>1</v>
      </c>
      <c r="C137227" s="14" t="s">
        <v>596</v>
      </c>
      <c r="D137227" s="14" t="s">
        <v>213</v>
      </c>
      <c r="E137227" s="15">
        <v>45728</v>
      </c>
      <c r="F137227" s="14" t="s">
        <v>25</v>
      </c>
      <c r="G137227" s="16">
        <v>0</v>
      </c>
    </row>
    <row r="137228" spans="1:7" x14ac:dyDescent="0.3">
      <c r="A137228" s="13" t="s">
        <v>613</v>
      </c>
      <c r="B137228" s="14" t="s">
        <v>1</v>
      </c>
      <c r="C137228" s="14" t="s">
        <v>596</v>
      </c>
      <c r="D137228" s="14" t="s">
        <v>213</v>
      </c>
      <c r="E137228" s="15">
        <v>45729</v>
      </c>
      <c r="F137228" s="14" t="s">
        <v>25</v>
      </c>
      <c r="G137228" s="16">
        <v>0</v>
      </c>
    </row>
    <row r="137229" spans="1:7" x14ac:dyDescent="0.3">
      <c r="A137229" s="13" t="s">
        <v>613</v>
      </c>
      <c r="B137229" s="14" t="s">
        <v>1</v>
      </c>
      <c r="C137229" s="14" t="s">
        <v>596</v>
      </c>
      <c r="D137229" s="14" t="s">
        <v>213</v>
      </c>
      <c r="E137229" s="15">
        <v>45730</v>
      </c>
      <c r="F137229" s="14" t="s">
        <v>25</v>
      </c>
      <c r="G137229" s="16">
        <v>0</v>
      </c>
    </row>
    <row r="137230" spans="1:7" x14ac:dyDescent="0.3">
      <c r="A137230" s="13" t="s">
        <v>613</v>
      </c>
      <c r="B137230" s="14" t="s">
        <v>1</v>
      </c>
      <c r="C137230" s="14" t="s">
        <v>596</v>
      </c>
      <c r="D137230" s="14" t="s">
        <v>213</v>
      </c>
      <c r="E137230" s="15">
        <v>45731</v>
      </c>
      <c r="F137230" s="14" t="s">
        <v>25</v>
      </c>
      <c r="G137230" s="16">
        <v>0</v>
      </c>
    </row>
    <row r="137231" spans="1:7" x14ac:dyDescent="0.3">
      <c r="A137231" s="13" t="s">
        <v>613</v>
      </c>
      <c r="B137231" s="14" t="s">
        <v>1</v>
      </c>
      <c r="C137231" s="14" t="s">
        <v>596</v>
      </c>
      <c r="D137231" s="14" t="s">
        <v>213</v>
      </c>
      <c r="E137231" s="15">
        <v>45732</v>
      </c>
      <c r="F137231" s="14" t="s">
        <v>25</v>
      </c>
      <c r="G137231" s="16">
        <v>0</v>
      </c>
    </row>
    <row r="137232" spans="1:7" x14ac:dyDescent="0.3">
      <c r="A137232" s="13" t="s">
        <v>613</v>
      </c>
      <c r="B137232" s="14" t="s">
        <v>1</v>
      </c>
      <c r="C137232" s="14" t="s">
        <v>596</v>
      </c>
      <c r="D137232" s="14" t="s">
        <v>213</v>
      </c>
      <c r="E137232" s="15">
        <v>45733</v>
      </c>
      <c r="F137232" s="14" t="s">
        <v>25</v>
      </c>
      <c r="G137232" s="16">
        <v>0</v>
      </c>
    </row>
    <row r="137233" spans="1:7" x14ac:dyDescent="0.3">
      <c r="A137233" s="13" t="s">
        <v>613</v>
      </c>
      <c r="B137233" s="14" t="s">
        <v>1</v>
      </c>
      <c r="C137233" s="14" t="s">
        <v>596</v>
      </c>
      <c r="D137233" s="14" t="s">
        <v>213</v>
      </c>
      <c r="E137233" s="15">
        <v>45734</v>
      </c>
      <c r="F137233" s="14" t="s">
        <v>25</v>
      </c>
      <c r="G137233" s="16">
        <v>0</v>
      </c>
    </row>
    <row r="137234" spans="1:7" x14ac:dyDescent="0.3">
      <c r="A137234" s="13" t="s">
        <v>613</v>
      </c>
      <c r="B137234" s="14" t="s">
        <v>1</v>
      </c>
      <c r="C137234" s="14" t="s">
        <v>596</v>
      </c>
      <c r="D137234" s="14" t="s">
        <v>213</v>
      </c>
      <c r="E137234" s="15">
        <v>45735</v>
      </c>
      <c r="F137234" s="14" t="s">
        <v>25</v>
      </c>
      <c r="G137234" s="16">
        <v>0</v>
      </c>
    </row>
    <row r="137235" spans="1:7" x14ac:dyDescent="0.3">
      <c r="A137235" s="13" t="s">
        <v>613</v>
      </c>
      <c r="B137235" s="14" t="s">
        <v>1</v>
      </c>
      <c r="C137235" s="14" t="s">
        <v>596</v>
      </c>
      <c r="D137235" s="14" t="s">
        <v>213</v>
      </c>
      <c r="E137235" s="15">
        <v>45736</v>
      </c>
      <c r="F137235" s="14" t="s">
        <v>25</v>
      </c>
      <c r="G137235" s="16">
        <v>0</v>
      </c>
    </row>
    <row r="137236" spans="1:7" x14ac:dyDescent="0.3">
      <c r="A137236" s="13" t="s">
        <v>613</v>
      </c>
      <c r="B137236" s="14" t="s">
        <v>1</v>
      </c>
      <c r="C137236" s="14" t="s">
        <v>596</v>
      </c>
      <c r="D137236" s="14" t="s">
        <v>213</v>
      </c>
      <c r="E137236" s="15">
        <v>45737</v>
      </c>
      <c r="F137236" s="14" t="s">
        <v>25</v>
      </c>
      <c r="G137236" s="16">
        <v>0</v>
      </c>
    </row>
    <row r="137237" spans="1:7" x14ac:dyDescent="0.3">
      <c r="A137237" s="13" t="s">
        <v>613</v>
      </c>
      <c r="B137237" s="14" t="s">
        <v>1</v>
      </c>
      <c r="C137237" s="14" t="s">
        <v>596</v>
      </c>
      <c r="D137237" s="14" t="s">
        <v>213</v>
      </c>
      <c r="E137237" s="15">
        <v>45738</v>
      </c>
      <c r="F137237" s="14" t="s">
        <v>25</v>
      </c>
      <c r="G137237" s="16">
        <v>0</v>
      </c>
    </row>
    <row r="137238" spans="1:7" x14ac:dyDescent="0.3">
      <c r="A137238" s="13" t="s">
        <v>613</v>
      </c>
      <c r="B137238" s="14" t="s">
        <v>1</v>
      </c>
      <c r="C137238" s="14" t="s">
        <v>596</v>
      </c>
      <c r="D137238" s="14" t="s">
        <v>213</v>
      </c>
      <c r="E137238" s="15">
        <v>45739</v>
      </c>
      <c r="F137238" s="14" t="s">
        <v>25</v>
      </c>
      <c r="G137238" s="16">
        <v>0</v>
      </c>
    </row>
    <row r="137239" spans="1:7" x14ac:dyDescent="0.3">
      <c r="A137239" s="13" t="s">
        <v>613</v>
      </c>
      <c r="B137239" s="14" t="s">
        <v>1</v>
      </c>
      <c r="C137239" s="14" t="s">
        <v>596</v>
      </c>
      <c r="D137239" s="14" t="s">
        <v>213</v>
      </c>
      <c r="E137239" s="15">
        <v>45740</v>
      </c>
      <c r="F137239" s="14" t="s">
        <v>25</v>
      </c>
      <c r="G137239" s="16">
        <v>0</v>
      </c>
    </row>
    <row r="137240" spans="1:7" x14ac:dyDescent="0.3">
      <c r="A137240" s="13" t="s">
        <v>613</v>
      </c>
      <c r="B137240" s="14" t="s">
        <v>1</v>
      </c>
      <c r="C137240" s="14" t="s">
        <v>596</v>
      </c>
      <c r="D137240" s="14" t="s">
        <v>213</v>
      </c>
      <c r="E137240" s="15">
        <v>45741</v>
      </c>
      <c r="F137240" s="14" t="s">
        <v>25</v>
      </c>
      <c r="G137240" s="16">
        <v>0</v>
      </c>
    </row>
    <row r="137241" spans="1:7" x14ac:dyDescent="0.3">
      <c r="A137241" s="13" t="s">
        <v>613</v>
      </c>
      <c r="B137241" s="14" t="s">
        <v>1</v>
      </c>
      <c r="C137241" s="14" t="s">
        <v>596</v>
      </c>
      <c r="D137241" s="14" t="s">
        <v>213</v>
      </c>
      <c r="E137241" s="15">
        <v>45742</v>
      </c>
      <c r="F137241" s="14" t="s">
        <v>25</v>
      </c>
      <c r="G137241" s="16">
        <v>0</v>
      </c>
    </row>
    <row r="137242" spans="1:7" x14ac:dyDescent="0.3">
      <c r="A137242" s="13" t="s">
        <v>613</v>
      </c>
      <c r="B137242" s="14" t="s">
        <v>1</v>
      </c>
      <c r="C137242" s="14" t="s">
        <v>596</v>
      </c>
      <c r="D137242" s="14" t="s">
        <v>213</v>
      </c>
      <c r="E137242" s="15">
        <v>45743</v>
      </c>
      <c r="F137242" s="14" t="s">
        <v>25</v>
      </c>
      <c r="G137242" s="16">
        <v>0</v>
      </c>
    </row>
    <row r="137243" spans="1:7" x14ac:dyDescent="0.3">
      <c r="A137243" s="13" t="s">
        <v>613</v>
      </c>
      <c r="B137243" s="14" t="s">
        <v>1</v>
      </c>
      <c r="C137243" s="14" t="s">
        <v>596</v>
      </c>
      <c r="D137243" s="14" t="s">
        <v>213</v>
      </c>
      <c r="E137243" s="15">
        <v>45744</v>
      </c>
      <c r="F137243" s="14" t="s">
        <v>25</v>
      </c>
      <c r="G137243" s="16">
        <v>0</v>
      </c>
    </row>
    <row r="137244" spans="1:7" x14ac:dyDescent="0.3">
      <c r="A137244" s="13" t="s">
        <v>613</v>
      </c>
      <c r="B137244" s="14" t="s">
        <v>1</v>
      </c>
      <c r="C137244" s="14" t="s">
        <v>596</v>
      </c>
      <c r="D137244" s="14" t="s">
        <v>213</v>
      </c>
      <c r="E137244" s="15">
        <v>45745</v>
      </c>
      <c r="F137244" s="14" t="s">
        <v>25</v>
      </c>
      <c r="G137244" s="16">
        <v>0</v>
      </c>
    </row>
    <row r="137245" spans="1:7" x14ac:dyDescent="0.3">
      <c r="A137245" s="13" t="s">
        <v>613</v>
      </c>
      <c r="B137245" s="14" t="s">
        <v>1</v>
      </c>
      <c r="C137245" s="14" t="s">
        <v>596</v>
      </c>
      <c r="D137245" s="14" t="s">
        <v>213</v>
      </c>
      <c r="E137245" s="15">
        <v>45746</v>
      </c>
      <c r="F137245" s="14" t="s">
        <v>25</v>
      </c>
      <c r="G137245" s="16">
        <v>0</v>
      </c>
    </row>
    <row r="137246" spans="1:7" x14ac:dyDescent="0.3">
      <c r="A137246" s="13" t="s">
        <v>613</v>
      </c>
      <c r="B137246" s="14" t="s">
        <v>1</v>
      </c>
      <c r="C137246" s="14" t="s">
        <v>596</v>
      </c>
      <c r="D137246" s="14" t="s">
        <v>213</v>
      </c>
      <c r="E137246" s="15">
        <v>45747</v>
      </c>
      <c r="F137246" s="14" t="s">
        <v>25</v>
      </c>
      <c r="G137246" s="16">
        <v>0</v>
      </c>
    </row>
    <row r="137247" spans="1:7" x14ac:dyDescent="0.3">
      <c r="A137247" s="13" t="s">
        <v>614</v>
      </c>
      <c r="B137247" s="14" t="s">
        <v>1</v>
      </c>
      <c r="C137247" s="14" t="s">
        <v>596</v>
      </c>
      <c r="D137247" s="14" t="s">
        <v>74</v>
      </c>
      <c r="E137247" s="15">
        <v>45383</v>
      </c>
      <c r="F137247" s="14" t="s">
        <v>25</v>
      </c>
      <c r="G137247" s="16">
        <v>0</v>
      </c>
    </row>
    <row r="137248" spans="1:7" x14ac:dyDescent="0.3">
      <c r="A137248" s="13" t="s">
        <v>614</v>
      </c>
      <c r="B137248" s="14" t="s">
        <v>1</v>
      </c>
      <c r="C137248" s="14" t="s">
        <v>596</v>
      </c>
      <c r="D137248" s="14" t="s">
        <v>74</v>
      </c>
      <c r="E137248" s="15">
        <v>45384</v>
      </c>
      <c r="F137248" s="14" t="s">
        <v>25</v>
      </c>
      <c r="G137248" s="16">
        <v>0</v>
      </c>
    </row>
    <row r="137249" spans="1:7" x14ac:dyDescent="0.3">
      <c r="A137249" s="13" t="s">
        <v>614</v>
      </c>
      <c r="B137249" s="14" t="s">
        <v>1</v>
      </c>
      <c r="C137249" s="14" t="s">
        <v>596</v>
      </c>
      <c r="D137249" s="14" t="s">
        <v>74</v>
      </c>
      <c r="E137249" s="15">
        <v>45385</v>
      </c>
      <c r="F137249" s="14" t="s">
        <v>25</v>
      </c>
      <c r="G137249" s="16">
        <v>0</v>
      </c>
    </row>
    <row r="137250" spans="1:7" x14ac:dyDescent="0.3">
      <c r="A137250" s="13" t="s">
        <v>614</v>
      </c>
      <c r="B137250" s="14" t="s">
        <v>1</v>
      </c>
      <c r="C137250" s="14" t="s">
        <v>596</v>
      </c>
      <c r="D137250" s="14" t="s">
        <v>74</v>
      </c>
      <c r="E137250" s="15">
        <v>45386</v>
      </c>
      <c r="F137250" s="14" t="s">
        <v>25</v>
      </c>
      <c r="G137250" s="16">
        <v>0</v>
      </c>
    </row>
    <row r="137251" spans="1:7" x14ac:dyDescent="0.3">
      <c r="A137251" s="13" t="s">
        <v>614</v>
      </c>
      <c r="B137251" s="14" t="s">
        <v>1</v>
      </c>
      <c r="C137251" s="14" t="s">
        <v>596</v>
      </c>
      <c r="D137251" s="14" t="s">
        <v>74</v>
      </c>
      <c r="E137251" s="15">
        <v>45387</v>
      </c>
      <c r="F137251" s="14" t="s">
        <v>25</v>
      </c>
      <c r="G137251" s="16">
        <v>0</v>
      </c>
    </row>
    <row r="137252" spans="1:7" x14ac:dyDescent="0.3">
      <c r="A137252" s="13" t="s">
        <v>614</v>
      </c>
      <c r="B137252" s="14" t="s">
        <v>1</v>
      </c>
      <c r="C137252" s="14" t="s">
        <v>596</v>
      </c>
      <c r="D137252" s="14" t="s">
        <v>74</v>
      </c>
      <c r="E137252" s="15">
        <v>45388</v>
      </c>
      <c r="F137252" s="14" t="s">
        <v>25</v>
      </c>
      <c r="G137252" s="16">
        <v>0</v>
      </c>
    </row>
    <row r="137253" spans="1:7" x14ac:dyDescent="0.3">
      <c r="A137253" s="13" t="s">
        <v>614</v>
      </c>
      <c r="B137253" s="14" t="s">
        <v>1</v>
      </c>
      <c r="C137253" s="14" t="s">
        <v>596</v>
      </c>
      <c r="D137253" s="14" t="s">
        <v>74</v>
      </c>
      <c r="E137253" s="15">
        <v>45389</v>
      </c>
      <c r="F137253" s="14" t="s">
        <v>25</v>
      </c>
      <c r="G137253" s="16">
        <v>0</v>
      </c>
    </row>
    <row r="137254" spans="1:7" x14ac:dyDescent="0.3">
      <c r="A137254" s="13" t="s">
        <v>614</v>
      </c>
      <c r="B137254" s="14" t="s">
        <v>1</v>
      </c>
      <c r="C137254" s="14" t="s">
        <v>596</v>
      </c>
      <c r="D137254" s="14" t="s">
        <v>74</v>
      </c>
      <c r="E137254" s="15">
        <v>45390</v>
      </c>
      <c r="F137254" s="14" t="s">
        <v>25</v>
      </c>
      <c r="G137254" s="16">
        <v>0</v>
      </c>
    </row>
    <row r="137255" spans="1:7" x14ac:dyDescent="0.3">
      <c r="A137255" s="13" t="s">
        <v>614</v>
      </c>
      <c r="B137255" s="14" t="s">
        <v>1</v>
      </c>
      <c r="C137255" s="14" t="s">
        <v>596</v>
      </c>
      <c r="D137255" s="14" t="s">
        <v>74</v>
      </c>
      <c r="E137255" s="15">
        <v>45391</v>
      </c>
      <c r="F137255" s="14" t="s">
        <v>25</v>
      </c>
      <c r="G137255" s="16">
        <v>0</v>
      </c>
    </row>
    <row r="137256" spans="1:7" x14ac:dyDescent="0.3">
      <c r="A137256" s="13" t="s">
        <v>614</v>
      </c>
      <c r="B137256" s="14" t="s">
        <v>1</v>
      </c>
      <c r="C137256" s="14" t="s">
        <v>596</v>
      </c>
      <c r="D137256" s="14" t="s">
        <v>74</v>
      </c>
      <c r="E137256" s="15">
        <v>45392</v>
      </c>
      <c r="F137256" s="14" t="s">
        <v>25</v>
      </c>
      <c r="G137256" s="16">
        <v>0</v>
      </c>
    </row>
    <row r="137257" spans="1:7" x14ac:dyDescent="0.3">
      <c r="A137257" s="13" t="s">
        <v>614</v>
      </c>
      <c r="B137257" s="14" t="s">
        <v>1</v>
      </c>
      <c r="C137257" s="14" t="s">
        <v>596</v>
      </c>
      <c r="D137257" s="14" t="s">
        <v>74</v>
      </c>
      <c r="E137257" s="15">
        <v>45393</v>
      </c>
      <c r="F137257" s="14" t="s">
        <v>25</v>
      </c>
      <c r="G137257" s="16">
        <v>0</v>
      </c>
    </row>
    <row r="137258" spans="1:7" x14ac:dyDescent="0.3">
      <c r="A137258" s="13" t="s">
        <v>614</v>
      </c>
      <c r="B137258" s="14" t="s">
        <v>1</v>
      </c>
      <c r="C137258" s="14" t="s">
        <v>596</v>
      </c>
      <c r="D137258" s="14" t="s">
        <v>74</v>
      </c>
      <c r="E137258" s="15">
        <v>45394</v>
      </c>
      <c r="F137258" s="14" t="s">
        <v>25</v>
      </c>
      <c r="G137258" s="16">
        <v>0</v>
      </c>
    </row>
    <row r="137259" spans="1:7" x14ac:dyDescent="0.3">
      <c r="A137259" s="13" t="s">
        <v>614</v>
      </c>
      <c r="B137259" s="14" t="s">
        <v>1</v>
      </c>
      <c r="C137259" s="14" t="s">
        <v>596</v>
      </c>
      <c r="D137259" s="14" t="s">
        <v>74</v>
      </c>
      <c r="E137259" s="15">
        <v>45395</v>
      </c>
      <c r="F137259" s="14" t="s">
        <v>25</v>
      </c>
      <c r="G137259" s="16">
        <v>0</v>
      </c>
    </row>
    <row r="137260" spans="1:7" x14ac:dyDescent="0.3">
      <c r="A137260" s="13" t="s">
        <v>614</v>
      </c>
      <c r="B137260" s="14" t="s">
        <v>1</v>
      </c>
      <c r="C137260" s="14" t="s">
        <v>596</v>
      </c>
      <c r="D137260" s="14" t="s">
        <v>74</v>
      </c>
      <c r="E137260" s="15">
        <v>45396</v>
      </c>
      <c r="F137260" s="14" t="s">
        <v>25</v>
      </c>
      <c r="G137260" s="16">
        <v>0</v>
      </c>
    </row>
    <row r="137261" spans="1:7" x14ac:dyDescent="0.3">
      <c r="A137261" s="13" t="s">
        <v>614</v>
      </c>
      <c r="B137261" s="14" t="s">
        <v>1</v>
      </c>
      <c r="C137261" s="14" t="s">
        <v>596</v>
      </c>
      <c r="D137261" s="14" t="s">
        <v>74</v>
      </c>
      <c r="E137261" s="15">
        <v>45397</v>
      </c>
      <c r="F137261" s="14" t="s">
        <v>25</v>
      </c>
      <c r="G137261" s="16">
        <v>0</v>
      </c>
    </row>
    <row r="137262" spans="1:7" x14ac:dyDescent="0.3">
      <c r="A137262" s="13" t="s">
        <v>614</v>
      </c>
      <c r="B137262" s="14" t="s">
        <v>1</v>
      </c>
      <c r="C137262" s="14" t="s">
        <v>596</v>
      </c>
      <c r="D137262" s="14" t="s">
        <v>74</v>
      </c>
      <c r="E137262" s="15">
        <v>45398</v>
      </c>
      <c r="F137262" s="14" t="s">
        <v>25</v>
      </c>
      <c r="G137262" s="16">
        <v>0</v>
      </c>
    </row>
    <row r="137263" spans="1:7" x14ac:dyDescent="0.3">
      <c r="A137263" s="13" t="s">
        <v>614</v>
      </c>
      <c r="B137263" s="14" t="s">
        <v>1</v>
      </c>
      <c r="C137263" s="14" t="s">
        <v>596</v>
      </c>
      <c r="D137263" s="14" t="s">
        <v>74</v>
      </c>
      <c r="E137263" s="15">
        <v>45399</v>
      </c>
      <c r="F137263" s="14" t="s">
        <v>25</v>
      </c>
      <c r="G137263" s="16">
        <v>0</v>
      </c>
    </row>
    <row r="137264" spans="1:7" x14ac:dyDescent="0.3">
      <c r="A137264" s="13" t="s">
        <v>614</v>
      </c>
      <c r="B137264" s="14" t="s">
        <v>1</v>
      </c>
      <c r="C137264" s="14" t="s">
        <v>596</v>
      </c>
      <c r="D137264" s="14" t="s">
        <v>74</v>
      </c>
      <c r="E137264" s="15">
        <v>45400</v>
      </c>
      <c r="F137264" s="14" t="s">
        <v>25</v>
      </c>
      <c r="G137264" s="16">
        <v>0</v>
      </c>
    </row>
    <row r="137265" spans="1:7" x14ac:dyDescent="0.3">
      <c r="A137265" s="13" t="s">
        <v>614</v>
      </c>
      <c r="B137265" s="14" t="s">
        <v>1</v>
      </c>
      <c r="C137265" s="14" t="s">
        <v>596</v>
      </c>
      <c r="D137265" s="14" t="s">
        <v>74</v>
      </c>
      <c r="E137265" s="15">
        <v>45401</v>
      </c>
      <c r="F137265" s="14" t="s">
        <v>25</v>
      </c>
      <c r="G137265" s="16">
        <v>0</v>
      </c>
    </row>
    <row r="137266" spans="1:7" x14ac:dyDescent="0.3">
      <c r="A137266" s="13" t="s">
        <v>614</v>
      </c>
      <c r="B137266" s="14" t="s">
        <v>1</v>
      </c>
      <c r="C137266" s="14" t="s">
        <v>596</v>
      </c>
      <c r="D137266" s="14" t="s">
        <v>74</v>
      </c>
      <c r="E137266" s="15">
        <v>45402</v>
      </c>
      <c r="F137266" s="14" t="s">
        <v>25</v>
      </c>
      <c r="G137266" s="16">
        <v>0</v>
      </c>
    </row>
    <row r="137267" spans="1:7" x14ac:dyDescent="0.3">
      <c r="A137267" s="13" t="s">
        <v>614</v>
      </c>
      <c r="B137267" s="14" t="s">
        <v>1</v>
      </c>
      <c r="C137267" s="14" t="s">
        <v>596</v>
      </c>
      <c r="D137267" s="14" t="s">
        <v>74</v>
      </c>
      <c r="E137267" s="15">
        <v>45403</v>
      </c>
      <c r="F137267" s="14" t="s">
        <v>25</v>
      </c>
      <c r="G137267" s="16">
        <v>0</v>
      </c>
    </row>
    <row r="137268" spans="1:7" x14ac:dyDescent="0.3">
      <c r="A137268" s="13" t="s">
        <v>614</v>
      </c>
      <c r="B137268" s="14" t="s">
        <v>1</v>
      </c>
      <c r="C137268" s="14" t="s">
        <v>596</v>
      </c>
      <c r="D137268" s="14" t="s">
        <v>74</v>
      </c>
      <c r="E137268" s="15">
        <v>45404</v>
      </c>
      <c r="F137268" s="14" t="s">
        <v>25</v>
      </c>
      <c r="G137268" s="16">
        <v>0</v>
      </c>
    </row>
    <row r="137269" spans="1:7" x14ac:dyDescent="0.3">
      <c r="A137269" s="13" t="s">
        <v>614</v>
      </c>
      <c r="B137269" s="14" t="s">
        <v>1</v>
      </c>
      <c r="C137269" s="14" t="s">
        <v>596</v>
      </c>
      <c r="D137269" s="14" t="s">
        <v>74</v>
      </c>
      <c r="E137269" s="15">
        <v>45405</v>
      </c>
      <c r="F137269" s="14" t="s">
        <v>25</v>
      </c>
      <c r="G137269" s="16">
        <v>0</v>
      </c>
    </row>
    <row r="137270" spans="1:7" x14ac:dyDescent="0.3">
      <c r="A137270" s="13" t="s">
        <v>614</v>
      </c>
      <c r="B137270" s="14" t="s">
        <v>1</v>
      </c>
      <c r="C137270" s="14" t="s">
        <v>596</v>
      </c>
      <c r="D137270" s="14" t="s">
        <v>74</v>
      </c>
      <c r="E137270" s="15">
        <v>45406</v>
      </c>
      <c r="F137270" s="14" t="s">
        <v>25</v>
      </c>
      <c r="G137270" s="16">
        <v>0</v>
      </c>
    </row>
    <row r="137271" spans="1:7" x14ac:dyDescent="0.3">
      <c r="A137271" s="13" t="s">
        <v>614</v>
      </c>
      <c r="B137271" s="14" t="s">
        <v>1</v>
      </c>
      <c r="C137271" s="14" t="s">
        <v>596</v>
      </c>
      <c r="D137271" s="14" t="s">
        <v>74</v>
      </c>
      <c r="E137271" s="15">
        <v>45407</v>
      </c>
      <c r="F137271" s="14" t="s">
        <v>25</v>
      </c>
      <c r="G137271" s="16">
        <v>0</v>
      </c>
    </row>
    <row r="137272" spans="1:7" x14ac:dyDescent="0.3">
      <c r="A137272" s="13" t="s">
        <v>614</v>
      </c>
      <c r="B137272" s="14" t="s">
        <v>1</v>
      </c>
      <c r="C137272" s="14" t="s">
        <v>596</v>
      </c>
      <c r="D137272" s="14" t="s">
        <v>74</v>
      </c>
      <c r="E137272" s="15">
        <v>45408</v>
      </c>
      <c r="F137272" s="14" t="s">
        <v>25</v>
      </c>
      <c r="G137272" s="16">
        <v>0</v>
      </c>
    </row>
    <row r="137273" spans="1:7" x14ac:dyDescent="0.3">
      <c r="A137273" s="13" t="s">
        <v>614</v>
      </c>
      <c r="B137273" s="14" t="s">
        <v>1</v>
      </c>
      <c r="C137273" s="14" t="s">
        <v>596</v>
      </c>
      <c r="D137273" s="14" t="s">
        <v>74</v>
      </c>
      <c r="E137273" s="15">
        <v>45409</v>
      </c>
      <c r="F137273" s="14" t="s">
        <v>25</v>
      </c>
      <c r="G137273" s="16">
        <v>0</v>
      </c>
    </row>
    <row r="137274" spans="1:7" x14ac:dyDescent="0.3">
      <c r="A137274" s="13" t="s">
        <v>614</v>
      </c>
      <c r="B137274" s="14" t="s">
        <v>1</v>
      </c>
      <c r="C137274" s="14" t="s">
        <v>596</v>
      </c>
      <c r="D137274" s="14" t="s">
        <v>74</v>
      </c>
      <c r="E137274" s="15">
        <v>45410</v>
      </c>
      <c r="F137274" s="14" t="s">
        <v>25</v>
      </c>
      <c r="G137274" s="16">
        <v>0</v>
      </c>
    </row>
    <row r="137275" spans="1:7" x14ac:dyDescent="0.3">
      <c r="A137275" s="13" t="s">
        <v>614</v>
      </c>
      <c r="B137275" s="14" t="s">
        <v>1</v>
      </c>
      <c r="C137275" s="14" t="s">
        <v>596</v>
      </c>
      <c r="D137275" s="14" t="s">
        <v>74</v>
      </c>
      <c r="E137275" s="15">
        <v>45411</v>
      </c>
      <c r="F137275" s="14" t="s">
        <v>25</v>
      </c>
      <c r="G137275" s="16">
        <v>0</v>
      </c>
    </row>
    <row r="137276" spans="1:7" x14ac:dyDescent="0.3">
      <c r="A137276" s="13" t="s">
        <v>614</v>
      </c>
      <c r="B137276" s="14" t="s">
        <v>1</v>
      </c>
      <c r="C137276" s="14" t="s">
        <v>596</v>
      </c>
      <c r="D137276" s="14" t="s">
        <v>74</v>
      </c>
      <c r="E137276" s="15">
        <v>45412</v>
      </c>
      <c r="F137276" s="14" t="s">
        <v>25</v>
      </c>
      <c r="G137276" s="16">
        <v>0</v>
      </c>
    </row>
    <row r="137277" spans="1:7" x14ac:dyDescent="0.3">
      <c r="A137277" s="13" t="s">
        <v>614</v>
      </c>
      <c r="B137277" s="14" t="s">
        <v>1</v>
      </c>
      <c r="C137277" s="14" t="s">
        <v>596</v>
      </c>
      <c r="D137277" s="14" t="s">
        <v>74</v>
      </c>
      <c r="E137277" s="15">
        <v>45413</v>
      </c>
      <c r="F137277" s="14" t="s">
        <v>25</v>
      </c>
      <c r="G137277" s="16">
        <v>0</v>
      </c>
    </row>
    <row r="137278" spans="1:7" x14ac:dyDescent="0.3">
      <c r="A137278" s="13" t="s">
        <v>614</v>
      </c>
      <c r="B137278" s="14" t="s">
        <v>1</v>
      </c>
      <c r="C137278" s="14" t="s">
        <v>596</v>
      </c>
      <c r="D137278" s="14" t="s">
        <v>74</v>
      </c>
      <c r="E137278" s="15">
        <v>45414</v>
      </c>
      <c r="F137278" s="14" t="s">
        <v>25</v>
      </c>
      <c r="G137278" s="16">
        <v>0</v>
      </c>
    </row>
    <row r="137279" spans="1:7" x14ac:dyDescent="0.3">
      <c r="A137279" s="13" t="s">
        <v>614</v>
      </c>
      <c r="B137279" s="14" t="s">
        <v>1</v>
      </c>
      <c r="C137279" s="14" t="s">
        <v>596</v>
      </c>
      <c r="D137279" s="14" t="s">
        <v>74</v>
      </c>
      <c r="E137279" s="15">
        <v>45415</v>
      </c>
      <c r="F137279" s="14" t="s">
        <v>25</v>
      </c>
      <c r="G137279" s="16">
        <v>0</v>
      </c>
    </row>
    <row r="137280" spans="1:7" x14ac:dyDescent="0.3">
      <c r="A137280" s="13" t="s">
        <v>614</v>
      </c>
      <c r="B137280" s="14" t="s">
        <v>1</v>
      </c>
      <c r="C137280" s="14" t="s">
        <v>596</v>
      </c>
      <c r="D137280" s="14" t="s">
        <v>74</v>
      </c>
      <c r="E137280" s="15">
        <v>45416</v>
      </c>
      <c r="F137280" s="14" t="s">
        <v>25</v>
      </c>
      <c r="G137280" s="16">
        <v>0</v>
      </c>
    </row>
    <row r="137281" spans="1:7" x14ac:dyDescent="0.3">
      <c r="A137281" s="13" t="s">
        <v>614</v>
      </c>
      <c r="B137281" s="14" t="s">
        <v>1</v>
      </c>
      <c r="C137281" s="14" t="s">
        <v>596</v>
      </c>
      <c r="D137281" s="14" t="s">
        <v>74</v>
      </c>
      <c r="E137281" s="15">
        <v>45417</v>
      </c>
      <c r="F137281" s="14" t="s">
        <v>25</v>
      </c>
      <c r="G137281" s="16">
        <v>0</v>
      </c>
    </row>
    <row r="137282" spans="1:7" x14ac:dyDescent="0.3">
      <c r="A137282" s="13" t="s">
        <v>614</v>
      </c>
      <c r="B137282" s="14" t="s">
        <v>1</v>
      </c>
      <c r="C137282" s="14" t="s">
        <v>596</v>
      </c>
      <c r="D137282" s="14" t="s">
        <v>74</v>
      </c>
      <c r="E137282" s="15">
        <v>45418</v>
      </c>
      <c r="F137282" s="14" t="s">
        <v>25</v>
      </c>
      <c r="G137282" s="16">
        <v>0</v>
      </c>
    </row>
    <row r="137283" spans="1:7" x14ac:dyDescent="0.3">
      <c r="A137283" s="13" t="s">
        <v>614</v>
      </c>
      <c r="B137283" s="14" t="s">
        <v>1</v>
      </c>
      <c r="C137283" s="14" t="s">
        <v>596</v>
      </c>
      <c r="D137283" s="14" t="s">
        <v>74</v>
      </c>
      <c r="E137283" s="15">
        <v>45419</v>
      </c>
      <c r="F137283" s="14" t="s">
        <v>25</v>
      </c>
      <c r="G137283" s="16">
        <v>0</v>
      </c>
    </row>
    <row r="137284" spans="1:7" x14ac:dyDescent="0.3">
      <c r="A137284" s="13" t="s">
        <v>614</v>
      </c>
      <c r="B137284" s="14" t="s">
        <v>1</v>
      </c>
      <c r="C137284" s="14" t="s">
        <v>596</v>
      </c>
      <c r="D137284" s="14" t="s">
        <v>74</v>
      </c>
      <c r="E137284" s="15">
        <v>45420</v>
      </c>
      <c r="F137284" s="14" t="s">
        <v>25</v>
      </c>
      <c r="G137284" s="16">
        <v>0</v>
      </c>
    </row>
    <row r="137285" spans="1:7" x14ac:dyDescent="0.3">
      <c r="A137285" s="13" t="s">
        <v>614</v>
      </c>
      <c r="B137285" s="14" t="s">
        <v>1</v>
      </c>
      <c r="C137285" s="14" t="s">
        <v>596</v>
      </c>
      <c r="D137285" s="14" t="s">
        <v>74</v>
      </c>
      <c r="E137285" s="15">
        <v>45421</v>
      </c>
      <c r="F137285" s="14" t="s">
        <v>25</v>
      </c>
      <c r="G137285" s="16">
        <v>0</v>
      </c>
    </row>
    <row r="137286" spans="1:7" x14ac:dyDescent="0.3">
      <c r="A137286" s="13" t="s">
        <v>614</v>
      </c>
      <c r="B137286" s="14" t="s">
        <v>1</v>
      </c>
      <c r="C137286" s="14" t="s">
        <v>596</v>
      </c>
      <c r="D137286" s="14" t="s">
        <v>74</v>
      </c>
      <c r="E137286" s="15">
        <v>45422</v>
      </c>
      <c r="F137286" s="14" t="s">
        <v>25</v>
      </c>
      <c r="G137286" s="16">
        <v>0</v>
      </c>
    </row>
    <row r="137287" spans="1:7" x14ac:dyDescent="0.3">
      <c r="A137287" s="13" t="s">
        <v>614</v>
      </c>
      <c r="B137287" s="14" t="s">
        <v>1</v>
      </c>
      <c r="C137287" s="14" t="s">
        <v>596</v>
      </c>
      <c r="D137287" s="14" t="s">
        <v>74</v>
      </c>
      <c r="E137287" s="15">
        <v>45423</v>
      </c>
      <c r="F137287" s="14" t="s">
        <v>25</v>
      </c>
      <c r="G137287" s="16">
        <v>0</v>
      </c>
    </row>
    <row r="137288" spans="1:7" x14ac:dyDescent="0.3">
      <c r="A137288" s="13" t="s">
        <v>614</v>
      </c>
      <c r="B137288" s="14" t="s">
        <v>1</v>
      </c>
      <c r="C137288" s="14" t="s">
        <v>596</v>
      </c>
      <c r="D137288" s="14" t="s">
        <v>74</v>
      </c>
      <c r="E137288" s="15">
        <v>45424</v>
      </c>
      <c r="F137288" s="14" t="s">
        <v>25</v>
      </c>
      <c r="G137288" s="16">
        <v>0</v>
      </c>
    </row>
    <row r="137289" spans="1:7" x14ac:dyDescent="0.3">
      <c r="A137289" s="13" t="s">
        <v>614</v>
      </c>
      <c r="B137289" s="14" t="s">
        <v>1</v>
      </c>
      <c r="C137289" s="14" t="s">
        <v>596</v>
      </c>
      <c r="D137289" s="14" t="s">
        <v>74</v>
      </c>
      <c r="E137289" s="15">
        <v>45425</v>
      </c>
      <c r="F137289" s="14" t="s">
        <v>25</v>
      </c>
      <c r="G137289" s="16">
        <v>0</v>
      </c>
    </row>
    <row r="137290" spans="1:7" x14ac:dyDescent="0.3">
      <c r="A137290" s="13" t="s">
        <v>614</v>
      </c>
      <c r="B137290" s="14" t="s">
        <v>1</v>
      </c>
      <c r="C137290" s="14" t="s">
        <v>596</v>
      </c>
      <c r="D137290" s="14" t="s">
        <v>74</v>
      </c>
      <c r="E137290" s="15">
        <v>45426</v>
      </c>
      <c r="F137290" s="14" t="s">
        <v>25</v>
      </c>
      <c r="G137290" s="16">
        <v>0</v>
      </c>
    </row>
    <row r="137291" spans="1:7" x14ac:dyDescent="0.3">
      <c r="A137291" s="13" t="s">
        <v>614</v>
      </c>
      <c r="B137291" s="14" t="s">
        <v>1</v>
      </c>
      <c r="C137291" s="14" t="s">
        <v>596</v>
      </c>
      <c r="D137291" s="14" t="s">
        <v>74</v>
      </c>
      <c r="E137291" s="15">
        <v>45427</v>
      </c>
      <c r="F137291" s="14" t="s">
        <v>25</v>
      </c>
      <c r="G137291" s="16">
        <v>0</v>
      </c>
    </row>
    <row r="137292" spans="1:7" x14ac:dyDescent="0.3">
      <c r="A137292" s="13" t="s">
        <v>614</v>
      </c>
      <c r="B137292" s="14" t="s">
        <v>1</v>
      </c>
      <c r="C137292" s="14" t="s">
        <v>596</v>
      </c>
      <c r="D137292" s="14" t="s">
        <v>74</v>
      </c>
      <c r="E137292" s="15">
        <v>45428</v>
      </c>
      <c r="F137292" s="14" t="s">
        <v>25</v>
      </c>
      <c r="G137292" s="16">
        <v>0</v>
      </c>
    </row>
    <row r="137293" spans="1:7" x14ac:dyDescent="0.3">
      <c r="A137293" s="13" t="s">
        <v>614</v>
      </c>
      <c r="B137293" s="14" t="s">
        <v>1</v>
      </c>
      <c r="C137293" s="14" t="s">
        <v>596</v>
      </c>
      <c r="D137293" s="14" t="s">
        <v>74</v>
      </c>
      <c r="E137293" s="15">
        <v>45429</v>
      </c>
      <c r="F137293" s="14" t="s">
        <v>25</v>
      </c>
      <c r="G137293" s="16">
        <v>0</v>
      </c>
    </row>
    <row r="137294" spans="1:7" x14ac:dyDescent="0.3">
      <c r="A137294" s="13" t="s">
        <v>614</v>
      </c>
      <c r="B137294" s="14" t="s">
        <v>1</v>
      </c>
      <c r="C137294" s="14" t="s">
        <v>596</v>
      </c>
      <c r="D137294" s="14" t="s">
        <v>74</v>
      </c>
      <c r="E137294" s="15">
        <v>45430</v>
      </c>
      <c r="F137294" s="14" t="s">
        <v>25</v>
      </c>
      <c r="G137294" s="16">
        <v>0</v>
      </c>
    </row>
    <row r="137295" spans="1:7" x14ac:dyDescent="0.3">
      <c r="A137295" s="13" t="s">
        <v>614</v>
      </c>
      <c r="B137295" s="14" t="s">
        <v>1</v>
      </c>
      <c r="C137295" s="14" t="s">
        <v>596</v>
      </c>
      <c r="D137295" s="14" t="s">
        <v>74</v>
      </c>
      <c r="E137295" s="15">
        <v>45431</v>
      </c>
      <c r="F137295" s="14" t="s">
        <v>25</v>
      </c>
      <c r="G137295" s="16">
        <v>0</v>
      </c>
    </row>
    <row r="137296" spans="1:7" x14ac:dyDescent="0.3">
      <c r="A137296" s="13" t="s">
        <v>614</v>
      </c>
      <c r="B137296" s="14" t="s">
        <v>1</v>
      </c>
      <c r="C137296" s="14" t="s">
        <v>596</v>
      </c>
      <c r="D137296" s="14" t="s">
        <v>74</v>
      </c>
      <c r="E137296" s="15">
        <v>45432</v>
      </c>
      <c r="F137296" s="14" t="s">
        <v>25</v>
      </c>
      <c r="G137296" s="16">
        <v>0</v>
      </c>
    </row>
    <row r="137297" spans="1:7" x14ac:dyDescent="0.3">
      <c r="A137297" s="13" t="s">
        <v>614</v>
      </c>
      <c r="B137297" s="14" t="s">
        <v>1</v>
      </c>
      <c r="C137297" s="14" t="s">
        <v>596</v>
      </c>
      <c r="D137297" s="14" t="s">
        <v>74</v>
      </c>
      <c r="E137297" s="15">
        <v>45433</v>
      </c>
      <c r="F137297" s="14" t="s">
        <v>25</v>
      </c>
      <c r="G137297" s="16">
        <v>0</v>
      </c>
    </row>
    <row r="137298" spans="1:7" x14ac:dyDescent="0.3">
      <c r="A137298" s="13" t="s">
        <v>614</v>
      </c>
      <c r="B137298" s="14" t="s">
        <v>1</v>
      </c>
      <c r="C137298" s="14" t="s">
        <v>596</v>
      </c>
      <c r="D137298" s="14" t="s">
        <v>74</v>
      </c>
      <c r="E137298" s="15">
        <v>45434</v>
      </c>
      <c r="F137298" s="14" t="s">
        <v>25</v>
      </c>
      <c r="G137298" s="16">
        <v>0</v>
      </c>
    </row>
    <row r="137299" spans="1:7" x14ac:dyDescent="0.3">
      <c r="A137299" s="13" t="s">
        <v>614</v>
      </c>
      <c r="B137299" s="14" t="s">
        <v>1</v>
      </c>
      <c r="C137299" s="14" t="s">
        <v>596</v>
      </c>
      <c r="D137299" s="14" t="s">
        <v>74</v>
      </c>
      <c r="E137299" s="15">
        <v>45435</v>
      </c>
      <c r="F137299" s="14" t="s">
        <v>25</v>
      </c>
      <c r="G137299" s="16">
        <v>0</v>
      </c>
    </row>
    <row r="137300" spans="1:7" x14ac:dyDescent="0.3">
      <c r="A137300" s="13" t="s">
        <v>614</v>
      </c>
      <c r="B137300" s="14" t="s">
        <v>1</v>
      </c>
      <c r="C137300" s="14" t="s">
        <v>596</v>
      </c>
      <c r="D137300" s="14" t="s">
        <v>74</v>
      </c>
      <c r="E137300" s="15">
        <v>45436</v>
      </c>
      <c r="F137300" s="14" t="s">
        <v>25</v>
      </c>
      <c r="G137300" s="16">
        <v>0</v>
      </c>
    </row>
    <row r="137301" spans="1:7" x14ac:dyDescent="0.3">
      <c r="A137301" s="13" t="s">
        <v>614</v>
      </c>
      <c r="B137301" s="14" t="s">
        <v>1</v>
      </c>
      <c r="C137301" s="14" t="s">
        <v>596</v>
      </c>
      <c r="D137301" s="14" t="s">
        <v>74</v>
      </c>
      <c r="E137301" s="15">
        <v>45437</v>
      </c>
      <c r="F137301" s="14" t="s">
        <v>25</v>
      </c>
      <c r="G137301" s="16">
        <v>0</v>
      </c>
    </row>
    <row r="137302" spans="1:7" x14ac:dyDescent="0.3">
      <c r="A137302" s="13" t="s">
        <v>614</v>
      </c>
      <c r="B137302" s="14" t="s">
        <v>1</v>
      </c>
      <c r="C137302" s="14" t="s">
        <v>596</v>
      </c>
      <c r="D137302" s="14" t="s">
        <v>74</v>
      </c>
      <c r="E137302" s="15">
        <v>45438</v>
      </c>
      <c r="F137302" s="14" t="s">
        <v>25</v>
      </c>
      <c r="G137302" s="16">
        <v>0</v>
      </c>
    </row>
    <row r="137303" spans="1:7" x14ac:dyDescent="0.3">
      <c r="A137303" s="13" t="s">
        <v>614</v>
      </c>
      <c r="B137303" s="14" t="s">
        <v>1</v>
      </c>
      <c r="C137303" s="14" t="s">
        <v>596</v>
      </c>
      <c r="D137303" s="14" t="s">
        <v>74</v>
      </c>
      <c r="E137303" s="15">
        <v>45439</v>
      </c>
      <c r="F137303" s="14" t="s">
        <v>25</v>
      </c>
      <c r="G137303" s="16">
        <v>0</v>
      </c>
    </row>
    <row r="137304" spans="1:7" x14ac:dyDescent="0.3">
      <c r="A137304" s="13" t="s">
        <v>614</v>
      </c>
      <c r="B137304" s="14" t="s">
        <v>1</v>
      </c>
      <c r="C137304" s="14" t="s">
        <v>596</v>
      </c>
      <c r="D137304" s="14" t="s">
        <v>74</v>
      </c>
      <c r="E137304" s="15">
        <v>45440</v>
      </c>
      <c r="F137304" s="14" t="s">
        <v>25</v>
      </c>
      <c r="G137304" s="16">
        <v>0</v>
      </c>
    </row>
    <row r="137305" spans="1:7" x14ac:dyDescent="0.3">
      <c r="A137305" s="13" t="s">
        <v>614</v>
      </c>
      <c r="B137305" s="14" t="s">
        <v>1</v>
      </c>
      <c r="C137305" s="14" t="s">
        <v>596</v>
      </c>
      <c r="D137305" s="14" t="s">
        <v>74</v>
      </c>
      <c r="E137305" s="15">
        <v>45441</v>
      </c>
      <c r="F137305" s="14" t="s">
        <v>25</v>
      </c>
      <c r="G137305" s="16">
        <v>0</v>
      </c>
    </row>
    <row r="137306" spans="1:7" x14ac:dyDescent="0.3">
      <c r="A137306" s="13" t="s">
        <v>614</v>
      </c>
      <c r="B137306" s="14" t="s">
        <v>1</v>
      </c>
      <c r="C137306" s="14" t="s">
        <v>596</v>
      </c>
      <c r="D137306" s="14" t="s">
        <v>74</v>
      </c>
      <c r="E137306" s="15">
        <v>45442</v>
      </c>
      <c r="F137306" s="14" t="s">
        <v>25</v>
      </c>
      <c r="G137306" s="16">
        <v>0</v>
      </c>
    </row>
    <row r="137307" spans="1:7" x14ac:dyDescent="0.3">
      <c r="A137307" s="13" t="s">
        <v>614</v>
      </c>
      <c r="B137307" s="14" t="s">
        <v>1</v>
      </c>
      <c r="C137307" s="14" t="s">
        <v>596</v>
      </c>
      <c r="D137307" s="14" t="s">
        <v>74</v>
      </c>
      <c r="E137307" s="15">
        <v>45443</v>
      </c>
      <c r="F137307" s="14" t="s">
        <v>25</v>
      </c>
      <c r="G137307" s="16">
        <v>0</v>
      </c>
    </row>
    <row r="137308" spans="1:7" x14ac:dyDescent="0.3">
      <c r="A137308" s="13" t="s">
        <v>614</v>
      </c>
      <c r="B137308" s="14" t="s">
        <v>1</v>
      </c>
      <c r="C137308" s="14" t="s">
        <v>596</v>
      </c>
      <c r="D137308" s="14" t="s">
        <v>74</v>
      </c>
      <c r="E137308" s="15">
        <v>45444</v>
      </c>
      <c r="F137308" s="14" t="s">
        <v>25</v>
      </c>
      <c r="G137308" s="16">
        <v>0</v>
      </c>
    </row>
    <row r="137309" spans="1:7" x14ac:dyDescent="0.3">
      <c r="A137309" s="13" t="s">
        <v>614</v>
      </c>
      <c r="B137309" s="14" t="s">
        <v>1</v>
      </c>
      <c r="C137309" s="14" t="s">
        <v>596</v>
      </c>
      <c r="D137309" s="14" t="s">
        <v>74</v>
      </c>
      <c r="E137309" s="15">
        <v>45445</v>
      </c>
      <c r="F137309" s="14" t="s">
        <v>25</v>
      </c>
      <c r="G137309" s="16">
        <v>0</v>
      </c>
    </row>
    <row r="137310" spans="1:7" x14ac:dyDescent="0.3">
      <c r="A137310" s="13" t="s">
        <v>614</v>
      </c>
      <c r="B137310" s="14" t="s">
        <v>1</v>
      </c>
      <c r="C137310" s="14" t="s">
        <v>596</v>
      </c>
      <c r="D137310" s="14" t="s">
        <v>74</v>
      </c>
      <c r="E137310" s="15">
        <v>45446</v>
      </c>
      <c r="F137310" s="14" t="s">
        <v>25</v>
      </c>
      <c r="G137310" s="16">
        <v>0</v>
      </c>
    </row>
    <row r="137311" spans="1:7" x14ac:dyDescent="0.3">
      <c r="A137311" s="13" t="s">
        <v>614</v>
      </c>
      <c r="B137311" s="14" t="s">
        <v>1</v>
      </c>
      <c r="C137311" s="14" t="s">
        <v>596</v>
      </c>
      <c r="D137311" s="14" t="s">
        <v>74</v>
      </c>
      <c r="E137311" s="15">
        <v>45447</v>
      </c>
      <c r="F137311" s="14" t="s">
        <v>25</v>
      </c>
      <c r="G137311" s="16">
        <v>0</v>
      </c>
    </row>
    <row r="137312" spans="1:7" x14ac:dyDescent="0.3">
      <c r="A137312" s="13" t="s">
        <v>614</v>
      </c>
      <c r="B137312" s="14" t="s">
        <v>1</v>
      </c>
      <c r="C137312" s="14" t="s">
        <v>596</v>
      </c>
      <c r="D137312" s="14" t="s">
        <v>74</v>
      </c>
      <c r="E137312" s="15">
        <v>45448</v>
      </c>
      <c r="F137312" s="14" t="s">
        <v>25</v>
      </c>
      <c r="G137312" s="16">
        <v>0</v>
      </c>
    </row>
    <row r="137313" spans="1:7" x14ac:dyDescent="0.3">
      <c r="A137313" s="13" t="s">
        <v>614</v>
      </c>
      <c r="B137313" s="14" t="s">
        <v>1</v>
      </c>
      <c r="C137313" s="14" t="s">
        <v>596</v>
      </c>
      <c r="D137313" s="14" t="s">
        <v>74</v>
      </c>
      <c r="E137313" s="15">
        <v>45449</v>
      </c>
      <c r="F137313" s="14" t="s">
        <v>25</v>
      </c>
      <c r="G137313" s="16">
        <v>0</v>
      </c>
    </row>
    <row r="137314" spans="1:7" x14ac:dyDescent="0.3">
      <c r="A137314" s="13" t="s">
        <v>614</v>
      </c>
      <c r="B137314" s="14" t="s">
        <v>1</v>
      </c>
      <c r="C137314" s="14" t="s">
        <v>596</v>
      </c>
      <c r="D137314" s="14" t="s">
        <v>74</v>
      </c>
      <c r="E137314" s="15">
        <v>45450</v>
      </c>
      <c r="F137314" s="14" t="s">
        <v>25</v>
      </c>
      <c r="G137314" s="16">
        <v>0</v>
      </c>
    </row>
    <row r="137315" spans="1:7" x14ac:dyDescent="0.3">
      <c r="A137315" s="13" t="s">
        <v>614</v>
      </c>
      <c r="B137315" s="14" t="s">
        <v>1</v>
      </c>
      <c r="C137315" s="14" t="s">
        <v>596</v>
      </c>
      <c r="D137315" s="14" t="s">
        <v>74</v>
      </c>
      <c r="E137315" s="15">
        <v>45451</v>
      </c>
      <c r="F137315" s="14" t="s">
        <v>25</v>
      </c>
      <c r="G137315" s="16">
        <v>0</v>
      </c>
    </row>
    <row r="137316" spans="1:7" x14ac:dyDescent="0.3">
      <c r="A137316" s="13" t="s">
        <v>614</v>
      </c>
      <c r="B137316" s="14" t="s">
        <v>1</v>
      </c>
      <c r="C137316" s="14" t="s">
        <v>596</v>
      </c>
      <c r="D137316" s="14" t="s">
        <v>74</v>
      </c>
      <c r="E137316" s="15">
        <v>45452</v>
      </c>
      <c r="F137316" s="14" t="s">
        <v>25</v>
      </c>
      <c r="G137316" s="16">
        <v>0</v>
      </c>
    </row>
    <row r="137317" spans="1:7" x14ac:dyDescent="0.3">
      <c r="A137317" s="13" t="s">
        <v>614</v>
      </c>
      <c r="B137317" s="14" t="s">
        <v>1</v>
      </c>
      <c r="C137317" s="14" t="s">
        <v>596</v>
      </c>
      <c r="D137317" s="14" t="s">
        <v>74</v>
      </c>
      <c r="E137317" s="15">
        <v>45453</v>
      </c>
      <c r="F137317" s="14" t="s">
        <v>25</v>
      </c>
      <c r="G137317" s="16">
        <v>0</v>
      </c>
    </row>
    <row r="137318" spans="1:7" x14ac:dyDescent="0.3">
      <c r="A137318" s="13" t="s">
        <v>614</v>
      </c>
      <c r="B137318" s="14" t="s">
        <v>1</v>
      </c>
      <c r="C137318" s="14" t="s">
        <v>596</v>
      </c>
      <c r="D137318" s="14" t="s">
        <v>74</v>
      </c>
      <c r="E137318" s="15">
        <v>45454</v>
      </c>
      <c r="F137318" s="14" t="s">
        <v>25</v>
      </c>
      <c r="G137318" s="16">
        <v>0</v>
      </c>
    </row>
    <row r="137319" spans="1:7" x14ac:dyDescent="0.3">
      <c r="A137319" s="13" t="s">
        <v>614</v>
      </c>
      <c r="B137319" s="14" t="s">
        <v>1</v>
      </c>
      <c r="C137319" s="14" t="s">
        <v>596</v>
      </c>
      <c r="D137319" s="14" t="s">
        <v>74</v>
      </c>
      <c r="E137319" s="15">
        <v>45455</v>
      </c>
      <c r="F137319" s="14" t="s">
        <v>25</v>
      </c>
      <c r="G137319" s="16">
        <v>0</v>
      </c>
    </row>
    <row r="137320" spans="1:7" x14ac:dyDescent="0.3">
      <c r="A137320" s="13" t="s">
        <v>614</v>
      </c>
      <c r="B137320" s="14" t="s">
        <v>1</v>
      </c>
      <c r="C137320" s="14" t="s">
        <v>596</v>
      </c>
      <c r="D137320" s="14" t="s">
        <v>74</v>
      </c>
      <c r="E137320" s="15">
        <v>45456</v>
      </c>
      <c r="F137320" s="14" t="s">
        <v>25</v>
      </c>
      <c r="G137320" s="16">
        <v>0</v>
      </c>
    </row>
    <row r="137321" spans="1:7" x14ac:dyDescent="0.3">
      <c r="A137321" s="13" t="s">
        <v>614</v>
      </c>
      <c r="B137321" s="14" t="s">
        <v>1</v>
      </c>
      <c r="C137321" s="14" t="s">
        <v>596</v>
      </c>
      <c r="D137321" s="14" t="s">
        <v>74</v>
      </c>
      <c r="E137321" s="15">
        <v>45457</v>
      </c>
      <c r="F137321" s="14" t="s">
        <v>25</v>
      </c>
      <c r="G137321" s="16">
        <v>0</v>
      </c>
    </row>
    <row r="137322" spans="1:7" x14ac:dyDescent="0.3">
      <c r="A137322" s="13" t="s">
        <v>614</v>
      </c>
      <c r="B137322" s="14" t="s">
        <v>1</v>
      </c>
      <c r="C137322" s="14" t="s">
        <v>596</v>
      </c>
      <c r="D137322" s="14" t="s">
        <v>74</v>
      </c>
      <c r="E137322" s="15">
        <v>45458</v>
      </c>
      <c r="F137322" s="14" t="s">
        <v>25</v>
      </c>
      <c r="G137322" s="16">
        <v>0</v>
      </c>
    </row>
    <row r="137323" spans="1:7" x14ac:dyDescent="0.3">
      <c r="A137323" s="13" t="s">
        <v>614</v>
      </c>
      <c r="B137323" s="14" t="s">
        <v>1</v>
      </c>
      <c r="C137323" s="14" t="s">
        <v>596</v>
      </c>
      <c r="D137323" s="14" t="s">
        <v>74</v>
      </c>
      <c r="E137323" s="15">
        <v>45459</v>
      </c>
      <c r="F137323" s="14" t="s">
        <v>25</v>
      </c>
      <c r="G137323" s="16">
        <v>0</v>
      </c>
    </row>
    <row r="137324" spans="1:7" x14ac:dyDescent="0.3">
      <c r="A137324" s="13" t="s">
        <v>614</v>
      </c>
      <c r="B137324" s="14" t="s">
        <v>1</v>
      </c>
      <c r="C137324" s="14" t="s">
        <v>596</v>
      </c>
      <c r="D137324" s="14" t="s">
        <v>74</v>
      </c>
      <c r="E137324" s="15">
        <v>45460</v>
      </c>
      <c r="F137324" s="14" t="s">
        <v>25</v>
      </c>
      <c r="G137324" s="16">
        <v>0</v>
      </c>
    </row>
    <row r="137325" spans="1:7" x14ac:dyDescent="0.3">
      <c r="A137325" s="13" t="s">
        <v>614</v>
      </c>
      <c r="B137325" s="14" t="s">
        <v>1</v>
      </c>
      <c r="C137325" s="14" t="s">
        <v>596</v>
      </c>
      <c r="D137325" s="14" t="s">
        <v>74</v>
      </c>
      <c r="E137325" s="15">
        <v>45461</v>
      </c>
      <c r="F137325" s="14" t="s">
        <v>25</v>
      </c>
      <c r="G137325" s="16">
        <v>0</v>
      </c>
    </row>
    <row r="137326" spans="1:7" x14ac:dyDescent="0.3">
      <c r="A137326" s="13" t="s">
        <v>614</v>
      </c>
      <c r="B137326" s="14" t="s">
        <v>1</v>
      </c>
      <c r="C137326" s="14" t="s">
        <v>596</v>
      </c>
      <c r="D137326" s="14" t="s">
        <v>74</v>
      </c>
      <c r="E137326" s="15">
        <v>45462</v>
      </c>
      <c r="F137326" s="14" t="s">
        <v>25</v>
      </c>
      <c r="G137326" s="16">
        <v>0</v>
      </c>
    </row>
    <row r="137327" spans="1:7" x14ac:dyDescent="0.3">
      <c r="A137327" s="13" t="s">
        <v>614</v>
      </c>
      <c r="B137327" s="14" t="s">
        <v>1</v>
      </c>
      <c r="C137327" s="14" t="s">
        <v>596</v>
      </c>
      <c r="D137327" s="14" t="s">
        <v>74</v>
      </c>
      <c r="E137327" s="15">
        <v>45463</v>
      </c>
      <c r="F137327" s="14" t="s">
        <v>25</v>
      </c>
      <c r="G137327" s="16">
        <v>0</v>
      </c>
    </row>
    <row r="137328" spans="1:7" x14ac:dyDescent="0.3">
      <c r="A137328" s="13" t="s">
        <v>614</v>
      </c>
      <c r="B137328" s="14" t="s">
        <v>1</v>
      </c>
      <c r="C137328" s="14" t="s">
        <v>596</v>
      </c>
      <c r="D137328" s="14" t="s">
        <v>74</v>
      </c>
      <c r="E137328" s="15">
        <v>45464</v>
      </c>
      <c r="F137328" s="14" t="s">
        <v>25</v>
      </c>
      <c r="G137328" s="16">
        <v>0</v>
      </c>
    </row>
    <row r="137329" spans="1:7" x14ac:dyDescent="0.3">
      <c r="A137329" s="13" t="s">
        <v>614</v>
      </c>
      <c r="B137329" s="14" t="s">
        <v>1</v>
      </c>
      <c r="C137329" s="14" t="s">
        <v>596</v>
      </c>
      <c r="D137329" s="14" t="s">
        <v>74</v>
      </c>
      <c r="E137329" s="15">
        <v>45465</v>
      </c>
      <c r="F137329" s="14" t="s">
        <v>25</v>
      </c>
      <c r="G137329" s="16">
        <v>0</v>
      </c>
    </row>
    <row r="137330" spans="1:7" x14ac:dyDescent="0.3">
      <c r="A137330" s="13" t="s">
        <v>614</v>
      </c>
      <c r="B137330" s="14" t="s">
        <v>1</v>
      </c>
      <c r="C137330" s="14" t="s">
        <v>596</v>
      </c>
      <c r="D137330" s="14" t="s">
        <v>74</v>
      </c>
      <c r="E137330" s="15">
        <v>45466</v>
      </c>
      <c r="F137330" s="14" t="s">
        <v>25</v>
      </c>
      <c r="G137330" s="16">
        <v>0</v>
      </c>
    </row>
    <row r="137331" spans="1:7" x14ac:dyDescent="0.3">
      <c r="A137331" s="13" t="s">
        <v>614</v>
      </c>
      <c r="B137331" s="14" t="s">
        <v>1</v>
      </c>
      <c r="C137331" s="14" t="s">
        <v>596</v>
      </c>
      <c r="D137331" s="14" t="s">
        <v>74</v>
      </c>
      <c r="E137331" s="15">
        <v>45467</v>
      </c>
      <c r="F137331" s="14" t="s">
        <v>25</v>
      </c>
      <c r="G137331" s="16">
        <v>0</v>
      </c>
    </row>
    <row r="137332" spans="1:7" x14ac:dyDescent="0.3">
      <c r="A137332" s="13" t="s">
        <v>614</v>
      </c>
      <c r="B137332" s="14" t="s">
        <v>1</v>
      </c>
      <c r="C137332" s="14" t="s">
        <v>596</v>
      </c>
      <c r="D137332" s="14" t="s">
        <v>74</v>
      </c>
      <c r="E137332" s="15">
        <v>45468</v>
      </c>
      <c r="F137332" s="14" t="s">
        <v>25</v>
      </c>
      <c r="G137332" s="16">
        <v>0</v>
      </c>
    </row>
    <row r="137333" spans="1:7" x14ac:dyDescent="0.3">
      <c r="A137333" s="13" t="s">
        <v>614</v>
      </c>
      <c r="B137333" s="14" t="s">
        <v>1</v>
      </c>
      <c r="C137333" s="14" t="s">
        <v>596</v>
      </c>
      <c r="D137333" s="14" t="s">
        <v>74</v>
      </c>
      <c r="E137333" s="15">
        <v>45469</v>
      </c>
      <c r="F137333" s="14" t="s">
        <v>25</v>
      </c>
      <c r="G137333" s="16">
        <v>0</v>
      </c>
    </row>
    <row r="137334" spans="1:7" x14ac:dyDescent="0.3">
      <c r="A137334" s="13" t="s">
        <v>614</v>
      </c>
      <c r="B137334" s="14" t="s">
        <v>1</v>
      </c>
      <c r="C137334" s="14" t="s">
        <v>596</v>
      </c>
      <c r="D137334" s="14" t="s">
        <v>74</v>
      </c>
      <c r="E137334" s="15">
        <v>45470</v>
      </c>
      <c r="F137334" s="14" t="s">
        <v>25</v>
      </c>
      <c r="G137334" s="16">
        <v>0</v>
      </c>
    </row>
    <row r="137335" spans="1:7" x14ac:dyDescent="0.3">
      <c r="A137335" s="13" t="s">
        <v>614</v>
      </c>
      <c r="B137335" s="14" t="s">
        <v>1</v>
      </c>
      <c r="C137335" s="14" t="s">
        <v>596</v>
      </c>
      <c r="D137335" s="14" t="s">
        <v>74</v>
      </c>
      <c r="E137335" s="15">
        <v>45471</v>
      </c>
      <c r="F137335" s="14" t="s">
        <v>25</v>
      </c>
      <c r="G137335" s="16">
        <v>0</v>
      </c>
    </row>
    <row r="137336" spans="1:7" x14ac:dyDescent="0.3">
      <c r="A137336" s="13" t="s">
        <v>614</v>
      </c>
      <c r="B137336" s="14" t="s">
        <v>1</v>
      </c>
      <c r="C137336" s="14" t="s">
        <v>596</v>
      </c>
      <c r="D137336" s="14" t="s">
        <v>74</v>
      </c>
      <c r="E137336" s="15">
        <v>45472</v>
      </c>
      <c r="F137336" s="14" t="s">
        <v>25</v>
      </c>
      <c r="G137336" s="16">
        <v>0</v>
      </c>
    </row>
    <row r="137337" spans="1:7" x14ac:dyDescent="0.3">
      <c r="A137337" s="13" t="s">
        <v>614</v>
      </c>
      <c r="B137337" s="14" t="s">
        <v>1</v>
      </c>
      <c r="C137337" s="14" t="s">
        <v>596</v>
      </c>
      <c r="D137337" s="14" t="s">
        <v>74</v>
      </c>
      <c r="E137337" s="15">
        <v>45473</v>
      </c>
      <c r="F137337" s="14" t="s">
        <v>25</v>
      </c>
      <c r="G137337" s="16">
        <v>0</v>
      </c>
    </row>
    <row r="137338" spans="1:7" x14ac:dyDescent="0.3">
      <c r="A137338" s="13" t="s">
        <v>614</v>
      </c>
      <c r="B137338" s="14" t="s">
        <v>1</v>
      </c>
      <c r="C137338" s="14" t="s">
        <v>596</v>
      </c>
      <c r="D137338" s="14" t="s">
        <v>74</v>
      </c>
      <c r="E137338" s="15">
        <v>45474</v>
      </c>
      <c r="F137338" s="14" t="s">
        <v>25</v>
      </c>
      <c r="G137338" s="16">
        <v>0</v>
      </c>
    </row>
    <row r="137339" spans="1:7" x14ac:dyDescent="0.3">
      <c r="A137339" s="13" t="s">
        <v>614</v>
      </c>
      <c r="B137339" s="14" t="s">
        <v>1</v>
      </c>
      <c r="C137339" s="14" t="s">
        <v>596</v>
      </c>
      <c r="D137339" s="14" t="s">
        <v>74</v>
      </c>
      <c r="E137339" s="15">
        <v>45475</v>
      </c>
      <c r="F137339" s="14" t="s">
        <v>25</v>
      </c>
      <c r="G137339" s="16">
        <v>0</v>
      </c>
    </row>
    <row r="137340" spans="1:7" x14ac:dyDescent="0.3">
      <c r="A137340" s="13" t="s">
        <v>614</v>
      </c>
      <c r="B137340" s="14" t="s">
        <v>1</v>
      </c>
      <c r="C137340" s="14" t="s">
        <v>596</v>
      </c>
      <c r="D137340" s="14" t="s">
        <v>74</v>
      </c>
      <c r="E137340" s="15">
        <v>45476</v>
      </c>
      <c r="F137340" s="14" t="s">
        <v>25</v>
      </c>
      <c r="G137340" s="16">
        <v>0</v>
      </c>
    </row>
    <row r="137341" spans="1:7" x14ac:dyDescent="0.3">
      <c r="A137341" s="13" t="s">
        <v>614</v>
      </c>
      <c r="B137341" s="14" t="s">
        <v>1</v>
      </c>
      <c r="C137341" s="14" t="s">
        <v>596</v>
      </c>
      <c r="D137341" s="14" t="s">
        <v>74</v>
      </c>
      <c r="E137341" s="15">
        <v>45477</v>
      </c>
      <c r="F137341" s="14" t="s">
        <v>25</v>
      </c>
      <c r="G137341" s="16">
        <v>0</v>
      </c>
    </row>
    <row r="137342" spans="1:7" x14ac:dyDescent="0.3">
      <c r="A137342" s="13" t="s">
        <v>614</v>
      </c>
      <c r="B137342" s="14" t="s">
        <v>1</v>
      </c>
      <c r="C137342" s="14" t="s">
        <v>596</v>
      </c>
      <c r="D137342" s="14" t="s">
        <v>74</v>
      </c>
      <c r="E137342" s="15">
        <v>45478</v>
      </c>
      <c r="F137342" s="14" t="s">
        <v>25</v>
      </c>
      <c r="G137342" s="16">
        <v>0</v>
      </c>
    </row>
    <row r="137343" spans="1:7" x14ac:dyDescent="0.3">
      <c r="A137343" s="13" t="s">
        <v>614</v>
      </c>
      <c r="B137343" s="14" t="s">
        <v>1</v>
      </c>
      <c r="C137343" s="14" t="s">
        <v>596</v>
      </c>
      <c r="D137343" s="14" t="s">
        <v>74</v>
      </c>
      <c r="E137343" s="15">
        <v>45479</v>
      </c>
      <c r="F137343" s="14" t="s">
        <v>25</v>
      </c>
      <c r="G137343" s="16">
        <v>0</v>
      </c>
    </row>
    <row r="137344" spans="1:7" x14ac:dyDescent="0.3">
      <c r="A137344" s="13" t="s">
        <v>614</v>
      </c>
      <c r="B137344" s="14" t="s">
        <v>1</v>
      </c>
      <c r="C137344" s="14" t="s">
        <v>596</v>
      </c>
      <c r="D137344" s="14" t="s">
        <v>74</v>
      </c>
      <c r="E137344" s="15">
        <v>45480</v>
      </c>
      <c r="F137344" s="14" t="s">
        <v>25</v>
      </c>
      <c r="G137344" s="16">
        <v>0</v>
      </c>
    </row>
    <row r="137345" spans="1:7" x14ac:dyDescent="0.3">
      <c r="A137345" s="13" t="s">
        <v>614</v>
      </c>
      <c r="B137345" s="14" t="s">
        <v>1</v>
      </c>
      <c r="C137345" s="14" t="s">
        <v>596</v>
      </c>
      <c r="D137345" s="14" t="s">
        <v>74</v>
      </c>
      <c r="E137345" s="15">
        <v>45481</v>
      </c>
      <c r="F137345" s="14" t="s">
        <v>25</v>
      </c>
      <c r="G137345" s="16">
        <v>0</v>
      </c>
    </row>
    <row r="137346" spans="1:7" x14ac:dyDescent="0.3">
      <c r="A137346" s="13" t="s">
        <v>614</v>
      </c>
      <c r="B137346" s="14" t="s">
        <v>1</v>
      </c>
      <c r="C137346" s="14" t="s">
        <v>596</v>
      </c>
      <c r="D137346" s="14" t="s">
        <v>74</v>
      </c>
      <c r="E137346" s="15">
        <v>45482</v>
      </c>
      <c r="F137346" s="14" t="s">
        <v>25</v>
      </c>
      <c r="G137346" s="16">
        <v>0</v>
      </c>
    </row>
    <row r="137347" spans="1:7" x14ac:dyDescent="0.3">
      <c r="A137347" s="13" t="s">
        <v>614</v>
      </c>
      <c r="B137347" s="14" t="s">
        <v>1</v>
      </c>
      <c r="C137347" s="14" t="s">
        <v>596</v>
      </c>
      <c r="D137347" s="14" t="s">
        <v>74</v>
      </c>
      <c r="E137347" s="15">
        <v>45483</v>
      </c>
      <c r="F137347" s="14" t="s">
        <v>25</v>
      </c>
      <c r="G137347" s="16">
        <v>0</v>
      </c>
    </row>
    <row r="137348" spans="1:7" x14ac:dyDescent="0.3">
      <c r="A137348" s="13" t="s">
        <v>614</v>
      </c>
      <c r="B137348" s="14" t="s">
        <v>1</v>
      </c>
      <c r="C137348" s="14" t="s">
        <v>596</v>
      </c>
      <c r="D137348" s="14" t="s">
        <v>74</v>
      </c>
      <c r="E137348" s="15">
        <v>45484</v>
      </c>
      <c r="F137348" s="14" t="s">
        <v>25</v>
      </c>
      <c r="G137348" s="16">
        <v>0</v>
      </c>
    </row>
    <row r="137349" spans="1:7" x14ac:dyDescent="0.3">
      <c r="A137349" s="13" t="s">
        <v>614</v>
      </c>
      <c r="B137349" s="14" t="s">
        <v>1</v>
      </c>
      <c r="C137349" s="14" t="s">
        <v>596</v>
      </c>
      <c r="D137349" s="14" t="s">
        <v>74</v>
      </c>
      <c r="E137349" s="15">
        <v>45485</v>
      </c>
      <c r="F137349" s="14" t="s">
        <v>25</v>
      </c>
      <c r="G137349" s="16">
        <v>0</v>
      </c>
    </row>
    <row r="137350" spans="1:7" x14ac:dyDescent="0.3">
      <c r="A137350" s="13" t="s">
        <v>614</v>
      </c>
      <c r="B137350" s="14" t="s">
        <v>1</v>
      </c>
      <c r="C137350" s="14" t="s">
        <v>596</v>
      </c>
      <c r="D137350" s="14" t="s">
        <v>74</v>
      </c>
      <c r="E137350" s="15">
        <v>45486</v>
      </c>
      <c r="F137350" s="14" t="s">
        <v>25</v>
      </c>
      <c r="G137350" s="16">
        <v>0</v>
      </c>
    </row>
    <row r="137351" spans="1:7" x14ac:dyDescent="0.3">
      <c r="A137351" s="13" t="s">
        <v>614</v>
      </c>
      <c r="B137351" s="14" t="s">
        <v>1</v>
      </c>
      <c r="C137351" s="14" t="s">
        <v>596</v>
      </c>
      <c r="D137351" s="14" t="s">
        <v>74</v>
      </c>
      <c r="E137351" s="15">
        <v>45487</v>
      </c>
      <c r="F137351" s="14" t="s">
        <v>25</v>
      </c>
      <c r="G137351" s="16">
        <v>0</v>
      </c>
    </row>
    <row r="137352" spans="1:7" x14ac:dyDescent="0.3">
      <c r="A137352" s="13" t="s">
        <v>614</v>
      </c>
      <c r="B137352" s="14" t="s">
        <v>1</v>
      </c>
      <c r="C137352" s="14" t="s">
        <v>596</v>
      </c>
      <c r="D137352" s="14" t="s">
        <v>74</v>
      </c>
      <c r="E137352" s="15">
        <v>45488</v>
      </c>
      <c r="F137352" s="14" t="s">
        <v>25</v>
      </c>
      <c r="G137352" s="16">
        <v>0</v>
      </c>
    </row>
    <row r="137353" spans="1:7" x14ac:dyDescent="0.3">
      <c r="A137353" s="13" t="s">
        <v>614</v>
      </c>
      <c r="B137353" s="14" t="s">
        <v>1</v>
      </c>
      <c r="C137353" s="14" t="s">
        <v>596</v>
      </c>
      <c r="D137353" s="14" t="s">
        <v>74</v>
      </c>
      <c r="E137353" s="15">
        <v>45489</v>
      </c>
      <c r="F137353" s="14" t="s">
        <v>25</v>
      </c>
      <c r="G137353" s="16">
        <v>0</v>
      </c>
    </row>
    <row r="137354" spans="1:7" x14ac:dyDescent="0.3">
      <c r="A137354" s="13" t="s">
        <v>614</v>
      </c>
      <c r="B137354" s="14" t="s">
        <v>1</v>
      </c>
      <c r="C137354" s="14" t="s">
        <v>596</v>
      </c>
      <c r="D137354" s="14" t="s">
        <v>74</v>
      </c>
      <c r="E137354" s="15">
        <v>45490</v>
      </c>
      <c r="F137354" s="14" t="s">
        <v>25</v>
      </c>
      <c r="G137354" s="16">
        <v>0</v>
      </c>
    </row>
    <row r="137355" spans="1:7" x14ac:dyDescent="0.3">
      <c r="A137355" s="13" t="s">
        <v>614</v>
      </c>
      <c r="B137355" s="14" t="s">
        <v>1</v>
      </c>
      <c r="C137355" s="14" t="s">
        <v>596</v>
      </c>
      <c r="D137355" s="14" t="s">
        <v>74</v>
      </c>
      <c r="E137355" s="15">
        <v>45491</v>
      </c>
      <c r="F137355" s="14" t="s">
        <v>25</v>
      </c>
      <c r="G137355" s="16">
        <v>0</v>
      </c>
    </row>
    <row r="137356" spans="1:7" x14ac:dyDescent="0.3">
      <c r="A137356" s="13" t="s">
        <v>614</v>
      </c>
      <c r="B137356" s="14" t="s">
        <v>1</v>
      </c>
      <c r="C137356" s="14" t="s">
        <v>596</v>
      </c>
      <c r="D137356" s="14" t="s">
        <v>74</v>
      </c>
      <c r="E137356" s="15">
        <v>45492</v>
      </c>
      <c r="F137356" s="14" t="s">
        <v>25</v>
      </c>
      <c r="G137356" s="16">
        <v>0</v>
      </c>
    </row>
    <row r="137357" spans="1:7" x14ac:dyDescent="0.3">
      <c r="A137357" s="13" t="s">
        <v>614</v>
      </c>
      <c r="B137357" s="14" t="s">
        <v>1</v>
      </c>
      <c r="C137357" s="14" t="s">
        <v>596</v>
      </c>
      <c r="D137357" s="14" t="s">
        <v>74</v>
      </c>
      <c r="E137357" s="15">
        <v>45493</v>
      </c>
      <c r="F137357" s="14" t="s">
        <v>25</v>
      </c>
      <c r="G137357" s="16">
        <v>0</v>
      </c>
    </row>
    <row r="137358" spans="1:7" x14ac:dyDescent="0.3">
      <c r="A137358" s="13" t="s">
        <v>614</v>
      </c>
      <c r="B137358" s="14" t="s">
        <v>1</v>
      </c>
      <c r="C137358" s="14" t="s">
        <v>596</v>
      </c>
      <c r="D137358" s="14" t="s">
        <v>74</v>
      </c>
      <c r="E137358" s="15">
        <v>45494</v>
      </c>
      <c r="F137358" s="14" t="s">
        <v>25</v>
      </c>
      <c r="G137358" s="16">
        <v>0</v>
      </c>
    </row>
    <row r="137359" spans="1:7" x14ac:dyDescent="0.3">
      <c r="A137359" s="13" t="s">
        <v>614</v>
      </c>
      <c r="B137359" s="14" t="s">
        <v>1</v>
      </c>
      <c r="C137359" s="14" t="s">
        <v>596</v>
      </c>
      <c r="D137359" s="14" t="s">
        <v>74</v>
      </c>
      <c r="E137359" s="15">
        <v>45495</v>
      </c>
      <c r="F137359" s="14" t="s">
        <v>25</v>
      </c>
      <c r="G137359" s="16">
        <v>0</v>
      </c>
    </row>
    <row r="137360" spans="1:7" x14ac:dyDescent="0.3">
      <c r="A137360" s="13" t="s">
        <v>614</v>
      </c>
      <c r="B137360" s="14" t="s">
        <v>1</v>
      </c>
      <c r="C137360" s="14" t="s">
        <v>596</v>
      </c>
      <c r="D137360" s="14" t="s">
        <v>74</v>
      </c>
      <c r="E137360" s="15">
        <v>45496</v>
      </c>
      <c r="F137360" s="14" t="s">
        <v>25</v>
      </c>
      <c r="G137360" s="16">
        <v>0</v>
      </c>
    </row>
    <row r="137361" spans="1:7" x14ac:dyDescent="0.3">
      <c r="A137361" s="13" t="s">
        <v>614</v>
      </c>
      <c r="B137361" s="14" t="s">
        <v>1</v>
      </c>
      <c r="C137361" s="14" t="s">
        <v>596</v>
      </c>
      <c r="D137361" s="14" t="s">
        <v>74</v>
      </c>
      <c r="E137361" s="15">
        <v>45497</v>
      </c>
      <c r="F137361" s="14" t="s">
        <v>25</v>
      </c>
      <c r="G137361" s="16">
        <v>0</v>
      </c>
    </row>
    <row r="137362" spans="1:7" x14ac:dyDescent="0.3">
      <c r="A137362" s="13" t="s">
        <v>614</v>
      </c>
      <c r="B137362" s="14" t="s">
        <v>1</v>
      </c>
      <c r="C137362" s="14" t="s">
        <v>596</v>
      </c>
      <c r="D137362" s="14" t="s">
        <v>74</v>
      </c>
      <c r="E137362" s="15">
        <v>45498</v>
      </c>
      <c r="F137362" s="14" t="s">
        <v>25</v>
      </c>
      <c r="G137362" s="16">
        <v>0</v>
      </c>
    </row>
    <row r="137363" spans="1:7" x14ac:dyDescent="0.3">
      <c r="A137363" s="13" t="s">
        <v>614</v>
      </c>
      <c r="B137363" s="14" t="s">
        <v>1</v>
      </c>
      <c r="C137363" s="14" t="s">
        <v>596</v>
      </c>
      <c r="D137363" s="14" t="s">
        <v>74</v>
      </c>
      <c r="E137363" s="15">
        <v>45499</v>
      </c>
      <c r="F137363" s="14" t="s">
        <v>25</v>
      </c>
      <c r="G137363" s="16">
        <v>0</v>
      </c>
    </row>
    <row r="137364" spans="1:7" x14ac:dyDescent="0.3">
      <c r="A137364" s="13" t="s">
        <v>614</v>
      </c>
      <c r="B137364" s="14" t="s">
        <v>1</v>
      </c>
      <c r="C137364" s="14" t="s">
        <v>596</v>
      </c>
      <c r="D137364" s="14" t="s">
        <v>74</v>
      </c>
      <c r="E137364" s="15">
        <v>45500</v>
      </c>
      <c r="F137364" s="14" t="s">
        <v>25</v>
      </c>
      <c r="G137364" s="16">
        <v>0</v>
      </c>
    </row>
    <row r="137365" spans="1:7" x14ac:dyDescent="0.3">
      <c r="A137365" s="13" t="s">
        <v>614</v>
      </c>
      <c r="B137365" s="14" t="s">
        <v>1</v>
      </c>
      <c r="C137365" s="14" t="s">
        <v>596</v>
      </c>
      <c r="D137365" s="14" t="s">
        <v>74</v>
      </c>
      <c r="E137365" s="15">
        <v>45501</v>
      </c>
      <c r="F137365" s="14" t="s">
        <v>25</v>
      </c>
      <c r="G137365" s="16">
        <v>0</v>
      </c>
    </row>
    <row r="137366" spans="1:7" x14ac:dyDescent="0.3">
      <c r="A137366" s="13" t="s">
        <v>614</v>
      </c>
      <c r="B137366" s="14" t="s">
        <v>1</v>
      </c>
      <c r="C137366" s="14" t="s">
        <v>596</v>
      </c>
      <c r="D137366" s="14" t="s">
        <v>74</v>
      </c>
      <c r="E137366" s="15">
        <v>45502</v>
      </c>
      <c r="F137366" s="14" t="s">
        <v>25</v>
      </c>
      <c r="G137366" s="16">
        <v>0</v>
      </c>
    </row>
    <row r="137367" spans="1:7" x14ac:dyDescent="0.3">
      <c r="A137367" s="13" t="s">
        <v>614</v>
      </c>
      <c r="B137367" s="14" t="s">
        <v>1</v>
      </c>
      <c r="C137367" s="14" t="s">
        <v>596</v>
      </c>
      <c r="D137367" s="14" t="s">
        <v>74</v>
      </c>
      <c r="E137367" s="15">
        <v>45503</v>
      </c>
      <c r="F137367" s="14" t="s">
        <v>25</v>
      </c>
      <c r="G137367" s="16">
        <v>0</v>
      </c>
    </row>
    <row r="137368" spans="1:7" x14ac:dyDescent="0.3">
      <c r="A137368" s="13" t="s">
        <v>614</v>
      </c>
      <c r="B137368" s="14" t="s">
        <v>1</v>
      </c>
      <c r="C137368" s="14" t="s">
        <v>596</v>
      </c>
      <c r="D137368" s="14" t="s">
        <v>74</v>
      </c>
      <c r="E137368" s="15">
        <v>45504</v>
      </c>
      <c r="F137368" s="14" t="s">
        <v>25</v>
      </c>
      <c r="G137368" s="16">
        <v>0</v>
      </c>
    </row>
    <row r="137369" spans="1:7" x14ac:dyDescent="0.3">
      <c r="A137369" s="13" t="s">
        <v>614</v>
      </c>
      <c r="B137369" s="14" t="s">
        <v>1</v>
      </c>
      <c r="C137369" s="14" t="s">
        <v>596</v>
      </c>
      <c r="D137369" s="14" t="s">
        <v>74</v>
      </c>
      <c r="E137369" s="15">
        <v>45505</v>
      </c>
      <c r="F137369" s="14" t="s">
        <v>25</v>
      </c>
      <c r="G137369" s="16">
        <v>0</v>
      </c>
    </row>
    <row r="137370" spans="1:7" x14ac:dyDescent="0.3">
      <c r="A137370" s="13" t="s">
        <v>614</v>
      </c>
      <c r="B137370" s="14" t="s">
        <v>1</v>
      </c>
      <c r="C137370" s="14" t="s">
        <v>596</v>
      </c>
      <c r="D137370" s="14" t="s">
        <v>74</v>
      </c>
      <c r="E137370" s="15">
        <v>45506</v>
      </c>
      <c r="F137370" s="14" t="s">
        <v>25</v>
      </c>
      <c r="G137370" s="16">
        <v>0</v>
      </c>
    </row>
    <row r="137371" spans="1:7" x14ac:dyDescent="0.3">
      <c r="A137371" s="13" t="s">
        <v>614</v>
      </c>
      <c r="B137371" s="14" t="s">
        <v>1</v>
      </c>
      <c r="C137371" s="14" t="s">
        <v>596</v>
      </c>
      <c r="D137371" s="14" t="s">
        <v>74</v>
      </c>
      <c r="E137371" s="15">
        <v>45507</v>
      </c>
      <c r="F137371" s="14" t="s">
        <v>25</v>
      </c>
      <c r="G137371" s="16">
        <v>0</v>
      </c>
    </row>
    <row r="137372" spans="1:7" x14ac:dyDescent="0.3">
      <c r="A137372" s="13" t="s">
        <v>614</v>
      </c>
      <c r="B137372" s="14" t="s">
        <v>1</v>
      </c>
      <c r="C137372" s="14" t="s">
        <v>596</v>
      </c>
      <c r="D137372" s="14" t="s">
        <v>74</v>
      </c>
      <c r="E137372" s="15">
        <v>45508</v>
      </c>
      <c r="F137372" s="14" t="s">
        <v>25</v>
      </c>
      <c r="G137372" s="16">
        <v>0</v>
      </c>
    </row>
    <row r="137373" spans="1:7" x14ac:dyDescent="0.3">
      <c r="A137373" s="13" t="s">
        <v>614</v>
      </c>
      <c r="B137373" s="14" t="s">
        <v>1</v>
      </c>
      <c r="C137373" s="14" t="s">
        <v>596</v>
      </c>
      <c r="D137373" s="14" t="s">
        <v>74</v>
      </c>
      <c r="E137373" s="15">
        <v>45509</v>
      </c>
      <c r="F137373" s="14" t="s">
        <v>25</v>
      </c>
      <c r="G137373" s="16">
        <v>0</v>
      </c>
    </row>
    <row r="137374" spans="1:7" x14ac:dyDescent="0.3">
      <c r="A137374" s="13" t="s">
        <v>614</v>
      </c>
      <c r="B137374" s="14" t="s">
        <v>1</v>
      </c>
      <c r="C137374" s="14" t="s">
        <v>596</v>
      </c>
      <c r="D137374" s="14" t="s">
        <v>74</v>
      </c>
      <c r="E137374" s="15">
        <v>45510</v>
      </c>
      <c r="F137374" s="14" t="s">
        <v>25</v>
      </c>
      <c r="G137374" s="16">
        <v>0</v>
      </c>
    </row>
    <row r="137375" spans="1:7" x14ac:dyDescent="0.3">
      <c r="A137375" s="13" t="s">
        <v>614</v>
      </c>
      <c r="B137375" s="14" t="s">
        <v>1</v>
      </c>
      <c r="C137375" s="14" t="s">
        <v>596</v>
      </c>
      <c r="D137375" s="14" t="s">
        <v>74</v>
      </c>
      <c r="E137375" s="15">
        <v>45511</v>
      </c>
      <c r="F137375" s="14" t="s">
        <v>25</v>
      </c>
      <c r="G137375" s="16">
        <v>0</v>
      </c>
    </row>
    <row r="137376" spans="1:7" x14ac:dyDescent="0.3">
      <c r="A137376" s="13" t="s">
        <v>614</v>
      </c>
      <c r="B137376" s="14" t="s">
        <v>1</v>
      </c>
      <c r="C137376" s="14" t="s">
        <v>596</v>
      </c>
      <c r="D137376" s="14" t="s">
        <v>74</v>
      </c>
      <c r="E137376" s="15">
        <v>45512</v>
      </c>
      <c r="F137376" s="14" t="s">
        <v>25</v>
      </c>
      <c r="G137376" s="16">
        <v>0</v>
      </c>
    </row>
    <row r="137377" spans="1:7" x14ac:dyDescent="0.3">
      <c r="A137377" s="13" t="s">
        <v>614</v>
      </c>
      <c r="B137377" s="14" t="s">
        <v>1</v>
      </c>
      <c r="C137377" s="14" t="s">
        <v>596</v>
      </c>
      <c r="D137377" s="14" t="s">
        <v>74</v>
      </c>
      <c r="E137377" s="15">
        <v>45513</v>
      </c>
      <c r="F137377" s="14" t="s">
        <v>25</v>
      </c>
      <c r="G137377" s="16">
        <v>0</v>
      </c>
    </row>
    <row r="137378" spans="1:7" x14ac:dyDescent="0.3">
      <c r="A137378" s="13" t="s">
        <v>614</v>
      </c>
      <c r="B137378" s="14" t="s">
        <v>1</v>
      </c>
      <c r="C137378" s="14" t="s">
        <v>596</v>
      </c>
      <c r="D137378" s="14" t="s">
        <v>74</v>
      </c>
      <c r="E137378" s="15">
        <v>45514</v>
      </c>
      <c r="F137378" s="14" t="s">
        <v>25</v>
      </c>
      <c r="G137378" s="16">
        <v>0</v>
      </c>
    </row>
    <row r="137379" spans="1:7" x14ac:dyDescent="0.3">
      <c r="A137379" s="13" t="s">
        <v>614</v>
      </c>
      <c r="B137379" s="14" t="s">
        <v>1</v>
      </c>
      <c r="C137379" s="14" t="s">
        <v>596</v>
      </c>
      <c r="D137379" s="14" t="s">
        <v>74</v>
      </c>
      <c r="E137379" s="15">
        <v>45515</v>
      </c>
      <c r="F137379" s="14" t="s">
        <v>25</v>
      </c>
      <c r="G137379" s="16">
        <v>0</v>
      </c>
    </row>
    <row r="137380" spans="1:7" x14ac:dyDescent="0.3">
      <c r="A137380" s="13" t="s">
        <v>614</v>
      </c>
      <c r="B137380" s="14" t="s">
        <v>1</v>
      </c>
      <c r="C137380" s="14" t="s">
        <v>596</v>
      </c>
      <c r="D137380" s="14" t="s">
        <v>74</v>
      </c>
      <c r="E137380" s="15">
        <v>45516</v>
      </c>
      <c r="F137380" s="14" t="s">
        <v>25</v>
      </c>
      <c r="G137380" s="16">
        <v>0</v>
      </c>
    </row>
    <row r="137381" spans="1:7" x14ac:dyDescent="0.3">
      <c r="A137381" s="13" t="s">
        <v>614</v>
      </c>
      <c r="B137381" s="14" t="s">
        <v>1</v>
      </c>
      <c r="C137381" s="14" t="s">
        <v>596</v>
      </c>
      <c r="D137381" s="14" t="s">
        <v>74</v>
      </c>
      <c r="E137381" s="15">
        <v>45517</v>
      </c>
      <c r="F137381" s="14" t="s">
        <v>25</v>
      </c>
      <c r="G137381" s="16">
        <v>0</v>
      </c>
    </row>
    <row r="137382" spans="1:7" x14ac:dyDescent="0.3">
      <c r="A137382" s="13" t="s">
        <v>614</v>
      </c>
      <c r="B137382" s="14" t="s">
        <v>1</v>
      </c>
      <c r="C137382" s="14" t="s">
        <v>596</v>
      </c>
      <c r="D137382" s="14" t="s">
        <v>74</v>
      </c>
      <c r="E137382" s="15">
        <v>45518</v>
      </c>
      <c r="F137382" s="14" t="s">
        <v>25</v>
      </c>
      <c r="G137382" s="16">
        <v>0</v>
      </c>
    </row>
    <row r="137383" spans="1:7" x14ac:dyDescent="0.3">
      <c r="A137383" s="13" t="s">
        <v>614</v>
      </c>
      <c r="B137383" s="14" t="s">
        <v>1</v>
      </c>
      <c r="C137383" s="14" t="s">
        <v>596</v>
      </c>
      <c r="D137383" s="14" t="s">
        <v>74</v>
      </c>
      <c r="E137383" s="15">
        <v>45519</v>
      </c>
      <c r="F137383" s="14" t="s">
        <v>25</v>
      </c>
      <c r="G137383" s="16">
        <v>0</v>
      </c>
    </row>
    <row r="137384" spans="1:7" x14ac:dyDescent="0.3">
      <c r="A137384" s="13" t="s">
        <v>614</v>
      </c>
      <c r="B137384" s="14" t="s">
        <v>1</v>
      </c>
      <c r="C137384" s="14" t="s">
        <v>596</v>
      </c>
      <c r="D137384" s="14" t="s">
        <v>74</v>
      </c>
      <c r="E137384" s="15">
        <v>45520</v>
      </c>
      <c r="F137384" s="14" t="s">
        <v>25</v>
      </c>
      <c r="G137384" s="16">
        <v>0</v>
      </c>
    </row>
    <row r="137385" spans="1:7" x14ac:dyDescent="0.3">
      <c r="A137385" s="13" t="s">
        <v>614</v>
      </c>
      <c r="B137385" s="14" t="s">
        <v>1</v>
      </c>
      <c r="C137385" s="14" t="s">
        <v>596</v>
      </c>
      <c r="D137385" s="14" t="s">
        <v>74</v>
      </c>
      <c r="E137385" s="15">
        <v>45521</v>
      </c>
      <c r="F137385" s="14" t="s">
        <v>25</v>
      </c>
      <c r="G137385" s="16">
        <v>0</v>
      </c>
    </row>
    <row r="137386" spans="1:7" x14ac:dyDescent="0.3">
      <c r="A137386" s="13" t="s">
        <v>614</v>
      </c>
      <c r="B137386" s="14" t="s">
        <v>1</v>
      </c>
      <c r="C137386" s="14" t="s">
        <v>596</v>
      </c>
      <c r="D137386" s="14" t="s">
        <v>74</v>
      </c>
      <c r="E137386" s="15">
        <v>45522</v>
      </c>
      <c r="F137386" s="14" t="s">
        <v>25</v>
      </c>
      <c r="G137386" s="16">
        <v>0</v>
      </c>
    </row>
    <row r="137387" spans="1:7" x14ac:dyDescent="0.3">
      <c r="A137387" s="13" t="s">
        <v>614</v>
      </c>
      <c r="B137387" s="14" t="s">
        <v>1</v>
      </c>
      <c r="C137387" s="14" t="s">
        <v>596</v>
      </c>
      <c r="D137387" s="14" t="s">
        <v>74</v>
      </c>
      <c r="E137387" s="15">
        <v>45523</v>
      </c>
      <c r="F137387" s="14" t="s">
        <v>25</v>
      </c>
      <c r="G137387" s="16">
        <v>0</v>
      </c>
    </row>
    <row r="137388" spans="1:7" x14ac:dyDescent="0.3">
      <c r="A137388" s="13" t="s">
        <v>614</v>
      </c>
      <c r="B137388" s="14" t="s">
        <v>1</v>
      </c>
      <c r="C137388" s="14" t="s">
        <v>596</v>
      </c>
      <c r="D137388" s="14" t="s">
        <v>74</v>
      </c>
      <c r="E137388" s="15">
        <v>45524</v>
      </c>
      <c r="F137388" s="14" t="s">
        <v>25</v>
      </c>
      <c r="G137388" s="16">
        <v>0</v>
      </c>
    </row>
    <row r="137389" spans="1:7" x14ac:dyDescent="0.3">
      <c r="A137389" s="13" t="s">
        <v>614</v>
      </c>
      <c r="B137389" s="14" t="s">
        <v>1</v>
      </c>
      <c r="C137389" s="14" t="s">
        <v>596</v>
      </c>
      <c r="D137389" s="14" t="s">
        <v>74</v>
      </c>
      <c r="E137389" s="15">
        <v>45525</v>
      </c>
      <c r="F137389" s="14" t="s">
        <v>25</v>
      </c>
      <c r="G137389" s="16">
        <v>0</v>
      </c>
    </row>
    <row r="137390" spans="1:7" x14ac:dyDescent="0.3">
      <c r="A137390" s="13" t="s">
        <v>614</v>
      </c>
      <c r="B137390" s="14" t="s">
        <v>1</v>
      </c>
      <c r="C137390" s="14" t="s">
        <v>596</v>
      </c>
      <c r="D137390" s="14" t="s">
        <v>74</v>
      </c>
      <c r="E137390" s="15">
        <v>45526</v>
      </c>
      <c r="F137390" s="14" t="s">
        <v>25</v>
      </c>
      <c r="G137390" s="16">
        <v>0</v>
      </c>
    </row>
    <row r="137391" spans="1:7" x14ac:dyDescent="0.3">
      <c r="A137391" s="13" t="s">
        <v>614</v>
      </c>
      <c r="B137391" s="14" t="s">
        <v>1</v>
      </c>
      <c r="C137391" s="14" t="s">
        <v>596</v>
      </c>
      <c r="D137391" s="14" t="s">
        <v>74</v>
      </c>
      <c r="E137391" s="15">
        <v>45527</v>
      </c>
      <c r="F137391" s="14" t="s">
        <v>25</v>
      </c>
      <c r="G137391" s="16">
        <v>0</v>
      </c>
    </row>
    <row r="137392" spans="1:7" x14ac:dyDescent="0.3">
      <c r="A137392" s="13" t="s">
        <v>614</v>
      </c>
      <c r="B137392" s="14" t="s">
        <v>1</v>
      </c>
      <c r="C137392" s="14" t="s">
        <v>596</v>
      </c>
      <c r="D137392" s="14" t="s">
        <v>74</v>
      </c>
      <c r="E137392" s="15">
        <v>45528</v>
      </c>
      <c r="F137392" s="14" t="s">
        <v>25</v>
      </c>
      <c r="G137392" s="16">
        <v>0</v>
      </c>
    </row>
    <row r="137393" spans="1:7" x14ac:dyDescent="0.3">
      <c r="A137393" s="13" t="s">
        <v>614</v>
      </c>
      <c r="B137393" s="14" t="s">
        <v>1</v>
      </c>
      <c r="C137393" s="14" t="s">
        <v>596</v>
      </c>
      <c r="D137393" s="14" t="s">
        <v>74</v>
      </c>
      <c r="E137393" s="15">
        <v>45529</v>
      </c>
      <c r="F137393" s="14" t="s">
        <v>25</v>
      </c>
      <c r="G137393" s="16">
        <v>0</v>
      </c>
    </row>
    <row r="137394" spans="1:7" x14ac:dyDescent="0.3">
      <c r="A137394" s="13" t="s">
        <v>614</v>
      </c>
      <c r="B137394" s="14" t="s">
        <v>1</v>
      </c>
      <c r="C137394" s="14" t="s">
        <v>596</v>
      </c>
      <c r="D137394" s="14" t="s">
        <v>74</v>
      </c>
      <c r="E137394" s="15">
        <v>45530</v>
      </c>
      <c r="F137394" s="14" t="s">
        <v>25</v>
      </c>
      <c r="G137394" s="16">
        <v>0</v>
      </c>
    </row>
    <row r="137395" spans="1:7" x14ac:dyDescent="0.3">
      <c r="A137395" s="13" t="s">
        <v>614</v>
      </c>
      <c r="B137395" s="14" t="s">
        <v>1</v>
      </c>
      <c r="C137395" s="14" t="s">
        <v>596</v>
      </c>
      <c r="D137395" s="14" t="s">
        <v>74</v>
      </c>
      <c r="E137395" s="15">
        <v>45531</v>
      </c>
      <c r="F137395" s="14" t="s">
        <v>25</v>
      </c>
      <c r="G137395" s="16">
        <v>0</v>
      </c>
    </row>
    <row r="137396" spans="1:7" x14ac:dyDescent="0.3">
      <c r="A137396" s="13" t="s">
        <v>614</v>
      </c>
      <c r="B137396" s="14" t="s">
        <v>1</v>
      </c>
      <c r="C137396" s="14" t="s">
        <v>596</v>
      </c>
      <c r="D137396" s="14" t="s">
        <v>74</v>
      </c>
      <c r="E137396" s="15">
        <v>45532</v>
      </c>
      <c r="F137396" s="14" t="s">
        <v>25</v>
      </c>
      <c r="G137396" s="16">
        <v>0</v>
      </c>
    </row>
    <row r="137397" spans="1:7" x14ac:dyDescent="0.3">
      <c r="A137397" s="13" t="s">
        <v>614</v>
      </c>
      <c r="B137397" s="14" t="s">
        <v>1</v>
      </c>
      <c r="C137397" s="14" t="s">
        <v>596</v>
      </c>
      <c r="D137397" s="14" t="s">
        <v>74</v>
      </c>
      <c r="E137397" s="15">
        <v>45533</v>
      </c>
      <c r="F137397" s="14" t="s">
        <v>25</v>
      </c>
      <c r="G137397" s="16">
        <v>0</v>
      </c>
    </row>
    <row r="137398" spans="1:7" x14ac:dyDescent="0.3">
      <c r="A137398" s="13" t="s">
        <v>614</v>
      </c>
      <c r="B137398" s="14" t="s">
        <v>1</v>
      </c>
      <c r="C137398" s="14" t="s">
        <v>596</v>
      </c>
      <c r="D137398" s="14" t="s">
        <v>74</v>
      </c>
      <c r="E137398" s="15">
        <v>45534</v>
      </c>
      <c r="F137398" s="14" t="s">
        <v>25</v>
      </c>
      <c r="G137398" s="16">
        <v>0</v>
      </c>
    </row>
    <row r="137399" spans="1:7" x14ac:dyDescent="0.3">
      <c r="A137399" s="13" t="s">
        <v>614</v>
      </c>
      <c r="B137399" s="14" t="s">
        <v>1</v>
      </c>
      <c r="C137399" s="14" t="s">
        <v>596</v>
      </c>
      <c r="D137399" s="14" t="s">
        <v>74</v>
      </c>
      <c r="E137399" s="15">
        <v>45535</v>
      </c>
      <c r="F137399" s="14" t="s">
        <v>25</v>
      </c>
      <c r="G137399" s="16">
        <v>0</v>
      </c>
    </row>
    <row r="137400" spans="1:7" x14ac:dyDescent="0.3">
      <c r="A137400" s="13" t="s">
        <v>614</v>
      </c>
      <c r="B137400" s="14" t="s">
        <v>1</v>
      </c>
      <c r="C137400" s="14" t="s">
        <v>596</v>
      </c>
      <c r="D137400" s="14" t="s">
        <v>74</v>
      </c>
      <c r="E137400" s="15">
        <v>45536</v>
      </c>
      <c r="F137400" s="14" t="s">
        <v>25</v>
      </c>
      <c r="G137400" s="16">
        <v>0</v>
      </c>
    </row>
    <row r="137401" spans="1:7" x14ac:dyDescent="0.3">
      <c r="A137401" s="13" t="s">
        <v>614</v>
      </c>
      <c r="B137401" s="14" t="s">
        <v>1</v>
      </c>
      <c r="C137401" s="14" t="s">
        <v>596</v>
      </c>
      <c r="D137401" s="14" t="s">
        <v>74</v>
      </c>
      <c r="E137401" s="15">
        <v>45537</v>
      </c>
      <c r="F137401" s="14" t="s">
        <v>25</v>
      </c>
      <c r="G137401" s="16">
        <v>0</v>
      </c>
    </row>
    <row r="137402" spans="1:7" x14ac:dyDescent="0.3">
      <c r="A137402" s="13" t="s">
        <v>614</v>
      </c>
      <c r="B137402" s="14" t="s">
        <v>1</v>
      </c>
      <c r="C137402" s="14" t="s">
        <v>596</v>
      </c>
      <c r="D137402" s="14" t="s">
        <v>74</v>
      </c>
      <c r="E137402" s="15">
        <v>45538</v>
      </c>
      <c r="F137402" s="14" t="s">
        <v>25</v>
      </c>
      <c r="G137402" s="16">
        <v>0</v>
      </c>
    </row>
    <row r="137403" spans="1:7" x14ac:dyDescent="0.3">
      <c r="A137403" s="13" t="s">
        <v>614</v>
      </c>
      <c r="B137403" s="14" t="s">
        <v>1</v>
      </c>
      <c r="C137403" s="14" t="s">
        <v>596</v>
      </c>
      <c r="D137403" s="14" t="s">
        <v>74</v>
      </c>
      <c r="E137403" s="15">
        <v>45539</v>
      </c>
      <c r="F137403" s="14" t="s">
        <v>25</v>
      </c>
      <c r="G137403" s="16">
        <v>0</v>
      </c>
    </row>
    <row r="137404" spans="1:7" x14ac:dyDescent="0.3">
      <c r="A137404" s="13" t="s">
        <v>614</v>
      </c>
      <c r="B137404" s="14" t="s">
        <v>1</v>
      </c>
      <c r="C137404" s="14" t="s">
        <v>596</v>
      </c>
      <c r="D137404" s="14" t="s">
        <v>74</v>
      </c>
      <c r="E137404" s="15">
        <v>45540</v>
      </c>
      <c r="F137404" s="14" t="s">
        <v>25</v>
      </c>
      <c r="G137404" s="16">
        <v>0</v>
      </c>
    </row>
    <row r="137405" spans="1:7" x14ac:dyDescent="0.3">
      <c r="A137405" s="13" t="s">
        <v>614</v>
      </c>
      <c r="B137405" s="14" t="s">
        <v>1</v>
      </c>
      <c r="C137405" s="14" t="s">
        <v>596</v>
      </c>
      <c r="D137405" s="14" t="s">
        <v>74</v>
      </c>
      <c r="E137405" s="15">
        <v>45541</v>
      </c>
      <c r="F137405" s="14" t="s">
        <v>25</v>
      </c>
      <c r="G137405" s="16">
        <v>0</v>
      </c>
    </row>
    <row r="137406" spans="1:7" x14ac:dyDescent="0.3">
      <c r="A137406" s="13" t="s">
        <v>614</v>
      </c>
      <c r="B137406" s="14" t="s">
        <v>1</v>
      </c>
      <c r="C137406" s="14" t="s">
        <v>596</v>
      </c>
      <c r="D137406" s="14" t="s">
        <v>74</v>
      </c>
      <c r="E137406" s="15">
        <v>45542</v>
      </c>
      <c r="F137406" s="14" t="s">
        <v>25</v>
      </c>
      <c r="G137406" s="16">
        <v>0</v>
      </c>
    </row>
    <row r="137407" spans="1:7" x14ac:dyDescent="0.3">
      <c r="A137407" s="13" t="s">
        <v>614</v>
      </c>
      <c r="B137407" s="14" t="s">
        <v>1</v>
      </c>
      <c r="C137407" s="14" t="s">
        <v>596</v>
      </c>
      <c r="D137407" s="14" t="s">
        <v>74</v>
      </c>
      <c r="E137407" s="15">
        <v>45543</v>
      </c>
      <c r="F137407" s="14" t="s">
        <v>25</v>
      </c>
      <c r="G137407" s="16">
        <v>0</v>
      </c>
    </row>
    <row r="137408" spans="1:7" x14ac:dyDescent="0.3">
      <c r="A137408" s="13" t="s">
        <v>614</v>
      </c>
      <c r="B137408" s="14" t="s">
        <v>1</v>
      </c>
      <c r="C137408" s="14" t="s">
        <v>596</v>
      </c>
      <c r="D137408" s="14" t="s">
        <v>74</v>
      </c>
      <c r="E137408" s="15">
        <v>45544</v>
      </c>
      <c r="F137408" s="14" t="s">
        <v>25</v>
      </c>
      <c r="G137408" s="16">
        <v>0</v>
      </c>
    </row>
    <row r="137409" spans="1:7" x14ac:dyDescent="0.3">
      <c r="A137409" s="13" t="s">
        <v>614</v>
      </c>
      <c r="B137409" s="14" t="s">
        <v>1</v>
      </c>
      <c r="C137409" s="14" t="s">
        <v>596</v>
      </c>
      <c r="D137409" s="14" t="s">
        <v>74</v>
      </c>
      <c r="E137409" s="15">
        <v>45545</v>
      </c>
      <c r="F137409" s="14" t="s">
        <v>25</v>
      </c>
      <c r="G137409" s="16">
        <v>0</v>
      </c>
    </row>
    <row r="137410" spans="1:7" x14ac:dyDescent="0.3">
      <c r="A137410" s="13" t="s">
        <v>614</v>
      </c>
      <c r="B137410" s="14" t="s">
        <v>1</v>
      </c>
      <c r="C137410" s="14" t="s">
        <v>596</v>
      </c>
      <c r="D137410" s="14" t="s">
        <v>74</v>
      </c>
      <c r="E137410" s="15">
        <v>45546</v>
      </c>
      <c r="F137410" s="14" t="s">
        <v>25</v>
      </c>
      <c r="G137410" s="16">
        <v>0</v>
      </c>
    </row>
    <row r="137411" spans="1:7" x14ac:dyDescent="0.3">
      <c r="A137411" s="13" t="s">
        <v>614</v>
      </c>
      <c r="B137411" s="14" t="s">
        <v>1</v>
      </c>
      <c r="C137411" s="14" t="s">
        <v>596</v>
      </c>
      <c r="D137411" s="14" t="s">
        <v>74</v>
      </c>
      <c r="E137411" s="15">
        <v>45547</v>
      </c>
      <c r="F137411" s="14" t="s">
        <v>25</v>
      </c>
      <c r="G137411" s="16">
        <v>0</v>
      </c>
    </row>
    <row r="137412" spans="1:7" x14ac:dyDescent="0.3">
      <c r="A137412" s="13" t="s">
        <v>614</v>
      </c>
      <c r="B137412" s="14" t="s">
        <v>1</v>
      </c>
      <c r="C137412" s="14" t="s">
        <v>596</v>
      </c>
      <c r="D137412" s="14" t="s">
        <v>74</v>
      </c>
      <c r="E137412" s="15">
        <v>45548</v>
      </c>
      <c r="F137412" s="14" t="s">
        <v>25</v>
      </c>
      <c r="G137412" s="16">
        <v>0</v>
      </c>
    </row>
    <row r="137413" spans="1:7" x14ac:dyDescent="0.3">
      <c r="A137413" s="13" t="s">
        <v>614</v>
      </c>
      <c r="B137413" s="14" t="s">
        <v>1</v>
      </c>
      <c r="C137413" s="14" t="s">
        <v>596</v>
      </c>
      <c r="D137413" s="14" t="s">
        <v>74</v>
      </c>
      <c r="E137413" s="15">
        <v>45549</v>
      </c>
      <c r="F137413" s="14" t="s">
        <v>25</v>
      </c>
      <c r="G137413" s="16">
        <v>0</v>
      </c>
    </row>
    <row r="137414" spans="1:7" x14ac:dyDescent="0.3">
      <c r="A137414" s="13" t="s">
        <v>614</v>
      </c>
      <c r="B137414" s="14" t="s">
        <v>1</v>
      </c>
      <c r="C137414" s="14" t="s">
        <v>596</v>
      </c>
      <c r="D137414" s="14" t="s">
        <v>74</v>
      </c>
      <c r="E137414" s="15">
        <v>45550</v>
      </c>
      <c r="F137414" s="14" t="s">
        <v>25</v>
      </c>
      <c r="G137414" s="16">
        <v>0</v>
      </c>
    </row>
    <row r="137415" spans="1:7" x14ac:dyDescent="0.3">
      <c r="A137415" s="13" t="s">
        <v>614</v>
      </c>
      <c r="B137415" s="14" t="s">
        <v>1</v>
      </c>
      <c r="C137415" s="14" t="s">
        <v>596</v>
      </c>
      <c r="D137415" s="14" t="s">
        <v>74</v>
      </c>
      <c r="E137415" s="15">
        <v>45551</v>
      </c>
      <c r="F137415" s="14" t="s">
        <v>25</v>
      </c>
      <c r="G137415" s="16">
        <v>0</v>
      </c>
    </row>
    <row r="137416" spans="1:7" x14ac:dyDescent="0.3">
      <c r="A137416" s="13" t="s">
        <v>614</v>
      </c>
      <c r="B137416" s="14" t="s">
        <v>1</v>
      </c>
      <c r="C137416" s="14" t="s">
        <v>596</v>
      </c>
      <c r="D137416" s="14" t="s">
        <v>74</v>
      </c>
      <c r="E137416" s="15">
        <v>45552</v>
      </c>
      <c r="F137416" s="14" t="s">
        <v>25</v>
      </c>
      <c r="G137416" s="16">
        <v>0</v>
      </c>
    </row>
    <row r="137417" spans="1:7" x14ac:dyDescent="0.3">
      <c r="A137417" s="13" t="s">
        <v>614</v>
      </c>
      <c r="B137417" s="14" t="s">
        <v>1</v>
      </c>
      <c r="C137417" s="14" t="s">
        <v>596</v>
      </c>
      <c r="D137417" s="14" t="s">
        <v>74</v>
      </c>
      <c r="E137417" s="15">
        <v>45553</v>
      </c>
      <c r="F137417" s="14" t="s">
        <v>25</v>
      </c>
      <c r="G137417" s="16">
        <v>0</v>
      </c>
    </row>
    <row r="137418" spans="1:7" x14ac:dyDescent="0.3">
      <c r="A137418" s="13" t="s">
        <v>614</v>
      </c>
      <c r="B137418" s="14" t="s">
        <v>1</v>
      </c>
      <c r="C137418" s="14" t="s">
        <v>596</v>
      </c>
      <c r="D137418" s="14" t="s">
        <v>74</v>
      </c>
      <c r="E137418" s="15">
        <v>45554</v>
      </c>
      <c r="F137418" s="14" t="s">
        <v>25</v>
      </c>
      <c r="G137418" s="16">
        <v>0</v>
      </c>
    </row>
    <row r="137419" spans="1:7" x14ac:dyDescent="0.3">
      <c r="A137419" s="13" t="s">
        <v>614</v>
      </c>
      <c r="B137419" s="14" t="s">
        <v>1</v>
      </c>
      <c r="C137419" s="14" t="s">
        <v>596</v>
      </c>
      <c r="D137419" s="14" t="s">
        <v>74</v>
      </c>
      <c r="E137419" s="15">
        <v>45555</v>
      </c>
      <c r="F137419" s="14" t="s">
        <v>25</v>
      </c>
      <c r="G137419" s="16">
        <v>0</v>
      </c>
    </row>
    <row r="137420" spans="1:7" x14ac:dyDescent="0.3">
      <c r="A137420" s="13" t="s">
        <v>614</v>
      </c>
      <c r="B137420" s="14" t="s">
        <v>1</v>
      </c>
      <c r="C137420" s="14" t="s">
        <v>596</v>
      </c>
      <c r="D137420" s="14" t="s">
        <v>74</v>
      </c>
      <c r="E137420" s="15">
        <v>45556</v>
      </c>
      <c r="F137420" s="14" t="s">
        <v>25</v>
      </c>
      <c r="G137420" s="16">
        <v>0</v>
      </c>
    </row>
    <row r="137421" spans="1:7" x14ac:dyDescent="0.3">
      <c r="A137421" s="13" t="s">
        <v>614</v>
      </c>
      <c r="B137421" s="14" t="s">
        <v>1</v>
      </c>
      <c r="C137421" s="14" t="s">
        <v>596</v>
      </c>
      <c r="D137421" s="14" t="s">
        <v>74</v>
      </c>
      <c r="E137421" s="15">
        <v>45557</v>
      </c>
      <c r="F137421" s="14" t="s">
        <v>25</v>
      </c>
      <c r="G137421" s="16">
        <v>0</v>
      </c>
    </row>
    <row r="137422" spans="1:7" x14ac:dyDescent="0.3">
      <c r="A137422" s="13" t="s">
        <v>614</v>
      </c>
      <c r="B137422" s="14" t="s">
        <v>1</v>
      </c>
      <c r="C137422" s="14" t="s">
        <v>596</v>
      </c>
      <c r="D137422" s="14" t="s">
        <v>74</v>
      </c>
      <c r="E137422" s="15">
        <v>45558</v>
      </c>
      <c r="F137422" s="14" t="s">
        <v>25</v>
      </c>
      <c r="G137422" s="16">
        <v>0</v>
      </c>
    </row>
    <row r="137423" spans="1:7" x14ac:dyDescent="0.3">
      <c r="A137423" s="13" t="s">
        <v>614</v>
      </c>
      <c r="B137423" s="14" t="s">
        <v>1</v>
      </c>
      <c r="C137423" s="14" t="s">
        <v>596</v>
      </c>
      <c r="D137423" s="14" t="s">
        <v>74</v>
      </c>
      <c r="E137423" s="15">
        <v>45559</v>
      </c>
      <c r="F137423" s="14" t="s">
        <v>25</v>
      </c>
      <c r="G137423" s="16">
        <v>0</v>
      </c>
    </row>
    <row r="137424" spans="1:7" x14ac:dyDescent="0.3">
      <c r="A137424" s="13" t="s">
        <v>614</v>
      </c>
      <c r="B137424" s="14" t="s">
        <v>1</v>
      </c>
      <c r="C137424" s="14" t="s">
        <v>596</v>
      </c>
      <c r="D137424" s="14" t="s">
        <v>74</v>
      </c>
      <c r="E137424" s="15">
        <v>45560</v>
      </c>
      <c r="F137424" s="14" t="s">
        <v>25</v>
      </c>
      <c r="G137424" s="16">
        <v>0</v>
      </c>
    </row>
    <row r="137425" spans="1:7" x14ac:dyDescent="0.3">
      <c r="A137425" s="13" t="s">
        <v>614</v>
      </c>
      <c r="B137425" s="14" t="s">
        <v>1</v>
      </c>
      <c r="C137425" s="14" t="s">
        <v>596</v>
      </c>
      <c r="D137425" s="14" t="s">
        <v>74</v>
      </c>
      <c r="E137425" s="15">
        <v>45561</v>
      </c>
      <c r="F137425" s="14" t="s">
        <v>25</v>
      </c>
      <c r="G137425" s="16">
        <v>0</v>
      </c>
    </row>
    <row r="137426" spans="1:7" x14ac:dyDescent="0.3">
      <c r="A137426" s="13" t="s">
        <v>614</v>
      </c>
      <c r="B137426" s="14" t="s">
        <v>1</v>
      </c>
      <c r="C137426" s="14" t="s">
        <v>596</v>
      </c>
      <c r="D137426" s="14" t="s">
        <v>74</v>
      </c>
      <c r="E137426" s="15">
        <v>45562</v>
      </c>
      <c r="F137426" s="14" t="s">
        <v>25</v>
      </c>
      <c r="G137426" s="16">
        <v>0</v>
      </c>
    </row>
    <row r="137427" spans="1:7" x14ac:dyDescent="0.3">
      <c r="A137427" s="13" t="s">
        <v>614</v>
      </c>
      <c r="B137427" s="14" t="s">
        <v>1</v>
      </c>
      <c r="C137427" s="14" t="s">
        <v>596</v>
      </c>
      <c r="D137427" s="14" t="s">
        <v>74</v>
      </c>
      <c r="E137427" s="15">
        <v>45563</v>
      </c>
      <c r="F137427" s="14" t="s">
        <v>25</v>
      </c>
      <c r="G137427" s="16">
        <v>0</v>
      </c>
    </row>
    <row r="137428" spans="1:7" x14ac:dyDescent="0.3">
      <c r="A137428" s="13" t="s">
        <v>614</v>
      </c>
      <c r="B137428" s="14" t="s">
        <v>1</v>
      </c>
      <c r="C137428" s="14" t="s">
        <v>596</v>
      </c>
      <c r="D137428" s="14" t="s">
        <v>74</v>
      </c>
      <c r="E137428" s="15">
        <v>45564</v>
      </c>
      <c r="F137428" s="14" t="s">
        <v>25</v>
      </c>
      <c r="G137428" s="16">
        <v>0</v>
      </c>
    </row>
    <row r="137429" spans="1:7" x14ac:dyDescent="0.3">
      <c r="A137429" s="13" t="s">
        <v>614</v>
      </c>
      <c r="B137429" s="14" t="s">
        <v>1</v>
      </c>
      <c r="C137429" s="14" t="s">
        <v>596</v>
      </c>
      <c r="D137429" s="14" t="s">
        <v>74</v>
      </c>
      <c r="E137429" s="15">
        <v>45565</v>
      </c>
      <c r="F137429" s="14" t="s">
        <v>25</v>
      </c>
      <c r="G137429" s="16">
        <v>0</v>
      </c>
    </row>
    <row r="137430" spans="1:7" x14ac:dyDescent="0.3">
      <c r="A137430" s="13" t="s">
        <v>614</v>
      </c>
      <c r="B137430" s="14" t="s">
        <v>1</v>
      </c>
      <c r="C137430" s="14" t="s">
        <v>596</v>
      </c>
      <c r="D137430" s="14" t="s">
        <v>74</v>
      </c>
      <c r="E137430" s="15">
        <v>45566</v>
      </c>
      <c r="F137430" s="14" t="s">
        <v>25</v>
      </c>
      <c r="G137430" s="16">
        <v>0</v>
      </c>
    </row>
    <row r="137431" spans="1:7" x14ac:dyDescent="0.3">
      <c r="A137431" s="13" t="s">
        <v>614</v>
      </c>
      <c r="B137431" s="14" t="s">
        <v>1</v>
      </c>
      <c r="C137431" s="14" t="s">
        <v>596</v>
      </c>
      <c r="D137431" s="14" t="s">
        <v>74</v>
      </c>
      <c r="E137431" s="15">
        <v>45567</v>
      </c>
      <c r="F137431" s="14" t="s">
        <v>25</v>
      </c>
      <c r="G137431" s="16">
        <v>0</v>
      </c>
    </row>
    <row r="137432" spans="1:7" x14ac:dyDescent="0.3">
      <c r="A137432" s="13" t="s">
        <v>614</v>
      </c>
      <c r="B137432" s="14" t="s">
        <v>1</v>
      </c>
      <c r="C137432" s="14" t="s">
        <v>596</v>
      </c>
      <c r="D137432" s="14" t="s">
        <v>74</v>
      </c>
      <c r="E137432" s="15">
        <v>45568</v>
      </c>
      <c r="F137432" s="14" t="s">
        <v>25</v>
      </c>
      <c r="G137432" s="16">
        <v>0</v>
      </c>
    </row>
    <row r="137433" spans="1:7" x14ac:dyDescent="0.3">
      <c r="A137433" s="13" t="s">
        <v>614</v>
      </c>
      <c r="B137433" s="14" t="s">
        <v>1</v>
      </c>
      <c r="C137433" s="14" t="s">
        <v>596</v>
      </c>
      <c r="D137433" s="14" t="s">
        <v>74</v>
      </c>
      <c r="E137433" s="15">
        <v>45569</v>
      </c>
      <c r="F137433" s="14" t="s">
        <v>25</v>
      </c>
      <c r="G137433" s="16">
        <v>0</v>
      </c>
    </row>
    <row r="137434" spans="1:7" x14ac:dyDescent="0.3">
      <c r="A137434" s="13" t="s">
        <v>614</v>
      </c>
      <c r="B137434" s="14" t="s">
        <v>1</v>
      </c>
      <c r="C137434" s="14" t="s">
        <v>596</v>
      </c>
      <c r="D137434" s="14" t="s">
        <v>74</v>
      </c>
      <c r="E137434" s="15">
        <v>45570</v>
      </c>
      <c r="F137434" s="14" t="s">
        <v>25</v>
      </c>
      <c r="G137434" s="16">
        <v>0</v>
      </c>
    </row>
    <row r="137435" spans="1:7" x14ac:dyDescent="0.3">
      <c r="A137435" s="13" t="s">
        <v>614</v>
      </c>
      <c r="B137435" s="14" t="s">
        <v>1</v>
      </c>
      <c r="C137435" s="14" t="s">
        <v>596</v>
      </c>
      <c r="D137435" s="14" t="s">
        <v>74</v>
      </c>
      <c r="E137435" s="15">
        <v>45571</v>
      </c>
      <c r="F137435" s="14" t="s">
        <v>25</v>
      </c>
      <c r="G137435" s="16">
        <v>0</v>
      </c>
    </row>
    <row r="137436" spans="1:7" x14ac:dyDescent="0.3">
      <c r="A137436" s="13" t="s">
        <v>614</v>
      </c>
      <c r="B137436" s="14" t="s">
        <v>1</v>
      </c>
      <c r="C137436" s="14" t="s">
        <v>596</v>
      </c>
      <c r="D137436" s="14" t="s">
        <v>74</v>
      </c>
      <c r="E137436" s="15">
        <v>45572</v>
      </c>
      <c r="F137436" s="14" t="s">
        <v>25</v>
      </c>
      <c r="G137436" s="16">
        <v>0</v>
      </c>
    </row>
    <row r="137437" spans="1:7" x14ac:dyDescent="0.3">
      <c r="A137437" s="13" t="s">
        <v>614</v>
      </c>
      <c r="B137437" s="14" t="s">
        <v>1</v>
      </c>
      <c r="C137437" s="14" t="s">
        <v>596</v>
      </c>
      <c r="D137437" s="14" t="s">
        <v>74</v>
      </c>
      <c r="E137437" s="15">
        <v>45573</v>
      </c>
      <c r="F137437" s="14" t="s">
        <v>25</v>
      </c>
      <c r="G137437" s="16">
        <v>0</v>
      </c>
    </row>
    <row r="137438" spans="1:7" x14ac:dyDescent="0.3">
      <c r="A137438" s="13" t="s">
        <v>614</v>
      </c>
      <c r="B137438" s="14" t="s">
        <v>1</v>
      </c>
      <c r="C137438" s="14" t="s">
        <v>596</v>
      </c>
      <c r="D137438" s="14" t="s">
        <v>74</v>
      </c>
      <c r="E137438" s="15">
        <v>45574</v>
      </c>
      <c r="F137438" s="14" t="s">
        <v>25</v>
      </c>
      <c r="G137438" s="16">
        <v>0</v>
      </c>
    </row>
    <row r="137439" spans="1:7" x14ac:dyDescent="0.3">
      <c r="A137439" s="13" t="s">
        <v>614</v>
      </c>
      <c r="B137439" s="14" t="s">
        <v>1</v>
      </c>
      <c r="C137439" s="14" t="s">
        <v>596</v>
      </c>
      <c r="D137439" s="14" t="s">
        <v>74</v>
      </c>
      <c r="E137439" s="15">
        <v>45575</v>
      </c>
      <c r="F137439" s="14" t="s">
        <v>25</v>
      </c>
      <c r="G137439" s="16">
        <v>0</v>
      </c>
    </row>
    <row r="137440" spans="1:7" x14ac:dyDescent="0.3">
      <c r="A137440" s="13" t="s">
        <v>614</v>
      </c>
      <c r="B137440" s="14" t="s">
        <v>1</v>
      </c>
      <c r="C137440" s="14" t="s">
        <v>596</v>
      </c>
      <c r="D137440" s="14" t="s">
        <v>74</v>
      </c>
      <c r="E137440" s="15">
        <v>45576</v>
      </c>
      <c r="F137440" s="14" t="s">
        <v>25</v>
      </c>
      <c r="G137440" s="16">
        <v>0</v>
      </c>
    </row>
    <row r="137441" spans="1:7" x14ac:dyDescent="0.3">
      <c r="A137441" s="13" t="s">
        <v>614</v>
      </c>
      <c r="B137441" s="14" t="s">
        <v>1</v>
      </c>
      <c r="C137441" s="14" t="s">
        <v>596</v>
      </c>
      <c r="D137441" s="14" t="s">
        <v>74</v>
      </c>
      <c r="E137441" s="15">
        <v>45577</v>
      </c>
      <c r="F137441" s="14" t="s">
        <v>25</v>
      </c>
      <c r="G137441" s="16">
        <v>0</v>
      </c>
    </row>
    <row r="137442" spans="1:7" x14ac:dyDescent="0.3">
      <c r="A137442" s="13" t="s">
        <v>614</v>
      </c>
      <c r="B137442" s="14" t="s">
        <v>1</v>
      </c>
      <c r="C137442" s="14" t="s">
        <v>596</v>
      </c>
      <c r="D137442" s="14" t="s">
        <v>74</v>
      </c>
      <c r="E137442" s="15">
        <v>45578</v>
      </c>
      <c r="F137442" s="14" t="s">
        <v>25</v>
      </c>
      <c r="G137442" s="16">
        <v>0</v>
      </c>
    </row>
    <row r="137443" spans="1:7" x14ac:dyDescent="0.3">
      <c r="A137443" s="13" t="s">
        <v>614</v>
      </c>
      <c r="B137443" s="14" t="s">
        <v>1</v>
      </c>
      <c r="C137443" s="14" t="s">
        <v>596</v>
      </c>
      <c r="D137443" s="14" t="s">
        <v>74</v>
      </c>
      <c r="E137443" s="15">
        <v>45579</v>
      </c>
      <c r="F137443" s="14" t="s">
        <v>25</v>
      </c>
      <c r="G137443" s="16">
        <v>0</v>
      </c>
    </row>
    <row r="137444" spans="1:7" x14ac:dyDescent="0.3">
      <c r="A137444" s="13" t="s">
        <v>614</v>
      </c>
      <c r="B137444" s="14" t="s">
        <v>1</v>
      </c>
      <c r="C137444" s="14" t="s">
        <v>596</v>
      </c>
      <c r="D137444" s="14" t="s">
        <v>74</v>
      </c>
      <c r="E137444" s="15">
        <v>45580</v>
      </c>
      <c r="F137444" s="14" t="s">
        <v>25</v>
      </c>
      <c r="G137444" s="16">
        <v>0</v>
      </c>
    </row>
    <row r="137445" spans="1:7" x14ac:dyDescent="0.3">
      <c r="A137445" s="13" t="s">
        <v>614</v>
      </c>
      <c r="B137445" s="14" t="s">
        <v>1</v>
      </c>
      <c r="C137445" s="14" t="s">
        <v>596</v>
      </c>
      <c r="D137445" s="14" t="s">
        <v>74</v>
      </c>
      <c r="E137445" s="15">
        <v>45581</v>
      </c>
      <c r="F137445" s="14" t="s">
        <v>25</v>
      </c>
      <c r="G137445" s="16">
        <v>0</v>
      </c>
    </row>
    <row r="137446" spans="1:7" x14ac:dyDescent="0.3">
      <c r="A137446" s="13" t="s">
        <v>614</v>
      </c>
      <c r="B137446" s="14" t="s">
        <v>1</v>
      </c>
      <c r="C137446" s="14" t="s">
        <v>596</v>
      </c>
      <c r="D137446" s="14" t="s">
        <v>74</v>
      </c>
      <c r="E137446" s="15">
        <v>45582</v>
      </c>
      <c r="F137446" s="14" t="s">
        <v>25</v>
      </c>
      <c r="G137446" s="16">
        <v>0</v>
      </c>
    </row>
    <row r="137447" spans="1:7" x14ac:dyDescent="0.3">
      <c r="A137447" s="13" t="s">
        <v>614</v>
      </c>
      <c r="B137447" s="14" t="s">
        <v>1</v>
      </c>
      <c r="C137447" s="14" t="s">
        <v>596</v>
      </c>
      <c r="D137447" s="14" t="s">
        <v>74</v>
      </c>
      <c r="E137447" s="15">
        <v>45583</v>
      </c>
      <c r="F137447" s="14" t="s">
        <v>25</v>
      </c>
      <c r="G137447" s="16">
        <v>0</v>
      </c>
    </row>
    <row r="137448" spans="1:7" x14ac:dyDescent="0.3">
      <c r="A137448" s="13" t="s">
        <v>614</v>
      </c>
      <c r="B137448" s="14" t="s">
        <v>1</v>
      </c>
      <c r="C137448" s="14" t="s">
        <v>596</v>
      </c>
      <c r="D137448" s="14" t="s">
        <v>74</v>
      </c>
      <c r="E137448" s="15">
        <v>45584</v>
      </c>
      <c r="F137448" s="14" t="s">
        <v>25</v>
      </c>
      <c r="G137448" s="16">
        <v>0</v>
      </c>
    </row>
    <row r="137449" spans="1:7" x14ac:dyDescent="0.3">
      <c r="A137449" s="13" t="s">
        <v>614</v>
      </c>
      <c r="B137449" s="14" t="s">
        <v>1</v>
      </c>
      <c r="C137449" s="14" t="s">
        <v>596</v>
      </c>
      <c r="D137449" s="14" t="s">
        <v>74</v>
      </c>
      <c r="E137449" s="15">
        <v>45585</v>
      </c>
      <c r="F137449" s="14" t="s">
        <v>25</v>
      </c>
      <c r="G137449" s="16">
        <v>0</v>
      </c>
    </row>
    <row r="137450" spans="1:7" x14ac:dyDescent="0.3">
      <c r="A137450" s="13" t="s">
        <v>614</v>
      </c>
      <c r="B137450" s="14" t="s">
        <v>1</v>
      </c>
      <c r="C137450" s="14" t="s">
        <v>596</v>
      </c>
      <c r="D137450" s="14" t="s">
        <v>74</v>
      </c>
      <c r="E137450" s="15">
        <v>45586</v>
      </c>
      <c r="F137450" s="14" t="s">
        <v>25</v>
      </c>
      <c r="G137450" s="16">
        <v>0</v>
      </c>
    </row>
    <row r="137451" spans="1:7" x14ac:dyDescent="0.3">
      <c r="A137451" s="13" t="s">
        <v>614</v>
      </c>
      <c r="B137451" s="14" t="s">
        <v>1</v>
      </c>
      <c r="C137451" s="14" t="s">
        <v>596</v>
      </c>
      <c r="D137451" s="14" t="s">
        <v>74</v>
      </c>
      <c r="E137451" s="15">
        <v>45587</v>
      </c>
      <c r="F137451" s="14" t="s">
        <v>25</v>
      </c>
      <c r="G137451" s="16">
        <v>0</v>
      </c>
    </row>
    <row r="137452" spans="1:7" x14ac:dyDescent="0.3">
      <c r="A137452" s="13" t="s">
        <v>614</v>
      </c>
      <c r="B137452" s="14" t="s">
        <v>1</v>
      </c>
      <c r="C137452" s="14" t="s">
        <v>596</v>
      </c>
      <c r="D137452" s="14" t="s">
        <v>74</v>
      </c>
      <c r="E137452" s="15">
        <v>45588</v>
      </c>
      <c r="F137452" s="14" t="s">
        <v>25</v>
      </c>
      <c r="G137452" s="16">
        <v>0</v>
      </c>
    </row>
    <row r="137453" spans="1:7" x14ac:dyDescent="0.3">
      <c r="A137453" s="13" t="s">
        <v>614</v>
      </c>
      <c r="B137453" s="14" t="s">
        <v>1</v>
      </c>
      <c r="C137453" s="14" t="s">
        <v>596</v>
      </c>
      <c r="D137453" s="14" t="s">
        <v>74</v>
      </c>
      <c r="E137453" s="15">
        <v>45589</v>
      </c>
      <c r="F137453" s="14" t="s">
        <v>25</v>
      </c>
      <c r="G137453" s="16">
        <v>0</v>
      </c>
    </row>
    <row r="137454" spans="1:7" x14ac:dyDescent="0.3">
      <c r="A137454" s="13" t="s">
        <v>614</v>
      </c>
      <c r="B137454" s="14" t="s">
        <v>1</v>
      </c>
      <c r="C137454" s="14" t="s">
        <v>596</v>
      </c>
      <c r="D137454" s="14" t="s">
        <v>74</v>
      </c>
      <c r="E137454" s="15">
        <v>45590</v>
      </c>
      <c r="F137454" s="14" t="s">
        <v>25</v>
      </c>
      <c r="G137454" s="16">
        <v>0</v>
      </c>
    </row>
    <row r="137455" spans="1:7" x14ac:dyDescent="0.3">
      <c r="A137455" s="13" t="s">
        <v>614</v>
      </c>
      <c r="B137455" s="14" t="s">
        <v>1</v>
      </c>
      <c r="C137455" s="14" t="s">
        <v>596</v>
      </c>
      <c r="D137455" s="14" t="s">
        <v>74</v>
      </c>
      <c r="E137455" s="15">
        <v>45591</v>
      </c>
      <c r="F137455" s="14" t="s">
        <v>25</v>
      </c>
      <c r="G137455" s="16">
        <v>0</v>
      </c>
    </row>
    <row r="137456" spans="1:7" x14ac:dyDescent="0.3">
      <c r="A137456" s="13" t="s">
        <v>614</v>
      </c>
      <c r="B137456" s="14" t="s">
        <v>1</v>
      </c>
      <c r="C137456" s="14" t="s">
        <v>596</v>
      </c>
      <c r="D137456" s="14" t="s">
        <v>74</v>
      </c>
      <c r="E137456" s="15">
        <v>45592</v>
      </c>
      <c r="F137456" s="14" t="s">
        <v>25</v>
      </c>
      <c r="G137456" s="16">
        <v>0</v>
      </c>
    </row>
    <row r="137457" spans="1:7" x14ac:dyDescent="0.3">
      <c r="A137457" s="13" t="s">
        <v>614</v>
      </c>
      <c r="B137457" s="14" t="s">
        <v>1</v>
      </c>
      <c r="C137457" s="14" t="s">
        <v>596</v>
      </c>
      <c r="D137457" s="14" t="s">
        <v>74</v>
      </c>
      <c r="E137457" s="15">
        <v>45593</v>
      </c>
      <c r="F137457" s="14" t="s">
        <v>25</v>
      </c>
      <c r="G137457" s="16">
        <v>0</v>
      </c>
    </row>
    <row r="137458" spans="1:7" x14ac:dyDescent="0.3">
      <c r="A137458" s="13" t="s">
        <v>614</v>
      </c>
      <c r="B137458" s="14" t="s">
        <v>1</v>
      </c>
      <c r="C137458" s="14" t="s">
        <v>596</v>
      </c>
      <c r="D137458" s="14" t="s">
        <v>74</v>
      </c>
      <c r="E137458" s="15">
        <v>45594</v>
      </c>
      <c r="F137458" s="14" t="s">
        <v>25</v>
      </c>
      <c r="G137458" s="16">
        <v>0</v>
      </c>
    </row>
    <row r="137459" spans="1:7" x14ac:dyDescent="0.3">
      <c r="A137459" s="13" t="s">
        <v>614</v>
      </c>
      <c r="B137459" s="14" t="s">
        <v>1</v>
      </c>
      <c r="C137459" s="14" t="s">
        <v>596</v>
      </c>
      <c r="D137459" s="14" t="s">
        <v>74</v>
      </c>
      <c r="E137459" s="15">
        <v>45595</v>
      </c>
      <c r="F137459" s="14" t="s">
        <v>25</v>
      </c>
      <c r="G137459" s="16">
        <v>0</v>
      </c>
    </row>
    <row r="137460" spans="1:7" x14ac:dyDescent="0.3">
      <c r="A137460" s="13" t="s">
        <v>614</v>
      </c>
      <c r="B137460" s="14" t="s">
        <v>1</v>
      </c>
      <c r="C137460" s="14" t="s">
        <v>596</v>
      </c>
      <c r="D137460" s="14" t="s">
        <v>74</v>
      </c>
      <c r="E137460" s="15">
        <v>45596</v>
      </c>
      <c r="F137460" s="14" t="s">
        <v>25</v>
      </c>
      <c r="G137460" s="16">
        <v>0</v>
      </c>
    </row>
    <row r="137461" spans="1:7" x14ac:dyDescent="0.3">
      <c r="A137461" s="13" t="s">
        <v>614</v>
      </c>
      <c r="B137461" s="14" t="s">
        <v>1</v>
      </c>
      <c r="C137461" s="14" t="s">
        <v>596</v>
      </c>
      <c r="D137461" s="14" t="s">
        <v>74</v>
      </c>
      <c r="E137461" s="15">
        <v>45597</v>
      </c>
      <c r="F137461" s="14" t="s">
        <v>25</v>
      </c>
      <c r="G137461" s="16">
        <v>0</v>
      </c>
    </row>
    <row r="137462" spans="1:7" x14ac:dyDescent="0.3">
      <c r="A137462" s="13" t="s">
        <v>614</v>
      </c>
      <c r="B137462" s="14" t="s">
        <v>1</v>
      </c>
      <c r="C137462" s="14" t="s">
        <v>596</v>
      </c>
      <c r="D137462" s="14" t="s">
        <v>74</v>
      </c>
      <c r="E137462" s="15">
        <v>45598</v>
      </c>
      <c r="F137462" s="14" t="s">
        <v>25</v>
      </c>
      <c r="G137462" s="16">
        <v>0</v>
      </c>
    </row>
    <row r="137463" spans="1:7" x14ac:dyDescent="0.3">
      <c r="A137463" s="13" t="s">
        <v>614</v>
      </c>
      <c r="B137463" s="14" t="s">
        <v>1</v>
      </c>
      <c r="C137463" s="14" t="s">
        <v>596</v>
      </c>
      <c r="D137463" s="14" t="s">
        <v>74</v>
      </c>
      <c r="E137463" s="15">
        <v>45599</v>
      </c>
      <c r="F137463" s="14" t="s">
        <v>25</v>
      </c>
      <c r="G137463" s="16">
        <v>0</v>
      </c>
    </row>
    <row r="137464" spans="1:7" x14ac:dyDescent="0.3">
      <c r="A137464" s="13" t="s">
        <v>614</v>
      </c>
      <c r="B137464" s="14" t="s">
        <v>1</v>
      </c>
      <c r="C137464" s="14" t="s">
        <v>596</v>
      </c>
      <c r="D137464" s="14" t="s">
        <v>74</v>
      </c>
      <c r="E137464" s="15">
        <v>45600</v>
      </c>
      <c r="F137464" s="14" t="s">
        <v>25</v>
      </c>
      <c r="G137464" s="16">
        <v>0</v>
      </c>
    </row>
    <row r="137465" spans="1:7" x14ac:dyDescent="0.3">
      <c r="A137465" s="13" t="s">
        <v>614</v>
      </c>
      <c r="B137465" s="14" t="s">
        <v>1</v>
      </c>
      <c r="C137465" s="14" t="s">
        <v>596</v>
      </c>
      <c r="D137465" s="14" t="s">
        <v>74</v>
      </c>
      <c r="E137465" s="15">
        <v>45601</v>
      </c>
      <c r="F137465" s="14" t="s">
        <v>25</v>
      </c>
      <c r="G137465" s="16">
        <v>0</v>
      </c>
    </row>
    <row r="137466" spans="1:7" x14ac:dyDescent="0.3">
      <c r="A137466" s="13" t="s">
        <v>614</v>
      </c>
      <c r="B137466" s="14" t="s">
        <v>1</v>
      </c>
      <c r="C137466" s="14" t="s">
        <v>596</v>
      </c>
      <c r="D137466" s="14" t="s">
        <v>74</v>
      </c>
      <c r="E137466" s="15">
        <v>45602</v>
      </c>
      <c r="F137466" s="14" t="s">
        <v>25</v>
      </c>
      <c r="G137466" s="16">
        <v>0</v>
      </c>
    </row>
    <row r="137467" spans="1:7" x14ac:dyDescent="0.3">
      <c r="A137467" s="13" t="s">
        <v>614</v>
      </c>
      <c r="B137467" s="14" t="s">
        <v>1</v>
      </c>
      <c r="C137467" s="14" t="s">
        <v>596</v>
      </c>
      <c r="D137467" s="14" t="s">
        <v>74</v>
      </c>
      <c r="E137467" s="15">
        <v>45603</v>
      </c>
      <c r="F137467" s="14" t="s">
        <v>25</v>
      </c>
      <c r="G137467" s="16">
        <v>0</v>
      </c>
    </row>
    <row r="137468" spans="1:7" x14ac:dyDescent="0.3">
      <c r="A137468" s="13" t="s">
        <v>614</v>
      </c>
      <c r="B137468" s="14" t="s">
        <v>1</v>
      </c>
      <c r="C137468" s="14" t="s">
        <v>596</v>
      </c>
      <c r="D137468" s="14" t="s">
        <v>74</v>
      </c>
      <c r="E137468" s="15">
        <v>45604</v>
      </c>
      <c r="F137468" s="14" t="s">
        <v>25</v>
      </c>
      <c r="G137468" s="16">
        <v>0</v>
      </c>
    </row>
    <row r="137469" spans="1:7" x14ac:dyDescent="0.3">
      <c r="A137469" s="13" t="s">
        <v>614</v>
      </c>
      <c r="B137469" s="14" t="s">
        <v>1</v>
      </c>
      <c r="C137469" s="14" t="s">
        <v>596</v>
      </c>
      <c r="D137469" s="14" t="s">
        <v>74</v>
      </c>
      <c r="E137469" s="15">
        <v>45605</v>
      </c>
      <c r="F137469" s="14" t="s">
        <v>25</v>
      </c>
      <c r="G137469" s="16">
        <v>0</v>
      </c>
    </row>
    <row r="137470" spans="1:7" x14ac:dyDescent="0.3">
      <c r="A137470" s="13" t="s">
        <v>614</v>
      </c>
      <c r="B137470" s="14" t="s">
        <v>1</v>
      </c>
      <c r="C137470" s="14" t="s">
        <v>596</v>
      </c>
      <c r="D137470" s="14" t="s">
        <v>74</v>
      </c>
      <c r="E137470" s="15">
        <v>45606</v>
      </c>
      <c r="F137470" s="14" t="s">
        <v>25</v>
      </c>
      <c r="G137470" s="16">
        <v>0</v>
      </c>
    </row>
    <row r="137471" spans="1:7" x14ac:dyDescent="0.3">
      <c r="A137471" s="13" t="s">
        <v>614</v>
      </c>
      <c r="B137471" s="14" t="s">
        <v>1</v>
      </c>
      <c r="C137471" s="14" t="s">
        <v>596</v>
      </c>
      <c r="D137471" s="14" t="s">
        <v>74</v>
      </c>
      <c r="E137471" s="15">
        <v>45607</v>
      </c>
      <c r="F137471" s="14" t="s">
        <v>25</v>
      </c>
      <c r="G137471" s="16">
        <v>0</v>
      </c>
    </row>
    <row r="137472" spans="1:7" x14ac:dyDescent="0.3">
      <c r="A137472" s="13" t="s">
        <v>614</v>
      </c>
      <c r="B137472" s="14" t="s">
        <v>1</v>
      </c>
      <c r="C137472" s="14" t="s">
        <v>596</v>
      </c>
      <c r="D137472" s="14" t="s">
        <v>74</v>
      </c>
      <c r="E137472" s="15">
        <v>45608</v>
      </c>
      <c r="F137472" s="14" t="s">
        <v>25</v>
      </c>
      <c r="G137472" s="16">
        <v>0</v>
      </c>
    </row>
    <row r="137473" spans="1:7" x14ac:dyDescent="0.3">
      <c r="A137473" s="13" t="s">
        <v>614</v>
      </c>
      <c r="B137473" s="14" t="s">
        <v>1</v>
      </c>
      <c r="C137473" s="14" t="s">
        <v>596</v>
      </c>
      <c r="D137473" s="14" t="s">
        <v>74</v>
      </c>
      <c r="E137473" s="15">
        <v>45609</v>
      </c>
      <c r="F137473" s="14" t="s">
        <v>25</v>
      </c>
      <c r="G137473" s="16">
        <v>0</v>
      </c>
    </row>
    <row r="137474" spans="1:7" x14ac:dyDescent="0.3">
      <c r="A137474" s="13" t="s">
        <v>614</v>
      </c>
      <c r="B137474" s="14" t="s">
        <v>1</v>
      </c>
      <c r="C137474" s="14" t="s">
        <v>596</v>
      </c>
      <c r="D137474" s="14" t="s">
        <v>74</v>
      </c>
      <c r="E137474" s="15">
        <v>45610</v>
      </c>
      <c r="F137474" s="14" t="s">
        <v>25</v>
      </c>
      <c r="G137474" s="16">
        <v>0</v>
      </c>
    </row>
    <row r="137475" spans="1:7" x14ac:dyDescent="0.3">
      <c r="A137475" s="13" t="s">
        <v>614</v>
      </c>
      <c r="B137475" s="14" t="s">
        <v>1</v>
      </c>
      <c r="C137475" s="14" t="s">
        <v>596</v>
      </c>
      <c r="D137475" s="14" t="s">
        <v>74</v>
      </c>
      <c r="E137475" s="15">
        <v>45611</v>
      </c>
      <c r="F137475" s="14" t="s">
        <v>25</v>
      </c>
      <c r="G137475" s="16">
        <v>0</v>
      </c>
    </row>
    <row r="137476" spans="1:7" x14ac:dyDescent="0.3">
      <c r="A137476" s="13" t="s">
        <v>614</v>
      </c>
      <c r="B137476" s="14" t="s">
        <v>1</v>
      </c>
      <c r="C137476" s="14" t="s">
        <v>596</v>
      </c>
      <c r="D137476" s="14" t="s">
        <v>74</v>
      </c>
      <c r="E137476" s="15">
        <v>45612</v>
      </c>
      <c r="F137476" s="14" t="s">
        <v>25</v>
      </c>
      <c r="G137476" s="16">
        <v>0</v>
      </c>
    </row>
    <row r="137477" spans="1:7" x14ac:dyDescent="0.3">
      <c r="A137477" s="13" t="s">
        <v>614</v>
      </c>
      <c r="B137477" s="14" t="s">
        <v>1</v>
      </c>
      <c r="C137477" s="14" t="s">
        <v>596</v>
      </c>
      <c r="D137477" s="14" t="s">
        <v>74</v>
      </c>
      <c r="E137477" s="15">
        <v>45613</v>
      </c>
      <c r="F137477" s="14" t="s">
        <v>25</v>
      </c>
      <c r="G137477" s="16">
        <v>0</v>
      </c>
    </row>
    <row r="137478" spans="1:7" x14ac:dyDescent="0.3">
      <c r="A137478" s="13" t="s">
        <v>614</v>
      </c>
      <c r="B137478" s="14" t="s">
        <v>1</v>
      </c>
      <c r="C137478" s="14" t="s">
        <v>596</v>
      </c>
      <c r="D137478" s="14" t="s">
        <v>74</v>
      </c>
      <c r="E137478" s="15">
        <v>45614</v>
      </c>
      <c r="F137478" s="14" t="s">
        <v>25</v>
      </c>
      <c r="G137478" s="16">
        <v>0</v>
      </c>
    </row>
    <row r="137479" spans="1:7" x14ac:dyDescent="0.3">
      <c r="A137479" s="13" t="s">
        <v>614</v>
      </c>
      <c r="B137479" s="14" t="s">
        <v>1</v>
      </c>
      <c r="C137479" s="14" t="s">
        <v>596</v>
      </c>
      <c r="D137479" s="14" t="s">
        <v>74</v>
      </c>
      <c r="E137479" s="15">
        <v>45615</v>
      </c>
      <c r="F137479" s="14" t="s">
        <v>25</v>
      </c>
      <c r="G137479" s="16">
        <v>0</v>
      </c>
    </row>
    <row r="137480" spans="1:7" x14ac:dyDescent="0.3">
      <c r="A137480" s="13" t="s">
        <v>614</v>
      </c>
      <c r="B137480" s="14" t="s">
        <v>1</v>
      </c>
      <c r="C137480" s="14" t="s">
        <v>596</v>
      </c>
      <c r="D137480" s="14" t="s">
        <v>74</v>
      </c>
      <c r="E137480" s="15">
        <v>45616</v>
      </c>
      <c r="F137480" s="14" t="s">
        <v>25</v>
      </c>
      <c r="G137480" s="16">
        <v>0</v>
      </c>
    </row>
    <row r="137481" spans="1:7" x14ac:dyDescent="0.3">
      <c r="A137481" s="13" t="s">
        <v>614</v>
      </c>
      <c r="B137481" s="14" t="s">
        <v>1</v>
      </c>
      <c r="C137481" s="14" t="s">
        <v>596</v>
      </c>
      <c r="D137481" s="14" t="s">
        <v>74</v>
      </c>
      <c r="E137481" s="15">
        <v>45617</v>
      </c>
      <c r="F137481" s="14" t="s">
        <v>25</v>
      </c>
      <c r="G137481" s="16">
        <v>0</v>
      </c>
    </row>
    <row r="137482" spans="1:7" x14ac:dyDescent="0.3">
      <c r="A137482" s="13" t="s">
        <v>614</v>
      </c>
      <c r="B137482" s="14" t="s">
        <v>1</v>
      </c>
      <c r="C137482" s="14" t="s">
        <v>596</v>
      </c>
      <c r="D137482" s="14" t="s">
        <v>74</v>
      </c>
      <c r="E137482" s="15">
        <v>45618</v>
      </c>
      <c r="F137482" s="14" t="s">
        <v>25</v>
      </c>
      <c r="G137482" s="16">
        <v>0</v>
      </c>
    </row>
    <row r="137483" spans="1:7" x14ac:dyDescent="0.3">
      <c r="A137483" s="13" t="s">
        <v>614</v>
      </c>
      <c r="B137483" s="14" t="s">
        <v>1</v>
      </c>
      <c r="C137483" s="14" t="s">
        <v>596</v>
      </c>
      <c r="D137483" s="14" t="s">
        <v>74</v>
      </c>
      <c r="E137483" s="15">
        <v>45619</v>
      </c>
      <c r="F137483" s="14" t="s">
        <v>25</v>
      </c>
      <c r="G137483" s="16">
        <v>0</v>
      </c>
    </row>
    <row r="137484" spans="1:7" x14ac:dyDescent="0.3">
      <c r="A137484" s="13" t="s">
        <v>614</v>
      </c>
      <c r="B137484" s="14" t="s">
        <v>1</v>
      </c>
      <c r="C137484" s="14" t="s">
        <v>596</v>
      </c>
      <c r="D137484" s="14" t="s">
        <v>74</v>
      </c>
      <c r="E137484" s="15">
        <v>45620</v>
      </c>
      <c r="F137484" s="14" t="s">
        <v>25</v>
      </c>
      <c r="G137484" s="16">
        <v>0</v>
      </c>
    </row>
    <row r="137485" spans="1:7" x14ac:dyDescent="0.3">
      <c r="A137485" s="13" t="s">
        <v>614</v>
      </c>
      <c r="B137485" s="14" t="s">
        <v>1</v>
      </c>
      <c r="C137485" s="14" t="s">
        <v>596</v>
      </c>
      <c r="D137485" s="14" t="s">
        <v>74</v>
      </c>
      <c r="E137485" s="15">
        <v>45621</v>
      </c>
      <c r="F137485" s="14" t="s">
        <v>25</v>
      </c>
      <c r="G137485" s="16">
        <v>0</v>
      </c>
    </row>
    <row r="137486" spans="1:7" x14ac:dyDescent="0.3">
      <c r="A137486" s="13" t="s">
        <v>614</v>
      </c>
      <c r="B137486" s="14" t="s">
        <v>1</v>
      </c>
      <c r="C137486" s="14" t="s">
        <v>596</v>
      </c>
      <c r="D137486" s="14" t="s">
        <v>74</v>
      </c>
      <c r="E137486" s="15">
        <v>45622</v>
      </c>
      <c r="F137486" s="14" t="s">
        <v>25</v>
      </c>
      <c r="G137486" s="16">
        <v>0</v>
      </c>
    </row>
    <row r="137487" spans="1:7" x14ac:dyDescent="0.3">
      <c r="A137487" s="13" t="s">
        <v>614</v>
      </c>
      <c r="B137487" s="14" t="s">
        <v>1</v>
      </c>
      <c r="C137487" s="14" t="s">
        <v>596</v>
      </c>
      <c r="D137487" s="14" t="s">
        <v>74</v>
      </c>
      <c r="E137487" s="15">
        <v>45623</v>
      </c>
      <c r="F137487" s="14" t="s">
        <v>25</v>
      </c>
      <c r="G137487" s="16">
        <v>0</v>
      </c>
    </row>
    <row r="137488" spans="1:7" x14ac:dyDescent="0.3">
      <c r="A137488" s="13" t="s">
        <v>614</v>
      </c>
      <c r="B137488" s="14" t="s">
        <v>1</v>
      </c>
      <c r="C137488" s="14" t="s">
        <v>596</v>
      </c>
      <c r="D137488" s="14" t="s">
        <v>74</v>
      </c>
      <c r="E137488" s="15">
        <v>45624</v>
      </c>
      <c r="F137488" s="14" t="s">
        <v>25</v>
      </c>
      <c r="G137488" s="16">
        <v>0</v>
      </c>
    </row>
    <row r="137489" spans="1:7" x14ac:dyDescent="0.3">
      <c r="A137489" s="13" t="s">
        <v>614</v>
      </c>
      <c r="B137489" s="14" t="s">
        <v>1</v>
      </c>
      <c r="C137489" s="14" t="s">
        <v>596</v>
      </c>
      <c r="D137489" s="14" t="s">
        <v>74</v>
      </c>
      <c r="E137489" s="15">
        <v>45625</v>
      </c>
      <c r="F137489" s="14" t="s">
        <v>25</v>
      </c>
      <c r="G137489" s="16">
        <v>0</v>
      </c>
    </row>
    <row r="137490" spans="1:7" x14ac:dyDescent="0.3">
      <c r="A137490" s="13" t="s">
        <v>614</v>
      </c>
      <c r="B137490" s="14" t="s">
        <v>1</v>
      </c>
      <c r="C137490" s="14" t="s">
        <v>596</v>
      </c>
      <c r="D137490" s="14" t="s">
        <v>74</v>
      </c>
      <c r="E137490" s="15">
        <v>45626</v>
      </c>
      <c r="F137490" s="14" t="s">
        <v>25</v>
      </c>
      <c r="G137490" s="16">
        <v>0</v>
      </c>
    </row>
    <row r="137491" spans="1:7" x14ac:dyDescent="0.3">
      <c r="A137491" s="13" t="s">
        <v>614</v>
      </c>
      <c r="B137491" s="14" t="s">
        <v>1</v>
      </c>
      <c r="C137491" s="14" t="s">
        <v>596</v>
      </c>
      <c r="D137491" s="14" t="s">
        <v>74</v>
      </c>
      <c r="E137491" s="15">
        <v>45627</v>
      </c>
      <c r="F137491" s="14" t="s">
        <v>25</v>
      </c>
      <c r="G137491" s="16">
        <v>0</v>
      </c>
    </row>
    <row r="137492" spans="1:7" x14ac:dyDescent="0.3">
      <c r="A137492" s="13" t="s">
        <v>614</v>
      </c>
      <c r="B137492" s="14" t="s">
        <v>1</v>
      </c>
      <c r="C137492" s="14" t="s">
        <v>596</v>
      </c>
      <c r="D137492" s="14" t="s">
        <v>74</v>
      </c>
      <c r="E137492" s="15">
        <v>45628</v>
      </c>
      <c r="F137492" s="14" t="s">
        <v>25</v>
      </c>
      <c r="G137492" s="16">
        <v>0</v>
      </c>
    </row>
    <row r="137493" spans="1:7" x14ac:dyDescent="0.3">
      <c r="A137493" s="13" t="s">
        <v>614</v>
      </c>
      <c r="B137493" s="14" t="s">
        <v>1</v>
      </c>
      <c r="C137493" s="14" t="s">
        <v>596</v>
      </c>
      <c r="D137493" s="14" t="s">
        <v>74</v>
      </c>
      <c r="E137493" s="15">
        <v>45629</v>
      </c>
      <c r="F137493" s="14" t="s">
        <v>25</v>
      </c>
      <c r="G137493" s="16">
        <v>0</v>
      </c>
    </row>
    <row r="137494" spans="1:7" x14ac:dyDescent="0.3">
      <c r="A137494" s="13" t="s">
        <v>614</v>
      </c>
      <c r="B137494" s="14" t="s">
        <v>1</v>
      </c>
      <c r="C137494" s="14" t="s">
        <v>596</v>
      </c>
      <c r="D137494" s="14" t="s">
        <v>74</v>
      </c>
      <c r="E137494" s="15">
        <v>45630</v>
      </c>
      <c r="F137494" s="14" t="s">
        <v>25</v>
      </c>
      <c r="G137494" s="16">
        <v>0</v>
      </c>
    </row>
    <row r="137495" spans="1:7" x14ac:dyDescent="0.3">
      <c r="A137495" s="13" t="s">
        <v>614</v>
      </c>
      <c r="B137495" s="14" t="s">
        <v>1</v>
      </c>
      <c r="C137495" s="14" t="s">
        <v>596</v>
      </c>
      <c r="D137495" s="14" t="s">
        <v>74</v>
      </c>
      <c r="E137495" s="15">
        <v>45631</v>
      </c>
      <c r="F137495" s="14" t="s">
        <v>25</v>
      </c>
      <c r="G137495" s="16">
        <v>0</v>
      </c>
    </row>
    <row r="137496" spans="1:7" x14ac:dyDescent="0.3">
      <c r="A137496" s="13" t="s">
        <v>614</v>
      </c>
      <c r="B137496" s="14" t="s">
        <v>1</v>
      </c>
      <c r="C137496" s="14" t="s">
        <v>596</v>
      </c>
      <c r="D137496" s="14" t="s">
        <v>74</v>
      </c>
      <c r="E137496" s="15">
        <v>45632</v>
      </c>
      <c r="F137496" s="14" t="s">
        <v>25</v>
      </c>
      <c r="G137496" s="16">
        <v>0</v>
      </c>
    </row>
    <row r="137497" spans="1:7" x14ac:dyDescent="0.3">
      <c r="A137497" s="13" t="s">
        <v>614</v>
      </c>
      <c r="B137497" s="14" t="s">
        <v>1</v>
      </c>
      <c r="C137497" s="14" t="s">
        <v>596</v>
      </c>
      <c r="D137497" s="14" t="s">
        <v>74</v>
      </c>
      <c r="E137497" s="15">
        <v>45633</v>
      </c>
      <c r="F137497" s="14" t="s">
        <v>25</v>
      </c>
      <c r="G137497" s="16">
        <v>0</v>
      </c>
    </row>
    <row r="137498" spans="1:7" x14ac:dyDescent="0.3">
      <c r="A137498" s="13" t="s">
        <v>614</v>
      </c>
      <c r="B137498" s="14" t="s">
        <v>1</v>
      </c>
      <c r="C137498" s="14" t="s">
        <v>596</v>
      </c>
      <c r="D137498" s="14" t="s">
        <v>74</v>
      </c>
      <c r="E137498" s="15">
        <v>45634</v>
      </c>
      <c r="F137498" s="14" t="s">
        <v>25</v>
      </c>
      <c r="G137498" s="16">
        <v>0</v>
      </c>
    </row>
    <row r="137499" spans="1:7" x14ac:dyDescent="0.3">
      <c r="A137499" s="13" t="s">
        <v>614</v>
      </c>
      <c r="B137499" s="14" t="s">
        <v>1</v>
      </c>
      <c r="C137499" s="14" t="s">
        <v>596</v>
      </c>
      <c r="D137499" s="14" t="s">
        <v>74</v>
      </c>
      <c r="E137499" s="15">
        <v>45635</v>
      </c>
      <c r="F137499" s="14" t="s">
        <v>25</v>
      </c>
      <c r="G137499" s="16">
        <v>0</v>
      </c>
    </row>
    <row r="137500" spans="1:7" x14ac:dyDescent="0.3">
      <c r="A137500" s="13" t="s">
        <v>614</v>
      </c>
      <c r="B137500" s="14" t="s">
        <v>1</v>
      </c>
      <c r="C137500" s="14" t="s">
        <v>596</v>
      </c>
      <c r="D137500" s="14" t="s">
        <v>74</v>
      </c>
      <c r="E137500" s="15">
        <v>45636</v>
      </c>
      <c r="F137500" s="14" t="s">
        <v>25</v>
      </c>
      <c r="G137500" s="16">
        <v>0</v>
      </c>
    </row>
    <row r="137501" spans="1:7" x14ac:dyDescent="0.3">
      <c r="A137501" s="13" t="s">
        <v>614</v>
      </c>
      <c r="B137501" s="14" t="s">
        <v>1</v>
      </c>
      <c r="C137501" s="14" t="s">
        <v>596</v>
      </c>
      <c r="D137501" s="14" t="s">
        <v>74</v>
      </c>
      <c r="E137501" s="15">
        <v>45637</v>
      </c>
      <c r="F137501" s="14" t="s">
        <v>25</v>
      </c>
      <c r="G137501" s="16">
        <v>0</v>
      </c>
    </row>
    <row r="137502" spans="1:7" x14ac:dyDescent="0.3">
      <c r="A137502" s="13" t="s">
        <v>614</v>
      </c>
      <c r="B137502" s="14" t="s">
        <v>1</v>
      </c>
      <c r="C137502" s="14" t="s">
        <v>596</v>
      </c>
      <c r="D137502" s="14" t="s">
        <v>74</v>
      </c>
      <c r="E137502" s="15">
        <v>45638</v>
      </c>
      <c r="F137502" s="14" t="s">
        <v>25</v>
      </c>
      <c r="G137502" s="16">
        <v>0</v>
      </c>
    </row>
    <row r="137503" spans="1:7" x14ac:dyDescent="0.3">
      <c r="A137503" s="13" t="s">
        <v>614</v>
      </c>
      <c r="B137503" s="14" t="s">
        <v>1</v>
      </c>
      <c r="C137503" s="14" t="s">
        <v>596</v>
      </c>
      <c r="D137503" s="14" t="s">
        <v>74</v>
      </c>
      <c r="E137503" s="15">
        <v>45639</v>
      </c>
      <c r="F137503" s="14" t="s">
        <v>25</v>
      </c>
      <c r="G137503" s="16">
        <v>0</v>
      </c>
    </row>
    <row r="137504" spans="1:7" x14ac:dyDescent="0.3">
      <c r="A137504" s="13" t="s">
        <v>614</v>
      </c>
      <c r="B137504" s="14" t="s">
        <v>1</v>
      </c>
      <c r="C137504" s="14" t="s">
        <v>596</v>
      </c>
      <c r="D137504" s="14" t="s">
        <v>74</v>
      </c>
      <c r="E137504" s="15">
        <v>45640</v>
      </c>
      <c r="F137504" s="14" t="s">
        <v>25</v>
      </c>
      <c r="G137504" s="16">
        <v>0</v>
      </c>
    </row>
    <row r="137505" spans="1:7" x14ac:dyDescent="0.3">
      <c r="A137505" s="13" t="s">
        <v>614</v>
      </c>
      <c r="B137505" s="14" t="s">
        <v>1</v>
      </c>
      <c r="C137505" s="14" t="s">
        <v>596</v>
      </c>
      <c r="D137505" s="14" t="s">
        <v>74</v>
      </c>
      <c r="E137505" s="15">
        <v>45641</v>
      </c>
      <c r="F137505" s="14" t="s">
        <v>25</v>
      </c>
      <c r="G137505" s="16">
        <v>0</v>
      </c>
    </row>
    <row r="137506" spans="1:7" x14ac:dyDescent="0.3">
      <c r="A137506" s="13" t="s">
        <v>614</v>
      </c>
      <c r="B137506" s="14" t="s">
        <v>1</v>
      </c>
      <c r="C137506" s="14" t="s">
        <v>596</v>
      </c>
      <c r="D137506" s="14" t="s">
        <v>74</v>
      </c>
      <c r="E137506" s="15">
        <v>45642</v>
      </c>
      <c r="F137506" s="14" t="s">
        <v>25</v>
      </c>
      <c r="G137506" s="16">
        <v>0</v>
      </c>
    </row>
    <row r="137507" spans="1:7" x14ac:dyDescent="0.3">
      <c r="A137507" s="13" t="s">
        <v>614</v>
      </c>
      <c r="B137507" s="14" t="s">
        <v>1</v>
      </c>
      <c r="C137507" s="14" t="s">
        <v>596</v>
      </c>
      <c r="D137507" s="14" t="s">
        <v>74</v>
      </c>
      <c r="E137507" s="15">
        <v>45643</v>
      </c>
      <c r="F137507" s="14" t="s">
        <v>25</v>
      </c>
      <c r="G137507" s="16">
        <v>0</v>
      </c>
    </row>
    <row r="137508" spans="1:7" x14ac:dyDescent="0.3">
      <c r="A137508" s="13" t="s">
        <v>614</v>
      </c>
      <c r="B137508" s="14" t="s">
        <v>1</v>
      </c>
      <c r="C137508" s="14" t="s">
        <v>596</v>
      </c>
      <c r="D137508" s="14" t="s">
        <v>74</v>
      </c>
      <c r="E137508" s="15">
        <v>45644</v>
      </c>
      <c r="F137508" s="14" t="s">
        <v>25</v>
      </c>
      <c r="G137508" s="16">
        <v>0</v>
      </c>
    </row>
    <row r="137509" spans="1:7" x14ac:dyDescent="0.3">
      <c r="A137509" s="13" t="s">
        <v>614</v>
      </c>
      <c r="B137509" s="14" t="s">
        <v>1</v>
      </c>
      <c r="C137509" s="14" t="s">
        <v>596</v>
      </c>
      <c r="D137509" s="14" t="s">
        <v>74</v>
      </c>
      <c r="E137509" s="15">
        <v>45645</v>
      </c>
      <c r="F137509" s="14" t="s">
        <v>25</v>
      </c>
      <c r="G137509" s="16">
        <v>0</v>
      </c>
    </row>
    <row r="137510" spans="1:7" x14ac:dyDescent="0.3">
      <c r="A137510" s="13" t="s">
        <v>614</v>
      </c>
      <c r="B137510" s="14" t="s">
        <v>1</v>
      </c>
      <c r="C137510" s="14" t="s">
        <v>596</v>
      </c>
      <c r="D137510" s="14" t="s">
        <v>74</v>
      </c>
      <c r="E137510" s="15">
        <v>45646</v>
      </c>
      <c r="F137510" s="14" t="s">
        <v>25</v>
      </c>
      <c r="G137510" s="16">
        <v>0</v>
      </c>
    </row>
    <row r="137511" spans="1:7" x14ac:dyDescent="0.3">
      <c r="A137511" s="13" t="s">
        <v>614</v>
      </c>
      <c r="B137511" s="14" t="s">
        <v>1</v>
      </c>
      <c r="C137511" s="14" t="s">
        <v>596</v>
      </c>
      <c r="D137511" s="14" t="s">
        <v>74</v>
      </c>
      <c r="E137511" s="15">
        <v>45647</v>
      </c>
      <c r="F137511" s="14" t="s">
        <v>25</v>
      </c>
      <c r="G137511" s="16">
        <v>0</v>
      </c>
    </row>
    <row r="137512" spans="1:7" x14ac:dyDescent="0.3">
      <c r="A137512" s="13" t="s">
        <v>614</v>
      </c>
      <c r="B137512" s="14" t="s">
        <v>1</v>
      </c>
      <c r="C137512" s="14" t="s">
        <v>596</v>
      </c>
      <c r="D137512" s="14" t="s">
        <v>74</v>
      </c>
      <c r="E137512" s="15">
        <v>45648</v>
      </c>
      <c r="F137512" s="14" t="s">
        <v>25</v>
      </c>
      <c r="G137512" s="16">
        <v>0</v>
      </c>
    </row>
    <row r="137513" spans="1:7" x14ac:dyDescent="0.3">
      <c r="A137513" s="13" t="s">
        <v>614</v>
      </c>
      <c r="B137513" s="14" t="s">
        <v>1</v>
      </c>
      <c r="C137513" s="14" t="s">
        <v>596</v>
      </c>
      <c r="D137513" s="14" t="s">
        <v>74</v>
      </c>
      <c r="E137513" s="15">
        <v>45649</v>
      </c>
      <c r="F137513" s="14" t="s">
        <v>25</v>
      </c>
      <c r="G137513" s="16">
        <v>0</v>
      </c>
    </row>
    <row r="137514" spans="1:7" x14ac:dyDescent="0.3">
      <c r="A137514" s="13" t="s">
        <v>614</v>
      </c>
      <c r="B137514" s="14" t="s">
        <v>1</v>
      </c>
      <c r="C137514" s="14" t="s">
        <v>596</v>
      </c>
      <c r="D137514" s="14" t="s">
        <v>74</v>
      </c>
      <c r="E137514" s="15">
        <v>45650</v>
      </c>
      <c r="F137514" s="14" t="s">
        <v>25</v>
      </c>
      <c r="G137514" s="16">
        <v>0</v>
      </c>
    </row>
    <row r="137515" spans="1:7" x14ac:dyDescent="0.3">
      <c r="A137515" s="13" t="s">
        <v>614</v>
      </c>
      <c r="B137515" s="14" t="s">
        <v>1</v>
      </c>
      <c r="C137515" s="14" t="s">
        <v>596</v>
      </c>
      <c r="D137515" s="14" t="s">
        <v>74</v>
      </c>
      <c r="E137515" s="15">
        <v>45651</v>
      </c>
      <c r="F137515" s="14" t="s">
        <v>25</v>
      </c>
      <c r="G137515" s="16">
        <v>0</v>
      </c>
    </row>
    <row r="137516" spans="1:7" x14ac:dyDescent="0.3">
      <c r="A137516" s="13" t="s">
        <v>614</v>
      </c>
      <c r="B137516" s="14" t="s">
        <v>1</v>
      </c>
      <c r="C137516" s="14" t="s">
        <v>596</v>
      </c>
      <c r="D137516" s="14" t="s">
        <v>74</v>
      </c>
      <c r="E137516" s="15">
        <v>45652</v>
      </c>
      <c r="F137516" s="14" t="s">
        <v>25</v>
      </c>
      <c r="G137516" s="16">
        <v>0</v>
      </c>
    </row>
    <row r="137517" spans="1:7" x14ac:dyDescent="0.3">
      <c r="A137517" s="13" t="s">
        <v>614</v>
      </c>
      <c r="B137517" s="14" t="s">
        <v>1</v>
      </c>
      <c r="C137517" s="14" t="s">
        <v>596</v>
      </c>
      <c r="D137517" s="14" t="s">
        <v>74</v>
      </c>
      <c r="E137517" s="15">
        <v>45653</v>
      </c>
      <c r="F137517" s="14" t="s">
        <v>25</v>
      </c>
      <c r="G137517" s="16">
        <v>0</v>
      </c>
    </row>
    <row r="137518" spans="1:7" x14ac:dyDescent="0.3">
      <c r="A137518" s="13" t="s">
        <v>614</v>
      </c>
      <c r="B137518" s="14" t="s">
        <v>1</v>
      </c>
      <c r="C137518" s="14" t="s">
        <v>596</v>
      </c>
      <c r="D137518" s="14" t="s">
        <v>74</v>
      </c>
      <c r="E137518" s="15">
        <v>45654</v>
      </c>
      <c r="F137518" s="14" t="s">
        <v>25</v>
      </c>
      <c r="G137518" s="16">
        <v>0</v>
      </c>
    </row>
    <row r="137519" spans="1:7" x14ac:dyDescent="0.3">
      <c r="A137519" s="13" t="s">
        <v>614</v>
      </c>
      <c r="B137519" s="14" t="s">
        <v>1</v>
      </c>
      <c r="C137519" s="14" t="s">
        <v>596</v>
      </c>
      <c r="D137519" s="14" t="s">
        <v>74</v>
      </c>
      <c r="E137519" s="15">
        <v>45655</v>
      </c>
      <c r="F137519" s="14" t="s">
        <v>25</v>
      </c>
      <c r="G137519" s="16">
        <v>0</v>
      </c>
    </row>
    <row r="137520" spans="1:7" x14ac:dyDescent="0.3">
      <c r="A137520" s="13" t="s">
        <v>614</v>
      </c>
      <c r="B137520" s="14" t="s">
        <v>1</v>
      </c>
      <c r="C137520" s="14" t="s">
        <v>596</v>
      </c>
      <c r="D137520" s="14" t="s">
        <v>74</v>
      </c>
      <c r="E137520" s="15">
        <v>45656</v>
      </c>
      <c r="F137520" s="14" t="s">
        <v>25</v>
      </c>
      <c r="G137520" s="16">
        <v>0</v>
      </c>
    </row>
    <row r="137521" spans="1:7" x14ac:dyDescent="0.3">
      <c r="A137521" s="13" t="s">
        <v>614</v>
      </c>
      <c r="B137521" s="14" t="s">
        <v>1</v>
      </c>
      <c r="C137521" s="14" t="s">
        <v>596</v>
      </c>
      <c r="D137521" s="14" t="s">
        <v>74</v>
      </c>
      <c r="E137521" s="15">
        <v>45657</v>
      </c>
      <c r="F137521" s="14" t="s">
        <v>25</v>
      </c>
      <c r="G137521" s="16">
        <v>0</v>
      </c>
    </row>
    <row r="137522" spans="1:7" x14ac:dyDescent="0.3">
      <c r="A137522" s="13" t="s">
        <v>614</v>
      </c>
      <c r="B137522" s="14" t="s">
        <v>1</v>
      </c>
      <c r="C137522" s="14" t="s">
        <v>596</v>
      </c>
      <c r="D137522" s="14" t="s">
        <v>74</v>
      </c>
      <c r="E137522" s="15">
        <v>45658</v>
      </c>
      <c r="F137522" s="14" t="s">
        <v>25</v>
      </c>
      <c r="G137522" s="16">
        <v>0</v>
      </c>
    </row>
    <row r="137523" spans="1:7" x14ac:dyDescent="0.3">
      <c r="A137523" s="13" t="s">
        <v>614</v>
      </c>
      <c r="B137523" s="14" t="s">
        <v>1</v>
      </c>
      <c r="C137523" s="14" t="s">
        <v>596</v>
      </c>
      <c r="D137523" s="14" t="s">
        <v>74</v>
      </c>
      <c r="E137523" s="15">
        <v>45659</v>
      </c>
      <c r="F137523" s="14" t="s">
        <v>25</v>
      </c>
      <c r="G137523" s="16">
        <v>0</v>
      </c>
    </row>
    <row r="137524" spans="1:7" x14ac:dyDescent="0.3">
      <c r="A137524" s="13" t="s">
        <v>614</v>
      </c>
      <c r="B137524" s="14" t="s">
        <v>1</v>
      </c>
      <c r="C137524" s="14" t="s">
        <v>596</v>
      </c>
      <c r="D137524" s="14" t="s">
        <v>74</v>
      </c>
      <c r="E137524" s="15">
        <v>45660</v>
      </c>
      <c r="F137524" s="14" t="s">
        <v>25</v>
      </c>
      <c r="G137524" s="16">
        <v>0</v>
      </c>
    </row>
    <row r="137525" spans="1:7" x14ac:dyDescent="0.3">
      <c r="A137525" s="13" t="s">
        <v>614</v>
      </c>
      <c r="B137525" s="14" t="s">
        <v>1</v>
      </c>
      <c r="C137525" s="14" t="s">
        <v>596</v>
      </c>
      <c r="D137525" s="14" t="s">
        <v>74</v>
      </c>
      <c r="E137525" s="15">
        <v>45661</v>
      </c>
      <c r="F137525" s="14" t="s">
        <v>25</v>
      </c>
      <c r="G137525" s="16">
        <v>0</v>
      </c>
    </row>
    <row r="137526" spans="1:7" x14ac:dyDescent="0.3">
      <c r="A137526" s="13" t="s">
        <v>614</v>
      </c>
      <c r="B137526" s="14" t="s">
        <v>1</v>
      </c>
      <c r="C137526" s="14" t="s">
        <v>596</v>
      </c>
      <c r="D137526" s="14" t="s">
        <v>74</v>
      </c>
      <c r="E137526" s="15">
        <v>45662</v>
      </c>
      <c r="F137526" s="14" t="s">
        <v>25</v>
      </c>
      <c r="G137526" s="16">
        <v>0</v>
      </c>
    </row>
    <row r="137527" spans="1:7" x14ac:dyDescent="0.3">
      <c r="A137527" s="13" t="s">
        <v>614</v>
      </c>
      <c r="B137527" s="14" t="s">
        <v>1</v>
      </c>
      <c r="C137527" s="14" t="s">
        <v>596</v>
      </c>
      <c r="D137527" s="14" t="s">
        <v>74</v>
      </c>
      <c r="E137527" s="15">
        <v>45663</v>
      </c>
      <c r="F137527" s="14" t="s">
        <v>25</v>
      </c>
      <c r="G137527" s="16">
        <v>0</v>
      </c>
    </row>
    <row r="137528" spans="1:7" x14ac:dyDescent="0.3">
      <c r="A137528" s="13" t="s">
        <v>614</v>
      </c>
      <c r="B137528" s="14" t="s">
        <v>1</v>
      </c>
      <c r="C137528" s="14" t="s">
        <v>596</v>
      </c>
      <c r="D137528" s="14" t="s">
        <v>74</v>
      </c>
      <c r="E137528" s="15">
        <v>45664</v>
      </c>
      <c r="F137528" s="14" t="s">
        <v>25</v>
      </c>
      <c r="G137528" s="16">
        <v>0</v>
      </c>
    </row>
    <row r="137529" spans="1:7" x14ac:dyDescent="0.3">
      <c r="A137529" s="13" t="s">
        <v>614</v>
      </c>
      <c r="B137529" s="14" t="s">
        <v>1</v>
      </c>
      <c r="C137529" s="14" t="s">
        <v>596</v>
      </c>
      <c r="D137529" s="14" t="s">
        <v>74</v>
      </c>
      <c r="E137529" s="15">
        <v>45665</v>
      </c>
      <c r="F137529" s="14" t="s">
        <v>25</v>
      </c>
      <c r="G137529" s="16">
        <v>0</v>
      </c>
    </row>
    <row r="137530" spans="1:7" x14ac:dyDescent="0.3">
      <c r="A137530" s="13" t="s">
        <v>614</v>
      </c>
      <c r="B137530" s="14" t="s">
        <v>1</v>
      </c>
      <c r="C137530" s="14" t="s">
        <v>596</v>
      </c>
      <c r="D137530" s="14" t="s">
        <v>74</v>
      </c>
      <c r="E137530" s="15">
        <v>45666</v>
      </c>
      <c r="F137530" s="14" t="s">
        <v>25</v>
      </c>
      <c r="G137530" s="16">
        <v>0</v>
      </c>
    </row>
    <row r="137531" spans="1:7" x14ac:dyDescent="0.3">
      <c r="A137531" s="13" t="s">
        <v>614</v>
      </c>
      <c r="B137531" s="14" t="s">
        <v>1</v>
      </c>
      <c r="C137531" s="14" t="s">
        <v>596</v>
      </c>
      <c r="D137531" s="14" t="s">
        <v>74</v>
      </c>
      <c r="E137531" s="15">
        <v>45667</v>
      </c>
      <c r="F137531" s="14" t="s">
        <v>25</v>
      </c>
      <c r="G137531" s="16">
        <v>0</v>
      </c>
    </row>
    <row r="137532" spans="1:7" x14ac:dyDescent="0.3">
      <c r="A137532" s="13" t="s">
        <v>614</v>
      </c>
      <c r="B137532" s="14" t="s">
        <v>1</v>
      </c>
      <c r="C137532" s="14" t="s">
        <v>596</v>
      </c>
      <c r="D137532" s="14" t="s">
        <v>74</v>
      </c>
      <c r="E137532" s="15">
        <v>45668</v>
      </c>
      <c r="F137532" s="14" t="s">
        <v>25</v>
      </c>
      <c r="G137532" s="16">
        <v>0</v>
      </c>
    </row>
    <row r="137533" spans="1:7" x14ac:dyDescent="0.3">
      <c r="A137533" s="13" t="s">
        <v>614</v>
      </c>
      <c r="B137533" s="14" t="s">
        <v>1</v>
      </c>
      <c r="C137533" s="14" t="s">
        <v>596</v>
      </c>
      <c r="D137533" s="14" t="s">
        <v>74</v>
      </c>
      <c r="E137533" s="15">
        <v>45669</v>
      </c>
      <c r="F137533" s="14" t="s">
        <v>25</v>
      </c>
      <c r="G137533" s="16">
        <v>0</v>
      </c>
    </row>
    <row r="137534" spans="1:7" x14ac:dyDescent="0.3">
      <c r="A137534" s="13" t="s">
        <v>614</v>
      </c>
      <c r="B137534" s="14" t="s">
        <v>1</v>
      </c>
      <c r="C137534" s="14" t="s">
        <v>596</v>
      </c>
      <c r="D137534" s="14" t="s">
        <v>74</v>
      </c>
      <c r="E137534" s="15">
        <v>45670</v>
      </c>
      <c r="F137534" s="14" t="s">
        <v>25</v>
      </c>
      <c r="G137534" s="16">
        <v>0</v>
      </c>
    </row>
    <row r="137535" spans="1:7" x14ac:dyDescent="0.3">
      <c r="A137535" s="13" t="s">
        <v>614</v>
      </c>
      <c r="B137535" s="14" t="s">
        <v>1</v>
      </c>
      <c r="C137535" s="14" t="s">
        <v>596</v>
      </c>
      <c r="D137535" s="14" t="s">
        <v>74</v>
      </c>
      <c r="E137535" s="15">
        <v>45671</v>
      </c>
      <c r="F137535" s="14" t="s">
        <v>25</v>
      </c>
      <c r="G137535" s="16">
        <v>0</v>
      </c>
    </row>
    <row r="137536" spans="1:7" x14ac:dyDescent="0.3">
      <c r="A137536" s="13" t="s">
        <v>614</v>
      </c>
      <c r="B137536" s="14" t="s">
        <v>1</v>
      </c>
      <c r="C137536" s="14" t="s">
        <v>596</v>
      </c>
      <c r="D137536" s="14" t="s">
        <v>74</v>
      </c>
      <c r="E137536" s="15">
        <v>45672</v>
      </c>
      <c r="F137536" s="14" t="s">
        <v>25</v>
      </c>
      <c r="G137536" s="16">
        <v>0</v>
      </c>
    </row>
    <row r="137537" spans="1:7" x14ac:dyDescent="0.3">
      <c r="A137537" s="13" t="s">
        <v>614</v>
      </c>
      <c r="B137537" s="14" t="s">
        <v>1</v>
      </c>
      <c r="C137537" s="14" t="s">
        <v>596</v>
      </c>
      <c r="D137537" s="14" t="s">
        <v>74</v>
      </c>
      <c r="E137537" s="15">
        <v>45673</v>
      </c>
      <c r="F137537" s="14" t="s">
        <v>25</v>
      </c>
      <c r="G137537" s="16">
        <v>0</v>
      </c>
    </row>
    <row r="137538" spans="1:7" x14ac:dyDescent="0.3">
      <c r="A137538" s="13" t="s">
        <v>614</v>
      </c>
      <c r="B137538" s="14" t="s">
        <v>1</v>
      </c>
      <c r="C137538" s="14" t="s">
        <v>596</v>
      </c>
      <c r="D137538" s="14" t="s">
        <v>74</v>
      </c>
      <c r="E137538" s="15">
        <v>45674</v>
      </c>
      <c r="F137538" s="14" t="s">
        <v>25</v>
      </c>
      <c r="G137538" s="16">
        <v>0</v>
      </c>
    </row>
    <row r="137539" spans="1:7" x14ac:dyDescent="0.3">
      <c r="A137539" s="13" t="s">
        <v>614</v>
      </c>
      <c r="B137539" s="14" t="s">
        <v>1</v>
      </c>
      <c r="C137539" s="14" t="s">
        <v>596</v>
      </c>
      <c r="D137539" s="14" t="s">
        <v>74</v>
      </c>
      <c r="E137539" s="15">
        <v>45675</v>
      </c>
      <c r="F137539" s="14" t="s">
        <v>25</v>
      </c>
      <c r="G137539" s="16">
        <v>0</v>
      </c>
    </row>
    <row r="137540" spans="1:7" x14ac:dyDescent="0.3">
      <c r="A137540" s="13" t="s">
        <v>614</v>
      </c>
      <c r="B137540" s="14" t="s">
        <v>1</v>
      </c>
      <c r="C137540" s="14" t="s">
        <v>596</v>
      </c>
      <c r="D137540" s="14" t="s">
        <v>74</v>
      </c>
      <c r="E137540" s="15">
        <v>45676</v>
      </c>
      <c r="F137540" s="14" t="s">
        <v>25</v>
      </c>
      <c r="G137540" s="16">
        <v>0</v>
      </c>
    </row>
    <row r="137541" spans="1:7" x14ac:dyDescent="0.3">
      <c r="A137541" s="13" t="s">
        <v>614</v>
      </c>
      <c r="B137541" s="14" t="s">
        <v>1</v>
      </c>
      <c r="C137541" s="14" t="s">
        <v>596</v>
      </c>
      <c r="D137541" s="14" t="s">
        <v>74</v>
      </c>
      <c r="E137541" s="15">
        <v>45677</v>
      </c>
      <c r="F137541" s="14" t="s">
        <v>25</v>
      </c>
      <c r="G137541" s="16">
        <v>0</v>
      </c>
    </row>
    <row r="137542" spans="1:7" x14ac:dyDescent="0.3">
      <c r="A137542" s="13" t="s">
        <v>614</v>
      </c>
      <c r="B137542" s="14" t="s">
        <v>1</v>
      </c>
      <c r="C137542" s="14" t="s">
        <v>596</v>
      </c>
      <c r="D137542" s="14" t="s">
        <v>74</v>
      </c>
      <c r="E137542" s="15">
        <v>45678</v>
      </c>
      <c r="F137542" s="14" t="s">
        <v>25</v>
      </c>
      <c r="G137542" s="16">
        <v>0</v>
      </c>
    </row>
    <row r="137543" spans="1:7" x14ac:dyDescent="0.3">
      <c r="A137543" s="13" t="s">
        <v>614</v>
      </c>
      <c r="B137543" s="14" t="s">
        <v>1</v>
      </c>
      <c r="C137543" s="14" t="s">
        <v>596</v>
      </c>
      <c r="D137543" s="14" t="s">
        <v>74</v>
      </c>
      <c r="E137543" s="15">
        <v>45679</v>
      </c>
      <c r="F137543" s="14" t="s">
        <v>25</v>
      </c>
      <c r="G137543" s="16">
        <v>0</v>
      </c>
    </row>
    <row r="137544" spans="1:7" x14ac:dyDescent="0.3">
      <c r="A137544" s="13" t="s">
        <v>614</v>
      </c>
      <c r="B137544" s="14" t="s">
        <v>1</v>
      </c>
      <c r="C137544" s="14" t="s">
        <v>596</v>
      </c>
      <c r="D137544" s="14" t="s">
        <v>74</v>
      </c>
      <c r="E137544" s="15">
        <v>45680</v>
      </c>
      <c r="F137544" s="14" t="s">
        <v>25</v>
      </c>
      <c r="G137544" s="16">
        <v>0</v>
      </c>
    </row>
    <row r="137545" spans="1:7" x14ac:dyDescent="0.3">
      <c r="A137545" s="13" t="s">
        <v>614</v>
      </c>
      <c r="B137545" s="14" t="s">
        <v>1</v>
      </c>
      <c r="C137545" s="14" t="s">
        <v>596</v>
      </c>
      <c r="D137545" s="14" t="s">
        <v>74</v>
      </c>
      <c r="E137545" s="15">
        <v>45681</v>
      </c>
      <c r="F137545" s="14" t="s">
        <v>25</v>
      </c>
      <c r="G137545" s="16">
        <v>0</v>
      </c>
    </row>
    <row r="137546" spans="1:7" x14ac:dyDescent="0.3">
      <c r="A137546" s="13" t="s">
        <v>614</v>
      </c>
      <c r="B137546" s="14" t="s">
        <v>1</v>
      </c>
      <c r="C137546" s="14" t="s">
        <v>596</v>
      </c>
      <c r="D137546" s="14" t="s">
        <v>74</v>
      </c>
      <c r="E137546" s="15">
        <v>45682</v>
      </c>
      <c r="F137546" s="14" t="s">
        <v>25</v>
      </c>
      <c r="G137546" s="16">
        <v>0</v>
      </c>
    </row>
    <row r="137547" spans="1:7" x14ac:dyDescent="0.3">
      <c r="A137547" s="13" t="s">
        <v>614</v>
      </c>
      <c r="B137547" s="14" t="s">
        <v>1</v>
      </c>
      <c r="C137547" s="14" t="s">
        <v>596</v>
      </c>
      <c r="D137547" s="14" t="s">
        <v>74</v>
      </c>
      <c r="E137547" s="15">
        <v>45683</v>
      </c>
      <c r="F137547" s="14" t="s">
        <v>25</v>
      </c>
      <c r="G137547" s="16">
        <v>0</v>
      </c>
    </row>
    <row r="137548" spans="1:7" x14ac:dyDescent="0.3">
      <c r="A137548" s="13" t="s">
        <v>614</v>
      </c>
      <c r="B137548" s="14" t="s">
        <v>1</v>
      </c>
      <c r="C137548" s="14" t="s">
        <v>596</v>
      </c>
      <c r="D137548" s="14" t="s">
        <v>74</v>
      </c>
      <c r="E137548" s="15">
        <v>45684</v>
      </c>
      <c r="F137548" s="14" t="s">
        <v>25</v>
      </c>
      <c r="G137548" s="16">
        <v>0</v>
      </c>
    </row>
    <row r="137549" spans="1:7" x14ac:dyDescent="0.3">
      <c r="A137549" s="13" t="s">
        <v>614</v>
      </c>
      <c r="B137549" s="14" t="s">
        <v>1</v>
      </c>
      <c r="C137549" s="14" t="s">
        <v>596</v>
      </c>
      <c r="D137549" s="14" t="s">
        <v>74</v>
      </c>
      <c r="E137549" s="15">
        <v>45685</v>
      </c>
      <c r="F137549" s="14" t="s">
        <v>25</v>
      </c>
      <c r="G137549" s="16">
        <v>0</v>
      </c>
    </row>
    <row r="137550" spans="1:7" x14ac:dyDescent="0.3">
      <c r="A137550" s="13" t="s">
        <v>614</v>
      </c>
      <c r="B137550" s="14" t="s">
        <v>1</v>
      </c>
      <c r="C137550" s="14" t="s">
        <v>596</v>
      </c>
      <c r="D137550" s="14" t="s">
        <v>74</v>
      </c>
      <c r="E137550" s="15">
        <v>45686</v>
      </c>
      <c r="F137550" s="14" t="s">
        <v>25</v>
      </c>
      <c r="G137550" s="16">
        <v>0</v>
      </c>
    </row>
    <row r="137551" spans="1:7" x14ac:dyDescent="0.3">
      <c r="A137551" s="13" t="s">
        <v>614</v>
      </c>
      <c r="B137551" s="14" t="s">
        <v>1</v>
      </c>
      <c r="C137551" s="14" t="s">
        <v>596</v>
      </c>
      <c r="D137551" s="14" t="s">
        <v>74</v>
      </c>
      <c r="E137551" s="15">
        <v>45687</v>
      </c>
      <c r="F137551" s="14" t="s">
        <v>25</v>
      </c>
      <c r="G137551" s="16">
        <v>0</v>
      </c>
    </row>
    <row r="137552" spans="1:7" x14ac:dyDescent="0.3">
      <c r="A137552" s="13" t="s">
        <v>614</v>
      </c>
      <c r="B137552" s="14" t="s">
        <v>1</v>
      </c>
      <c r="C137552" s="14" t="s">
        <v>596</v>
      </c>
      <c r="D137552" s="14" t="s">
        <v>74</v>
      </c>
      <c r="E137552" s="15">
        <v>45688</v>
      </c>
      <c r="F137552" s="14" t="s">
        <v>25</v>
      </c>
      <c r="G137552" s="16">
        <v>0</v>
      </c>
    </row>
    <row r="137553" spans="1:7" x14ac:dyDescent="0.3">
      <c r="A137553" s="13" t="s">
        <v>614</v>
      </c>
      <c r="B137553" s="14" t="s">
        <v>1</v>
      </c>
      <c r="C137553" s="14" t="s">
        <v>596</v>
      </c>
      <c r="D137553" s="14" t="s">
        <v>74</v>
      </c>
      <c r="E137553" s="15">
        <v>45689</v>
      </c>
      <c r="F137553" s="14" t="s">
        <v>25</v>
      </c>
      <c r="G137553" s="16">
        <v>0</v>
      </c>
    </row>
    <row r="137554" spans="1:7" x14ac:dyDescent="0.3">
      <c r="A137554" s="13" t="s">
        <v>614</v>
      </c>
      <c r="B137554" s="14" t="s">
        <v>1</v>
      </c>
      <c r="C137554" s="14" t="s">
        <v>596</v>
      </c>
      <c r="D137554" s="14" t="s">
        <v>74</v>
      </c>
      <c r="E137554" s="15">
        <v>45690</v>
      </c>
      <c r="F137554" s="14" t="s">
        <v>25</v>
      </c>
      <c r="G137554" s="16">
        <v>0</v>
      </c>
    </row>
    <row r="137555" spans="1:7" x14ac:dyDescent="0.3">
      <c r="A137555" s="13" t="s">
        <v>614</v>
      </c>
      <c r="B137555" s="14" t="s">
        <v>1</v>
      </c>
      <c r="C137555" s="14" t="s">
        <v>596</v>
      </c>
      <c r="D137555" s="14" t="s">
        <v>74</v>
      </c>
      <c r="E137555" s="15">
        <v>45691</v>
      </c>
      <c r="F137555" s="14" t="s">
        <v>25</v>
      </c>
      <c r="G137555" s="16">
        <v>0</v>
      </c>
    </row>
    <row r="137556" spans="1:7" x14ac:dyDescent="0.3">
      <c r="A137556" s="13" t="s">
        <v>614</v>
      </c>
      <c r="B137556" s="14" t="s">
        <v>1</v>
      </c>
      <c r="C137556" s="14" t="s">
        <v>596</v>
      </c>
      <c r="D137556" s="14" t="s">
        <v>74</v>
      </c>
      <c r="E137556" s="15">
        <v>45692</v>
      </c>
      <c r="F137556" s="14" t="s">
        <v>25</v>
      </c>
      <c r="G137556" s="16">
        <v>0</v>
      </c>
    </row>
    <row r="137557" spans="1:7" x14ac:dyDescent="0.3">
      <c r="A137557" s="13" t="s">
        <v>614</v>
      </c>
      <c r="B137557" s="14" t="s">
        <v>1</v>
      </c>
      <c r="C137557" s="14" t="s">
        <v>596</v>
      </c>
      <c r="D137557" s="14" t="s">
        <v>74</v>
      </c>
      <c r="E137557" s="15">
        <v>45693</v>
      </c>
      <c r="F137557" s="14" t="s">
        <v>25</v>
      </c>
      <c r="G137557" s="16">
        <v>0</v>
      </c>
    </row>
    <row r="137558" spans="1:7" x14ac:dyDescent="0.3">
      <c r="A137558" s="13" t="s">
        <v>614</v>
      </c>
      <c r="B137558" s="14" t="s">
        <v>1</v>
      </c>
      <c r="C137558" s="14" t="s">
        <v>596</v>
      </c>
      <c r="D137558" s="14" t="s">
        <v>74</v>
      </c>
      <c r="E137558" s="15">
        <v>45694</v>
      </c>
      <c r="F137558" s="14" t="s">
        <v>25</v>
      </c>
      <c r="G137558" s="16">
        <v>0</v>
      </c>
    </row>
    <row r="137559" spans="1:7" x14ac:dyDescent="0.3">
      <c r="A137559" s="13" t="s">
        <v>614</v>
      </c>
      <c r="B137559" s="14" t="s">
        <v>1</v>
      </c>
      <c r="C137559" s="14" t="s">
        <v>596</v>
      </c>
      <c r="D137559" s="14" t="s">
        <v>74</v>
      </c>
      <c r="E137559" s="15">
        <v>45695</v>
      </c>
      <c r="F137559" s="14" t="s">
        <v>25</v>
      </c>
      <c r="G137559" s="16">
        <v>0</v>
      </c>
    </row>
    <row r="137560" spans="1:7" x14ac:dyDescent="0.3">
      <c r="A137560" s="13" t="s">
        <v>614</v>
      </c>
      <c r="B137560" s="14" t="s">
        <v>1</v>
      </c>
      <c r="C137560" s="14" t="s">
        <v>596</v>
      </c>
      <c r="D137560" s="14" t="s">
        <v>74</v>
      </c>
      <c r="E137560" s="15">
        <v>45696</v>
      </c>
      <c r="F137560" s="14" t="s">
        <v>25</v>
      </c>
      <c r="G137560" s="16">
        <v>0</v>
      </c>
    </row>
    <row r="137561" spans="1:7" x14ac:dyDescent="0.3">
      <c r="A137561" s="13" t="s">
        <v>614</v>
      </c>
      <c r="B137561" s="14" t="s">
        <v>1</v>
      </c>
      <c r="C137561" s="14" t="s">
        <v>596</v>
      </c>
      <c r="D137561" s="14" t="s">
        <v>74</v>
      </c>
      <c r="E137561" s="15">
        <v>45697</v>
      </c>
      <c r="F137561" s="14" t="s">
        <v>25</v>
      </c>
      <c r="G137561" s="16">
        <v>0</v>
      </c>
    </row>
    <row r="137562" spans="1:7" x14ac:dyDescent="0.3">
      <c r="A137562" s="13" t="s">
        <v>614</v>
      </c>
      <c r="B137562" s="14" t="s">
        <v>1</v>
      </c>
      <c r="C137562" s="14" t="s">
        <v>596</v>
      </c>
      <c r="D137562" s="14" t="s">
        <v>74</v>
      </c>
      <c r="E137562" s="15">
        <v>45698</v>
      </c>
      <c r="F137562" s="14" t="s">
        <v>25</v>
      </c>
      <c r="G137562" s="16">
        <v>0</v>
      </c>
    </row>
    <row r="137563" spans="1:7" x14ac:dyDescent="0.3">
      <c r="A137563" s="13" t="s">
        <v>614</v>
      </c>
      <c r="B137563" s="14" t="s">
        <v>1</v>
      </c>
      <c r="C137563" s="14" t="s">
        <v>596</v>
      </c>
      <c r="D137563" s="14" t="s">
        <v>74</v>
      </c>
      <c r="E137563" s="15">
        <v>45699</v>
      </c>
      <c r="F137563" s="14" t="s">
        <v>25</v>
      </c>
      <c r="G137563" s="16">
        <v>0</v>
      </c>
    </row>
    <row r="137564" spans="1:7" x14ac:dyDescent="0.3">
      <c r="A137564" s="13" t="s">
        <v>614</v>
      </c>
      <c r="B137564" s="14" t="s">
        <v>1</v>
      </c>
      <c r="C137564" s="14" t="s">
        <v>596</v>
      </c>
      <c r="D137564" s="14" t="s">
        <v>74</v>
      </c>
      <c r="E137564" s="15">
        <v>45700</v>
      </c>
      <c r="F137564" s="14" t="s">
        <v>25</v>
      </c>
      <c r="G137564" s="16">
        <v>0</v>
      </c>
    </row>
    <row r="137565" spans="1:7" x14ac:dyDescent="0.3">
      <c r="A137565" s="13" t="s">
        <v>614</v>
      </c>
      <c r="B137565" s="14" t="s">
        <v>1</v>
      </c>
      <c r="C137565" s="14" t="s">
        <v>596</v>
      </c>
      <c r="D137565" s="14" t="s">
        <v>74</v>
      </c>
      <c r="E137565" s="15">
        <v>45701</v>
      </c>
      <c r="F137565" s="14" t="s">
        <v>25</v>
      </c>
      <c r="G137565" s="16">
        <v>0</v>
      </c>
    </row>
    <row r="137566" spans="1:7" x14ac:dyDescent="0.3">
      <c r="A137566" s="13" t="s">
        <v>614</v>
      </c>
      <c r="B137566" s="14" t="s">
        <v>1</v>
      </c>
      <c r="C137566" s="14" t="s">
        <v>596</v>
      </c>
      <c r="D137566" s="14" t="s">
        <v>74</v>
      </c>
      <c r="E137566" s="15">
        <v>45702</v>
      </c>
      <c r="F137566" s="14" t="s">
        <v>25</v>
      </c>
      <c r="G137566" s="16">
        <v>0</v>
      </c>
    </row>
    <row r="137567" spans="1:7" x14ac:dyDescent="0.3">
      <c r="A137567" s="13" t="s">
        <v>614</v>
      </c>
      <c r="B137567" s="14" t="s">
        <v>1</v>
      </c>
      <c r="C137567" s="14" t="s">
        <v>596</v>
      </c>
      <c r="D137567" s="14" t="s">
        <v>74</v>
      </c>
      <c r="E137567" s="15">
        <v>45703</v>
      </c>
      <c r="F137567" s="14" t="s">
        <v>25</v>
      </c>
      <c r="G137567" s="16">
        <v>0</v>
      </c>
    </row>
    <row r="137568" spans="1:7" x14ac:dyDescent="0.3">
      <c r="A137568" s="13" t="s">
        <v>614</v>
      </c>
      <c r="B137568" s="14" t="s">
        <v>1</v>
      </c>
      <c r="C137568" s="14" t="s">
        <v>596</v>
      </c>
      <c r="D137568" s="14" t="s">
        <v>74</v>
      </c>
      <c r="E137568" s="15">
        <v>45704</v>
      </c>
      <c r="F137568" s="14" t="s">
        <v>25</v>
      </c>
      <c r="G137568" s="16">
        <v>0</v>
      </c>
    </row>
    <row r="137569" spans="1:7" x14ac:dyDescent="0.3">
      <c r="A137569" s="13" t="s">
        <v>614</v>
      </c>
      <c r="B137569" s="14" t="s">
        <v>1</v>
      </c>
      <c r="C137569" s="14" t="s">
        <v>596</v>
      </c>
      <c r="D137569" s="14" t="s">
        <v>74</v>
      </c>
      <c r="E137569" s="15">
        <v>45705</v>
      </c>
      <c r="F137569" s="14" t="s">
        <v>25</v>
      </c>
      <c r="G137569" s="16">
        <v>0</v>
      </c>
    </row>
    <row r="137570" spans="1:7" x14ac:dyDescent="0.3">
      <c r="A137570" s="13" t="s">
        <v>614</v>
      </c>
      <c r="B137570" s="14" t="s">
        <v>1</v>
      </c>
      <c r="C137570" s="14" t="s">
        <v>596</v>
      </c>
      <c r="D137570" s="14" t="s">
        <v>74</v>
      </c>
      <c r="E137570" s="15">
        <v>45706</v>
      </c>
      <c r="F137570" s="14" t="s">
        <v>25</v>
      </c>
      <c r="G137570" s="16">
        <v>0</v>
      </c>
    </row>
    <row r="137571" spans="1:7" x14ac:dyDescent="0.3">
      <c r="A137571" s="13" t="s">
        <v>614</v>
      </c>
      <c r="B137571" s="14" t="s">
        <v>1</v>
      </c>
      <c r="C137571" s="14" t="s">
        <v>596</v>
      </c>
      <c r="D137571" s="14" t="s">
        <v>74</v>
      </c>
      <c r="E137571" s="15">
        <v>45707</v>
      </c>
      <c r="F137571" s="14" t="s">
        <v>25</v>
      </c>
      <c r="G137571" s="16">
        <v>0</v>
      </c>
    </row>
    <row r="137572" spans="1:7" x14ac:dyDescent="0.3">
      <c r="A137572" s="13" t="s">
        <v>614</v>
      </c>
      <c r="B137572" s="14" t="s">
        <v>1</v>
      </c>
      <c r="C137572" s="14" t="s">
        <v>596</v>
      </c>
      <c r="D137572" s="14" t="s">
        <v>74</v>
      </c>
      <c r="E137572" s="15">
        <v>45708</v>
      </c>
      <c r="F137572" s="14" t="s">
        <v>25</v>
      </c>
      <c r="G137572" s="16">
        <v>0</v>
      </c>
    </row>
    <row r="137573" spans="1:7" x14ac:dyDescent="0.3">
      <c r="A137573" s="13" t="s">
        <v>614</v>
      </c>
      <c r="B137573" s="14" t="s">
        <v>1</v>
      </c>
      <c r="C137573" s="14" t="s">
        <v>596</v>
      </c>
      <c r="D137573" s="14" t="s">
        <v>74</v>
      </c>
      <c r="E137573" s="15">
        <v>45709</v>
      </c>
      <c r="F137573" s="14" t="s">
        <v>25</v>
      </c>
      <c r="G137573" s="16">
        <v>0</v>
      </c>
    </row>
    <row r="137574" spans="1:7" x14ac:dyDescent="0.3">
      <c r="A137574" s="13" t="s">
        <v>614</v>
      </c>
      <c r="B137574" s="14" t="s">
        <v>1</v>
      </c>
      <c r="C137574" s="14" t="s">
        <v>596</v>
      </c>
      <c r="D137574" s="14" t="s">
        <v>74</v>
      </c>
      <c r="E137574" s="15">
        <v>45710</v>
      </c>
      <c r="F137574" s="14" t="s">
        <v>25</v>
      </c>
      <c r="G137574" s="16">
        <v>0</v>
      </c>
    </row>
    <row r="137575" spans="1:7" x14ac:dyDescent="0.3">
      <c r="A137575" s="13" t="s">
        <v>614</v>
      </c>
      <c r="B137575" s="14" t="s">
        <v>1</v>
      </c>
      <c r="C137575" s="14" t="s">
        <v>596</v>
      </c>
      <c r="D137575" s="14" t="s">
        <v>74</v>
      </c>
      <c r="E137575" s="15">
        <v>45711</v>
      </c>
      <c r="F137575" s="14" t="s">
        <v>25</v>
      </c>
      <c r="G137575" s="16">
        <v>0</v>
      </c>
    </row>
    <row r="137576" spans="1:7" x14ac:dyDescent="0.3">
      <c r="A137576" s="13" t="s">
        <v>614</v>
      </c>
      <c r="B137576" s="14" t="s">
        <v>1</v>
      </c>
      <c r="C137576" s="14" t="s">
        <v>596</v>
      </c>
      <c r="D137576" s="14" t="s">
        <v>74</v>
      </c>
      <c r="E137576" s="15">
        <v>45712</v>
      </c>
      <c r="F137576" s="14" t="s">
        <v>25</v>
      </c>
      <c r="G137576" s="16">
        <v>0</v>
      </c>
    </row>
    <row r="137577" spans="1:7" x14ac:dyDescent="0.3">
      <c r="A137577" s="13" t="s">
        <v>614</v>
      </c>
      <c r="B137577" s="14" t="s">
        <v>1</v>
      </c>
      <c r="C137577" s="14" t="s">
        <v>596</v>
      </c>
      <c r="D137577" s="14" t="s">
        <v>74</v>
      </c>
      <c r="E137577" s="15">
        <v>45713</v>
      </c>
      <c r="F137577" s="14" t="s">
        <v>25</v>
      </c>
      <c r="G137577" s="16">
        <v>0</v>
      </c>
    </row>
    <row r="137578" spans="1:7" x14ac:dyDescent="0.3">
      <c r="A137578" s="13" t="s">
        <v>614</v>
      </c>
      <c r="B137578" s="14" t="s">
        <v>1</v>
      </c>
      <c r="C137578" s="14" t="s">
        <v>596</v>
      </c>
      <c r="D137578" s="14" t="s">
        <v>74</v>
      </c>
      <c r="E137578" s="15">
        <v>45714</v>
      </c>
      <c r="F137578" s="14" t="s">
        <v>25</v>
      </c>
      <c r="G137578" s="16">
        <v>0</v>
      </c>
    </row>
    <row r="137579" spans="1:7" x14ac:dyDescent="0.3">
      <c r="A137579" s="13" t="s">
        <v>614</v>
      </c>
      <c r="B137579" s="14" t="s">
        <v>1</v>
      </c>
      <c r="C137579" s="14" t="s">
        <v>596</v>
      </c>
      <c r="D137579" s="14" t="s">
        <v>74</v>
      </c>
      <c r="E137579" s="15">
        <v>45715</v>
      </c>
      <c r="F137579" s="14" t="s">
        <v>25</v>
      </c>
      <c r="G137579" s="16">
        <v>0</v>
      </c>
    </row>
    <row r="137580" spans="1:7" x14ac:dyDescent="0.3">
      <c r="A137580" s="13" t="s">
        <v>614</v>
      </c>
      <c r="B137580" s="14" t="s">
        <v>1</v>
      </c>
      <c r="C137580" s="14" t="s">
        <v>596</v>
      </c>
      <c r="D137580" s="14" t="s">
        <v>74</v>
      </c>
      <c r="E137580" s="15">
        <v>45716</v>
      </c>
      <c r="F137580" s="14" t="s">
        <v>25</v>
      </c>
      <c r="G137580" s="16">
        <v>0</v>
      </c>
    </row>
    <row r="137581" spans="1:7" x14ac:dyDescent="0.3">
      <c r="A137581" s="13" t="s">
        <v>614</v>
      </c>
      <c r="B137581" s="14" t="s">
        <v>1</v>
      </c>
      <c r="C137581" s="14" t="s">
        <v>596</v>
      </c>
      <c r="D137581" s="14" t="s">
        <v>74</v>
      </c>
      <c r="E137581" s="15">
        <v>45717</v>
      </c>
      <c r="F137581" s="14" t="s">
        <v>25</v>
      </c>
      <c r="G137581" s="16">
        <v>0</v>
      </c>
    </row>
    <row r="137582" spans="1:7" x14ac:dyDescent="0.3">
      <c r="A137582" s="13" t="s">
        <v>614</v>
      </c>
      <c r="B137582" s="14" t="s">
        <v>1</v>
      </c>
      <c r="C137582" s="14" t="s">
        <v>596</v>
      </c>
      <c r="D137582" s="14" t="s">
        <v>74</v>
      </c>
      <c r="E137582" s="15">
        <v>45718</v>
      </c>
      <c r="F137582" s="14" t="s">
        <v>25</v>
      </c>
      <c r="G137582" s="16">
        <v>0</v>
      </c>
    </row>
    <row r="137583" spans="1:7" x14ac:dyDescent="0.3">
      <c r="A137583" s="13" t="s">
        <v>614</v>
      </c>
      <c r="B137583" s="14" t="s">
        <v>1</v>
      </c>
      <c r="C137583" s="14" t="s">
        <v>596</v>
      </c>
      <c r="D137583" s="14" t="s">
        <v>74</v>
      </c>
      <c r="E137583" s="15">
        <v>45719</v>
      </c>
      <c r="F137583" s="14" t="s">
        <v>25</v>
      </c>
      <c r="G137583" s="16">
        <v>0</v>
      </c>
    </row>
    <row r="137584" spans="1:7" x14ac:dyDescent="0.3">
      <c r="A137584" s="13" t="s">
        <v>614</v>
      </c>
      <c r="B137584" s="14" t="s">
        <v>1</v>
      </c>
      <c r="C137584" s="14" t="s">
        <v>596</v>
      </c>
      <c r="D137584" s="14" t="s">
        <v>74</v>
      </c>
      <c r="E137584" s="15">
        <v>45720</v>
      </c>
      <c r="F137584" s="14" t="s">
        <v>25</v>
      </c>
      <c r="G137584" s="16">
        <v>0</v>
      </c>
    </row>
    <row r="137585" spans="1:7" x14ac:dyDescent="0.3">
      <c r="A137585" s="13" t="s">
        <v>614</v>
      </c>
      <c r="B137585" s="14" t="s">
        <v>1</v>
      </c>
      <c r="C137585" s="14" t="s">
        <v>596</v>
      </c>
      <c r="D137585" s="14" t="s">
        <v>74</v>
      </c>
      <c r="E137585" s="15">
        <v>45721</v>
      </c>
      <c r="F137585" s="14" t="s">
        <v>25</v>
      </c>
      <c r="G137585" s="16">
        <v>0</v>
      </c>
    </row>
    <row r="137586" spans="1:7" x14ac:dyDescent="0.3">
      <c r="A137586" s="13" t="s">
        <v>614</v>
      </c>
      <c r="B137586" s="14" t="s">
        <v>1</v>
      </c>
      <c r="C137586" s="14" t="s">
        <v>596</v>
      </c>
      <c r="D137586" s="14" t="s">
        <v>74</v>
      </c>
      <c r="E137586" s="15">
        <v>45722</v>
      </c>
      <c r="F137586" s="14" t="s">
        <v>25</v>
      </c>
      <c r="G137586" s="16">
        <v>0</v>
      </c>
    </row>
    <row r="137587" spans="1:7" x14ac:dyDescent="0.3">
      <c r="A137587" s="13" t="s">
        <v>614</v>
      </c>
      <c r="B137587" s="14" t="s">
        <v>1</v>
      </c>
      <c r="C137587" s="14" t="s">
        <v>596</v>
      </c>
      <c r="D137587" s="14" t="s">
        <v>74</v>
      </c>
      <c r="E137587" s="15">
        <v>45723</v>
      </c>
      <c r="F137587" s="14" t="s">
        <v>25</v>
      </c>
      <c r="G137587" s="16">
        <v>0</v>
      </c>
    </row>
    <row r="137588" spans="1:7" x14ac:dyDescent="0.3">
      <c r="A137588" s="13" t="s">
        <v>614</v>
      </c>
      <c r="B137588" s="14" t="s">
        <v>1</v>
      </c>
      <c r="C137588" s="14" t="s">
        <v>596</v>
      </c>
      <c r="D137588" s="14" t="s">
        <v>74</v>
      </c>
      <c r="E137588" s="15">
        <v>45724</v>
      </c>
      <c r="F137588" s="14" t="s">
        <v>25</v>
      </c>
      <c r="G137588" s="16">
        <v>0</v>
      </c>
    </row>
    <row r="137589" spans="1:7" x14ac:dyDescent="0.3">
      <c r="A137589" s="13" t="s">
        <v>614</v>
      </c>
      <c r="B137589" s="14" t="s">
        <v>1</v>
      </c>
      <c r="C137589" s="14" t="s">
        <v>596</v>
      </c>
      <c r="D137589" s="14" t="s">
        <v>74</v>
      </c>
      <c r="E137589" s="15">
        <v>45725</v>
      </c>
      <c r="F137589" s="14" t="s">
        <v>25</v>
      </c>
      <c r="G137589" s="16">
        <v>0</v>
      </c>
    </row>
    <row r="137590" spans="1:7" x14ac:dyDescent="0.3">
      <c r="A137590" s="13" t="s">
        <v>614</v>
      </c>
      <c r="B137590" s="14" t="s">
        <v>1</v>
      </c>
      <c r="C137590" s="14" t="s">
        <v>596</v>
      </c>
      <c r="D137590" s="14" t="s">
        <v>74</v>
      </c>
      <c r="E137590" s="15">
        <v>45726</v>
      </c>
      <c r="F137590" s="14" t="s">
        <v>25</v>
      </c>
      <c r="G137590" s="16">
        <v>0</v>
      </c>
    </row>
    <row r="137591" spans="1:7" x14ac:dyDescent="0.3">
      <c r="A137591" s="13" t="s">
        <v>614</v>
      </c>
      <c r="B137591" s="14" t="s">
        <v>1</v>
      </c>
      <c r="C137591" s="14" t="s">
        <v>596</v>
      </c>
      <c r="D137591" s="14" t="s">
        <v>74</v>
      </c>
      <c r="E137591" s="15">
        <v>45727</v>
      </c>
      <c r="F137591" s="14" t="s">
        <v>25</v>
      </c>
      <c r="G137591" s="16">
        <v>0</v>
      </c>
    </row>
    <row r="137592" spans="1:7" x14ac:dyDescent="0.3">
      <c r="A137592" s="13" t="s">
        <v>614</v>
      </c>
      <c r="B137592" s="14" t="s">
        <v>1</v>
      </c>
      <c r="C137592" s="14" t="s">
        <v>596</v>
      </c>
      <c r="D137592" s="14" t="s">
        <v>74</v>
      </c>
      <c r="E137592" s="15">
        <v>45728</v>
      </c>
      <c r="F137592" s="14" t="s">
        <v>25</v>
      </c>
      <c r="G137592" s="16">
        <v>0</v>
      </c>
    </row>
    <row r="137593" spans="1:7" x14ac:dyDescent="0.3">
      <c r="A137593" s="13" t="s">
        <v>614</v>
      </c>
      <c r="B137593" s="14" t="s">
        <v>1</v>
      </c>
      <c r="C137593" s="14" t="s">
        <v>596</v>
      </c>
      <c r="D137593" s="14" t="s">
        <v>74</v>
      </c>
      <c r="E137593" s="15">
        <v>45729</v>
      </c>
      <c r="F137593" s="14" t="s">
        <v>25</v>
      </c>
      <c r="G137593" s="16">
        <v>0</v>
      </c>
    </row>
    <row r="137594" spans="1:7" x14ac:dyDescent="0.3">
      <c r="A137594" s="13" t="s">
        <v>614</v>
      </c>
      <c r="B137594" s="14" t="s">
        <v>1</v>
      </c>
      <c r="C137594" s="14" t="s">
        <v>596</v>
      </c>
      <c r="D137594" s="14" t="s">
        <v>74</v>
      </c>
      <c r="E137594" s="15">
        <v>45730</v>
      </c>
      <c r="F137594" s="14" t="s">
        <v>25</v>
      </c>
      <c r="G137594" s="16">
        <v>0</v>
      </c>
    </row>
    <row r="137595" spans="1:7" x14ac:dyDescent="0.3">
      <c r="A137595" s="13" t="s">
        <v>614</v>
      </c>
      <c r="B137595" s="14" t="s">
        <v>1</v>
      </c>
      <c r="C137595" s="14" t="s">
        <v>596</v>
      </c>
      <c r="D137595" s="14" t="s">
        <v>74</v>
      </c>
      <c r="E137595" s="15">
        <v>45731</v>
      </c>
      <c r="F137595" s="14" t="s">
        <v>25</v>
      </c>
      <c r="G137595" s="16">
        <v>0</v>
      </c>
    </row>
    <row r="137596" spans="1:7" x14ac:dyDescent="0.3">
      <c r="A137596" s="13" t="s">
        <v>614</v>
      </c>
      <c r="B137596" s="14" t="s">
        <v>1</v>
      </c>
      <c r="C137596" s="14" t="s">
        <v>596</v>
      </c>
      <c r="D137596" s="14" t="s">
        <v>74</v>
      </c>
      <c r="E137596" s="15">
        <v>45732</v>
      </c>
      <c r="F137596" s="14" t="s">
        <v>25</v>
      </c>
      <c r="G137596" s="16">
        <v>0</v>
      </c>
    </row>
    <row r="137597" spans="1:7" x14ac:dyDescent="0.3">
      <c r="A137597" s="13" t="s">
        <v>614</v>
      </c>
      <c r="B137597" s="14" t="s">
        <v>1</v>
      </c>
      <c r="C137597" s="14" t="s">
        <v>596</v>
      </c>
      <c r="D137597" s="14" t="s">
        <v>74</v>
      </c>
      <c r="E137597" s="15">
        <v>45733</v>
      </c>
      <c r="F137597" s="14" t="s">
        <v>25</v>
      </c>
      <c r="G137597" s="16">
        <v>0</v>
      </c>
    </row>
    <row r="137598" spans="1:7" x14ac:dyDescent="0.3">
      <c r="A137598" s="13" t="s">
        <v>614</v>
      </c>
      <c r="B137598" s="14" t="s">
        <v>1</v>
      </c>
      <c r="C137598" s="14" t="s">
        <v>596</v>
      </c>
      <c r="D137598" s="14" t="s">
        <v>74</v>
      </c>
      <c r="E137598" s="15">
        <v>45734</v>
      </c>
      <c r="F137598" s="14" t="s">
        <v>25</v>
      </c>
      <c r="G137598" s="16">
        <v>0</v>
      </c>
    </row>
    <row r="137599" spans="1:7" x14ac:dyDescent="0.3">
      <c r="A137599" s="13" t="s">
        <v>614</v>
      </c>
      <c r="B137599" s="14" t="s">
        <v>1</v>
      </c>
      <c r="C137599" s="14" t="s">
        <v>596</v>
      </c>
      <c r="D137599" s="14" t="s">
        <v>74</v>
      </c>
      <c r="E137599" s="15">
        <v>45735</v>
      </c>
      <c r="F137599" s="14" t="s">
        <v>25</v>
      </c>
      <c r="G137599" s="16">
        <v>0</v>
      </c>
    </row>
    <row r="137600" spans="1:7" x14ac:dyDescent="0.3">
      <c r="A137600" s="13" t="s">
        <v>614</v>
      </c>
      <c r="B137600" s="14" t="s">
        <v>1</v>
      </c>
      <c r="C137600" s="14" t="s">
        <v>596</v>
      </c>
      <c r="D137600" s="14" t="s">
        <v>74</v>
      </c>
      <c r="E137600" s="15">
        <v>45736</v>
      </c>
      <c r="F137600" s="14" t="s">
        <v>25</v>
      </c>
      <c r="G137600" s="16">
        <v>0</v>
      </c>
    </row>
    <row r="137601" spans="1:7" x14ac:dyDescent="0.3">
      <c r="A137601" s="13" t="s">
        <v>614</v>
      </c>
      <c r="B137601" s="14" t="s">
        <v>1</v>
      </c>
      <c r="C137601" s="14" t="s">
        <v>596</v>
      </c>
      <c r="D137601" s="14" t="s">
        <v>74</v>
      </c>
      <c r="E137601" s="15">
        <v>45737</v>
      </c>
      <c r="F137601" s="14" t="s">
        <v>25</v>
      </c>
      <c r="G137601" s="16">
        <v>0</v>
      </c>
    </row>
    <row r="137602" spans="1:7" x14ac:dyDescent="0.3">
      <c r="A137602" s="13" t="s">
        <v>614</v>
      </c>
      <c r="B137602" s="14" t="s">
        <v>1</v>
      </c>
      <c r="C137602" s="14" t="s">
        <v>596</v>
      </c>
      <c r="D137602" s="14" t="s">
        <v>74</v>
      </c>
      <c r="E137602" s="15">
        <v>45738</v>
      </c>
      <c r="F137602" s="14" t="s">
        <v>25</v>
      </c>
      <c r="G137602" s="16">
        <v>0</v>
      </c>
    </row>
    <row r="137603" spans="1:7" x14ac:dyDescent="0.3">
      <c r="A137603" s="13" t="s">
        <v>614</v>
      </c>
      <c r="B137603" s="14" t="s">
        <v>1</v>
      </c>
      <c r="C137603" s="14" t="s">
        <v>596</v>
      </c>
      <c r="D137603" s="14" t="s">
        <v>74</v>
      </c>
      <c r="E137603" s="15">
        <v>45739</v>
      </c>
      <c r="F137603" s="14" t="s">
        <v>25</v>
      </c>
      <c r="G137603" s="16">
        <v>0</v>
      </c>
    </row>
    <row r="137604" spans="1:7" x14ac:dyDescent="0.3">
      <c r="A137604" s="13" t="s">
        <v>614</v>
      </c>
      <c r="B137604" s="14" t="s">
        <v>1</v>
      </c>
      <c r="C137604" s="14" t="s">
        <v>596</v>
      </c>
      <c r="D137604" s="14" t="s">
        <v>74</v>
      </c>
      <c r="E137604" s="15">
        <v>45740</v>
      </c>
      <c r="F137604" s="14" t="s">
        <v>25</v>
      </c>
      <c r="G137604" s="16">
        <v>0</v>
      </c>
    </row>
    <row r="137605" spans="1:7" x14ac:dyDescent="0.3">
      <c r="A137605" s="13" t="s">
        <v>614</v>
      </c>
      <c r="B137605" s="14" t="s">
        <v>1</v>
      </c>
      <c r="C137605" s="14" t="s">
        <v>596</v>
      </c>
      <c r="D137605" s="14" t="s">
        <v>74</v>
      </c>
      <c r="E137605" s="15">
        <v>45741</v>
      </c>
      <c r="F137605" s="14" t="s">
        <v>25</v>
      </c>
      <c r="G137605" s="16">
        <v>0</v>
      </c>
    </row>
    <row r="137606" spans="1:7" x14ac:dyDescent="0.3">
      <c r="A137606" s="13" t="s">
        <v>614</v>
      </c>
      <c r="B137606" s="14" t="s">
        <v>1</v>
      </c>
      <c r="C137606" s="14" t="s">
        <v>596</v>
      </c>
      <c r="D137606" s="14" t="s">
        <v>74</v>
      </c>
      <c r="E137606" s="15">
        <v>45742</v>
      </c>
      <c r="F137606" s="14" t="s">
        <v>25</v>
      </c>
      <c r="G137606" s="16">
        <v>0</v>
      </c>
    </row>
    <row r="137607" spans="1:7" x14ac:dyDescent="0.3">
      <c r="A137607" s="13" t="s">
        <v>614</v>
      </c>
      <c r="B137607" s="14" t="s">
        <v>1</v>
      </c>
      <c r="C137607" s="14" t="s">
        <v>596</v>
      </c>
      <c r="D137607" s="14" t="s">
        <v>74</v>
      </c>
      <c r="E137607" s="15">
        <v>45743</v>
      </c>
      <c r="F137607" s="14" t="s">
        <v>25</v>
      </c>
      <c r="G137607" s="16">
        <v>0</v>
      </c>
    </row>
    <row r="137608" spans="1:7" x14ac:dyDescent="0.3">
      <c r="A137608" s="13" t="s">
        <v>614</v>
      </c>
      <c r="B137608" s="14" t="s">
        <v>1</v>
      </c>
      <c r="C137608" s="14" t="s">
        <v>596</v>
      </c>
      <c r="D137608" s="14" t="s">
        <v>74</v>
      </c>
      <c r="E137608" s="15">
        <v>45744</v>
      </c>
      <c r="F137608" s="14" t="s">
        <v>25</v>
      </c>
      <c r="G137608" s="16">
        <v>0</v>
      </c>
    </row>
    <row r="137609" spans="1:7" x14ac:dyDescent="0.3">
      <c r="A137609" s="13" t="s">
        <v>614</v>
      </c>
      <c r="B137609" s="14" t="s">
        <v>1</v>
      </c>
      <c r="C137609" s="14" t="s">
        <v>596</v>
      </c>
      <c r="D137609" s="14" t="s">
        <v>74</v>
      </c>
      <c r="E137609" s="15">
        <v>45745</v>
      </c>
      <c r="F137609" s="14" t="s">
        <v>25</v>
      </c>
      <c r="G137609" s="16">
        <v>0</v>
      </c>
    </row>
    <row r="137610" spans="1:7" x14ac:dyDescent="0.3">
      <c r="A137610" s="13" t="s">
        <v>614</v>
      </c>
      <c r="B137610" s="14" t="s">
        <v>1</v>
      </c>
      <c r="C137610" s="14" t="s">
        <v>596</v>
      </c>
      <c r="D137610" s="14" t="s">
        <v>74</v>
      </c>
      <c r="E137610" s="15">
        <v>45746</v>
      </c>
      <c r="F137610" s="14" t="s">
        <v>25</v>
      </c>
      <c r="G137610" s="16">
        <v>0</v>
      </c>
    </row>
    <row r="137611" spans="1:7" x14ac:dyDescent="0.3">
      <c r="A137611" s="13" t="s">
        <v>614</v>
      </c>
      <c r="B137611" s="14" t="s">
        <v>1</v>
      </c>
      <c r="C137611" s="14" t="s">
        <v>596</v>
      </c>
      <c r="D137611" s="14" t="s">
        <v>74</v>
      </c>
      <c r="E137611" s="15">
        <v>45747</v>
      </c>
      <c r="F137611" s="14" t="s">
        <v>25</v>
      </c>
      <c r="G137611" s="16">
        <v>0</v>
      </c>
    </row>
    <row r="137612" spans="1:7" x14ac:dyDescent="0.3">
      <c r="A137612" s="13" t="s">
        <v>615</v>
      </c>
      <c r="B137612" s="14" t="s">
        <v>1</v>
      </c>
      <c r="C137612" s="14" t="s">
        <v>596</v>
      </c>
      <c r="D137612" s="14" t="s">
        <v>313</v>
      </c>
      <c r="E137612" s="15">
        <v>45383</v>
      </c>
      <c r="F137612" s="14" t="s">
        <v>25</v>
      </c>
      <c r="G137612" s="16">
        <v>0</v>
      </c>
    </row>
    <row r="137613" spans="1:7" x14ac:dyDescent="0.3">
      <c r="A137613" s="13" t="s">
        <v>615</v>
      </c>
      <c r="B137613" s="14" t="s">
        <v>1</v>
      </c>
      <c r="C137613" s="14" t="s">
        <v>596</v>
      </c>
      <c r="D137613" s="14" t="s">
        <v>313</v>
      </c>
      <c r="E137613" s="15">
        <v>45384</v>
      </c>
      <c r="F137613" s="14" t="s">
        <v>25</v>
      </c>
      <c r="G137613" s="16">
        <v>0</v>
      </c>
    </row>
    <row r="137614" spans="1:7" x14ac:dyDescent="0.3">
      <c r="A137614" s="13" t="s">
        <v>615</v>
      </c>
      <c r="B137614" s="14" t="s">
        <v>1</v>
      </c>
      <c r="C137614" s="14" t="s">
        <v>596</v>
      </c>
      <c r="D137614" s="14" t="s">
        <v>313</v>
      </c>
      <c r="E137614" s="15">
        <v>45385</v>
      </c>
      <c r="F137614" s="14" t="s">
        <v>25</v>
      </c>
      <c r="G137614" s="16">
        <v>0</v>
      </c>
    </row>
    <row r="137615" spans="1:7" x14ac:dyDescent="0.3">
      <c r="A137615" s="13" t="s">
        <v>615</v>
      </c>
      <c r="B137615" s="14" t="s">
        <v>1</v>
      </c>
      <c r="C137615" s="14" t="s">
        <v>596</v>
      </c>
      <c r="D137615" s="14" t="s">
        <v>313</v>
      </c>
      <c r="E137615" s="15">
        <v>45386</v>
      </c>
      <c r="F137615" s="14" t="s">
        <v>25</v>
      </c>
      <c r="G137615" s="16">
        <v>0</v>
      </c>
    </row>
    <row r="137616" spans="1:7" x14ac:dyDescent="0.3">
      <c r="A137616" s="13" t="s">
        <v>615</v>
      </c>
      <c r="B137616" s="14" t="s">
        <v>1</v>
      </c>
      <c r="C137616" s="14" t="s">
        <v>596</v>
      </c>
      <c r="D137616" s="14" t="s">
        <v>313</v>
      </c>
      <c r="E137616" s="15">
        <v>45387</v>
      </c>
      <c r="F137616" s="14" t="s">
        <v>25</v>
      </c>
      <c r="G137616" s="16">
        <v>0</v>
      </c>
    </row>
    <row r="137617" spans="1:7" x14ac:dyDescent="0.3">
      <c r="A137617" s="13" t="s">
        <v>615</v>
      </c>
      <c r="B137617" s="14" t="s">
        <v>1</v>
      </c>
      <c r="C137617" s="14" t="s">
        <v>596</v>
      </c>
      <c r="D137617" s="14" t="s">
        <v>313</v>
      </c>
      <c r="E137617" s="15">
        <v>45388</v>
      </c>
      <c r="F137617" s="14" t="s">
        <v>25</v>
      </c>
      <c r="G137617" s="16">
        <v>0</v>
      </c>
    </row>
    <row r="137618" spans="1:7" x14ac:dyDescent="0.3">
      <c r="A137618" s="13" t="s">
        <v>615</v>
      </c>
      <c r="B137618" s="14" t="s">
        <v>1</v>
      </c>
      <c r="C137618" s="14" t="s">
        <v>596</v>
      </c>
      <c r="D137618" s="14" t="s">
        <v>313</v>
      </c>
      <c r="E137618" s="15">
        <v>45389</v>
      </c>
      <c r="F137618" s="14" t="s">
        <v>25</v>
      </c>
      <c r="G137618" s="16">
        <v>0</v>
      </c>
    </row>
    <row r="137619" spans="1:7" x14ac:dyDescent="0.3">
      <c r="A137619" s="13" t="s">
        <v>615</v>
      </c>
      <c r="B137619" s="14" t="s">
        <v>1</v>
      </c>
      <c r="C137619" s="14" t="s">
        <v>596</v>
      </c>
      <c r="D137619" s="14" t="s">
        <v>313</v>
      </c>
      <c r="E137619" s="15">
        <v>45390</v>
      </c>
      <c r="F137619" s="14" t="s">
        <v>25</v>
      </c>
      <c r="G137619" s="16">
        <v>0</v>
      </c>
    </row>
    <row r="137620" spans="1:7" x14ac:dyDescent="0.3">
      <c r="A137620" s="13" t="s">
        <v>615</v>
      </c>
      <c r="B137620" s="14" t="s">
        <v>1</v>
      </c>
      <c r="C137620" s="14" t="s">
        <v>596</v>
      </c>
      <c r="D137620" s="14" t="s">
        <v>313</v>
      </c>
      <c r="E137620" s="15">
        <v>45391</v>
      </c>
      <c r="F137620" s="14" t="s">
        <v>25</v>
      </c>
      <c r="G137620" s="16">
        <v>0</v>
      </c>
    </row>
    <row r="137621" spans="1:7" x14ac:dyDescent="0.3">
      <c r="A137621" s="13" t="s">
        <v>615</v>
      </c>
      <c r="B137621" s="14" t="s">
        <v>1</v>
      </c>
      <c r="C137621" s="14" t="s">
        <v>596</v>
      </c>
      <c r="D137621" s="14" t="s">
        <v>313</v>
      </c>
      <c r="E137621" s="15">
        <v>45392</v>
      </c>
      <c r="F137621" s="14" t="s">
        <v>25</v>
      </c>
      <c r="G137621" s="16">
        <v>0</v>
      </c>
    </row>
    <row r="137622" spans="1:7" x14ac:dyDescent="0.3">
      <c r="A137622" s="13" t="s">
        <v>615</v>
      </c>
      <c r="B137622" s="14" t="s">
        <v>1</v>
      </c>
      <c r="C137622" s="14" t="s">
        <v>596</v>
      </c>
      <c r="D137622" s="14" t="s">
        <v>313</v>
      </c>
      <c r="E137622" s="15">
        <v>45393</v>
      </c>
      <c r="F137622" s="14" t="s">
        <v>25</v>
      </c>
      <c r="G137622" s="16">
        <v>0</v>
      </c>
    </row>
    <row r="137623" spans="1:7" x14ac:dyDescent="0.3">
      <c r="A137623" s="13" t="s">
        <v>615</v>
      </c>
      <c r="B137623" s="14" t="s">
        <v>1</v>
      </c>
      <c r="C137623" s="14" t="s">
        <v>596</v>
      </c>
      <c r="D137623" s="14" t="s">
        <v>313</v>
      </c>
      <c r="E137623" s="15">
        <v>45394</v>
      </c>
      <c r="F137623" s="14" t="s">
        <v>25</v>
      </c>
      <c r="G137623" s="16">
        <v>0</v>
      </c>
    </row>
    <row r="137624" spans="1:7" x14ac:dyDescent="0.3">
      <c r="A137624" s="13" t="s">
        <v>615</v>
      </c>
      <c r="B137624" s="14" t="s">
        <v>1</v>
      </c>
      <c r="C137624" s="14" t="s">
        <v>596</v>
      </c>
      <c r="D137624" s="14" t="s">
        <v>313</v>
      </c>
      <c r="E137624" s="15">
        <v>45395</v>
      </c>
      <c r="F137624" s="14" t="s">
        <v>25</v>
      </c>
      <c r="G137624" s="16">
        <v>0</v>
      </c>
    </row>
    <row r="137625" spans="1:7" x14ac:dyDescent="0.3">
      <c r="A137625" s="13" t="s">
        <v>615</v>
      </c>
      <c r="B137625" s="14" t="s">
        <v>1</v>
      </c>
      <c r="C137625" s="14" t="s">
        <v>596</v>
      </c>
      <c r="D137625" s="14" t="s">
        <v>313</v>
      </c>
      <c r="E137625" s="15">
        <v>45396</v>
      </c>
      <c r="F137625" s="14" t="s">
        <v>25</v>
      </c>
      <c r="G137625" s="16">
        <v>0</v>
      </c>
    </row>
    <row r="137626" spans="1:7" x14ac:dyDescent="0.3">
      <c r="A137626" s="13" t="s">
        <v>615</v>
      </c>
      <c r="B137626" s="14" t="s">
        <v>1</v>
      </c>
      <c r="C137626" s="14" t="s">
        <v>596</v>
      </c>
      <c r="D137626" s="14" t="s">
        <v>313</v>
      </c>
      <c r="E137626" s="15">
        <v>45397</v>
      </c>
      <c r="F137626" s="14" t="s">
        <v>25</v>
      </c>
      <c r="G137626" s="16">
        <v>0</v>
      </c>
    </row>
    <row r="137627" spans="1:7" x14ac:dyDescent="0.3">
      <c r="A137627" s="13" t="s">
        <v>615</v>
      </c>
      <c r="B137627" s="14" t="s">
        <v>1</v>
      </c>
      <c r="C137627" s="14" t="s">
        <v>596</v>
      </c>
      <c r="D137627" s="14" t="s">
        <v>313</v>
      </c>
      <c r="E137627" s="15">
        <v>45398</v>
      </c>
      <c r="F137627" s="14" t="s">
        <v>25</v>
      </c>
      <c r="G137627" s="16">
        <v>0</v>
      </c>
    </row>
    <row r="137628" spans="1:7" x14ac:dyDescent="0.3">
      <c r="A137628" s="13" t="s">
        <v>615</v>
      </c>
      <c r="B137628" s="14" t="s">
        <v>1</v>
      </c>
      <c r="C137628" s="14" t="s">
        <v>596</v>
      </c>
      <c r="D137628" s="14" t="s">
        <v>313</v>
      </c>
      <c r="E137628" s="15">
        <v>45399</v>
      </c>
      <c r="F137628" s="14" t="s">
        <v>25</v>
      </c>
      <c r="G137628" s="16">
        <v>0</v>
      </c>
    </row>
    <row r="137629" spans="1:7" x14ac:dyDescent="0.3">
      <c r="A137629" s="13" t="s">
        <v>615</v>
      </c>
      <c r="B137629" s="14" t="s">
        <v>1</v>
      </c>
      <c r="C137629" s="14" t="s">
        <v>596</v>
      </c>
      <c r="D137629" s="14" t="s">
        <v>313</v>
      </c>
      <c r="E137629" s="15">
        <v>45400</v>
      </c>
      <c r="F137629" s="14" t="s">
        <v>25</v>
      </c>
      <c r="G137629" s="16">
        <v>0</v>
      </c>
    </row>
    <row r="137630" spans="1:7" x14ac:dyDescent="0.3">
      <c r="A137630" s="13" t="s">
        <v>615</v>
      </c>
      <c r="B137630" s="14" t="s">
        <v>1</v>
      </c>
      <c r="C137630" s="14" t="s">
        <v>596</v>
      </c>
      <c r="D137630" s="14" t="s">
        <v>313</v>
      </c>
      <c r="E137630" s="15">
        <v>45401</v>
      </c>
      <c r="F137630" s="14" t="s">
        <v>25</v>
      </c>
      <c r="G137630" s="16">
        <v>0</v>
      </c>
    </row>
    <row r="137631" spans="1:7" x14ac:dyDescent="0.3">
      <c r="A137631" s="13" t="s">
        <v>615</v>
      </c>
      <c r="B137631" s="14" t="s">
        <v>1</v>
      </c>
      <c r="C137631" s="14" t="s">
        <v>596</v>
      </c>
      <c r="D137631" s="14" t="s">
        <v>313</v>
      </c>
      <c r="E137631" s="15">
        <v>45402</v>
      </c>
      <c r="F137631" s="14" t="s">
        <v>25</v>
      </c>
      <c r="G137631" s="16">
        <v>0</v>
      </c>
    </row>
    <row r="137632" spans="1:7" x14ac:dyDescent="0.3">
      <c r="A137632" s="13" t="s">
        <v>615</v>
      </c>
      <c r="B137632" s="14" t="s">
        <v>1</v>
      </c>
      <c r="C137632" s="14" t="s">
        <v>596</v>
      </c>
      <c r="D137632" s="14" t="s">
        <v>313</v>
      </c>
      <c r="E137632" s="15">
        <v>45403</v>
      </c>
      <c r="F137632" s="14" t="s">
        <v>25</v>
      </c>
      <c r="G137632" s="16">
        <v>0</v>
      </c>
    </row>
    <row r="137633" spans="1:7" x14ac:dyDescent="0.3">
      <c r="A137633" s="13" t="s">
        <v>615</v>
      </c>
      <c r="B137633" s="14" t="s">
        <v>1</v>
      </c>
      <c r="C137633" s="14" t="s">
        <v>596</v>
      </c>
      <c r="D137633" s="14" t="s">
        <v>313</v>
      </c>
      <c r="E137633" s="15">
        <v>45404</v>
      </c>
      <c r="F137633" s="14" t="s">
        <v>25</v>
      </c>
      <c r="G137633" s="16">
        <v>0</v>
      </c>
    </row>
    <row r="137634" spans="1:7" x14ac:dyDescent="0.3">
      <c r="A137634" s="13" t="s">
        <v>615</v>
      </c>
      <c r="B137634" s="14" t="s">
        <v>1</v>
      </c>
      <c r="C137634" s="14" t="s">
        <v>596</v>
      </c>
      <c r="D137634" s="14" t="s">
        <v>313</v>
      </c>
      <c r="E137634" s="15">
        <v>45405</v>
      </c>
      <c r="F137634" s="14" t="s">
        <v>25</v>
      </c>
      <c r="G137634" s="16">
        <v>0</v>
      </c>
    </row>
    <row r="137635" spans="1:7" x14ac:dyDescent="0.3">
      <c r="A137635" s="13" t="s">
        <v>615</v>
      </c>
      <c r="B137635" s="14" t="s">
        <v>1</v>
      </c>
      <c r="C137635" s="14" t="s">
        <v>596</v>
      </c>
      <c r="D137635" s="14" t="s">
        <v>313</v>
      </c>
      <c r="E137635" s="15">
        <v>45406</v>
      </c>
      <c r="F137635" s="14" t="s">
        <v>25</v>
      </c>
      <c r="G137635" s="16">
        <v>0</v>
      </c>
    </row>
    <row r="137636" spans="1:7" x14ac:dyDescent="0.3">
      <c r="A137636" s="13" t="s">
        <v>615</v>
      </c>
      <c r="B137636" s="14" t="s">
        <v>1</v>
      </c>
      <c r="C137636" s="14" t="s">
        <v>596</v>
      </c>
      <c r="D137636" s="14" t="s">
        <v>313</v>
      </c>
      <c r="E137636" s="15">
        <v>45407</v>
      </c>
      <c r="F137636" s="14" t="s">
        <v>25</v>
      </c>
      <c r="G137636" s="16">
        <v>0</v>
      </c>
    </row>
    <row r="137637" spans="1:7" x14ac:dyDescent="0.3">
      <c r="A137637" s="13" t="s">
        <v>615</v>
      </c>
      <c r="B137637" s="14" t="s">
        <v>1</v>
      </c>
      <c r="C137637" s="14" t="s">
        <v>596</v>
      </c>
      <c r="D137637" s="14" t="s">
        <v>313</v>
      </c>
      <c r="E137637" s="15">
        <v>45408</v>
      </c>
      <c r="F137637" s="14" t="s">
        <v>25</v>
      </c>
      <c r="G137637" s="16">
        <v>0</v>
      </c>
    </row>
    <row r="137638" spans="1:7" x14ac:dyDescent="0.3">
      <c r="A137638" s="13" t="s">
        <v>615</v>
      </c>
      <c r="B137638" s="14" t="s">
        <v>1</v>
      </c>
      <c r="C137638" s="14" t="s">
        <v>596</v>
      </c>
      <c r="D137638" s="14" t="s">
        <v>313</v>
      </c>
      <c r="E137638" s="15">
        <v>45409</v>
      </c>
      <c r="F137638" s="14" t="s">
        <v>25</v>
      </c>
      <c r="G137638" s="16">
        <v>0</v>
      </c>
    </row>
    <row r="137639" spans="1:7" x14ac:dyDescent="0.3">
      <c r="A137639" s="13" t="s">
        <v>615</v>
      </c>
      <c r="B137639" s="14" t="s">
        <v>1</v>
      </c>
      <c r="C137639" s="14" t="s">
        <v>596</v>
      </c>
      <c r="D137639" s="14" t="s">
        <v>313</v>
      </c>
      <c r="E137639" s="15">
        <v>45410</v>
      </c>
      <c r="F137639" s="14" t="s">
        <v>25</v>
      </c>
      <c r="G137639" s="16">
        <v>0</v>
      </c>
    </row>
    <row r="137640" spans="1:7" x14ac:dyDescent="0.3">
      <c r="A137640" s="13" t="s">
        <v>615</v>
      </c>
      <c r="B137640" s="14" t="s">
        <v>1</v>
      </c>
      <c r="C137640" s="14" t="s">
        <v>596</v>
      </c>
      <c r="D137640" s="14" t="s">
        <v>313</v>
      </c>
      <c r="E137640" s="15">
        <v>45411</v>
      </c>
      <c r="F137640" s="14" t="s">
        <v>25</v>
      </c>
      <c r="G137640" s="16">
        <v>0</v>
      </c>
    </row>
    <row r="137641" spans="1:7" x14ac:dyDescent="0.3">
      <c r="A137641" s="13" t="s">
        <v>615</v>
      </c>
      <c r="B137641" s="14" t="s">
        <v>1</v>
      </c>
      <c r="C137641" s="14" t="s">
        <v>596</v>
      </c>
      <c r="D137641" s="14" t="s">
        <v>313</v>
      </c>
      <c r="E137641" s="15">
        <v>45412</v>
      </c>
      <c r="F137641" s="14" t="s">
        <v>25</v>
      </c>
      <c r="G137641" s="16">
        <v>0</v>
      </c>
    </row>
    <row r="137642" spans="1:7" x14ac:dyDescent="0.3">
      <c r="A137642" s="13" t="s">
        <v>615</v>
      </c>
      <c r="B137642" s="14" t="s">
        <v>1</v>
      </c>
      <c r="C137642" s="14" t="s">
        <v>596</v>
      </c>
      <c r="D137642" s="14" t="s">
        <v>313</v>
      </c>
      <c r="E137642" s="15">
        <v>45413</v>
      </c>
      <c r="F137642" s="14" t="s">
        <v>25</v>
      </c>
      <c r="G137642" s="16">
        <v>0</v>
      </c>
    </row>
    <row r="137643" spans="1:7" x14ac:dyDescent="0.3">
      <c r="A137643" s="13" t="s">
        <v>615</v>
      </c>
      <c r="B137643" s="14" t="s">
        <v>1</v>
      </c>
      <c r="C137643" s="14" t="s">
        <v>596</v>
      </c>
      <c r="D137643" s="14" t="s">
        <v>313</v>
      </c>
      <c r="E137643" s="15">
        <v>45414</v>
      </c>
      <c r="F137643" s="14" t="s">
        <v>25</v>
      </c>
      <c r="G137643" s="16">
        <v>0</v>
      </c>
    </row>
    <row r="137644" spans="1:7" x14ac:dyDescent="0.3">
      <c r="A137644" s="13" t="s">
        <v>615</v>
      </c>
      <c r="B137644" s="14" t="s">
        <v>1</v>
      </c>
      <c r="C137644" s="14" t="s">
        <v>596</v>
      </c>
      <c r="D137644" s="14" t="s">
        <v>313</v>
      </c>
      <c r="E137644" s="15">
        <v>45415</v>
      </c>
      <c r="F137644" s="14" t="s">
        <v>25</v>
      </c>
      <c r="G137644" s="16">
        <v>0</v>
      </c>
    </row>
    <row r="137645" spans="1:7" x14ac:dyDescent="0.3">
      <c r="A137645" s="13" t="s">
        <v>615</v>
      </c>
      <c r="B137645" s="14" t="s">
        <v>1</v>
      </c>
      <c r="C137645" s="14" t="s">
        <v>596</v>
      </c>
      <c r="D137645" s="14" t="s">
        <v>313</v>
      </c>
      <c r="E137645" s="15">
        <v>45416</v>
      </c>
      <c r="F137645" s="14" t="s">
        <v>25</v>
      </c>
      <c r="G137645" s="16">
        <v>0</v>
      </c>
    </row>
    <row r="137646" spans="1:7" x14ac:dyDescent="0.3">
      <c r="A137646" s="13" t="s">
        <v>615</v>
      </c>
      <c r="B137646" s="14" t="s">
        <v>1</v>
      </c>
      <c r="C137646" s="14" t="s">
        <v>596</v>
      </c>
      <c r="D137646" s="14" t="s">
        <v>313</v>
      </c>
      <c r="E137646" s="15">
        <v>45417</v>
      </c>
      <c r="F137646" s="14" t="s">
        <v>25</v>
      </c>
      <c r="G137646" s="16">
        <v>0</v>
      </c>
    </row>
    <row r="137647" spans="1:7" x14ac:dyDescent="0.3">
      <c r="A137647" s="13" t="s">
        <v>615</v>
      </c>
      <c r="B137647" s="14" t="s">
        <v>1</v>
      </c>
      <c r="C137647" s="14" t="s">
        <v>596</v>
      </c>
      <c r="D137647" s="14" t="s">
        <v>313</v>
      </c>
      <c r="E137647" s="15">
        <v>45418</v>
      </c>
      <c r="F137647" s="14" t="s">
        <v>25</v>
      </c>
      <c r="G137647" s="16">
        <v>0</v>
      </c>
    </row>
    <row r="137648" spans="1:7" x14ac:dyDescent="0.3">
      <c r="A137648" s="13" t="s">
        <v>615</v>
      </c>
      <c r="B137648" s="14" t="s">
        <v>1</v>
      </c>
      <c r="C137648" s="14" t="s">
        <v>596</v>
      </c>
      <c r="D137648" s="14" t="s">
        <v>313</v>
      </c>
      <c r="E137648" s="15">
        <v>45419</v>
      </c>
      <c r="F137648" s="14" t="s">
        <v>25</v>
      </c>
      <c r="G137648" s="16">
        <v>0</v>
      </c>
    </row>
    <row r="137649" spans="1:7" x14ac:dyDescent="0.3">
      <c r="A137649" s="13" t="s">
        <v>615</v>
      </c>
      <c r="B137649" s="14" t="s">
        <v>1</v>
      </c>
      <c r="C137649" s="14" t="s">
        <v>596</v>
      </c>
      <c r="D137649" s="14" t="s">
        <v>313</v>
      </c>
      <c r="E137649" s="15">
        <v>45420</v>
      </c>
      <c r="F137649" s="14" t="s">
        <v>25</v>
      </c>
      <c r="G137649" s="16">
        <v>0</v>
      </c>
    </row>
    <row r="137650" spans="1:7" x14ac:dyDescent="0.3">
      <c r="A137650" s="13" t="s">
        <v>615</v>
      </c>
      <c r="B137650" s="14" t="s">
        <v>1</v>
      </c>
      <c r="C137650" s="14" t="s">
        <v>596</v>
      </c>
      <c r="D137650" s="14" t="s">
        <v>313</v>
      </c>
      <c r="E137650" s="15">
        <v>45421</v>
      </c>
      <c r="F137650" s="14" t="s">
        <v>25</v>
      </c>
      <c r="G137650" s="16">
        <v>0</v>
      </c>
    </row>
    <row r="137651" spans="1:7" x14ac:dyDescent="0.3">
      <c r="A137651" s="13" t="s">
        <v>615</v>
      </c>
      <c r="B137651" s="14" t="s">
        <v>1</v>
      </c>
      <c r="C137651" s="14" t="s">
        <v>596</v>
      </c>
      <c r="D137651" s="14" t="s">
        <v>313</v>
      </c>
      <c r="E137651" s="15">
        <v>45422</v>
      </c>
      <c r="F137651" s="14" t="s">
        <v>25</v>
      </c>
      <c r="G137651" s="16">
        <v>0</v>
      </c>
    </row>
    <row r="137652" spans="1:7" x14ac:dyDescent="0.3">
      <c r="A137652" s="13" t="s">
        <v>615</v>
      </c>
      <c r="B137652" s="14" t="s">
        <v>1</v>
      </c>
      <c r="C137652" s="14" t="s">
        <v>596</v>
      </c>
      <c r="D137652" s="14" t="s">
        <v>313</v>
      </c>
      <c r="E137652" s="15">
        <v>45423</v>
      </c>
      <c r="F137652" s="14" t="s">
        <v>25</v>
      </c>
      <c r="G137652" s="16">
        <v>0</v>
      </c>
    </row>
    <row r="137653" spans="1:7" x14ac:dyDescent="0.3">
      <c r="A137653" s="13" t="s">
        <v>615</v>
      </c>
      <c r="B137653" s="14" t="s">
        <v>1</v>
      </c>
      <c r="C137653" s="14" t="s">
        <v>596</v>
      </c>
      <c r="D137653" s="14" t="s">
        <v>313</v>
      </c>
      <c r="E137653" s="15">
        <v>45424</v>
      </c>
      <c r="F137653" s="14" t="s">
        <v>25</v>
      </c>
      <c r="G137653" s="16">
        <v>0</v>
      </c>
    </row>
    <row r="137654" spans="1:7" x14ac:dyDescent="0.3">
      <c r="A137654" s="13" t="s">
        <v>615</v>
      </c>
      <c r="B137654" s="14" t="s">
        <v>1</v>
      </c>
      <c r="C137654" s="14" t="s">
        <v>596</v>
      </c>
      <c r="D137654" s="14" t="s">
        <v>313</v>
      </c>
      <c r="E137654" s="15">
        <v>45425</v>
      </c>
      <c r="F137654" s="14" t="s">
        <v>25</v>
      </c>
      <c r="G137654" s="16">
        <v>0</v>
      </c>
    </row>
    <row r="137655" spans="1:7" x14ac:dyDescent="0.3">
      <c r="A137655" s="13" t="s">
        <v>615</v>
      </c>
      <c r="B137655" s="14" t="s">
        <v>1</v>
      </c>
      <c r="C137655" s="14" t="s">
        <v>596</v>
      </c>
      <c r="D137655" s="14" t="s">
        <v>313</v>
      </c>
      <c r="E137655" s="15">
        <v>45426</v>
      </c>
      <c r="F137655" s="14" t="s">
        <v>25</v>
      </c>
      <c r="G137655" s="16">
        <v>0</v>
      </c>
    </row>
    <row r="137656" spans="1:7" x14ac:dyDescent="0.3">
      <c r="A137656" s="13" t="s">
        <v>615</v>
      </c>
      <c r="B137656" s="14" t="s">
        <v>1</v>
      </c>
      <c r="C137656" s="14" t="s">
        <v>596</v>
      </c>
      <c r="D137656" s="14" t="s">
        <v>313</v>
      </c>
      <c r="E137656" s="15">
        <v>45427</v>
      </c>
      <c r="F137656" s="14" t="s">
        <v>25</v>
      </c>
      <c r="G137656" s="16">
        <v>0</v>
      </c>
    </row>
    <row r="137657" spans="1:7" x14ac:dyDescent="0.3">
      <c r="A137657" s="13" t="s">
        <v>615</v>
      </c>
      <c r="B137657" s="14" t="s">
        <v>1</v>
      </c>
      <c r="C137657" s="14" t="s">
        <v>596</v>
      </c>
      <c r="D137657" s="14" t="s">
        <v>313</v>
      </c>
      <c r="E137657" s="15">
        <v>45428</v>
      </c>
      <c r="F137657" s="14" t="s">
        <v>25</v>
      </c>
      <c r="G137657" s="16">
        <v>0</v>
      </c>
    </row>
    <row r="137658" spans="1:7" x14ac:dyDescent="0.3">
      <c r="A137658" s="13" t="s">
        <v>615</v>
      </c>
      <c r="B137658" s="14" t="s">
        <v>1</v>
      </c>
      <c r="C137658" s="14" t="s">
        <v>596</v>
      </c>
      <c r="D137658" s="14" t="s">
        <v>313</v>
      </c>
      <c r="E137658" s="15">
        <v>45429</v>
      </c>
      <c r="F137658" s="14" t="s">
        <v>25</v>
      </c>
      <c r="G137658" s="16">
        <v>0</v>
      </c>
    </row>
    <row r="137659" spans="1:7" x14ac:dyDescent="0.3">
      <c r="A137659" s="13" t="s">
        <v>615</v>
      </c>
      <c r="B137659" s="14" t="s">
        <v>1</v>
      </c>
      <c r="C137659" s="14" t="s">
        <v>596</v>
      </c>
      <c r="D137659" s="14" t="s">
        <v>313</v>
      </c>
      <c r="E137659" s="15">
        <v>45430</v>
      </c>
      <c r="F137659" s="14" t="s">
        <v>25</v>
      </c>
      <c r="G137659" s="16">
        <v>0</v>
      </c>
    </row>
    <row r="137660" spans="1:7" x14ac:dyDescent="0.3">
      <c r="A137660" s="13" t="s">
        <v>615</v>
      </c>
      <c r="B137660" s="14" t="s">
        <v>1</v>
      </c>
      <c r="C137660" s="14" t="s">
        <v>596</v>
      </c>
      <c r="D137660" s="14" t="s">
        <v>313</v>
      </c>
      <c r="E137660" s="15">
        <v>45431</v>
      </c>
      <c r="F137660" s="14" t="s">
        <v>25</v>
      </c>
      <c r="G137660" s="16">
        <v>0</v>
      </c>
    </row>
    <row r="137661" spans="1:7" x14ac:dyDescent="0.3">
      <c r="A137661" s="13" t="s">
        <v>615</v>
      </c>
      <c r="B137661" s="14" t="s">
        <v>1</v>
      </c>
      <c r="C137661" s="14" t="s">
        <v>596</v>
      </c>
      <c r="D137661" s="14" t="s">
        <v>313</v>
      </c>
      <c r="E137661" s="15">
        <v>45432</v>
      </c>
      <c r="F137661" s="14" t="s">
        <v>25</v>
      </c>
      <c r="G137661" s="16">
        <v>0</v>
      </c>
    </row>
    <row r="137662" spans="1:7" x14ac:dyDescent="0.3">
      <c r="A137662" s="13" t="s">
        <v>615</v>
      </c>
      <c r="B137662" s="14" t="s">
        <v>1</v>
      </c>
      <c r="C137662" s="14" t="s">
        <v>596</v>
      </c>
      <c r="D137662" s="14" t="s">
        <v>313</v>
      </c>
      <c r="E137662" s="15">
        <v>45433</v>
      </c>
      <c r="F137662" s="14" t="s">
        <v>25</v>
      </c>
      <c r="G137662" s="16">
        <v>0</v>
      </c>
    </row>
    <row r="137663" spans="1:7" x14ac:dyDescent="0.3">
      <c r="A137663" s="13" t="s">
        <v>615</v>
      </c>
      <c r="B137663" s="14" t="s">
        <v>1</v>
      </c>
      <c r="C137663" s="14" t="s">
        <v>596</v>
      </c>
      <c r="D137663" s="14" t="s">
        <v>313</v>
      </c>
      <c r="E137663" s="15">
        <v>45434</v>
      </c>
      <c r="F137663" s="14" t="s">
        <v>25</v>
      </c>
      <c r="G137663" s="16">
        <v>0</v>
      </c>
    </row>
    <row r="137664" spans="1:7" x14ac:dyDescent="0.3">
      <c r="A137664" s="13" t="s">
        <v>615</v>
      </c>
      <c r="B137664" s="14" t="s">
        <v>1</v>
      </c>
      <c r="C137664" s="14" t="s">
        <v>596</v>
      </c>
      <c r="D137664" s="14" t="s">
        <v>313</v>
      </c>
      <c r="E137664" s="15">
        <v>45435</v>
      </c>
      <c r="F137664" s="14" t="s">
        <v>25</v>
      </c>
      <c r="G137664" s="16">
        <v>0</v>
      </c>
    </row>
    <row r="137665" spans="1:7" x14ac:dyDescent="0.3">
      <c r="A137665" s="13" t="s">
        <v>615</v>
      </c>
      <c r="B137665" s="14" t="s">
        <v>1</v>
      </c>
      <c r="C137665" s="14" t="s">
        <v>596</v>
      </c>
      <c r="D137665" s="14" t="s">
        <v>313</v>
      </c>
      <c r="E137665" s="15">
        <v>45436</v>
      </c>
      <c r="F137665" s="14" t="s">
        <v>25</v>
      </c>
      <c r="G137665" s="16">
        <v>0</v>
      </c>
    </row>
    <row r="137666" spans="1:7" x14ac:dyDescent="0.3">
      <c r="A137666" s="13" t="s">
        <v>615</v>
      </c>
      <c r="B137666" s="14" t="s">
        <v>1</v>
      </c>
      <c r="C137666" s="14" t="s">
        <v>596</v>
      </c>
      <c r="D137666" s="14" t="s">
        <v>313</v>
      </c>
      <c r="E137666" s="15">
        <v>45437</v>
      </c>
      <c r="F137666" s="14" t="s">
        <v>25</v>
      </c>
      <c r="G137666" s="16">
        <v>0</v>
      </c>
    </row>
    <row r="137667" spans="1:7" x14ac:dyDescent="0.3">
      <c r="A137667" s="13" t="s">
        <v>615</v>
      </c>
      <c r="B137667" s="14" t="s">
        <v>1</v>
      </c>
      <c r="C137667" s="14" t="s">
        <v>596</v>
      </c>
      <c r="D137667" s="14" t="s">
        <v>313</v>
      </c>
      <c r="E137667" s="15">
        <v>45438</v>
      </c>
      <c r="F137667" s="14" t="s">
        <v>25</v>
      </c>
      <c r="G137667" s="16">
        <v>0</v>
      </c>
    </row>
    <row r="137668" spans="1:7" x14ac:dyDescent="0.3">
      <c r="A137668" s="13" t="s">
        <v>615</v>
      </c>
      <c r="B137668" s="14" t="s">
        <v>1</v>
      </c>
      <c r="C137668" s="14" t="s">
        <v>596</v>
      </c>
      <c r="D137668" s="14" t="s">
        <v>313</v>
      </c>
      <c r="E137668" s="15">
        <v>45439</v>
      </c>
      <c r="F137668" s="14" t="s">
        <v>25</v>
      </c>
      <c r="G137668" s="16">
        <v>0</v>
      </c>
    </row>
    <row r="137669" spans="1:7" x14ac:dyDescent="0.3">
      <c r="A137669" s="13" t="s">
        <v>615</v>
      </c>
      <c r="B137669" s="14" t="s">
        <v>1</v>
      </c>
      <c r="C137669" s="14" t="s">
        <v>596</v>
      </c>
      <c r="D137669" s="14" t="s">
        <v>313</v>
      </c>
      <c r="E137669" s="15">
        <v>45440</v>
      </c>
      <c r="F137669" s="14" t="s">
        <v>25</v>
      </c>
      <c r="G137669" s="16">
        <v>0</v>
      </c>
    </row>
    <row r="137670" spans="1:7" x14ac:dyDescent="0.3">
      <c r="A137670" s="13" t="s">
        <v>615</v>
      </c>
      <c r="B137670" s="14" t="s">
        <v>1</v>
      </c>
      <c r="C137670" s="14" t="s">
        <v>596</v>
      </c>
      <c r="D137670" s="14" t="s">
        <v>313</v>
      </c>
      <c r="E137670" s="15">
        <v>45441</v>
      </c>
      <c r="F137670" s="14" t="s">
        <v>25</v>
      </c>
      <c r="G137670" s="16">
        <v>0</v>
      </c>
    </row>
    <row r="137671" spans="1:7" x14ac:dyDescent="0.3">
      <c r="A137671" s="13" t="s">
        <v>615</v>
      </c>
      <c r="B137671" s="14" t="s">
        <v>1</v>
      </c>
      <c r="C137671" s="14" t="s">
        <v>596</v>
      </c>
      <c r="D137671" s="14" t="s">
        <v>313</v>
      </c>
      <c r="E137671" s="15">
        <v>45442</v>
      </c>
      <c r="F137671" s="14" t="s">
        <v>25</v>
      </c>
      <c r="G137671" s="16">
        <v>0</v>
      </c>
    </row>
    <row r="137672" spans="1:7" x14ac:dyDescent="0.3">
      <c r="A137672" s="13" t="s">
        <v>615</v>
      </c>
      <c r="B137672" s="14" t="s">
        <v>1</v>
      </c>
      <c r="C137672" s="14" t="s">
        <v>596</v>
      </c>
      <c r="D137672" s="14" t="s">
        <v>313</v>
      </c>
      <c r="E137672" s="15">
        <v>45443</v>
      </c>
      <c r="F137672" s="14" t="s">
        <v>25</v>
      </c>
      <c r="G137672" s="16">
        <v>0</v>
      </c>
    </row>
    <row r="137673" spans="1:7" x14ac:dyDescent="0.3">
      <c r="A137673" s="13" t="s">
        <v>615</v>
      </c>
      <c r="B137673" s="14" t="s">
        <v>1</v>
      </c>
      <c r="C137673" s="14" t="s">
        <v>596</v>
      </c>
      <c r="D137673" s="14" t="s">
        <v>313</v>
      </c>
      <c r="E137673" s="15">
        <v>45444</v>
      </c>
      <c r="F137673" s="14" t="s">
        <v>25</v>
      </c>
      <c r="G137673" s="16">
        <v>0</v>
      </c>
    </row>
    <row r="137674" spans="1:7" x14ac:dyDescent="0.3">
      <c r="A137674" s="13" t="s">
        <v>615</v>
      </c>
      <c r="B137674" s="14" t="s">
        <v>1</v>
      </c>
      <c r="C137674" s="14" t="s">
        <v>596</v>
      </c>
      <c r="D137674" s="14" t="s">
        <v>313</v>
      </c>
      <c r="E137674" s="15">
        <v>45445</v>
      </c>
      <c r="F137674" s="14" t="s">
        <v>25</v>
      </c>
      <c r="G137674" s="16">
        <v>0</v>
      </c>
    </row>
    <row r="137675" spans="1:7" x14ac:dyDescent="0.3">
      <c r="A137675" s="13" t="s">
        <v>615</v>
      </c>
      <c r="B137675" s="14" t="s">
        <v>1</v>
      </c>
      <c r="C137675" s="14" t="s">
        <v>596</v>
      </c>
      <c r="D137675" s="14" t="s">
        <v>313</v>
      </c>
      <c r="E137675" s="15">
        <v>45446</v>
      </c>
      <c r="F137675" s="14" t="s">
        <v>25</v>
      </c>
      <c r="G137675" s="16">
        <v>0</v>
      </c>
    </row>
    <row r="137676" spans="1:7" x14ac:dyDescent="0.3">
      <c r="A137676" s="13" t="s">
        <v>615</v>
      </c>
      <c r="B137676" s="14" t="s">
        <v>1</v>
      </c>
      <c r="C137676" s="14" t="s">
        <v>596</v>
      </c>
      <c r="D137676" s="14" t="s">
        <v>313</v>
      </c>
      <c r="E137676" s="15">
        <v>45447</v>
      </c>
      <c r="F137676" s="14" t="s">
        <v>25</v>
      </c>
      <c r="G137676" s="16">
        <v>0</v>
      </c>
    </row>
    <row r="137677" spans="1:7" x14ac:dyDescent="0.3">
      <c r="A137677" s="13" t="s">
        <v>615</v>
      </c>
      <c r="B137677" s="14" t="s">
        <v>1</v>
      </c>
      <c r="C137677" s="14" t="s">
        <v>596</v>
      </c>
      <c r="D137677" s="14" t="s">
        <v>313</v>
      </c>
      <c r="E137677" s="15">
        <v>45448</v>
      </c>
      <c r="F137677" s="14" t="s">
        <v>25</v>
      </c>
      <c r="G137677" s="16">
        <v>0</v>
      </c>
    </row>
    <row r="137678" spans="1:7" x14ac:dyDescent="0.3">
      <c r="A137678" s="13" t="s">
        <v>615</v>
      </c>
      <c r="B137678" s="14" t="s">
        <v>1</v>
      </c>
      <c r="C137678" s="14" t="s">
        <v>596</v>
      </c>
      <c r="D137678" s="14" t="s">
        <v>313</v>
      </c>
      <c r="E137678" s="15">
        <v>45449</v>
      </c>
      <c r="F137678" s="14" t="s">
        <v>25</v>
      </c>
      <c r="G137678" s="16">
        <v>0</v>
      </c>
    </row>
    <row r="137679" spans="1:7" x14ac:dyDescent="0.3">
      <c r="A137679" s="13" t="s">
        <v>615</v>
      </c>
      <c r="B137679" s="14" t="s">
        <v>1</v>
      </c>
      <c r="C137679" s="14" t="s">
        <v>596</v>
      </c>
      <c r="D137679" s="14" t="s">
        <v>313</v>
      </c>
      <c r="E137679" s="15">
        <v>45450</v>
      </c>
      <c r="F137679" s="14" t="s">
        <v>25</v>
      </c>
      <c r="G137679" s="16">
        <v>0</v>
      </c>
    </row>
    <row r="137680" spans="1:7" x14ac:dyDescent="0.3">
      <c r="A137680" s="13" t="s">
        <v>615</v>
      </c>
      <c r="B137680" s="14" t="s">
        <v>1</v>
      </c>
      <c r="C137680" s="14" t="s">
        <v>596</v>
      </c>
      <c r="D137680" s="14" t="s">
        <v>313</v>
      </c>
      <c r="E137680" s="15">
        <v>45451</v>
      </c>
      <c r="F137680" s="14" t="s">
        <v>25</v>
      </c>
      <c r="G137680" s="16">
        <v>0</v>
      </c>
    </row>
    <row r="137681" spans="1:7" x14ac:dyDescent="0.3">
      <c r="A137681" s="13" t="s">
        <v>615</v>
      </c>
      <c r="B137681" s="14" t="s">
        <v>1</v>
      </c>
      <c r="C137681" s="14" t="s">
        <v>596</v>
      </c>
      <c r="D137681" s="14" t="s">
        <v>313</v>
      </c>
      <c r="E137681" s="15">
        <v>45452</v>
      </c>
      <c r="F137681" s="14" t="s">
        <v>25</v>
      </c>
      <c r="G137681" s="16">
        <v>0</v>
      </c>
    </row>
    <row r="137682" spans="1:7" x14ac:dyDescent="0.3">
      <c r="A137682" s="13" t="s">
        <v>615</v>
      </c>
      <c r="B137682" s="14" t="s">
        <v>1</v>
      </c>
      <c r="C137682" s="14" t="s">
        <v>596</v>
      </c>
      <c r="D137682" s="14" t="s">
        <v>313</v>
      </c>
      <c r="E137682" s="15">
        <v>45453</v>
      </c>
      <c r="F137682" s="14" t="s">
        <v>25</v>
      </c>
      <c r="G137682" s="16">
        <v>0</v>
      </c>
    </row>
    <row r="137683" spans="1:7" x14ac:dyDescent="0.3">
      <c r="A137683" s="13" t="s">
        <v>615</v>
      </c>
      <c r="B137683" s="14" t="s">
        <v>1</v>
      </c>
      <c r="C137683" s="14" t="s">
        <v>596</v>
      </c>
      <c r="D137683" s="14" t="s">
        <v>313</v>
      </c>
      <c r="E137683" s="15">
        <v>45454</v>
      </c>
      <c r="F137683" s="14" t="s">
        <v>25</v>
      </c>
      <c r="G137683" s="16">
        <v>0</v>
      </c>
    </row>
    <row r="137684" spans="1:7" x14ac:dyDescent="0.3">
      <c r="A137684" s="13" t="s">
        <v>615</v>
      </c>
      <c r="B137684" s="14" t="s">
        <v>1</v>
      </c>
      <c r="C137684" s="14" t="s">
        <v>596</v>
      </c>
      <c r="D137684" s="14" t="s">
        <v>313</v>
      </c>
      <c r="E137684" s="15">
        <v>45455</v>
      </c>
      <c r="F137684" s="14" t="s">
        <v>25</v>
      </c>
      <c r="G137684" s="16">
        <v>0</v>
      </c>
    </row>
    <row r="137685" spans="1:7" x14ac:dyDescent="0.3">
      <c r="A137685" s="13" t="s">
        <v>615</v>
      </c>
      <c r="B137685" s="14" t="s">
        <v>1</v>
      </c>
      <c r="C137685" s="14" t="s">
        <v>596</v>
      </c>
      <c r="D137685" s="14" t="s">
        <v>313</v>
      </c>
      <c r="E137685" s="15">
        <v>45456</v>
      </c>
      <c r="F137685" s="14" t="s">
        <v>25</v>
      </c>
      <c r="G137685" s="16">
        <v>0</v>
      </c>
    </row>
    <row r="137686" spans="1:7" x14ac:dyDescent="0.3">
      <c r="A137686" s="13" t="s">
        <v>615</v>
      </c>
      <c r="B137686" s="14" t="s">
        <v>1</v>
      </c>
      <c r="C137686" s="14" t="s">
        <v>596</v>
      </c>
      <c r="D137686" s="14" t="s">
        <v>313</v>
      </c>
      <c r="E137686" s="15">
        <v>45457</v>
      </c>
      <c r="F137686" s="14" t="s">
        <v>25</v>
      </c>
      <c r="G137686" s="16">
        <v>0</v>
      </c>
    </row>
    <row r="137687" spans="1:7" x14ac:dyDescent="0.3">
      <c r="A137687" s="13" t="s">
        <v>615</v>
      </c>
      <c r="B137687" s="14" t="s">
        <v>1</v>
      </c>
      <c r="C137687" s="14" t="s">
        <v>596</v>
      </c>
      <c r="D137687" s="14" t="s">
        <v>313</v>
      </c>
      <c r="E137687" s="15">
        <v>45458</v>
      </c>
      <c r="F137687" s="14" t="s">
        <v>25</v>
      </c>
      <c r="G137687" s="16">
        <v>0</v>
      </c>
    </row>
    <row r="137688" spans="1:7" x14ac:dyDescent="0.3">
      <c r="A137688" s="13" t="s">
        <v>615</v>
      </c>
      <c r="B137688" s="14" t="s">
        <v>1</v>
      </c>
      <c r="C137688" s="14" t="s">
        <v>596</v>
      </c>
      <c r="D137688" s="14" t="s">
        <v>313</v>
      </c>
      <c r="E137688" s="15">
        <v>45459</v>
      </c>
      <c r="F137688" s="14" t="s">
        <v>25</v>
      </c>
      <c r="G137688" s="16">
        <v>0</v>
      </c>
    </row>
    <row r="137689" spans="1:7" x14ac:dyDescent="0.3">
      <c r="A137689" s="13" t="s">
        <v>615</v>
      </c>
      <c r="B137689" s="14" t="s">
        <v>1</v>
      </c>
      <c r="C137689" s="14" t="s">
        <v>596</v>
      </c>
      <c r="D137689" s="14" t="s">
        <v>313</v>
      </c>
      <c r="E137689" s="15">
        <v>45460</v>
      </c>
      <c r="F137689" s="14" t="s">
        <v>25</v>
      </c>
      <c r="G137689" s="16">
        <v>0</v>
      </c>
    </row>
    <row r="137690" spans="1:7" x14ac:dyDescent="0.3">
      <c r="A137690" s="13" t="s">
        <v>615</v>
      </c>
      <c r="B137690" s="14" t="s">
        <v>1</v>
      </c>
      <c r="C137690" s="14" t="s">
        <v>596</v>
      </c>
      <c r="D137690" s="14" t="s">
        <v>313</v>
      </c>
      <c r="E137690" s="15">
        <v>45461</v>
      </c>
      <c r="F137690" s="14" t="s">
        <v>25</v>
      </c>
      <c r="G137690" s="16">
        <v>0</v>
      </c>
    </row>
    <row r="137691" spans="1:7" x14ac:dyDescent="0.3">
      <c r="A137691" s="13" t="s">
        <v>615</v>
      </c>
      <c r="B137691" s="14" t="s">
        <v>1</v>
      </c>
      <c r="C137691" s="14" t="s">
        <v>596</v>
      </c>
      <c r="D137691" s="14" t="s">
        <v>313</v>
      </c>
      <c r="E137691" s="15">
        <v>45462</v>
      </c>
      <c r="F137691" s="14" t="s">
        <v>25</v>
      </c>
      <c r="G137691" s="16">
        <v>0</v>
      </c>
    </row>
    <row r="137692" spans="1:7" x14ac:dyDescent="0.3">
      <c r="A137692" s="13" t="s">
        <v>615</v>
      </c>
      <c r="B137692" s="14" t="s">
        <v>1</v>
      </c>
      <c r="C137692" s="14" t="s">
        <v>596</v>
      </c>
      <c r="D137692" s="14" t="s">
        <v>313</v>
      </c>
      <c r="E137692" s="15">
        <v>45463</v>
      </c>
      <c r="F137692" s="14" t="s">
        <v>25</v>
      </c>
      <c r="G137692" s="16">
        <v>0</v>
      </c>
    </row>
    <row r="137693" spans="1:7" x14ac:dyDescent="0.3">
      <c r="A137693" s="13" t="s">
        <v>615</v>
      </c>
      <c r="B137693" s="14" t="s">
        <v>1</v>
      </c>
      <c r="C137693" s="14" t="s">
        <v>596</v>
      </c>
      <c r="D137693" s="14" t="s">
        <v>313</v>
      </c>
      <c r="E137693" s="15">
        <v>45464</v>
      </c>
      <c r="F137693" s="14" t="s">
        <v>25</v>
      </c>
      <c r="G137693" s="16">
        <v>0</v>
      </c>
    </row>
    <row r="137694" spans="1:7" x14ac:dyDescent="0.3">
      <c r="A137694" s="13" t="s">
        <v>615</v>
      </c>
      <c r="B137694" s="14" t="s">
        <v>1</v>
      </c>
      <c r="C137694" s="14" t="s">
        <v>596</v>
      </c>
      <c r="D137694" s="14" t="s">
        <v>313</v>
      </c>
      <c r="E137694" s="15">
        <v>45465</v>
      </c>
      <c r="F137694" s="14" t="s">
        <v>25</v>
      </c>
      <c r="G137694" s="16">
        <v>0</v>
      </c>
    </row>
    <row r="137695" spans="1:7" x14ac:dyDescent="0.3">
      <c r="A137695" s="13" t="s">
        <v>615</v>
      </c>
      <c r="B137695" s="14" t="s">
        <v>1</v>
      </c>
      <c r="C137695" s="14" t="s">
        <v>596</v>
      </c>
      <c r="D137695" s="14" t="s">
        <v>313</v>
      </c>
      <c r="E137695" s="15">
        <v>45466</v>
      </c>
      <c r="F137695" s="14" t="s">
        <v>25</v>
      </c>
      <c r="G137695" s="16">
        <v>0</v>
      </c>
    </row>
    <row r="137696" spans="1:7" x14ac:dyDescent="0.3">
      <c r="A137696" s="13" t="s">
        <v>615</v>
      </c>
      <c r="B137696" s="14" t="s">
        <v>1</v>
      </c>
      <c r="C137696" s="14" t="s">
        <v>596</v>
      </c>
      <c r="D137696" s="14" t="s">
        <v>313</v>
      </c>
      <c r="E137696" s="15">
        <v>45467</v>
      </c>
      <c r="F137696" s="14" t="s">
        <v>25</v>
      </c>
      <c r="G137696" s="16">
        <v>0</v>
      </c>
    </row>
    <row r="137697" spans="1:7" x14ac:dyDescent="0.3">
      <c r="A137697" s="13" t="s">
        <v>615</v>
      </c>
      <c r="B137697" s="14" t="s">
        <v>1</v>
      </c>
      <c r="C137697" s="14" t="s">
        <v>596</v>
      </c>
      <c r="D137697" s="14" t="s">
        <v>313</v>
      </c>
      <c r="E137697" s="15">
        <v>45468</v>
      </c>
      <c r="F137697" s="14" t="s">
        <v>25</v>
      </c>
      <c r="G137697" s="16">
        <v>0</v>
      </c>
    </row>
    <row r="137698" spans="1:7" x14ac:dyDescent="0.3">
      <c r="A137698" s="13" t="s">
        <v>615</v>
      </c>
      <c r="B137698" s="14" t="s">
        <v>1</v>
      </c>
      <c r="C137698" s="14" t="s">
        <v>596</v>
      </c>
      <c r="D137698" s="14" t="s">
        <v>313</v>
      </c>
      <c r="E137698" s="15">
        <v>45469</v>
      </c>
      <c r="F137698" s="14" t="s">
        <v>25</v>
      </c>
      <c r="G137698" s="16">
        <v>0</v>
      </c>
    </row>
    <row r="137699" spans="1:7" x14ac:dyDescent="0.3">
      <c r="A137699" s="13" t="s">
        <v>615</v>
      </c>
      <c r="B137699" s="14" t="s">
        <v>1</v>
      </c>
      <c r="C137699" s="14" t="s">
        <v>596</v>
      </c>
      <c r="D137699" s="14" t="s">
        <v>313</v>
      </c>
      <c r="E137699" s="15">
        <v>45470</v>
      </c>
      <c r="F137699" s="14" t="s">
        <v>25</v>
      </c>
      <c r="G137699" s="16">
        <v>0</v>
      </c>
    </row>
    <row r="137700" spans="1:7" x14ac:dyDescent="0.3">
      <c r="A137700" s="13" t="s">
        <v>615</v>
      </c>
      <c r="B137700" s="14" t="s">
        <v>1</v>
      </c>
      <c r="C137700" s="14" t="s">
        <v>596</v>
      </c>
      <c r="D137700" s="14" t="s">
        <v>313</v>
      </c>
      <c r="E137700" s="15">
        <v>45471</v>
      </c>
      <c r="F137700" s="14" t="s">
        <v>25</v>
      </c>
      <c r="G137700" s="16">
        <v>0</v>
      </c>
    </row>
    <row r="137701" spans="1:7" x14ac:dyDescent="0.3">
      <c r="A137701" s="13" t="s">
        <v>615</v>
      </c>
      <c r="B137701" s="14" t="s">
        <v>1</v>
      </c>
      <c r="C137701" s="14" t="s">
        <v>596</v>
      </c>
      <c r="D137701" s="14" t="s">
        <v>313</v>
      </c>
      <c r="E137701" s="15">
        <v>45472</v>
      </c>
      <c r="F137701" s="14" t="s">
        <v>25</v>
      </c>
      <c r="G137701" s="16">
        <v>0</v>
      </c>
    </row>
    <row r="137702" spans="1:7" x14ac:dyDescent="0.3">
      <c r="A137702" s="13" t="s">
        <v>615</v>
      </c>
      <c r="B137702" s="14" t="s">
        <v>1</v>
      </c>
      <c r="C137702" s="14" t="s">
        <v>596</v>
      </c>
      <c r="D137702" s="14" t="s">
        <v>313</v>
      </c>
      <c r="E137702" s="15">
        <v>45473</v>
      </c>
      <c r="F137702" s="14" t="s">
        <v>25</v>
      </c>
      <c r="G137702" s="16">
        <v>0</v>
      </c>
    </row>
    <row r="137703" spans="1:7" x14ac:dyDescent="0.3">
      <c r="A137703" s="13" t="s">
        <v>615</v>
      </c>
      <c r="B137703" s="14" t="s">
        <v>1</v>
      </c>
      <c r="C137703" s="14" t="s">
        <v>596</v>
      </c>
      <c r="D137703" s="14" t="s">
        <v>313</v>
      </c>
      <c r="E137703" s="15">
        <v>45474</v>
      </c>
      <c r="F137703" s="14" t="s">
        <v>25</v>
      </c>
      <c r="G137703" s="16">
        <v>0</v>
      </c>
    </row>
    <row r="137704" spans="1:7" x14ac:dyDescent="0.3">
      <c r="A137704" s="13" t="s">
        <v>615</v>
      </c>
      <c r="B137704" s="14" t="s">
        <v>1</v>
      </c>
      <c r="C137704" s="14" t="s">
        <v>596</v>
      </c>
      <c r="D137704" s="14" t="s">
        <v>313</v>
      </c>
      <c r="E137704" s="15">
        <v>45475</v>
      </c>
      <c r="F137704" s="14" t="s">
        <v>25</v>
      </c>
      <c r="G137704" s="16">
        <v>0</v>
      </c>
    </row>
    <row r="137705" spans="1:7" x14ac:dyDescent="0.3">
      <c r="A137705" s="13" t="s">
        <v>615</v>
      </c>
      <c r="B137705" s="14" t="s">
        <v>1</v>
      </c>
      <c r="C137705" s="14" t="s">
        <v>596</v>
      </c>
      <c r="D137705" s="14" t="s">
        <v>313</v>
      </c>
      <c r="E137705" s="15">
        <v>45476</v>
      </c>
      <c r="F137705" s="14" t="s">
        <v>25</v>
      </c>
      <c r="G137705" s="16">
        <v>0</v>
      </c>
    </row>
    <row r="137706" spans="1:7" x14ac:dyDescent="0.3">
      <c r="A137706" s="13" t="s">
        <v>615</v>
      </c>
      <c r="B137706" s="14" t="s">
        <v>1</v>
      </c>
      <c r="C137706" s="14" t="s">
        <v>596</v>
      </c>
      <c r="D137706" s="14" t="s">
        <v>313</v>
      </c>
      <c r="E137706" s="15">
        <v>45477</v>
      </c>
      <c r="F137706" s="14" t="s">
        <v>25</v>
      </c>
      <c r="G137706" s="16">
        <v>0</v>
      </c>
    </row>
    <row r="137707" spans="1:7" x14ac:dyDescent="0.3">
      <c r="A137707" s="13" t="s">
        <v>615</v>
      </c>
      <c r="B137707" s="14" t="s">
        <v>1</v>
      </c>
      <c r="C137707" s="14" t="s">
        <v>596</v>
      </c>
      <c r="D137707" s="14" t="s">
        <v>313</v>
      </c>
      <c r="E137707" s="15">
        <v>45478</v>
      </c>
      <c r="F137707" s="14" t="s">
        <v>25</v>
      </c>
      <c r="G137707" s="16">
        <v>0</v>
      </c>
    </row>
    <row r="137708" spans="1:7" x14ac:dyDescent="0.3">
      <c r="A137708" s="13" t="s">
        <v>615</v>
      </c>
      <c r="B137708" s="14" t="s">
        <v>1</v>
      </c>
      <c r="C137708" s="14" t="s">
        <v>596</v>
      </c>
      <c r="D137708" s="14" t="s">
        <v>313</v>
      </c>
      <c r="E137708" s="15">
        <v>45479</v>
      </c>
      <c r="F137708" s="14" t="s">
        <v>25</v>
      </c>
      <c r="G137708" s="16">
        <v>0</v>
      </c>
    </row>
    <row r="137709" spans="1:7" x14ac:dyDescent="0.3">
      <c r="A137709" s="13" t="s">
        <v>615</v>
      </c>
      <c r="B137709" s="14" t="s">
        <v>1</v>
      </c>
      <c r="C137709" s="14" t="s">
        <v>596</v>
      </c>
      <c r="D137709" s="14" t="s">
        <v>313</v>
      </c>
      <c r="E137709" s="15">
        <v>45480</v>
      </c>
      <c r="F137709" s="14" t="s">
        <v>25</v>
      </c>
      <c r="G137709" s="16">
        <v>0</v>
      </c>
    </row>
    <row r="137710" spans="1:7" x14ac:dyDescent="0.3">
      <c r="A137710" s="13" t="s">
        <v>615</v>
      </c>
      <c r="B137710" s="14" t="s">
        <v>1</v>
      </c>
      <c r="C137710" s="14" t="s">
        <v>596</v>
      </c>
      <c r="D137710" s="14" t="s">
        <v>313</v>
      </c>
      <c r="E137710" s="15">
        <v>45481</v>
      </c>
      <c r="F137710" s="14" t="s">
        <v>25</v>
      </c>
      <c r="G137710" s="16">
        <v>0</v>
      </c>
    </row>
    <row r="137711" spans="1:7" x14ac:dyDescent="0.3">
      <c r="A137711" s="13" t="s">
        <v>615</v>
      </c>
      <c r="B137711" s="14" t="s">
        <v>1</v>
      </c>
      <c r="C137711" s="14" t="s">
        <v>596</v>
      </c>
      <c r="D137711" s="14" t="s">
        <v>313</v>
      </c>
      <c r="E137711" s="15">
        <v>45482</v>
      </c>
      <c r="F137711" s="14" t="s">
        <v>25</v>
      </c>
      <c r="G137711" s="16">
        <v>0</v>
      </c>
    </row>
    <row r="137712" spans="1:7" x14ac:dyDescent="0.3">
      <c r="A137712" s="13" t="s">
        <v>615</v>
      </c>
      <c r="B137712" s="14" t="s">
        <v>1</v>
      </c>
      <c r="C137712" s="14" t="s">
        <v>596</v>
      </c>
      <c r="D137712" s="14" t="s">
        <v>313</v>
      </c>
      <c r="E137712" s="15">
        <v>45483</v>
      </c>
      <c r="F137712" s="14" t="s">
        <v>25</v>
      </c>
      <c r="G137712" s="16">
        <v>0</v>
      </c>
    </row>
    <row r="137713" spans="1:7" x14ac:dyDescent="0.3">
      <c r="A137713" s="13" t="s">
        <v>615</v>
      </c>
      <c r="B137713" s="14" t="s">
        <v>1</v>
      </c>
      <c r="C137713" s="14" t="s">
        <v>596</v>
      </c>
      <c r="D137713" s="14" t="s">
        <v>313</v>
      </c>
      <c r="E137713" s="15">
        <v>45484</v>
      </c>
      <c r="F137713" s="14" t="s">
        <v>25</v>
      </c>
      <c r="G137713" s="16">
        <v>0</v>
      </c>
    </row>
    <row r="137714" spans="1:7" x14ac:dyDescent="0.3">
      <c r="A137714" s="13" t="s">
        <v>615</v>
      </c>
      <c r="B137714" s="14" t="s">
        <v>1</v>
      </c>
      <c r="C137714" s="14" t="s">
        <v>596</v>
      </c>
      <c r="D137714" s="14" t="s">
        <v>313</v>
      </c>
      <c r="E137714" s="15">
        <v>45485</v>
      </c>
      <c r="F137714" s="14" t="s">
        <v>25</v>
      </c>
      <c r="G137714" s="16">
        <v>0</v>
      </c>
    </row>
    <row r="137715" spans="1:7" x14ac:dyDescent="0.3">
      <c r="A137715" s="13" t="s">
        <v>615</v>
      </c>
      <c r="B137715" s="14" t="s">
        <v>1</v>
      </c>
      <c r="C137715" s="14" t="s">
        <v>596</v>
      </c>
      <c r="D137715" s="14" t="s">
        <v>313</v>
      </c>
      <c r="E137715" s="15">
        <v>45486</v>
      </c>
      <c r="F137715" s="14" t="s">
        <v>25</v>
      </c>
      <c r="G137715" s="16">
        <v>0</v>
      </c>
    </row>
    <row r="137716" spans="1:7" x14ac:dyDescent="0.3">
      <c r="A137716" s="13" t="s">
        <v>615</v>
      </c>
      <c r="B137716" s="14" t="s">
        <v>1</v>
      </c>
      <c r="C137716" s="14" t="s">
        <v>596</v>
      </c>
      <c r="D137716" s="14" t="s">
        <v>313</v>
      </c>
      <c r="E137716" s="15">
        <v>45487</v>
      </c>
      <c r="F137716" s="14" t="s">
        <v>25</v>
      </c>
      <c r="G137716" s="16">
        <v>0</v>
      </c>
    </row>
    <row r="137717" spans="1:7" x14ac:dyDescent="0.3">
      <c r="A137717" s="13" t="s">
        <v>615</v>
      </c>
      <c r="B137717" s="14" t="s">
        <v>1</v>
      </c>
      <c r="C137717" s="14" t="s">
        <v>596</v>
      </c>
      <c r="D137717" s="14" t="s">
        <v>313</v>
      </c>
      <c r="E137717" s="15">
        <v>45488</v>
      </c>
      <c r="F137717" s="14" t="s">
        <v>25</v>
      </c>
      <c r="G137717" s="16">
        <v>0</v>
      </c>
    </row>
    <row r="137718" spans="1:7" x14ac:dyDescent="0.3">
      <c r="A137718" s="13" t="s">
        <v>615</v>
      </c>
      <c r="B137718" s="14" t="s">
        <v>1</v>
      </c>
      <c r="C137718" s="14" t="s">
        <v>596</v>
      </c>
      <c r="D137718" s="14" t="s">
        <v>313</v>
      </c>
      <c r="E137718" s="15">
        <v>45489</v>
      </c>
      <c r="F137718" s="14" t="s">
        <v>25</v>
      </c>
      <c r="G137718" s="16">
        <v>0</v>
      </c>
    </row>
    <row r="137719" spans="1:7" x14ac:dyDescent="0.3">
      <c r="A137719" s="13" t="s">
        <v>615</v>
      </c>
      <c r="B137719" s="14" t="s">
        <v>1</v>
      </c>
      <c r="C137719" s="14" t="s">
        <v>596</v>
      </c>
      <c r="D137719" s="14" t="s">
        <v>313</v>
      </c>
      <c r="E137719" s="15">
        <v>45490</v>
      </c>
      <c r="F137719" s="14" t="s">
        <v>25</v>
      </c>
      <c r="G137719" s="16">
        <v>0</v>
      </c>
    </row>
    <row r="137720" spans="1:7" x14ac:dyDescent="0.3">
      <c r="A137720" s="13" t="s">
        <v>615</v>
      </c>
      <c r="B137720" s="14" t="s">
        <v>1</v>
      </c>
      <c r="C137720" s="14" t="s">
        <v>596</v>
      </c>
      <c r="D137720" s="14" t="s">
        <v>313</v>
      </c>
      <c r="E137720" s="15">
        <v>45491</v>
      </c>
      <c r="F137720" s="14" t="s">
        <v>25</v>
      </c>
      <c r="G137720" s="16">
        <v>0</v>
      </c>
    </row>
    <row r="137721" spans="1:7" x14ac:dyDescent="0.3">
      <c r="A137721" s="13" t="s">
        <v>615</v>
      </c>
      <c r="B137721" s="14" t="s">
        <v>1</v>
      </c>
      <c r="C137721" s="14" t="s">
        <v>596</v>
      </c>
      <c r="D137721" s="14" t="s">
        <v>313</v>
      </c>
      <c r="E137721" s="15">
        <v>45492</v>
      </c>
      <c r="F137721" s="14" t="s">
        <v>25</v>
      </c>
      <c r="G137721" s="16">
        <v>0</v>
      </c>
    </row>
    <row r="137722" spans="1:7" x14ac:dyDescent="0.3">
      <c r="A137722" s="13" t="s">
        <v>615</v>
      </c>
      <c r="B137722" s="14" t="s">
        <v>1</v>
      </c>
      <c r="C137722" s="14" t="s">
        <v>596</v>
      </c>
      <c r="D137722" s="14" t="s">
        <v>313</v>
      </c>
      <c r="E137722" s="15">
        <v>45493</v>
      </c>
      <c r="F137722" s="14" t="s">
        <v>25</v>
      </c>
      <c r="G137722" s="16">
        <v>0</v>
      </c>
    </row>
    <row r="137723" spans="1:7" x14ac:dyDescent="0.3">
      <c r="A137723" s="13" t="s">
        <v>615</v>
      </c>
      <c r="B137723" s="14" t="s">
        <v>1</v>
      </c>
      <c r="C137723" s="14" t="s">
        <v>596</v>
      </c>
      <c r="D137723" s="14" t="s">
        <v>313</v>
      </c>
      <c r="E137723" s="15">
        <v>45494</v>
      </c>
      <c r="F137723" s="14" t="s">
        <v>25</v>
      </c>
      <c r="G137723" s="16">
        <v>0</v>
      </c>
    </row>
    <row r="137724" spans="1:7" x14ac:dyDescent="0.3">
      <c r="A137724" s="13" t="s">
        <v>615</v>
      </c>
      <c r="B137724" s="14" t="s">
        <v>1</v>
      </c>
      <c r="C137724" s="14" t="s">
        <v>596</v>
      </c>
      <c r="D137724" s="14" t="s">
        <v>313</v>
      </c>
      <c r="E137724" s="15">
        <v>45495</v>
      </c>
      <c r="F137724" s="14" t="s">
        <v>25</v>
      </c>
      <c r="G137724" s="16">
        <v>0</v>
      </c>
    </row>
    <row r="137725" spans="1:7" x14ac:dyDescent="0.3">
      <c r="A137725" s="13" t="s">
        <v>615</v>
      </c>
      <c r="B137725" s="14" t="s">
        <v>1</v>
      </c>
      <c r="C137725" s="14" t="s">
        <v>596</v>
      </c>
      <c r="D137725" s="14" t="s">
        <v>313</v>
      </c>
      <c r="E137725" s="15">
        <v>45496</v>
      </c>
      <c r="F137725" s="14" t="s">
        <v>25</v>
      </c>
      <c r="G137725" s="16">
        <v>0</v>
      </c>
    </row>
    <row r="137726" spans="1:7" x14ac:dyDescent="0.3">
      <c r="A137726" s="13" t="s">
        <v>615</v>
      </c>
      <c r="B137726" s="14" t="s">
        <v>1</v>
      </c>
      <c r="C137726" s="14" t="s">
        <v>596</v>
      </c>
      <c r="D137726" s="14" t="s">
        <v>313</v>
      </c>
      <c r="E137726" s="15">
        <v>45497</v>
      </c>
      <c r="F137726" s="14" t="s">
        <v>25</v>
      </c>
      <c r="G137726" s="16">
        <v>0</v>
      </c>
    </row>
    <row r="137727" spans="1:7" x14ac:dyDescent="0.3">
      <c r="A137727" s="13" t="s">
        <v>615</v>
      </c>
      <c r="B137727" s="14" t="s">
        <v>1</v>
      </c>
      <c r="C137727" s="14" t="s">
        <v>596</v>
      </c>
      <c r="D137727" s="14" t="s">
        <v>313</v>
      </c>
      <c r="E137727" s="15">
        <v>45498</v>
      </c>
      <c r="F137727" s="14" t="s">
        <v>25</v>
      </c>
      <c r="G137727" s="16">
        <v>0</v>
      </c>
    </row>
    <row r="137728" spans="1:7" x14ac:dyDescent="0.3">
      <c r="A137728" s="13" t="s">
        <v>615</v>
      </c>
      <c r="B137728" s="14" t="s">
        <v>1</v>
      </c>
      <c r="C137728" s="14" t="s">
        <v>596</v>
      </c>
      <c r="D137728" s="14" t="s">
        <v>313</v>
      </c>
      <c r="E137728" s="15">
        <v>45499</v>
      </c>
      <c r="F137728" s="14" t="s">
        <v>25</v>
      </c>
      <c r="G137728" s="16">
        <v>0</v>
      </c>
    </row>
    <row r="137729" spans="1:7" x14ac:dyDescent="0.3">
      <c r="A137729" s="13" t="s">
        <v>615</v>
      </c>
      <c r="B137729" s="14" t="s">
        <v>1</v>
      </c>
      <c r="C137729" s="14" t="s">
        <v>596</v>
      </c>
      <c r="D137729" s="14" t="s">
        <v>313</v>
      </c>
      <c r="E137729" s="15">
        <v>45500</v>
      </c>
      <c r="F137729" s="14" t="s">
        <v>25</v>
      </c>
      <c r="G137729" s="16">
        <v>0</v>
      </c>
    </row>
    <row r="137730" spans="1:7" x14ac:dyDescent="0.3">
      <c r="A137730" s="13" t="s">
        <v>615</v>
      </c>
      <c r="B137730" s="14" t="s">
        <v>1</v>
      </c>
      <c r="C137730" s="14" t="s">
        <v>596</v>
      </c>
      <c r="D137730" s="14" t="s">
        <v>313</v>
      </c>
      <c r="E137730" s="15">
        <v>45501</v>
      </c>
      <c r="F137730" s="14" t="s">
        <v>25</v>
      </c>
      <c r="G137730" s="16">
        <v>0</v>
      </c>
    </row>
    <row r="137731" spans="1:7" x14ac:dyDescent="0.3">
      <c r="A137731" s="13" t="s">
        <v>615</v>
      </c>
      <c r="B137731" s="14" t="s">
        <v>1</v>
      </c>
      <c r="C137731" s="14" t="s">
        <v>596</v>
      </c>
      <c r="D137731" s="14" t="s">
        <v>313</v>
      </c>
      <c r="E137731" s="15">
        <v>45502</v>
      </c>
      <c r="F137731" s="14" t="s">
        <v>25</v>
      </c>
      <c r="G137731" s="16">
        <v>0</v>
      </c>
    </row>
    <row r="137732" spans="1:7" x14ac:dyDescent="0.3">
      <c r="A137732" s="13" t="s">
        <v>615</v>
      </c>
      <c r="B137732" s="14" t="s">
        <v>1</v>
      </c>
      <c r="C137732" s="14" t="s">
        <v>596</v>
      </c>
      <c r="D137732" s="14" t="s">
        <v>313</v>
      </c>
      <c r="E137732" s="15">
        <v>45503</v>
      </c>
      <c r="F137732" s="14" t="s">
        <v>25</v>
      </c>
      <c r="G137732" s="16">
        <v>0</v>
      </c>
    </row>
    <row r="137733" spans="1:7" x14ac:dyDescent="0.3">
      <c r="A137733" s="13" t="s">
        <v>615</v>
      </c>
      <c r="B137733" s="14" t="s">
        <v>1</v>
      </c>
      <c r="C137733" s="14" t="s">
        <v>596</v>
      </c>
      <c r="D137733" s="14" t="s">
        <v>313</v>
      </c>
      <c r="E137733" s="15">
        <v>45504</v>
      </c>
      <c r="F137733" s="14" t="s">
        <v>25</v>
      </c>
      <c r="G137733" s="16">
        <v>0</v>
      </c>
    </row>
    <row r="137734" spans="1:7" x14ac:dyDescent="0.3">
      <c r="A137734" s="13" t="s">
        <v>615</v>
      </c>
      <c r="B137734" s="14" t="s">
        <v>1</v>
      </c>
      <c r="C137734" s="14" t="s">
        <v>596</v>
      </c>
      <c r="D137734" s="14" t="s">
        <v>313</v>
      </c>
      <c r="E137734" s="15">
        <v>45505</v>
      </c>
      <c r="F137734" s="14" t="s">
        <v>25</v>
      </c>
      <c r="G137734" s="16">
        <v>0</v>
      </c>
    </row>
    <row r="137735" spans="1:7" x14ac:dyDescent="0.3">
      <c r="A137735" s="13" t="s">
        <v>615</v>
      </c>
      <c r="B137735" s="14" t="s">
        <v>1</v>
      </c>
      <c r="C137735" s="14" t="s">
        <v>596</v>
      </c>
      <c r="D137735" s="14" t="s">
        <v>313</v>
      </c>
      <c r="E137735" s="15">
        <v>45506</v>
      </c>
      <c r="F137735" s="14" t="s">
        <v>25</v>
      </c>
      <c r="G137735" s="16">
        <v>0</v>
      </c>
    </row>
    <row r="137736" spans="1:7" x14ac:dyDescent="0.3">
      <c r="A137736" s="13" t="s">
        <v>615</v>
      </c>
      <c r="B137736" s="14" t="s">
        <v>1</v>
      </c>
      <c r="C137736" s="14" t="s">
        <v>596</v>
      </c>
      <c r="D137736" s="14" t="s">
        <v>313</v>
      </c>
      <c r="E137736" s="15">
        <v>45507</v>
      </c>
      <c r="F137736" s="14" t="s">
        <v>25</v>
      </c>
      <c r="G137736" s="16">
        <v>0</v>
      </c>
    </row>
    <row r="137737" spans="1:7" x14ac:dyDescent="0.3">
      <c r="A137737" s="13" t="s">
        <v>615</v>
      </c>
      <c r="B137737" s="14" t="s">
        <v>1</v>
      </c>
      <c r="C137737" s="14" t="s">
        <v>596</v>
      </c>
      <c r="D137737" s="14" t="s">
        <v>313</v>
      </c>
      <c r="E137737" s="15">
        <v>45508</v>
      </c>
      <c r="F137737" s="14" t="s">
        <v>25</v>
      </c>
      <c r="G137737" s="16">
        <v>0</v>
      </c>
    </row>
    <row r="137738" spans="1:7" x14ac:dyDescent="0.3">
      <c r="A137738" s="13" t="s">
        <v>615</v>
      </c>
      <c r="B137738" s="14" t="s">
        <v>1</v>
      </c>
      <c r="C137738" s="14" t="s">
        <v>596</v>
      </c>
      <c r="D137738" s="14" t="s">
        <v>313</v>
      </c>
      <c r="E137738" s="15">
        <v>45509</v>
      </c>
      <c r="F137738" s="14" t="s">
        <v>25</v>
      </c>
      <c r="G137738" s="16">
        <v>0</v>
      </c>
    </row>
    <row r="137739" spans="1:7" x14ac:dyDescent="0.3">
      <c r="A137739" s="13" t="s">
        <v>615</v>
      </c>
      <c r="B137739" s="14" t="s">
        <v>1</v>
      </c>
      <c r="C137739" s="14" t="s">
        <v>596</v>
      </c>
      <c r="D137739" s="14" t="s">
        <v>313</v>
      </c>
      <c r="E137739" s="15">
        <v>45510</v>
      </c>
      <c r="F137739" s="14" t="s">
        <v>25</v>
      </c>
      <c r="G137739" s="16">
        <v>0</v>
      </c>
    </row>
    <row r="137740" spans="1:7" x14ac:dyDescent="0.3">
      <c r="A137740" s="13" t="s">
        <v>615</v>
      </c>
      <c r="B137740" s="14" t="s">
        <v>1</v>
      </c>
      <c r="C137740" s="14" t="s">
        <v>596</v>
      </c>
      <c r="D137740" s="14" t="s">
        <v>313</v>
      </c>
      <c r="E137740" s="15">
        <v>45511</v>
      </c>
      <c r="F137740" s="14" t="s">
        <v>25</v>
      </c>
      <c r="G137740" s="16">
        <v>0</v>
      </c>
    </row>
    <row r="137741" spans="1:7" x14ac:dyDescent="0.3">
      <c r="A137741" s="13" t="s">
        <v>615</v>
      </c>
      <c r="B137741" s="14" t="s">
        <v>1</v>
      </c>
      <c r="C137741" s="14" t="s">
        <v>596</v>
      </c>
      <c r="D137741" s="14" t="s">
        <v>313</v>
      </c>
      <c r="E137741" s="15">
        <v>45512</v>
      </c>
      <c r="F137741" s="14" t="s">
        <v>25</v>
      </c>
      <c r="G137741" s="16">
        <v>0</v>
      </c>
    </row>
    <row r="137742" spans="1:7" x14ac:dyDescent="0.3">
      <c r="A137742" s="13" t="s">
        <v>615</v>
      </c>
      <c r="B137742" s="14" t="s">
        <v>1</v>
      </c>
      <c r="C137742" s="14" t="s">
        <v>596</v>
      </c>
      <c r="D137742" s="14" t="s">
        <v>313</v>
      </c>
      <c r="E137742" s="15">
        <v>45513</v>
      </c>
      <c r="F137742" s="14" t="s">
        <v>25</v>
      </c>
      <c r="G137742" s="16">
        <v>0</v>
      </c>
    </row>
    <row r="137743" spans="1:7" x14ac:dyDescent="0.3">
      <c r="A137743" s="13" t="s">
        <v>615</v>
      </c>
      <c r="B137743" s="14" t="s">
        <v>1</v>
      </c>
      <c r="C137743" s="14" t="s">
        <v>596</v>
      </c>
      <c r="D137743" s="14" t="s">
        <v>313</v>
      </c>
      <c r="E137743" s="15">
        <v>45514</v>
      </c>
      <c r="F137743" s="14" t="s">
        <v>25</v>
      </c>
      <c r="G137743" s="16">
        <v>0</v>
      </c>
    </row>
    <row r="137744" spans="1:7" x14ac:dyDescent="0.3">
      <c r="A137744" s="13" t="s">
        <v>615</v>
      </c>
      <c r="B137744" s="14" t="s">
        <v>1</v>
      </c>
      <c r="C137744" s="14" t="s">
        <v>596</v>
      </c>
      <c r="D137744" s="14" t="s">
        <v>313</v>
      </c>
      <c r="E137744" s="15">
        <v>45515</v>
      </c>
      <c r="F137744" s="14" t="s">
        <v>25</v>
      </c>
      <c r="G137744" s="16">
        <v>0</v>
      </c>
    </row>
    <row r="137745" spans="1:7" x14ac:dyDescent="0.3">
      <c r="A137745" s="13" t="s">
        <v>615</v>
      </c>
      <c r="B137745" s="14" t="s">
        <v>1</v>
      </c>
      <c r="C137745" s="14" t="s">
        <v>596</v>
      </c>
      <c r="D137745" s="14" t="s">
        <v>313</v>
      </c>
      <c r="E137745" s="15">
        <v>45516</v>
      </c>
      <c r="F137745" s="14" t="s">
        <v>25</v>
      </c>
      <c r="G137745" s="16">
        <v>0</v>
      </c>
    </row>
    <row r="137746" spans="1:7" x14ac:dyDescent="0.3">
      <c r="A137746" s="13" t="s">
        <v>615</v>
      </c>
      <c r="B137746" s="14" t="s">
        <v>1</v>
      </c>
      <c r="C137746" s="14" t="s">
        <v>596</v>
      </c>
      <c r="D137746" s="14" t="s">
        <v>313</v>
      </c>
      <c r="E137746" s="15">
        <v>45517</v>
      </c>
      <c r="F137746" s="14" t="s">
        <v>25</v>
      </c>
      <c r="G137746" s="16">
        <v>0</v>
      </c>
    </row>
    <row r="137747" spans="1:7" x14ac:dyDescent="0.3">
      <c r="A137747" s="13" t="s">
        <v>615</v>
      </c>
      <c r="B137747" s="14" t="s">
        <v>1</v>
      </c>
      <c r="C137747" s="14" t="s">
        <v>596</v>
      </c>
      <c r="D137747" s="14" t="s">
        <v>313</v>
      </c>
      <c r="E137747" s="15">
        <v>45518</v>
      </c>
      <c r="F137747" s="14" t="s">
        <v>25</v>
      </c>
      <c r="G137747" s="16">
        <v>0</v>
      </c>
    </row>
    <row r="137748" spans="1:7" x14ac:dyDescent="0.3">
      <c r="A137748" s="13" t="s">
        <v>615</v>
      </c>
      <c r="B137748" s="14" t="s">
        <v>1</v>
      </c>
      <c r="C137748" s="14" t="s">
        <v>596</v>
      </c>
      <c r="D137748" s="14" t="s">
        <v>313</v>
      </c>
      <c r="E137748" s="15">
        <v>45519</v>
      </c>
      <c r="F137748" s="14" t="s">
        <v>25</v>
      </c>
      <c r="G137748" s="16">
        <v>0</v>
      </c>
    </row>
    <row r="137749" spans="1:7" x14ac:dyDescent="0.3">
      <c r="A137749" s="13" t="s">
        <v>615</v>
      </c>
      <c r="B137749" s="14" t="s">
        <v>1</v>
      </c>
      <c r="C137749" s="14" t="s">
        <v>596</v>
      </c>
      <c r="D137749" s="14" t="s">
        <v>313</v>
      </c>
      <c r="E137749" s="15">
        <v>45520</v>
      </c>
      <c r="F137749" s="14" t="s">
        <v>25</v>
      </c>
      <c r="G137749" s="16">
        <v>0</v>
      </c>
    </row>
    <row r="137750" spans="1:7" x14ac:dyDescent="0.3">
      <c r="A137750" s="13" t="s">
        <v>615</v>
      </c>
      <c r="B137750" s="14" t="s">
        <v>1</v>
      </c>
      <c r="C137750" s="14" t="s">
        <v>596</v>
      </c>
      <c r="D137750" s="14" t="s">
        <v>313</v>
      </c>
      <c r="E137750" s="15">
        <v>45521</v>
      </c>
      <c r="F137750" s="14" t="s">
        <v>25</v>
      </c>
      <c r="G137750" s="16">
        <v>0</v>
      </c>
    </row>
    <row r="137751" spans="1:7" x14ac:dyDescent="0.3">
      <c r="A137751" s="13" t="s">
        <v>615</v>
      </c>
      <c r="B137751" s="14" t="s">
        <v>1</v>
      </c>
      <c r="C137751" s="14" t="s">
        <v>596</v>
      </c>
      <c r="D137751" s="14" t="s">
        <v>313</v>
      </c>
      <c r="E137751" s="15">
        <v>45522</v>
      </c>
      <c r="F137751" s="14" t="s">
        <v>25</v>
      </c>
      <c r="G137751" s="16">
        <v>0</v>
      </c>
    </row>
    <row r="137752" spans="1:7" x14ac:dyDescent="0.3">
      <c r="A137752" s="13" t="s">
        <v>615</v>
      </c>
      <c r="B137752" s="14" t="s">
        <v>1</v>
      </c>
      <c r="C137752" s="14" t="s">
        <v>596</v>
      </c>
      <c r="D137752" s="14" t="s">
        <v>313</v>
      </c>
      <c r="E137752" s="15">
        <v>45523</v>
      </c>
      <c r="F137752" s="14" t="s">
        <v>25</v>
      </c>
      <c r="G137752" s="16">
        <v>0</v>
      </c>
    </row>
    <row r="137753" spans="1:7" x14ac:dyDescent="0.3">
      <c r="A137753" s="13" t="s">
        <v>615</v>
      </c>
      <c r="B137753" s="14" t="s">
        <v>1</v>
      </c>
      <c r="C137753" s="14" t="s">
        <v>596</v>
      </c>
      <c r="D137753" s="14" t="s">
        <v>313</v>
      </c>
      <c r="E137753" s="15">
        <v>45524</v>
      </c>
      <c r="F137753" s="14" t="s">
        <v>25</v>
      </c>
      <c r="G137753" s="16">
        <v>0</v>
      </c>
    </row>
    <row r="137754" spans="1:7" x14ac:dyDescent="0.3">
      <c r="A137754" s="13" t="s">
        <v>615</v>
      </c>
      <c r="B137754" s="14" t="s">
        <v>1</v>
      </c>
      <c r="C137754" s="14" t="s">
        <v>596</v>
      </c>
      <c r="D137754" s="14" t="s">
        <v>313</v>
      </c>
      <c r="E137754" s="15">
        <v>45525</v>
      </c>
      <c r="F137754" s="14" t="s">
        <v>25</v>
      </c>
      <c r="G137754" s="16">
        <v>0</v>
      </c>
    </row>
    <row r="137755" spans="1:7" x14ac:dyDescent="0.3">
      <c r="A137755" s="13" t="s">
        <v>615</v>
      </c>
      <c r="B137755" s="14" t="s">
        <v>1</v>
      </c>
      <c r="C137755" s="14" t="s">
        <v>596</v>
      </c>
      <c r="D137755" s="14" t="s">
        <v>313</v>
      </c>
      <c r="E137755" s="15">
        <v>45526</v>
      </c>
      <c r="F137755" s="14" t="s">
        <v>25</v>
      </c>
      <c r="G137755" s="16">
        <v>0</v>
      </c>
    </row>
    <row r="137756" spans="1:7" x14ac:dyDescent="0.3">
      <c r="A137756" s="13" t="s">
        <v>615</v>
      </c>
      <c r="B137756" s="14" t="s">
        <v>1</v>
      </c>
      <c r="C137756" s="14" t="s">
        <v>596</v>
      </c>
      <c r="D137756" s="14" t="s">
        <v>313</v>
      </c>
      <c r="E137756" s="15">
        <v>45527</v>
      </c>
      <c r="F137756" s="14" t="s">
        <v>25</v>
      </c>
      <c r="G137756" s="16">
        <v>0</v>
      </c>
    </row>
    <row r="137757" spans="1:7" x14ac:dyDescent="0.3">
      <c r="A137757" s="13" t="s">
        <v>615</v>
      </c>
      <c r="B137757" s="14" t="s">
        <v>1</v>
      </c>
      <c r="C137757" s="14" t="s">
        <v>596</v>
      </c>
      <c r="D137757" s="14" t="s">
        <v>313</v>
      </c>
      <c r="E137757" s="15">
        <v>45528</v>
      </c>
      <c r="F137757" s="14" t="s">
        <v>25</v>
      </c>
      <c r="G137757" s="16">
        <v>0</v>
      </c>
    </row>
    <row r="137758" spans="1:7" x14ac:dyDescent="0.3">
      <c r="A137758" s="13" t="s">
        <v>615</v>
      </c>
      <c r="B137758" s="14" t="s">
        <v>1</v>
      </c>
      <c r="C137758" s="14" t="s">
        <v>596</v>
      </c>
      <c r="D137758" s="14" t="s">
        <v>313</v>
      </c>
      <c r="E137758" s="15">
        <v>45529</v>
      </c>
      <c r="F137758" s="14" t="s">
        <v>25</v>
      </c>
      <c r="G137758" s="16">
        <v>0</v>
      </c>
    </row>
    <row r="137759" spans="1:7" x14ac:dyDescent="0.3">
      <c r="A137759" s="13" t="s">
        <v>615</v>
      </c>
      <c r="B137759" s="14" t="s">
        <v>1</v>
      </c>
      <c r="C137759" s="14" t="s">
        <v>596</v>
      </c>
      <c r="D137759" s="14" t="s">
        <v>313</v>
      </c>
      <c r="E137759" s="15">
        <v>45530</v>
      </c>
      <c r="F137759" s="14" t="s">
        <v>25</v>
      </c>
      <c r="G137759" s="16">
        <v>0</v>
      </c>
    </row>
    <row r="137760" spans="1:7" x14ac:dyDescent="0.3">
      <c r="A137760" s="13" t="s">
        <v>615</v>
      </c>
      <c r="B137760" s="14" t="s">
        <v>1</v>
      </c>
      <c r="C137760" s="14" t="s">
        <v>596</v>
      </c>
      <c r="D137760" s="14" t="s">
        <v>313</v>
      </c>
      <c r="E137760" s="15">
        <v>45531</v>
      </c>
      <c r="F137760" s="14" t="s">
        <v>25</v>
      </c>
      <c r="G137760" s="16">
        <v>0</v>
      </c>
    </row>
    <row r="137761" spans="1:7" x14ac:dyDescent="0.3">
      <c r="A137761" s="13" t="s">
        <v>615</v>
      </c>
      <c r="B137761" s="14" t="s">
        <v>1</v>
      </c>
      <c r="C137761" s="14" t="s">
        <v>596</v>
      </c>
      <c r="D137761" s="14" t="s">
        <v>313</v>
      </c>
      <c r="E137761" s="15">
        <v>45532</v>
      </c>
      <c r="F137761" s="14" t="s">
        <v>25</v>
      </c>
      <c r="G137761" s="16">
        <v>0</v>
      </c>
    </row>
    <row r="137762" spans="1:7" x14ac:dyDescent="0.3">
      <c r="A137762" s="13" t="s">
        <v>615</v>
      </c>
      <c r="B137762" s="14" t="s">
        <v>1</v>
      </c>
      <c r="C137762" s="14" t="s">
        <v>596</v>
      </c>
      <c r="D137762" s="14" t="s">
        <v>313</v>
      </c>
      <c r="E137762" s="15">
        <v>45533</v>
      </c>
      <c r="F137762" s="14" t="s">
        <v>25</v>
      </c>
      <c r="G137762" s="16">
        <v>0</v>
      </c>
    </row>
    <row r="137763" spans="1:7" x14ac:dyDescent="0.3">
      <c r="A137763" s="13" t="s">
        <v>615</v>
      </c>
      <c r="B137763" s="14" t="s">
        <v>1</v>
      </c>
      <c r="C137763" s="14" t="s">
        <v>596</v>
      </c>
      <c r="D137763" s="14" t="s">
        <v>313</v>
      </c>
      <c r="E137763" s="15">
        <v>45534</v>
      </c>
      <c r="F137763" s="14" t="s">
        <v>25</v>
      </c>
      <c r="G137763" s="16">
        <v>0</v>
      </c>
    </row>
    <row r="137764" spans="1:7" x14ac:dyDescent="0.3">
      <c r="A137764" s="13" t="s">
        <v>615</v>
      </c>
      <c r="B137764" s="14" t="s">
        <v>1</v>
      </c>
      <c r="C137764" s="14" t="s">
        <v>596</v>
      </c>
      <c r="D137764" s="14" t="s">
        <v>313</v>
      </c>
      <c r="E137764" s="15">
        <v>45535</v>
      </c>
      <c r="F137764" s="14" t="s">
        <v>25</v>
      </c>
      <c r="G137764" s="16">
        <v>0</v>
      </c>
    </row>
    <row r="137765" spans="1:7" x14ac:dyDescent="0.3">
      <c r="A137765" s="13" t="s">
        <v>615</v>
      </c>
      <c r="B137765" s="14" t="s">
        <v>1</v>
      </c>
      <c r="C137765" s="14" t="s">
        <v>596</v>
      </c>
      <c r="D137765" s="14" t="s">
        <v>313</v>
      </c>
      <c r="E137765" s="15">
        <v>45536</v>
      </c>
      <c r="F137765" s="14" t="s">
        <v>25</v>
      </c>
      <c r="G137765" s="16">
        <v>0</v>
      </c>
    </row>
    <row r="137766" spans="1:7" x14ac:dyDescent="0.3">
      <c r="A137766" s="13" t="s">
        <v>615</v>
      </c>
      <c r="B137766" s="14" t="s">
        <v>1</v>
      </c>
      <c r="C137766" s="14" t="s">
        <v>596</v>
      </c>
      <c r="D137766" s="14" t="s">
        <v>313</v>
      </c>
      <c r="E137766" s="15">
        <v>45537</v>
      </c>
      <c r="F137766" s="14" t="s">
        <v>25</v>
      </c>
      <c r="G137766" s="16">
        <v>0</v>
      </c>
    </row>
    <row r="137767" spans="1:7" x14ac:dyDescent="0.3">
      <c r="A137767" s="13" t="s">
        <v>615</v>
      </c>
      <c r="B137767" s="14" t="s">
        <v>1</v>
      </c>
      <c r="C137767" s="14" t="s">
        <v>596</v>
      </c>
      <c r="D137767" s="14" t="s">
        <v>313</v>
      </c>
      <c r="E137767" s="15">
        <v>45538</v>
      </c>
      <c r="F137767" s="14" t="s">
        <v>25</v>
      </c>
      <c r="G137767" s="16">
        <v>0</v>
      </c>
    </row>
    <row r="137768" spans="1:7" x14ac:dyDescent="0.3">
      <c r="A137768" s="13" t="s">
        <v>615</v>
      </c>
      <c r="B137768" s="14" t="s">
        <v>1</v>
      </c>
      <c r="C137768" s="14" t="s">
        <v>596</v>
      </c>
      <c r="D137768" s="14" t="s">
        <v>313</v>
      </c>
      <c r="E137768" s="15">
        <v>45539</v>
      </c>
      <c r="F137768" s="14" t="s">
        <v>25</v>
      </c>
      <c r="G137768" s="16">
        <v>0</v>
      </c>
    </row>
    <row r="137769" spans="1:7" x14ac:dyDescent="0.3">
      <c r="A137769" s="13" t="s">
        <v>615</v>
      </c>
      <c r="B137769" s="14" t="s">
        <v>1</v>
      </c>
      <c r="C137769" s="14" t="s">
        <v>596</v>
      </c>
      <c r="D137769" s="14" t="s">
        <v>313</v>
      </c>
      <c r="E137769" s="15">
        <v>45540</v>
      </c>
      <c r="F137769" s="14" t="s">
        <v>25</v>
      </c>
      <c r="G137769" s="16">
        <v>0</v>
      </c>
    </row>
    <row r="137770" spans="1:7" x14ac:dyDescent="0.3">
      <c r="A137770" s="13" t="s">
        <v>615</v>
      </c>
      <c r="B137770" s="14" t="s">
        <v>1</v>
      </c>
      <c r="C137770" s="14" t="s">
        <v>596</v>
      </c>
      <c r="D137770" s="14" t="s">
        <v>313</v>
      </c>
      <c r="E137770" s="15">
        <v>45541</v>
      </c>
      <c r="F137770" s="14" t="s">
        <v>25</v>
      </c>
      <c r="G137770" s="16">
        <v>0</v>
      </c>
    </row>
    <row r="137771" spans="1:7" x14ac:dyDescent="0.3">
      <c r="A137771" s="13" t="s">
        <v>615</v>
      </c>
      <c r="B137771" s="14" t="s">
        <v>1</v>
      </c>
      <c r="C137771" s="14" t="s">
        <v>596</v>
      </c>
      <c r="D137771" s="14" t="s">
        <v>313</v>
      </c>
      <c r="E137771" s="15">
        <v>45542</v>
      </c>
      <c r="F137771" s="14" t="s">
        <v>25</v>
      </c>
      <c r="G137771" s="16">
        <v>0</v>
      </c>
    </row>
    <row r="137772" spans="1:7" x14ac:dyDescent="0.3">
      <c r="A137772" s="13" t="s">
        <v>615</v>
      </c>
      <c r="B137772" s="14" t="s">
        <v>1</v>
      </c>
      <c r="C137772" s="14" t="s">
        <v>596</v>
      </c>
      <c r="D137772" s="14" t="s">
        <v>313</v>
      </c>
      <c r="E137772" s="15">
        <v>45543</v>
      </c>
      <c r="F137772" s="14" t="s">
        <v>25</v>
      </c>
      <c r="G137772" s="16">
        <v>0</v>
      </c>
    </row>
    <row r="137773" spans="1:7" x14ac:dyDescent="0.3">
      <c r="A137773" s="13" t="s">
        <v>615</v>
      </c>
      <c r="B137773" s="14" t="s">
        <v>1</v>
      </c>
      <c r="C137773" s="14" t="s">
        <v>596</v>
      </c>
      <c r="D137773" s="14" t="s">
        <v>313</v>
      </c>
      <c r="E137773" s="15">
        <v>45544</v>
      </c>
      <c r="F137773" s="14" t="s">
        <v>25</v>
      </c>
      <c r="G137773" s="16">
        <v>0</v>
      </c>
    </row>
    <row r="137774" spans="1:7" x14ac:dyDescent="0.3">
      <c r="A137774" s="13" t="s">
        <v>615</v>
      </c>
      <c r="B137774" s="14" t="s">
        <v>1</v>
      </c>
      <c r="C137774" s="14" t="s">
        <v>596</v>
      </c>
      <c r="D137774" s="14" t="s">
        <v>313</v>
      </c>
      <c r="E137774" s="15">
        <v>45545</v>
      </c>
      <c r="F137774" s="14" t="s">
        <v>25</v>
      </c>
      <c r="G137774" s="16">
        <v>0</v>
      </c>
    </row>
    <row r="137775" spans="1:7" x14ac:dyDescent="0.3">
      <c r="A137775" s="13" t="s">
        <v>615</v>
      </c>
      <c r="B137775" s="14" t="s">
        <v>1</v>
      </c>
      <c r="C137775" s="14" t="s">
        <v>596</v>
      </c>
      <c r="D137775" s="14" t="s">
        <v>313</v>
      </c>
      <c r="E137775" s="15">
        <v>45546</v>
      </c>
      <c r="F137775" s="14" t="s">
        <v>25</v>
      </c>
      <c r="G137775" s="16">
        <v>0</v>
      </c>
    </row>
    <row r="137776" spans="1:7" x14ac:dyDescent="0.3">
      <c r="A137776" s="13" t="s">
        <v>615</v>
      </c>
      <c r="B137776" s="14" t="s">
        <v>1</v>
      </c>
      <c r="C137776" s="14" t="s">
        <v>596</v>
      </c>
      <c r="D137776" s="14" t="s">
        <v>313</v>
      </c>
      <c r="E137776" s="15">
        <v>45547</v>
      </c>
      <c r="F137776" s="14" t="s">
        <v>25</v>
      </c>
      <c r="G137776" s="16">
        <v>0</v>
      </c>
    </row>
    <row r="137777" spans="1:7" x14ac:dyDescent="0.3">
      <c r="A137777" s="13" t="s">
        <v>615</v>
      </c>
      <c r="B137777" s="14" t="s">
        <v>1</v>
      </c>
      <c r="C137777" s="14" t="s">
        <v>596</v>
      </c>
      <c r="D137777" s="14" t="s">
        <v>313</v>
      </c>
      <c r="E137777" s="15">
        <v>45548</v>
      </c>
      <c r="F137777" s="14" t="s">
        <v>25</v>
      </c>
      <c r="G137777" s="16">
        <v>0</v>
      </c>
    </row>
    <row r="137778" spans="1:7" x14ac:dyDescent="0.3">
      <c r="A137778" s="13" t="s">
        <v>615</v>
      </c>
      <c r="B137778" s="14" t="s">
        <v>1</v>
      </c>
      <c r="C137778" s="14" t="s">
        <v>596</v>
      </c>
      <c r="D137778" s="14" t="s">
        <v>313</v>
      </c>
      <c r="E137778" s="15">
        <v>45549</v>
      </c>
      <c r="F137778" s="14" t="s">
        <v>25</v>
      </c>
      <c r="G137778" s="16">
        <v>0</v>
      </c>
    </row>
    <row r="137779" spans="1:7" x14ac:dyDescent="0.3">
      <c r="A137779" s="13" t="s">
        <v>615</v>
      </c>
      <c r="B137779" s="14" t="s">
        <v>1</v>
      </c>
      <c r="C137779" s="14" t="s">
        <v>596</v>
      </c>
      <c r="D137779" s="14" t="s">
        <v>313</v>
      </c>
      <c r="E137779" s="15">
        <v>45550</v>
      </c>
      <c r="F137779" s="14" t="s">
        <v>25</v>
      </c>
      <c r="G137779" s="16">
        <v>0</v>
      </c>
    </row>
    <row r="137780" spans="1:7" x14ac:dyDescent="0.3">
      <c r="A137780" s="13" t="s">
        <v>615</v>
      </c>
      <c r="B137780" s="14" t="s">
        <v>1</v>
      </c>
      <c r="C137780" s="14" t="s">
        <v>596</v>
      </c>
      <c r="D137780" s="14" t="s">
        <v>313</v>
      </c>
      <c r="E137780" s="15">
        <v>45551</v>
      </c>
      <c r="F137780" s="14" t="s">
        <v>25</v>
      </c>
      <c r="G137780" s="16">
        <v>0</v>
      </c>
    </row>
    <row r="137781" spans="1:7" x14ac:dyDescent="0.3">
      <c r="A137781" s="13" t="s">
        <v>615</v>
      </c>
      <c r="B137781" s="14" t="s">
        <v>1</v>
      </c>
      <c r="C137781" s="14" t="s">
        <v>596</v>
      </c>
      <c r="D137781" s="14" t="s">
        <v>313</v>
      </c>
      <c r="E137781" s="15">
        <v>45552</v>
      </c>
      <c r="F137781" s="14" t="s">
        <v>25</v>
      </c>
      <c r="G137781" s="16">
        <v>0</v>
      </c>
    </row>
    <row r="137782" spans="1:7" x14ac:dyDescent="0.3">
      <c r="A137782" s="13" t="s">
        <v>615</v>
      </c>
      <c r="B137782" s="14" t="s">
        <v>1</v>
      </c>
      <c r="C137782" s="14" t="s">
        <v>596</v>
      </c>
      <c r="D137782" s="14" t="s">
        <v>313</v>
      </c>
      <c r="E137782" s="15">
        <v>45553</v>
      </c>
      <c r="F137782" s="14" t="s">
        <v>25</v>
      </c>
      <c r="G137782" s="16">
        <v>0</v>
      </c>
    </row>
    <row r="137783" spans="1:7" x14ac:dyDescent="0.3">
      <c r="A137783" s="13" t="s">
        <v>615</v>
      </c>
      <c r="B137783" s="14" t="s">
        <v>1</v>
      </c>
      <c r="C137783" s="14" t="s">
        <v>596</v>
      </c>
      <c r="D137783" s="14" t="s">
        <v>313</v>
      </c>
      <c r="E137783" s="15">
        <v>45554</v>
      </c>
      <c r="F137783" s="14" t="s">
        <v>25</v>
      </c>
      <c r="G137783" s="16">
        <v>0</v>
      </c>
    </row>
    <row r="137784" spans="1:7" x14ac:dyDescent="0.3">
      <c r="A137784" s="13" t="s">
        <v>615</v>
      </c>
      <c r="B137784" s="14" t="s">
        <v>1</v>
      </c>
      <c r="C137784" s="14" t="s">
        <v>596</v>
      </c>
      <c r="D137784" s="14" t="s">
        <v>313</v>
      </c>
      <c r="E137784" s="15">
        <v>45555</v>
      </c>
      <c r="F137784" s="14" t="s">
        <v>25</v>
      </c>
      <c r="G137784" s="16">
        <v>0</v>
      </c>
    </row>
    <row r="137785" spans="1:7" x14ac:dyDescent="0.3">
      <c r="A137785" s="13" t="s">
        <v>615</v>
      </c>
      <c r="B137785" s="14" t="s">
        <v>1</v>
      </c>
      <c r="C137785" s="14" t="s">
        <v>596</v>
      </c>
      <c r="D137785" s="14" t="s">
        <v>313</v>
      </c>
      <c r="E137785" s="15">
        <v>45556</v>
      </c>
      <c r="F137785" s="14" t="s">
        <v>25</v>
      </c>
      <c r="G137785" s="16">
        <v>0</v>
      </c>
    </row>
    <row r="137786" spans="1:7" x14ac:dyDescent="0.3">
      <c r="A137786" s="13" t="s">
        <v>615</v>
      </c>
      <c r="B137786" s="14" t="s">
        <v>1</v>
      </c>
      <c r="C137786" s="14" t="s">
        <v>596</v>
      </c>
      <c r="D137786" s="14" t="s">
        <v>313</v>
      </c>
      <c r="E137786" s="15">
        <v>45557</v>
      </c>
      <c r="F137786" s="14" t="s">
        <v>25</v>
      </c>
      <c r="G137786" s="16">
        <v>0</v>
      </c>
    </row>
    <row r="137787" spans="1:7" x14ac:dyDescent="0.3">
      <c r="A137787" s="13" t="s">
        <v>615</v>
      </c>
      <c r="B137787" s="14" t="s">
        <v>1</v>
      </c>
      <c r="C137787" s="14" t="s">
        <v>596</v>
      </c>
      <c r="D137787" s="14" t="s">
        <v>313</v>
      </c>
      <c r="E137787" s="15">
        <v>45558</v>
      </c>
      <c r="F137787" s="14" t="s">
        <v>25</v>
      </c>
      <c r="G137787" s="16">
        <v>0</v>
      </c>
    </row>
    <row r="137788" spans="1:7" x14ac:dyDescent="0.3">
      <c r="A137788" s="13" t="s">
        <v>615</v>
      </c>
      <c r="B137788" s="14" t="s">
        <v>1</v>
      </c>
      <c r="C137788" s="14" t="s">
        <v>596</v>
      </c>
      <c r="D137788" s="14" t="s">
        <v>313</v>
      </c>
      <c r="E137788" s="15">
        <v>45559</v>
      </c>
      <c r="F137788" s="14" t="s">
        <v>25</v>
      </c>
      <c r="G137788" s="16">
        <v>0</v>
      </c>
    </row>
    <row r="137789" spans="1:7" x14ac:dyDescent="0.3">
      <c r="A137789" s="13" t="s">
        <v>615</v>
      </c>
      <c r="B137789" s="14" t="s">
        <v>1</v>
      </c>
      <c r="C137789" s="14" t="s">
        <v>596</v>
      </c>
      <c r="D137789" s="14" t="s">
        <v>313</v>
      </c>
      <c r="E137789" s="15">
        <v>45560</v>
      </c>
      <c r="F137789" s="14" t="s">
        <v>25</v>
      </c>
      <c r="G137789" s="16">
        <v>0</v>
      </c>
    </row>
    <row r="137790" spans="1:7" x14ac:dyDescent="0.3">
      <c r="A137790" s="13" t="s">
        <v>615</v>
      </c>
      <c r="B137790" s="14" t="s">
        <v>1</v>
      </c>
      <c r="C137790" s="14" t="s">
        <v>596</v>
      </c>
      <c r="D137790" s="14" t="s">
        <v>313</v>
      </c>
      <c r="E137790" s="15">
        <v>45561</v>
      </c>
      <c r="F137790" s="14" t="s">
        <v>25</v>
      </c>
      <c r="G137790" s="16">
        <v>0</v>
      </c>
    </row>
    <row r="137791" spans="1:7" x14ac:dyDescent="0.3">
      <c r="A137791" s="13" t="s">
        <v>615</v>
      </c>
      <c r="B137791" s="14" t="s">
        <v>1</v>
      </c>
      <c r="C137791" s="14" t="s">
        <v>596</v>
      </c>
      <c r="D137791" s="14" t="s">
        <v>313</v>
      </c>
      <c r="E137791" s="15">
        <v>45562</v>
      </c>
      <c r="F137791" s="14" t="s">
        <v>25</v>
      </c>
      <c r="G137791" s="16">
        <v>0</v>
      </c>
    </row>
    <row r="137792" spans="1:7" x14ac:dyDescent="0.3">
      <c r="A137792" s="13" t="s">
        <v>615</v>
      </c>
      <c r="B137792" s="14" t="s">
        <v>1</v>
      </c>
      <c r="C137792" s="14" t="s">
        <v>596</v>
      </c>
      <c r="D137792" s="14" t="s">
        <v>313</v>
      </c>
      <c r="E137792" s="15">
        <v>45563</v>
      </c>
      <c r="F137792" s="14" t="s">
        <v>25</v>
      </c>
      <c r="G137792" s="16">
        <v>0</v>
      </c>
    </row>
    <row r="137793" spans="1:7" x14ac:dyDescent="0.3">
      <c r="A137793" s="13" t="s">
        <v>615</v>
      </c>
      <c r="B137793" s="14" t="s">
        <v>1</v>
      </c>
      <c r="C137793" s="14" t="s">
        <v>596</v>
      </c>
      <c r="D137793" s="14" t="s">
        <v>313</v>
      </c>
      <c r="E137793" s="15">
        <v>45564</v>
      </c>
      <c r="F137793" s="14" t="s">
        <v>25</v>
      </c>
      <c r="G137793" s="16">
        <v>0</v>
      </c>
    </row>
    <row r="137794" spans="1:7" x14ac:dyDescent="0.3">
      <c r="A137794" s="13" t="s">
        <v>615</v>
      </c>
      <c r="B137794" s="14" t="s">
        <v>1</v>
      </c>
      <c r="C137794" s="14" t="s">
        <v>596</v>
      </c>
      <c r="D137794" s="14" t="s">
        <v>313</v>
      </c>
      <c r="E137794" s="15">
        <v>45565</v>
      </c>
      <c r="F137794" s="14" t="s">
        <v>25</v>
      </c>
      <c r="G137794" s="16">
        <v>0</v>
      </c>
    </row>
    <row r="137795" spans="1:7" x14ac:dyDescent="0.3">
      <c r="A137795" s="13" t="s">
        <v>615</v>
      </c>
      <c r="B137795" s="14" t="s">
        <v>1</v>
      </c>
      <c r="C137795" s="14" t="s">
        <v>596</v>
      </c>
      <c r="D137795" s="14" t="s">
        <v>313</v>
      </c>
      <c r="E137795" s="15">
        <v>45566</v>
      </c>
      <c r="F137795" s="14" t="s">
        <v>25</v>
      </c>
      <c r="G137795" s="16">
        <v>0</v>
      </c>
    </row>
    <row r="137796" spans="1:7" x14ac:dyDescent="0.3">
      <c r="A137796" s="13" t="s">
        <v>615</v>
      </c>
      <c r="B137796" s="14" t="s">
        <v>1</v>
      </c>
      <c r="C137796" s="14" t="s">
        <v>596</v>
      </c>
      <c r="D137796" s="14" t="s">
        <v>313</v>
      </c>
      <c r="E137796" s="15">
        <v>45567</v>
      </c>
      <c r="F137796" s="14" t="s">
        <v>25</v>
      </c>
      <c r="G137796" s="16">
        <v>0</v>
      </c>
    </row>
    <row r="137797" spans="1:7" x14ac:dyDescent="0.3">
      <c r="A137797" s="13" t="s">
        <v>615</v>
      </c>
      <c r="B137797" s="14" t="s">
        <v>1</v>
      </c>
      <c r="C137797" s="14" t="s">
        <v>596</v>
      </c>
      <c r="D137797" s="14" t="s">
        <v>313</v>
      </c>
      <c r="E137797" s="15">
        <v>45568</v>
      </c>
      <c r="F137797" s="14" t="s">
        <v>25</v>
      </c>
      <c r="G137797" s="16">
        <v>0</v>
      </c>
    </row>
    <row r="137798" spans="1:7" x14ac:dyDescent="0.3">
      <c r="A137798" s="13" t="s">
        <v>615</v>
      </c>
      <c r="B137798" s="14" t="s">
        <v>1</v>
      </c>
      <c r="C137798" s="14" t="s">
        <v>596</v>
      </c>
      <c r="D137798" s="14" t="s">
        <v>313</v>
      </c>
      <c r="E137798" s="15">
        <v>45569</v>
      </c>
      <c r="F137798" s="14" t="s">
        <v>25</v>
      </c>
      <c r="G137798" s="16">
        <v>0</v>
      </c>
    </row>
    <row r="137799" spans="1:7" x14ac:dyDescent="0.3">
      <c r="A137799" s="13" t="s">
        <v>615</v>
      </c>
      <c r="B137799" s="14" t="s">
        <v>1</v>
      </c>
      <c r="C137799" s="14" t="s">
        <v>596</v>
      </c>
      <c r="D137799" s="14" t="s">
        <v>313</v>
      </c>
      <c r="E137799" s="15">
        <v>45570</v>
      </c>
      <c r="F137799" s="14" t="s">
        <v>25</v>
      </c>
      <c r="G137799" s="16">
        <v>0</v>
      </c>
    </row>
    <row r="137800" spans="1:7" x14ac:dyDescent="0.3">
      <c r="A137800" s="13" t="s">
        <v>615</v>
      </c>
      <c r="B137800" s="14" t="s">
        <v>1</v>
      </c>
      <c r="C137800" s="14" t="s">
        <v>596</v>
      </c>
      <c r="D137800" s="14" t="s">
        <v>313</v>
      </c>
      <c r="E137800" s="15">
        <v>45571</v>
      </c>
      <c r="F137800" s="14" t="s">
        <v>25</v>
      </c>
      <c r="G137800" s="16">
        <v>0</v>
      </c>
    </row>
    <row r="137801" spans="1:7" x14ac:dyDescent="0.3">
      <c r="A137801" s="13" t="s">
        <v>615</v>
      </c>
      <c r="B137801" s="14" t="s">
        <v>1</v>
      </c>
      <c r="C137801" s="14" t="s">
        <v>596</v>
      </c>
      <c r="D137801" s="14" t="s">
        <v>313</v>
      </c>
      <c r="E137801" s="15">
        <v>45572</v>
      </c>
      <c r="F137801" s="14" t="s">
        <v>25</v>
      </c>
      <c r="G137801" s="16">
        <v>0</v>
      </c>
    </row>
    <row r="137802" spans="1:7" x14ac:dyDescent="0.3">
      <c r="A137802" s="13" t="s">
        <v>615</v>
      </c>
      <c r="B137802" s="14" t="s">
        <v>1</v>
      </c>
      <c r="C137802" s="14" t="s">
        <v>596</v>
      </c>
      <c r="D137802" s="14" t="s">
        <v>313</v>
      </c>
      <c r="E137802" s="15">
        <v>45573</v>
      </c>
      <c r="F137802" s="14" t="s">
        <v>25</v>
      </c>
      <c r="G137802" s="16">
        <v>0</v>
      </c>
    </row>
    <row r="137803" spans="1:7" x14ac:dyDescent="0.3">
      <c r="A137803" s="13" t="s">
        <v>615</v>
      </c>
      <c r="B137803" s="14" t="s">
        <v>1</v>
      </c>
      <c r="C137803" s="14" t="s">
        <v>596</v>
      </c>
      <c r="D137803" s="14" t="s">
        <v>313</v>
      </c>
      <c r="E137803" s="15">
        <v>45574</v>
      </c>
      <c r="F137803" s="14" t="s">
        <v>25</v>
      </c>
      <c r="G137803" s="16">
        <v>0</v>
      </c>
    </row>
    <row r="137804" spans="1:7" x14ac:dyDescent="0.3">
      <c r="A137804" s="13" t="s">
        <v>615</v>
      </c>
      <c r="B137804" s="14" t="s">
        <v>1</v>
      </c>
      <c r="C137804" s="14" t="s">
        <v>596</v>
      </c>
      <c r="D137804" s="14" t="s">
        <v>313</v>
      </c>
      <c r="E137804" s="15">
        <v>45575</v>
      </c>
      <c r="F137804" s="14" t="s">
        <v>25</v>
      </c>
      <c r="G137804" s="16">
        <v>0</v>
      </c>
    </row>
    <row r="137805" spans="1:7" x14ac:dyDescent="0.3">
      <c r="A137805" s="13" t="s">
        <v>615</v>
      </c>
      <c r="B137805" s="14" t="s">
        <v>1</v>
      </c>
      <c r="C137805" s="14" t="s">
        <v>596</v>
      </c>
      <c r="D137805" s="14" t="s">
        <v>313</v>
      </c>
      <c r="E137805" s="15">
        <v>45576</v>
      </c>
      <c r="F137805" s="14" t="s">
        <v>25</v>
      </c>
      <c r="G137805" s="16">
        <v>0</v>
      </c>
    </row>
    <row r="137806" spans="1:7" x14ac:dyDescent="0.3">
      <c r="A137806" s="13" t="s">
        <v>615</v>
      </c>
      <c r="B137806" s="14" t="s">
        <v>1</v>
      </c>
      <c r="C137806" s="14" t="s">
        <v>596</v>
      </c>
      <c r="D137806" s="14" t="s">
        <v>313</v>
      </c>
      <c r="E137806" s="15">
        <v>45577</v>
      </c>
      <c r="F137806" s="14" t="s">
        <v>25</v>
      </c>
      <c r="G137806" s="16">
        <v>0</v>
      </c>
    </row>
    <row r="137807" spans="1:7" x14ac:dyDescent="0.3">
      <c r="A137807" s="13" t="s">
        <v>615</v>
      </c>
      <c r="B137807" s="14" t="s">
        <v>1</v>
      </c>
      <c r="C137807" s="14" t="s">
        <v>596</v>
      </c>
      <c r="D137807" s="14" t="s">
        <v>313</v>
      </c>
      <c r="E137807" s="15">
        <v>45578</v>
      </c>
      <c r="F137807" s="14" t="s">
        <v>25</v>
      </c>
      <c r="G137807" s="16">
        <v>0</v>
      </c>
    </row>
    <row r="137808" spans="1:7" x14ac:dyDescent="0.3">
      <c r="A137808" s="13" t="s">
        <v>615</v>
      </c>
      <c r="B137808" s="14" t="s">
        <v>1</v>
      </c>
      <c r="C137808" s="14" t="s">
        <v>596</v>
      </c>
      <c r="D137808" s="14" t="s">
        <v>313</v>
      </c>
      <c r="E137808" s="15">
        <v>45579</v>
      </c>
      <c r="F137808" s="14" t="s">
        <v>25</v>
      </c>
      <c r="G137808" s="16">
        <v>0</v>
      </c>
    </row>
    <row r="137809" spans="1:7" x14ac:dyDescent="0.3">
      <c r="A137809" s="13" t="s">
        <v>615</v>
      </c>
      <c r="B137809" s="14" t="s">
        <v>1</v>
      </c>
      <c r="C137809" s="14" t="s">
        <v>596</v>
      </c>
      <c r="D137809" s="14" t="s">
        <v>313</v>
      </c>
      <c r="E137809" s="15">
        <v>45580</v>
      </c>
      <c r="F137809" s="14" t="s">
        <v>25</v>
      </c>
      <c r="G137809" s="16">
        <v>0</v>
      </c>
    </row>
    <row r="137810" spans="1:7" x14ac:dyDescent="0.3">
      <c r="A137810" s="13" t="s">
        <v>615</v>
      </c>
      <c r="B137810" s="14" t="s">
        <v>1</v>
      </c>
      <c r="C137810" s="14" t="s">
        <v>596</v>
      </c>
      <c r="D137810" s="14" t="s">
        <v>313</v>
      </c>
      <c r="E137810" s="15">
        <v>45581</v>
      </c>
      <c r="F137810" s="14" t="s">
        <v>25</v>
      </c>
      <c r="G137810" s="16">
        <v>0</v>
      </c>
    </row>
    <row r="137811" spans="1:7" x14ac:dyDescent="0.3">
      <c r="A137811" s="13" t="s">
        <v>615</v>
      </c>
      <c r="B137811" s="14" t="s">
        <v>1</v>
      </c>
      <c r="C137811" s="14" t="s">
        <v>596</v>
      </c>
      <c r="D137811" s="14" t="s">
        <v>313</v>
      </c>
      <c r="E137811" s="15">
        <v>45582</v>
      </c>
      <c r="F137811" s="14" t="s">
        <v>25</v>
      </c>
      <c r="G137811" s="16">
        <v>0</v>
      </c>
    </row>
    <row r="137812" spans="1:7" x14ac:dyDescent="0.3">
      <c r="A137812" s="13" t="s">
        <v>615</v>
      </c>
      <c r="B137812" s="14" t="s">
        <v>1</v>
      </c>
      <c r="C137812" s="14" t="s">
        <v>596</v>
      </c>
      <c r="D137812" s="14" t="s">
        <v>313</v>
      </c>
      <c r="E137812" s="15">
        <v>45583</v>
      </c>
      <c r="F137812" s="14" t="s">
        <v>25</v>
      </c>
      <c r="G137812" s="16">
        <v>0</v>
      </c>
    </row>
    <row r="137813" spans="1:7" x14ac:dyDescent="0.3">
      <c r="A137813" s="13" t="s">
        <v>615</v>
      </c>
      <c r="B137813" s="14" t="s">
        <v>1</v>
      </c>
      <c r="C137813" s="14" t="s">
        <v>596</v>
      </c>
      <c r="D137813" s="14" t="s">
        <v>313</v>
      </c>
      <c r="E137813" s="15">
        <v>45584</v>
      </c>
      <c r="F137813" s="14" t="s">
        <v>25</v>
      </c>
      <c r="G137813" s="16">
        <v>0</v>
      </c>
    </row>
    <row r="137814" spans="1:7" x14ac:dyDescent="0.3">
      <c r="A137814" s="13" t="s">
        <v>615</v>
      </c>
      <c r="B137814" s="14" t="s">
        <v>1</v>
      </c>
      <c r="C137814" s="14" t="s">
        <v>596</v>
      </c>
      <c r="D137814" s="14" t="s">
        <v>313</v>
      </c>
      <c r="E137814" s="15">
        <v>45585</v>
      </c>
      <c r="F137814" s="14" t="s">
        <v>25</v>
      </c>
      <c r="G137814" s="16">
        <v>0</v>
      </c>
    </row>
    <row r="137815" spans="1:7" x14ac:dyDescent="0.3">
      <c r="A137815" s="13" t="s">
        <v>615</v>
      </c>
      <c r="B137815" s="14" t="s">
        <v>1</v>
      </c>
      <c r="C137815" s="14" t="s">
        <v>596</v>
      </c>
      <c r="D137815" s="14" t="s">
        <v>313</v>
      </c>
      <c r="E137815" s="15">
        <v>45586</v>
      </c>
      <c r="F137815" s="14" t="s">
        <v>25</v>
      </c>
      <c r="G137815" s="16">
        <v>0</v>
      </c>
    </row>
    <row r="137816" spans="1:7" x14ac:dyDescent="0.3">
      <c r="A137816" s="13" t="s">
        <v>615</v>
      </c>
      <c r="B137816" s="14" t="s">
        <v>1</v>
      </c>
      <c r="C137816" s="14" t="s">
        <v>596</v>
      </c>
      <c r="D137816" s="14" t="s">
        <v>313</v>
      </c>
      <c r="E137816" s="15">
        <v>45587</v>
      </c>
      <c r="F137816" s="14" t="s">
        <v>25</v>
      </c>
      <c r="G137816" s="16">
        <v>0</v>
      </c>
    </row>
    <row r="137817" spans="1:7" x14ac:dyDescent="0.3">
      <c r="A137817" s="13" t="s">
        <v>615</v>
      </c>
      <c r="B137817" s="14" t="s">
        <v>1</v>
      </c>
      <c r="C137817" s="14" t="s">
        <v>596</v>
      </c>
      <c r="D137817" s="14" t="s">
        <v>313</v>
      </c>
      <c r="E137817" s="15">
        <v>45588</v>
      </c>
      <c r="F137817" s="14" t="s">
        <v>25</v>
      </c>
      <c r="G137817" s="16">
        <v>0</v>
      </c>
    </row>
    <row r="137818" spans="1:7" x14ac:dyDescent="0.3">
      <c r="A137818" s="13" t="s">
        <v>615</v>
      </c>
      <c r="B137818" s="14" t="s">
        <v>1</v>
      </c>
      <c r="C137818" s="14" t="s">
        <v>596</v>
      </c>
      <c r="D137818" s="14" t="s">
        <v>313</v>
      </c>
      <c r="E137818" s="15">
        <v>45589</v>
      </c>
      <c r="F137818" s="14" t="s">
        <v>25</v>
      </c>
      <c r="G137818" s="16">
        <v>0</v>
      </c>
    </row>
    <row r="137819" spans="1:7" x14ac:dyDescent="0.3">
      <c r="A137819" s="13" t="s">
        <v>615</v>
      </c>
      <c r="B137819" s="14" t="s">
        <v>1</v>
      </c>
      <c r="C137819" s="14" t="s">
        <v>596</v>
      </c>
      <c r="D137819" s="14" t="s">
        <v>313</v>
      </c>
      <c r="E137819" s="15">
        <v>45590</v>
      </c>
      <c r="F137819" s="14" t="s">
        <v>25</v>
      </c>
      <c r="G137819" s="16">
        <v>0</v>
      </c>
    </row>
    <row r="137820" spans="1:7" x14ac:dyDescent="0.3">
      <c r="A137820" s="13" t="s">
        <v>615</v>
      </c>
      <c r="B137820" s="14" t="s">
        <v>1</v>
      </c>
      <c r="C137820" s="14" t="s">
        <v>596</v>
      </c>
      <c r="D137820" s="14" t="s">
        <v>313</v>
      </c>
      <c r="E137820" s="15">
        <v>45591</v>
      </c>
      <c r="F137820" s="14" t="s">
        <v>25</v>
      </c>
      <c r="G137820" s="16">
        <v>0</v>
      </c>
    </row>
    <row r="137821" spans="1:7" x14ac:dyDescent="0.3">
      <c r="A137821" s="13" t="s">
        <v>615</v>
      </c>
      <c r="B137821" s="14" t="s">
        <v>1</v>
      </c>
      <c r="C137821" s="14" t="s">
        <v>596</v>
      </c>
      <c r="D137821" s="14" t="s">
        <v>313</v>
      </c>
      <c r="E137821" s="15">
        <v>45592</v>
      </c>
      <c r="F137821" s="14" t="s">
        <v>25</v>
      </c>
      <c r="G137821" s="16">
        <v>0</v>
      </c>
    </row>
    <row r="137822" spans="1:7" x14ac:dyDescent="0.3">
      <c r="A137822" s="13" t="s">
        <v>615</v>
      </c>
      <c r="B137822" s="14" t="s">
        <v>1</v>
      </c>
      <c r="C137822" s="14" t="s">
        <v>596</v>
      </c>
      <c r="D137822" s="14" t="s">
        <v>313</v>
      </c>
      <c r="E137822" s="15">
        <v>45593</v>
      </c>
      <c r="F137822" s="14" t="s">
        <v>25</v>
      </c>
      <c r="G137822" s="16">
        <v>0</v>
      </c>
    </row>
    <row r="137823" spans="1:7" x14ac:dyDescent="0.3">
      <c r="A137823" s="13" t="s">
        <v>615</v>
      </c>
      <c r="B137823" s="14" t="s">
        <v>1</v>
      </c>
      <c r="C137823" s="14" t="s">
        <v>596</v>
      </c>
      <c r="D137823" s="14" t="s">
        <v>313</v>
      </c>
      <c r="E137823" s="15">
        <v>45594</v>
      </c>
      <c r="F137823" s="14" t="s">
        <v>25</v>
      </c>
      <c r="G137823" s="16">
        <v>0</v>
      </c>
    </row>
    <row r="137824" spans="1:7" x14ac:dyDescent="0.3">
      <c r="A137824" s="13" t="s">
        <v>615</v>
      </c>
      <c r="B137824" s="14" t="s">
        <v>1</v>
      </c>
      <c r="C137824" s="14" t="s">
        <v>596</v>
      </c>
      <c r="D137824" s="14" t="s">
        <v>313</v>
      </c>
      <c r="E137824" s="15">
        <v>45595</v>
      </c>
      <c r="F137824" s="14" t="s">
        <v>25</v>
      </c>
      <c r="G137824" s="16">
        <v>0</v>
      </c>
    </row>
    <row r="137825" spans="1:7" x14ac:dyDescent="0.3">
      <c r="A137825" s="13" t="s">
        <v>615</v>
      </c>
      <c r="B137825" s="14" t="s">
        <v>1</v>
      </c>
      <c r="C137825" s="14" t="s">
        <v>596</v>
      </c>
      <c r="D137825" s="14" t="s">
        <v>313</v>
      </c>
      <c r="E137825" s="15">
        <v>45596</v>
      </c>
      <c r="F137825" s="14" t="s">
        <v>25</v>
      </c>
      <c r="G137825" s="16">
        <v>0</v>
      </c>
    </row>
    <row r="137826" spans="1:7" x14ac:dyDescent="0.3">
      <c r="A137826" s="13" t="s">
        <v>615</v>
      </c>
      <c r="B137826" s="14" t="s">
        <v>1</v>
      </c>
      <c r="C137826" s="14" t="s">
        <v>596</v>
      </c>
      <c r="D137826" s="14" t="s">
        <v>313</v>
      </c>
      <c r="E137826" s="15">
        <v>45597</v>
      </c>
      <c r="F137826" s="14" t="s">
        <v>25</v>
      </c>
      <c r="G137826" s="16">
        <v>0</v>
      </c>
    </row>
    <row r="137827" spans="1:7" x14ac:dyDescent="0.3">
      <c r="A137827" s="13" t="s">
        <v>615</v>
      </c>
      <c r="B137827" s="14" t="s">
        <v>1</v>
      </c>
      <c r="C137827" s="14" t="s">
        <v>596</v>
      </c>
      <c r="D137827" s="14" t="s">
        <v>313</v>
      </c>
      <c r="E137827" s="15">
        <v>45598</v>
      </c>
      <c r="F137827" s="14" t="s">
        <v>25</v>
      </c>
      <c r="G137827" s="16">
        <v>0</v>
      </c>
    </row>
    <row r="137828" spans="1:7" x14ac:dyDescent="0.3">
      <c r="A137828" s="13" t="s">
        <v>615</v>
      </c>
      <c r="B137828" s="14" t="s">
        <v>1</v>
      </c>
      <c r="C137828" s="14" t="s">
        <v>596</v>
      </c>
      <c r="D137828" s="14" t="s">
        <v>313</v>
      </c>
      <c r="E137828" s="15">
        <v>45599</v>
      </c>
      <c r="F137828" s="14" t="s">
        <v>25</v>
      </c>
      <c r="G137828" s="16">
        <v>0</v>
      </c>
    </row>
    <row r="137829" spans="1:7" x14ac:dyDescent="0.3">
      <c r="A137829" s="13" t="s">
        <v>615</v>
      </c>
      <c r="B137829" s="14" t="s">
        <v>1</v>
      </c>
      <c r="C137829" s="14" t="s">
        <v>596</v>
      </c>
      <c r="D137829" s="14" t="s">
        <v>313</v>
      </c>
      <c r="E137829" s="15">
        <v>45600</v>
      </c>
      <c r="F137829" s="14" t="s">
        <v>25</v>
      </c>
      <c r="G137829" s="16">
        <v>0</v>
      </c>
    </row>
    <row r="137830" spans="1:7" x14ac:dyDescent="0.3">
      <c r="A137830" s="13" t="s">
        <v>615</v>
      </c>
      <c r="B137830" s="14" t="s">
        <v>1</v>
      </c>
      <c r="C137830" s="14" t="s">
        <v>596</v>
      </c>
      <c r="D137830" s="14" t="s">
        <v>313</v>
      </c>
      <c r="E137830" s="15">
        <v>45601</v>
      </c>
      <c r="F137830" s="14" t="s">
        <v>25</v>
      </c>
      <c r="G137830" s="16">
        <v>0</v>
      </c>
    </row>
    <row r="137831" spans="1:7" x14ac:dyDescent="0.3">
      <c r="A137831" s="13" t="s">
        <v>615</v>
      </c>
      <c r="B137831" s="14" t="s">
        <v>1</v>
      </c>
      <c r="C137831" s="14" t="s">
        <v>596</v>
      </c>
      <c r="D137831" s="14" t="s">
        <v>313</v>
      </c>
      <c r="E137831" s="15">
        <v>45602</v>
      </c>
      <c r="F137831" s="14" t="s">
        <v>25</v>
      </c>
      <c r="G137831" s="16">
        <v>0</v>
      </c>
    </row>
    <row r="137832" spans="1:7" x14ac:dyDescent="0.3">
      <c r="A137832" s="13" t="s">
        <v>615</v>
      </c>
      <c r="B137832" s="14" t="s">
        <v>1</v>
      </c>
      <c r="C137832" s="14" t="s">
        <v>596</v>
      </c>
      <c r="D137832" s="14" t="s">
        <v>313</v>
      </c>
      <c r="E137832" s="15">
        <v>45603</v>
      </c>
      <c r="F137832" s="14" t="s">
        <v>25</v>
      </c>
      <c r="G137832" s="16">
        <v>0</v>
      </c>
    </row>
    <row r="137833" spans="1:7" x14ac:dyDescent="0.3">
      <c r="A137833" s="13" t="s">
        <v>615</v>
      </c>
      <c r="B137833" s="14" t="s">
        <v>1</v>
      </c>
      <c r="C137833" s="14" t="s">
        <v>596</v>
      </c>
      <c r="D137833" s="14" t="s">
        <v>313</v>
      </c>
      <c r="E137833" s="15">
        <v>45604</v>
      </c>
      <c r="F137833" s="14" t="s">
        <v>25</v>
      </c>
      <c r="G137833" s="16">
        <v>0</v>
      </c>
    </row>
    <row r="137834" spans="1:7" x14ac:dyDescent="0.3">
      <c r="A137834" s="13" t="s">
        <v>615</v>
      </c>
      <c r="B137834" s="14" t="s">
        <v>1</v>
      </c>
      <c r="C137834" s="14" t="s">
        <v>596</v>
      </c>
      <c r="D137834" s="14" t="s">
        <v>313</v>
      </c>
      <c r="E137834" s="15">
        <v>45605</v>
      </c>
      <c r="F137834" s="14" t="s">
        <v>25</v>
      </c>
      <c r="G137834" s="16">
        <v>0</v>
      </c>
    </row>
    <row r="137835" spans="1:7" x14ac:dyDescent="0.3">
      <c r="A137835" s="13" t="s">
        <v>615</v>
      </c>
      <c r="B137835" s="14" t="s">
        <v>1</v>
      </c>
      <c r="C137835" s="14" t="s">
        <v>596</v>
      </c>
      <c r="D137835" s="14" t="s">
        <v>313</v>
      </c>
      <c r="E137835" s="15">
        <v>45606</v>
      </c>
      <c r="F137835" s="14" t="s">
        <v>25</v>
      </c>
      <c r="G137835" s="16">
        <v>0</v>
      </c>
    </row>
    <row r="137836" spans="1:7" x14ac:dyDescent="0.3">
      <c r="A137836" s="13" t="s">
        <v>615</v>
      </c>
      <c r="B137836" s="14" t="s">
        <v>1</v>
      </c>
      <c r="C137836" s="14" t="s">
        <v>596</v>
      </c>
      <c r="D137836" s="14" t="s">
        <v>313</v>
      </c>
      <c r="E137836" s="15">
        <v>45607</v>
      </c>
      <c r="F137836" s="14" t="s">
        <v>25</v>
      </c>
      <c r="G137836" s="16">
        <v>0</v>
      </c>
    </row>
    <row r="137837" spans="1:7" x14ac:dyDescent="0.3">
      <c r="A137837" s="13" t="s">
        <v>615</v>
      </c>
      <c r="B137837" s="14" t="s">
        <v>1</v>
      </c>
      <c r="C137837" s="14" t="s">
        <v>596</v>
      </c>
      <c r="D137837" s="14" t="s">
        <v>313</v>
      </c>
      <c r="E137837" s="15">
        <v>45608</v>
      </c>
      <c r="F137837" s="14" t="s">
        <v>25</v>
      </c>
      <c r="G137837" s="16">
        <v>0</v>
      </c>
    </row>
    <row r="137838" spans="1:7" x14ac:dyDescent="0.3">
      <c r="A137838" s="13" t="s">
        <v>615</v>
      </c>
      <c r="B137838" s="14" t="s">
        <v>1</v>
      </c>
      <c r="C137838" s="14" t="s">
        <v>596</v>
      </c>
      <c r="D137838" s="14" t="s">
        <v>313</v>
      </c>
      <c r="E137838" s="15">
        <v>45609</v>
      </c>
      <c r="F137838" s="14" t="s">
        <v>25</v>
      </c>
      <c r="G137838" s="16">
        <v>0</v>
      </c>
    </row>
    <row r="137839" spans="1:7" x14ac:dyDescent="0.3">
      <c r="A137839" s="13" t="s">
        <v>615</v>
      </c>
      <c r="B137839" s="14" t="s">
        <v>1</v>
      </c>
      <c r="C137839" s="14" t="s">
        <v>596</v>
      </c>
      <c r="D137839" s="14" t="s">
        <v>313</v>
      </c>
      <c r="E137839" s="15">
        <v>45610</v>
      </c>
      <c r="F137839" s="14" t="s">
        <v>25</v>
      </c>
      <c r="G137839" s="16">
        <v>0</v>
      </c>
    </row>
    <row r="137840" spans="1:7" x14ac:dyDescent="0.3">
      <c r="A137840" s="13" t="s">
        <v>615</v>
      </c>
      <c r="B137840" s="14" t="s">
        <v>1</v>
      </c>
      <c r="C137840" s="14" t="s">
        <v>596</v>
      </c>
      <c r="D137840" s="14" t="s">
        <v>313</v>
      </c>
      <c r="E137840" s="15">
        <v>45611</v>
      </c>
      <c r="F137840" s="14" t="s">
        <v>25</v>
      </c>
      <c r="G137840" s="16">
        <v>0</v>
      </c>
    </row>
    <row r="137841" spans="1:7" x14ac:dyDescent="0.3">
      <c r="A137841" s="13" t="s">
        <v>615</v>
      </c>
      <c r="B137841" s="14" t="s">
        <v>1</v>
      </c>
      <c r="C137841" s="14" t="s">
        <v>596</v>
      </c>
      <c r="D137841" s="14" t="s">
        <v>313</v>
      </c>
      <c r="E137841" s="15">
        <v>45612</v>
      </c>
      <c r="F137841" s="14" t="s">
        <v>25</v>
      </c>
      <c r="G137841" s="16">
        <v>0</v>
      </c>
    </row>
    <row r="137842" spans="1:7" x14ac:dyDescent="0.3">
      <c r="A137842" s="13" t="s">
        <v>615</v>
      </c>
      <c r="B137842" s="14" t="s">
        <v>1</v>
      </c>
      <c r="C137842" s="14" t="s">
        <v>596</v>
      </c>
      <c r="D137842" s="14" t="s">
        <v>313</v>
      </c>
      <c r="E137842" s="15">
        <v>45613</v>
      </c>
      <c r="F137842" s="14" t="s">
        <v>25</v>
      </c>
      <c r="G137842" s="16">
        <v>0</v>
      </c>
    </row>
    <row r="137843" spans="1:7" x14ac:dyDescent="0.3">
      <c r="A137843" s="13" t="s">
        <v>615</v>
      </c>
      <c r="B137843" s="14" t="s">
        <v>1</v>
      </c>
      <c r="C137843" s="14" t="s">
        <v>596</v>
      </c>
      <c r="D137843" s="14" t="s">
        <v>313</v>
      </c>
      <c r="E137843" s="15">
        <v>45614</v>
      </c>
      <c r="F137843" s="14" t="s">
        <v>25</v>
      </c>
      <c r="G137843" s="16">
        <v>0</v>
      </c>
    </row>
    <row r="137844" spans="1:7" x14ac:dyDescent="0.3">
      <c r="A137844" s="13" t="s">
        <v>615</v>
      </c>
      <c r="B137844" s="14" t="s">
        <v>1</v>
      </c>
      <c r="C137844" s="14" t="s">
        <v>596</v>
      </c>
      <c r="D137844" s="14" t="s">
        <v>313</v>
      </c>
      <c r="E137844" s="15">
        <v>45615</v>
      </c>
      <c r="F137844" s="14" t="s">
        <v>25</v>
      </c>
      <c r="G137844" s="16">
        <v>0</v>
      </c>
    </row>
    <row r="137845" spans="1:7" x14ac:dyDescent="0.3">
      <c r="A137845" s="13" t="s">
        <v>615</v>
      </c>
      <c r="B137845" s="14" t="s">
        <v>1</v>
      </c>
      <c r="C137845" s="14" t="s">
        <v>596</v>
      </c>
      <c r="D137845" s="14" t="s">
        <v>313</v>
      </c>
      <c r="E137845" s="15">
        <v>45616</v>
      </c>
      <c r="F137845" s="14" t="s">
        <v>25</v>
      </c>
      <c r="G137845" s="16">
        <v>0</v>
      </c>
    </row>
    <row r="137846" spans="1:7" x14ac:dyDescent="0.3">
      <c r="A137846" s="13" t="s">
        <v>615</v>
      </c>
      <c r="B137846" s="14" t="s">
        <v>1</v>
      </c>
      <c r="C137846" s="14" t="s">
        <v>596</v>
      </c>
      <c r="D137846" s="14" t="s">
        <v>313</v>
      </c>
      <c r="E137846" s="15">
        <v>45617</v>
      </c>
      <c r="F137846" s="14" t="s">
        <v>25</v>
      </c>
      <c r="G137846" s="16">
        <v>0</v>
      </c>
    </row>
    <row r="137847" spans="1:7" x14ac:dyDescent="0.3">
      <c r="A137847" s="13" t="s">
        <v>615</v>
      </c>
      <c r="B137847" s="14" t="s">
        <v>1</v>
      </c>
      <c r="C137847" s="14" t="s">
        <v>596</v>
      </c>
      <c r="D137847" s="14" t="s">
        <v>313</v>
      </c>
      <c r="E137847" s="15">
        <v>45618</v>
      </c>
      <c r="F137847" s="14" t="s">
        <v>25</v>
      </c>
      <c r="G137847" s="16">
        <v>0</v>
      </c>
    </row>
    <row r="137848" spans="1:7" x14ac:dyDescent="0.3">
      <c r="A137848" s="13" t="s">
        <v>615</v>
      </c>
      <c r="B137848" s="14" t="s">
        <v>1</v>
      </c>
      <c r="C137848" s="14" t="s">
        <v>596</v>
      </c>
      <c r="D137848" s="14" t="s">
        <v>313</v>
      </c>
      <c r="E137848" s="15">
        <v>45619</v>
      </c>
      <c r="F137848" s="14" t="s">
        <v>25</v>
      </c>
      <c r="G137848" s="16">
        <v>0</v>
      </c>
    </row>
    <row r="137849" spans="1:7" x14ac:dyDescent="0.3">
      <c r="A137849" s="13" t="s">
        <v>615</v>
      </c>
      <c r="B137849" s="14" t="s">
        <v>1</v>
      </c>
      <c r="C137849" s="14" t="s">
        <v>596</v>
      </c>
      <c r="D137849" s="14" t="s">
        <v>313</v>
      </c>
      <c r="E137849" s="15">
        <v>45620</v>
      </c>
      <c r="F137849" s="14" t="s">
        <v>25</v>
      </c>
      <c r="G137849" s="16">
        <v>0</v>
      </c>
    </row>
    <row r="137850" spans="1:7" x14ac:dyDescent="0.3">
      <c r="A137850" s="13" t="s">
        <v>615</v>
      </c>
      <c r="B137850" s="14" t="s">
        <v>1</v>
      </c>
      <c r="C137850" s="14" t="s">
        <v>596</v>
      </c>
      <c r="D137850" s="14" t="s">
        <v>313</v>
      </c>
      <c r="E137850" s="15">
        <v>45621</v>
      </c>
      <c r="F137850" s="14" t="s">
        <v>25</v>
      </c>
      <c r="G137850" s="16">
        <v>0</v>
      </c>
    </row>
    <row r="137851" spans="1:7" x14ac:dyDescent="0.3">
      <c r="A137851" s="13" t="s">
        <v>615</v>
      </c>
      <c r="B137851" s="14" t="s">
        <v>1</v>
      </c>
      <c r="C137851" s="14" t="s">
        <v>596</v>
      </c>
      <c r="D137851" s="14" t="s">
        <v>313</v>
      </c>
      <c r="E137851" s="15">
        <v>45622</v>
      </c>
      <c r="F137851" s="14" t="s">
        <v>25</v>
      </c>
      <c r="G137851" s="16">
        <v>0</v>
      </c>
    </row>
    <row r="137852" spans="1:7" x14ac:dyDescent="0.3">
      <c r="A137852" s="13" t="s">
        <v>615</v>
      </c>
      <c r="B137852" s="14" t="s">
        <v>1</v>
      </c>
      <c r="C137852" s="14" t="s">
        <v>596</v>
      </c>
      <c r="D137852" s="14" t="s">
        <v>313</v>
      </c>
      <c r="E137852" s="15">
        <v>45623</v>
      </c>
      <c r="F137852" s="14" t="s">
        <v>25</v>
      </c>
      <c r="G137852" s="16">
        <v>0</v>
      </c>
    </row>
    <row r="137853" spans="1:7" x14ac:dyDescent="0.3">
      <c r="A137853" s="13" t="s">
        <v>615</v>
      </c>
      <c r="B137853" s="14" t="s">
        <v>1</v>
      </c>
      <c r="C137853" s="14" t="s">
        <v>596</v>
      </c>
      <c r="D137853" s="14" t="s">
        <v>313</v>
      </c>
      <c r="E137853" s="15">
        <v>45624</v>
      </c>
      <c r="F137853" s="14" t="s">
        <v>25</v>
      </c>
      <c r="G137853" s="16">
        <v>0</v>
      </c>
    </row>
    <row r="137854" spans="1:7" x14ac:dyDescent="0.3">
      <c r="A137854" s="13" t="s">
        <v>615</v>
      </c>
      <c r="B137854" s="14" t="s">
        <v>1</v>
      </c>
      <c r="C137854" s="14" t="s">
        <v>596</v>
      </c>
      <c r="D137854" s="14" t="s">
        <v>313</v>
      </c>
      <c r="E137854" s="15">
        <v>45625</v>
      </c>
      <c r="F137854" s="14" t="s">
        <v>25</v>
      </c>
      <c r="G137854" s="16">
        <v>0</v>
      </c>
    </row>
    <row r="137855" spans="1:7" x14ac:dyDescent="0.3">
      <c r="A137855" s="13" t="s">
        <v>615</v>
      </c>
      <c r="B137855" s="14" t="s">
        <v>1</v>
      </c>
      <c r="C137855" s="14" t="s">
        <v>596</v>
      </c>
      <c r="D137855" s="14" t="s">
        <v>313</v>
      </c>
      <c r="E137855" s="15">
        <v>45626</v>
      </c>
      <c r="F137855" s="14" t="s">
        <v>25</v>
      </c>
      <c r="G137855" s="16">
        <v>0</v>
      </c>
    </row>
    <row r="137856" spans="1:7" x14ac:dyDescent="0.3">
      <c r="A137856" s="13" t="s">
        <v>615</v>
      </c>
      <c r="B137856" s="14" t="s">
        <v>1</v>
      </c>
      <c r="C137856" s="14" t="s">
        <v>596</v>
      </c>
      <c r="D137856" s="14" t="s">
        <v>313</v>
      </c>
      <c r="E137856" s="15">
        <v>45627</v>
      </c>
      <c r="F137856" s="14" t="s">
        <v>25</v>
      </c>
      <c r="G137856" s="16">
        <v>0</v>
      </c>
    </row>
    <row r="137857" spans="1:7" x14ac:dyDescent="0.3">
      <c r="A137857" s="13" t="s">
        <v>615</v>
      </c>
      <c r="B137857" s="14" t="s">
        <v>1</v>
      </c>
      <c r="C137857" s="14" t="s">
        <v>596</v>
      </c>
      <c r="D137857" s="14" t="s">
        <v>313</v>
      </c>
      <c r="E137857" s="15">
        <v>45628</v>
      </c>
      <c r="F137857" s="14" t="s">
        <v>25</v>
      </c>
      <c r="G137857" s="16">
        <v>0</v>
      </c>
    </row>
    <row r="137858" spans="1:7" x14ac:dyDescent="0.3">
      <c r="A137858" s="13" t="s">
        <v>615</v>
      </c>
      <c r="B137858" s="14" t="s">
        <v>1</v>
      </c>
      <c r="C137858" s="14" t="s">
        <v>596</v>
      </c>
      <c r="D137858" s="14" t="s">
        <v>313</v>
      </c>
      <c r="E137858" s="15">
        <v>45629</v>
      </c>
      <c r="F137858" s="14" t="s">
        <v>25</v>
      </c>
      <c r="G137858" s="16">
        <v>0</v>
      </c>
    </row>
    <row r="137859" spans="1:7" x14ac:dyDescent="0.3">
      <c r="A137859" s="13" t="s">
        <v>615</v>
      </c>
      <c r="B137859" s="14" t="s">
        <v>1</v>
      </c>
      <c r="C137859" s="14" t="s">
        <v>596</v>
      </c>
      <c r="D137859" s="14" t="s">
        <v>313</v>
      </c>
      <c r="E137859" s="15">
        <v>45630</v>
      </c>
      <c r="F137859" s="14" t="s">
        <v>25</v>
      </c>
      <c r="G137859" s="16">
        <v>0</v>
      </c>
    </row>
    <row r="137860" spans="1:7" x14ac:dyDescent="0.3">
      <c r="A137860" s="13" t="s">
        <v>615</v>
      </c>
      <c r="B137860" s="14" t="s">
        <v>1</v>
      </c>
      <c r="C137860" s="14" t="s">
        <v>596</v>
      </c>
      <c r="D137860" s="14" t="s">
        <v>313</v>
      </c>
      <c r="E137860" s="15">
        <v>45631</v>
      </c>
      <c r="F137860" s="14" t="s">
        <v>25</v>
      </c>
      <c r="G137860" s="16">
        <v>0</v>
      </c>
    </row>
    <row r="137861" spans="1:7" x14ac:dyDescent="0.3">
      <c r="A137861" s="13" t="s">
        <v>615</v>
      </c>
      <c r="B137861" s="14" t="s">
        <v>1</v>
      </c>
      <c r="C137861" s="14" t="s">
        <v>596</v>
      </c>
      <c r="D137861" s="14" t="s">
        <v>313</v>
      </c>
      <c r="E137861" s="15">
        <v>45632</v>
      </c>
      <c r="F137861" s="14" t="s">
        <v>25</v>
      </c>
      <c r="G137861" s="16">
        <v>0</v>
      </c>
    </row>
    <row r="137862" spans="1:7" x14ac:dyDescent="0.3">
      <c r="A137862" s="13" t="s">
        <v>615</v>
      </c>
      <c r="B137862" s="14" t="s">
        <v>1</v>
      </c>
      <c r="C137862" s="14" t="s">
        <v>596</v>
      </c>
      <c r="D137862" s="14" t="s">
        <v>313</v>
      </c>
      <c r="E137862" s="15">
        <v>45633</v>
      </c>
      <c r="F137862" s="14" t="s">
        <v>25</v>
      </c>
      <c r="G137862" s="16">
        <v>0</v>
      </c>
    </row>
    <row r="137863" spans="1:7" x14ac:dyDescent="0.3">
      <c r="A137863" s="13" t="s">
        <v>615</v>
      </c>
      <c r="B137863" s="14" t="s">
        <v>1</v>
      </c>
      <c r="C137863" s="14" t="s">
        <v>596</v>
      </c>
      <c r="D137863" s="14" t="s">
        <v>313</v>
      </c>
      <c r="E137863" s="15">
        <v>45634</v>
      </c>
      <c r="F137863" s="14" t="s">
        <v>25</v>
      </c>
      <c r="G137863" s="16">
        <v>0</v>
      </c>
    </row>
    <row r="137864" spans="1:7" x14ac:dyDescent="0.3">
      <c r="A137864" s="13" t="s">
        <v>615</v>
      </c>
      <c r="B137864" s="14" t="s">
        <v>1</v>
      </c>
      <c r="C137864" s="14" t="s">
        <v>596</v>
      </c>
      <c r="D137864" s="14" t="s">
        <v>313</v>
      </c>
      <c r="E137864" s="15">
        <v>45635</v>
      </c>
      <c r="F137864" s="14" t="s">
        <v>25</v>
      </c>
      <c r="G137864" s="16">
        <v>0</v>
      </c>
    </row>
    <row r="137865" spans="1:7" x14ac:dyDescent="0.3">
      <c r="A137865" s="13" t="s">
        <v>615</v>
      </c>
      <c r="B137865" s="14" t="s">
        <v>1</v>
      </c>
      <c r="C137865" s="14" t="s">
        <v>596</v>
      </c>
      <c r="D137865" s="14" t="s">
        <v>313</v>
      </c>
      <c r="E137865" s="15">
        <v>45636</v>
      </c>
      <c r="F137865" s="14" t="s">
        <v>25</v>
      </c>
      <c r="G137865" s="16">
        <v>0</v>
      </c>
    </row>
    <row r="137866" spans="1:7" x14ac:dyDescent="0.3">
      <c r="A137866" s="13" t="s">
        <v>615</v>
      </c>
      <c r="B137866" s="14" t="s">
        <v>1</v>
      </c>
      <c r="C137866" s="14" t="s">
        <v>596</v>
      </c>
      <c r="D137866" s="14" t="s">
        <v>313</v>
      </c>
      <c r="E137866" s="15">
        <v>45637</v>
      </c>
      <c r="F137866" s="14" t="s">
        <v>25</v>
      </c>
      <c r="G137866" s="16">
        <v>0</v>
      </c>
    </row>
    <row r="137867" spans="1:7" x14ac:dyDescent="0.3">
      <c r="A137867" s="13" t="s">
        <v>615</v>
      </c>
      <c r="B137867" s="14" t="s">
        <v>1</v>
      </c>
      <c r="C137867" s="14" t="s">
        <v>596</v>
      </c>
      <c r="D137867" s="14" t="s">
        <v>313</v>
      </c>
      <c r="E137867" s="15">
        <v>45638</v>
      </c>
      <c r="F137867" s="14" t="s">
        <v>25</v>
      </c>
      <c r="G137867" s="16">
        <v>0</v>
      </c>
    </row>
    <row r="137868" spans="1:7" x14ac:dyDescent="0.3">
      <c r="A137868" s="13" t="s">
        <v>615</v>
      </c>
      <c r="B137868" s="14" t="s">
        <v>1</v>
      </c>
      <c r="C137868" s="14" t="s">
        <v>596</v>
      </c>
      <c r="D137868" s="14" t="s">
        <v>313</v>
      </c>
      <c r="E137868" s="15">
        <v>45639</v>
      </c>
      <c r="F137868" s="14" t="s">
        <v>25</v>
      </c>
      <c r="G137868" s="16">
        <v>0</v>
      </c>
    </row>
    <row r="137869" spans="1:7" x14ac:dyDescent="0.3">
      <c r="A137869" s="13" t="s">
        <v>615</v>
      </c>
      <c r="B137869" s="14" t="s">
        <v>1</v>
      </c>
      <c r="C137869" s="14" t="s">
        <v>596</v>
      </c>
      <c r="D137869" s="14" t="s">
        <v>313</v>
      </c>
      <c r="E137869" s="15">
        <v>45640</v>
      </c>
      <c r="F137869" s="14" t="s">
        <v>25</v>
      </c>
      <c r="G137869" s="16">
        <v>0</v>
      </c>
    </row>
    <row r="137870" spans="1:7" x14ac:dyDescent="0.3">
      <c r="A137870" s="13" t="s">
        <v>615</v>
      </c>
      <c r="B137870" s="14" t="s">
        <v>1</v>
      </c>
      <c r="C137870" s="14" t="s">
        <v>596</v>
      </c>
      <c r="D137870" s="14" t="s">
        <v>313</v>
      </c>
      <c r="E137870" s="15">
        <v>45641</v>
      </c>
      <c r="F137870" s="14" t="s">
        <v>25</v>
      </c>
      <c r="G137870" s="16">
        <v>0</v>
      </c>
    </row>
    <row r="137871" spans="1:7" x14ac:dyDescent="0.3">
      <c r="A137871" s="13" t="s">
        <v>615</v>
      </c>
      <c r="B137871" s="14" t="s">
        <v>1</v>
      </c>
      <c r="C137871" s="14" t="s">
        <v>596</v>
      </c>
      <c r="D137871" s="14" t="s">
        <v>313</v>
      </c>
      <c r="E137871" s="15">
        <v>45642</v>
      </c>
      <c r="F137871" s="14" t="s">
        <v>25</v>
      </c>
      <c r="G137871" s="16">
        <v>0</v>
      </c>
    </row>
    <row r="137872" spans="1:7" x14ac:dyDescent="0.3">
      <c r="A137872" s="13" t="s">
        <v>615</v>
      </c>
      <c r="B137872" s="14" t="s">
        <v>1</v>
      </c>
      <c r="C137872" s="14" t="s">
        <v>596</v>
      </c>
      <c r="D137872" s="14" t="s">
        <v>313</v>
      </c>
      <c r="E137872" s="15">
        <v>45643</v>
      </c>
      <c r="F137872" s="14" t="s">
        <v>25</v>
      </c>
      <c r="G137872" s="16">
        <v>0</v>
      </c>
    </row>
    <row r="137873" spans="1:7" x14ac:dyDescent="0.3">
      <c r="A137873" s="13" t="s">
        <v>615</v>
      </c>
      <c r="B137873" s="14" t="s">
        <v>1</v>
      </c>
      <c r="C137873" s="14" t="s">
        <v>596</v>
      </c>
      <c r="D137873" s="14" t="s">
        <v>313</v>
      </c>
      <c r="E137873" s="15">
        <v>45644</v>
      </c>
      <c r="F137873" s="14" t="s">
        <v>25</v>
      </c>
      <c r="G137873" s="16">
        <v>0</v>
      </c>
    </row>
    <row r="137874" spans="1:7" x14ac:dyDescent="0.3">
      <c r="A137874" s="13" t="s">
        <v>615</v>
      </c>
      <c r="B137874" s="14" t="s">
        <v>1</v>
      </c>
      <c r="C137874" s="14" t="s">
        <v>596</v>
      </c>
      <c r="D137874" s="14" t="s">
        <v>313</v>
      </c>
      <c r="E137874" s="15">
        <v>45645</v>
      </c>
      <c r="F137874" s="14" t="s">
        <v>25</v>
      </c>
      <c r="G137874" s="16">
        <v>0</v>
      </c>
    </row>
    <row r="137875" spans="1:7" x14ac:dyDescent="0.3">
      <c r="A137875" s="13" t="s">
        <v>615</v>
      </c>
      <c r="B137875" s="14" t="s">
        <v>1</v>
      </c>
      <c r="C137875" s="14" t="s">
        <v>596</v>
      </c>
      <c r="D137875" s="14" t="s">
        <v>313</v>
      </c>
      <c r="E137875" s="15">
        <v>45646</v>
      </c>
      <c r="F137875" s="14" t="s">
        <v>25</v>
      </c>
      <c r="G137875" s="16">
        <v>0</v>
      </c>
    </row>
    <row r="137876" spans="1:7" x14ac:dyDescent="0.3">
      <c r="A137876" s="13" t="s">
        <v>615</v>
      </c>
      <c r="B137876" s="14" t="s">
        <v>1</v>
      </c>
      <c r="C137876" s="14" t="s">
        <v>596</v>
      </c>
      <c r="D137876" s="14" t="s">
        <v>313</v>
      </c>
      <c r="E137876" s="15">
        <v>45647</v>
      </c>
      <c r="F137876" s="14" t="s">
        <v>25</v>
      </c>
      <c r="G137876" s="16">
        <v>0</v>
      </c>
    </row>
    <row r="137877" spans="1:7" x14ac:dyDescent="0.3">
      <c r="A137877" s="13" t="s">
        <v>615</v>
      </c>
      <c r="B137877" s="14" t="s">
        <v>1</v>
      </c>
      <c r="C137877" s="14" t="s">
        <v>596</v>
      </c>
      <c r="D137877" s="14" t="s">
        <v>313</v>
      </c>
      <c r="E137877" s="15">
        <v>45648</v>
      </c>
      <c r="F137877" s="14" t="s">
        <v>25</v>
      </c>
      <c r="G137877" s="16">
        <v>0</v>
      </c>
    </row>
    <row r="137878" spans="1:7" x14ac:dyDescent="0.3">
      <c r="A137878" s="13" t="s">
        <v>615</v>
      </c>
      <c r="B137878" s="14" t="s">
        <v>1</v>
      </c>
      <c r="C137878" s="14" t="s">
        <v>596</v>
      </c>
      <c r="D137878" s="14" t="s">
        <v>313</v>
      </c>
      <c r="E137878" s="15">
        <v>45649</v>
      </c>
      <c r="F137878" s="14" t="s">
        <v>25</v>
      </c>
      <c r="G137878" s="16">
        <v>0</v>
      </c>
    </row>
    <row r="137879" spans="1:7" x14ac:dyDescent="0.3">
      <c r="A137879" s="13" t="s">
        <v>615</v>
      </c>
      <c r="B137879" s="14" t="s">
        <v>1</v>
      </c>
      <c r="C137879" s="14" t="s">
        <v>596</v>
      </c>
      <c r="D137879" s="14" t="s">
        <v>313</v>
      </c>
      <c r="E137879" s="15">
        <v>45650</v>
      </c>
      <c r="F137879" s="14" t="s">
        <v>25</v>
      </c>
      <c r="G137879" s="16">
        <v>0</v>
      </c>
    </row>
    <row r="137880" spans="1:7" x14ac:dyDescent="0.3">
      <c r="A137880" s="13" t="s">
        <v>615</v>
      </c>
      <c r="B137880" s="14" t="s">
        <v>1</v>
      </c>
      <c r="C137880" s="14" t="s">
        <v>596</v>
      </c>
      <c r="D137880" s="14" t="s">
        <v>313</v>
      </c>
      <c r="E137880" s="15">
        <v>45651</v>
      </c>
      <c r="F137880" s="14" t="s">
        <v>25</v>
      </c>
      <c r="G137880" s="16">
        <v>0</v>
      </c>
    </row>
    <row r="137881" spans="1:7" x14ac:dyDescent="0.3">
      <c r="A137881" s="13" t="s">
        <v>615</v>
      </c>
      <c r="B137881" s="14" t="s">
        <v>1</v>
      </c>
      <c r="C137881" s="14" t="s">
        <v>596</v>
      </c>
      <c r="D137881" s="14" t="s">
        <v>313</v>
      </c>
      <c r="E137881" s="15">
        <v>45652</v>
      </c>
      <c r="F137881" s="14" t="s">
        <v>25</v>
      </c>
      <c r="G137881" s="16">
        <v>0</v>
      </c>
    </row>
    <row r="137882" spans="1:7" x14ac:dyDescent="0.3">
      <c r="A137882" s="13" t="s">
        <v>615</v>
      </c>
      <c r="B137882" s="14" t="s">
        <v>1</v>
      </c>
      <c r="C137882" s="14" t="s">
        <v>596</v>
      </c>
      <c r="D137882" s="14" t="s">
        <v>313</v>
      </c>
      <c r="E137882" s="15">
        <v>45653</v>
      </c>
      <c r="F137882" s="14" t="s">
        <v>25</v>
      </c>
      <c r="G137882" s="16">
        <v>0</v>
      </c>
    </row>
    <row r="137883" spans="1:7" x14ac:dyDescent="0.3">
      <c r="A137883" s="13" t="s">
        <v>615</v>
      </c>
      <c r="B137883" s="14" t="s">
        <v>1</v>
      </c>
      <c r="C137883" s="14" t="s">
        <v>596</v>
      </c>
      <c r="D137883" s="14" t="s">
        <v>313</v>
      </c>
      <c r="E137883" s="15">
        <v>45654</v>
      </c>
      <c r="F137883" s="14" t="s">
        <v>25</v>
      </c>
      <c r="G137883" s="16">
        <v>0</v>
      </c>
    </row>
    <row r="137884" spans="1:7" x14ac:dyDescent="0.3">
      <c r="A137884" s="13" t="s">
        <v>615</v>
      </c>
      <c r="B137884" s="14" t="s">
        <v>1</v>
      </c>
      <c r="C137884" s="14" t="s">
        <v>596</v>
      </c>
      <c r="D137884" s="14" t="s">
        <v>313</v>
      </c>
      <c r="E137884" s="15">
        <v>45655</v>
      </c>
      <c r="F137884" s="14" t="s">
        <v>25</v>
      </c>
      <c r="G137884" s="16">
        <v>0</v>
      </c>
    </row>
    <row r="137885" spans="1:7" x14ac:dyDescent="0.3">
      <c r="A137885" s="13" t="s">
        <v>615</v>
      </c>
      <c r="B137885" s="14" t="s">
        <v>1</v>
      </c>
      <c r="C137885" s="14" t="s">
        <v>596</v>
      </c>
      <c r="D137885" s="14" t="s">
        <v>313</v>
      </c>
      <c r="E137885" s="15">
        <v>45656</v>
      </c>
      <c r="F137885" s="14" t="s">
        <v>25</v>
      </c>
      <c r="G137885" s="16">
        <v>0</v>
      </c>
    </row>
    <row r="137886" spans="1:7" x14ac:dyDescent="0.3">
      <c r="A137886" s="13" t="s">
        <v>615</v>
      </c>
      <c r="B137886" s="14" t="s">
        <v>1</v>
      </c>
      <c r="C137886" s="14" t="s">
        <v>596</v>
      </c>
      <c r="D137886" s="14" t="s">
        <v>313</v>
      </c>
      <c r="E137886" s="15">
        <v>45657</v>
      </c>
      <c r="F137886" s="14" t="s">
        <v>25</v>
      </c>
      <c r="G137886" s="16">
        <v>0</v>
      </c>
    </row>
    <row r="137887" spans="1:7" x14ac:dyDescent="0.3">
      <c r="A137887" s="13" t="s">
        <v>615</v>
      </c>
      <c r="B137887" s="14" t="s">
        <v>1</v>
      </c>
      <c r="C137887" s="14" t="s">
        <v>596</v>
      </c>
      <c r="D137887" s="14" t="s">
        <v>313</v>
      </c>
      <c r="E137887" s="15">
        <v>45658</v>
      </c>
      <c r="F137887" s="14" t="s">
        <v>25</v>
      </c>
      <c r="G137887" s="16">
        <v>0</v>
      </c>
    </row>
    <row r="137888" spans="1:7" x14ac:dyDescent="0.3">
      <c r="A137888" s="13" t="s">
        <v>615</v>
      </c>
      <c r="B137888" s="14" t="s">
        <v>1</v>
      </c>
      <c r="C137888" s="14" t="s">
        <v>596</v>
      </c>
      <c r="D137888" s="14" t="s">
        <v>313</v>
      </c>
      <c r="E137888" s="15">
        <v>45659</v>
      </c>
      <c r="F137888" s="14" t="s">
        <v>25</v>
      </c>
      <c r="G137888" s="16">
        <v>0</v>
      </c>
    </row>
    <row r="137889" spans="1:7" x14ac:dyDescent="0.3">
      <c r="A137889" s="13" t="s">
        <v>615</v>
      </c>
      <c r="B137889" s="14" t="s">
        <v>1</v>
      </c>
      <c r="C137889" s="14" t="s">
        <v>596</v>
      </c>
      <c r="D137889" s="14" t="s">
        <v>313</v>
      </c>
      <c r="E137889" s="15">
        <v>45660</v>
      </c>
      <c r="F137889" s="14" t="s">
        <v>25</v>
      </c>
      <c r="G137889" s="16">
        <v>0</v>
      </c>
    </row>
    <row r="137890" spans="1:7" x14ac:dyDescent="0.3">
      <c r="A137890" s="13" t="s">
        <v>615</v>
      </c>
      <c r="B137890" s="14" t="s">
        <v>1</v>
      </c>
      <c r="C137890" s="14" t="s">
        <v>596</v>
      </c>
      <c r="D137890" s="14" t="s">
        <v>313</v>
      </c>
      <c r="E137890" s="15">
        <v>45661</v>
      </c>
      <c r="F137890" s="14" t="s">
        <v>25</v>
      </c>
      <c r="G137890" s="16">
        <v>0</v>
      </c>
    </row>
    <row r="137891" spans="1:7" x14ac:dyDescent="0.3">
      <c r="A137891" s="13" t="s">
        <v>615</v>
      </c>
      <c r="B137891" s="14" t="s">
        <v>1</v>
      </c>
      <c r="C137891" s="14" t="s">
        <v>596</v>
      </c>
      <c r="D137891" s="14" t="s">
        <v>313</v>
      </c>
      <c r="E137891" s="15">
        <v>45662</v>
      </c>
      <c r="F137891" s="14" t="s">
        <v>25</v>
      </c>
      <c r="G137891" s="16">
        <v>0</v>
      </c>
    </row>
    <row r="137892" spans="1:7" x14ac:dyDescent="0.3">
      <c r="A137892" s="13" t="s">
        <v>615</v>
      </c>
      <c r="B137892" s="14" t="s">
        <v>1</v>
      </c>
      <c r="C137892" s="14" t="s">
        <v>596</v>
      </c>
      <c r="D137892" s="14" t="s">
        <v>313</v>
      </c>
      <c r="E137892" s="15">
        <v>45663</v>
      </c>
      <c r="F137892" s="14" t="s">
        <v>25</v>
      </c>
      <c r="G137892" s="16">
        <v>0</v>
      </c>
    </row>
    <row r="137893" spans="1:7" x14ac:dyDescent="0.3">
      <c r="A137893" s="13" t="s">
        <v>615</v>
      </c>
      <c r="B137893" s="14" t="s">
        <v>1</v>
      </c>
      <c r="C137893" s="14" t="s">
        <v>596</v>
      </c>
      <c r="D137893" s="14" t="s">
        <v>313</v>
      </c>
      <c r="E137893" s="15">
        <v>45664</v>
      </c>
      <c r="F137893" s="14" t="s">
        <v>25</v>
      </c>
      <c r="G137893" s="16">
        <v>0</v>
      </c>
    </row>
    <row r="137894" spans="1:7" x14ac:dyDescent="0.3">
      <c r="A137894" s="13" t="s">
        <v>615</v>
      </c>
      <c r="B137894" s="14" t="s">
        <v>1</v>
      </c>
      <c r="C137894" s="14" t="s">
        <v>596</v>
      </c>
      <c r="D137894" s="14" t="s">
        <v>313</v>
      </c>
      <c r="E137894" s="15">
        <v>45665</v>
      </c>
      <c r="F137894" s="14" t="s">
        <v>25</v>
      </c>
      <c r="G137894" s="16">
        <v>0</v>
      </c>
    </row>
    <row r="137895" spans="1:7" x14ac:dyDescent="0.3">
      <c r="A137895" s="13" t="s">
        <v>615</v>
      </c>
      <c r="B137895" s="14" t="s">
        <v>1</v>
      </c>
      <c r="C137895" s="14" t="s">
        <v>596</v>
      </c>
      <c r="D137895" s="14" t="s">
        <v>313</v>
      </c>
      <c r="E137895" s="15">
        <v>45666</v>
      </c>
      <c r="F137895" s="14" t="s">
        <v>25</v>
      </c>
      <c r="G137895" s="16">
        <v>0</v>
      </c>
    </row>
    <row r="137896" spans="1:7" x14ac:dyDescent="0.3">
      <c r="A137896" s="13" t="s">
        <v>615</v>
      </c>
      <c r="B137896" s="14" t="s">
        <v>1</v>
      </c>
      <c r="C137896" s="14" t="s">
        <v>596</v>
      </c>
      <c r="D137896" s="14" t="s">
        <v>313</v>
      </c>
      <c r="E137896" s="15">
        <v>45667</v>
      </c>
      <c r="F137896" s="14" t="s">
        <v>25</v>
      </c>
      <c r="G137896" s="16">
        <v>0</v>
      </c>
    </row>
    <row r="137897" spans="1:7" x14ac:dyDescent="0.3">
      <c r="A137897" s="13" t="s">
        <v>615</v>
      </c>
      <c r="B137897" s="14" t="s">
        <v>1</v>
      </c>
      <c r="C137897" s="14" t="s">
        <v>596</v>
      </c>
      <c r="D137897" s="14" t="s">
        <v>313</v>
      </c>
      <c r="E137897" s="15">
        <v>45668</v>
      </c>
      <c r="F137897" s="14" t="s">
        <v>25</v>
      </c>
      <c r="G137897" s="16">
        <v>0</v>
      </c>
    </row>
    <row r="137898" spans="1:7" x14ac:dyDescent="0.3">
      <c r="A137898" s="13" t="s">
        <v>615</v>
      </c>
      <c r="B137898" s="14" t="s">
        <v>1</v>
      </c>
      <c r="C137898" s="14" t="s">
        <v>596</v>
      </c>
      <c r="D137898" s="14" t="s">
        <v>313</v>
      </c>
      <c r="E137898" s="15">
        <v>45669</v>
      </c>
      <c r="F137898" s="14" t="s">
        <v>25</v>
      </c>
      <c r="G137898" s="16">
        <v>0</v>
      </c>
    </row>
    <row r="137899" spans="1:7" x14ac:dyDescent="0.3">
      <c r="A137899" s="13" t="s">
        <v>615</v>
      </c>
      <c r="B137899" s="14" t="s">
        <v>1</v>
      </c>
      <c r="C137899" s="14" t="s">
        <v>596</v>
      </c>
      <c r="D137899" s="14" t="s">
        <v>313</v>
      </c>
      <c r="E137899" s="15">
        <v>45670</v>
      </c>
      <c r="F137899" s="14" t="s">
        <v>25</v>
      </c>
      <c r="G137899" s="16">
        <v>0</v>
      </c>
    </row>
    <row r="137900" spans="1:7" x14ac:dyDescent="0.3">
      <c r="A137900" s="13" t="s">
        <v>615</v>
      </c>
      <c r="B137900" s="14" t="s">
        <v>1</v>
      </c>
      <c r="C137900" s="14" t="s">
        <v>596</v>
      </c>
      <c r="D137900" s="14" t="s">
        <v>313</v>
      </c>
      <c r="E137900" s="15">
        <v>45671</v>
      </c>
      <c r="F137900" s="14" t="s">
        <v>25</v>
      </c>
      <c r="G137900" s="16">
        <v>0</v>
      </c>
    </row>
    <row r="137901" spans="1:7" x14ac:dyDescent="0.3">
      <c r="A137901" s="13" t="s">
        <v>615</v>
      </c>
      <c r="B137901" s="14" t="s">
        <v>1</v>
      </c>
      <c r="C137901" s="14" t="s">
        <v>596</v>
      </c>
      <c r="D137901" s="14" t="s">
        <v>313</v>
      </c>
      <c r="E137901" s="15">
        <v>45672</v>
      </c>
      <c r="F137901" s="14" t="s">
        <v>25</v>
      </c>
      <c r="G137901" s="16">
        <v>0</v>
      </c>
    </row>
    <row r="137902" spans="1:7" x14ac:dyDescent="0.3">
      <c r="A137902" s="13" t="s">
        <v>615</v>
      </c>
      <c r="B137902" s="14" t="s">
        <v>1</v>
      </c>
      <c r="C137902" s="14" t="s">
        <v>596</v>
      </c>
      <c r="D137902" s="14" t="s">
        <v>313</v>
      </c>
      <c r="E137902" s="15">
        <v>45673</v>
      </c>
      <c r="F137902" s="14" t="s">
        <v>25</v>
      </c>
      <c r="G137902" s="16">
        <v>0</v>
      </c>
    </row>
    <row r="137903" spans="1:7" x14ac:dyDescent="0.3">
      <c r="A137903" s="13" t="s">
        <v>615</v>
      </c>
      <c r="B137903" s="14" t="s">
        <v>1</v>
      </c>
      <c r="C137903" s="14" t="s">
        <v>596</v>
      </c>
      <c r="D137903" s="14" t="s">
        <v>313</v>
      </c>
      <c r="E137903" s="15">
        <v>45674</v>
      </c>
      <c r="F137903" s="14" t="s">
        <v>25</v>
      </c>
      <c r="G137903" s="16">
        <v>0</v>
      </c>
    </row>
    <row r="137904" spans="1:7" x14ac:dyDescent="0.3">
      <c r="A137904" s="13" t="s">
        <v>615</v>
      </c>
      <c r="B137904" s="14" t="s">
        <v>1</v>
      </c>
      <c r="C137904" s="14" t="s">
        <v>596</v>
      </c>
      <c r="D137904" s="14" t="s">
        <v>313</v>
      </c>
      <c r="E137904" s="15">
        <v>45675</v>
      </c>
      <c r="F137904" s="14" t="s">
        <v>25</v>
      </c>
      <c r="G137904" s="16">
        <v>0</v>
      </c>
    </row>
    <row r="137905" spans="1:7" x14ac:dyDescent="0.3">
      <c r="A137905" s="13" t="s">
        <v>615</v>
      </c>
      <c r="B137905" s="14" t="s">
        <v>1</v>
      </c>
      <c r="C137905" s="14" t="s">
        <v>596</v>
      </c>
      <c r="D137905" s="14" t="s">
        <v>313</v>
      </c>
      <c r="E137905" s="15">
        <v>45676</v>
      </c>
      <c r="F137905" s="14" t="s">
        <v>25</v>
      </c>
      <c r="G137905" s="16">
        <v>0</v>
      </c>
    </row>
    <row r="137906" spans="1:7" x14ac:dyDescent="0.3">
      <c r="A137906" s="13" t="s">
        <v>615</v>
      </c>
      <c r="B137906" s="14" t="s">
        <v>1</v>
      </c>
      <c r="C137906" s="14" t="s">
        <v>596</v>
      </c>
      <c r="D137906" s="14" t="s">
        <v>313</v>
      </c>
      <c r="E137906" s="15">
        <v>45677</v>
      </c>
      <c r="F137906" s="14" t="s">
        <v>25</v>
      </c>
      <c r="G137906" s="16">
        <v>0</v>
      </c>
    </row>
    <row r="137907" spans="1:7" x14ac:dyDescent="0.3">
      <c r="A137907" s="13" t="s">
        <v>615</v>
      </c>
      <c r="B137907" s="14" t="s">
        <v>1</v>
      </c>
      <c r="C137907" s="14" t="s">
        <v>596</v>
      </c>
      <c r="D137907" s="14" t="s">
        <v>313</v>
      </c>
      <c r="E137907" s="15">
        <v>45678</v>
      </c>
      <c r="F137907" s="14" t="s">
        <v>25</v>
      </c>
      <c r="G137907" s="16">
        <v>0</v>
      </c>
    </row>
    <row r="137908" spans="1:7" x14ac:dyDescent="0.3">
      <c r="A137908" s="13" t="s">
        <v>615</v>
      </c>
      <c r="B137908" s="14" t="s">
        <v>1</v>
      </c>
      <c r="C137908" s="14" t="s">
        <v>596</v>
      </c>
      <c r="D137908" s="14" t="s">
        <v>313</v>
      </c>
      <c r="E137908" s="15">
        <v>45679</v>
      </c>
      <c r="F137908" s="14" t="s">
        <v>25</v>
      </c>
      <c r="G137908" s="16">
        <v>0</v>
      </c>
    </row>
    <row r="137909" spans="1:7" x14ac:dyDescent="0.3">
      <c r="A137909" s="13" t="s">
        <v>615</v>
      </c>
      <c r="B137909" s="14" t="s">
        <v>1</v>
      </c>
      <c r="C137909" s="14" t="s">
        <v>596</v>
      </c>
      <c r="D137909" s="14" t="s">
        <v>313</v>
      </c>
      <c r="E137909" s="15">
        <v>45680</v>
      </c>
      <c r="F137909" s="14" t="s">
        <v>25</v>
      </c>
      <c r="G137909" s="16">
        <v>0</v>
      </c>
    </row>
    <row r="137910" spans="1:7" x14ac:dyDescent="0.3">
      <c r="A137910" s="13" t="s">
        <v>615</v>
      </c>
      <c r="B137910" s="14" t="s">
        <v>1</v>
      </c>
      <c r="C137910" s="14" t="s">
        <v>596</v>
      </c>
      <c r="D137910" s="14" t="s">
        <v>313</v>
      </c>
      <c r="E137910" s="15">
        <v>45681</v>
      </c>
      <c r="F137910" s="14" t="s">
        <v>25</v>
      </c>
      <c r="G137910" s="16">
        <v>0</v>
      </c>
    </row>
    <row r="137911" spans="1:7" x14ac:dyDescent="0.3">
      <c r="A137911" s="13" t="s">
        <v>615</v>
      </c>
      <c r="B137911" s="14" t="s">
        <v>1</v>
      </c>
      <c r="C137911" s="14" t="s">
        <v>596</v>
      </c>
      <c r="D137911" s="14" t="s">
        <v>313</v>
      </c>
      <c r="E137911" s="15">
        <v>45682</v>
      </c>
      <c r="F137911" s="14" t="s">
        <v>25</v>
      </c>
      <c r="G137911" s="16">
        <v>0</v>
      </c>
    </row>
    <row r="137912" spans="1:7" x14ac:dyDescent="0.3">
      <c r="A137912" s="13" t="s">
        <v>615</v>
      </c>
      <c r="B137912" s="14" t="s">
        <v>1</v>
      </c>
      <c r="C137912" s="14" t="s">
        <v>596</v>
      </c>
      <c r="D137912" s="14" t="s">
        <v>313</v>
      </c>
      <c r="E137912" s="15">
        <v>45683</v>
      </c>
      <c r="F137912" s="14" t="s">
        <v>25</v>
      </c>
      <c r="G137912" s="16">
        <v>0</v>
      </c>
    </row>
    <row r="137913" spans="1:7" x14ac:dyDescent="0.3">
      <c r="A137913" s="13" t="s">
        <v>615</v>
      </c>
      <c r="B137913" s="14" t="s">
        <v>1</v>
      </c>
      <c r="C137913" s="14" t="s">
        <v>596</v>
      </c>
      <c r="D137913" s="14" t="s">
        <v>313</v>
      </c>
      <c r="E137913" s="15">
        <v>45684</v>
      </c>
      <c r="F137913" s="14" t="s">
        <v>25</v>
      </c>
      <c r="G137913" s="16">
        <v>0</v>
      </c>
    </row>
    <row r="137914" spans="1:7" x14ac:dyDescent="0.3">
      <c r="A137914" s="13" t="s">
        <v>615</v>
      </c>
      <c r="B137914" s="14" t="s">
        <v>1</v>
      </c>
      <c r="C137914" s="14" t="s">
        <v>596</v>
      </c>
      <c r="D137914" s="14" t="s">
        <v>313</v>
      </c>
      <c r="E137914" s="15">
        <v>45685</v>
      </c>
      <c r="F137914" s="14" t="s">
        <v>25</v>
      </c>
      <c r="G137914" s="16">
        <v>0</v>
      </c>
    </row>
    <row r="137915" spans="1:7" x14ac:dyDescent="0.3">
      <c r="A137915" s="13" t="s">
        <v>615</v>
      </c>
      <c r="B137915" s="14" t="s">
        <v>1</v>
      </c>
      <c r="C137915" s="14" t="s">
        <v>596</v>
      </c>
      <c r="D137915" s="14" t="s">
        <v>313</v>
      </c>
      <c r="E137915" s="15">
        <v>45686</v>
      </c>
      <c r="F137915" s="14" t="s">
        <v>25</v>
      </c>
      <c r="G137915" s="16">
        <v>0</v>
      </c>
    </row>
    <row r="137916" spans="1:7" x14ac:dyDescent="0.3">
      <c r="A137916" s="13" t="s">
        <v>615</v>
      </c>
      <c r="B137916" s="14" t="s">
        <v>1</v>
      </c>
      <c r="C137916" s="14" t="s">
        <v>596</v>
      </c>
      <c r="D137916" s="14" t="s">
        <v>313</v>
      </c>
      <c r="E137916" s="15">
        <v>45687</v>
      </c>
      <c r="F137916" s="14" t="s">
        <v>25</v>
      </c>
      <c r="G137916" s="16">
        <v>0</v>
      </c>
    </row>
    <row r="137917" spans="1:7" x14ac:dyDescent="0.3">
      <c r="A137917" s="13" t="s">
        <v>615</v>
      </c>
      <c r="B137917" s="14" t="s">
        <v>1</v>
      </c>
      <c r="C137917" s="14" t="s">
        <v>596</v>
      </c>
      <c r="D137917" s="14" t="s">
        <v>313</v>
      </c>
      <c r="E137917" s="15">
        <v>45688</v>
      </c>
      <c r="F137917" s="14" t="s">
        <v>25</v>
      </c>
      <c r="G137917" s="16">
        <v>0</v>
      </c>
    </row>
    <row r="137918" spans="1:7" x14ac:dyDescent="0.3">
      <c r="A137918" s="13" t="s">
        <v>615</v>
      </c>
      <c r="B137918" s="14" t="s">
        <v>1</v>
      </c>
      <c r="C137918" s="14" t="s">
        <v>596</v>
      </c>
      <c r="D137918" s="14" t="s">
        <v>313</v>
      </c>
      <c r="E137918" s="15">
        <v>45689</v>
      </c>
      <c r="F137918" s="14" t="s">
        <v>25</v>
      </c>
      <c r="G137918" s="16">
        <v>0</v>
      </c>
    </row>
    <row r="137919" spans="1:7" x14ac:dyDescent="0.3">
      <c r="A137919" s="13" t="s">
        <v>615</v>
      </c>
      <c r="B137919" s="14" t="s">
        <v>1</v>
      </c>
      <c r="C137919" s="14" t="s">
        <v>596</v>
      </c>
      <c r="D137919" s="14" t="s">
        <v>313</v>
      </c>
      <c r="E137919" s="15">
        <v>45690</v>
      </c>
      <c r="F137919" s="14" t="s">
        <v>25</v>
      </c>
      <c r="G137919" s="16">
        <v>0</v>
      </c>
    </row>
    <row r="137920" spans="1:7" x14ac:dyDescent="0.3">
      <c r="A137920" s="13" t="s">
        <v>615</v>
      </c>
      <c r="B137920" s="14" t="s">
        <v>1</v>
      </c>
      <c r="C137920" s="14" t="s">
        <v>596</v>
      </c>
      <c r="D137920" s="14" t="s">
        <v>313</v>
      </c>
      <c r="E137920" s="15">
        <v>45691</v>
      </c>
      <c r="F137920" s="14" t="s">
        <v>25</v>
      </c>
      <c r="G137920" s="16">
        <v>0</v>
      </c>
    </row>
    <row r="137921" spans="1:7" x14ac:dyDescent="0.3">
      <c r="A137921" s="13" t="s">
        <v>615</v>
      </c>
      <c r="B137921" s="14" t="s">
        <v>1</v>
      </c>
      <c r="C137921" s="14" t="s">
        <v>596</v>
      </c>
      <c r="D137921" s="14" t="s">
        <v>313</v>
      </c>
      <c r="E137921" s="15">
        <v>45692</v>
      </c>
      <c r="F137921" s="14" t="s">
        <v>25</v>
      </c>
      <c r="G137921" s="16">
        <v>0</v>
      </c>
    </row>
    <row r="137922" spans="1:7" x14ac:dyDescent="0.3">
      <c r="A137922" s="13" t="s">
        <v>615</v>
      </c>
      <c r="B137922" s="14" t="s">
        <v>1</v>
      </c>
      <c r="C137922" s="14" t="s">
        <v>596</v>
      </c>
      <c r="D137922" s="14" t="s">
        <v>313</v>
      </c>
      <c r="E137922" s="15">
        <v>45693</v>
      </c>
      <c r="F137922" s="14" t="s">
        <v>25</v>
      </c>
      <c r="G137922" s="16">
        <v>0</v>
      </c>
    </row>
    <row r="137923" spans="1:7" x14ac:dyDescent="0.3">
      <c r="A137923" s="13" t="s">
        <v>615</v>
      </c>
      <c r="B137923" s="14" t="s">
        <v>1</v>
      </c>
      <c r="C137923" s="14" t="s">
        <v>596</v>
      </c>
      <c r="D137923" s="14" t="s">
        <v>313</v>
      </c>
      <c r="E137923" s="15">
        <v>45694</v>
      </c>
      <c r="F137923" s="14" t="s">
        <v>25</v>
      </c>
      <c r="G137923" s="16">
        <v>0</v>
      </c>
    </row>
    <row r="137924" spans="1:7" x14ac:dyDescent="0.3">
      <c r="A137924" s="13" t="s">
        <v>615</v>
      </c>
      <c r="B137924" s="14" t="s">
        <v>1</v>
      </c>
      <c r="C137924" s="14" t="s">
        <v>596</v>
      </c>
      <c r="D137924" s="14" t="s">
        <v>313</v>
      </c>
      <c r="E137924" s="15">
        <v>45695</v>
      </c>
      <c r="F137924" s="14" t="s">
        <v>25</v>
      </c>
      <c r="G137924" s="16">
        <v>0</v>
      </c>
    </row>
    <row r="137925" spans="1:7" x14ac:dyDescent="0.3">
      <c r="A137925" s="13" t="s">
        <v>615</v>
      </c>
      <c r="B137925" s="14" t="s">
        <v>1</v>
      </c>
      <c r="C137925" s="14" t="s">
        <v>596</v>
      </c>
      <c r="D137925" s="14" t="s">
        <v>313</v>
      </c>
      <c r="E137925" s="15">
        <v>45696</v>
      </c>
      <c r="F137925" s="14" t="s">
        <v>25</v>
      </c>
      <c r="G137925" s="16">
        <v>0</v>
      </c>
    </row>
    <row r="137926" spans="1:7" x14ac:dyDescent="0.3">
      <c r="A137926" s="13" t="s">
        <v>615</v>
      </c>
      <c r="B137926" s="14" t="s">
        <v>1</v>
      </c>
      <c r="C137926" s="14" t="s">
        <v>596</v>
      </c>
      <c r="D137926" s="14" t="s">
        <v>313</v>
      </c>
      <c r="E137926" s="15">
        <v>45697</v>
      </c>
      <c r="F137926" s="14" t="s">
        <v>25</v>
      </c>
      <c r="G137926" s="16">
        <v>0</v>
      </c>
    </row>
    <row r="137927" spans="1:7" x14ac:dyDescent="0.3">
      <c r="A137927" s="13" t="s">
        <v>615</v>
      </c>
      <c r="B137927" s="14" t="s">
        <v>1</v>
      </c>
      <c r="C137927" s="14" t="s">
        <v>596</v>
      </c>
      <c r="D137927" s="14" t="s">
        <v>313</v>
      </c>
      <c r="E137927" s="15">
        <v>45698</v>
      </c>
      <c r="F137927" s="14" t="s">
        <v>25</v>
      </c>
      <c r="G137927" s="16">
        <v>0</v>
      </c>
    </row>
    <row r="137928" spans="1:7" x14ac:dyDescent="0.3">
      <c r="A137928" s="13" t="s">
        <v>615</v>
      </c>
      <c r="B137928" s="14" t="s">
        <v>1</v>
      </c>
      <c r="C137928" s="14" t="s">
        <v>596</v>
      </c>
      <c r="D137928" s="14" t="s">
        <v>313</v>
      </c>
      <c r="E137928" s="15">
        <v>45699</v>
      </c>
      <c r="F137928" s="14" t="s">
        <v>25</v>
      </c>
      <c r="G137928" s="16">
        <v>0</v>
      </c>
    </row>
    <row r="137929" spans="1:7" x14ac:dyDescent="0.3">
      <c r="A137929" s="13" t="s">
        <v>615</v>
      </c>
      <c r="B137929" s="14" t="s">
        <v>1</v>
      </c>
      <c r="C137929" s="14" t="s">
        <v>596</v>
      </c>
      <c r="D137929" s="14" t="s">
        <v>313</v>
      </c>
      <c r="E137929" s="15">
        <v>45700</v>
      </c>
      <c r="F137929" s="14" t="s">
        <v>25</v>
      </c>
      <c r="G137929" s="16">
        <v>0</v>
      </c>
    </row>
    <row r="137930" spans="1:7" x14ac:dyDescent="0.3">
      <c r="A137930" s="13" t="s">
        <v>615</v>
      </c>
      <c r="B137930" s="14" t="s">
        <v>1</v>
      </c>
      <c r="C137930" s="14" t="s">
        <v>596</v>
      </c>
      <c r="D137930" s="14" t="s">
        <v>313</v>
      </c>
      <c r="E137930" s="15">
        <v>45701</v>
      </c>
      <c r="F137930" s="14" t="s">
        <v>25</v>
      </c>
      <c r="G137930" s="16">
        <v>0</v>
      </c>
    </row>
    <row r="137931" spans="1:7" x14ac:dyDescent="0.3">
      <c r="A137931" s="13" t="s">
        <v>615</v>
      </c>
      <c r="B137931" s="14" t="s">
        <v>1</v>
      </c>
      <c r="C137931" s="14" t="s">
        <v>596</v>
      </c>
      <c r="D137931" s="14" t="s">
        <v>313</v>
      </c>
      <c r="E137931" s="15">
        <v>45702</v>
      </c>
      <c r="F137931" s="14" t="s">
        <v>25</v>
      </c>
      <c r="G137931" s="16">
        <v>0</v>
      </c>
    </row>
    <row r="137932" spans="1:7" x14ac:dyDescent="0.3">
      <c r="A137932" s="13" t="s">
        <v>615</v>
      </c>
      <c r="B137932" s="14" t="s">
        <v>1</v>
      </c>
      <c r="C137932" s="14" t="s">
        <v>596</v>
      </c>
      <c r="D137932" s="14" t="s">
        <v>313</v>
      </c>
      <c r="E137932" s="15">
        <v>45703</v>
      </c>
      <c r="F137932" s="14" t="s">
        <v>25</v>
      </c>
      <c r="G137932" s="16">
        <v>0</v>
      </c>
    </row>
    <row r="137933" spans="1:7" x14ac:dyDescent="0.3">
      <c r="A137933" s="13" t="s">
        <v>615</v>
      </c>
      <c r="B137933" s="14" t="s">
        <v>1</v>
      </c>
      <c r="C137933" s="14" t="s">
        <v>596</v>
      </c>
      <c r="D137933" s="14" t="s">
        <v>313</v>
      </c>
      <c r="E137933" s="15">
        <v>45704</v>
      </c>
      <c r="F137933" s="14" t="s">
        <v>25</v>
      </c>
      <c r="G137933" s="16">
        <v>0</v>
      </c>
    </row>
    <row r="137934" spans="1:7" x14ac:dyDescent="0.3">
      <c r="A137934" s="13" t="s">
        <v>615</v>
      </c>
      <c r="B137934" s="14" t="s">
        <v>1</v>
      </c>
      <c r="C137934" s="14" t="s">
        <v>596</v>
      </c>
      <c r="D137934" s="14" t="s">
        <v>313</v>
      </c>
      <c r="E137934" s="15">
        <v>45705</v>
      </c>
      <c r="F137934" s="14" t="s">
        <v>25</v>
      </c>
      <c r="G137934" s="16">
        <v>0</v>
      </c>
    </row>
    <row r="137935" spans="1:7" x14ac:dyDescent="0.3">
      <c r="A137935" s="13" t="s">
        <v>615</v>
      </c>
      <c r="B137935" s="14" t="s">
        <v>1</v>
      </c>
      <c r="C137935" s="14" t="s">
        <v>596</v>
      </c>
      <c r="D137935" s="14" t="s">
        <v>313</v>
      </c>
      <c r="E137935" s="15">
        <v>45706</v>
      </c>
      <c r="F137935" s="14" t="s">
        <v>25</v>
      </c>
      <c r="G137935" s="16">
        <v>0</v>
      </c>
    </row>
    <row r="137936" spans="1:7" x14ac:dyDescent="0.3">
      <c r="A137936" s="13" t="s">
        <v>615</v>
      </c>
      <c r="B137936" s="14" t="s">
        <v>1</v>
      </c>
      <c r="C137936" s="14" t="s">
        <v>596</v>
      </c>
      <c r="D137936" s="14" t="s">
        <v>313</v>
      </c>
      <c r="E137936" s="15">
        <v>45707</v>
      </c>
      <c r="F137936" s="14" t="s">
        <v>25</v>
      </c>
      <c r="G137936" s="16">
        <v>0</v>
      </c>
    </row>
    <row r="137937" spans="1:7" x14ac:dyDescent="0.3">
      <c r="A137937" s="13" t="s">
        <v>615</v>
      </c>
      <c r="B137937" s="14" t="s">
        <v>1</v>
      </c>
      <c r="C137937" s="14" t="s">
        <v>596</v>
      </c>
      <c r="D137937" s="14" t="s">
        <v>313</v>
      </c>
      <c r="E137937" s="15">
        <v>45708</v>
      </c>
      <c r="F137937" s="14" t="s">
        <v>25</v>
      </c>
      <c r="G137937" s="16">
        <v>0</v>
      </c>
    </row>
    <row r="137938" spans="1:7" x14ac:dyDescent="0.3">
      <c r="A137938" s="13" t="s">
        <v>615</v>
      </c>
      <c r="B137938" s="14" t="s">
        <v>1</v>
      </c>
      <c r="C137938" s="14" t="s">
        <v>596</v>
      </c>
      <c r="D137938" s="14" t="s">
        <v>313</v>
      </c>
      <c r="E137938" s="15">
        <v>45709</v>
      </c>
      <c r="F137938" s="14" t="s">
        <v>25</v>
      </c>
      <c r="G137938" s="16">
        <v>0</v>
      </c>
    </row>
    <row r="137939" spans="1:7" x14ac:dyDescent="0.3">
      <c r="A137939" s="13" t="s">
        <v>615</v>
      </c>
      <c r="B137939" s="14" t="s">
        <v>1</v>
      </c>
      <c r="C137939" s="14" t="s">
        <v>596</v>
      </c>
      <c r="D137939" s="14" t="s">
        <v>313</v>
      </c>
      <c r="E137939" s="15">
        <v>45710</v>
      </c>
      <c r="F137939" s="14" t="s">
        <v>25</v>
      </c>
      <c r="G137939" s="16">
        <v>0</v>
      </c>
    </row>
    <row r="137940" spans="1:7" x14ac:dyDescent="0.3">
      <c r="A137940" s="13" t="s">
        <v>615</v>
      </c>
      <c r="B137940" s="14" t="s">
        <v>1</v>
      </c>
      <c r="C137940" s="14" t="s">
        <v>596</v>
      </c>
      <c r="D137940" s="14" t="s">
        <v>313</v>
      </c>
      <c r="E137940" s="15">
        <v>45711</v>
      </c>
      <c r="F137940" s="14" t="s">
        <v>25</v>
      </c>
      <c r="G137940" s="16">
        <v>0</v>
      </c>
    </row>
    <row r="137941" spans="1:7" x14ac:dyDescent="0.3">
      <c r="A137941" s="13" t="s">
        <v>615</v>
      </c>
      <c r="B137941" s="14" t="s">
        <v>1</v>
      </c>
      <c r="C137941" s="14" t="s">
        <v>596</v>
      </c>
      <c r="D137941" s="14" t="s">
        <v>313</v>
      </c>
      <c r="E137941" s="15">
        <v>45712</v>
      </c>
      <c r="F137941" s="14" t="s">
        <v>25</v>
      </c>
      <c r="G137941" s="16">
        <v>0</v>
      </c>
    </row>
    <row r="137942" spans="1:7" x14ac:dyDescent="0.3">
      <c r="A137942" s="13" t="s">
        <v>615</v>
      </c>
      <c r="B137942" s="14" t="s">
        <v>1</v>
      </c>
      <c r="C137942" s="14" t="s">
        <v>596</v>
      </c>
      <c r="D137942" s="14" t="s">
        <v>313</v>
      </c>
      <c r="E137942" s="15">
        <v>45713</v>
      </c>
      <c r="F137942" s="14" t="s">
        <v>25</v>
      </c>
      <c r="G137942" s="16">
        <v>0</v>
      </c>
    </row>
    <row r="137943" spans="1:7" x14ac:dyDescent="0.3">
      <c r="A137943" s="13" t="s">
        <v>615</v>
      </c>
      <c r="B137943" s="14" t="s">
        <v>1</v>
      </c>
      <c r="C137943" s="14" t="s">
        <v>596</v>
      </c>
      <c r="D137943" s="14" t="s">
        <v>313</v>
      </c>
      <c r="E137943" s="15">
        <v>45714</v>
      </c>
      <c r="F137943" s="14" t="s">
        <v>25</v>
      </c>
      <c r="G137943" s="16">
        <v>0</v>
      </c>
    </row>
    <row r="137944" spans="1:7" x14ac:dyDescent="0.3">
      <c r="A137944" s="13" t="s">
        <v>615</v>
      </c>
      <c r="B137944" s="14" t="s">
        <v>1</v>
      </c>
      <c r="C137944" s="14" t="s">
        <v>596</v>
      </c>
      <c r="D137944" s="14" t="s">
        <v>313</v>
      </c>
      <c r="E137944" s="15">
        <v>45715</v>
      </c>
      <c r="F137944" s="14" t="s">
        <v>25</v>
      </c>
      <c r="G137944" s="16">
        <v>0</v>
      </c>
    </row>
    <row r="137945" spans="1:7" x14ac:dyDescent="0.3">
      <c r="A137945" s="13" t="s">
        <v>615</v>
      </c>
      <c r="B137945" s="14" t="s">
        <v>1</v>
      </c>
      <c r="C137945" s="14" t="s">
        <v>596</v>
      </c>
      <c r="D137945" s="14" t="s">
        <v>313</v>
      </c>
      <c r="E137945" s="15">
        <v>45716</v>
      </c>
      <c r="F137945" s="14" t="s">
        <v>25</v>
      </c>
      <c r="G137945" s="16">
        <v>0</v>
      </c>
    </row>
    <row r="137946" spans="1:7" x14ac:dyDescent="0.3">
      <c r="A137946" s="13" t="s">
        <v>615</v>
      </c>
      <c r="B137946" s="14" t="s">
        <v>1</v>
      </c>
      <c r="C137946" s="14" t="s">
        <v>596</v>
      </c>
      <c r="D137946" s="14" t="s">
        <v>313</v>
      </c>
      <c r="E137946" s="15">
        <v>45717</v>
      </c>
      <c r="F137946" s="14" t="s">
        <v>25</v>
      </c>
      <c r="G137946" s="16">
        <v>0</v>
      </c>
    </row>
    <row r="137947" spans="1:7" x14ac:dyDescent="0.3">
      <c r="A137947" s="13" t="s">
        <v>615</v>
      </c>
      <c r="B137947" s="14" t="s">
        <v>1</v>
      </c>
      <c r="C137947" s="14" t="s">
        <v>596</v>
      </c>
      <c r="D137947" s="14" t="s">
        <v>313</v>
      </c>
      <c r="E137947" s="15">
        <v>45718</v>
      </c>
      <c r="F137947" s="14" t="s">
        <v>25</v>
      </c>
      <c r="G137947" s="16">
        <v>0</v>
      </c>
    </row>
    <row r="137948" spans="1:7" x14ac:dyDescent="0.3">
      <c r="A137948" s="13" t="s">
        <v>615</v>
      </c>
      <c r="B137948" s="14" t="s">
        <v>1</v>
      </c>
      <c r="C137948" s="14" t="s">
        <v>596</v>
      </c>
      <c r="D137948" s="14" t="s">
        <v>313</v>
      </c>
      <c r="E137948" s="15">
        <v>45719</v>
      </c>
      <c r="F137948" s="14" t="s">
        <v>25</v>
      </c>
      <c r="G137948" s="16">
        <v>0</v>
      </c>
    </row>
    <row r="137949" spans="1:7" x14ac:dyDescent="0.3">
      <c r="A137949" s="13" t="s">
        <v>615</v>
      </c>
      <c r="B137949" s="14" t="s">
        <v>1</v>
      </c>
      <c r="C137949" s="14" t="s">
        <v>596</v>
      </c>
      <c r="D137949" s="14" t="s">
        <v>313</v>
      </c>
      <c r="E137949" s="15">
        <v>45720</v>
      </c>
      <c r="F137949" s="14" t="s">
        <v>25</v>
      </c>
      <c r="G137949" s="16">
        <v>0</v>
      </c>
    </row>
    <row r="137950" spans="1:7" x14ac:dyDescent="0.3">
      <c r="A137950" s="13" t="s">
        <v>615</v>
      </c>
      <c r="B137950" s="14" t="s">
        <v>1</v>
      </c>
      <c r="C137950" s="14" t="s">
        <v>596</v>
      </c>
      <c r="D137950" s="14" t="s">
        <v>313</v>
      </c>
      <c r="E137950" s="15">
        <v>45721</v>
      </c>
      <c r="F137950" s="14" t="s">
        <v>25</v>
      </c>
      <c r="G137950" s="16">
        <v>0</v>
      </c>
    </row>
    <row r="137951" spans="1:7" x14ac:dyDescent="0.3">
      <c r="A137951" s="13" t="s">
        <v>615</v>
      </c>
      <c r="B137951" s="14" t="s">
        <v>1</v>
      </c>
      <c r="C137951" s="14" t="s">
        <v>596</v>
      </c>
      <c r="D137951" s="14" t="s">
        <v>313</v>
      </c>
      <c r="E137951" s="15">
        <v>45722</v>
      </c>
      <c r="F137951" s="14" t="s">
        <v>25</v>
      </c>
      <c r="G137951" s="16">
        <v>0</v>
      </c>
    </row>
    <row r="137952" spans="1:7" x14ac:dyDescent="0.3">
      <c r="A137952" s="13" t="s">
        <v>615</v>
      </c>
      <c r="B137952" s="14" t="s">
        <v>1</v>
      </c>
      <c r="C137952" s="14" t="s">
        <v>596</v>
      </c>
      <c r="D137952" s="14" t="s">
        <v>313</v>
      </c>
      <c r="E137952" s="15">
        <v>45723</v>
      </c>
      <c r="F137952" s="14" t="s">
        <v>25</v>
      </c>
      <c r="G137952" s="16">
        <v>0</v>
      </c>
    </row>
    <row r="137953" spans="1:7" x14ac:dyDescent="0.3">
      <c r="A137953" s="13" t="s">
        <v>615</v>
      </c>
      <c r="B137953" s="14" t="s">
        <v>1</v>
      </c>
      <c r="C137953" s="14" t="s">
        <v>596</v>
      </c>
      <c r="D137953" s="14" t="s">
        <v>313</v>
      </c>
      <c r="E137953" s="15">
        <v>45724</v>
      </c>
      <c r="F137953" s="14" t="s">
        <v>25</v>
      </c>
      <c r="G137953" s="16">
        <v>0</v>
      </c>
    </row>
    <row r="137954" spans="1:7" x14ac:dyDescent="0.3">
      <c r="A137954" s="13" t="s">
        <v>615</v>
      </c>
      <c r="B137954" s="14" t="s">
        <v>1</v>
      </c>
      <c r="C137954" s="14" t="s">
        <v>596</v>
      </c>
      <c r="D137954" s="14" t="s">
        <v>313</v>
      </c>
      <c r="E137954" s="15">
        <v>45725</v>
      </c>
      <c r="F137954" s="14" t="s">
        <v>25</v>
      </c>
      <c r="G137954" s="16">
        <v>0</v>
      </c>
    </row>
    <row r="137955" spans="1:7" x14ac:dyDescent="0.3">
      <c r="A137955" s="13" t="s">
        <v>615</v>
      </c>
      <c r="B137955" s="14" t="s">
        <v>1</v>
      </c>
      <c r="C137955" s="14" t="s">
        <v>596</v>
      </c>
      <c r="D137955" s="14" t="s">
        <v>313</v>
      </c>
      <c r="E137955" s="15">
        <v>45726</v>
      </c>
      <c r="F137955" s="14" t="s">
        <v>25</v>
      </c>
      <c r="G137955" s="16">
        <v>0</v>
      </c>
    </row>
    <row r="137956" spans="1:7" x14ac:dyDescent="0.3">
      <c r="A137956" s="13" t="s">
        <v>615</v>
      </c>
      <c r="B137956" s="14" t="s">
        <v>1</v>
      </c>
      <c r="C137956" s="14" t="s">
        <v>596</v>
      </c>
      <c r="D137956" s="14" t="s">
        <v>313</v>
      </c>
      <c r="E137956" s="15">
        <v>45727</v>
      </c>
      <c r="F137956" s="14" t="s">
        <v>25</v>
      </c>
      <c r="G137956" s="16">
        <v>0</v>
      </c>
    </row>
    <row r="137957" spans="1:7" x14ac:dyDescent="0.3">
      <c r="A137957" s="13" t="s">
        <v>615</v>
      </c>
      <c r="B137957" s="14" t="s">
        <v>1</v>
      </c>
      <c r="C137957" s="14" t="s">
        <v>596</v>
      </c>
      <c r="D137957" s="14" t="s">
        <v>313</v>
      </c>
      <c r="E137957" s="15">
        <v>45728</v>
      </c>
      <c r="F137957" s="14" t="s">
        <v>25</v>
      </c>
      <c r="G137957" s="16">
        <v>0</v>
      </c>
    </row>
    <row r="137958" spans="1:7" x14ac:dyDescent="0.3">
      <c r="A137958" s="13" t="s">
        <v>615</v>
      </c>
      <c r="B137958" s="14" t="s">
        <v>1</v>
      </c>
      <c r="C137958" s="14" t="s">
        <v>596</v>
      </c>
      <c r="D137958" s="14" t="s">
        <v>313</v>
      </c>
      <c r="E137958" s="15">
        <v>45729</v>
      </c>
      <c r="F137958" s="14" t="s">
        <v>25</v>
      </c>
      <c r="G137958" s="16">
        <v>0</v>
      </c>
    </row>
    <row r="137959" spans="1:7" x14ac:dyDescent="0.3">
      <c r="A137959" s="13" t="s">
        <v>615</v>
      </c>
      <c r="B137959" s="14" t="s">
        <v>1</v>
      </c>
      <c r="C137959" s="14" t="s">
        <v>596</v>
      </c>
      <c r="D137959" s="14" t="s">
        <v>313</v>
      </c>
      <c r="E137959" s="15">
        <v>45730</v>
      </c>
      <c r="F137959" s="14" t="s">
        <v>25</v>
      </c>
      <c r="G137959" s="16">
        <v>0</v>
      </c>
    </row>
    <row r="137960" spans="1:7" x14ac:dyDescent="0.3">
      <c r="A137960" s="13" t="s">
        <v>615</v>
      </c>
      <c r="B137960" s="14" t="s">
        <v>1</v>
      </c>
      <c r="C137960" s="14" t="s">
        <v>596</v>
      </c>
      <c r="D137960" s="14" t="s">
        <v>313</v>
      </c>
      <c r="E137960" s="15">
        <v>45731</v>
      </c>
      <c r="F137960" s="14" t="s">
        <v>25</v>
      </c>
      <c r="G137960" s="16">
        <v>0</v>
      </c>
    </row>
    <row r="137961" spans="1:7" x14ac:dyDescent="0.3">
      <c r="A137961" s="13" t="s">
        <v>615</v>
      </c>
      <c r="B137961" s="14" t="s">
        <v>1</v>
      </c>
      <c r="C137961" s="14" t="s">
        <v>596</v>
      </c>
      <c r="D137961" s="14" t="s">
        <v>313</v>
      </c>
      <c r="E137961" s="15">
        <v>45732</v>
      </c>
      <c r="F137961" s="14" t="s">
        <v>25</v>
      </c>
      <c r="G137961" s="16">
        <v>0</v>
      </c>
    </row>
    <row r="137962" spans="1:7" x14ac:dyDescent="0.3">
      <c r="A137962" s="13" t="s">
        <v>615</v>
      </c>
      <c r="B137962" s="14" t="s">
        <v>1</v>
      </c>
      <c r="C137962" s="14" t="s">
        <v>596</v>
      </c>
      <c r="D137962" s="14" t="s">
        <v>313</v>
      </c>
      <c r="E137962" s="15">
        <v>45733</v>
      </c>
      <c r="F137962" s="14" t="s">
        <v>25</v>
      </c>
      <c r="G137962" s="16">
        <v>0</v>
      </c>
    </row>
    <row r="137963" spans="1:7" x14ac:dyDescent="0.3">
      <c r="A137963" s="13" t="s">
        <v>615</v>
      </c>
      <c r="B137963" s="14" t="s">
        <v>1</v>
      </c>
      <c r="C137963" s="14" t="s">
        <v>596</v>
      </c>
      <c r="D137963" s="14" t="s">
        <v>313</v>
      </c>
      <c r="E137963" s="15">
        <v>45734</v>
      </c>
      <c r="F137963" s="14" t="s">
        <v>25</v>
      </c>
      <c r="G137963" s="16">
        <v>0</v>
      </c>
    </row>
    <row r="137964" spans="1:7" x14ac:dyDescent="0.3">
      <c r="A137964" s="13" t="s">
        <v>615</v>
      </c>
      <c r="B137964" s="14" t="s">
        <v>1</v>
      </c>
      <c r="C137964" s="14" t="s">
        <v>596</v>
      </c>
      <c r="D137964" s="14" t="s">
        <v>313</v>
      </c>
      <c r="E137964" s="15">
        <v>45735</v>
      </c>
      <c r="F137964" s="14" t="s">
        <v>25</v>
      </c>
      <c r="G137964" s="16">
        <v>0</v>
      </c>
    </row>
    <row r="137965" spans="1:7" x14ac:dyDescent="0.3">
      <c r="A137965" s="13" t="s">
        <v>615</v>
      </c>
      <c r="B137965" s="14" t="s">
        <v>1</v>
      </c>
      <c r="C137965" s="14" t="s">
        <v>596</v>
      </c>
      <c r="D137965" s="14" t="s">
        <v>313</v>
      </c>
      <c r="E137965" s="15">
        <v>45736</v>
      </c>
      <c r="F137965" s="14" t="s">
        <v>25</v>
      </c>
      <c r="G137965" s="16">
        <v>0</v>
      </c>
    </row>
    <row r="137966" spans="1:7" x14ac:dyDescent="0.3">
      <c r="A137966" s="13" t="s">
        <v>615</v>
      </c>
      <c r="B137966" s="14" t="s">
        <v>1</v>
      </c>
      <c r="C137966" s="14" t="s">
        <v>596</v>
      </c>
      <c r="D137966" s="14" t="s">
        <v>313</v>
      </c>
      <c r="E137966" s="15">
        <v>45737</v>
      </c>
      <c r="F137966" s="14" t="s">
        <v>25</v>
      </c>
      <c r="G137966" s="16">
        <v>0</v>
      </c>
    </row>
    <row r="137967" spans="1:7" x14ac:dyDescent="0.3">
      <c r="A137967" s="13" t="s">
        <v>615</v>
      </c>
      <c r="B137967" s="14" t="s">
        <v>1</v>
      </c>
      <c r="C137967" s="14" t="s">
        <v>596</v>
      </c>
      <c r="D137967" s="14" t="s">
        <v>313</v>
      </c>
      <c r="E137967" s="15">
        <v>45738</v>
      </c>
      <c r="F137967" s="14" t="s">
        <v>25</v>
      </c>
      <c r="G137967" s="16">
        <v>0</v>
      </c>
    </row>
    <row r="137968" spans="1:7" x14ac:dyDescent="0.3">
      <c r="A137968" s="13" t="s">
        <v>615</v>
      </c>
      <c r="B137968" s="14" t="s">
        <v>1</v>
      </c>
      <c r="C137968" s="14" t="s">
        <v>596</v>
      </c>
      <c r="D137968" s="14" t="s">
        <v>313</v>
      </c>
      <c r="E137968" s="15">
        <v>45739</v>
      </c>
      <c r="F137968" s="14" t="s">
        <v>25</v>
      </c>
      <c r="G137968" s="16">
        <v>0</v>
      </c>
    </row>
    <row r="137969" spans="1:7" x14ac:dyDescent="0.3">
      <c r="A137969" s="13" t="s">
        <v>615</v>
      </c>
      <c r="B137969" s="14" t="s">
        <v>1</v>
      </c>
      <c r="C137969" s="14" t="s">
        <v>596</v>
      </c>
      <c r="D137969" s="14" t="s">
        <v>313</v>
      </c>
      <c r="E137969" s="15">
        <v>45740</v>
      </c>
      <c r="F137969" s="14" t="s">
        <v>25</v>
      </c>
      <c r="G137969" s="16">
        <v>0</v>
      </c>
    </row>
    <row r="137970" spans="1:7" x14ac:dyDescent="0.3">
      <c r="A137970" s="13" t="s">
        <v>615</v>
      </c>
      <c r="B137970" s="14" t="s">
        <v>1</v>
      </c>
      <c r="C137970" s="14" t="s">
        <v>596</v>
      </c>
      <c r="D137970" s="14" t="s">
        <v>313</v>
      </c>
      <c r="E137970" s="15">
        <v>45741</v>
      </c>
      <c r="F137970" s="14" t="s">
        <v>25</v>
      </c>
      <c r="G137970" s="16">
        <v>0</v>
      </c>
    </row>
    <row r="137971" spans="1:7" x14ac:dyDescent="0.3">
      <c r="A137971" s="13" t="s">
        <v>615</v>
      </c>
      <c r="B137971" s="14" t="s">
        <v>1</v>
      </c>
      <c r="C137971" s="14" t="s">
        <v>596</v>
      </c>
      <c r="D137971" s="14" t="s">
        <v>313</v>
      </c>
      <c r="E137971" s="15">
        <v>45742</v>
      </c>
      <c r="F137971" s="14" t="s">
        <v>25</v>
      </c>
      <c r="G137971" s="16">
        <v>0</v>
      </c>
    </row>
    <row r="137972" spans="1:7" x14ac:dyDescent="0.3">
      <c r="A137972" s="13" t="s">
        <v>615</v>
      </c>
      <c r="B137972" s="14" t="s">
        <v>1</v>
      </c>
      <c r="C137972" s="14" t="s">
        <v>596</v>
      </c>
      <c r="D137972" s="14" t="s">
        <v>313</v>
      </c>
      <c r="E137972" s="15">
        <v>45743</v>
      </c>
      <c r="F137972" s="14" t="s">
        <v>25</v>
      </c>
      <c r="G137972" s="16">
        <v>0</v>
      </c>
    </row>
    <row r="137973" spans="1:7" x14ac:dyDescent="0.3">
      <c r="A137973" s="13" t="s">
        <v>615</v>
      </c>
      <c r="B137973" s="14" t="s">
        <v>1</v>
      </c>
      <c r="C137973" s="14" t="s">
        <v>596</v>
      </c>
      <c r="D137973" s="14" t="s">
        <v>313</v>
      </c>
      <c r="E137973" s="15">
        <v>45744</v>
      </c>
      <c r="F137973" s="14" t="s">
        <v>25</v>
      </c>
      <c r="G137973" s="16">
        <v>0</v>
      </c>
    </row>
    <row r="137974" spans="1:7" x14ac:dyDescent="0.3">
      <c r="A137974" s="13" t="s">
        <v>615</v>
      </c>
      <c r="B137974" s="14" t="s">
        <v>1</v>
      </c>
      <c r="C137974" s="14" t="s">
        <v>596</v>
      </c>
      <c r="D137974" s="14" t="s">
        <v>313</v>
      </c>
      <c r="E137974" s="15">
        <v>45745</v>
      </c>
      <c r="F137974" s="14" t="s">
        <v>25</v>
      </c>
      <c r="G137974" s="16">
        <v>0</v>
      </c>
    </row>
    <row r="137975" spans="1:7" x14ac:dyDescent="0.3">
      <c r="A137975" s="13" t="s">
        <v>615</v>
      </c>
      <c r="B137975" s="14" t="s">
        <v>1</v>
      </c>
      <c r="C137975" s="14" t="s">
        <v>596</v>
      </c>
      <c r="D137975" s="14" t="s">
        <v>313</v>
      </c>
      <c r="E137975" s="15">
        <v>45746</v>
      </c>
      <c r="F137975" s="14" t="s">
        <v>25</v>
      </c>
      <c r="G137975" s="16">
        <v>0</v>
      </c>
    </row>
    <row r="137976" spans="1:7" x14ac:dyDescent="0.3">
      <c r="A137976" s="13" t="s">
        <v>615</v>
      </c>
      <c r="B137976" s="14" t="s">
        <v>1</v>
      </c>
      <c r="C137976" s="14" t="s">
        <v>596</v>
      </c>
      <c r="D137976" s="14" t="s">
        <v>313</v>
      </c>
      <c r="E137976" s="15">
        <v>45747</v>
      </c>
      <c r="F137976" s="14" t="s">
        <v>25</v>
      </c>
      <c r="G137976" s="16">
        <v>0</v>
      </c>
    </row>
  </sheetData>
  <pageMargins left="0.7" right="0.7" top="0.75" bottom="0.75" header="0.3" footer="0.3"/>
  <pageSetup scale="41" orientation="portrait" r:id="rId1"/>
  <colBreaks count="1" manualBreakCount="1">
    <brk id="7" max="137975" man="1"/>
  </colBreak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{"colorTheme":"{{DataSources.ColorThemes[\"Deloitte.xml\"].ColorTheme}}","disableUpdates":false,"type":"colorTheme"}],"templateName":"Deloitte excel blank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E2A517C-2DCA-4B81-A6FE-1D5A6AF65D95}">
  <ds:schemaRefs/>
</ds:datastoreItem>
</file>

<file path=customXml/itemProps2.xml><?xml version="1.0" encoding="utf-8"?>
<ds:datastoreItem xmlns:ds="http://schemas.openxmlformats.org/officeDocument/2006/customXml" ds:itemID="{BAC8B168-15FA-4296-BFAD-7C373085E0D3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1</vt:i4>
      </vt:variant>
      <vt:variant>
        <vt:lpstr>Named Ranges</vt:lpstr>
      </vt:variant>
      <vt:variant>
        <vt:i4>1</vt:i4>
      </vt:variant>
    </vt:vector>
  </HeadingPairs>
  <TitlesOfParts>
    <vt:vector size="2" baseType="lpstr">
      <vt:lpstr>Investor Specific Equalisation</vt:lpstr>
      <vt:lpstr>'Investor Specific Equalisation'!Print_Area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9-19T06:28:10Z</dcterms:created>
  <dcterms:modified xsi:type="dcterms:W3CDTF">2025-10-13T12:50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4-05-20T11:16:06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81b447f9-fbda-4d1e-8323-3e7023c9bcbc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nse</vt:lpwstr>
  </property>
  <property fmtid="{D5CDD505-2E9C-101B-9397-08002B2CF9AE}" pid="10" name="TemplafyTemplateId">
    <vt:lpwstr>1277707054948026185</vt:lpwstr>
  </property>
  <property fmtid="{D5CDD505-2E9C-101B-9397-08002B2CF9AE}" pid="11" name="TemplafyUserProfileId">
    <vt:lpwstr>1141355913643819008</vt:lpwstr>
  </property>
  <property fmtid="{D5CDD505-2E9C-101B-9397-08002B2CF9AE}" pid="12" name="TemplafyLanguageCode">
    <vt:lpwstr>en-GB</vt:lpwstr>
  </property>
  <property fmtid="{D5CDD505-2E9C-101B-9397-08002B2CF9AE}" pid="13" name="TemplafyFromBlank">
    <vt:bool>true</vt:bool>
  </property>
</Properties>
</file>